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book.xml" ContentType="application/vnd.openxmlformats-officedocument.spreadsheetml.sheet.main+xml"/>
</Types>
</file>

<file path=_rels/.rels><Relationships xmlns="http://schemas.openxmlformats.org/package/2006/relationships"><Relationship Type="http://schemas.openxmlformats.org/officeDocument/2006/relationships/officeDocument" Target="xl/workbook.xml" Id="rId1"/><Relationship Type="http://schemas.openxmlformats.org/package/2006/relationships/metadata/core-properties" Target="docProps/core.xml" Id="rId2"/><Relationship Type="http://schemas.openxmlformats.org/officeDocument/2006/relationships/extended-properties" Target="docProps/app.xml" Id="rId3"/></Relationships>
</file>

<file path=xl/workbook.xml><?xml version="1.0" encoding="utf-8"?>
<workbook xmlns="http://schemas.openxmlformats.org/spreadsheetml/2006/main">
  <workbookPr/>
  <workbookProtection/>
  <bookViews>
    <workbookView visibility="visible" minimized="0" showHorizontalScroll="1" showVerticalScroll="1" showSheetTabs="1" tabRatio="600" firstSheet="0" activeTab="0" autoFilterDateGrouping="1"/>
  </bookViews>
  <sheets>
    <sheet xmlns:r="http://schemas.openxmlformats.org/officeDocument/2006/relationships" name="Sheet1" sheetId="1" state="visible" r:id="rId1"/>
  </sheets>
  <definedNames/>
  <calcPr calcId="124519" fullCalcOnLoad="1"/>
</workbook>
</file>

<file path=xl/styles.xml><?xml version="1.0" encoding="utf-8"?>
<styleSheet xmlns="http://schemas.openxmlformats.org/spreadsheetml/2006/main">
  <numFmts count="4">
    <numFmt numFmtId="164" formatCode="yyyy-mm-dd"/>
    <numFmt numFmtId="165" formatCode="YYYY-MM-DD"/>
    <numFmt numFmtId="166" formatCode="yyyy-mm-dd h:mm:ss"/>
    <numFmt numFmtId="167" formatCode="YYYY-MM-DD HH:MM:SS"/>
  </numFmts>
  <fonts count="2">
    <font>
      <name val="Calibri"/>
      <family val="2"/>
      <color theme="1"/>
      <sz val="11"/>
      <scheme val="minor"/>
    </font>
    <font>
      <b val="1"/>
    </font>
  </fonts>
  <fills count="2">
    <fill>
      <patternFill/>
    </fill>
    <fill>
      <patternFill patternType="gray125"/>
    </fill>
  </fills>
  <borders count="2">
    <border>
      <left/>
      <right/>
      <top/>
      <bottom/>
      <diagonal/>
    </border>
    <border>
      <left style="thin"/>
      <right style="thin"/>
      <top style="thin"/>
      <bottom style="thin"/>
    </border>
  </borders>
  <cellStyleXfs count="1">
    <xf numFmtId="0" fontId="0" fillId="0" borderId="0"/>
  </cellStyleXfs>
  <cellXfs count="4">
    <xf numFmtId="0" fontId="0" fillId="0" borderId="0" pivotButton="0" quotePrefix="0" xfId="0"/>
    <xf numFmtId="0" fontId="1" fillId="0" borderId="1" applyAlignment="1" pivotButton="0" quotePrefix="0" xfId="0">
      <alignment horizontal="center" vertical="top"/>
    </xf>
    <xf numFmtId="165" fontId="0" fillId="0" borderId="0" pivotButton="0" quotePrefix="0" xfId="0"/>
    <xf numFmtId="167" fontId="0" fillId="0" borderId="0" pivotButton="0" quotePrefix="0" xfId="0"/>
  </cellXfs>
  <cellStyles count="1">
    <cellStyle name="Normal" xfId="0" builtinId="0" hidden="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</styleSheet>
</file>

<file path=xl/_rels/workbook.xml.rels><Relationships xmlns="http://schemas.openxmlformats.org/package/2006/relationships"><Relationship Type="http://schemas.openxmlformats.org/officeDocument/2006/relationships/worksheet" Target="/xl/worksheets/sheet1.xml" Id="rId1"/><Relationship Type="http://schemas.openxmlformats.org/officeDocument/2006/relationships/styles" Target="styles.xml" Id="rId2"/><Relationship Type="http://schemas.openxmlformats.org/officeDocument/2006/relationships/theme" Target="theme/theme1.xml" Id="rId3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>
  <sheetPr>
    <outlinePr summaryBelow="1" summaryRight="1"/>
    <pageSetUpPr/>
  </sheetPr>
  <dimension ref="A1:M578"/>
  <sheetViews>
    <sheetView workbookViewId="0">
      <selection activeCell="A1" sqref="A1"/>
    </sheetView>
  </sheetViews>
  <sheetFormatPr baseColWidth="8" defaultRowHeight="15"/>
  <sheetData>
    <row r="1">
      <c r="A1" s="1" t="inlineStr">
        <is>
          <t>id</t>
        </is>
      </c>
      <c r="B1" s="1" t="inlineStr">
        <is>
          <t>id_team</t>
        </is>
      </c>
      <c r="C1" s="1" t="inlineStr">
        <is>
          <t>name</t>
        </is>
      </c>
      <c r="D1" s="1" t="inlineStr">
        <is>
          <t>shortName</t>
        </is>
      </c>
      <c r="E1" s="1" t="inlineStr">
        <is>
          <t>position</t>
        </is>
      </c>
      <c r="F1" s="1" t="inlineStr">
        <is>
          <t>grand_position</t>
        </is>
      </c>
      <c r="G1" s="1" t="inlineStr">
        <is>
          <t>all_positions</t>
        </is>
      </c>
      <c r="H1" s="1" t="inlineStr">
        <is>
          <t>height</t>
        </is>
      </c>
      <c r="I1" s="1" t="inlineStr">
        <is>
          <t>jerseyNumber</t>
        </is>
      </c>
      <c r="J1" s="1" t="inlineStr">
        <is>
          <t>birthDate</t>
        </is>
      </c>
      <c r="K1" s="1" t="inlineStr">
        <is>
          <t>preferredFoot</t>
        </is>
      </c>
      <c r="L1" s="1" t="inlineStr">
        <is>
          <t>image</t>
        </is>
      </c>
      <c r="M1" s="1" t="inlineStr">
        <is>
          <t>dt_insertion</t>
        </is>
      </c>
    </row>
    <row r="2">
      <c r="A2" t="n">
        <v>4811</v>
      </c>
      <c r="B2" t="n">
        <v>1961</v>
      </c>
      <c r="C2" t="inlineStr">
        <is>
          <t>Felipe Melo</t>
        </is>
      </c>
      <c r="D2" t="inlineStr">
        <is>
          <t>F. Melo</t>
        </is>
      </c>
      <c r="E2" t="inlineStr">
        <is>
          <t>ZAG</t>
        </is>
      </c>
      <c r="F2" t="inlineStr">
        <is>
          <t>ZAG</t>
        </is>
      </c>
      <c r="G2" t="inlineStr">
        <is>
          <t>ZAG/VOL</t>
        </is>
      </c>
      <c r="H2" t="n">
        <v>183</v>
      </c>
      <c r="I2" t="n">
        <v>30</v>
      </c>
      <c r="J2" s="2" t="n">
        <v>30492</v>
      </c>
      <c r="K2" t="inlineStr">
        <is>
          <t>Right</t>
        </is>
      </c>
      <c r="L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34e56fe-8fa3-4316-bc65-e3a78f00a8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\x03\xf8\xab\x00\x00\x02\xfdPLTE\xff\xff\xff\x88#6\xc1\x8bs\xfc\xfc\xfc\x8c\\E\x9cZG\x8c_H\xff\xfe\xfe\x89YC\xa0]K\xadiX\x94`G\x15\x14\x1a\x19\x18\x1e}RA\x96\\L\x90`H\xc0\x8f}\xa5`N\xc3\x8fx\xaafV\xb3o^\x01LK\xbd\x8b{\x1e\x1c#\x87\\J~WG\xe4\xe4\xe9\x8d&amp;9\xc6\x92|("(\xa1iQ\xafm[\xbf}m\x9cfV\x8cgZ\x92+=\x83ZF\x02VU\x85WB\xc5\x96\x81\xa6eS\x87aQ%\x1f#\x9bm\\vSI\x963=\x02PP\xbf\x88n.&amp;*\x7f!2oRH\x95XE\x94`P\xee\xf0\xfa\x85\x1f1\x85dW\x9alTyWM\xbc\x84j\x98hO\x08JN\x9acJ\x93dL\x92hT\x08GIE21\xa1l]\x8ecP\x9c7?\xb5\x83s\xa7va\x8e\\P}J=\xbcyh\x97hZ\xbd\x88s\x82\\K\xb4rc\xa2mW\xba\x81f\x9efM\x9frb\xf7\xf3\xf2\x9bbQ\xa0xn\xa8rZZ?&lt;\xa8lTtMEhGA\xc7\x9c\x86\xa2aT\xe7\xe8\xf1\xc2\x82s\x8faV\xfa\xf8\xf7\x02ZZaA:\xf1\xf4\xfb\xcc\xa1\x8dX:74*/\xa6la\x96aV\xadxc\x16DB\xbatc\xf2\xef\xee\x91XJ\xe9\xe6\xe8\xb7\x89w\xa5\x80t\xae\x84v\xac~o\x83,6\x8d19\xe1\xdd\xdevI=\x83VN\xb5|a\xb0v[\x90VB\x07A?\xabcQnIG\xb6vh\x8cQ@nI&gt;\xaf|i\x9c\\P\x94k_\x85[R\x0897d92\x94vn\x85QH\x9d}v\xa7\x88}\xb3\x91\x83\xf0\xe9\xe8p@9O84\xd4\xc7\xc3\xa7yl\x85N&gt;\xc3\x97\x89\xbf\x90\x84;,-\xb7n\\\xb3hU\xa6AER&lt;&gt;}][\x11\x10\x15\x89qj~_Q\xb9\x97\x8bfLL\x14OOaDC\xe3\xd6\xd3\x02*-\xa7Z_\x1dYV\x95qg\xdb\xce\xca\x83e`!\x19\x1b\x8djdpVV\xc1\xb1\xae&lt;39\xafsq\xb3\x7fn\x91==iC9\xea\xe0\xdd\'c`\x9dd\\V3-G8&lt;\xcb\xbc\xb7\xcc\x96\x81\x0b03\xcd\x97\x8a\x9c*A\xc7\x88xK*%\xb4\x86\x7f\xca\xaf\xa0\xb8\x9f\x95\x9a?D\xaall\xd0\xa5\x93\x1b8:\x9fkiXGI\x94PQ\xd1\x9c\x8b\xa8\x94\x90\xadma\xdb\xd5\xdb\x9dHV\'KH\x82C3\xde\xe0\xef\xd3\xb8\xaa; \x1f\xc5\xa7\x94\xc3\xa6\xa1\xb9v}\xa6/I6TRs\x14+\xd9\xab\xa1\xd3\x9d\x95\xca\x8c\x85Fss\xda\xc3\xb0\x94~t\xb7\xa4\xa3\xb53N\xa7\x8d\x87r;,\xdd\xb9\xbbk\x85\x84\xd7\xdb\xe9\xba\x82\x8f{.!d-\x1e\xe7\xcb\xce\xd2\xc7\xd1X\x1a\x10\x949M\xd0\xd3\xe2\x91]a\xcf\xaf\xbf\xa8O[\xb5X`Yda\xbe\x92\x9e\x9aL&gt;qojGDL\x84\xa4\xa6\xab\xbc\xc1\xc3\xcc\xd4\xc7\x7f\x85u\x92\x93\xbf\xc1\xc7\xa0\xb4\xbbO\\S\x9b\xa1\xa7\x85\x95\x9d\x04"\xc9_\x00\x00 \x00IDATx\xda\xc4\x99\xdfObg\x1a\xc7M\x10\xf91\r\xc7\x12\x89\x0b\x9b)pN\x88\x85\xc2\xc5FH\x90\x181#\x01\x863`\x06P\xc1!bL\xa8\x18e\x10\x93\xd1\xd4\xc8\x0f\x85\x88\x80\x0e\xba\xd3\x9aZp\xa2\x17\x8cR\xa6\x13MY\x9a\xa6\x8cf73\x89s5\xda\xdb:\xf1v/z\xd1\xa4s\xb5\x17\x9b}\xde\xf7\xd8\xf4\x0fXp\x9e\x9csP\xae&gt;\xf9~\xbf\xcf\xf3\xbcG[Z\xfe\xcf\xe2p\xf0\xc5\x82\xe20\xd5\xf2\xc1\x0bc\xb0\xc6\xd7\x8f\xf7\x9f\xe5\xf3\xf9\xfd\xe3u\x17\x8b\xc1\xfc\xd0P\xe3\x0f\xf7k\xef\xae2\xe9R\xa1PJg\xce\xde\xd5\xf6\xd7Y\x1fV2`Z\xcf\x9ff\xd3e}*\xa5\xd2S\x14U.\x97J\x97\x99\xb3J\xfe\xe18\xeb\x83q\x81P\xb5, \x15\x81I\xa5\xf2ST2Y*e\xb2\x99\xf4e\xe6\xaa\xb2?\xf3\x81\xc0X\xeb\xb5\xac&gt;\xb5\x90\x82\xf2\xfbM&amp;?M\xab\xd5\xceHnw7\x97\x9d\xcdd\xb2?\xef\xbbX7\xafT\x8b+\x9fKZ\xad~\xab\xd5d\xb5\xeaL:\x9d\x8e$\xd5\xce\xb9\xdd\x8b\x93\x93\x93\x8bS\x84\x96;\xd9wA\xfao4T\xac\xe3\xd3\x92\xdf\xef\xd7\xe9L\xe8\x06(\xb7[\xe7\xee\x19\x88\\\xbc}\xfb\xcb[\xa8\x93\x8b\\6\x9b;9\x1e\xbf\xc1\xecs8\xae|\x96\x0e\x06\x83:\\V\x82@Xn798wq\xf2\xaf\xb7\xbf\xa0z{r\x9a\x8bdwk\xa8-o\x8aj\xa66\xe4\xf7\x03\x15\xa1#\xa0B!k\x88\x00.\xd2MZ\xc2\x0f\xa0.\x18\xb2\x93\\$\x12\xd9\xdd\xbf1\xc1f*I\x7f\x90\x0e\xea0R(\xd4\x1a\n\xb5\x87\x10\x1f\xc85e\x0e\x7f\x1c\x0e?\xb8\xb8\x80\x8c]\xec\xe6"\xb3C\xd9\xbc\xebf\xb8f~N\x82V:"\xa4\xd5"*.\xdc\x88\t\x81\xf5\x0eZ,s\xcb\xcb\xcb\xe6\xdc.\x90}\x9a\x8bln:gk\xae\x1b\xc0\xe2\x80VV\xc89\xa1E\x1cZ\xedb\x1ccA\xb4\x18\xc1\xc8\xc1\xe1a\xcb\xf2r$wq\xf1 &lt;gq\xaa\xe9\xa1\xcaL\xd3\xb98\xae\x1a\xcc\x05\xa0"\xd8\xb8V\xb4P\x04\xb1\xe2#\x11\xd6-\x82\xe8\xeb\xbb/\xb5\xbcX^~\x11~\x02Tju\x0f\xdd_\xaa\xacs\x9a=\xd9\xf3NL\xb5\xb2\xc2c\xf3\xd8l\x1e\xdc\xf0\xe0\t}J\x9f{\x05\x83\xf2V\xdc\x83\x96e\xb39\x1c\x06\xa9zz\xfaM\xa6\xfe\xd2\xbb\xf5\xa6\xe6\x8b\xc3y6\x8b\xa6\x14\xd1G0P\xb8\x84p\xfbx&lt;7\x9b\xe0\xb1\xb5\x08\xec\xfe\xa0ej\xd9\x0cZ\xf5\xf7#,\x93\xa9Tij\xee9\xc7W0\xd7Q\x0b\xb2\xc1D\xcc\x03TB\xfc\xb9\xc2h\x07\x9e\x02\x97t\xd825eq\xf6\xf40XT\xba\xc6jf\xdc\xdfQ\xd8B-J\x16\xc3\x03\x0f\xa1R\x88\x8b\xc7\xc4\x8d\x8d\xb8&lt;\x10|\x8b\x05\xb0\x8cF#\xe2\xca\xee7musX\xf9\xb4\x1f\xc7\x9d\xe8cxxBe\x87R\xb8\xd4\xc1\xef\x10\xfa\x84B62\x16\xa0\xb4\xc8G\xa9\x14Z\xb2\xa7\xb7\xa7\xd7hl7\xf5\x9b\x92\xa7M;Rp\x1e^\xe9\xd1hX\xe1\xf9\x84Je\x07\x9f\x0f\x0f\\|&gt;\x82c,eb\x0f\xd7-v\x1f\x14P\x19\xdb[M&amp;U\xa96\xde$,V\xed\x00\xe6\xa8\x9bp\xfb\x10\x8eL&amp;\x13\xc9\x98\x02,(l\xe95\x17\x8a\x18\xd4-\xa8\xf6\xf6vn\xabI\xac\xbfl\x92\x8d\x9c\x993=M\xbb\xdd}n$\x95h:\x16\xb3\xc5\x1c"\x87\x8c/\x02.\xa8\xa5%\x9c/\x06lqqQ{\x0b\xaeVT\xdc.\xb1X\xa5?\x9biN7\xe6\x0b\x94Z\r\xe3\\\x88\xa9l6\x9b\\\x1e\x8b\xc5@2\x91\x08)\x86\xb8pc\xa2~\\Db-\xb6\xb6.r\x17\xb9\xad\\.Wl\xd7\x17\xf2M\xa1\x1a?\xdbI\x0e\x90n)\xa3\x95Mn\x93\x8f\x8d\x8d\xc9c\x0e\x87\x08\x15\x80u,\xe1\xce\xc4c\x02\xa9\x057@q\xe3\x0c\x96]\x7f\xe6j\x86\x87\x8f\n\x07N5)\x95\xf1\x11\x96\x03s\x99A.\x84%\x139\xc0\xc9\xeb\xd0\xf3\x18\x0f\x11S&lt;\xce\x8dsq)\x14\xf6b\xe1Y3\xe4\xaa\x1c\x94\xd5\xa4\xdb#\x93A\xe7\x81&lt;\xd31\x1b\xca\x16\x12\x8a\xcf\x97\x89:\xfe\x84\xc2\xfe-\xc6\xb7\xb6\x00\xe9\x9a\n\xb8\xec\xc5\x83SW3\x02\xbf\x93T\x93\xa4\x07\xc5\x087\xa1\x08$z\xf3\x06\xa7\x1d\xf7!\x1e\xf6xn\xa1sE\x1c\xb0\xb60P\x1c\x85\x0b\xd4\xb2\x17/\x8f\x9b\xe1\xe1\x0e\r\x1ez\xf82~\xc7u\xa19\xa1DQCXK\xa0\x173\xe8\xb1X\xa0V\x170\xb5\xb6s\xbb\x10V\x17\xe3"\xab\xe1\x13\xbev@\xd1$\xa9\xf4x&lt;\x80\xe2\xf3\xad\xa0\x82\xa7\xcf\x87\x06+\xa0\x02\x9b\xf2Z/m\x9f[\xa7ko\x05\x9e\xd66#\n&lt;\xa0)\xc4*\x95\xbe2\xdex\x0f\x0f\x92$)\x85&gt;\xf4 (|\\\x86c\xd6\x8aO\xe8C\x1d \xba\x9e\x10\xa8\x0fyp\x84\x90J{\x8d\xed\x08\xa8\xad\rSqap\xe9\xf5g\x8d&gt;x\xb1\xfezYFX\x08\x8c\x81\x82\xb3\x1fH\xe5S"\x17;\xa0\x1d\xd1\xf4\xe2\xa3Q\x7f\xff\xbeT\t\x1bQ*%\xc1@A\x17\x93\xf8.\x85XO\xe9/\x1fq\x1a\xec\xe1\xbf\x0b\xd0\x87\xc0\xe5\x93\xfa\xdc\x04\xa3\x94\x0f\xd63^\x8bJ\xa1\x0c\xb8\x1cxv\xc1/\xf0%X\r\\\xee\xf6.\x81\xa0\x0b\x17W\x8c\xb0\n\xf9\xc6. \xd6x\xe5 \xa9V\x93\x83\x83\xa4\x1b^.\xd0\xd9]\x89\xba\x91\x8f\xfb\x12\x96\xb5\xec\x8f\x91\nA\x83/e\x1e\x0c\xd6\xdb\x06\\\x02\xc4&amp;V\xd8\xc1\xc5\x83Jc\xf75\xc7\xf5\x0ea\r\x0c\x0c\xc2\xab\x04\xbc\x15\xfa&lt;|QL.\x97\xa3\xc9%s\x880\x1d3\xc2\xe07\x87\xc3!\xf3\x80b\xc3\xc3\x83=H/\xc1\x96@\x01\xa5*B\xb8\x1a\xfa\x16\xc4\xe1\xac_QI\x9aV\x0f \xb1@\xaaA\xb0l\xfa\x8f\xe5c\xb3M\xc7D\x0c\x16$\x0c\xcd\xfd/d\xd0\xadR\xa9\x14N\\&amp;\x05p!,\x89\xaaX,^&gt;l\xe4\xba\xe6\xb4&lt;\xca\xfc\x89\xe5F{Q\xe6\x88\xc9\xc7~B\\\xb0\xb1ag;\xd0x\xb5\xd9\x1c\x8eXl\n\xc6,\xb8\xa8\x94\xde\'{z\x19\x1f\x81Jb/\x16\r\x85G\r\xc5\xe2&lt;\xca\x94\xa9~\xb5\x13\xb0\xe0U\x90\x1c\x9c\x9c2?y\xf21\\\x08\x8cQ\r\xf4s WA\xad7So\xbe\x18\xf6@\x0e{\x8dmF#\xe6\xb2K\x04\x92\xa2\xc1p\xd9X,\xd6\xfe%E\xf5\xd3\x03\xb0\x14I\xb86#/ww\x9f\xbc\xfc\xfb\x93\xce\xce\xce1\xb3\xdc\x8c\xb0\xd0~\x84\xf5\x1d\x9b\x9a\x1c\x00p\xf2{2h\x15\x8b\x15\x12q[\x9bX"\x91 \xb5\xec\x06C\xba\xc1X\xcf\n\x14\xe5\xa7\x07\xc8`\x90\x0c\xd2\xc9\xd2P&amp;]*\x95\x86\x86^\xbdz\xf5\xcf\xef\xbe{\x01rA\xc0 Z\x0e\xc7\xe4\xf7)\x837\x9aHD\xbd\x1a/|\x8ez%\n1\xc4K\x02;\xd1\xdex\x13\xffS\xa6\xfc\xa0\x16\x1d\xa4i\xfa\xd7r\xba|\xb0\x83\xeb\xdb\xa8w\xe7\xd7W\x93\xd0\x94\x08\x0b6\x10?\x98\x8aN\x8c&lt;\x0e\x04\x02#\x13\x81\xc0\x04\x94\xd7`\x17\x83\x83\x12\xbb\xc4n\xd04\x18\x8bU\xc3\xd1r\x02\x14\x95\xda)\x0f\r\x95\xca;\xdfvw?\xdd\x0b\x8cD5)?\xe6\x9a\xfe\n\xce6\x84Xs\xf4\xf8\xf1\x1d\xe0\x1a\x19\t\x8c \xaeQ\x03\xd8\x87\xe5*6\x1e\xab\x02\x8b\x1a\x12\x8f\xa9J\xb3\x91\x97\x91\xa1\xa4\xde\xa0\x89\xee\x81"\xa3\xde\x05:\x06\xe9\x9a\x96-\t\x89.\xc1\xfcQ\xb5ZE\xdfz\xbd\x02o"\x91\x18\x1dMh \\\xc0f\xd7t7\x01\x0b\xa8\xd4j\x8a\xda\xd9\xd9\xec\xec\x0c\x9b\x97\x07h\xeb\x82ftb\xe2h~Mg\xb9w\xfb\xf6\x98M\xa4\x14\x12\\\xc1\xc6\xd1F\xc2\xabYXXX[[\x83\x95#\xf1\x8e\x02"\x83\xd5=\xdap\xac2\xa5\x06*\'E\x1d\x94\xcc\x9d\xf7\xcc/\xa6\x06t\xe2\xb5\xbb\xf3\x1b\xf3w\xb7B\x03\xf7~\xf8\xf1\xb6|\x9a\x0f\x1er\xe7W\xe7\x11\xd2\x825\xb5\xb0\x86\x96\x8e\xd8\xae\xf1&amp;FA/\x05\xfc\xd4\x9dn\xb8ZId\xa1\x9a*\r\xcd\x99\xef\x85\x97\'\xd5\xb4U\xb0\xb1\xba\xba\x8a\xb8t\xe6\x1f\x7f\x18\x13\xf1yp\xfe\xdbZ\xadB\x0bF\xa3\x86\x1d\x83WpW XH\xa9\xec\x12\x89\x17\x8dy\x95\xaa\xd8\x9d&gt;n\x02\x96\x1a\xe25\x1b\x89\x98\xcd\x96\xa0\x9fJ\xedU\xeb\xf5zuucc~m\xf2\xf6O\x90wv|+~\xb7ZO\x00\xd5\xd3\xbd\xd7\xaf\xbf\xacW\'\x12^0/e\xb7C\xe0\x15*J\xdf\x9d~\xd8p,5\xd4\xe6\xe6\\\xc4&lt;G\xab\xfc\x92\xc0\x9d\xf7\x7f\xfb\xe8\xf0N\xb5\nrY\xc9{\xf2\xedm!O\x1b\xdf\x9a\xaf\xd7\x8f\x8e\xaa\x81\xa7\xaf\x9f\xff\xf6\x97o&gt;\xff\xc7\xe3\xc0DBc\xb7\xabT&amp;\xb1B\xdcOi.\xd7[\x1a:\xb7*\x14\xc2r\xceE"\x91M\x7fQ\x9f\xd8{\xfe\xd9\xfbO\xbe9|\x1d\x05\x1bCn\xd2\xf6\xd5\xf6\xf6\xf6\x12{q\x0b\xd4\xaa\x9e\xd7\xf7\n\xbf\x7f\xfe\xc9G\x87\xef\x7f\xfb\xfa\xbc\xfe8\x90\x90\x88M\xfd*\x84e\xc84\xf4\xef\x950\xb7\xae\xb1\xc2\x91\xcd\xa4&amp;Z\xad\xff\xfe\xdf\xe7\x87\x87\x87\xe7{\x10\xaf\x8d5B9\rXKK&lt;\xed\xe2\xd6*rv"\xfa\xf4\xeb;\xe7\xe7w\xf6\x02\xe7\x87\x9f\x9dW\x13\x02\x98\xf4\x18\xebj\xa6\x91\xff&lt;CX\xd0\x89NPk\xd3\xa9:\xaa\x9f\xaf\xee\x14`dUQ\xe4!Z\x84\x0cf\xe9\xf6\x12\x92\x0b\x85\xab:1\x1a\x8dzA\xc7\xd5\xd5\x89@\xf5\xfc\xcbz\xe0H \x81S\x84)i\xbf\x9a\x99\xf9\x1f\xad\xe6\xff\x92\xf6\xfe\xc5\xf1\xd1J\xd3\x0f\xf4\xed\x1aQ\x10\xcdb\xdck$4V`}\xa2$#{\xeb\x96\xcdR\xa7\x9f\xd0\x90\x89\x8a\xd7\xdb\x17\x98\xae\xc8L\x93\xb2/V\xda\xf4~\xda\x07\xa3\x88\xb9ZT\x0e#\x11gR\xc8,Bt\xed\x87\x8a\xee\x98\x83[\x97A4\xe8\xa7\xfd\xf89/\xef\xee_\xb0w\'\xe9\xed\x0f\xfe\xf0\xe0\x9c\xf3&gt;\xe7&lt;\xcf\xeb55\x85\xcf\xccEl\x7f\xfa[\xfb\x1a\xa3\xac\x82\xcdf7\x9b\xf8\\\xbdwt\x18j\x12T\x01\x9d\r\xa00k5YCEQt\xe6W\x81:\xd4\x8d\x82\xb3\x0cb1\xa6\xd3\xe9lPN\xbd\xf2\xad\xadQ\xf0\xd7\xdd\x9f\x01k&lt;\xbe\xe3\x98\xdc\xf9\x15\x0f\xac\xf6\x1dA\x8f[P\xce@XP\xaeZ\xf4ztX\xa0R\xbd\xb3b\x98\xddj\xcd\xee\x04**\xa2\xa2V\x92b\xf6\x9f\xed\x18\xb0\x8a\x81\x18y\xcb\xeb\xf5\xcaG\x15\xf0\xcc*$d\x12F\x8a\xee\xf2\xd4&lt;c\xd5N\x17\x0e\xd9\xee\xd9\xa0\x91H\xd9-2\xc0R\x9b\xd8\x15\xd5--\xaa\xeff6g\x9b}\xa0\xab5\x1c\r\x84\xd0\xc9I\xdb\x18\x88av\x0c\x83ze\xcd\xc2P\xad\xb5\xe9\x90\xbf\xbc^\x1d\x14V\x02\x81Y\x84\xa5\xd7\x0f\xc4\xceiK\xc4\x1fO\xab\x9d\xc1\xbc|\xcdc\x95\xac\x82\xa54\x99\x84\xa5*4M\xb1\x94J\xe5\x81\xb2\xd3\xec\xa3\x1c\x1c\xd0\xc8\x1a\xcd P!\xae~#\xa6\xc3\xfe1\xf4-\x0b\xd3e\xa1pf\xdd%\x10\x9a\x98w3\xeb\xeb\xabb\xe7\x9b\xf1\x1f\xcf\xae\xae\xc0\xe6u\xa5\xbfR\xc8\xe5\x83\xb7\xd8&lt;`Ru\x94\x82&lt;\xec\xf4\x81"S\x92)\xa4&lt;\'$\x96\x13\xbd\x8b\xf0\x8fV\x05\x91\xb5\xff\x03fG}1\x9d\x90\x9e\x89\xba\x10\xa1\xa9\x89PWR\x9f\x11;\x8f\xed\xe0\x81uM\nF\xa3i,&gt;\x9b\xcfN\r\x9e\x80\xd3\x91\x12\xfb\xf0\x05Tb+U\xe3Dk%\x8d\xd3\xe9tQ\xf2\x060#\x086mUj\x97\xa4\xad\xaaz$\xe4\x81\xc0Fj\xbf\x89\xd9\xc0{d\x1c\xc0\x05\x8bH&lt;&amp;\xb9\xa4\xc1\xa8\xff\x19\x9f\x8f\xb0*\x84\xa0\xb7\xc8\xe0,ZJ\x1d"\x9dAu\x82\xca\x80\x07p\x81\xdc\xcf\xb0c\xc6*\x12\x8d\xf6\xf7\xfe\x8d\x94\'l{\x06\\\x04\x02\xe1.\x81Y\'\xacGX\xe7\xefo\xff8\xd6\xe7A\'5\xcd\xef\xafd\xb3Y|\x16\x8b=\xd4\x06~\xc9\xcf\'\xe7k@\x8aI\x83\xa7@\xa5\x81\xc7I \xc8\xd1h\\.2\xad\nm\xb6H\x14Jj\x97:H\xe9o{&amp;\xaci\xc8\xc9i($\xd4\xd5\xe5\x18K;\xec\xe7\xe7\xee\x1fV\xb1\xf0&amp;\xba\\\xc5{\x95mil\xe4.\xb5\xa9\r\xc2\xa5A\x0bJj\xea\x11\x94j8A\x7f\xf4\xe4\xf3I\x10&amp;T\xa7\xf3Y+\x8f\x97m\x8f\x19I\xa9\xc5\xd2\xe0 \xe5N\xff\xb3T\x18s \xe53\xcf\x93F\xa3\xf1\xfc|\x12\x07\xac\xbf\x9c\xae\xa8\x7f\xf0\xba\x9f\r\\\xb3\xa6\x07i\xa0\'\x82\xd2\xd3\xd3T\xd0\x9c\xa0aO\xa3\'\xc7`\'R\x08\xa5\xa6\xed\xdfj\xb5Z\xa8\xb5%\x8d\xb4|\xf2 \x98\x0b\xb4?\xa8\xeb\x86\x9c\xa6\xa6&amp;f\xf2\xcbE2i\x8f\xe1\xe0\xad[\xb7\xdeh8~*\xe9&lt;cv\x96/\x98\xedK\x0b\x06!d@%M\xf5\x1b\x8d4\x00D\xf1\xcf\xc7\'~\xa4\x179\xfd\x8f23;J\xb2c\xc9\x98\x19\x14-\xf4I2\x99\xfc\x18\xb0\xea\xd0Q\x06`}\xb9\xb8\xb0\xdbcG?NE\x9c\x02\x89\xea\xba&gt;\x7f\xbc1+\xe0\xcf6\xffT\\\x1c\x0c\x9c\x04N\xa5\xf9.P\x14\x83Ti p`7w\x07\xa2~p"\x87\x06\xad\xfaKr\xc0\x98\xbcH\x0e\x1c\x00\x17\x85\xec"\xdf\xe9\x07\xac\x9a\x9c\x1c&amp;\x93i\xff\x02\\1\xa3\x11\x8fUx{\x80\xaa!mn\xa6\xe5\n\x04\x82\xbe\x02\x7f\xc0\x0f\x99\x148\xe5@c\xbe\xbe\xce\x07\x17\r\x19\x93F\xdfz\x01\xa4\x96\x86f\xd5\r\xdbF\x93\x18fKB\x14[\xd1f\x82|\xe7N\xabZXS\xd3@\x00,\xe6E\n\x8b\xfb\x06\x07\xac\xae=\xaa&amp;c\xd3\x1c\xfd\x05\xb0z\xe6\xa2\'\xd1\x00`\x055\xae\xbc\xcdM\n\x94+Nk\'k\x1d\xcc\xd4z\x87d\xd5\xe9\xc4b\x1dTw;\x06/#\x19*\t2\xb5\x9a\xcd\xaa\x81\x102\x995\xc9\x14V\x0f\x0e\x1bgbW\x9c\xdaz\xbd\x99\x17\xfdO\n\xeb\xc9\xdeI \x1a=\x95:\xf3\xaec\x19\xa8\x88r8C\xbb\xbbJP\xd7\xca\x0e\xbb\r5\xe7\xe1,h\x89\x99\x03U\x19\xb4\xef\x1b/\xa1ZX\x91\xc2\xe2V ,{\xf5\x11\x0e\x9b]"q\x86\xe3\xbc\xde\xcc\x88&gt;\x01\xac^\x84\x15\r\x04N\xa9\xae\x8c\x98\xf1\x80\x9aR\xd3\xad,\xdf\xe5\xe5\xa5\xcf\xe7\xd3\xeaRXbP&lt;\xe8\xb0\xdf\xdc\x99\xda\xf4\xa2=\x17\x13\x9d\r3\xb9\x84\x8b/\x17X5\xdf\x83\xcb\xbc\xb5\xf4\xc0u\xbdy-}\xd2#\xe8\xf9\x8e\x05\xce"\xc5b&gt;\xa4\xa5\x87\x0e\x94&gt;\x99\x9eN\x17\xc34\xa8\xc5l0-x\x87\xa13\x17\xb6\xb4h\xb5\xd9\x1dh\xb7J\x11*k\x9a\n\xcb\xcb\x01-y\x81e\xd6\xf3&amp;q\x99\xb7\x88S\x0e\x0e%/\x8fR\xdc+\xe8\t\xcd9\x02O\x02\xc5\x0f\x86\xf2b\xa3E\x91\xe6\r\x13\xcc_b\x83D\xae\x90{m6\xab\x15CC\x16\xd2\xd4\xde,}QQ\xa1\xd6\xaa\x85\xc6Y\xc2cq\x01\x0bZb\xd1E\xb2\x1e\xba}\x1c\x9f\xed|{&lt;\xd7\xef\xa7\xe6\xb5\xf6\x8d\x81\xb7\x1c\x8e\x80\xa3`\xa8\x13\xbb\xb0\x95E\xfaf\xf9\\\x8b\\\xa1\x98VH\xf4\xef\x8c\xc6wf\x98\x0cm^\x05L\xf3\x8d\x8aa\xb1\xb8H_d\xd5f\x9b;Jk\x98\xe5\x85\x85 \xc8\xb2.b\x8fL\xec\xd9%|\xa6\xf9\xae\xbf~\xd9;\xf6k\xf2\xfb\xc6\x04\x08\xcb\x91\xfb@i\xdf\x92XF\x04#\x0c\x86\xe1\xfe\xa2Hd\xb0D\xd6\xd7\x0f\x96\x97\x97)\xcbf\x95\xca2&lt;,\x9fF\xeb\x119],\x06\xae\xeaR.\xb3\xfc!\xfc\x95\x15\xa6\x97\xb0\xd5\xbc#\x9c\xf6\xa7\xc4\xa9=(\xe5\xd1\xca\xee1Aw.p\x15\x0c\x99G\xb7\xe6WW\xe7\x17$\x12\tcu$\xb2\xfe\x01\x19\xe2\xea\xec\xf4\xa9|*\x95\x8c.\x917\xde{.\x92H\xc4\xd6jU5\xb3\xa9\x1c\x19\x93\xc9c\xb3\x85&amp;\xbcNa\x89]g\xfe\xe3\xf8qtn\xacgr.\xd7\xe1\xe8VZ\xb7\x14\xaf_\xcd/\xfewa^\x10\x02\xfb\x80\xea\xd6\xee2L`\xef\x90\xc1T-\xb3\xe8%\xd3\xf7\xee5\xca%E0\xa01!\xe1\xcb\x0b\x01\xab\x86WR\xf2\x1e\xb7e3\xf1M4z\xbc\xe7\xcf\x1d\x07\xac\xb99\x84\xa5\x10\xdd\x7f-\x12-\xbc\x04\xa6\xf5\xdd\xdd\xc8.2Dd\xb5j\xadv\x0c\xc9"\xcb\xc3\xfb\x8a{+\xcf\x15z\x16\xab\x02\x12\xbe\x0c\x84\xf5HSz\xfa\xbfL\xf8\x1dY\x13\xdb\xcf\xfc\xc5\xc1\xb4\x9fz\xc6\'\x1d\x8e9G\x81\xbaE\xbex_\xd4(*\xeb\x11\\\xeae\x13\xee\xe6\xf0Q\xe8h\'\x14\xf9\xb4\x7f92\xc1\xb5\x94#\xa1f\x1b\xf6N?\x7f\xfe\\aAX\x0f\x11V\xd9HCz\x0e\xfb\x0c\xc7\x03\x03\xe2\x9b\xbd`\xd0\xef\xef\x9dHa\xe5\x9a\xb8t:]\x91h\x94#\t=\xb6\xed\x89\x9fy\xe2\x1eO\xfchf&amp;\x1c^sON2\x86\xdf&amp;V\x12\x89\x84hA!\xb2p\x11V\x19\x93\x01Xu&lt;\xd3Y;\xae;\x88\xa5\xbd\xbd\xbdhh|\xd2\rob\xc1\x86\xd2B\xafU$\xde&amp;\x12+[\xb5\x1f=K\x1e\xf8,y\xce\xce&lt;\x9e\xed\xed\xed\xb5\xf7G\x13\xff\x9b^y\xf1"\xd1\xb8\xf0Z$\xb1p+\xb8\x90\xf1\x0c\x06\xa3\xece\x9f\xc3\x83\xf3\xe1J\xd7\x9b\xb3\xe3cw\nk\xae\xfb\x81IV[\xbb\x98\x98\x06\xae\xf9\xfdm\x8fg\x06\xb8\x96f\xcef&lt;33\xdbk\xe1px\xff\x0f\xc5\xca\x8b\x95\xb7\x92\xd7\x0b\x8b\xb52~\x05\xb3\x1c]Le\x94\xed\xe3~\x19\x95x\xebv\xfb\xd4\xd4\xccD\nk\xae`\x83?"\xabU\xc8\rr\xc5\xab\xfd\xb5\xed\xb5#\xa0\x89\xef\xec\x84?\x86\xdd\x13/\x9b*^\xae\xce7&amp;\x12\n\xb1xa\xd1 \xe3"\xac2H-\xc6\xea\xc7\x9b\xb8\xbeH\xbc}\xfb\xe9\xbe\x1b\x0c\x92\xaby6\xc2\xa5\xcb\r2\x15\xa6\xbb\x1c\xff\xf4g\xe8\x08,|\xd4\x13Q\xc1\xcb\xb8i\x84Abk\x0bZ\x11\xfd\xfeB\xed\x08\xc4P\x06\x9eB1\xdc\xbe\x91k#D\xe2oa\xb7;\x0c\xee*h\xee\x8b\x8cH\xe4\xb5*\xa5\x12@\x0e\x97\xaf\x0e\x0fw\xd7w\xd7\x97\x0f\x7f\xff\xfd\xf0\x10\xc80\x9b\xce\xdaRXd\x90\x88jG\xca\x80\n\xbc\x05Xc\x9e[7c\xedk\x9f\xc2a7\x04\xb1\xbbW\x101Hje\xac\rH\x7f(\xee\xcbWWW_\xbf^!3Cg\xd4\xb6T\xd7U\xb7d\x19D\n:0\xa5na\x03\xd6M]f!v\xcd|r\xc3\xfb?\x19\n\xf5FV\r\x12\xba\xa5TY\xe0(@\x8d\xe7\xcfo\x1f\xd6\xbf~\xfd\x8a\x08\x97}J\x16H\x8a\xeaB\xbaA\xb4H\xb7X,\x7f;\x8b\xb1\xba}S7\xa5 \xb9&gt;M\xba\xdd\xa1Pw(\xc2X\\4\xe8U\xac\r\x07L_\xa7\xdfN\x01\x0bz\xe2\x15e\xb9S\xa9\x86i\x07\x9c\xa57H\xe0\'\xb5\x0f\xcb\xcb-\x00\xf5\x8a1\xfe\xf4\xa6\xee\xe1\x11\xdb\xd7&amp;\xd0\x15\xef\xde\xde\x90`~Q$\xd1\xcbX\xea\x82\xc0\t\x08\x8eo\x1f\x86Z\x0f\x0e:\xff\xcf\xcb\xd9\x85\xb4\x99\xa5q\x1c\x12\x89\x82\x89\x93\x90\x8b$\xa6\xa6\xc3\xb4\xa1Nc\x8a\xeff\x14\x1b\x83\x9175\x15jiU\xd2h\x9cbP\x9a(\x1b\x9a\x8f\xd6\x89\x1dpQ\x14BTb\xa8\x81\xc6\x8f\x06E\xfcJS\x1d\x91\x14\xe6\xa2\xd5B\x1d\xaa^\x0cc/f\x17*Ev\xa0\xa5\xecR\ns1\xf4j\xff\xcf\x89\x0e{\xb3\xc3\xcc\x8eo\x9f|\xf8\x1a\xbd\xf8\xf1\x7f\xfe\xe79\xe7\xe4=\xe7|\xf9\xe5\xf66\x8d\xdc1\xbe\n\x17\xf7\xcd8gLf\xf3\xd04\x15\xad\xaaS\xfb\xc2-?\x15\xcf\xbe\x02\xd7H\x10Y\\\x9cq\x9a\xccC\xb6\xed\x15\xc5\xddo\xbfE#@\xd7\xe8\xb5\xad\xaf_\xbch\xb3\x81\xea\xece3r\x18K\xba\x8c\xe6i\x16\x82-\xdfbm\xd1\xb77&lt;Lk\xbb\x87\xa3\x133)\x93+\xdc\xb5\xbemG\xe7=\xfe8\xfe\xcc\xfbl}\xdd\xb6\xee\xf5^\xb1]\xa9=;\x84a\xb4+\xc9\xf3@G\x00kbC\xc05\xb1\x98n\x0c#F\x1e\x07"\xe9$\xc2\xd8\xde\xe5\xed\xf6\x8f\x93X\xcf\xbc^\x1bf?\xc0\xba\xf2YE8l\xc6\xf0\x90O$\x92&amp;\x93y\xdaLw\x83\x17\xc4Bb\xcd\x0eG\xc1\x15\x08,\xa72\x9eD6\x85\x8e\xd8\xe6\xb5\xab\xec/\xecl\xc8\xd5\xbdm\xf3^\xf9\xac\xfer\xd8lt\xc5\xf8\x84.\xe141\xb9\xcc\xec\x9bo\x01\xb1\xd6F\x1c\xd1\x00bj\xcb\xa3\xf3d\x92}C]]]\xde\x95\x150\x85\x1eB*\xfaV\xae\xbe\xb8\xd883\xe3\x8c%t\x86\xc4\x8c\x89\xc2h\x9c\xde\x10r\xbdu~\xfe\xe8\xfd@$\x1a\rD\xa1\x96\xc1\xc0y\x92fsq\xb8\x1e\x95\xca\xcb\x0c\xbf\xdeU_?dl\xedw\xf2&lt;2h0x\x9c.P\x99\x81u_X,\xdfF(\x02\xaehd"k0\xe8t\xbc39\xd3\xd7\x0f\xe7C)\xefz}}{\xb8\xb5\xd5\xe5\x8c\xf1|\x86\xd3\x19\x96\x96&lt;\xce\x14\x93\xcb|vD\xd8U\xe0\xcd?\x84\x02\x11\x8atF\xa7V\xab\xb9\x0c\x9f\xec\xc0t\xac}\xfd\xe9\xb3K\x98\xc5\xb6\xf6\xa1#\xe4\x13\x1c\xe7\xe1\x0cK\xb2\xa5\x04\xa8R\x1f\x03\xcb\xbd\x17\n:"SS\x13\xe9\x8cA\xad6\xe8&lt;\\\x82\xc74\xb15&lt;\xf8/\xba\xa3\xefL:o\xc48\x1d\x07!eR\xe9Rf\x86Q\x99\xcc\x92aA\xd7\xa6\xe7\x8b\x9f\x84\xec\xf1\xc8\xd4bz\x0bj\xe9tj\x83\xda\x00\x1f%\x93}\x13f3\xcaz\x8cL\xa53 \x81\x0c\x8b\xdf2\x99\xe0.c\xb1$(\xe8\xd2\xf4|\xf1\xf7\xa1\x90\xc3\x11\x01VV\xa7\xe6\xd42\x84\'\x9b\xc9$\x923\xa9\x943\x19Kx8\xce\x80\xe0\xd4\x06\x99Tf\xe0\xb7R)j\x88\xc5\x92\xc0\x9a\xb0X\x8f\xe2\xf1\xb8\x03\x8e\xdf\xfa\xd9\xa3\x86"\xc02x(P\\y&gt;\x9b\x80\xa5\xe0)\xfc\x85\x82\xcbn\xcd\xb8LF\xb3\xb1X#8Vh \x1e\x8fF\x17SY\x9d\x8e\x03\x16\x04\xc3\x85N\x07\xcd\x00\xa73\x18\xd4KR\xfa\x14\xc0j\x8eg\x05\xc2\xf4\x11\xb0\xc6B\xa1\x10\xb0\xa6R\x19\xb460\xd1\x13\x81\xbc\x81MM\xea\xa9\xa5\xe0\x92Ja;\x9d\x07}\xa2\xf1\xe3`\x05\x91\xc4@t*\rut\x0c\x8b(d2`\xe0m\x12\xbf\xe4\xdedh\x10\x84\xc5\x8a\xbc^h\xac\xfc\x05{(\x1e\x0f\x04"\x8b[Y\xc2\x02\x11\x83\xa0tJ\')r\xbfQ\x0e\r\x1e\xf4\x89FPA-\xc7\x9aXP\xac\xd9\xe0@(\x14\x84\\\xa9\x9f3\x87Y\x9b&lt;\xd4\x07?&amp;\x0f\xaf\x90C5\xc3\xea\x83\xe1\x8d\xc6\xcb\x9a\xa6Ya\x938k\x1f\x08\xd9\x83\xc1(*\x84\xc7@\xae"\xc5\xa4$\x94T6y\xc8E\x9f\xa9e\xb0\x1b,o6\xb7\x1a\x8b/_\x1e\\\x10vG\xcd\x9a\x7f\xc0\xce\xb0\x92\x19\x0f\x98 \x98\x9a\xe5\x91^GX2\xfaL\xb6\x84.\xb3\x83,\x0f,M\xed#a\x93\xb8\xa6\x1aX\xb1\xdbC\xcbi\xaa\xf3\xe8c\xd4\xa8\x0ep\x15H~\xb5\xd6\xe4$k\x9b\xe8\x9ax\x17\xe5\xb0\x18X\x17\xf6\xdc\x82\xca5:&gt;\xb0\xe2\xb7;\xe6\'\xd2\xa9\xa4\x87\n\x16\xc7\x11\x17U\t\xa9Tz\xe4w5\xf5\x8a:.\x86b\xcar\xa89\xbb\xe1\x13t\xcf\xa9\xef.\x92\x18\x8a;\x96\xc9\\\x1e*\xa1\x1c\x8a(\xb5;\xaa\xf9\xacT\xe0\x81.\x1c\xbc\x9e\x98\xab\xd5Lk\xa4\xf4z\xcd\x88\xb0}u\xf3]J\xa2=\xb8&lt;\x01\xaeL2\x9b\xe1PH\r:\x1aM\xa8Q\xc4\x98\xab\xd0\xedP\xdd\xf7\xf0\xb1\x8e~\xb6\xa2L_\xac\x19\x16\xb6\xafn\xfe\x01I\xf4\xfb\xd1_/\xa7\x92\x99l2\xe9A\x9f\x881\x1f\xd9i\t\x1d\xa2\x81\x81!\xbb\x1c\x9f\xf8\x15K\xa3G\xe1\x12\x1a\xcb\xeeW\xa9\xfc\xc1\xa0#\x9d\xca&amp;\xb7\xb62\x99l\x06\xe3&gt;\xea\x7f0^\xa5\xe7\x12\xe0\x08\x0b\xf3\xb1oZ\x8bhu\xa7^\x83\xc2%\x16\x1aK\xa5P\xd0\xb7#Hc\n\x99\xcc\xe2\x99\xc90$\x86\xa5\xd3\x11\x16\x97\x88\xc5bl\xf9\x9d\x1eTzM\xd9\x98\xb0XOV\x18\x96\xca\xeeXL\xa7A\x86!U6\x9b\xcc\x92\x9b8&amp;\x16\xc6\xcb4j\xe51P\x05V\x11\xc3\xd2Hj\x1f\xb9\x85\xc5\xb270\xac\x90c&gt;\x9d^L\'SS\xe8\x1e\xf9\x04\xb5\xc8\x04\x15\x0b\x8e\x86\xf2\tO"\xe6tv\xb8\xfaie\xa7F_\xa0\x91X\x9f4\x0b9\x81u?\xb1\xab\x18\x96\xca\x1e\xaa\xa2\x05\xb1\x8b\x91\x89\x99d\x82\xcf2\x1a\x9e\xa7\x17\x9f\x8d\xf11h\xd5\xdf\xffU\x0eK\xaf\x91\xc8Gr\x9d\xb50hb\xf7\xf7\xb9\x1c"\x1e\x9f:5\x1f\x99_^^LcZF\xf3U"B\xc40R\x8d\xdd\xe8\xe8\xa0\xfb\x9d_\x15!\x83\xfa\x82&lt;\x89\xa4lc\xa1Y,\xd4\xe6oJ\xa2\x9f\xb8\x14\n\x85\x7f\xde\x11\x0c\x04\xa2\xf3\xcb\x8b\x98\xdf\x98\xfb0\xe7\xa1\x1bPNJ\x9e\xab\xc3\xf5\rIEk\xd25\x92\x823\x05\x12\xc9\xf9\xb2\xc0\xde\xd8B\xcf\xa8\xfb\xf8\xab}\xbe\xd8={\x7f\x85\x92Hz\xad\xc4\xed~\xbf\xea\xb1#2_5=T5\x04\xae\x1b7b\xb4\\\xb8\xbf\x15A7;)\xceh\xf24\xa0\x92\xd4\x9e\xb7^\x8a\xbez\xbe16z\xdc\xdf\x82\x8b\xdd\xbe\xb1Wq\xe6\xad\x12U\x83\xaa\xa1\xa1A5~W\x15\x08\x04\xe6\x9b\x9a\xcaj\xc3\xb4d\xb7\xbf\x88\xc1\x14\x17\x17\xe5\x82\xed\x0e\x01T^\x9e\xf5\xbc\xc5z\xbe)\x12y\xf9\xe0\xa6\xfbX\x17y\xfa\xb4;\xfb\xf3\xa7\xe2~\x95R\xa5()Q*\x95tqw\x1c\x955\x1e\x0f\xc5m\xf5Edq\xda\xa6B\x15A\x7f\xe60\x98\xb1$y\x12+\xed\x83\xb5\xccc\xea\xfb`\xf4\xd8\xb8\xf2\xc5\xcd;\x1f\xf6\xa3UC\x83!?R\xa8(-U(E\x00S\x94*\xc6\x15\xfeP\xc8o\xbfXq\x86iC/p\x14\x1cn\xa4\xa1\xbdZD%\x91\xd3&gt;X\xb9\xa5\xa9i\xfae\x8f\xef\xb8\x8a\x85\xfb\xe6\x87\xe7\x91S\xe1p;\xc3*\x81Z\n\x91H%j`\xe6W\xd9\x1b\x94\xa2\xab\xd7&gt;\xa1}\x9b\xb4\xd5(\x8f@\xf2r`\x0c\x8b&gt; \xb9,r\xe4\xb1vj\xd6\xe7kv\x8b\x8fa\xa9\xa7xg\x7fjq(\x1c\xd6\xb4\x97\xe5\xd4*)U\x8a\xe0-\x91\x12\x880\x99R!j\xe8=YSS(\x07NA^\x9e\\\xce.\n\xd8NNFY\x90g\xb5 \x8d\xe0\xba0\xdcsst\xd4\xd7\x9c;\\\xe6\xcf\xdd\xbfx\xbeXUO1X\x16\xa2vH\x01.Q\x03\xc3Z\xb1#\x9f\xa2\xde\x96\x93\x8d5\x85\xb4\xdbU./$\xbe\xdc\xbe\xd7\xdcF2\xf2\xbc\x85mg\xb6J\xf6\xb57\x11\xa3\x0b{\x0b\x7fjoz\xbeX\xbc\x13mo\'\xaavZ\xa8\x0b?!\x89\xf0&lt;\xb8D"\x85RI\xaa\x1daA\xa6B9=@\x07C\x01\xecL\xce\xf3\x05r\x8b\xe5$\xe5qp\x8ca\xdd\xdcy8\xf7\xd3\xd8\xffm2@uv^\xdf`T\x15\x97\x9a\xe2\x84\x05\xc3\xe7\xb0\x10J%t\x13\x89\x94\rW[j\ns\x01\xb5\xacx\xb3\xca)\x97\x05\x8c\nj\xc9\xad\x96F\xda\x88\xb7\xd1s\x88\xf5tus\xee\xf1\xc1\xda\x1f&gt;\xc1\x85\x0e\x1a"(\xc4\x9b\x881\\_\xd1e\xbb\x18\xa7jZZZ\xa2,Q\x92\xb7H(RNT^\xdd\xdbR\xf8u\xe1\x17\x85\xff\x15\xf2\xa3TJ\xe4\xe4\xfa\xc2\x1a\x8b\xc5b\x9d\x1f\xd3\xe6\xb0\xc6\xe6677A\xf6\xfe\xb5\xef\x8f\x9c\x13D\xff::\xd6\xd3YYY\xd9Yy}?\x1d\xae\xefZ\xf7v\xb3\xd1\x16\xe4B\xd9b\xe6*g\\\x84u\xa7\xa5\xe6\x8b#*kN8J$#\x93\xb3\xd2\x05\xbd.L\xef\xf7\x00\x0b\x8f\xb5\x07\xbb\xc0\xba\xb7\xb9\xba:\xf7\xd3\x01\x1d\xe1\xf2\xbb\xc8\xe8\xbf|\x07/\xe6\xfe]IX\x9d\x95\xff|U_\xb1n\xf3\x0e\xb0\xd1V\x1b\xc9\x85\xccA/`\x91\xb1H\xadk\x8d\x10\xeb\x13\xc6sD\x05\x9fIr\xe5\x81\xe5Qb5\xbf\xdc\xd12\xb5\xb4={\xab\xb7n\xaf\xde#\xae\xd5\xef\x9e\xbe_\x18\xfd\x1d\\\xec\x98\xa8\x83\x17\xbbo\xdf\xbe\xbf~\xc8\xf5&amp;Ra\xdb\xee\xc6@\x9er\xd8VJ\nA+\xca"Ey\xf9\xd5\xde;\x9f\x93\\5l\xab&gt;\xbc\x0f\xae\xaf\xe5yrV\xb5`2\t\xbbX\xfe\xa0\xeda\\\xda\x9e\xf7\xb7o\xdd\xba]WWG\xa9\\}\xbb\xfb\xf0\xc7Y\x1aa\xfc&amp;\x94\xdb\xf7\xfa\xc7\x17\xbb\x9b\xa7o\x9f~\xa8\xcdauV&gt;\x18\xb4uw\xff\x8d\xb0(\x89\xa5\xb9\xcc\x95#\x98\\\x84\xd5\xf2y\r\xa8\x1ak\x1a\xd1"k\xa8F\xa0UJX\x83\x84\xfd%d\xff\x0b\xfbZ\n$\xb1g\xe7\xfd\xad\xbf\xdc\xba}\xae\xae\xee\x1e\x14#\xb2\xdd\xbf\xfe\xe3`\xf47\x8e\x97\xc9w\xaf\x1d\xfc2\xb7Yw\x0eT\'\xe6v\x8e\xb0\xb4\xcfm\xdd\x03\x03\xac\xa3\x86\\m\xac%VW_\xad.\x87\xb9\x94\xe5\xe5\xd5W{?m\xf9\xbc\x91\xa2\x86\x9c_shz\x12JN\xe7\x1c\xe0\xa7\xe6\xd5N\x8eJ\xabeX\xc4u\xee\x1c\x81\x01\xed\xde\xbbw\xef~9\x18\xfd\x1f\xed2\xdf\xf7\xfa\xefOw\x01\x05\xac\x13\'N\xef\xbe\xa9&lt;\xe4\xea\xdc\x19\xbe\xb6\xb2\xd2\xc0\xb0\xda\xda\xdaJsY\xccq\x89\xaa\x01\xd8{\xe7\xd3\x96\x93\'YM-\xa4\\\xe6.\x18\x98\x95\x1d\xc0\xf0\x9f2\xee7\xb4\x89;\x8c\x03x\xae/\xf6z\xa3\x10\x19wE\x86G\xe8\x0b\xc9uy\x91\xac\xb8\x88\x07\x8b}S\xa8mi\xe9\x18\x07\r\xf6M\x8fP\x954\xd0\x12|\xe1\x8b8\xe6*\x0e\xc6p\xa0xX\x0f\xc7\xd4\xad\x98\xe1Z\xf2J\x8ds\xd2\x86\x1b\xcc\xa6jP\xa1IFC\xd3j\xa5m\xba\xda?\xec\xfb&lt;\xbf$U\xf6$\xd6\x8ai\xf3\xe9\xf7y\xee\xb9\x0bJ&gt;8W\x92E!\xacX\x11i\xa1\x8d\xc3\xd4Hr\xbd\x9e\x9f\x7f\xf6\x03`\xff\xff\x87\x05z\xf3\xa3\xbf\x1eSP\x08\xd7\xab\xaaRTY\\6j,\xff\x85\x9e\xc1\x13b\xb4\xa0\xa2\xa9o\xe7\xc0Zh\xb6\x88\x856\x92\xea\xf0\xe1j\'y\xca\x08\x84\xc2\xef\x1f\xf6\xd4T\x08+\x16;\xe7\xf3\t\xd7\x84\x08\xec\xf5\xf5\xc8\xd8\xd5\'\xff~\xf2t\xe1\xbd\x1dK[*2\x8f\xa0\xf0\xa8\xbb\xa1PJU\x15f9F\x95u\xdc\xb8\xf9\xdd\xd1vD%X\x8dM\x1f\xd1\x92\x00\x88\x06\x8c\x9a8\nV\'s\xf0\x11\xc0\xce\xcfk\xc5\xe7\xc3\x1el,\xd9\x91e\x83\xc2\x92\xa7\x1f\xf8\xfe\x89\x8a\xb8\x00\x83\xeb\xee\xea\xfa\x86\x1c\x19\x9b\x7f\xfa\xec\xc9B\xe4=\xd4B\xf1\x95\x97\n(\xea JZ|\xe3\xd4]~\xf9\x05\xce\x88\x84\x12q\xd1\xdcWY\xa2\x89\x9c\x16\xb3\xa8\x99TB\xd5\n\xd5\x91\xae\xdf\rB\xc9C\x86&lt;=\x1d\x8b\x81UMkX\x0c\xfeD\xc6\xcemV\xa6#\xdd\xb7\xe7\x9f&gt;\xd9C\x8d\xcd\x17_\xa5\xd0gR\xa9(E\x89JQI\x01\xcb\xa9\xb1\xfc\xd3\x8f\xce\x80500Pw5\x1c:v\x0c\xa6C"\xae\xbe\xbe\xbe\xceN\x91\xd5~\xfa\xd0\xfay\'DTG\x0e\xdcDL\xb8\xa1J;%9VZ\x8ar\r{\xc1\xf2\xd2\x02\xcb\xdav6\x99[\xaf\xc4"c\x0b\xb5\x99\x1a[~&lt;\x93\xa2BP\x98*\x1ewI\xf2E\xa5\xa2\xe3\x14\n\x868\x18\xfd\xfe\xd2\xb7\xbf2\x0b\xae\xe6\xafj\xacc$C`\x14\x17\r}\xadZ\t\xd7\xdaA\xaa/\xaelo1\t\x15\xdb\xccO\xcb\xb1\x0b\x0fk-\xf4N\x88\xa1_\xb3\xed$*\x97_\x7f+\x8b\xb31\xadN\x90f\x17\x17C\xd4D\xceJR$\xaa{\xd3\x86\xb3Q\xa9\xb9\x9c\x9d\x9fO0\x8b\xf2\x1a\xa0\xc3\x11\x0b\x8bX-\xb4P9.\x96u\xf4u\xec\xef\xa0;\xaa\xab\xe3\xe0\xc7\x7fXZrK\xa8\xe4\xddl\x1e+uy\x91\xf6\x16OV\xe8"\xb3\xae\x08\x16\xcb\xe8\x1a/r\x01(55\xfb\xba\xb8\xfc\x18&amp;oHUh\xde1\xf1\x92\xa4\xcc\x94\x0cc#_\x11\x87\xa3\xb3\x9e\xcc\xfeTu\x11m\x92\xe2\x1a\xe1\xb0\x1aZ\xf8X\x1c\x1d\xed\xed\xed\xdb\xcf\xba\xbe\x8e\xde\x8e^z?\x9b\x83\x97\xd7t\xcd\xed\xce\xbd%\x95\xb3\x93\xcd\xecb\xc4\x96\'DT43X\xf5`}i\xd7]6^\xf9]/\xce\xa8\xea\xe2\xb5\xe2r\xcco\x14\xb1\x17 S\xd4\x14\xb1|H\x0b\x1b\xc2(\xe4V\xde\x12K^\x0f{\xb4\xcc\x8dS{\xae=\x16\x0f\x17\xbb\x00\xabW\x1b\xbd\xc9\xce\x8d\x8c\x9bJ\xcbm\x18~y\'\x9b\xce\xec\xe0\xa4\xf8\xf7\x04\x99\x88t\x91\x06:\xe4\x1d&gt;\x9f\xb1\xe0\x82\xcd\x0e\x87]\x0b@\xb1\xc9\xf0\x17*\x9bK\xb4\xaeTNKQ|T\x98y\xc3\xc9\x9b\xb9\r\xffqc=\x19\x0e\x87=\xfa\xf6\xd7\xcd\x03\x03\xf7q\xbf\x0fW#X\x18\xf9\x06Z\x12\xe8\xe6\xc8h/n\xd5j\xa3\xff&lt;\xffY\xd6\x12*O8\xb7QX\xcf\x9af\xb6b\x0c\r\xbd\ty\xab\xbfc\x17\x7f\x00\x00\x03EIDATI\x85\xf83I\x8af\x82p\xd9\x96e{&lt;\xaek3\xf7\x8a\xcb\xd3\x86Q\xael\xe6l\xfb4\xa9\x86\xc9Ds\xe5\xa3\xbc\x8a\x05\xc7X7\xcd|\x99T\x1eO\x98\x02[E#\xef\xa3(\xaf\x06\x1e-&gt;_\x13\x8b\xf3\x1a\xa1\x1bL\x83m\xad\xdb"*\xa8\xf0\xb5\xb9&lt;Tfv#b\x0c\x15\x85\xc6K\x9d\x14O\x17\xcd\xc4u\x98,w0\x18t\xbdANry\x0b&amp;\xfc\xc9:-\xb2\xe2\x87)R  I\x81\x07e\xc7\xa9X\t3\xbfK*r\x855k\xfb\xf9\xf75W#\x8eE\x9c\x7f\xc4\xd5\r\xd6\x17d\x14\xda\xe8\x19\xb8\xba.\x8b\xa84\x8dT\x1e\x8f\x951\xe3\xa6\x99\x8bE"\xb7\x7f!\x92\x8a\xab\x08\x9fO\n\xf8\xe8\x99|\xb7\xe2\xf8[(\xf4\xa0\xe6\xf2\x1blr\xeb@jVTl,\x11V @]\x9c)9\xceFr*\x916=`\xf1\x0f\x8d\xc0\xec\xd5s\x14\xd8\xc0\xc0\x9fM\xb4P\x1b\xf9"\xbaA\x8c\x18\xad\xd6\xc1\x91\x913m\x07\xb6k\xfd\xa3/\xf5X\x96\x19O\x80\x95\x97\xc1\xba\'\x9e$\x10`\x11`\xc4B\xe9(\xb7\xe5\xda\xca\xe7l]\xd7&lt;\x1a\\Z&amp;*\xc6J\x12\xdb\x81Y8\xfd\x14\xca\xb9)T\xda\x02\x8b\x7fp\xc0\xac,\xc1p\x9bll9\x84\x8b\x08q\xa5\xc3\x97^-\xed\xe4\x1a\xecZ\xc9\x04Y\xc5\t\x87)\xaaD\x02\xacL&gt;\xd6\xdd\xbdp\xcd\x17\xe0\xe2\x96\xe0\xa9$%p\'\x1e\x1704\xd1\xd2\x11\x1a}\x16\xd4\xdd\xda\x9a*\xd2\xaa\x0e\x17\xcf|\xf4E\xa1\\\xceO\x8d\x8f\xb3K\xab\xb9\x18v\x12;\x7f\xb2\x89^a4\xf1\xb9\x9b[\xc9S6R\x1fu\xb7@i\xa6\x99N\xc4\x13\t3\x83\xb5\xd5/X\xe8\x1f\x9e\'P\xcb\xe0\x8e.Xq\xdd\xed\x8aC\x04\x95\xa6\x11\xecGuV\x14v\xab8\x16\xe7\xe6\xe6\x1e\x95\xcb\x85]b\x8dO\xa5MK{\x07\xe6\xb1W.\x9d\xdc\xc7\x1a\xa8&amp;\'\'\xf9u\x1ah\x87\x06\xd1?mO\x05T:\x9d\xe0\xac\x88U\xe8\xef\xbe\xfa\x1b\xa7%\xd5;\x83\x00\xce\x9a\xd4A\x96\xb9t\xca\x8a\xc2"\xd6\xd9\xd4\xec\xecK.\xa6\xa9\xa4\x9a\xfb\x06\xac\x9d\xf48W\xc24\xa91\x9a\xbb.KB\x86\x0bg\x80\x9aI\xd5\xc4\xaf\x89\xbaVlM\xab\x1d\x81{I\x81\x85\x1ef6\x0b\xfd\xfdW\x97|\xa2{\xd8\x8fJ\x80\xc7X\x89f\xe8Ga\x97\x8bE:\xe3\x82i\x9f\xaa\xd6a\xa0\xa5\x02\xc4Z\x02k+#X\xe8\xa4i\x05\x83\xf5\xa3\x8b\xfa\x13Nrf\xcdLB\xed;\xb9\x9a\xd5\x84J\xa7G\xe9@MM%DQ\\y\xb9\xbf\x7fa\xc6G*_@\xaa\x8e\x98\xa4\xa6\xd45\x0f\x8d8\xc1\\A\x8b]t\xd7\xd3\x94\xa7\xa2\xa4f_\xcer`UV\xa9PgMQ\'\xd1J\xfd\x9de\x84\xb2\x93+\xcfO\x90j\xb2i_\xcfJ\x96:\xed\x0e\xf2\xc1M\xa6\xf4\x9e\ni\x9b\xe9\xbc\x01\xd6\xc3\xea\xbc\xd3\xf8\xe2\x13U\xf1\x86R\xe7qLa\xb2\x98UO+\x18\xbc\x85&lt;\xe9Q\x92"N?\xac\x9a\x9b)\x15\x9cJ\xb6\x9e\x16~%\xf0L\xf8\xfeX~t\x9c\xf0J\n\xdb\xb9\xd5\xe7G\xdbO]\xa2\xf6\xb1J\xc3\xe5S\xce\xa4\x038\xfd\xe9^X\x88\x0b\xac\xe3\xfd\x0b\x8b\xd5#\x91\xe6\x1eQ\xd0\x05Bj8\x8b\xd3\xb4\x8do\x1c\xff\x0f!\x9cQ(\xb6\x16a_\x00\x00\x00\x00IEND\xaeB`\x82'</t>
        </is>
      </c>
      <c r="M2" s="3" t="n">
        <v>45492.67708333334</v>
      </c>
    </row>
    <row r="3">
      <c r="A3" t="n">
        <v>5672</v>
      </c>
      <c r="B3" t="n">
        <v>1980</v>
      </c>
      <c r="C3" t="inlineStr">
        <is>
          <t>Nenê</t>
        </is>
      </c>
      <c r="D3" t="inlineStr">
        <is>
          <t>Nenê</t>
        </is>
      </c>
      <c r="E3" t="inlineStr">
        <is>
          <t>MEI</t>
        </is>
      </c>
      <c r="F3" t="inlineStr">
        <is>
          <t>MC</t>
        </is>
      </c>
      <c r="G3" t="inlineStr">
        <is>
          <t>MEI/CA</t>
        </is>
      </c>
      <c r="H3" t="n">
        <v>181</v>
      </c>
      <c r="I3" t="n">
        <v>10</v>
      </c>
      <c r="J3" s="2" t="n">
        <v>29785</v>
      </c>
      <c r="K3" t="inlineStr">
        <is>
          <t>Left</t>
        </is>
      </c>
      <c r="L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30de91b-0e7d-472b-97f7-1f663a9940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f\xca\x9c\x81\x00\x00\x03\x00PLTE\xff\xff\xff\x018\x18^LGcRM\x08\x08\t\r\x0c\x0f\xfc\xfd\xfc\x00\x00\x00\x04\x03\x04\xfe\xff\xfe\x15\x13\x14YHC(\x1c\x1doYQ\x04G"w`\\U95iVQ\x03U/\x002\x14\xca\xaa\xa5\x01=\x1c\xbf\x97\x98C(!\x17\r\x0e\x03A \x12\x07\x07;$!\x86mf\x1f\x14\x14TC&gt;7\x1f\x1c}c\\\x1a\x1a\x1c\xcb\xb0\xac\xf8\xf9\xf8\x00,\x10N=:\x02h&gt;\xc8\xa4\xa1\x02\xb1e\x03nA|cc\x8dso\x83haM2,tQM\x1e\x1f&amp;aFB\x01b91\x1a\x15Z=:\x13\x13\x1bjTKfMGu]Up[Z\x03tES40519\xd0\xa1\xa0\x04{H\x03K(\x07\x97Y\xbc\x80\x82\x07\x90T\x00\xb5z/$&amp;\xc9\x9e\x9fI,\'pLH\x06R\'\x83ij\xb8{x\x03]2\x0b\x03\x03\xc2\x93\x9e\x02\x82Y\xc3\x9d\x9c{VSC42\xf3\xf4\xf2\x92ea\xd4\x9a\x97\x9bhe{Y\\7*+\xca\x97\x97\xc7\x9e\xab\xd1\xa6\xa4\x01\x95g\x99s}\xc7\x92\x94\x82[WL63\xbf\x90\x93A,,\x9e||\xb4\x8d\x90\x87aa\x00wS\xbf\x89\x90\x8c^\\\x01nLF8;\xcb\x8d\x8d\xeb\xee\xeb\x02\xa7t\x94zvpRU\xacok\xd7\x9d\x9e\x9f\x7f\x88\xd8\xa2\xa0\x01\xafw\x0b\x8bQ[AA\xa8vu\x00\xb9j\x01\x8ea\x8bhl\x93ln_A&lt;hLO\x04\xa0|\xab\x90\x90\xc3\x99\xa6\x01\xa0nK@F\x88po\x85\xb3\xe5}he\x07\x9d^iFA\x8av~\x9epn\xc4\x86\x85\xc3\xdf\xe4\xda\xb5\xb8\xa5\x87\x83\xb5sp\x03\xa7b\xd1\xaa\xa7\xa9\x84\x8e\x00\xba\x7f+\x12\x0f\xb4\x9a\x9a\xb6\x94\x94\x02\x97r\x07\x87Nv\xab\xe2\xdd\xa6\xa6\x93nv\x01#\r\x07\x81J\xdc\xad\xaf`NUXEK\xbc\xc2\xbd\x94~\x85\x01\x7fR))2\xd2\xa1\xad"\x0b\tk[d\xcb\x96\xa0\x01\x88bdGJ\x84Y^\xa5ki\xe5\xe6\xe4\xa3\x89\x93\x00\xc5s\xd4\xac\xb2\xb0wv&lt;;DTJT\x83mx\xdd\xda\xd8\xb1\x84\x88\x02\xaf\x86\xb5\xd6\xe3\x01\xc3\x85\xca\xa5\xb5\xb8\x9c\xa1hWZ\xdc\xed\xeat|v\x8d\x91\x8c\xce\xe6\xe6\xa4\xcb\xe2\x80\x87\x81\xdd\x97\x9b\xbe\xa7\xa6zhp\x00\xc9\x8c\xa5\xa9\xa9rak][]\xafz\x82\x9a\x9f\x99\xd1\xae\xc0kmj\x11a5\xe0\xbe\xc1GGM\x8cYi\xcb\xcf\xce\xd6\xbe\xc5\xb5\x8f\x9b)/(\xb3\xb5\xb0\x94\xc2\xe1RYP\xab\x90\xa3\xc0\xa3\xb2\xd5\x8f\x8f]\xa5\xd0z\xba\xca\x01\x19\tD\xc6\x97\x89\x90\xa29\xa3\x8f_\xc0\xac\xcfvmH\x18\x12h:H%xME\x9c\xb6-\xb7\x91\xadh\x89~DM\xa8\xe0\xcb\x13eD\x81\xcd\xb5d07\'J8\x9a^tB\x91\x99\xb8\xc0\xd1=bIO|_\x14\xb6{[$\x1dE\x94j&amp;yz\x1e\x96r\xc1z\x9f\xa8VRy\xa5\x8a\x15jT\xa0\xac\xc2\x1e\x97^}\xc7\xd9\x98\xc8\xcfi\x9f\xb2C\x13\x82D\x00\x00 \x00IDATx\xda\xc4\x98\xdfK\x1b{\x1a\xc6\xc5\xce$3s"\x897\x1a\x0c\xd13\x04oB\x93\t5\xa6bn\x026!\xa2\x9c4!\xa3B~\xda!R\x03\x8a\x17\x11\x12\xc3\x91\x96\xe2\x89\xb0\x05\xf1.\x17\x9aC\xe8\x91\xa8\x05K\xf5\xc2\x96\x04\x84\xe2\xaa+\x88\xa8\xd8^\xec?\xb3\xcf;\xb1\x87\x9e\xdd\xee^,\x13\xfbf&amp;\x89"\xf8\xe1y\x9f\xef\xf3}\xbf\xd3\xd6\xf6\xff\x17\xaf\xb3\xd9la\xaa,\xae\xdd\xddl6\x8b[\xfdE\xd8f\xd3\xb5\xfd\xa0\xe2u`\xd9\xdd\xbf\xdc\xdf\xdf\xbf\xbc\xa9_\xdc\x9e\xd7\xcf\xcf\xcf\xcf.w\xa9\xb2a\x1d\xff\xa3\xa8.\xcf\xcf\xceN$\xf1\xfaZ\x14YN\xcfqz\x14+y/\xce\xcf\x8eN\x1aY\xdb\x8f\x00C\x07w\xdf\xddJ\x8c\x1e&lt;\xfao\x0b?1"\xc3\x08\xb7\xf53\x1b\x7f\xffP6[C\x148\xfd\x7f`5\xc9p\xb1b\xfd\x9e;\xa9#\xaa\x9bk\xb6I$0\xfa\xef\x14\x07\xc5\x1a\xe1{4&gt;\x0f\xa6\xdd\x9bs\xf2\xd3\x7f/\x0eVc\xc4\x8a\xee&gt;\x17\xe0\xfe\xd1\xad\xc8q\xff\x93\x8a$\x14\xc4\xa3{\xb3\x17\xaf\xdb\xad4\xae9=\xcb\xb0\xdf\x07Ro\x86e8F\xb8n\xdc\x9b\xbbt\xba\xe3\x93\x0b\x86cEA\xf8\xd3E\xdc\xf7\xe8\xe8on\x8f/\xb3\xf7\x83e\xdbm\\K\x1c\'H\x92tG\xc0\xb2\xdfY\x8cp&lt;\xc3\xfcS\xba\xbe&gt;\xdf\xbd\x17\xbdl\xfb\r\x91P$Qb\x9a\x00"\xfa\xc5\xa8N\xe3\xbeY\x93\x0c\x0b\xf7\xa1\x95B}\xff\x1e|o\x0b\xdf\xd4E\x96qK\x92\xbb\xb9\x14\x19\xce\xcd0\xac\x9b\x858\xfaoV\x01}\xe5\xd4\xe5xq\x16n\xb9^\xb6\xec\xe5\xd1\x89(\xbaY\xc9\xedf\xd9\xe6\xff\x96X\xc2\xa2%\xf0\xad\xc9\xee\xb08\xbdp\xdej,\x9e\xb7e\x8f/\xbc\x90\xaa\xc9\xc1\xe0\x8d\xe3\x08P\xc0%\xa8(\xcc_\xb2\x0bB\x8aG\xad\x0eU\xa4{\xe5B\x10\xdc\xa2\xaa\x14\x01U\xc1\xc3\x8a\x04\xc9\nLS\xbc\x7f\xcfz\xb1\xb1\xdbR,\x1d\xcf\x87\x8f\xae\x05P\x80\x83!\x02\x16&lt;\xb0\xb5(\xb0$K\xd3\xf5\x7f\xe5"\xbd.Z\x89\xa5\xd3\x85w+uQD2\x08`\x00\x043\x86Of\x0c\r\x14X\xb3\xc0\x08*\x10s\xa7\xd9\x9fp\xecu#\xdb:,l\xce\x97\'\x12\x03\x9d$\xcc\r\\O\x8f\xd5j\x10\r###\x06\x03]#\x06\xeb\x88\xd9\xdc\x83j\xbe\xa3\xc6\xee\xb8N\xf6[\xa9V\xf8\xe6\x16\x12\t\x8c\x9b&amp;&gt;s\xfay\xff\x8b\xde\x17/666:?nnnln&gt;M\xa7-\x86\xf5GT\xeb\xebo\xd6\xd7\xd7\xadozT\xc58\xefq\xeb\x82\x8b\xe7+\xb7\x82\xd8\xb4\x90\xde\x9c\xae\xc9\xdb\xf2\x90\xac\xd8eYQ\xf2\x8a\xfcx\xae\x96\x1b\xe8\xf5[\xd4\xeaS\xd1T\xbc\x9e\xe6\xae]o\x99\\|\xb8\xeeeE5\x888\x83+\xb1\x1d\x89\x16\n\x11e[I\x84B\tEI8=\xae\xa5\x81a\xbf\xdf\xef\xf0\xfb\xc1\xd5\xa7\xa2\x11\x99\xdaI\xf6&lt;\xcb\xb7$\xbax]\xe5\x82\xa4\x82\x9f{\x92\x89\x99\x99\xc8L$\x12\x99\xa1\x02W(\x11r\x82\x0bX\x0e\xc7\xb0\xbf\xbb\xdb\xd2w\x87\xd5\xd7gy\xa4\n\xc6\x1c\xb5h\xb0\xb75\xaa\x14\x9f\x1cgvE"\xd1\xe8\xce\xceNTE\x8b\xcc\x80*\x11\n\x0c:W\x96\x80\x95L&amp;\x1dw\\xY,\xf8\xda\xa3\xf6\xb1\x12n\xc5\xe4\xa5\x0b\xdfJ\x14Uzk\rT\xf3;\xf3\xf3\xe0\xa2R5K$\x9cN\xe7\xa0\xcb\xe4@\x99\x92\x0eG\x9a\x1c\x86\x02`w\xb7\xca\xa5\xbf\xb8l\x01\x17\xaf\xbb\x11\x19\xcc\x9b\x9c\xd55\x03\xa9\x08\x8aJ\xc5"\xd1\x14t\xd2\xe9Y2\x99\x86\xa1V2\xe9\xef&amp;.h\xa5V\x1f\xf9\x8b;\xd9o\x05\xd6\x11\r)z&amp;7\xb3CR\xa1^\xcf\x7fU\x8cZ\x89&gt;:W\x06L\xc30\x17\x04sP\x1b-}*\x94\xbf\xdb\xafr1-\xd8\x19y]\x83\xa3\xcde"\x11\xbd\x83\xa2"0PE\x0b\x91\xc8C,\xc6\x15\xa8\xd5,\x87\xcaEM\xec\xf6S="\xb9n\xb3\x9a\xbb\x1e\xf1\x80\xa9J/\x14\xe1\xab\xafP*W)\x1a-\xe1\x15Q\xb0")#P*\x96\x83\xda\xa8\x8aE\x91\xe1xC\xc7\xb6\x8a\xf6\xf3ME\xc0H\xc5MlG\xbfB\x8d\xe2\x1a\xdd\xdb[,QaQ*J(\xb0\xe2Zr-\xe5\xc0\x85\x00\x83\xa5\xd4\x06\xd2*\xf0\x9b\xba\xb110\r\xad\xb1x\xdd1\x8e\x11\x0c\xdb\x0f\xaa\x9d\xd7\xf3D\xa4\xd6\x1e\xb8\xa8J\xd1\x99\x04\xba\x18\x80^(\xb2\x98*\x14\x80`\xb5\xe1a\x87\xc9d&amp;\xd3g\xb5V\xcbV\x87\xe1\x19s\xad\x04\xadH\'\xdf\xeaW\xb0\xd7D\xa6b\x85B\x01\x0f\xb8\\.\xcaU\x7f\x13\xcb1\x8c\x96\x0e\x9b\x06\x06\xfa\xb0=\xbe\xd3x\x90\xe0u\xfb\xd7\x88R\xc6 /\xee\x8d\x92R\xbeU\xb5|\xab&gt;\xdf(\xe9U\xc2JD\xda#\xbcV\\+\xe8\xe5\x80\xc9O\r\x1c\x06\xd1\xd2\x00\x0c\xb7\xe4J\xf7`\xcb\xd6\x1c\xeb\x88\xa5\t+\x1d\\\x1c\xdd\x03\x94\xcf\xb7\x1a\xdf\xda\x1a\x9f\xcd\xa42\xabj#K\xc8.E\xe5\n\xacxp\x0f\x98\xc8\xe7$\x13\xc4\x03\x95\xc7\x934\xeb9I\xebA\x82\xbf\x05\x96[|\x9e_lBe\xc6\xa7\x0e\x0f\xbfL\x8d\x8fwe|\xaa\xf1#J\xa1\x00.g\xc8\x19\x088W\x90\x14\xb0\x94)\xe7\xa2\x97\xc7\xe5\xf2t\x0e\xf6Zq\x04\xba\xd16!x\xdd\t\xce\\\x82y\xb3\xb0\xa8v03\xbeLX\xcb\xe3\xe3\xe3)p\x9d\x02k\xa6T\x8alS\x17\x8b\x81@\x80\x02\x0c6\x1f\xc8\xe1r-y\x06\x87\x8c\x1d9`q\x1a?\x90\xe0\xc3\'n\x8c\xedBo\xfe\x94\xb4ZM\x01\xeb\xcb2\xdd\x00\xcb\x8c\x9e."\xe8I\xad\x04\x895\'S\x13\xd1@\x17\xa2bx\xc0\xe5*\x0e\xd9_\x19\xdb\xadX\x8a\xef\xb4\rT&gt;{\xcd\xd1\xe1\xeby0v\xba\xba\x9a\x89\x8f//\xe3\x9a\x02T&amp;\x05\xb9\xc8[\xcaL&gt;\x11R~v\x06d\xa0\xa9\x11Ar\x99\xd0HOq\xe8\xd5+\xe3\x03+\xe64\xa1\xa2)\x96.\xfc\x8e\xa3s\xc4\x84\xb1\x00\xb3\x83\x8a\x88H\xa8\x94\xcf\x97\x01\x16\xcd8\xca\xb6,cLE9i%\x9a\x9a\x91\x85&amp;z:\xed\xc1\xa0\xddc\x18\xc3F\x7f\xa6\xadZ\xba#\xb7\xe8\x15Y\xc3F\xc1\x97\x8a\xc7\x9f|\x81\xdbS\x84\xe5\xf3\x9d\xfa\x805\x1f\x9d\xd9N\x84\xe6\xe4\xbc\xca\x85\xb4_"\xcfSj!\xf3ks\xef_\x06\x83s#4\x155\xb4\xc6\xaaJ\xef\xaa\xd2\xc4P!\x13\x8fo=9\x9c\x9a\xfa%\x85\xf6\xc1\xee{\x07@\xdbC\x9a\xc2\xeer\xb9\x90\xdfV`\xfc@\x8d\xdah\x1a\x1eN\xc2Z\x9e\xb9O\xef\x83vcz\x0c]\xd4\x18\xab\xad.y\xbd\x924\xf1\xb1\x9c\x89O\xc6\x9fLQ\x173 l\xc6\x03a\x01f%X.\x95\xf3\x05E\x91\xe7H/\xda\xb5\xd1C8\xfe\xd3{\xbb\xdd\xdenF\xf2\x1di\x8b\xc5\x1f\xbb!V\xd5\xfb1\x9f\x19\x9f\x9c\x9d\xdc\x82\xdf\x01\xb6&lt;Em\xf4\xed\x9d\xc2\xf2\xdb\xdb\xa1\x15%\x16+\x15\xcae%(\xcf\xd5j.W.\x07\xa8Z\xd1c\xb4c%\xfel4\xe0 \xa01\x96\xae"V\xdd\x10l\xb3\x9c\xd9\x9a\x9c\x8do\x81\nux\x88@\xcddN\x0fNK\x85|^.\xe6c\x0b\xa5X\xac\\\x06V\xb1X\xab\x01\x8b\xc6\x9c\x9c\x1a\x10\xb2\xb1\x7f\x8c\xe1\xea\x1a\xe7iE\xaa\x8a\xc0\xea=\x9d\x9d\x9c\x9c\x9d\x9d|BP\xc0:\x84fW\xcf\x0eN\xa7\xcb\xe5\xc2\xb63?=\x1d\x8b\xc5\n\xf9&amp;\xd6fo\x7f2\xfd4m\xf1\xbb\x8a\xc0\xb2\x1b\x07G\x18\xa6\xa1\xf1 x\\\x95$\xb1\xea\x1dJ\xcd\xc6U,\xca\xad/T\xcbWWkkk\xc0)+\xf2K\xfa\x88\xe5\xed\xf6\xb9b\xae\xff\xe9\x88\xc1`\xb0L\x8c\x8cX\x92\xb9\x0e\xf4\xf1q\x87\xa9Gc,\x9e\xbf\xa9\xba\xdd\xd2\xc4\xf3B\x9c\xb0\xe2O\xb6\x0e\xd6&gt;\x7f~\x8bZx\xbb\xb0\x10\xa3*\xbfT\x82hb9\x9f\x0f\xce\xe5\xfa\x9fO\xa8\x0f"\xccf\xabab\xa2\xff\xa7\x07\x1d\xaf\x8c\x8f;\\Zc\xb5\xe9*\xb0V\xb5\xbaY\x82Rq\xe4\xe93\x10\xfd\xf6\xe9\xef\x7f\xfc\xf1q\xb3\xbf\xbf\x86\xc0*\xc0\\1\xb2\xfb\x9c]\xce=M\x1b\x88j\xac\xa7\xc7j\xb0\xa4\x93?=h\x7f0d7vx\xccZ{\xab\xed\xf2\x1d\xa8\xbc\xc5\xc5Y@\xa5\x9e-\xfc\xbe\xf0\xfbo\xc1\x8f\x1b\x1b\x9b\xb8\xfb{kE;Q\xadM\x17\x94\xb9Z\xb1\x98L[\x0cV3)\xf5\xc8\xa2R}|\xd0\x8e6&gt;\x1e\xb42\xe7\xda\x1e\xf9u\x97\xde\xaa\xd7\xeb\x95}*\xd6\xda\xc2\xaf\x9f\xdf.\x80\x04\xdeF\r\xc9\xf6|,6\xbdvu\x10\ry\xb0\xf6\xe8\xf0\xda\xf7\xc8`}c0\xf4\x01\xab\xf7\x81\xdd&gt;\xd4\x89{P\xd0\x1a\xab\xadR\xf5V\xab/\xf2\xab\xc0J\x1d\xac}\xf8\xf0\xe1\xd9\xda\xdf\x16\xa6\x0b\x0f\xe5\x90\x1c,\xc4\xa6O\x0f\x0e\x0e\x96\xa7R\xd1@\xb1\x983%\x93\xf4H\xc9j]\xb7\xa2\x0ciS{\xa7\xd1\x08\xb5\x8c\x1e3{\xae\xf10\x7f\xa3b\x15Va\xadT&amp;\xd5\xd5\x95\xba\xba\xba\xfau\xba {\\+raz\xedY*\x85\xb8\x18\xdf\t\x04\x8c\xc6b\xee\xa9\x05\xde2X\xd4#Yr\xe4Q\xb2\xbd\xc3&gt;d|h\x1c43u\x8dW\xe2\x99\xd7[\x1dyNX]\xbftMv\xa5R\x1f&gt;\xac!\n\x8a\xa6n\x87\ty\xb5\xd65u\xf8\x8f\xc3\xe5E\xa7\xf3\xe5\xcb\xa1^\xc3\x187f}\xb1I\xcfn\x92\xed\x9d\x13\x96\xdeA\xa3\xd1\xfe/Z\xcd\xef%\xf1|\x8d\xe3\x8b\xdaL\xf9\x03\xf5FCM\x1dB\x06\xd4\xdc0R1/\x04K\x0cem\xb3\xd40\xcb\x14E\x07\xed\xab\x90P\xc9\x11%2\xb1\x18\xb1\xb90\xb0F\x8e&amp;\xd6FS\xd9\xc5\x14\xbbpl\xd8\xb6\r\x9c\xb6\xcepZo\x06rn\xba\xe8\xcc\x99\x8bn\x82\xbd8\xe7\xf9\xdap\xfe\x82\xef|\xed\xa6\xbb\x17\xef\xe7y\xde\x9f\xe7y&gt;\x1f\x8e\xb0\xb7\x9d\x889\xd6\xde\xde^\x9fw\xc9g\xb2\xf4\xf7[@1\xc6a\xf0o\xe9\xe0\x9c\xa4KZ\xcc(\xb5\xae\xe0\x95u\xf7\xfc\xbc\x7f\xd0n\x8c\xeb\x8e\xc9\xd0*\xe85P\r\x026\x9b\x8bW\x1c\xf3&amp;d\n*\x9f\xc3\xa7t\x10\x7f\xc1\xda\xe5\x9bXa\x14\xeb9pM\x86!\xbfv\x12\xf8.^&amp;S,\x0eD\xd6\xae\xff\xdc\xdd\xdd\xed\x1f\xf4H8\x116\xba\x99\xd4\x93\x87\xfeN$\xe8Y\x9a\xfdS\x05i\x02O\xa1\xf2\xc5|\n\xb9\xe5W\x8cs\xab\xf2~oO\xe3U\xfbL\xaa~\x90\xcb\x1dN\xaf\xae\xe6\x7f{\xdf\xd2\xaaoGW\x91\xb4\x83G,u\xd8\xee\x92\xf0\x1e\x17\xa6\xdf\xff\xbb\x05m\x935f\x12\tl\x8b\xca\xe7\x8b\xe5\x9a\x96\xd7\xd8b\xb55\xb16\x92u\x93J\xa5\xea\xb7L:\x0f\xa7\x02\x07\xff\xfdO\xcbSVQZ\xe4)\xcb\xba#k!\x8bX\x06G\xec\xf6Qns\x9d\xf5\xb4yME\x88\xe1\xd8\x0e\x1c\x0eGW\x08\xf9|\xb9\xb9\xe5C\x1b\x96\x0e\x01\xe3\xeb\xfb\xfd&gt;\xcd\xa8\xcfdB\x80\x0b\xb0\x96\xb6l\xd7\x1f\xf7::x\xec\x016o@8u\x18\x1d\xcb\x9a\xc6\xc3v\xad\xc4\x1e!7\xd7\xa5\xacv\xd4\x1e\x86p\xc7\xc7x:\xa8\x85bM\x10?t\xbe\xf8\x11;3\xad\xd4Nb\xfb{\xe49\xc0\n\x01\xd78\xc3y\xe8\xbc:\xda\xc9\xeb\x02\x8b0\xd73\xcb\xb3S\xce\xa8\xaajJ\x02\x96\xd6(#7\xd5\xd2wH\xa5&lt;\x07\xe9\xf8X\xa1\xc0\xe3)r\x88\xa2|\x86\xf8\xf3\x82\xc2\x8f\xd9\xedb\xa5Z\xf5\x8d\xb86\xcc\xe1\xba\t\x19\x0b\xa9T%\x18[\x19\x06\x86\x13\x0e\x1b\xfb&lt;S:03j\xbb\xb6"\xd5\xbaz\xdb\xae]\x94H\xbcM\xb5Z\xf5E)\xdb\xc1\xc5\xd1\xe9x&lt;\x17\xcdy&gt;\xbf\xb7\x83I\x93\x8bO0\x1a\xad\xdbjU\xc8\x1b\xdfT\xec\x10\xc4\x1a\x1b\xb3\xa0\x8758*\x03\x1a\xad\x11-t\xec=\x81-\x9b\x01\xa9\x02\xd6\x88]\xb2h\x94t\xf3\xda\xf5\xcdj,\xf2\x1c\x02.\x0e\x8f#)\xe9\x144\x8a\x14\xb3\x8c/\xb2\xfb;1\xda\xd6d\x1fV\n\xd9\xc2\xe4F\x12\xb0B!\x93\x05\xba\x1b\x180\x18\xce3h\xfd\xb4\xa3\xae\xad9\xdb\xa1\xa5Z\xad\x9a\xd4K\x1e\x08\xa2Q;?a\xee`\xe9\xf5zV\x07[\xc0\xed\xc6\xc1x&amp;kbI\xb8T\x8e\xb61\x8c\xd1h\xfd$\xfb\xa0\xbe\xcc\xe5\xac\n\x9f\t\t!H\x13\x0b\x8e \xe7a\xf8\xeb\xce-\xfc\xaa\x04T\xd5R2\xec\x91H`2\xeb\x9e\x19`K\x8b\xd0oe\xa4L\xda|o7M\tXb1_N\x11OI\x1a\xcbXYj\xea&amp;yy\x99+\xe8| \x16\x122\x01\xd7x\xd2\xc2@\x87\x8b7\xd3\xe8\xe4\x1av\xa3X\x88O\x1d\xf6h\x8d\x1e\x8f=@c\xa2[\xf9b1\xc3cvuC;\xdf%\xa3\x8a9\xe0\xa7\x12\xce\x92\xbd\xf1\n\xab\xb5M\xed\xc6W\xab\xe5rq7\xd4a(\xa4\x02\xaef~\xa1\x9b\xb7\x95\xed\x11\xcf\xf0\x1b5\x8a\xe5S\xbfY\x82J\xb4\x0f{Fi\xcc\x0c\x10\xa1W,\x030.\xc2\x1fE\xc8\xe1p\xc4\xbd\x14\xbb\xcbs\xbf\x8a\x11\xd6\x93\xdaM=\x95K\xe5\x82\x87&amp;\x08!d\x17\xa22\xf9T\xd0\xd2\'\xd5\xc9\xc1\x95\x11\xcf\xc8\x19\xaaV\xdd7\xb8\xed\x81\x81Z\xe2\xf1l\x95\x1d\xa0\x14\xba9E\x07ke\xcf|7U\x17\xe7p\xf8\xbd\x8b\xae91\x96X\xa6T-{3\xb9lB\xc0O\xb3\xb9\xdd\x97 \x9a\xc9W\xaf\xfb\x92\x83\xd3##\xdb\xea\xf1z\x16)\xa1X[\xdaE\xad\x1d\xa2\xe8h\x06P\tH\xb4\xf9\xaen\x98\x14\xe3"\x11\x87Oj(9\xa2\xbbU\xec\x82\x88\xa4r7\x0f\xd3S\x16\xb4\x14\xb3\xb9\\6\x1bBL\xf5\xba\t\xc5\xda\x9e\x1eL\x96\xe0\xe4AJ\xea\xeda\x8fdQk\x1cv\x05&amp;\x00+\xc3\xa4\xf5\xcc\xa3\xdb\xc0^\xca\x82H\x14\x17q\xe4]\x19\xa6\xd1\xaf\xc5\xca\xb7\xbe\xab\xd4s\xa9,`\xa5\'Q\xac\x979\x08h.\x84T\x11\xc0R\xaf\xa0k8_\xa1\x00X\xee\xf0\x08\xaa\x96\xd15;J\xe3I3R\xb6r^6\xdf-\xa3\xc8\xf9:\xc0\x8a\x8b)\xecL\x97D&lt;\xfc\x07V.\xff"\x94\xca"\xbe\xe9\x15\xc6\xb2\xa5\xa9V*\x05\xedB\xa1P(\x95\x80K\xad^Yq\x17\x10\xf8\xd7}\xb8\x04X\x01\xbe\xcbUV\x0e\xa0\x97+]\xf3\x11\x99,@\x15\xea8~\x91H,\xee\xe5I\x17\x17\x17\xa70;|\x9e\xd4r\xf5j=9\xf82\x0fX\x10\xc3\xd4n*u\x0e`\xd6Ri\x1c\xa8\x1e\x1e\xdcH\x01\xba@\x03\x8a\xa5\xd5%f\xed3RHw\xe6\x80\xb2;"\xeb\xa5\n\x17\xe2:Q\x1cl\xab[*U6\xee\x97\xb1[T\xfe\x94\xaa\'}u_.8\x0e\x86\x8a\xaa\x95\xba\xbc&lt;?\x7f\xfb\xb6`5\xa8\xa7\x1fnoKH\xe1\xfc\xf22z6\xbc%1\xee\xec\xacm\x95\x8bp\x1e2\x95\xb4\x9er@!\xd4\x89@+p-&gt;W\x99\x91\x16\xefW\xb1\xebl:k\xd5\x9b\x95\xa4)\x15\x9clb\xe5R\xe7(\x16pY\xddo\x1e\xee\xee/J\x85]\x90+z\x06\x06!Y\x9b]\x9b3\x16Y`\x10\xe8\xbeFA]\x88\xfb\x13h\x1d\x8a\xe5\x02\x1a\x14\x82\xf2\x04;\xac\'5\xe0\xba\x19|\xb9\xba\xacz\xc4J}\xc52\x0c\x8e\xdc\xde\xdf\x01\xd6\xdb\xa8\xb5d8\xdb\x8a|\xd2\x8e\nu~W\x11\x0eD)\xad\xbb\\\xa6\x0bu\t\xbf_\'\x9a\x15\x8b\xe5$0\xd9\x86\xfd\x12C\xac\n\x94\x9e\xe9&amp;y\x12|4\x08H-\x14\n\xc4\xda\xbe\xbdo\xdc\x9e\x19\x0c\xdb\xb7k\x06\xf7\xd9\xd6\xa7O\x01\x9c\x836\xaa\x05,}\x91=\x13Q\x04\x00+\x0fAD\xd5b6\xee\x17\x8d\xa2\n\x86\xedig.w\x99\xaa\xde$\xa7 \xe5\xd1\xafY\x8ao\xad\x863\xcf]\xe3\xce\xe6\x8eF\xc3gW\xd1+[`\xa6\x1c\xe1e\xa4\x8bJ\x9e\xfe\xa9\x9e\x95AS\x8b\nXS~\xd1\x1c\x87\xd3+mh\xfd\x9c\xd5\xce\xef0\xfc*Y\x88[-\x17d\x80Z\xd9P(\x87\xd6\xa15\xea^\x02\xb1.\xdc\x86R\xf4\x1a\xbe?m\xe5Hd\xe3t=\x12\x98QJ[\xf5\xac\xe2@9 \xa7~UK\xc4\xe1\n\x8cs"1\xb6\x97d\x9d\xb5&amp;V\xfa\xb0_\x95\r\xc1\x0f|\xcaju\x86\x8dw\x8dH\xda`\x88^\'\xd6O\xdf%\x84e\x01\xcf\xec\x8d\x1d\xaf\xd3h42`1{\xe8\x14a&lt;\x91@\xa9f9\x02\x9a\xcb\xef?\xc1\xf8\x1e\xe3\xa7T\xadVK\xbdZ\xee/\xa1j!\xd0\xd1\x17~X\x1a\xbe\x93\xf6\xe4\x8f\xaev\xf2\x071\xaf\xd7\xab\xc9xcd"Y\x13\x13\x0cM\xcc\xcch \xe9\xbbpp\x1a&gt;\x8a%\xe2{e\xb3\xfee\xac\x9f\tvV\xc0\xadr?\xe4-\x16\xc0\x82\x03\x1bQ\xf53\xc2\x12\xe9\xd0\xbbD&gt;q\xba\x19\xd3\xf4i\xc8z\xbd&amp;\xd6\xd1\xa2oEwmC\xdc\r2$}\x8fbA\x17\xf7\x8b8q\xdd\xac|htn\xee\x08\xf3\xdb\xea\x1fk\xd0\xdcX\x13\x8cRv\x0c\xc52\xa9,\xce%\x1a\xefts}s\x7f?\xb6\xdf\xd7Gn\x07yb\x9a\x16\xc2\xd3\xd6\x16\x02\x91\x0cdD\xbdt\x02G\x8d\xeb8p"\n\xc5\x94!\xe1\xdcT\x05\xfb\'\x07/j\xa9\xd4\xd8A\xba4\xd6o\x01\xb3\x87F\xe6\xd0\xc8C\x81b\xfb\xfb\x1b\x9b^\xb3\x83\xd7\x18\x80dG\xd7\xdc\x04\xf4!l\x0bYC`\xb1It\xdd\x82P\x18\xd7Q\xa9x3\x15\xeb\xcc\xfa\xbf^\x0c\xa1\x93a\x80!Q\x85 \x96\xc9\xb0\xb2\xcf\xec\xed\xeb\xdb\x8cm\x9e\xeelDt\x17\x9f\xe1w\xcbko\xef`=#\xb4\x12\t\x84v\xb2\xbeC \xa3.,P\x85B:\x1f\xa7\xc1\x9f|\x9b\x97\x8bm\x9d\x95\x9f\xf3\xce\xc9\xa3t\xd0:V\xb0L\x0e\xb3\xfb4\xcf\xda7v\xd2\xc1tz-h\xb3}\xfe|\xf1I\xc9\xe6\xb1\'\xd0\x8d.z\x93Ola9p\xf4\x05\x85BA\xa7\xcb\x05\xff\xfc\xe5[=on\xeb\xfc=\x9fv2\x9c\xe9\xab\xe7c\x96I;\xef{"\xb1=\x9e\xb6]\\\xb8.lk\x07\x07\x17w\x0e\x87\x83mf{7\xd6\xd7\xbd\xcd\xa7\x83\xad&lt;\x1c\x8eB\xa7\xd3qx\xfa\x90\xf7\x8fo\xf6\xca\xf3\xc9\xeb|\xf0\xcay\xb5\xb3\x13}nqK\xc8\xc4VV{\xb9Gp\xf0\xfb\xf5\xda\xf5\xce\xf5\xaf\xf9O\xb1u/\x19&gt;\x9e\x83F\x7f\x1c\xf93$\xae\x82K"q\xf1\x02\xc7\xbf\xbe\xdd\x03\xc1\xb6J\xc2\xe6\xbcJ\xe7\x83G\x0c\x86\xdbH~F\xd0\xb3Z\t\xbf\xfd\xf5\xe5\xcb\x87\xca\x87\xd7_\xfez\xf7\xf1\xe3?\xfa\xf6\xbcdsG1Ch&gt;s&amp;\x0b\xb8$\xee\xc4\xd0\xffx7\xbf\xd8\xa6\xce3\x8c\xd7\x7fN\xf09\xb6c\x998\xae\x93\xd8\xc6v|p\x16\xac\x9a\x15\x07\x1b\x8eE7l "`\x9d\\\xc4\xc8dr\x12w\xacVB4\xab\n\x7fJ\xe4\xc6\x88\xd5l\x8db3[\x93l\xc9\x8e\xc9vP\x11I\x94\x18\xa44&amp;\xa9\xa28q\x9a\x86\x05\xba\xa2\x96\x0b\xc3\x90@\xa3@A\x8c\t\x15U\xecb\xefw\x9cj\x97\xebZ\x0e\x9f/r\xfb\xd3\xf3&gt;\xe7=\xef\x97\xf3&gt;\xa4\\\x1bX\xe1nE\xbd\xa2;\x1b\x8c\x85b\x91\xc8\xdfB\xfe\x8e\xd3\x1b\x08B\xb2\xe1\x8f\xb5\xab\x80u\xed\xf2\xf0\xb5\'/f_\xdc\xba\xb5\xb2rkif\xa2\xbc\xa5+\x12\xbeI\xd2\x9d\xa4\x93\x0e\xf0=\xf4\x12w\xab\xbax\xebrv48\x9a\xcbEBA\xff\x91-\x1e\x8f\xb3\x0f\x0c5s\xeb\xc6\x8dk\xc3O\x9e\x00\x14`\xcd\xdcZ\x99\xa3\xd6VNk7x\xd0\x9ee\'MJh\x0e7\x88\xf1\xfaE\x90k\xb4X(D"\xa1\xae\xb6\x0c\x19\xe8\xf7\xff\xe2\xf1\xd5\xb6\xe4WO\x16\x9f\xbcX\x04\xaa\xb9\xa5\x95%zI\xd3\xf2\x17\x15\xcc6"\xd5\x06\x8dJ\xa3\xd1Co\x95\xd0\xcb\xdc\xed\xf3\xe3\x15\x8b\xc1`W\x90Y*2\xcd\xc9\xd3o\xdb\x03}\xbd\xfes\x87\xee\xdd\xbb\x17\xbb\x01`\x8b\x8b\xc5\x1c\x93\xc9\xf8\xb6o\xef\xdc\xf5Q\x9d\x08-\xa7JT\x84\xaaVC\x07H\x8fx\xf95\x0e\xcfpv\xb4=\xcb@w\x97\xe5\x92ma\xba\xaf\xed\xd2\xb9?\xef{\xfe\xfc9\xa0\xb5\x07\x83W\xaf^\xfd\xfa\xce\x9d\xfe~\x98h`\xe4\x82"\xaa\x84\x1aB\x88\x81Zd~\x98K\xac\xee\xb9`$\xc2d\x02\xe9L\xbeQ\x96!\xdb\x8e\x7f\n\x13\xf3\xc7\xef\xb3\\\xd0O\xcf\xc3\x80\xda\xcf\xc8\x1a\xcd\xbd\x9d\xaa\x16\x11V[+"0\xa1\x8a\xf0\xd0\xfc\xd9n\x0e\x97\xd3\xf1\xfa\x99H\xb6\x80^\xcf\xe9t\xaf\x9dL\xb7\'\x0f\x9d\x83+\xe2\xc7\x9f}\x06\\W\x1f?&gt;\x0fb\xf5\x16\n\xa7\x1a\xedu\xaa\xda\x16!\xda\x1f\x16\x89\x08\x8f\x93f\xb8M\xd6\xe0\xd7W\x00+\x1c\xce\x17\x01,\xed\xc9\xbf}\xe9W\x80\x053\xe1\xf3{\x8fQ\x05\xbf\xf9fKo\x9b\xac\xb1W\xab\x01\xa5\xd0B\xe8:!\xa6\xf18=+\x179\xdd\xe4\xc7\xbb\xe7r\x85&lt;x\xab\x90+\xd8\x03\x9e\xfe\xf3G\x0e\xb1\xdf\xad\x9f\x7f\n\x15\xfc\xfa\xce\xf6]\xbb\xb6\xf7\xf5\xf6\xda\xfb;%\x1a\xc0Ra\x00\x85\xf6\xb0\xe9\x15n\xf3+x\xfd&lt;&lt;\x86E\x98er\x91\xc8d\xa6\x17\xfd\x93\x19}\xb0\x8e\xc5\xde\xeb\xed\xed\xf3u\xd6uv\x92\x9b\xfb?\xea\xa3a\xfej\xc1$h\xf0B_`\xa1=p\x8b\x85\x7f~ji\xa9X\xc8\x84\xf3L&gt;\x9cinoo\xf7\xef\xdb\xe7\x0f&amp;O\xda3i\x18\x9daJ\xf5\xf8|t\x9dF\xa3\x82\x1aZTN\x8f\x135\xae//r\x9d\xc6\xb8\x98`V\'\'\'\x19&amp;W\x0c\x17\xa1)$\xbb.\xf9c\xc1f{\x86\xf2H4z\xbdJ\x055\xd3\xc0\xa8\x8aB6hL\xd5`\x18\xf1\xc5\x1c\xe7\xd9\x95\x0b\xaeXxu\xb5X\xcc\xa7\x99pq\x14}@\x7f/\x1blol\xcb\xc0\xdc\x8c\xc1\x88\x05\\\x1aU-\x06#*j\\\x12\'`a\xceE\xce\x135\xddQG;E-1\x93\xcc\xe4j1\x92\x1b\r&amp;\xcf\xb7\xb5w\xb5\'\xf3\x81\x11\xbd\x8a \x88Z\x18OU*\x02c\xb1\x84\x18\xa1\x02\xcd\xa8\xe1W\x80\xe5u\x17-#\xab\xe1\xc9\x89\x91p!\x0b\xce?\xde\x96\x8c\x81^i\xca\xa3\xd7[T U-\xe0\xa1`\x0b\x8c\x10\x18J\xdc`\x01\xee\xb1Z\xa3Q\x87?\xad\x1f\xa1\xa8U\n\xb0"\x85\\\xeexs{,\x98\xb4\xc3U\x11}\xd2\x07*\r\x81\x95\xb1\x90f\xeb\x84\x01\xe9+\xc0\x1a\x1f\x8f\xba\x94\x01\xab\x9e\xa2&amp;\xc0\\\xd9b6\x07\xa7\xb1\xb1?\xcdd\xa0[A\xbfBj\t\tv\xe5\x1fC\x174\xc9)\xf3u\xae\xb1p\x84\xe5puMX\xf5\x16ji)\x92\x8b|\x15\x89\x14\n\xb2|:LA3\x90\x10\xf0,j@-\x82\xd0\x0bQ\xbaM\xb8N#n\xe4\x1e\xeb\xb5\xfa\x0f\xc7\xc7\xbd\x07\x129\xcab\xb5L\xac\x16rp\xad.0p\x8d\rx,V\xbd\x15\\/\x04\x9f\xd7\xea\xf5D9T)\xd2\x8b\xed\xcd\xaf@\xad\xfa\x0f\xa3\xe3Qo"\xc8\x8cX1\x0b\xc5\x14\x8a\xb94\xc3\xe4\xe1\xfd\x08\xfd\xc1\xaa\xc706{\x87\xe9\xd7\x82\xb1\x88\xca\xa6S\xcf\xbf\x02\xb5\xa2\xd1\xa8\xc9\x15\x0fNZ\x84#\x96\x89\xc9\xf0\x04\xba\xedg\x02\x94\x04\xe1 \xad\xe0\xd1c_\xd2l\x06Ck\x97\xda\xcc\xea8\xf7j}\xee\x05,\xb72T\x802\xeaG&amp;VG\xc0\xfaajDb!\xd6\x02x\xe5$W9:\xe9\xb4\xcb\xa4R\x9d:\x84\xe38\xce)Z\xc5_\xbdH.w"\x98\x1e\xb1X\xadV\xcaB\x11N\x8ar"\xaa\xb2Hl\xbe\x94\r\x81\x8b\x9cb\xb9L*\xd3\xa9\x07\xeb+\xe0p\x08\x86\xb7\x1a\xbc^\xaf\xc9\xe42\xc5\xba\xec\x14\xe2\xb2\x82h\x16\x8b\xc5\x8a\x1a\x82\xb5\xcc\xb3\x16L\x17J|\x82&amp;)\xc2:57;;\xbb|\x8d\xb3[\x06\xdc\xf7\xbb\x1c\x8e\xdfz].S&lt;4\x98\r\x83\xc3\xad(5\t\x7f0\xe1Z\xd8\xee\xfb\x04 \xcc\x7fb\xb8\xe9\xdbdf\xb5N\x83\x9a\xeb\x17\xc3\\qU&lt;|\xb4\xc9\xe1\xf0:\xbc.S"\x14\x1a\x8dL\xe8A0!;-\x88\xd6\x9e\xbd\xf2}\x1a\xdcN\xf3\xb5Z\xb1\x80o3\x9b\xd5f\x14/X\'|\xc0\r\x17^q\x7f\xa8d\x06,\x97\xd7aR\xc6\x13\x83\xc1\xc8\x04\xd4\x0f\xa8\x90\x9f\xac\xe5\xca\x95\xd5\xc2\xf4\x1e\x80\xd2j\xf9rx\x10\xd5\xe6\xdd\'\xd0\n\xf8\x8e\xbb\\p\xe1\xf8\'S\xbf\x14\xea\x1c^/Z\x1eQ\xc6\xfdH\xaf\xe2\xe4\xa4\x93\x8d*\xeb\xbfOs\xb2\xed\x8a\xd6\n\xc4$Ij\x05r\x9b\xcel6\xbf\xf1\xc1\x89\xd7[\xd6\xd5&lt;\xb8;\xccA\x08\xe9\xf2\xcd\xb1\x8d\xceA\xc0\x02k\x99\x94Je"\x04\x95\xccF\x98\xb0\xc5\x8a\xd2\xaf\xac\xd7Q\x94D\xe3\xd4\xf2\xf9|\x80\xd2\x92[\xd1\xda\x8fZm\xfb\xe0\x83\x13\xbbZ\x8c\x0f\xae\xdc\xfd\xee%\x87\xefp\xbc\xfb\xe6\xd8\xd8\xfa\xd3\x1dH-\x97\xc3\xe5r\xbb\xddq\xa8d\x1c$+0a\xca\x82\xa6\x19!\xa1w\xd2\x01Z\xcc\x97\xca\x05b1)&amp;\xf9R\x1b\x8b\xb5\x1b\xb8\xde,]\x81\xf3\xec\xc2K\xe4\xc2\xf1\xfaO\x80j\xec\xcb\xdf\x1f0y\xbdQ\x87W\xe1V\xfa\x13@\xe5\x9e\x0e\x01X6\xc7\xe43\xfc\x80G\xe2$\xc1PZ\x81@.\xe7\x93&gt;\x1fX\xde\xc6\x16Q\xf7\xc6n(\xa3\x10a]y\xbax\xe1e9\x0co\xbd\x7f\xf3_@56s\xc0e\x8a\xa2\x86\n\xe6J \xac\xf8t(\x14\x8a\x01\xd9\xe1\xe6S\x80\x12\x80\xea\t\xe0\xd8\x05Z\x92\xf6!\xc7\xeb\xd0\x93\xa8C\xe9\x91]e\xac+{\x1e\x81\xc3\xf0\x97!\xd5\xe5\xdb\x07\x1b\x8e",h\x0f&amp;o\xd4\x8b\xea\x88\xaa\xa8L\xf8\xe3q \x8b\xc7C\xc1\xc3\'\x1b\xa5P9\x96I. }$M\xd3b\x81\xec\xbfX\xaf\x97\xae\xac\xdf\xbbw\xcf\x9e=\xa9\x9a\x99\x0b?\xb9\xe7C\xfd\xee\xffc\xe0wGY\xac9h\xf1\x86\xa8\x17\xf9\xcb\xebJtt(\x13\xf1\xf9\xf8t|z:\x16\xea:\xdel\xe3\x8b\xc5b\xbe\\\x00t\x01\xf4\x1f7-_\xaaC5,sm0"\xa6\xca\x1d\x95\xa9T\xf5\xa3\xef.V\xfc\x94\xd7$^\xd1\r\xf5\xdby\xb6\xe1hC\x19KaR\x00\x16j\xa9\x1d\xca\x0e\xa5\xdb?=?=\r\x82\xb9\xfd\x83\xc9\x93\xb6\xad|d+\xb9\\\xa0\xf5\xd1&gt;TD\x9b\x0em\xba\xa9\x11\xd7nM\xcd^\x80\xaa\xa9\xacI\x95x\xc6\xcaG3\xc3\xdd?V2\xbc\xe2\xf2\xc3\xbf\xf7,\x0c\x9c\xd9\xdf\xd0\xc0V\xf1\x99"\xaaP\x18\x14\n\x07\xda/sA\x93P\xba\xe7\x15\x006oR\x0e&amp;7IY_\xf1\x05R1\x8d\x0e\xc9\x87\xfe \xd3\xa1\x86\xaa6\xdb\xb6\x12 UeeuMM\xa9\xc4KUW\x1by\xff\\\xbe\xf0#L\x86C\xa7z\xf8\xed\xb1\x83S\x0b\x03Sg\x87\xcaX\xffv\x03\x96B\x115\xb1\xee:\xa0\xf4\xfb\xdd\x8a\xf9y\xd7\xbc\ta5n\xdd,\xd0\xf2\x91\\\xdaN\xb8\xf7\xd3Z~\x93M\x86\xd4b\xe5\xdab\\\x8f\xb0\xaax\xd5\xa5\x14/\xc5\xab\xae2\x1a\x8d\x953\xd7\xfeO\xc5PK\xb8\xfd\xed\xd9\xb3\x07w.,\x0c,\xec\x7fk\x08\xb0\xe07k0\x18\xa2\x80fr\xc0\x0f,\x9fp+L\xa6\xf7Qo\xed:.\xdb\xbc\x05\xfa\xa8X`\x97k=u\x1eh\x0fMMh\xcfM\xa7Cj\xc9\x9c\x95\xebw\x80X&lt;^\x95(U]\xaa\xe2\xf1\x8c\xc6T\xaa\xaa\xf2\xe9p\xeb\x0f7\x19^Q\xff\x87\xdb=\xfb\xdf\xd9v\xf0\xdd\xa9\x85\xa9\x9e\x85\x83\x7f\x1a\x1a:\ng\xec\x99\x01\x1d\xe0Bj\x81\xe5\x95n\x83\x01\xe1\xf9C]\xcd\x02x\x0bB\x7f\x90K\x05d]\x1d\x18~s\x93\xd4\x86\x0e\xc2\xd2\xf1S{vT\xb2X)Q\x15\xafd\x04&lt;\x90+e\xac\xaayz\xfd\x07\x9a\x0c=|7{\x8e\xfdz\xe3;\xc7\x80jaj`\xea\xcc\xb6!\x90\x0bN\xc3\xb2\x01\xac\x15U\xc0\xcc\xe5v\x1d\xf9\xcd\xa5\x0e\xc02\x00Vh\xf0p3z\xdf\x00\x95\xdd&amp;\xf7y:A,\x16K*\x95\x9a\xd5\x9b\xd4 \x16\x94\xb0\xa6\x86W\xc5K\x95\xaa\xaaJ\xc6j\x16\x0b\xb8\x8c`\xb2\xc5\xd6\xff\xc9\x05\x92\xc2\xc3\xf7\xee\xc0\xfe\x9f\xfd|\xe3\xfe\x9e3 \xd6\xce\x9e\x9d\x0b\xdb\xdeZ\xe3b\xe5R\xa0*\xba\\\x97N\'\x94n\x85a\xdc\xa4\xf4\x0fv\x1dn\x16\x00\x16\xf4\x07\x9bM\x80\x9eB\xadxk\x13\xa2jb\xd5\x12\x1bY*T\xc3\xd2\x7f\xfa6\x9f\xd06\xf2+\x8e[V),F2\x1ayL\x07\xcc\x92\r\xb6\xe2\xa9{\xa8\x0e\xb65\x87\x191j\xc0F0!=\x95\x0e\xa5\xd4a@!\xe3\x93\x04;\x17\x99\xc1\x92.Bx\x11\xd9\x91\xc0s\xe8\xea4\x97eO\x95LV\xbbR\x08\x0e%\xc5\x87\x85E9H\x1b\xe4\x83mX\x1bc\xe2\x10\x07l\x9c\xa4\xdf\xf7\x1b;a)\xddgE\xff\x18\xe2\x8f\xbf\xef\xfb\xbe\xbfg\xa2\xfc$lnN\x0b\x02\xc3b\x15\xe5_&gt;\xfd\xf5\xb3\xf2\x13\x1a\xbe\x83lV\xcf\xc4\x89*Eb\x99&amp;\xba\x98\xdb \xd7\xe3\xeb\xf1U\x1bo\xdd\xfe\xcb\xdf&amp;\x91\x11\xb7\'\xd0\xc5/\x815\x15\xf9t\xe6\xefc\xe4x,\x0f\x10k\x14\xab\xe9bh\x9ea\x15\x7f\xf4\xc70\x10\x8dF77\xc3\x84\xa5\x04\x18\x91\xcf\x15\x85b\xff\xbf\x95WP\xa6ie\xd2\xf1x\xc3LUI-S\xb7\xb6Mw\xa3Dr\xcd~~\xf9\x90\xc9u\x0b\\\x94\xf3\x93\xb7\x10e\xc0\xaa\xac\xcc\x8d\x07\xc7p\n\xb2\xf3\x10\xdd\xfc\xe3\xc2&lt;\xb8\x16\x16"\x8b\xc5\xa9\xa9\xa0\xb0\xc3\xb0\xa2\xd1\xe9\xe8O\x01\x0e \x810\x9bE\xbcAh\xd1_\x01\x03T\xe7\xe8U*e\xeaZ\x9c\x8b\xc7\x1av\xaa\x9aMUa-\xadQ\xcd\xa3\x8b\xe0\x82`\x1f\xda\x88\x11\x84\xd9\'\xef`\xb3\x87\xb7VV\xe7\x8a\x89\xe0\xe8\x18E\xd7\x185\x93\xa8\xe6\xe7\xf1\x10*B\xac\x1dNQ\xc2B\x80\x8c\xbe\x99\xe6\xf0\x18\xe0\xc3&lt;AE?T p\xfc\xec\x7f\x0e%0\xfd\xb9\xbc\xfb*\x0b*\xcfHsqY\x03\x95i\xb3A\xb4&lt;\xc7\xe1\xd4$a\x91\xeb\xbf\xf7\xb9nQA\xb0;4\x89\x15P-\x8fG\x805\xba0:\xe6S\xcd\x87"\x0b\xc0\x04\xd6\xfd%n\t\x83\xc8\xf3|4\xa0("|OXJ \xfa\x8b\xc2\xdb\xc7\x8f\x7f\xf8E\xc2\x02\x8a\x0e\x99T*k{\x19\x8e\x8b\x1b\x96]\xad\xda\xba\x9d\xdd\xdev\x0cC\x93\xaa\xba\x9c,\x95XH|\xfe\xfa\xc9G\xbd\xd0\xc8I,^4\x88\xcb\xeb\xe0\xc2\x99\xe8SA\xa5\xd0&lt;\x08\xb1{\x15#\xe1\xb4O%\xe0v\x92V\xa6\xa3L.\x85\xee\x19\xe2\x87BoO?\xfe\x07\xecOhsI\xc1I\xa9\x14\xa8\x14..\x81j+\x0b*\xb3\xe9\x19\x8d\x86eY\xa6\x91+\xd10R\x1f\xbf\xbby=\x8e\xd4\xc0\xc9/\'\xc9\xf1s\xeb\xeb\xebE`Q1*\xd8\x9d\x8e\xeeH$q\x0c\xad`y&gt;\x10\x16\xf8\xb3\xfe!:\x07\xa9\xc2\x01\xdcC?\x9f\x87\xff\x88&amp;\x9c\xfe\xe0\x1f2\xbfm\x13T\xaa\x9a\xcafm+\xc3\x85\x89\n\xafL\xddCti\xbanyF\xc6t2$\xd7,a\x95\xbe\xbf\x96k\x82%\xfd\x1az\xb8J\x9f\xb4\xc3\xcaER\x8d\x06\x99X\xa1 \x89\x15\xfc\xf6x\x89\x15\xe5CX\xe9\xf79^\x08+\x1c*\x1c\xdd\x0c 5xRQ`R\xf2\x0c\x93W\xfcC\xe6\xe8\x00BA*\x8c \xdc.p\x86efS\xb6nd2\xf4\x0c\xacx\xaa\xe5=+\x99L\xfa\\{__S\x01\x0b\xbfj\xac\xf9XP\x8b\x91D0\x80\x0b!\xb68c\x02\xee*\\\x98\xb0\xb0;\x84\x85\x93z\x1f@q\xaat\x1c\xe6B\xcacBAL\x7f|:p\xc1Se\xb2T\x95:\x985m]78\x05\xfa\xe4= y:4\xdb\xda\xaa6\x9bM[\xd7\xb2\x07\xbb\xc9R\xb2\xc4\xb0f_&gt;\x9a\x98xr\xa5\xd6\xbdJ\x85\xf5\xb0\xb8&lt;\xf5\xfbq\xf6/\xd30\xd5&lt;U\x90v\xd5\xbb\x02\xadY\x1c;z\x96\x0e\xeb\xf5\xfd\xc3x,&amp;\xc6\xe2\xb1x\x9c\x0b\xd3p\xf2&lt;\xb4SP\x8c\x8c\xe0\xf8\x11\xdf\xe7@"*]w,C\x12m\xcf02\x9en\x12\xd3\xd6V\xd3/\xd3|Q\x1e\x96JWr\xe5\xc6\x1e]\xab\x85Mke\x05b\x15\xe9c\x80\xeb\xc5P$1\xbe8\xcf2+B\xdb\xd7\xcc\x8f;D\x85\xed\x01h\x17\xfb\xf5~_#\xaa\x18\xa8\xe2\nD\x02\x0e?=\xcd\xb3\xa6\xfa\x05\xae\x11R\n\xa1@74\xd0\xb34\xc3\x10\rK\xb7\x1d\x04\xbc\xcf\x94of\x9b\xcd\xea\xf6v\xf5E\xfb\x9dUJ\xfa\xf6\x9a\xe5"\x8f&gt;4q\x85&gt;*\x89)L\xac\xcf\xadN\x8d\xd3G\x1f\xe6\x19\x156\xaf\xc8\xfd\x7f\xec\xa4\x01\x95\x86\xe9qwV/\xf4\xeb\x178\xd5DH\x05\x0et\x15\xa1\xba\xc9**(L3\xc4\x9b0&amp;\xdd\xe1D\x00\x00\x04(IDAT\x02\x1eJ\x052;3\x13z\xa7\xe9\xb6\x99\x85T\xa9\xea\x95PMD=\xea\xa0\xdd9Q\x93~\x1bgK\x9f-#&amp;\xae\xb1n\x14\x8b7B\x91\xf19\xe60\xa0\xcd\xfb\x86\x0f\x06g\xee\x1e\x8bX\xe0\xd3i\xdc\xc5b\xdc{P\r\x0ea+`*tB\xfaL\xc8T&gt;\x0c\xddp\xe3\xd2\x046B@\xc4e\xe6\xf3\xc3\xa1Ari\x9a\xa5\xeb s\xf2\x8e\x7f\xb3az\xd3v\x9c\xddr\xfb]\xee\xda\xf5\xb3;\x7f\xfa\xfa\xc9M\xdf\\\x95\xa9\xc5D"\x11\x8a\x14\x81\xb5\xbaJ\xa7\x10\x05|\x88&gt;\xc1?s\x7f\x0f\xd6\x86:1Q\x14\xe3g\x85z\xbf\xd0?\xe4\x94\xebS\x9b!\x05 \x13\x0e\x95x\x8c\xe3\x84hT8\xbb\xe0\xb8\x11\xd3$\xb0\xe6p\x7f\xd0j\xed\xc2Z\xba\xd50\xb4F\xa3aPi\x86\x06P\x04\x84F:\x0eZ\xed\xce0\x99T\x89kc6\xf9\xd9\x98\x7f8\xde\x9e\xfc\xd7\xdc"\x9d\x84\xe3Ss+\x95\n\xc6r\xf5F\x88z\x18\xa1\xd4z)\x83I\x94%Y\x94b\x87\x03\x88U\xef\x1f\n,\xa8(\x17\xa2&lt;\x1f\xe6 #\x983qN!\xff\x0b\xfd\xfe\xfe\xd9\x08\xfa\x95o\x82\xa9\xdc)c\xefs\xac\xa4\xea\xca\xb2$f\xe8\xcaXF\x04\x17C:\xcc\x18o\xba-\xc8e\xab\xb9\x1av\x1c\x04+\xf7\xbbu\xb4\xf1\x9b/\xfez\xe7\xde\xca\r\x84B\xa2\xb8\xba\xb2R\xc1/\x8e\x0f\xa1^(\x94`\x81\xff&lt;\'\x8a\x92\xec\xba\xae,I\xb1\x93B\x9d\xea\x02H\x02\x06 \x9d\x8e/\xa5\xe3\xcc\xfe(@Q\xa4\n\xca&gt;.\x19A\xef\xc0T\xc6\xad\xdc\xd9\xb5-\xad\xe6J\x92\xe8_\x99\xc1_\x08\xd9\xe06\xe8f\xe9C\\\xd3\xee\x1cl\x94j\xb5$\xe5}\xed7w\xd7n\xfe\xe7\x9b\x9b_\xdc&amp;\xacO\x83\x89\xe5\xd5\n\xa8\x9eL\xdc\x81z\x8b\xe3\tl\xcf\xcf_\xee\xb9\xa2\xec\xd6\xd4Z\x0eX\x17$\x16\xc8.\x96\x88\x068\x92,\x1b\x90\x00\xddM\xc3\xff\x14\x0c\xd4\xce&gt;a\r\xba\xe5N\xa7\xdcB\x95\xcb/t\x0f\xed\x93\xa4\x8c\x18\xf3\xcd\xc0&amp;\x00\x86\xd3m\xdb\xf4v!V\xb9}\xb4QR\xdd\x1a\xe5})\xc0\x9f\xbe&gt;??\x7f\xf6l\xad\xf2\x87\xd1\x99\xc8\xf8\xfaW\x95\xb5\x874\x07\xf7\xa6B\xdf\xfe\x1bH{\x92\xac2\xaa\\\xad&amp;C\xac\xde\xa0P\x00\xd6\x19\t\x88\x1f\x18\x8d\x00,\x12\x8c\xa0\xc8o\x8a\x92\xc600\xb5\x80\xd3\xeetZ\xddn\xb7\xd5:\xd0=\\\x8a\xeb\r\x08\x95\xc9H4\x95\xc4\x845\xd0v&lt;\xfc\x00\xedV\xbb\x95\x85\\\xaeZ\x02\x97\xc8\x83\x0e\xb7\xcb\xcb\xd7\xa7\xcfgF\x13\xcb_\xad\xad\x81\xea\x9fO\x1f\x9f\xee\xedQ\xdfdYuE\xb7VS\xd5\x1a\x8cq\xf1\xae\x00,\xc8u\x86\xa66X\x191\xc6\xb4\xc4)\xc8\x10\x8e\x980\xa2\xc0*\x8c\xc00\x9dv\xbb\xdc\xea\xf5\xba\xdd\x03\xdb\xb2&lt;\x8f\xd0$\x03L\r\xcd\xc3B\x93\xf7\xcby\xf3\xae\xdb\x82\xff\xd0\xc5$zB[NR\xc8!\xf6Q\xaa\x9aSs{{\xa7\xdf=}\xfa\xec\xfc\xfc2W\x03\x13hd\xd9MJr\xad\x96C\x0b!\xd6\xfb\xee\xa0W\xe8A\xaf\x13\x19T2\x95\xc4\xa2\x02Jq\xd4\xd5\x98\x7f$\xed\xe3\x92\x91n\x99\xb0\xda\xe5n\xaf\xdb;\xc0\x99\x8c\xa9\xd3&lt;\r\x83\xc8\xa0\x08\xa8IP\x8eC\x8e\xeft\xba\xed\xa3\xd9R\tX\x14`i7\xe9S\xa95|s\xaaK\x00\xaax\xa4\x97\xc0\x82J.a\xc1\xf0\xf2Y\xb7\xf7\x96\xa0\n\xf5\xa1+7\xf0\x065\xd0O4\n\x10\xb2\x0c\xfaIM\xf4\xb1:\xe0z\xd0i\xf5\xbaoq\xf2a\x83AnA1\xc4\x82C\xa1u\xa5\x95\xe3\x0c\x99\xae\xddN\xebU\xa9\x84\xefMXr\xac\xe4S\x81\x84\xeeT7\x87\xf8H\x12\x1f\xb0\\\x88\x05\xc1\xdcZC{s\xf2~\xd0\x03U\xaf^`j\x11\x12\xf3:\x88\x98\xf93\x12\x15\xcd\x19\xc3\xea1\xacr\xe7\x01\xe4\xea\xbe\xad\xda\xa4\x96\x85\xec\xd2\x1d\x9c\xd6\xb6\xf3\xb1\x85N\xfe\x80\xb0\x1e\x94[\xed\x9f\x8f\x8evw\x87\xc37h \xe7C\x11\x91J\xcf\\v\x9f\xa3/\x88\xe5\xaa\xae\xa4\xbd\x19\xee\x0e\xe0\x8f\xee\xdb\xc1\x00b\xd5\xc9\\\xc0\x02\x14\x15\xe4!\x99$\xff\x05\x02@\xf4\x9b\xd8\xfb/@UE\x8cp-\xe6\x9a\x00\x00\x00\x00IEND\xaeB`\x82'</t>
        </is>
      </c>
      <c r="M3" s="3" t="n">
        <v>45492.67835648148</v>
      </c>
    </row>
    <row r="4">
      <c r="A4" t="n">
        <v>12634</v>
      </c>
      <c r="B4" t="n">
        <v>1981</v>
      </c>
      <c r="C4" t="inlineStr">
        <is>
          <t>Rafinha</t>
        </is>
      </c>
      <c r="D4" t="inlineStr">
        <is>
          <t>Rafinha</t>
        </is>
      </c>
      <c r="E4" t="inlineStr">
        <is>
          <t>LD</t>
        </is>
      </c>
      <c r="F4" t="inlineStr">
        <is>
          <t>LAT</t>
        </is>
      </c>
      <c r="G4" t="inlineStr">
        <is>
          <t>LD</t>
        </is>
      </c>
      <c r="H4" t="n">
        <v>172</v>
      </c>
      <c r="I4" t="n">
        <v>13</v>
      </c>
      <c r="J4" s="2" t="n">
        <v>31296</v>
      </c>
      <c r="K4" t="inlineStr">
        <is>
          <t>Right</t>
        </is>
      </c>
      <c r="L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f8524f7a-d0a5-4565-8222-15ce6272ed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5\x1b\x90\x9f\x00\x00\x03\x00PLTE\xff\xff\xff\xf5\xf5\xfa\xf2\xf2\xfa\xfe\xfe\xfe\xf6\xf7\xfc\xee\xee\xf7\xe6\xe6\xf2\xe9\xe9\xf3\xeb\xeb\xf5\xe4\xe4\xf0\xed\xec\xf6\xf0\xf0\xf9\xe1\xe2\xee\xd9\xdb\xe8\xdb\xad\x96\xd0\x9c\x81\xd5\xa7\x90\xd1\x9f\x86\xd6\xd9\xe5\xd8\xaf\x99\xde\xb3\x9e\xcd\x9d\x88\xfc\xfc\xfd\xcc\x9a\x84\xf9\xf9\xfd\xd4\xa4\x8b\xde\xe0\xec\xd9\xb1\x9d\xd8\xaa\x92\xdc\xde\xea\xd7\xac\x96\xbf\xc2\xd4\xd0\xa1\x8c\xd0\x92z\xdf\xb6\xa2\xda\xa1\x8f\xdb\xa5\x95\xc6\x7fd&gt;,,\xc7\x96~\xdc\xa9\x9a\x95fU\xce\x96~\x9dfR\xca\xcc\xdc\xbeu[e&gt;6~VJ\xdd\xb0\x9a\x9clX\xfa\xf9\xfa\xa7s_\xd3\xa9\x95aC=\xd7\x9a\x84SAA\xcb\x99\x80\xd4\x97\x7f\xe1\xba\xa9\xc6\xc8\xda\xa5nZsOF\xc3z^G44O&lt;&lt;\xb5u\\7$&amp;\xb6\x85p\xbfz_\xdb\xb4\xa2\xa4\x9d\x99\xde\xad\xa0\x8d_P\xce\xa3\x91\xc3\x8ev\xb5~h\xb8zb\xbd\x8ezB7:eIB\xbd\x89q\xc6\x93yI&lt;&gt;\xd1\xd3\xe1]=8\xd6\x9c\x8b\xc0\x93\x81\x8b\x82\x7f\xd3\xad\x9f\xd4\xa0\x86\xcf\x8ct\xbe~f\xc9\x8brW=:\xea\xe8\xeb\xf0\xed\xefjC&lt;\xafyd\xcd\xcf\xe0\xb9oV\xd3\xd5\xe3\xc3\x85l\x86P&gt;\xc9\x8ey\xca\x86n\xd4\xb3\xa6\xa8\xa2\x9f\xe1\xb6\xa7nKB\xf2\xf1\xf4\xd5\xa3\x8f\xd9\xba\xb0\xaf\x7flN77\xba\x83l\xa5jU\x9d\x96\x94\x84[M\x8aWH\xde\xa6\x92zPD\x96]N\xe2\xcf\xc9\xcb\x84fV74\xdb\xb7\xa9\xc5\x98\x85\xd1\x90sYYe\xd2\xcf\xd3\xb9\xbb\xcd;4=\xaet^\x99\x91\x8c\xe4\xbd\xaf\xc9\x9c\x8b[B?\x92\x89\x84\xbcw^\xa6bI\xd9\xa1\x89~vt\xac\xa6\xa6_JJ\xa1sc\xbe\xb8\xb7\xc9\x80i\xa4\x8a\x80sH=oA6\xb1jR\x90S@la`\xd0\x8al\xba\x88w\xe3\xaf\xa0ULR\xda\xd6\xda\xafpX\x85zw\x99ZC\xb6\xb2\xb4\xf7\xf6\xf7\xda\xa6\x8d\xfb@R\xde\xc4\xbb\xde\xca\xc3kOJ\xa8yi\x91\x8c\x8cMBG|I:\xe0\xdc\xe0LO]\x9bn_\xa1YG\xdc\x9d\x88\xc3\x9f\x91\xe1\xaa\x99\xe4\xd4\xd0\xdc\xc0\xb7M0.~{\x84\xbf\xbc\xbf\xa3\x82t\xb2\xad\xab\xe6\xb4\xa3UGI\xae\x85u\xc8\xc3\xc4tor\x84me\x8aeX\xb3\x8d}\xd5\x91{a4.\xaceN\xb5\x95\x86\xe4\xe2\xe6qXU\xbd\xb1\xac\x94|sIHT\xa6\x94\x8c\xc2\x86tfdn\xe7\xbb\xab\xca\xc8\xcc\xfaO_zb[\x93mb\x9dyl\xbe\x99\x8aE&amp;\'\xcd\xa7\x9b\xa8\xa8\xb5uhf3/6\xb2\xb3\xc3\x90tkZS[\xb5\xa6\xa0\xc5\xa4\x99\xb2\x9a\x92\xf5\xf2\xf3\xcb\xb0\xa7\x99\x81}\xed\xda\xd9A=H\xc8\xc7\xd4\xca\xbd\xb8\xbapk\xf13FcVT\xce\xb8\xb1\xc5yw,\'/\xabbY\xd3\xc4\xbf\x88\x86\x92\x93\x90\x9bV,-\xd1\xc8\xc9\xca\x7f\x80\x9c\x9a\xa5\xf1\xe4\xe5\xd0\x89\x84\xeb\xc0\xbc\xd5+7\xeft|\xf3`j\xed\xab\xb4\xdbZe\xef\x98\xa1\xf1\x89\x8c\xae\x1f-\x1dn\x1e6\x00\x00 \x00IDATx\xda\xcc\x97\xe1O\x1ai\x1e\xc7\x9b\xf0\x074}Q\xfa\xb6\x14h\xa9\x06{NO&lt;\x9an\x95;2lO\x16\x12#;.\xb5@C\xb48\x06\xdbFlmh\x0e\tN\xe3Pg\xdcQ\xabx\x14F\xbc\\-\x96\xac\xd64E\xca\x02\x96x\x16\x8em\x8d5\xd9\xc3\xb3VkL\x13Ls\xd74\x9b\xec\xdb\xfb=\xb8\xbd\xbf\x00l\x7f\x99\x81\xe1\x15\x9f|\xbf\xdf\xe7\xfb&lt;s\xe0@)F \xc4L\x98\x00F(8\xf0\x05\x8dp\xd2l\x8e\x98\xcc0\xf6I\xec\x0b!\x13\x00\x93\xd9\x14\x08\x04"f\xa1\x10\xb3\x9b\xcd\xc2/\x82\n\x0bDY.\xb1\xecN\xb8\x97\xcc\x98\xf0\x80\xd0l\xc6&gt;;\x14f_\n$\xa2!\x16gC\xd1h\xd4\xbd4)\xc40\xbb\xfd3\xfb8\xb9\x14p\'b$\x8e\xe3$\x19\x0bq\xd1D"\xb0%\xc4\xcc\x93\x9fQ.\x81\x003\xb9\xdd\x1fC,\x8b\xe3\x0e\n\xc7c\x1c\x17\xe2\x12Q\xf7\xa4\xd0\xbe\x85}\xb6x\t\xb6\x96\xdc\xc8&lt;\x87\xc3AQ\x04A\xb3\x1c\xf7\x11\xdc\xe4\x12\xee-l\x0b\x83\xb6\xf8&lt;\x95`GT1G\x18\x88h\x82\xa6\x1c8\x99\xe1\xde%\xa21.\xb1\xb4e\xde\xda2\xdb\xed\xd8\xbeW\x85@h\x87\xa0s$\x05TT\x18\tF\x00^\x0e\xdf\xc8@\xc2\x12\x91\x08$n\xf9c\xc0\xb4\xb5\x8f`\x02\x0c\xdb2E\x96\xa3!\x92\xe0\x19\xdaA\xc6\xb8\x0cK\xf1\xf9\xc2=\x9f\x8f\xa7H\x8e\xc4\xb9\xd8\xc7e\x0eg\x1d8\xcb\xb9M\xfb\xc5%\x14\n\x84\xa6@\x82\x0b\xe1\x04\xcd\xd08\x1b\xdb\x88\xc5b,K\xd2\xc9\xf8\xeb\xe9\x14\xbdA\xd21&lt;\xc3\xa1\xa5\xc9\x86\xb8P(0\xb9_`X\x04RER\x04C\x84i\x8a\xa6(\x9c\xa2\xc34\x9f,L\xc7\x0b:_\x8ab(\x82gy0\x15\xe7\x96a\xdc\xa6}Y\x95\x02{`9\x1as\x10L\x92\xa6\x19\x86\x86f\x00*\x8a\xa0\t"\xd9\xa8\x9b\xd6\xd5\xfa\xc0\xcc8_`\x18\x9e\xa7\x1c!\xb7i\xc9\x1d\x99\xdc\x0f\xaa\xc8r\x88\x0c\xd3\xf0\xafL\x9e\xa1A\xac\\\xceA\xb28\xcf\xfb|\xf9\xc6\xe3:]\xbc1^\x1b\x1fl\xac\xf5\xed-\xcfh\xc4n2\x95\x9f\x0b\x83^ \x890\xc3$\xf9&lt;\x81\xa0@.\x12\xcf\x12\xf9B\xdew/~\xfc\xf8\x1f\xeb\xea\x1a\x1bk=\xbax&lt;\x95\x83\xf2\x8f\xb1\x99\x08\x86\x95\xbd]\x05&amp;\xf72\x1b&amp;\xc3\x8c/\x99\x84J\x18\xce\xe1$\x97`y_\xc1W\x18DSWWw\xad\xb6\xeeZ}mm|%\x9b\x83\xd5\xc0\x92\xa1\x8f\xf6rw\xab\x00\x1c\x89}\xc0)&gt;\xe9\xcb\x13D6\xbb=\xbc\xb9\x91\xd9$\xf2\x83\xf5u\xd7\xfa\xfbk\xf4\xfa\xfe\x9a\xa6\x1a\xfd\xd4\x94^?\xf8\xfcyj{s7\x11\xca\x84B!s\xd9+\xcbD\xd2\xd0\x9e\x0c\xa8E\xf0\xd9lvx\x98\xceN\xe9\x9b\xfa\xf5z\xfd\xa9\x9e\x9e\xee\x9e\xaf\x16\xba\xbbO\x9dB\x8f\x0b++\xeb\xb9\x8d\xcc;\x8ecI6P\xd6\xbd[ Xr\x84\x9f\xe08M\x83Z\xfc\xfazj{\x9b\xc8.\x9c\xea9\xd5\xfd\xf5\xc9\x93\xd5\xd5\xd5\x95\xd5\xd5g\x8b\xd7\xc9\xca\xca\xd3g\x7fXx\xb5\x9d\x03\xae\x10I\x92\\9kB\x18\xf9%L\x90l8\x1cN\xfa\xf8\xf5T*\xbb\x9d\x9d\xff\xa1\xb2\xb2\xab/\x18T\xf5\xa9\xb4Z\xadJ\x85n\x98`___\xc3\xe9\x93\xab\xdb\xc3\\&amp;C:\xd8\x18W&gt;#\x05Kx\x98\t\xc7p\x1e\x1a+\x99Mu\xbfz\xf5\xfd\x83\xae\xae\xa0*\x08\x1cZ\xb5\xf6\x02\x8c\xda\xeb\xf5\xaa\xd0\xad\xd5^\xd0j/\x9d\x9d_\xdd\x84m\x00\xd6\x05\x19-[KL\xc6\xc2O^\xb0,\x13&amp;x_6\xb5\xb0p\xb2\xbak48\x8a\xa0\xbc*\xb5\xda\xabV\xab\xe5{_^\xab\xd5\xeb\x05Hm\xc3\xe9\xf9\xf9\x0c\x9e!q\xa8\xb0D\x99\xf2%H8\x1c&gt;\x9cc(\x9a\xcf\xaf/t_\x9f\xa8\\\x1c\x85\t\xaa\xac*\xa0\xf0\x02\x12p\xc9\xe5^\xf4!\xb7\x82pH\xbf\xab\x0f67\xc8\r\x9c \xc8\xd0Ryj\xc2\xcc:||\x08\xce||~\xa5\xfb\xfa\xd8\xc4\xcc\x9d\xc5\xc5\xae\xc5Q\xeb\xe8\xa8\xd5*\xb7\x02J\x91\x07!\xc1O\xe0T\xab\x01K\xa5\xbd\xba\xb1\tX|.\x13(K\xea\x05\xcb\xd0\x0b\xa4\x83\'\xf2\xf9\xe7=mc\x137g\xee\xc0\x14\x05\xb3\xc2\xc8\xcf\x9d\x83\x0bn9B\xb4z\x11&amp;\xca\x9aV\xf5lc3G\xf04\xc9\xd9\xcb\x81eg!\xef8\xc1\x14\nS_\xb5\x8d\x8d\x8dML\xcc\xcc \xc1\x10\x16\x02:\'\x95\xc2%\x85\x87\xa2j\xf0\xa5.r\xa9F\x1f\x0c\xe7rp\x86\x8dE\xcaQ\x0e\xee\x0fL\xd2A1\xf1\xfa\x82e\xa4\xad\r\xe4\x02\xae\xa2\\H)\xe0\x91\x0e\xa1q:\xa5{s\xae8\xc5\xfc\xf7=\x98\xcf\xa1\xd0/\x97\xc1\xc5\xc9\x7f\xff\xb7\xf7E\x98\x8f7\xd6\xeb-\x0f\xaf\x03\x16\x84\x0b\x89\x85\x1c\x93\x0f9m6\x9b\xc8h3\x1a\xc7\x8d\xf0ds":\xd0\xaf\xc8%\xd7^\xfa\x1em\x9e\xe12t\x84`\xeb_\xc9\x7f&amp;\x9f\xbc\xd6\xd5\xd76Y\x1e\xb6}\xc2\x1aEaW\xdblF\x91\xcb\xa5\xac0\x8aDiQ\x1a&gt;]\xe3\xe3\xe3\xceO\x8a\xc9\xd5\xaa\xd3\xab\xb9\x1c\x19&amp;\x03eX\x87\xbfL{\x9e\xdc\xd35\xd6^\xac\xb2\xb4\x8d\x15M\x9c\x99AZ\xa9[[m\xe3\x80"R(E\n\xb1aV!\xeeT(\xd3i s:\x8bX^\xb5\n\xe4\x8277\xba\xf4.\n"\x8c\xa7\xd7\xa7\x83\xb3TM\xcdoXwf\x16Q\xd8\xd5\xd2\xcb"\xa3H\xa9T\x1cR\x8a\x07\xc402\x89DfP(@2\xb0\xb2\x180m\xc3\x8f\xeb\xc3\x94\x83`K\xee\xa20\xda\xbb\xf6bZ\xd7X\xdf_\xf3[\xe2!\xef\xa3V\xb5t\xa8\xc5vD)2\x18\x14\x9d\x86\xceN\x89D"\x96\xc1h\xc4\x03\xa0\xddx1aR\xb5\xba\xf5\xdb\x7f\xacf\xe1\xdc\x11^*y\xe2?\xec\xec\xbc\xd8\x01\x0f\xfb!Z\x90\xad\x89\t\x14w\xafT\nI7t*\x01I,\x06\x9542\xbf\xbf\xa3C\xe3\xd7\xcc\x0e\x14\xd5\xda[\x98\x7f\xfe\xf6\x9b\xf9u\x07\x9eg\x02%.z\x81\xe9\xb5\xc7sO\xa7\xab\x1f\xec\xaf\x19\x19i{\x08\x16\xa2j\x90Km-F\xd1\x80\xc1 \x19\x00\xa94\xa0\xd3\x9cF\x03\x92\xdd\xb81\xabP\xa2t\x01Y\xab\xb4\xf5\xc4_\x1e=\xcb\x12\xb1$\x13*\xb5Z\xee\x9d\xb5\xf7\x1e\xcf\xb5z}\xbf\xc52\xf2\xf0\x93\x87\xa0\x16\xc8\xa5T(\xbeS\x8a%b\x8d\xa6C\x037`\xcd\x02\x95"\x8d\x96#\xc8\xe5l9r~\xf7M.\xe5H\x162%\xce\xbc\xf0\x03`\xad\xe9\xea/\xd6\\\xb4\xdc\xbd\x8b\xb0\xa0IQ\xbd\xcb\xa5C\x88Ki\x10\x1b\xc42\x7f\x07\x08\x06\xa1W(\xd2i\xa5\xcb\xb5\x87\xd5j\xbb|\xb8\xf9\xf1\xfd\x8dW+\xbei\x07V\xeahy\xde\xbf\x7f?]\xafGX#{X\xa8\xdf\xbdP\x996\x9b\x12\x85^\x02I\x87E(\x16\x83\xa5\x8a\xb4\x0b\x1a\xc2Y\x0c\x97\xb3\xb5\xe2|\xfb\xe3\xdd\xcd\xd5\x95\xc2`\xdeTb\xac\'\x08K\x07\x1e\xd6\xdc\x1d\xb9\xbbg\xe2\xe2\xa8\nm;CCF\xa5\xa2B!\x96\xc8P\xe6%\x06\x05\x90\x01\x96\xcb\xe5t\x16\xd5\x1a?q\xe4h\xf3\x957\xcfVS\xbeA_\xa4\xb4\x997\xf5\x02\xd6Z\xddE\xfd\xc5\x9a\xaa=\xb5&amp;P\xb6T\x08\xcbhL\xa7E\x06`\x02\xc1\xa0\xb5d~\x99\x06\xa2\x85\xfa\xb4\xe8\xa3\xb1\xe2\xc4\xf9\xf6+\x8f\xbe\x19\xdef|\x05w\x89\xb1^\x14\xb1\xf4\xfa\xa6\xaa\xaa\xbdl!\xac\xa0J-\x95\xb6\x88\x8cF\xa5\x12\x9c\x93\x80`\x03\x06\xe5\xacX&lt;;\x00\\\xb0\x12]\xe9q\xa3QTq\xe4|\xf3\x95\xb7\x8f\xdeln\xa7\n\xb1\xd2\x9a\x18x\xedY[\xd3\xd5\xe9\xa7\xfe\x8f\x05\xd9\n\x06\xb5\xb0\xf1\xc0\xbec0\x18\xc4\xc5~\x87\x87Y\xb1dn\xce/\x91!\xae\xbd9x\x18\xd4jo~\xb3\x99\xe5}xi3\xef\xeeEX\xb5S\xfa\xaa\xaa\xa6*\x84u\xf3\x0ez\xb7\xd0^hm1V(\x0c\xa8J\xa1\xdf\r\n\x83\xe4\x86\xcc\xff\xd4\xef\xf7\xcf\xfdm@\x01\xd5\xe5\x12\xb9*D\x07\x7f\x7f\xa5\xfd\xe7\x9f\x1f\xc1a\x90!\xcb\x80\xe5\x81\x85X\x05\xb3\xb7\x12\xbb\xe0\xb5KuA\nu\x8a\x0c\x94i\xa0\xdc!\xf1\x9ac\x1d/_&gt;\xf5\xcf\xdd@X\xc0\x05\'\x8b\x8a\x83\xcd\x80\xd5\xfe\xf6m\x86\xe2\xc9\xd2\xee\x8a\x81\xde\x1dP\xab\xbe\xc6\x82\xb0@\xad\xb6\x19\x10K\x15\xb4z/\xc0\xa1\xe6\x10d]s\x1bF#\xeb\xf8\xf5\xf6\x99\x0e\xd0Jrc`\x00\xb6\xc5\xb4\xc8\xd5":|\xa8\xb9\xbd\xbd\xfd\xca\xee\xee.N\xd1\xa5U+\x02X\x1e\xdd\xb5&amp;\xc0\xb2 \xae\xeb\x95\x10,xUm\xf8\xe9\xf2\xe5\x8a\xa3\x80u\xec\xf6KT\xf1\xb7\x7f}\xfa\xf4\xe5\x19xB\xb5\xda\xf9\x9d\xd2el\xa98|\xb8\x19\xe4z|\xff?\xef2t\xb8\xb4jM&amp;w&lt;\x1e]\xdd-\xd0\xca\xd2\xd44\xd2s\xf3l\xdf\xa5\x86\x86\x86?]\xfd\xebO\x97\xffp\xd4 \x03\xae\xdf\xa1\x93\xc3\x99\x8e\x8ec\x1d\xb7\xcf\xc8$\x9d0\x12\x83R\x04X\xe7!\xf2\xed\x8f\xff~\xff\xfe\xbb\x0cE\nK\\\xa7;\x1e]c\xdd-\xb4\x10o5Y\xba\xbf\xfe\x1fkf\xf7\x93V\x9e\x87\xf1&amp;\xde\x83\xc6\xb2\xac\x91\x18)o\x02)\x94\xf2\xd2\xb2\x81" \x05\x15+6\xc8\x80\x1c\xa6\x98\xe6\x08V\x82\x80\x95\xb7\x01jSZ\xba\x96\x19-\x03\xb5\x83\xd6\xe9\x96\xf82\x9aX\x04\xb9\x18\xda\xd9Z1k3C\xdd\xc4J\xb3\xcd:\xcdv\xddx\xb1\x99\xb8\xb1\xd9Yo\xf7K\xe7_8\xe7\x82\x0b\xae&gt;y~\xdf\xdf\xf3}\x9es\x98\xbc\xc9\xdf\x9e\x95\xe7]\x04g\xad\x00w\x86D\x05\xb5\x8a\xd3g\x86T*\x81!F \x10\xce\x13\x89,&lt;\x9eE\x144\x1b\x8d\x80\x15\xcc\x1f\x1c\\\xff\n[\xac\xb3\xff\xf9\xf1\xd6\xa5K\x97\xddz\xe0\xe2\xe8\x1d\\.s\x05\x9eu\xa9\xd5\xea\xe0\xae\xb8"\x86\xf3\xce\xc6\xba\xba\x16\xf5\xf64\xae\xae\xbd9\xe2ZY\xd7\xf0\\\xca\xae\x9e2\xc2\xaa\x03(\xe3\xa0qm.\x9f?&lt;\xb8\x88q\x84\xa8\xf9\xd3L\xf5\x10\xddU\xb9\xf4B\xabttt}g\x9d+\x0c\xb9\x0bz\xa1ttq\x91\xaf#\xf6\xd4\xa9Ug\x1a::\xbb\xd2\x8b\x1a\xa9Tj\xd5L\xbeL\xa7;\xcb\x8cf\xf0,cxm&gt;\x18\x04\xac\x1f0\x0e6\x7f\x1d\x03,\x18.}\xc8\nC/\xe5\xeeL\xbey\xf3\x06\xc8\x92\xa9O\xf6\xaa\xe1w\xea\xeaN\xdd\xc1\x11t\xae(;\xe0\xf5zw\xd6\xd7w&amp;\x01\xb7_I\x1c\x1e\x16\x80ZU\xacW\xdfaY2j\xae\x9c\xad\xb9\xf2\xfa\xd6;\x18.\x0b\x9c\xa2\x95\xe3\x18\xddYYt\xf1\xf9\xfd0\xf3+&lt;\x1eS30\xc0\x8e\xa2\xcdCC\xb8\x0cQ\xe9Q*]\x93\x93|Wz\xf7\xfd\xee\xcbE&gt;_\tf\xfai\xb6\x82\x87\x17\xbf\xc3\xf0u\xd2\xef\xae\x0b\x17\xfe\xf9\xf1\xbf\xef~\xb9\xb4$\xb3\xc0]\x84qb\xf2V4\xde\x00;\xba\xd2\xa53\xa4Ww]\xbce\xef\x88\x99\x85;\x197\x11{\x18\x91\x18\xaamC#\x11CWW\xac=\xa2T\xc6\x86\x87\xc1\xb6\x00\xeb\xd55,M\xfe\xd1\x96\xd4o=\x9a\xa8b\xb5Z\xf4V\x87\xbf\xfa\xee\x0f\x9c\xde*\xf5K\xd7\xdf\xa4\r]\xb1\xddE\x7f*0\xde\'\xca\x8a\xf0\x8c\x1e\x06C\xbe\xf9\xe0\xc1\xa6G\xe9A=Z]3\x81\x11\xa9n\xc4*\xd6\xb5\xdb\xf7kN`\x16!nr\x01\x85CW\xfcrk\xc9-\xe4X\xfd\xa3L\x1e/\xc9\xb1Z&amp;\n\x8a\x99\x89\x05f\xffj\xda0\xe2/\r&lt;H\xf4m\xf4\xd9:&lt;:\xf9\xe6\xbd\xc7l\xafW\xb3\xc2\xd7\x9a\xa3\xda\xf3\xf8\xba\xf6\xc1p8\xbc\x16\xfcx\xf1\xfa_j\xae\xcccu\x8e\x8f\xb8V}\xb7\xb5\xa0P\xbc{fqp\x92\\\xf0,f*\xe4\xfe\xdbC=\xfd_\x8e\x87\xdf3\xa3:-;U\x1a\xd8&lt;mO\xd0P]\xc4|us\xea\xc5V\x81\xfe\xb0 \xf5Jt\xda\x0e&lt;\xbe\x19\x12Dx\x0eF\xeb\xab+og\xb5o1:\xc8\xcf5\xa9R\xc8\x1a\xa2+n-\xe9\xa5\xd6\xa4\x97\xc9\xf6&amp;K[[/\xbe\xb4\x84\x84\xc2\xdb7W\x99Og\x1fsJS\x9b\x10\xebif\x0f\x0b\x95?}s\xff\x85\xfe\xdd\x84\xfe\xcb\xcf\xfcl]\xcfy\xe02\x0e\x0e\xaf\x05\x0f~2@\xd1%\xd8\xf6\xb1\xb9\x87Ov\x96K!\xbd\xa5@\xbf4\xa3w8\xfcL^`\x19&lt;ae\xf1\xeb\x17\xdd\x0b\xb7\x0f\x06c\x9d\xde\xe5\xe5Rj\xea\xc1\xd5\x0b\x89\x84\xd6L\xd3\xa5\xd3\x86\x0f\x7f\\\x10vO\\\xfby\x87;\x82\x80\xd3\xd7\x19\xc3s\xc3\xf9\xfb/\xc9\xb0\x9fVm\xff\xc0\xc8\x1f\xbe\xf6\x97\xf4!KHvi\xe6\xee\x82\x83\xcbfO\x81/-\x07F\xd8l\xd7\xa22\xfd~\xd5\xa0\xf4rJ\xa9\xc7P\x1ai43\xecom\xd9\xccX\xfd\xfb\xd6\xc3\xeb\x07\xef\xd3.\xb9\x19\x01\xac\x86\xc6\xb9\xc1\xf9W=T5e\xf8\x7fN\x8c\xf6O\xcd+/`\x15,n\xd9\xde\xb9\x05)`\xb1y\x81\x80\x97=\x12\x18\xe9\x8f\xa6\r\xab\x11\xc3\xa2\xdf\xcaI&gt;\xad\x8aEC\xcd\xe6\x1eC\xc4P.\xa7wW\xe1\xb7\xac3\xa34\x96\xa9\xa1V57\x97\xff`\xa2\xfa\x1a\xc3\x1b\xd3\x98\xa5\x1aM)\x14\xaa\x84Zec\xcf\x00+\x00\\L\xb6D\xc2\x97\xf4w\xeab\xed\xed\x91\xce\x00X\xfd\xf2\xd3\xab\xb4\xbe&gt;;`y\xca\x91\xd8\xdbH:\xedJ{:l\xe7Y\x08\xf2\x85\t\xef\x84\xe5\x93\xff@\xc25\x9d\n\xfb\x8e1\x8b\x0f;\xa5\xa3P\xa5\xe0\x96\xbd\x9e\xe9\x96r5lv\x80-\x99\x9d\x9d\x95{:\x08\x82v\x86.\xeaMqJU\xb5\xecd"jG\xd1\x8e\xd8[\x08X\xb1\xb7\xed\x84j\x80 \x93\x91\x1b\xe2\xbaa\xd8=\x83gN\xf6\x9eR\xe7\xf2X9W\xcd\xcf)\xc0\xaa\x14dc{\x13\x0b\\M \x00XQ9\xe4\xf8\x0e\x02\x81\xd8!\x8f\x0e@\xaa\x00\xb5\x12\xb4\x84\rA\x12v\xa4]\x00\xaby-,0\x89Y\x90N\x91/l\xe4\xe6\xb5 `\xe1\xd4T\x88\xf9\xbfbW\xc7\xb8G\xee\x8a\xa2"{=6\xd1\x9d\xe4z\xd9\xec\xea\xb7\x0b3\x8a\xdal\xc4\x8e6T\xbe\x0c!l\xe0^[\x82FC\xcb\xf6\x04T\xa1\xa6\xf0 p56\x98\xf0}\x88\x1dA\x10V\xed\\&gt;8/h*\xe6\xa6\x8bE\xec\x12W\xcdO\xa0\x96\xa2\xa2\x18{=1!\x1d\xd5T\xb1\xb4\x1e\x14El6d\x9c\x86\x8e\xa4J\x1c\xf0\x07\xa8\xb1\xd0TQ4A\xbe!nQ5\x86\xc3*\xbc\xa9\x8eEF\xec\x00o\x9c\xcf\x07\x0f\x9bZ\xd4\xb9b\xf1\x18\xc3\x08\xf1\x08nbE\xa1\xd8\x1b{v\xae\x1b\x86kD2\xab\xed\xb0#}\xf6\x04\xb4\xea\xf1\xc7\xa5R\x893u\x1a\xb0\xc8\xcd\x02\x1bj\xdf\xa0\x8a\xc5N\x95Zu\xa7\xc9)"\xdb\xfb@\xac\xe6\xc1\xf9|~\xae^m,no\x071\xec\xd5O\x16\n\x85\n\xbd\x8a\xe5\x16V\xb1\xa2p\x84\x88\xfd\xc2\xe9\xd3\x17\x12\xb4\xd9\xa9\x12\x1c\xe2\xa6}C\xbc\xd1G42P\xe4\x1bJV\xd4\x0b\xb9\xbe\xfa\xa6KL\x86\x9a\xd8l\x84\xc4\x9c?t\xaa[\x8aw\xa6\xf71\xc4\xaa\xf9\xf6\xa8P\x91\xd1g\xf6\x96Z\xef\xfa5L6\xb4\x9e\xb66s\xdb\xf8\x05Z\x02\xd5z\xad\xfe\xe4c\xb3\x98\xe2\xf3\x89\x9c\xc4\xb2\x07\xf9F,\xa2d\xb3\xd57\x83j\x9fHd2\xd5\n\xc0\x1d\xf2\xf95\xdf4\x88\xe5\xc3\xb2\xfa\xd4\\\x07\xacV\xfa\xb3\xbdg\xadwa\xb8\x98 \x97\xfct[["\x01\xf7\xce\xb5\x0c\xbbHKn9\xce\x0fe[\x8c\xa8\x99&amp;\x12e\xb3 \x18\x14mu.\x1b7\x99\x1a`M\xe7\xf7\xf3\xc6!\xa0\x9a\xcea\x1a\xe5\xbf?\xaa\xde\xc4\xa5\xbd\x99V\xa1\xa3\x1a!F\xa2\xda\xf1\xd34\x18\x1c[\xda\x9b\xf2&amp;\x93Q\x165\xb8\xbf\xedkQ\xf7\x92\xcb\x19\xe8\xae\xbe\xac8.\xa2\xf8\xa8\xd0aM\xb5\x10j\xf6\xf7\xf3\x82mxr\xc7\x98b\xdd\x07,E\xe5\xf2\xde\xcc\xb9n0z\x90K\x02\xbee\xb3\x8bY\x0c~\xc9\xaf\x19u\xb0\x91^\xe8\xd2N\x82\x89B1f\xb6s\xbe\x9c\x0f\xce\x91\xe2\xec\x89\xc73\xb5M\xaaa8\xc3\x8fM\xdb\xdb\xc7\xdb&gt;,\'\xfeD\xcd\x0f\x9f\xb0d\x80%\x84V\x03A\x90/G\x112\xb9\xd7\x19\xf1V\x06`7i\xca\xcdTj/\xd1\xd5I6\xf5R\x8aP\xfbA0\x9f\x8f\xd2\x107e\x1a\x9aT`\xa6\xf9\x83\x93\xd0\xb7\xd5\x94},\xd5:q3\x041P!\x9bY\xaabU\x8fQ\xd2\tXbJK,pT\xd2\x94\x14IW\xa4\xdd\xc9`\x86R\xf7l6\xeat\xf1\xcev.\xeb\x8bS3\xa4L&lt;^\xfb\x1b\xd6\xe1\x10\xfcM\xc9b\xfb\xc9\xfas\x8b\x9b\xaeP\xd0g.\xb7\n\xa5\x8e\x05\xc8\xcd|m\xd9&amp;\x12Q\xd4\x84\xe8\xf2Q\xa9T\xa9x\xfb\xbb\xba\x0c1\x81\x8aac\xc1\x8d+N\xfb\xb2\x99\x8c/C\x8a7\xd465\xaa\xe6\x82\xf3\xf9\xe1c\xf8[D\xc1\xf6\xd5\xc8\x93\x89s\xadt\xbab\x06z\xb5\xc3\xe1\x90rA\xad\x0e\x16\xb8\x13\xce\xa6\x1d\xf1r\x8e\n\x85\xd2\x80DI \xda\xc8\xe6r/\xc5\x97\xcb\x15}\xf1\xb8\x0f\x97\xc9d\x1aH\xf5\x8d\xe1\xea\xea1\xc2\x9f\xb9\xec\x10\xb6\xed\xf5\xf7[\xee\xaa\\?^v[\xac\x0e\x18z\x1e_\x8b\x90\xf1\xa6\x0c\x1ei{\xc0\xd6$CI\xe6\xa2\x92\xd1\x1e\xf3\xa4\x89\xbd\xa0\xa1/7\x9d\xcbe|8\x1c)C\xaa\xafW\xfda&gt;?\x7f\xd8N\x10\xb7d\xb3A\x8c\xcb\xfeg\xad2z\xf5\x10e\x96\xeenP\x8b\x17\xf5 6\x16\x9eL\xa3\x8d\xcb%L\r\x14\xfb\x97\xe9H\x0c\xaa!K,\xde\x10gA/\x1c`\x91p$R=I\xf5\xa9Qg\xa8-w(\xd4_\xb1\xc5:qsBF\xa7\x17\x96.\xcbB\xc2OX\xfcNH\x06(8\xbd|v\x84\xc9\xe4M\xbe\xdc5\x18\x0c\xbb\x86\xb2\x8dL\xde\xb8!\x8a\x83C\xe0p8\x1f\t\x87k\xacW\xcd\xcd\x07\xe7\xffM\xa5\xa8\xd7Z\xe6\xb0\xfe\xb8\x7f\xf6\xcfnY!TUK\x08\x86\xca\xe5\xc1MD\xb5\xf2q\xb3vV\xc2\xd6\xf0$\xcf\r\xab\xab\xcf\xbbb\x86\xaeN\xdb\xffy7\xfb\x9f\xa6\xd2,\x8e\x83e\x07uM_\xc0\xeb\xdd\xae\x15\xaeq\xd3\x0e\xad\x99R\xdb\xda\x12\xcb\xb6rc\xecm\xbd}\x1b\xac\xe0\xd8J]\x15\xd8-}c`\xcbD\xbb\xcb\xcbn\x9bY\xc7v,\x89\xa6\x83N\\\x03TBj\xba\xebK\x13\xeb@wS\x91Uc\x80\x861\xe0\xe2\xc2\xb8\x12!\xa8\xbb\xce\xf0\xf3\x9e[\xf7O\xe8\x9dCH\xda\xfe\xf4\xc9\xf7\x9c{\x9e\xf3}\xee\xf3\xb4\x1c=\xfa7\xe0\xfa-\x13*\x9e\t\x95\x05\xa5\xf5\xd9\xd0\xd0\xe2\xc1]\x07\x07\xcf\x16Z\xac"\xc6\xe8%\xf0_w-j\xafMN\x95\xbc\xe8\xd0\'\xfb\xffte\xbf\xc3A\x9d\xa8I8\xc8@p\x01\x8f\xe52d\xdaw\n\x04\x03\xbd\xa8\x8a\xe71\xab\xb7\x9e-\xa7\xb0^\xaf|u\x00\xbcb\xe1_V3F\x8fLL\\\x1fQk\xea!\x89\x1dU"\x87C\x043\xaaC\xaa\x12I#R\xdf\xa3fa\xb3\xaf9\x18\x0c\xc6b\xbaf\x98\x1ajj\x1a\xcf\xc1s\xc8\xac\xae\xfe#\x18\xea\xa1\x97\xaf[\xbf\xfa\xcd\xa0\xbb\xe0b\xe5\x9fF\xfb\xf1\xcb\x03^M\xc8\xe8l\x12kUzUg\x97D\x8a{T\xaa+}}\xfbO\t[~ya\xe7a4\x18D\xacAD\xc9\x11\xfe\x0e\xb8\xce]cBw8\xebv\xbbW^\x7f\xf8\x97\x83\x83\xdf\xd1u\xba\xec\xfe3\xaf\xd7f\xacu6uJ\xfbD\x9dZ\x89\x14\x92\xe8p\xe8\x1dW&gt;o\xa99\xbck\xd7a\x16\x82\x04)3\x84\xea\x9aA/\xee\xb5\x8a\xf2\xed\x07\x1an\xbaW^\xben\xf8\xf0 mT\x8c\xe3\x8f-\x14Vm\xbdX\xa5\xea:\xdd)\x89K\xc1\x96\xa9\xd6\xa8\xf8\xd5z\xcb\x85\x0bG](\x82\xa1\x18a\x15\x98\x85\xd0\xd5\xa8\x82\x975\xb8[\x17W\xfe\xbb\x87\xceC\xf4{\xbe\x81\xd5\xc7Ia\xb5\xb7\xc3x#\x8d\':\xc1q\x80\x15\xbaq\xe3\xc62\x15\x17Z0\x01B\xa0V\xab\xd9\x0cr\xf1\x0el/\xc7f\x17\x17WVF\x8b\x8ah&lt;\x1f\xb8\xed\xf6\x887T[+\xaf\xf7\x8b\xdaE\x91\xb8\'\xa1\xed\xff\xcf\xdf;;\x81\xeb\xe2\x1a@\xe5ekG\th\x14f\x1d\x8b\xd5\xc8\x06\xb1\x88\x05\x10\xeb\xa5\xbd\x88\xce`\xdc\x86\xa9\xb9\xd6i\xb49\xbbT\x0e\x1c\'\xf1\xf6\xae\xae\xd3\xa7o\xac\xad\xbe[]^^]\x7f\xb7\xba\xba\xdcuQ\x85\x83\xdd\xd7\tX5\xdc\x8a\xed\xb2` \xb9\xb8\xb8\xf8%\x83f\xac\x01\x8b\xcd\xe9\x94{\xe5\x9d\xedz\xdc\xa4\xd3\x8b\xba.\x82Tk\xcb\xef\x00\xe9\xdd\xe1&lt;\xd7\xf2r\xccD\x06\xacf\x0e\x8b+\x9b\rZ\x83\xb3\x0b\x0b\x0f\xba\x8bh\xc6zfQ\xc8Cr\x9b\xcd/\x92\x9aL\xfa\xbev0\xfe7\xd6\xd6\x96W\xdf\x01\xd6:\x85\xb5z\xec\xd8N\x81\x12E8,\x16\xb7a\xd6J\x92\xc4B\xf2\x81\x9dn\xac\x010\x19r\xa3\xd7V\xab\x95x\x80\xaa]$\x013{\xe5\xf3\xd5\x96\xf5\xf5\xf5\xc3{\xd7\xd7\xc1\xc3\xeel\xa6\xb6\x8e\xd8\\\x0e1\x9b\xa4\x16\xca\xe4\xf3\x07\xdb\xe8\xc6\x1ay6\xa2\xa0\xd42\x8a\xab\x1c\xd0\x1d\x00J%Q\xf5\xe9c\xb8\xcf\xf7H\xb8wo\xcd\xce\x9dB\x96\x10\x84Rb,A2\x97\x83\xd2\xca\xe6\x9e\x0f\x15\xd1\x8e50\xa0\x804j@.\x18\x1c`A\x14I\xa5\xb0\xfa\xc4\x13\x89x\xdccU*\x01\x89\x05\x83\x18\x97\xab4\x07\x92Ik2\x90\xcdD\xff\xf9W\xda\xb1,\x06H\xa3\xc6\x18\xb2\x85j\xb5\x89*\x8a\xacO\xefp8\xe2\xd3\xd33\x11)\xae3s8,\xa1\x90\xc5\xe1\x04\x02TQes\xe9h\xf4\xb9\xfb;\x9a\xb1\x8an[\xf8\x86g\x16M(\x04\xcd\x1el\xacV\x0bT&gt;\x93\t\x8fG\xe2\x0e\x8f)\x80b\\N#\x14\xbb\x80\x84H.d3\x99T4\xba8\xf8\x03\xedX\x06&gt;\xdf\x02i\xb4\xd94FH\xa3\xb8C\xa57\x99t:\x9f\xc7\x83\xfb\xac\x01\x82\xcdfsYJ\xa5\x19\'I]:\x97\xcbf3\xa9\xc9\xe7\xee\xa1\x1f\xe8&gt;\x01\xfe\x06\xb0\xf8\xcf\xeeB\x1e\xbd!\'\xe5\x18%&gt;\xdd\xa9S\xc7\x8e5\xa3(\x82`\x18\x87\xcb\xe3r\x94\x02\x1cO\xe3\xe6l.\x9b\xccF\x97\xb2\x8b\xee\xc1\xe3E?\x06\x96a`\x00\xb0`\xaa\x17\xd7:;\xa4\xa6C\x9f&lt;z$l\x86@\x855B\x98j\xccd\xda\x83\xe3\xd6l6\x9b\x8bF\x1f&amp;\x17\xddC\xff\xa2;\x89\xd7),H\xe3]\x85\xc6b\tAc\x15WI\x1d\x87N5#B\x14\xc5\x1a~\xe1B\xa1\xaa\xf0\x18\xee\xf1d2\x99l\xf6y4\x9a\x9bmu\x7fF\xf7\xa5\x07\xc6[\xc0\xaa\xe3\xf3\x01\xcb\xa2\xb6X40\xe4HD\x0ep\xb2\x82\x80\x12A\x1af\x03Vk\xc6\x93\xf6\xa4g\xd2\x99t4K\xa50H\x00\x16\xdd7\xdd\x18\xe7\r\x14U\x9d\xc1\xa2\xd0h\x0c\x06C\xc8h\xec\x90\xc4=d\x8c \x82\xb3\xc4l.\x99\x8be=\xe9\xf4\xccL4\x9a\x8af\'\xe7\xb3\x81`\x12\xb0\xe8\xbe\xea\xc3\xf86\xafV\x1d\xdf2\xa2PX\xf2~C\\\x15\x89\xe3$A\x10\x0b\xb3\xb3\x0b\xb9L:\x9eN\xa5gR3\x93\xa9\xe8R\xf4\xa1U\x89\xc8\x1a\xce\xd2\xddM\x01\xcb\x02v\xb1\xae\xae\x8e\xaf\x18\x81\xea2X4\x8a\xe1\xf1\xf1\x84\'FP\xab\x8c\x95\xcc\xa4S\x14\xd2\xd8\xfc\xe4\xe4\xfc\xe4R4JRo\xed\xe8\xef\xa6\x8c\xab\x1a\xb5:\x8feP@@\xd9+\xc2S\x13\xd3\x11\x0f\x19\xc0\xad\x99L:\x93J\xcd\xcc\xcf\x8fM\x8d\x8d\x8d\xcd\xa7\xa2)\x1c\xe5\xfc(XEw4^o\x9e\xabN\rX\x16\x8d\x1a\xb8\x86\xa7\xc6\xa7\xe3\x994Ty*5\x9f\x9a\x1c\x9b\x98x:55\x9fJeq\x94\xa5D\x89\x86\x9b\xb47\xf9\xa2{\n\xaf\xcd{+\xcf\xc5\xa7n\xf3\x80`\x8aW\x13\x13S3@\x04\xb9\x83\xbf\x89W\x13SSc\xf3\xf0\x03\xae\xe4\xa0(*k\xa5\x1b\x8b\xc1`\\\x85e\xe7\xcc\x99\xffs\xa9\xbdjj\xd5\xd6\xc0\x1a\t(SO\'\x86\xc3\xe10\xf5ilz:\x15\xc7Q\xe8\xfaTm\xd1\xda\xe4\x19Emw\xae?\xbd\xa4\xa9\x878s+\x0f\xc6\xe7\xab\xd5j\x98\xbeB!X"\xa9Z\x0b\r\x03\x14\xfc\x8fOG"1\xcc\xc5\x86q\x02\x93\x9d\xa5\x11\x8ba\xef\xbe\xfa\xe6\xd2+Xul\xd4\x11\xae\xf7/5\xea\xa8\x8eO\x81\xe5\xefA\r\x0f\x0f\x87\xc2\xe1\x90\xb1V&lt;&gt;]\x15\xb1\x12l\xcc\xd5\xc8\xe1`2\xf7\x90\xbdts\t=\xad\xcb\xde\xb3\xbb\xe7\xfb\xc7\x03##\x8azySS\xd3Gr\x00\xe3\xbf\xa7R\xdbl6X\x85\x8crj+g&lt;1\x9d\x88$"\xe9\xa0\xac\xc2\xe5jl\xc48H\x03`m&lt;^Z\xba\x99\x86V\xbf\xa7g\xf7\x89\x9e\xb7\xbf\x7fa\x18\xd1\xc8\x9b\xfa\xfb\xfd\xfd\xe0\xf7\xa9Tzoy\xeb\xa9\xfd.\xbf\xb8\xa3c\x1c\xfa\xaa\x07\x8fyH\xdccf\xf3*x..\x97\x03j\x01\xd6}{i\xe9\xc6R{\xc1/\x813.\xf7|\xfcq\xcf\xdb\x81\xde\xde\x11E\x1e\xcb\xef\x17\x8bk\xe5g \xea\x9b\xe035?G&lt;1\x12|\x98\x95\x8c\x99\x04\x08o\x97\x8b\xc7c7\xc2\x00\x8d\xb5\x0e\x0e]\xbe&lt;z\xdfn\x1fm+.\xb4Xs\xbb\xcb\xca\xe6\xde\xfc\x03\xb0\xc0\xeb\x03Ug\x07\x84\xdf)\xff\xa8^\xdeO\x9d\xe5\x92H"zR\x10\x08\x06P\x127\x99Q\x97\x0cc\xf3\xd8\\\xc0\xe2\xc8\x1an\x0e&gt;y\xd2\xdd=z\xffI\xdb\x86\x02\x1b \x10k\xc7\x8e\x9e\xdb/(\xb5\x8c\xce\xf77\xd9\xc6\xc7;\xc4Ng\x93?\xbf\x9d\x14\xc3q\x93\x15\x81@\x95\x02\xb32@\x10lW\xc5\xb5s{\xdf\'q\xe5\xfc\x9d;w\x9e&lt;\xf9\xb2mCIA\xa9J\xe6*\xcb\xb6l\xaa\xfc\xc6\xd0\xdb\x0b3\x96S\xfc^\x9fDB\xeb\xf7\xf7\x8b\xbb\xa4z\x9f \xa8D0\x99\xec\x80\xac\x02S*\xa1\x83\xca\x08\x19\x9b{\xad\x11\x1eD\xf8\xb9u\xe1\xc8\xa7\xdf\x9e?\xff\xeb{\x9b\x8b\x0b\x8bU6\xb7\xafl\xcb\x07\'\x1f\xf7\xf6\x1aF\xa8\x06\xd0Y%\x01\x17\xe6\xf1H\xb5PV\xa2&gt;\x9f\x19\x85y\x99\x90\x95o\x97\x11\x18"@\x11\xb6\xac\x82\x07bQ%\x8fb0\xee,}\xfd\x87O\xaf/u\xb7\x15\x17\x17\xb2\xe8\xff&lt;\xd7\xb3\xef\xe4\x96\xd2M\x8f_\x18\x0c\x8a\xb0\xb3\xb6C\x0bT\x0e\x07dN\xaa\xed\x04\xb1L\x02\x0c\xc3P\x8c]!\xe3a\x98\x00\xe5p\x99[\x99L&amp;\xcf\xe5\xe2Bm!H \x1d\x89~q\xe4\x8b\xa5\xd1\r\xc5\xc5\x85,\xae\x7f\xcfU\xee&gt;\xf9\xf3\xd2\x8d\xdf+\xd4\xea\xbba\xa7\xbf\xa3J%\xeds\xe8c:\xdc!\x15\x89(,\x04QB\xf2\x086\x97\x8b\xa1,.\x8f\xc9\x03,&amp;|k\x14\xb2\x10\x01\x19WE\xbe\xbet\xe9\xa1\xbd\xb8\xb8\xf8g\x05\xdc\x98\x9c\xeb\xa9\xdcwb\xc7\x07\x9b\xbb\xeb\xbdjPK\xac\x95\x00\x96\x1e\x9e&lt;\x13\xeePI\xf5\xa4NI\xc0\x83\'\x83\x00;\xc6a5\xe6\xa1\x98&lt;64\x08!\x983\x93T\xd5\x9e\x08\x87\xef\xb5\x95\x00V\xc1\xb2\xd86\xd7\xd3SYy\xa2l\xd3OJ\'\xce\xdc\xba;L\xbd\xb5\xa3\x0e\x9d\xfap\x81\x80\xd4\xf7\xf5\xe9\xa1!\x80=\xac(//\xaf\x80\xa6\x00&gt;\x9fY\xbd\xb5\xba\xba\xba\xbc\x1c\xbe\xb0\x94\x02\x9dO\xa5j\x17\xf9\x9f\xdaKJJ\x8aK\n\x95\xc5m\xa0\x15\xc4\xee\x93[6\xfe\xf4|\xbd:La\xa9\xa0\xb2\xfe\xd7\xca\xf9\x85\xb6u\x9ea\xdc:\xf6\xd1\xd1\x91,Y:G\x92\xa5s\xa4#\xa1](\xf1\x04\xd5\\_\x08)7#\x88\x12{\x01\x1bA\x89\x19\xd8D\x08B\x112\xa9\xb2n\xe4\xc2\xc3VBr\xb55\x90]t\x143\x9ay\x14\x86\x9dne80ZS\n\xf3@L\x8b\xd8F\xd5yM\xe2-\xd1&amp;\xb6\x0b\x9b\xc4!\xfe\x93\xa4{\xde\xef;\x96T\xef_\x97\xe4=\xb2l\x1cI\xe7\xe7\xe7}\xbe\xe7{\x0fr\x8cK\xe9\xf8wG\xc7O\x9f\xc6\xd5\xab/\x1at\x07\xa1\x14\xda\xe6\x99\x9c\xfc\xb1\x0bT^\xaf\x1a\x9aDnA\xac\xb1c\xe7\xce\x9d\xff\xc1\x87\x16\x86\xf5\xa2\xb8\x9a\r\xb4\x10\xb7\\X\x12\xa7\xde|\xfd\xdd_\xbf\xf4\x11a\xe1\n\x7ft"\x0e)\xc6\xca\xa3p9\xc2\xd3}"x"\x88r\x03\t\xe52`-\x8fghb\xbc|\xf1\xdc\xb9o\xff\xa5\x14@\x0f\x89\xecEp\xf5\xae\x81*\x92\x89T2y\xa7ls|\xeb\xf5w_z\xe3\xe8\xf5\xeb/\x9f&gt;{\xfc\xe4\xe8h\x9cZ4&gt;\x9a\x8a\x9e\xe0=D.\x84B\xbc\x85\xcc[\xc1\xe0\xc0P|\xf4\x9b\x17\x8f\x9d{c\xc9\x12\xe83\xeb\x05p\x958U\xa4\xc2\xd6\xa2c\xedMz\x9f\xfak\xc7@u\xfcd\x1cT\xf1\t\xc0\xf9\x82!C\r\x11X\xc8p\xb9H,p\x85\x0c\xb7;\x14\x1d\x18\x9883\xfe\xf5\x8b\xe7o\x95\x02m\xac\x80\xff\xf9\xedN\xbe\xca0s\xe5\x9d\xe4.FE\xbfoZ\xc6\xbe|\x99\xef5&gt;\xb7\xe1R\x99\\\x06\xb4\x02V\x0cj!PC!\xe4)\xe4\xfa\xc6\xb1\xdfM\xf5u\xa8\x02\xcf\xcbUj\xacg2\x9c\n\x11Q\x08[E\xf1OL\xac\xb1\xb1r\xb9\x1cG\\E\xc1\x15\xf7\x8d\xa8\xe0\xf2\xea.`\x85\x92\xde\x18\xd4r\xa9nh\x87\x15\x90\x1a:\xf3\x9b\xf2\xd1\xfb\x96\xb6X\x81\xc0\xf3r]k\xaeg\x12\x89\x0cae2\x99D\xbe\xa0\xd9\x84\x85\xa3\xd8\x99\xc9\xf0\xe52\xa5\xa8\xcf\x1d\x1d\xc4\xcec\xa8\x06&amp;,x\xcb\x95\x8c\x15c\xe0r\xb9T\xe4i\x08\t144\xfa\xf2\x1d\xb3\x85\x01:\xd8\x97\xcf\x1e\xab\xfe\xb5\xed\xf5H&gt;\x9f\'.\x82\xcbd(\xbb\x84[\xe7\xbfJT\'\xc7\xcb\xc8\xab(P\x90\x0b\xaa\xa1gc\xba\x9eU\xf1)\x96.\xa6\x91\x0e,PCA\n\xd4\xf1+S\x81\x8e\xb3h1Z,\xc23\xee\x8e~\x19\xcdkdr\xb9B\x8e\x80ry\xa6\x97\xd3\xea\x10\x7f\x7flll|\x94\x8ex\xca\xe3\xd6u]\xc5\x1e=\x9bF\xcd\xa6/\xa5ct\xc4\xbc\xd8~T\x97\x8at\xf5\xa4\xe2W\xda-\x0c0\x87!\',\x16\xab\xf4\x0c`\xbdR"\xa1\x85+\x9bJNq*\xb9|\x1epM\xe2Bx\t\x0b\xd8\x04G\'\xb0\x02G\'R\x03n\x08\xa4\x1b\x86\x1e\x8b\xcd\xc6\x88\x0c\xfd\x8b\x91\xe3\xa1\x16l\x0f\xb5&lt;\x83\xc7\x0fV\xe1\xdd\xb6V$\x97M\xb6\xfd\x9f\x97\x1d\xbd\xd3\x8aSr\xe63\x91\xcd\x82\xa2\x855\xa5\x80z\xf08\x81\xca\xe74I\xf8\xfb\x18\xa8R\x046\x91\n\xba\\\xb1\xa2\xd7\xab\x83\x0b\xfd\x8by\xb1\x0c\x93Y8\xdeEXI\x17&lt;\x7f\xf2\x03\xbe\n-\xd3\xf5}\x0bg\xc2\xbd]r\x88\x92M\xfc\xf2\x7f\xe6\xa6\xd7?\xd5T\xe4\x02Ad\xb6n8\xb5\xfe~\'\xea\xfe\xce\xce\'9t\x14\x9c\x92\xf0\xe7\x93\xf1AJ\x06pEU/\xdc\x04\x89\x80\x94e&lt;\xb4\x12\xd5$\xcb\t\xc8\xe5\x1e\xbcr\x9f\xc4\x02\xca\x93\xfaS\x0bk \x0e\xc1n\x95\xad\x0e\x87\xdd\xf6\xe5.\xd4z{\xaei\x91\x8a\x92\xc8$X56\xc3\xe0\xd2\x9c\x8dZ\xe1\x1f;;\xf3\n\x01:5[\xe9\x14&amp;P\xdf \xb8&amp;&amp;\x8dl\x0c\x8e"\x97C2t\xcd\x05\xc2,\x98@\x07\xed\x8c\x91\xe3w\xa6(\xdf-}\x0f\xeb\x8bw\x1b\xefX\xd8\x06\xd4\xe7\xb0IVY\x96EQ\xb4\xdb\xff\xb7b~)Q\x81\x832DEk\xb0\xb2ZP\xc2a-W\xbd\xb09\xbf\xb3\xf3`^\x01X\xb8\xdf*N\xf9|\x9e\xa8/\x85^zBY0]\xba\xf4K\xb4\xf2\x881\x12\x0c%u\xf2W2\t\xa7\x15c\xbaz\xf9\xfaB\x89\xdb\xe9\xc9\xe2\xaeP\xab.\xf0}Q\xb4Y\xad\x04f\xb5\x12\xd8\x7f5\x7f\xaf\xe0\xacDrN\xc4\'\x87BUV\x1bP\x07j-W\xb7n\xfcm\xe71\x8c&amp;Kv\x87`y\xcd\x17u\xbb}Pk\xc0\xed\x85X\xe9b1\x9d&gt;r$8\xe3\x99q\xe9i\xdeS|\'\x96=u\xf6\x16\x89\x05\x87\x0b{\x8b\x8f*\xd5\x1a\xdf\xae\x05\xbbM\x92\xacV\x12L\x96m \xfb\x8f\xad\x1c\x96\x13\x95\x88\x92\xa0\xe0$\xa6\x1c;*++\xe1D^Q\xc2\xca\xbd\x0b7\x1e\xb5\x1eO\x0bSKK%ZT&gt;d\xd5\x88o\xe2Lj&amp;\x96\x05U\xfa\xb7\xe9\xe2\x11\xf7\xcc\xd0\xd0\xa4[\x85\xf5\xbd\xb4*\x11\x16\xfa\xabW\xd7\x04d\x16\xa8\xee.\xd6K\x9b\xd5\xef\x0b\xcc\xf0\x0e\x1b\xb0\x88\x8b\xc0\xfa!\xbf\xc3\xf1o[9\xac\xd0\xe8Bi\xce\x84"s\xc3\xde\xc0\xaa\xadW$\x87 8\xb6W\xd6\xa5\xa5B\xf3\x9d\xf7&gt;\xff\xfc\xbd\x07\xb7\x7f\xb1\xf1\xda\x88\xa1\xab\xd18\xa9\xf5\x13\xfa_Z\xe8X249\x94\xa0z\x91\xba\x00\x00\x042IDAT\xf2D\xf5"Iu\xa9\x88V\xaa\x97?X(\x05\xfc~?\xb8\xf6\x17w-s\xd5%\x1e\x0e"Quqi\xd8m\x85\x7f\x19\\{%$\x12\x98\x9a\x0c\x8a#Q\xe5+\x9b\xb5\x15\x18*\xd1l6#\xeb\xeb\xeb\xcdD\x8e\xac\xdfj\xed&lt;~?d\xe8\xba\xdb\x93\x82\xb7\x08*}\xa9X\xd4g&lt;)\x8c8\xfa,V$\x16#\x06\x08\xdf\xd9\x0fm\x98\x17\xfc\x81\xde\x80\xe5i\xeb\xa9\xb6\\C\xba\x83\xca!\x92Z\xb66\x19\xb84M&gt;\x0cVR\n\x91\x8a\xd9=\x86\xa4\x14\x14T!\x97X\xdf\\]\xd9\xdcn4h\x98\xcf)\x1al`w\xec\xb7Z\x8b\xad\x9d\xd6\xdeW\x0c\x1a\xdc\xa3!/\xa8\xa8\x8f\xaf\x840\x8a\x0eE\r\x8a}\xecH3\x1e_\xea\xec_\x9d\x8d\xd5\x95\xc6R\x9f\xdf?\\o\xed7\xab+B\x1b\x8bu\x11\x87D\x82\xf5\xa3\xe0[I\xe8je8C\xb3z\x86\xebd"\xb1\xca%*\xdb[\xdb\x18\xb8\x12\n\x96\x9f\x84\x97\xb2\xdb\xf1\x8aK\x8f\xc1\xd5j\xd5?\x1e\xa4\xf72\x8d,\xeb`1\x0b\xc6\xa1\xd4\xe0\xc8\xa9\xec\xac\x8eM\'\x8a\xb1\xb4|\xa7Q\xadV\xef]\xf8\xe3\\S\xbe\xbb\xbb\xb7\xb1uo\x8bc\x89v\x1b\xe7br\xc9\x9cK\xd3\xc2\xe1\xb0,\xf6\x1d\xfc\x99F@\xa1;\x0c\x89\x97\xd3,%\xd7\x04n\xce\xa9\xc9\xf8\xa1\x88\x8a\xb8DQ\x92^\xa9\x83kq\xf1\x87\xb8\x08t\x1bz\x91\xba\xe8MF=\x03t=\r\xb1t#\x18\xc5\xe5a\xfc\xa3\x9f.W\xab\xcb\xcb\xcb\xb5D&gt;\xd2\xcc\xad\xc9\xb5\xe5\xf9&gt;t\x11bq.[\xdba\xf2\x01\x18\xf2Grp\xb0\x08\x1c\xa3\x1c"r\xd2\x03\xc2\xf4Y\xd3\xfa\x91.V\x8e\xc5\xd9\xac\xb6\x87{\x8ck74b\xa8\xd9\xd9\x18\xae\xc3\\3\x83\x03\x13\x83q\x9f&gt;\x82od1\x11\x8e\xfc\xfc\xd3{\x9cj{\xd8\x1f\xe8\xb39\x13\x89\xf0|\x00_\t&amp;\x96\xc4om\xe7\x9b\x82\xb1\xbc\xa6\xbc\x00\x94\x93\x8e.\xa40\x95FE]\x97\xc9\x05\xcc\xa2\xf4J\x92\x84V\x96v\x17Q\xf5\xbd\xb7\xb3Y\xa20\xd8{\x9b\xf1\x94oDWU\x84\xc3l\xf6\xd4U\x10\x11\xd5\xdcMX\x9eJ\xe8\xcf%\n\xd3\xc8,\x07a\xd9y\x1f\x0f\xafH\x0e\x06\x97YzL\xa98X\x07\xa9\x9f\x0eFE\xcf".\x89\xa9%\xd9\xec0\xc8\xc6\x13\xe2Z\xdc{\x1bv\x8f\xd1\xaa\xf3\x0cx&amp;\xd1Q\x1d\x13Ezv\xf6W\x9f-\xf3Z\x99\xf2\x9b\x93\x16t\x92s\xcd\x9c\xd8\x8d\xd5\xdd\xc7n\xb0\xb0\xd6\xdf\xd3Fr:\xdbD\\&amp;N%\xcb\xf2\x01\x16s\x17\xc4\xa2\xd4~Tg\x82\xfdl6\x8b\xdd\xd0pa\xf1\xd1\xaf\xf9\xa8\xba\x1a\xcb\xde\xfe\xb4:77\x07\xa5V\xd16\x16\xf1\xe6V(H\x92\xc0\xb0\xba\xb8:\x82\x99\x16\xeb\'\xefk=\x07P\xc4\xd4o\xb6\x8d}\xb0\x07u\xa8\x98V\xd3x\xbdiQ\xc4y\x84\x87\xd4\xc8z}w\x04\xbb\xb4\x9a\xf4\xe2\x12\x03\xa3\x17\xee&gt;\xf9^u\x99\xa8\xe6Vo\x0e\xf7R\xc0\xb3\xb2\x98cV\x07\xeb\x8b\x82\xf1\xa40\x0b\xe7\xed9@\x02b[\x1e\xfe\x8f\xe6\xe7v\x13\xd1?\xa6\x96(\x96\x88\xcb\xb2_\'\xae\xbd\xef\xc40\xf7yu\xdcP\xb7\x7f\xc4\xa0\xe6\xe6Vn\x0e3\x83\x1f*\x07\xa3\xe2Xm.\x13\xcej5O\x86\xeaaP\xbcmr\x87I\xee\xb0\xd3c\xa5v\x13m\xf6ip\x89\x0e\xda\xdd\xa6\x9f\xd4\xeb$\xd8\xfb\x18Gu\xaf\xae\x9e\xfa\x03Wj\xae\xb6\xbd\x04\xa7#\x0e\x04\xda\xb9\x1ct\x7f\x08\xabM\xd6\xe9&amp;OX~&amp;\xa9\xe7\xc0H_`\xb2J\x9d-\xbeK-4\x11P\xd0\xab\xc4\x04\xeb\x0bl\xec\xef\xd6QO]\x88\x84\x13W\xdfZ&amp;\xa8\xda\xd6\xfc5\xceD\x10\x0e~w\xc0\xc4\xa9\x18\x97hb\xf1\x16t\xb9\x8dP{\xda\x8d\xe3\x14\xd6\x83\x1c\xe8\xf4\xdaj\x95\xda\x96g\xcf\x12\x89\x0b\xa7\xb2\xf4\r\x07\x86\x1f\xee\xef\xee\xd5\xf7&gt;\xbe\xfa\xd6g`\xaa\xad4\x166\xd8\xdelB\xb4\xc1\xcc\x12;e7?\xba\xeep\xcf3[\xec\xe1\x1d3mM\xa7\x84\xad\xbb\xc6!\xae\x96I\xc5~0\x91=Od\x1a\x90b\xfe\xe1\x8d\xbb\xfb\x8f\xb6\xb0y~\xb8V\xe2\xf3B7H7\x99H\xb7\x03&amp;{\x1b\xcc.\x1e*\x87\xf8ONX\x7fQD\x88\x0b\x88\x00\x00\x00\x00IEND\xaeB`\x82'</t>
        </is>
      </c>
      <c r="M4" s="3" t="n">
        <v>45492.67649305556</v>
      </c>
    </row>
    <row r="5">
      <c r="A5" t="n">
        <v>13313</v>
      </c>
      <c r="B5" t="n">
        <v>7315</v>
      </c>
      <c r="C5" t="inlineStr">
        <is>
          <t>Vágner Love</t>
        </is>
      </c>
      <c r="D5" t="inlineStr">
        <is>
          <t>V. Love</t>
        </is>
      </c>
      <c r="E5" t="inlineStr">
        <is>
          <t>CA</t>
        </is>
      </c>
      <c r="F5" t="inlineStr">
        <is>
          <t>ATA</t>
        </is>
      </c>
      <c r="G5" t="inlineStr">
        <is>
          <t>CA</t>
        </is>
      </c>
      <c r="H5" t="n">
        <v>172</v>
      </c>
      <c r="I5" t="n">
        <v>9</v>
      </c>
      <c r="J5" s="2" t="n">
        <v>30843</v>
      </c>
      <c r="K5" t="inlineStr">
        <is>
          <t>Both</t>
        </is>
      </c>
      <c r="L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0fa143e-86b5-40a1-ad55-c1d73e134a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[t\xf4\x93\x00\x00\x03\x00PLTE\xff\xff\xff "$\x1b\x1f%\xfd\xfc\xfc#%,\x19\x1b"\x1e\x1f!\x16\x19  #*\x14\x17\x1e\x1e!(\x11\x15\x1b\x18\x1c%\x15\x17\x1a\xff\xfe\xfe$$\'\x19\x1a\x1d\x15\x1a$\x96iE\x1a\x1e\x1f\'\x1f\x1b\x8fdA~Z&gt;\x85]&gt;nM2&amp;\x1c\x16\x9amI\x15\x1b!\x90hE\x81^AjJ5\x95lI\x1e\x15\x0fVF8,#\x1f \x1a\x15\x85_F\x8acAaG4tT?yY@\xa5wQeJ5]I;\x9cqN\x1d\x1f\'\x8a]&lt;jG,\x14\x1e&amp;2%\x1bP?0\xf7\xf5\xf5qO5\xab}W\x82[A\xfa\xf9\xf9jN9W?.aM&gt;A2&amp;oVBiN&gt;vT82\'"\x88^C()-\x8bgD\x91iJL:.bC0uW=\\E6[?(G7*|[CuN0\x7fW9N@7oJ-TB5\\B/\x12\x14\x18yV&lt;\x89bH\xa1rL- \x17sR9nM9fG0\x85cA\x94e@9,"kRC:0*v[D}_G\xee\xea\xea\x1e\x19\x1b\x1b#)\x19\x1a)pS:wQ4{T7`D+\xf3\xf1\xf0W9$\x8cfLx_QdJ:pP&gt;r[M\xa8uKgA&amp;\xaczP\x10\x1a%gN69(\x1c@, \x7fcN\x97oMG;2mS;\x9cjD\xe7\xe3\xe2@5.\x19\x15\x11\x8c`CS=*rXF\x15\x1b\x19dQD\x85Z9\x18\x10\x0c\x90cI\x90a;\x1b\x14\x173,\'lVJdS;WH&gt;\xb2\x83[\x9duS\xa2y[`;%P6"\xe4\xde\xdc\r\x0f\x17\x11\x12\x14VE1\xd9\xd2\xd1\xb9\xaf\xad\x9e\x90\x8a\xb2}Q$\x16\x14jW?I3#-.1x[IN9(\x83hU\x12\x18 }eV\x84dJnD$\xdf\xd8\xd7\xa2nGU1\x1a\xab\x9a\x92|O.6 \x0f\xb8\x82VyX0\x8aiSc9\x1b\xd1\xc9\xc8\x8apa\xc3\xb8\xb5{Z9]NDK-\x1a\x07\r\x13\x83T2\x8dnXB$\x11\x92~u\x0b\x19\x1cvH+,\x16\n\xce\xc1\xbd879\\M4\x96pU2\x16\x17T\x0e\x0e{R=\xaa~b\xb5\xa4\x9e\xdf7.\x80]6\x9f\x7fk\'\x1f#\x14\t\x05c\x11\x12\xbc\x89_\x90wi\x96gOvK&lt;E\x17\x1a\x99w]6\r\x0c(\x1e-\xf1;/\x82k_\x83\x1e$?\x08\x07\r"!\xdc\xca\xc3\x80yxwe^K)\x12\x8aum&amp;\x0b\x04o=4\xa9\xa2\xa2\xad\x08#\xc3\xa8\x9e\\XX\x97\x87\x82m\x1a"\xaf\x8e\x86A&gt;?\xc5\xc1\xc1\x88\r\x1e\xa1\x88x\x9f\x98\x99unog_^\x8a\x84\x84\x99\r v\x0b\x15\xce99\xd0\xb9\xadKFG\x88SB\xa322\xb8\x9d\x91SNQ\x84M6l*\'xe&lt;\xbd85\xf1\xe2\xdc\xe5\xd4\xcc\x93.1\xcb\x94i\x98QU\xaeB\xe0Q\x00\x00 \x00IDATx\xda\xcc\xd8\xcdk\x1a\x8b\x16\x00\xf0\x82{\x17\x823":\xe1\x81\xe3\xa8\r\x95W\xcd8\x96QD\xaf\x13Q\xf1\x06\r\xa3\t\xa2.\xfcH\xfcJ\x82\xb7\x06\x130\xd2b \xa1\xa9\t\xe4\x8b\x14[\xf2\xd1\xe4\xa5\xa6I\x8a\xd0\x846\xb4\x90H\xba\xe8\x8d\xdcE\x16\x97&amp;\xbd\x8f\x10\xba\xe8\xdb\x95ry\x8b\xdb\xc5;c\xfa\xfe\x03M\xef\t!\x1b\x17\xbf\x9cs\xe6\x9c3\xde\xb8\xd1\xc4\xe0\xf1t:\x1e\xff\xc6\xdf&amp;x:\x8d\xa6\xaf/\xf4\xd7\xcc\xb7ok\xa3!\x8d\x8e\xff\xf70\x85f\xbe\xfd\xfe\xe5\xcb\xc5\xc5\x9f\x9f&gt;}\xaa\xcd\x1f\xcc\x854\xbc\x1fk\xe2\xf3\xc0\xf4\xfb\x97??\x1d\x1du,.*OL\xb2\'\xa7\xe7\x0b\xf3\xdb\xa3\x9a\x1fXM@\xfd\x05\xa6\xcf\xbf\xbd\x1d\xb6\x08\x94\x1dG\x0fO\x8a\xf1\xad\xc4r:q^\xdb\x9e\xf9Q\xb0\x06\xea\xe2h\xea$\x1e\x8f\x9b\xcdx\x9b\xa0\xcdR,nme\xcb\xe9\xc4\xf2\x87\xf3\x8d\x1f\x941\xbe.\x04\xa8\x93|\xde$[Y1_\x05\x00\xe3\xb22D:\xbd|\xbe1\x17\xba\xf6\xe6\x87T\xad]\xbc+~\xfd\xefW\xd3\xffY=\x9c\xcb#\x93}\xb5\x97\xcb\x85B!}\xba\xb0;z\xdd.]\xe8`a\xeb\xd0\xf1\xaf\xfb_I\x99L\xd6\x83\x0b\xc7q\xdcl\xf6x\x80E\x06\xed\xf6r\x81\xa6\xe9\x04$\xac\xef:\x9fI\xbeff~\xbf\x106F"N\x12X\x1e\x1c\x1f\x1f\xc7\xb9\x8cy&lt;&amp;\x19I\x92v;A\xa4rt\xfa\xf4\xf2 \xa4\xbb\xbe\x02\xf6mo\x9cOP\xec\x8bh\xc4\x88\xc88\xd6\xf8\xf8\xb8P(\x94@\xe7\x9bP)I"v\x05\xc1\xb2a\xba\x90\xd8\x87B^\xd7\xfc\x1c\xdd\xbdL\xf8i\xc2h\x8cF\x8dRP\xe5\x85\xbd\xe3\xe3\xbd\xe0*\xe2y\x14\x95J\xa5\x08\x82\xb8\x8dF6\x07\t\xdb\x9f\x9f\xb9\x96\x06\xe3A\x01\xcf\xd3\x06\xef\xa1\xdb\xe1\x88\xa2R\x99\xc7S,\xf6\xf6\xf6\x8e\xc0o\xb1W\x88\xa3\\\x80\xcb\xed\x8e\x1aEX\xca\x9f&gt;\xaf\xadi\xf8\xd7\xa0Z\xab-\x1b\xfc\xdez=\x1a\x89\xa2\xb8\xc7\x13\x8f[,\x82\x91\x91\xde\x11\x08\x81D\x88\xe3=\x10R\x12q:\xa3\xac\xd6\xbb4\x91\xd8\xd9\x98k\xf92\xe2k\xd66\x96\x03\x84\x0f\xab\xd7\x9dh&gt;\x8f{\x00\xd5&amp;\xe6HO!\xc4\xe26\t4\x98\x19\xef1\xa1\xa83jt+h\xbf\xbf|\xba\xd0j\x17_7S{BhE"\x97#\xe24\x99\xf2BI\x9b\xb8\xbd\xbb\x9b#uww\x8b\xdb\xc5\x00\x83\xb0H\x84y\x93\x89\x84\x06\x0b\xe7\x96&amp;\x97\x967Z\\G]hw\',r\xb9\xb4\x8eH\x944\xe5\x8b\x16A{\xb7R90\xf0\xf4\xe9\x00\xc7\xe2Bp\xe5*\x16\xf3\xc0b\x08zirri\xa7\xd6\xd2\xbe\xe7\xf5\x1d\xec\xd3\x18\xb0\x1cQ\'i*\x16\xa1~SJ\x8e\xd5\x08\x80]\xa5K \x10X`?\x9a\x1a.`M\x12\xbf~\t\xb5\xb0\x8c\x9a\xed\xcb\xb4J\xa4u\xb9"\x08)\xf3\xc4\x1b.\xa8!\x90\x86\x86:\xe0G\t0\x90\xb5\t\x00U\xcc\xcbH\x04Q0tn\x92\xa2\x82\x9f\xe6ZWF\xdeL\xed\xd4\x80iY\xe8+\x84\x84\x81\x05\xcd\x95\x17\n\xc4\\\xb7\x83kq\xb1\xe1\xea\x16C\xb2\x8a\xb0\xc1M\xdc\xfcR(\x88\x1c\x95\xc3\xbc//fZ5V\xf9}\xbb\xfb\x85\x0c\xa65B_\x91v\x12\xb6\x0c\x8c(\x18\xa5\x82\xc6s80\xb48\xd4`\tz\x8bBN\x85r,\x18\xf7)`a\x81w\xad*#\x9f7\xb3\x90\xf0s,\xa3[j\x97B\xb6H\xd4\x94\xc7\x81%h\x0c\x88\x81!h\xfd\x11\xb1\xb8\xb7\x97S\xa1(lF\xc4N\xda\x0fa;b\x18\x95\x852\xb6*Y\xe7t\x06\xf3\xb2n\xb7[\x81\xd8\xed\xb0\x92e\x1e3.\x94\x08F\xbe\xbb@\xc5\xcd\xd4bo&gt;\x8f\x92N(\xa0\x02!\xbf\x1e\xd6S9\x8a\x82\xa7\xf1b\xb4%\xe9\xe2\x8d.,\xfbUT\x98q\xbb\x19\x05\xc3\x00\x8d$M\x1e\x1c\x9aK,~\xda\x98]0\'FF\xc4#\'\xd0Z&amp;`1\x0csh\'\xbf\xb3&amp;\x03\x9f\x0f\xfaZ2I\xb7\xf7\'\xa8\x0c\x15f\xa1\x88\n\x86`\x14\x900\xd4$i\x1b\x86gQ94\xc4\xd5\x10B\xa9\x14\xb7\xb7\xbf=\xb1\xc0\xe1\x15`\xc2\xec\xe1a\xbd\xee\xf5\x82jr\xe9\xb4\xd6\x8at\xf1B\xb5\x0f\x86\x0c\xd6`\xc1\xd1\x12\x0e\xb3,kDH\x14ok\x87\xd9\xd5\xf1`\x11\x02\xc6DG\x87\xf2\xe1\xc3\x87oO\xe2\x9e\x95\x95l\x80\xa9\xd7\xeb\x87\x04\x95|\x03\xac\xc4\xe7\xed\x16\x0c\t\xa8a\x9a\xa2D"\xadV+\xf2\xf9|*_\xacT*\r\xaa]N|\xb8\xc1z\xc6\xc5\x83\x07\x0f::\x8e\x8e\x1e\xfe\xf6\xd6\x12_\xc9f\x83\x84\xf7\x8f?\xbc\x06\xd5\x9b7\x9c\xeb\xd7\xf9P\xf3Y\xba\xb9}?\xe5\x05\x93\xda\x17\xb3q1\xbd^]_\x7f&gt;\xe88\x96\x0c\xb7\x83\xeb\xd9\xb3\xf7\\\x00\xeb\xe1\xd4\xdb\xb8G\xca\xc0:\xa4\t/f\xb5\xca\xe5\x1ck\tV\xe3L\xd3\xdf\x85\xf8\x9a\x83s\x03\x97,\xd1`\xa9\xdff\x95[c\xb1\x98-\xa6\x86\x95}\x0ceTvt,&gt;{\xff\xec=\x97\xad\xa9\xe1\x9e\x17\xac(\xb6~\xb6W\x9d\xb6Y\xadV\xbd\xbesv\x16Xt+\xaa\xc8\x0f\xcd\x9fR\xdc:T\x83JE\x07\xb8\x80\xae\x87S\xb4\xc7\xdc6\x05-\xb5\xb8\xc8\xd5\x10Zk\xd8\xfc\x02\xcal\xab\xeemn\xeeU\xfb\xad\xd6.\xfd\xec\x15\xab\xbc\x7f\xd0\xf47\x0e\xde\xe8\xc62\xc7R\x0f\x96J&gt;:\xfb\x04"\x1b\x0cJ\xa5\x1e\xb3Y2\xcc\xb1\x86\xb8)?\xa4T\xb6[z^0\x0c\xeb\x95\xdbl\xfd\xf0\x0f\xa4h\xc3M\x8e\x95\xc9\x11eh\xae\xe6\xb3\x16\x12\x14\x94P]*\xc5\xbc\xe5\xec\x13\xe8\xe72\xccKiO\x8fY\xd2x\x16a+\x0e\xc1x\x98\x1a\xc6{`\x902Ln\x89\x81[&gt;\x10,\x17&amp;o\xdf\x9e\x9dU\xa5\x08\xc5N\xad\xf9,\xd8&lt;\x86\x9c\xd65\xf8|\xd0\xc5\x06\xca\x01\x82\t\x10\x04\xdbp\xe1\x12\t\xdc\x11\xc0j\x9c6m8*U0l8\x97\x83q\xca(\x02\x01z\x12\xb25\xab2\xa4\n\xa7\xff\x1em\x01+\r-?\xf8\xfc\xb9\xab\xe2&amp;R,k_Q\x10^\xc2k\x97I\xa5\xa8Pp\xc5z:"\x10\x08Q\x14\xaeR\x00\xc16Pp\xef?\x90\xb8\x8cJ.7\xf8\'&gt;\xb4\x82u9a\xa0\xd4\xab\xab\xae\xca\x0b`\xd9W\xb6^f\t,\x85\x85\xdd\x88\x14\xbd%\x14\xc35\xa8\xec\x1e\x11\x08o9#\x11\xa3\xdbn\x0f\x06\xed\xd2\x95\x95\x15\xa9\x02&amp;o\x83\x95\x04\xd6\x7f\x9a\xce\xd2}gU\x8e+Q#\x0b\x8d\x12\xcc\xd2\x19\x15\x8c%\x1f\x8b h\x9ec\r\xc0\xc5,\xbc\x1fq\x18\x91`\x10\x06)\xc6*\xe0\xaf\x82\xb9b%\xb9l-\xac5\xfbv\xe6\xad\xed\xdf\x03\x96\x1aX\x11\xad\xd7K\x04\x9fleS\x94A\xd5e\xc5X7b\xb2\xc0D\x85[\xfe\xa4H:\xb4,A\x104\x1d(\x87\t\x98!\xb0\xa5\xc2TF\xa5\xbab\xcd5\x9b\xa5\x03V2\xa3v\x1d\x1fW\x1c"\xd8&gt;T \x9b\x80\xb7\xad\xa4\xdcj\xf5\x89"\x08\x8a\xb7O\r[,\x16\x8f[\x1d\xf3\x85\x0b\x05\xba\x90.\x07\xca\xc1`\x002\xe5SA`\x06\x7fa\xf9\xb2\xe9\xf3\x14X~J\xe5\xaa\x00\x8b\x9b]V\x95\xbc\xf3\xf1/w\x1fM\x8fMW\xab\xfd\xea\xa8\x13\xb1\xb4IL(\xe9\x16\x95\xd6\xfb\xe5~z\xc2\x7f\'\xd9\x99\\\xa2\xe9I\x95&lt;\xe6Se2\x18&lt;\x89\x89&amp;\xcfS&gt;\x8f\xa7\x99;\xf7S&gt;W\x05\x8a\xb8\xfa|}\xbd\xba\xb7\xb7\xf9\xfa\xe3\xdd\xce\t}us\xf3\xac\x14A\x10\xb8\x92\xa1\xdbE\xb1\xfej\xb5\xfah\xec\xa6?}g\xf3\x97G\x8f\xc7\xf4\xfa\xaeXL\x95\xa1(o\xaa\x90\xde\x99\x1f\xedk\xde\x9b,O\x13\x1a]\xab%\x92\x98O\xed\xa8T*\xabg`j\xc4\xe3;\xe9\x9b\xd3{{g%\x911\x8a \xd1\x88V\x84\x01ko\xf3\xee\xed{\x13\x13?\x7f\xfc\xf8\xfa\xf5\xe6\xe6\xdd\xea4\xc7\xc2\x80UH\\\xeer_\xaa6\xed\xcb\x90\x83\x8b\x8d\x9d.\x9bO\r,\xc8\xd6\xfa\xd9Y\xb5_\xaf\xd7?\x86-|S\xff\xa8:]RG\x9cQH\x95K\x84q\xcbp\x0f\xb8\xe9{?mn\xfe\xb3\x81\xdf\xb3\xc9\x1b,"eH\xef/4\xed\x9b%\xdd\xcc\xfc\xe7\x97Y\xac\xdf\x06+\x11z\xeb\xd8\x01k\xd1\nO\x96!\xd9\t\xb6\xe9\xe9~\x1f\xbc\xfb;\x1d..\xd4&gt;\xabmzz,91q\xef\xe6O\xb7\xff1;\xf6h\x0f\x0e\t+\xd5`Q6kyga\xbbI\xaf\x1a}\xbb\xef\xb6\x82\n\xacd\x15\x89\\\x11\xc8\x96C=8h\xb5\xaa\x0c\x86\xa4\xbcK\x0f\xeb\x18c#\xae\xd5W\xaf\x1c\x0e\x90\xa9\xd5X\x18\xb3\x8d\x8d\xe9g\x7f\xd6w&amp;\xe1\x03c\xf0\x81X&amp;\x9c\xf2zS)\xaf\x15#\xb2;\xbbM:\x06C\xb5\x97q\x13\xa9-\xc5\xd4j`U*\xd1H\xbd\x0e\x03\x95 r*k\x97\x0f.C\x87ku\xf5\xd5\xfd\xfc\xad\xfbQ\xd7\xe0\xa0Z\xe4\xa5T\xf2\xae.\xfd\xd8\xffh5\xff\x974\xf76\x8e\x1f\xe8\xf7~\x18h2\x96\xe3\x06\xa7\xe5\x1d\xc9\x9c5\xbd-\x8fL\xcd\xee\xd2\x14mj\xcej?\x98\xce/9GZm\xed\x99a;=s\x965X\xb9\xf3\xc81\xcafv\xc8\xd9\nKJ\x16l\xe3\xf1\x81\x19t\xa0\x1fZu\x18\x9d\x11\x0f\xb1\xed\x87\x9e\xd1O;\x8c\xe7\xfa\xb4\x7f\xe1\xeeS\x86\x90\xe0\x8b\xeb\xba\xee\xeb\xf3~_\x9f\x8fH\xabP \xc5\x08T\x1d\x1c#p\x19y\x06N\xef4E\x92\xbe\xf4\xc9\xa1\x9ev\xa9\xcc\xc6\xf3\xf2\xbc(Z\xff.\x93J\xa5z=\xabIg52\x91\x99mN$RC\xc3\xe7\xc1O\x0fg\xd7\x12\t\x1e\x03\xfa\xa9\x90\xabh\xd4*zP3\x15X\xad\r\xb0}2\x99Ff\x8bN\xd7\xeb\xfa8AIq]\xcd\x17\xa4\xe7h\x0fT\x90 /\xd4V\xd954\x8d\x01\xc7e\x13\x08\xbat\xf42\xe8\x0bkk\xd9a3\xd8\xc4\xdb\xf7\x86\xb3\xa9\xb5f\xd8\x14\r\x06#&lt;\xb6\x0c\t\x1dTb[9x\xa4\x8an\xc0\x124\xab\xe8\xac\x8e}J\x8a\xab\xf4\xd6\xc1\xcaW\xf3puv\ra\xbd,\xbb&amp;\x93\x81\r\x1c\xb2\xa5\xd0\x8c\xf2\x17\xd9h\x15m(\x95\xca\x9aO\xe5\xd6\xed\xe7\xe6,\x14Y\x97\r\rO\xbb\xd0\x10\xcc\xf6\x12\xb8\xdaX\x9dM\x1c\xc02\xa4T\xb5\xb5\x9c\xe9Ej\xb0N\xf4_\x87\xb3\xd9T\xc2\xeb\x1dky\xd9v\xe1\xe2E\x88\xd6P6;TM\xbb\xd8\xd7w\xae:\x9b\xcd\x0e?\x7f\xf7\xfd\xfb;d\xc9Z\x87S\x89\xb5\x94\n\xf2\\[[\xa6\x82U\x86\x06\xe3\xfa\x99\xceS\xac\xb5\xb5Z\x1d\xc7E\x11\xd6\xdb\x85\xaf\xd5\x90\x1c\xc0\x82h]\x02\x94\xcd\xcdM\xb3\xd9|\xbej\xb4\n\x84L6[}\xef\xce3\xc0\xfa~\xea}*\x87S\xa95\x88\x98\xad\x0c\xd4!\x8dv\x01\x96\xec\x9a\x9e\xd5\xd9mR0\x05\x89\x84J\xc2\xd9\xceS\xd2!\xae\xe4\x8bR3p%\xd2c&lt;\x01\xbdM\xd6\x87\xcc\xfd\xf3Vp\xaaUf\xc8\x1f$\xb0\xb2\x06|\xe2\xf7w\xbf?{\x06\x1e\xa3\x15\x92\x9aH\xa7\xd7\xb2\xb4s\xe0\xafa]\x94]\x80\xf2\xb2\x9a\x14\xa6\x96D\xbaK7\x95\xa3\xa6q\x95\xccF\x9d\xad\xf7\xccC\x08KBo\xbb&amp;;\x87\xa6 wFF*\xcd)h\x0c\xa9!\xe7\xa6\xf4\xb5t\x14\x88\xd0\xc0\xa6\xaaj\xf3\x97\xa1\xb5\xf4)\xd7y\xe0\x05\xcf\xd1\'\x93\xd2\x1b\xa0\x99\xb0y\x89t\x8b\xae\x18\xa5\xe6I\x84\xbe\xb5Us\xfbN5R\xf1\x12\xa8`\xda\xb9{\xb7\xef \x07\xdd\x9aM\xa7\x13*\x15\x9d.H\xae\x8e\xb1@pU\x9e\x7f\x00\xbbu-\x8b\xf5\x9a\x87\xb8\xaa/VFj"\x91\xd1*Y\xb9\xce\n\xbd\x8cm\x82:`f\xe6f)\xc1*\x85._\xd9:BK#s\xa1{I\xaf6?\xbf\x03U4R9\x9cH\xa6SR\x15/\xb9\xfa\xc7\x1f\xab\x8e2Y\x9f\x8c\x0e\xefW\x1d&amp;\x0e\x879\x06~[EC\xb6\xb6&amp;R%\xab50A\xa0*\xec\xdeD\xda1E\xd5\x84\xe4J\xbeP\x9dm\xa5\x9d\xd6\x96Db\x1b\xa2\xb5\xd6 W\x7f/\x05\xc1\xaa\x96\xe9!V\xabI\xc78O\xd2`\xb0/\xcf\xaf\xaf\xaf\xaf\x8a\xdcn\xad\xc31f\x93n\x8eF\xde\xbc\x89T9\xe9\x0c\x90\x82lm\xa3\xb7eo\xcfE\x95Y\x04\xacT:\x95\x05\x99\xe5\x15\x18\x04]*Z\xeb\x08z\xe4\xaa\x13\x90\xc2\x07R}-/\x99T0M`\xeb\xb5\x81XL\xec\x9f\xf7\xc9q7\x1b6\xcb\xaeZ\xd9F\xe4M$\xb2\xc9\xd21\xedZ\xf6\x0f\xacU\x0fUXW_\x1cuA`\xbc\xc9\xa4] `4\xbf\xbcTU32\xf2\xa6*\xebM\xd8\xa4R\xfak\x89\xc04\xe6P\x18\xbb\x91\xa0\xe0\xf35j1\xa9!\x82\x96z\xb6\xc2P\xeb\xdc\xd8\x8aD6\x9ct\x83\xa9Q\x0b\xbb\xa4\x83\xc7\xd8[\xf6P5\xb7)\x998\xb2y\xf7\x92\xde\xbde;\x03\x96\xad\xad\x0fb0z\xa9\xd9\xdb\\\xcb\xa27\x19\x98L\xa6I\xab\xe8v\xb9\xea\x08\\\xc3\x97\xf7\xf7\xab\xc3K\xa1Ph\xd0\xc2ib9766\x16X\x00\xde\x0825\xe0\xe0\xf1\xf6\x1a]\x94a\xcd\x1eJZV\x93&lt;\x10\xedvP\x82\x92r\xd9hd\xd4i\xe3\xb5H\xca\x9bt\xb0\xf7\xa1M\x19\x0c\xc4\xa0\x85 p\x8cO"\xac`\xc8\xe3\xf1ts\x9af\x9c\x0b\x9b\xfa\n\xb0$\xa0u\x02q\x87wl\x8fM\x19\xd6OO\xa2\x02F2\t%\x94l\xb4\x9b\x98\x02:\xc4\xc0)\xe11\x1a\x0c\x02\xab\xd1\xa4\x80\xf4h\xeb\xdd \xbe\xdc8A@\xb8\xe0\x07#\xea-u\x83\x9cn\xf0m3\x9d:\x83\xc9d\x17\x05\xe2\xf1\xb8\x88\xe7Xv\x87(\xc3\x1a\x98\xb360\xec\x0cG\x12\x14\x9d\xc9d\x92\xb0\x9c,D\xd5`\xe2\xa2n\x04\xc5\xcc\xb6\xb0\xddZ\x91\x16Ih9`\x81\xd2\x82&amp;%\x1c\xec\xe6r\xbb;8V&amp;\x88.P\xd8q\xb9\x16*\xdf\x12\xa4\x0c\xeb\xe6\xdb\xde\xce\x06\x93\xd51\xee\x00Mg\xb7[\x9bX\x15&amp;\xbb\xb5C\xd8\xc8\xbd\xdb\xd3S\x8f\xf2\xe7\xf2x\x84l\x88\x9bR\xa9\xd1h\x94J\x14@\x85\xa2\xbe\xae^\xab0r\x8c\n\x87\x03*\x0b\x82(\xb23\x85\x1e\xcf$U\x03\xe7[\xf9\xa3\x95\x0e\xbb\x10a\xa1\x11`OE\x93\xd5\xc4\xbe[\xd7\xd3\xa8\x85\\y\\\xd3\x99L\xb1X\x9cr\rZ,\x96\x90%H\x10\x04\x1bQ)\xe0\xbfJ\x11\xb7\x9b\xeb\x18\x07u\x8f\xb0\x02\x0ev\x9dkw\x91*\xac+\xb3\x07\'\x85\xceA\xa4\xca\xb9\x90\x10Dt\xf71\xf4G0&gt;\x16\x8f\x0b\xb0\x80*\x93\xd9\x9ev\xc1\xfbi\x97\xc7\x02X\x0eX1\xa5\x85PBv\x81*.\x82\xa2\x93\x8b\xb8=\xdb\xdb9\xaa,\xc6O%7w\x8e\x0f\n\xbd\x0ed\xf8\xec\x8e\xf1F\xeec\xf6\xbfB\xaf\x02q\xfeS&lt;\x18\x02\x96\xed\xed\xed\x0c\xe2qyB\xf0\xda\r\x11\x84\x1blZLL\xe2A\x1c2:\x1e\x8b\xc5\xf9\x08K98u\x92\xa3hK\xfcq\x96\xbfs\x90\xf9m|\xdc.\x14r\x1b\xc7\x03J7\xfe8\x84\xc7\xe6c8\xa1\xe4\x03\xd9\xf4\xf6tq\x7f\xdf\xb5\xbb\xbd\xeb\tzB\xc10\x86\xe3O\xe3\xd0\xf0}r\xe8dJe`9\x16\xe3k4\xd0j\xeb\x8b\xc7o\x17\xa9\x9b\x08\x96^\x19X&lt;*\xd6\x07\xb4`\xda\xd9\x81\x80\xf2\xd5+\x9c\xc0\xfd\xeb&gt;9\x9f\x1f\xdc\xceEO\xde\xce\x1d\x1f\x1f|\x8c\xce\xcd}\xfc\xf4\xe5\xfd_KKjR\x0c\xeb\xf2\xba\x1fS\x02\xd6\xb8\xdf\x1f\xe3c\x98\x06\xc3\x88\\\xfe\x05\x95\x17\\ ^\x13\xf9\x9c[\xcb\xe6\xf6\xb0\x03q\xd1\xd3\xa7\x18\xae\xf1\xcd\xcf\xfb\xfc\xfc\xcc\xc9\xf1\xce\xce\xce\xf1\xb7o\xdf\x16w\xfe\x9e\xc8\x7f\xc8/F\xa3_B\xe2\xcb\xbe\x1b\x97\x7f\xfd\xd3\xa7\xc1\x94n\x91\xdf\xef\'\x11V\xd8C\xf9u t\x7f\xec\xadG\t^\xda\r5\x85a\xd8\x12v\xe3\xfa\xfa\x9f\xf3\x1e\xa0\xfa\x1b\x16`M&lt;\xf9\xf6d\xe2\xc5\xec\xc4\xe2\xe2d\xf4\xf3\xa3\x7f&lt;|\xf8p\xdd\xafQ\xe2\x04\x16\xf3\xf9I\r\xa6V/\xe5\x16goQ}`Pzeq\x17\'B!B\xf4\x03+\xec\xbf&gt;\xbf\xees\x1d\x9e\x1c\x1c\x1c\x1c\xe7!b/\xe0\x95\xcf\xef\xe4\'\'\'?\xbc\xff\xdf\x7f\xfe\xf9\xebu\x90\x12D0\x18\x96\xfb\xc5r,\xacQ\x87\xe6\xce\xe2\x86R\xc9\xc4&gt;\x8e[,\xc4S&gt;\xc2\ncb\x1f&lt;a\x96\xe9\xedL1wt8\xf7cAyEs\xb9\xfdO\x9f\xd5\xed\x8f\xdaI9\x06TA\\.\x86w\xe1pxw\xf2\xd6\x19\x9cW_}\xb2\x8fCN\x00K\x13\x86o\xe1\xc7\xe3J\x9c\xedf\n\x07\xa7\x8a\x85\xa3\\q?s\xdaU\x8b\x19\x97\x85\xc04r\xb9:\x8ca\xf0\xe9`\x10#I(-\xc0z\x9f?\x8bc\xf4\x92\x81\x1c&lt;\xeeh7\x86g\n$\x8c\xc8]_\xdf\xcd\xe44\xf5f\n\x87\x87G\x05h\xa8\xc5\x02\xac\xad^\x0eS\xc1F#\\\x02\xc7\xd1/F\x8aI5\x86\xa9\xc3\x1fg\xcf\xe2\xf8\xb5t\xe0cX\x83\x07\t\x0c\xed\xc6\x98(\xc0\xae\x03\x85\xc0\x99YXX)\x1c\x1d\x1d\x152SS+[\x857\x85-\x16]\xd2%`\x80Z\x85]\x88\xc0\xc38&amp;\x17\xf7\x87\xc3\xea\xfe\xa5\xe8\xc0Y\xdc9(\xb9\x19]\x92kp\x9cO\x02\x97F$r\x0fr\x8c:\x16K\xafw.,\xf4V\x18\xefr\x99\x06\xd0}\x9bz)r\xd3\xaf%\x06#\x84*\x0c;\xb7\\,V#\xac\xe0\x87\x9bgrV}\xebC\x88$\xd1\xd7\x90|5?\x00\x9bpGE\xb9\xde)[\x919\x9b\x18c\xc9\xf1\xe5\xbddr\x8c\xd7\xdc\xacB\x83A\x9bN\xd7\xad\xe4\xf3\xd5\xa0U\xc57\xee\xab\x81\xaa\xff\xf3\xe4Y\x9cU\x9fv\x089\xc9\xd7\x90~x\xb2\xe2\x01-[\xd84\xa3\xd7o\x8cn\xc8\xca\xbb\xbc\xa7X{\xa0\xac\xd1\x85\x12t1\xaf\xc2\xa8\xd0\xc8I\xa0\xea\x17_\x16\xc3\xdf\xfb\xfd\x9f\xfe{&amp;7\x0eJK^\xbcW\xb7\x93|\x12\xba#\t\xbdA[\x0f\x9aX\xb6\x05\xba\xbeO*\xe1\x8d\x81,nT\x98\x04\xba\xf2\x99\x19\xa7s\xa6\x93#d\xcb\x11\xd6\xfd\xf6\x9f/?j\xbf\x7f\xbf]\xfde\xe2\x8c\xeeg\x0cD\x97\xdao\x90\xa4\xcf\'\x06\xae\xb8\xc8\xcd\xa9\x00\x0f\x81\xec\x86LO7\xdcEz\xf0\xb7\xce\x85\x95\x95\x95\x85\xff\xd3r\xb61M\xa6Y\x18^dC\xcc\xfeh\'K\x81vC\x81\xb6P\x1a \x90\xb2M\xf8h\xcb\xbb|\xd8Bi\x85`\xca\xc7\xd4\x16H\x00\x11[cB\x8b\x10A\x18@-\x90\xdd\x91\x0cB(\x82\x91\x90\x81d\x88J\x8d\xc4\xac\x82\xc0\x1a\x03\xfc\x901Y\xc8\xe2f\xd1AD\x16Q\x12\xdc\x11L\xd6\xb8\xf7yqg\x7f\xee|\xf8\x9e\x98\x984Msq\x9f\xf3\xdc\xcfy\xfa&gt;\xa75\xc5\x1a\xad&gt;\t\xc6\x00\x1c\x0b\xb0\xdc\xf8\xdf\xbby\x86\x9b[6\xbc\xca\xee\xadz\x8bE\xadv:\xb32\xb2\xb2\x1as\xa3\xcaX\xae?}{\xaf\xeaH\xf1\t\xea\xb6\xb0\x1a\xaf_\x1fGG\x98\xac\xcf\xc8R\xd7\xab\xd5\xa0\x922\xb0V\xb7u\xab\x9b\x93\x8ag\x0f\x8c\xcb&amp;\x8b\xd2\xa2v\x9a\x91F\x96\xcba\x18\x1c\xff\x16X\xa3U\x83W\xae"\xae\\\xb9r\xfd\xfa\x95\x13hnL\xd0\xc9j\xb5\xba\x19)aA\xafenJ\x8b=klz\xadJ\xa5\xdab\x06\x1b\xea&gt;I\x9f\xe8P\x0c\x8e\xdf\xbb7&gt;:\n\xa0\xab,\x18\xda\xc1f/V\x9e\x95a\xc0\xc5\x08\x04R\x06l\xee\x9d\xcdN\xcenpa-\xd6\x9b\xcd\x16\x8b\xd2\xcc\xa0\x8a\xe1^r{Ad\xcd(\x05\xfb\xf0\x9a\xc2\xe6\xc1i\x11+\xcf\xcd\xe0=\xc0\x12I\x19)_j\xe5\xc8\x1e&gt;\xee\xd6\xafj\xcd\x90\xcai\x96Z\xebkkk\xe3\xf5z\xad\xa6\xbf\xa6\x86}\x9c^3X\x8c\xb0i\xe4\x93\xd8i\x00\xc4\xb8\x91C)\xd4\x92\xe2\xdf\xc4\xf25\xcer\xf8+^\xc9\x93\x0e\xa5Y\xa9\x04\x16-\xfazS\x0e\xb0\x9a\xfa\x01\xd6\xaf\xd1\x19\x0c\n\x9dNW\x96\x98\xdbET(\xa7\xfd\xca\x12\x08\x04~\x0c\xb3\xcea\x0e\xe9\x81\xc6\x96\x85\x81^J\x01\xb8\xac\xf5&amp;t\xed\xd8\x93\x9bN\x00+Ra\xc8K\xd1E:\xa2r\xbbr\xe2\xeb\x89\xaa\xdeM:I\x052\x81\xdb\xbd\xc3\xc5E\x96\xff\x15\xd7\x8b\xc7j%\xf4\xa2\x92\xb1"\x8b9^\xb4\x08\x1e[M\xcd\t[\x93\xcd\xd6\xe48zT\x8b\xca\xca!\x13E\x99\x93R\x02\x99L&amp;\x10\xb8WopWZd\x11/\xeb\x815e\x9e\xea\x15\xb8Q]&amp;oss\xbb\x07j\x15\xf7\xdb\xfa\xfb5Z\xad\x16\xa7\xd7\x0e\xb6\xb2\x187_ \x13\tD\xc0*\x15X\xb78,-\xba\xff\xb3\x9c\x05,\xf3\x94HDiD\xc7\xd2\xdc\xd6\xec\xf1h\x9a\x9a\x9a&lt;\x1a8\xbb^\x1f\x1d\xed\x95\xd4\xb2T\xc8\xde\x172\x12\x0bp\xf5\xcb\x978\xc5\x1azV\xebT\x02L*\x00\x17\x83\xde\x00rA0D\xb4\xdd\xaeo\xcc\xc8\xc8\x91\x90Xl\xad\xcb\x1a\x1ad,\x95\x941=\x1b\xe2\xf2~\xba\xefP\x8f\xc4\xe2D0\xe0\x12\x89\xcc\xe0\x92t\xa0\xbe$\x12\xb4\xd2\xd4*g\x98L\xacg\xb1P\xc0\x12\xd1\xbb\x98\xfa\x8e\x1eN\xb1xC=\x1dj\x97\xd3\xe9BE\x8bd\xbd\xd0\xc1\x82\xae\x85N\xcc\xf10\xd7\x1c\x13\x05R\x08\xa8\x0b\r\xad$\x16\xa0\xcc\x8c\xda\xe4}\xc6i\x12\xa1\x96w\xa0\xcf\xe5r2\xfbr\x89\xcc"2\xfc,t0\xa03\xedK%\x15\x85\xe1\x90\xd8\xd0Jk\x10f\x82~\xa3\xc3{\xfb\x1a\xd7X\xf1\x8d}\xc0\xc2\xde\x82\xf2\x11\xf5\x86\x85\x81M\x89\xbe\x02\xeb\x12\x06\x8b\xddF\x16\x86\xa3\xebW\r\r\x17P~d\xbd8Rwx\xffz\xb7\x92\xc7)Vs\x97\x9e\xb8\xe0\x97\xe0",H\x13\xd6\x8b\xdd\x88z\x18\xb3(lnn\xae\xb5\xe1\x82\xac\xb4\xb4\x94\xf6\x1dP\xf5eH\xbc\xde\xc7/\xb8\x9caAm\xb5w%7&amp;\xf5\xb9,\x16\x86Q\x9aE2\xa4QF9\x83h2"l\x9dk\xa5\x0c^(-\x95I\xd9\x14\xba\xfa\x1a\xa3%\xde\xc7w9\xc5\xea\x04\x966I\x9f\xa4\xb6()P\xdb"\x11\xcc\\\xd4\x8bB\n\xa3\xecQ|\x05\xb5\x04\xa4\x15+V\xa3&gt;Y\x92\xfc\xf8\x06\xa7\x935\x9d\xc3\xed]\x1e\xb9\xd6\x1e\xaf\x86}A1)\xca\x9e\xb6\x18\x81\x94\xf5s\x8a}c\x10\xccJ!\'Q\xe5\xca\xed\xfa\xe4\x93\xdc\x0e\xd6\x9c\x19\xf6L\xd6\xd9\x1d,\x97\xd3\xe2\xa2v\xc2\x8c\x02\x03\x86,\xecB\xd8\x0fA\xce\x0e\xb5\x18\xa7k \xe9PT\x94&lt;\xf9d7\x97X\xbc\x92aOT]\xa2\xc3\xa1\xc5)\x16&gt;AXl\x0e\x89\xa5a?X\xae^\xc2\x82\xa9\xe1\xe0\xc6b\xb5\xdd\xef\xe4\xd2!J\xee{\xaa\xeb\n\x1c\x0e\xcdQ\xfa\x1e\xd2\xe5\xdc\xaf0Z\x91T[\xfb\xd1\xca\x9a\x06\xda\x0c\x8b:#)\xf7Pa!a\r\x0fq\x89u\xe6\xbe\'\xb1\xcc\xe1\x88\xd4h&lt;\xed\x93\x8d}j\x97\xcbB;$\xa2\xf7\xbfT\xbd\xbd\xe4d(&lt;k=\xba\xea\xa8\x10\x84\xdc\xde&lt;|\x89[\xb5\xea\xea\n"#\rt\x1b\xd6c\xef\x8a\xc7\x11UmaC\xf4\x91HD\xfa1x\x01\xbb\x92$\xda\x9e\x18"\x14\x86\xc8\xdb\x9b{\xb8\xc4\xf2\xed\x1c\xaeS\xa9\x14\x064\xed5h\xdb\xb5\xfa\xae.v?\x04\x1bC(\x16\xab\x1aVO\xdf\xe7\xe2\x84k\xca\x91\xd8\xed\x89B\xa1\xb0Z\x9e\xdc\xdcs\x8d\xb3&gt;\x90F\xed\xfeYvx\xc4\xf8\xee\xdd\xbb\xa2bq\xa0B\x97xL.\xcfM\xea\x92\xe4\xc4\x0fdee\xd0\xe9\xde$\xc1\xf6\x88\xc3-]G\x9al\xaf\x8b\xccW\t\x85\x89\x93\xc9\xcd\xb7op\xd55\xfb\xfe\xbe\xf3\xc6\xed\xa3\x99\x87wo\x11VQ\x91Xl\xd0U\xd3\xdd\xcd\xe8\xe4\xe4h\xea\x00\xe9K\xee\x8e\x0e\x13:\x8a\x9c\xf8\x9c.=\xddc\xd6\xe9\xf2\xf3U\x05QZ\xfb\xd5\xe7\x978\x99@"\xa9\x9euX\xfa\x80\xb5;\xf6\x11K\xac\xd0\xd5%VWSw\xaa\xd1\x1c\xa5\xc7=^\x1c]%\x08\xa2\xc4\xcb6E\xde\xcc\xcc\xcc\xc3\x90\x87++o\xbe\xef\xe4bD\xd7\xb7\xe4\xfe*\xd3\xda{\xb10{\xf7\xd67\xef\xd8\xb1:q8\xb8\xcah\n\xb1\xe6\xea\x95\x1a\x9b\x86\x1eE\xb557\'K\xba\x92\xf4Q\x89u\x1a\xdb&gt;\xd5\xcc\xcc\xca\xc3\x95\xbd\xbd\x0f\xdf}zG\xe5%\x9c\x19\xf6\xf6\xce\xcd\x99\x07\x8e\xc5\xed\xee\x12VZD\x91\xb8H\x1chP\x94\xd5\xe1\x04;~\x9d\xb8\x9a\x9aN\xb6\xb5\xb5\xb5\xebss\xe5\x89:\x9b\xcef0\x18\x00\x95\x07\xad\xf6\xe6\xd7\xde\x7f\xf8\xfeSO\x92\xf1\x12\x86\x9e\xebA\xd5\xea\x1c\xc8&lt;\xb5\xfb\xc68&amp;\x8eHK+b\xe76\xa1\x97\xc6V3:&gt;&gt;:X\xdc\xdf\xdf\xdftT[-\x97\x17\x86\x94\xe9\x14\nCxx8\xce\xb4\xf9!\x85+{\xd3\xf3\x8b\xef?|\xea\x87\x18\t\x9d\xcfW\x1e\xa1\x932\xf7\rd\xc6\xed\xbei\xf9\xe6A\x04M!\x16\xedcE*\x8a\x07G\x815Hg}-{\xf9U\xa8J\x99\xa11\xb3\xc1b\x9b\xae.*\xea\xd0\xd7K\xd3\x8b\x8b+m\xcf\x9e\\\xfb\x84W&lt;y%\xdf\xbd\x9f_\x9a\x9b\x0bs\r\x0c\xe4\nGv\x83\x8c\x0f\x8a\x82\xd3\xd3P_\x81y4\xf5\xa30\x18\x8a\x8f\x1c\t\xc7\xca,+\xa8\x8e\xaa\x0e\t\x89\x8b\x13V\x04\xfe\xe1\xdc9\xc2\xc2v0\x99ysiz{q/\xc3\xf4\xf6\xe5f\xf7\x8b\xa1\x92\x84OA\xc6\xab\xfc\xdb_\x16\x81\xd5\xaa\xcc\x1a\xb8\x98\x19\xf2\xe7\xdd\xa0\xa0 `U\xa5\x1d)\x12\xd3\x88\x14E^`\xe0X^\n\\\xaa\xa0@%\x8c\x8b\x8b\xcb6\x82\xea\\U\xb8\xcdCX\xc7\xff\xbe4\xbf\xbd\xbd\xb6 e\xac\xeb;[\xaf\xba\xa1Y\x02\x8f\xf7K\xfd\xea\xdf\xcf\xff\xf5z{\xe9\x1fw,\xe8\xe3\xb1\x14Gn\x05ED\x04\x87\x86\xa6\xa7\xa5\xa5\x89\x03\xc7\xc6\x02\xe9r[EEyv\xb6J\x05\x9b\x12\xc6\x9d\x02U\xd0\xd9s\xe9\xe9Ub\x16\xab\xfa\xeb\xe9\xf9\xed\x8d\x8d5\x97T:[:;\xb1\xfe\xf6e\xcf\r\xfay\x86_\x00\xe6\x9bPr\xf7\xf9\x87\r\x16K\xdd\x95t\xf1\xe2\xb1\xecrcl,a\x85\xa6\xa7\xa7\x17A%P\x8d\xa5\x94\x8fdgg\xd3\x18\x10iu\xb8\x02T4\xfd-Vh\xea\xaa\xe5!{\xa0z\xfdzq\x81\xb0\xfc\xf8\xfc\xd4\xcb\xebo\x97\x9f\xbc\xe8\xac\xfc\x99\xbf\xb6\xc1\xe3%T^z\xf2xem\xe3\xe9\xebi\xc2\xca\x05\xd6\xe1\xec}\xac\xd3\x14iEA\x0f\x02\x03\x8d$\x15\x8b\x858\x1c\x87w\x04\x05\x07\xb3k\xc2\x10\xe9(XYY\x03\xd5\xd3\xa7\x1b\x84\xe5\xe7\xe7\xe3\xe7s\xf0\xd7\x97\'vV_u\xff,\xc9xp\xf6\xa1\xee\x97;\xd6\x9bk\xaf\x81\xf5\xe8\x8ez\xf2\xd0\xf1\x8b\x99\x85\xd9\x15\x1f\xb1\xee\xc5\xc4\xa4\xa7E\x04\xb5\xb4\x18+FF\xb2\xf7\xe5"\xbdT\x15-\x11\x01\xc1\xac\x83\x18\x14\x91\xf0R`=%,\xc1,a\xf9\xfb\x1c&lt;p\x80\x7f\x99\x92\xb9\xf9\xe2L\xa5\xefO\xac2\x82Z^\x9d\xe0\xcf.\x00\xeb\xe9\xfc\xd2\x1d\xb5\xfe\xd0\x97\xc73\x8f\t+ZX\xac\x98\xd31\x7f&lt;\x1d\x1c\x10\x1b\x14\xdbr\xeb\xd6\xc8\xc8Hyy91\xa9T)\xc6\xa0\x88\x80\x00\x00\x13\xd6C`\xcd\xb3jmO\x95\xce\xf2\t\xeb\xb3\x03\x07\x0e\xf8\x10\xd7\xc4\xce\xd6\xf2\x93\x9f\xf6\xec3\x01P\xafV\'.\xa7\xf2K\x1f\xcd\xd3\x87.\xddq&amp;\xad\xb0X)\xc6\xd8\x006\x8911\xa7C\xc1\x15\x1b\xdb\xd2r\xcbh\xac\xa8HIQ\x11\x15\xb9m@\x00\x8d\xa4\x8b\x15\x91\x0e\xad\xfc\xe6\xc2\xf4\xda\xe2\xeb\x8d\xf9\x1f\xb0\xfc\x0f\xa6\xf2}|\xf8\xa9\xa9\xa8\xb2\xd5\xe5\xcdk?\xda1|+;\xbb_m\xad\xbb}\xfc\xfc\xfc\x80\x85\x1cl\xa0\xe6/\xae|\xf9e\xe6\xb1\xea\x14\xba\'\x19\x1aJX1\xa7\x7f\x0b\x80\xf3\xe7\x01\xd6\xc2r\xa5\xd0\xb0\xe7\x91\xb4\xe0\xfd\x17\x8d\xf9\x89\xf6h\x93\xf9\xce\xd4\xc2\xda\xda\xda\x82\xe8\x0b?\xc2\xf2\xf3\xff\xcdA|.\x9f"\xf5\xf2\xe5\t\x80\xfd\xa8_h\xe0\xd1`&gt;\x94J\xf5\xf1\xf7\xc7\xa7\x08\x1eM\x03k\x91\xc5:EX\xf9l\xed\x84\x86\xfe\xee\xa3\\\x9f\x7f\x1ep\x1e\x8a\x01\x8b&amp;\xcf\x03\xc5\xe1U\xe9Ug\xcf\x02+\xb6B\x15\x15-\xa9\x95\xb5\xcaDS\x0b\x0bS\x1f\xb1||\x0e\xf2\xf9\xa4\xd5,\xb1!\x9b\xeb\xab=X\x96\xbe\xff\xd7\xa8\xce\xbc\xd8\xdc\x9a\xe0\xe3\xcf\xfa\xcc\x9f\x9f\xea\x03\xac\xed\xff\x10r\xc6\xb1M\x9cg\x18Onw\xbe\xb3\xefN\xdc\xe5\x1c\x82sA\x18\x0c\xd32jzT\x0b\x1d\x04\x18&amp;\xb0\x16\xbaV\xba\x95l#\xacE\x17\x97M\xcb\xa6\x10\x02\x01\xc1\x14Z\x8f\xb0\xeb\xba\xd8\xe9\xec\xb5\xc2\xaai]\xfe\x83\xa2N\xe9\xa2 \x832\x12\xa1B\x12\x89&amp;\x01-Q\xff\x88\x90\xaa\x89V@5\xc4\x10\xaa\x90\x90\xf6\xbc\xdf\xe7\xa4]\xd7i/!q\x12\x11\xff\xf2\xbc\xcf\xf7\xbc\xdf\x85\xdc\x87\xe5\r\xcf\xff\xb5\xa3\xa3\xaf\xef\xf1E\xcc&lt;u\x14\x11\xe0\xa2\xdb\xa8\xab\x88\x0br\xd1/0bcq\xaa\xad\xadmS\r\xf5\xf6\x17\x8b\xbe\xbdt\xe9\xab\xa9\xeeT\xca\x8b\xe4}/E\xcb\xb0R\xb0Bb\x82\xea\x1a1\xa2\x9b\x89!\xe4\xc5\xff9\x9c\x04A\xf5\xfe\xad;7\x0b\xf8\x07\xa4\xf7\x82\xc4hx\x18\x83\xf6\xb3\xcf\xc6\xa7\xa7\xce\xfd\xaa\xa3\xef\x8b\xf3\xe7\x9f\xdb\xd8\x7f\x99\xb8@F\xf7Q\xd7\xd6\x1ei\xf9=is\xecXM\r\xfb\xff\xb1\xe7\xdb\x9e_\xbei\xd5\xb1\xcb\x0b\xbfs\xf87\x7f|6\x1c\x8by\x86\xa1\xbbYW\x16\x84\xb8\x12\x92\xe9M(\xa4\x88(\x05\x85\x87\tX\xec\xc6\xfb\xff;.\x90\to\xdc\xb8}\x939\x12+\x99\xb0\x16\x84\x87i\xd0b\xfc\xcc\x9e~}kG\xc7\xf9g\x9e\xe9\xff:VU\xcb\x1c\x16\xe3\xa2\xd3=\xd6\x1c\xdb\xb9x\xe3K\xeb\x7f\xf7\xec\xaeh\xb7\xaf\x03\n\xc5x\xe2\x92\x16\x8f\xc7\xe7\xc8\x08.\x91\x10E\xf2&gt;r\xec\x1b\xbd\xcfL\xf5\xf1\xbd\x02\x99\x11^7\x02\x16a\x05\x9a\xa7\xc8\xb1#S\xb3\x17\xba\x9e\xde\n\xac=\x1b\xfb\xd1E\xd8\xab\xae\xaa\x96WU\xd9^t\x1a\xc4\x9aM\xc0Z\xbeiM\xcd\xe2\xfe\x9f\x1c\xde\xb0\xb41\xd2\r,F\x05\xac\xb8@D\xa1\x10^i\x92\x84\x07@C;AG\x8b\xf2\xf3o\xfcM\x89o=\xf9\xdbO?\x7f0T@1c\xa5,\xc3\x00Vexxjbddzvv\xf6\xf4\xcb?\xeb`\xf7\x89\xf4\x1fc\\tp@m\x15\x93\xab\x9a\xb8P\xf4\xdb\xf4\xc7\xe9,\x94\xc5?~\xe9\x87\x1b\xd6v5\xc7|F5\x90\xcd\xaa\x12\x98$\x8dt\n\x85\x88\x0b\xf9\x85wX7\x01\x87\xe4\xbf\xf3\xdf\xde\xa7\xfe\xdd\xfa\xe4f\xa1\x00zZ\x82\x96\xae\x97\xb1F\xc3\xf9\xe1\xa9\xa9\xa9\xd9\xb1\x9e\xc8\xdb\xfb\x1f\x7fnO\xff{\x1b\x81\xc5\xb9\xaa\xc8\xf2G\xa0\x17\x81\xad:J\\G\x8f3,l\xbe\xd6\xafl\x8cDc\\*5\xab\x06\x81%\xc92D\xe2\x96b\xbddd\xac\x8f"\x81Q\xf0\x7fm_|\xe3\xf6=\x8a\xcfJ(e\xa1\x87\xban\xe8Fe\x82\x84\xf3\xc3\xc3\xc3\xc3=cc\x91\xc6\xfd\x8b\x16\xbd\xb7\xf3r\xff\x8f\x80\xb5\x8as\xd52\xae*\xce\x85F\xae:J\xf7\xc6\xaf\xd9\xfe\xe2\xc9\xf6\x95\xdbVG\xfc\\n`` [D\xc9PJ\x0e\xaaA\r\n\x91D\x8aX\x86\x8bs\xc1\xf0na\xe8\xc1\xed\x1b\xffq\t\xf1)\x92\n\r\xa4\xf5\xc7\xc2%`\xb8\x86\xaeW"Y\xac\x92\xeby\x91p\x14\x1b\xc1]\x7f;\xbc\xa8\x7f3\x1d)\xb2b\xd3\n\xdeF\n\x88\xaa\xda\xdarL\x00k\x15\xdd|\xb0f\xfb+\xed\xeb@\xe5\xb9\x03Tj\xa7\xa9i\xa4\x14a\x81\x8e\xb9\x9d\xafE\xea(\x93\x8f*QH\x0c}\xf2\x95P\x7f\xe3\xd6\xed{h\x1f\xa4A0\x90V\x96\xc5\xb1DE\xb0K\x03j\xce\x1f\xf5{zz\x9a\x9f\xd8\xbf\xbf\xbf\xaen\x05/2=\xe1\xb4\x1c\xf9*\xd6\xd1j`-\xde\xdd\xbe\xb2\xb19\x12\xf3\xb3\x04U4\x1dG\xd3\xcc`P&amp;\xac\xb9&gt;\x86\x98@\xa1\xb9b\x9d\x05Ba~\xfeq\xab\xf3\xf5WIj\x01+`\xb9:\xec\x85\xf4+\x96\xa8\r\x9e\xdf\xdd3\x16m\xfc\xf3\xf7\x17\x1e\xaf\xaa\xde\\\xc7~K\xbf\xba\x8e\xe9\xd4\xc2\x14k\xa9c\\\xc0"g\x9d\x04U\x8cu0[r\x1c\xc7\x84ZA\xf2\x17\xc0@\'1\xdfS\x17\x95rz\xf1"\xac\xc4\xbcT7H*\xb4\x8bzG\rde\xe5\x107\xaea\xe9\xa5\x12\xe3\xf2\xc1\x15m~\xeb\xbb\xdb\x8f_mjb\xbb\xc0\xba\xea\xaa%&lt;\x1e\xe8\x18\x1b\x0c\xa1\x16`U\xb3\xbb\x1c^Y\xf7\x83e\xe4+x\xbd\xd8\t\xaaN\xd31U\x95V#\xe8\xd0G\xa4\x83\x10\xa2\x16v^L\xa4\x00\x00\x06\x9bIDAT"\x1aDE\x9c\x8bV\xf6\xa0lu.\x15g\t|Y\x06\xc3\xd2\r\xa3\xc8\xb9r~&gt;\x1f\x8d\x9e~\xfd\xa7\xcb\xaf^=\x94Nc\x1c6\xd5\xd1-\x04\x0c\xab\x0e\xa3\x99U\xf5\xa1t\xdb\xa9\x83\'\x9f\xea\n\xa3\x83\xba\xaa\x16\x8b\x9d(@\xd9\xc0q\xb3\xaa,I\xe8#D\x83b\xac\x83\xe0\x08\xcd[^\x14\xd1\xb2r\xaa\xdf\xa1\xf57/R%7\x16\xc6E\x0e]$,\x19_\x19\\\xd9\x1e?\x1f\x85^o\x7ft\xf5\xea\xc5t:}\xe8P\x13\xe5|\x1a\\UtT\x0c\xe0\xc8\xfc\xe9\xc9\xc1\x83\xed+\xbb\xf2\xc8+_\x0f\xda\x00*\x16mM\x90T\x17\x1d$gI$\x17\x8a\xa5i\x9c\x99L)\xfb\x9f\xd5\x02:E\x8b\xa4b\xfd\xa3a\xce\n\\\xa0\x02\xd1\x00a\xe5tC\x924pe\xb3=\xf43\xf7\xee\xe8\xea\xb5\xff:\xde\x84M \x9d\xc0\x02\xac\xfa\xfa\xc7\x1e\xa3CFvP\xd5\xd7g\xd2\x17\x07\x7f\xbdrW$\xe6a\x10\xca\xb6\xd9\xd9i\x03\x0b\x12\xb99\x80p$F%\x0b,\x1c\xe6\x17!\xb8\x12b\x825\xf1\xc9?\xbd\xc9\x06 \xe6\x0co\xe2\x02f04\x10X\xb9\x1cu1\xe7\x1a\x81\x80d\xcft\xda\xbe?6\x96ss\xb9|\xd7\xd6\x8fj\xe8\xca\xa7i\t\xc7\xaa\x07MCCCo\x03\xd5\xa5\xcc\xe0\xbb\x1f\xbc\x10\xeb\x86\xdc0\x90\t\xac\xa2i\xdb\xc1T\xca\xd0\x99\xdf]f{*!\xc4&amp;\xa3\xa2\x94=?/W\x05b}h\x01e\'\xcb\xcfrU2\xb9\x88\x88\xba\x98\xcb\x19\x81Q\xcb\x9eq\xe2\x12\xba\x82\xe5\xeez\xc3\x13}{j6/a\xc5nl\x00Y/+:va\xf2\x9du\x8daR\n\xe9\xa9i\xcc\xed\x9a\x9c"\xaf\xaaP\n\xf6rax\xc2\xc2\xa7\x05&gt;\x15yx14\x92\xab\xe2\xe3\x07\x88O\x8bE&amp;\xcde^\x04I\xde2\\.\x97N\x9f\x9aq\x04\xc9\xf3$u\xa0T\xb2\xbd\xfc\xb9\xbe\xef\xedl\xc2\xae\x99n@\'\x99\xf6\xd57\x10\xd4\xbe\xfatz\xf2\xeck\xa0\xb2\xe8\x89M\xa4\x02\xcb\x06\xdb\xa6\xcb\n\xecm\xa8\x81l\x1d\xb2\x94\xe01A},\'W9\xee+\x86\x12\xads6\xe7N/\x03\x19\x06=\xd09V\xce\xf0\x02\xd6\x8cmKI/X\x9c\x99)\x95\xfc\xfc\x85s}\x0b\x9b`{8\x8a\xb0z\xe9\x96\xfd\x13\'\x88*}v\xff\x01\xf8\n\xa6B|R%\x81E\x00\xa0\xd29TP\xa6\x19\x04l&lt;\xa0\xbd\x04D\xe3#\x88\x0fnE\xa9P\x14\x81\xfc4::zMTZ[\x1dG\x10,\x8bV\xb5m\xcb\x06\x11\xf9\x1e\xde\xe8\x96%8\xf8\x88$SZw\x16%/\x9f?\xb0\xf6\xc5\xc1L\x86\x0e\xd7\xd9w\xe2\xcc\x99\x13\x84\xb5o\xc7\x8e\xcc\xe4YL\xe7n\x8fL\xa59\x1c+\x99\x84\\\x92\x8d\xefT&amp;*\x95e\xa9$\xf3&gt;\n\xd0M\x12%9\xa4\x08\x84\xceE\xab\x10Ef\xf3kT\xe0\x9a\x99\x01e@V\x91S\xc5\xa2\xea\xba\xae\xef{V\xca\xd5\xe1]\x1bO$%\xe9y\x1c&lt;\x91dx\xcb\x9eh\x07\x17\xdd\x14\x0f\xac3t\x03\xd9\xde\x1d\xe9\xc9\x83\xebv\x85c:lc\xda\x08+F\xd5\x99\xec4m9\x88\x0f\xcal\x15\x12\x97\x84\xbf\xb6l\x03\x04KS(HAl\xc4\x04\\=\x86Z\xa9*\xe00p\x8d2\xacdH\x93\r/\x1c\x8e\xf8z*\x85V\x95T\xcc\x1e\xa4\x96\xce2Y\xa3".\xa2J\xc6%#\xbcz\xcb\x86\xb3\x99\xfa\xfa}t\x12\x04\x81\xed\xdd\xdb\x90&gt;\xf5T\xd7\xb2\xb0GX\xc8:\xf2\x14Vb\x92"\x82\xf2\ny\x1a\x14\x04\x99\x19\xbf\xbc\x1a\xa58\xda)\x88\xecu\xa2\xa0He,\x16\x07\xd4\xd68\x14@o\xb0}\x99\x9a\x9d\xcd\xc7,+\x05.\xb8A\xf7\xd9\x04\x93\xe6\xc0\x92xI\xc6\x89\xcb\x8b\xe6\xbb6\x9cMg\xe8\x88\n\x86u\xa2!\xd3\xb6\xf5@$\xe2!C5\r\x86G\xdfQf\x12[\x1a\xb5&lt;\xa4\x81\xc1\x93\xcbu\xf9t\x94\x80\x89X\x8d#.x\xaar,\\\x12]\xbb\x16\n\xb5\nB\xc0c\x9b\xd0\xf1\xf1\x91\x11\\;\xe5\xbbsH\x9a\x14L\x1a,\xca\xe5\xa2\x85e\x12\x1aU\xc0\xf0\xa3\x91\xae\xb5\xbb/f.\x11X\xef\x99\xde\xde\xcc\xa9_\x1eh\xc6\xd5DP6\x19\x96i\xa7R)\nR\xec\xb4\x8a\xa6fS\x82J6\xb5Q\xb6\xe1\x10\x95Z\t\x97\t\x1a\x9b\x90Z0\xa8$\x14\xa5\x15\x7f\xa0\x96H\xae\x02a\xe5h\xf3\xf0\x04\xfd(\xf1\xfe\xfdG\x7f\xff\xc7\xc8\xf4\x85|$\x16\xc3\x97-\xce \x0f\x83\xac\xf0L\x9a\xc9\xb84S\x82\xbb\xfc|\xa4y\xcb\xfaw&amp;/]\x02Y\xef\xa5\xcc\xee\xa7O_\x00\x95l;\x0eD\x05\x07aY\x96\x8d\xef\x08&gt;\x82\x05$YSU=\xa5\xbal\xd6\xaa6&gt;b\xcb\x9a\x18\xcc\x82\x0b\xde\x97\xc4\x84@b\x01K$,\xa2\n7O\xe1\x8a\xfc\xfe\xc3\x87w\xef\xde}\x08\xb2\xf1\x91\xe9\xa9H\xb4;5\x83*\xa9|\x88q\xc9\x98\xc9\xd0_C\xc2V\'\xf2\xc2\x07\xefN^\x01\xd8\x95\xc9\x93/\x9f\x8e\xc6&lt;\x1dC\x10%\x00L#\xacT\n-\xb5\x01\xe5\xd8Z\x1c\x11_\xb4\x05[\x95e\x18\x96\xb7\x91d\xd4\x14\xc2\x82\xebC\xc0R\xa8\x89h(\x9c\xe2X\xe1\xe1\x89q@\xdd\xfd\xf0C\xbc\xe0\xd5\xc3\xfb\x00\x9b\x98\xba\x10e\\\x1c\xeb\xcb^B,J\x1fS\xd6]\xef\xd5\xa5\xed\x83W\xae\\\xf9K\xfb\x96\xe6h\xd438\x95\xe3\xb4\xb2\xf5Jr\xd9d}8\xd3\x96d\x97vp:\xf3;\xc5\x0f\x9b\x8e\xd8\xee\x84\n\xc1`H\x91TU\x9b[\x89\xe5\xeb\xc7\xd1\xd5\x13\xe3\x8f\xee\x13\xd1u*\xe2b`\xd3\xb3y$)\xd4\xd2u\x86D\x9a\x11\x16M\x0e\x07\xfb\x15\xc7\x91\x8d\xf0\xb6\x9f\x0fNN\xfea\x1b\xbb\xf0*:s\x05,\x8d\xb8\x0c\x8b\xb4\xa2\x84\x92\xf4\\\xaa2\x10\n\xb0\x16"\xae\x19\xa1\x994e1n\xc7E\x05\xdf\xbb\xa6\xc5\xb9\xe5\x15\xe2SF\x87\'\xbe \xa9\xae_/S\x81\x8b\xc0\x1e\xfdsd\x9a\xdc\xef\nJVV\xca\xdb$\xb9&lt;\xcf\x08\xeb\xdf\x03\x02n^\x11k\xc5\x98\xa6X\x91Z`\xb4JKC\x1dU\x04.Gx\x80U\x05\xd0M\xc0t\r,h@\x83,\x89\xa0\x1a\x17\xe8 `\xfd\x0f\x06\xbc\xec\xba\xc0\x12\x9dC\x1a\x98\x05uAIWZ\x90\x89)\x89\x89\x81\x91\x11T\xb2\x83]\xf5\xe1(\xccU`g\x81]\xf6\xe1\xc1;\xa0\xc3v+\xb4;:r2q\x01S&amp;(\xf1\x82\xc2\x0c\x14\x97\x10W\x19\x08\xf2\xd6*\x1bFG\x03+gP\xc7\xc6\x00\xec.\x90\x048\xbf\x02\xa3\x0e\xe8\xa8$&amp;V6\x81\xc4\xc4D%\x11\xe5DP\xfd\xcb&amp;\x0cNt\x02\xa0\x86\x0f0-%\xf3$\xcda\xe1a\x025\x03A\xca\x99\x98\x00z7\xc2\\\r-f&lt;\x00\x00\x00\x00IEND\xaeB`\x82'</t>
        </is>
      </c>
      <c r="M5" s="3" t="n">
        <v>45492.67755787037</v>
      </c>
    </row>
    <row r="6">
      <c r="A6" t="n">
        <v>13338</v>
      </c>
      <c r="B6" t="n">
        <v>5926</v>
      </c>
      <c r="C6" t="inlineStr">
        <is>
          <t>Pedro Geromel</t>
        </is>
      </c>
      <c r="D6" t="inlineStr">
        <is>
          <t>P. Geromel</t>
        </is>
      </c>
      <c r="E6" t="inlineStr">
        <is>
          <t>ZAG</t>
        </is>
      </c>
      <c r="F6" t="inlineStr">
        <is>
          <t>ZAG</t>
        </is>
      </c>
      <c r="G6" t="inlineStr">
        <is>
          <t>ZAG</t>
        </is>
      </c>
      <c r="H6" t="n">
        <v>190</v>
      </c>
      <c r="I6" t="n">
        <v>3</v>
      </c>
      <c r="J6" s="2" t="n">
        <v>31310</v>
      </c>
      <c r="K6" t="inlineStr">
        <is>
          <t>Right</t>
        </is>
      </c>
      <c r="L6" t="inlineStr">
        <is>
          <t>b'\x89PNG\r\n\x1a\n\x00\x00\x00\rIHDR\x00\x00\x00\x96\x00\x00\x00\x96\x08\x03\x00\x00\x00\x0b\xdf\x81\xd0\x00\x00\x00\x04gAMA\x00\x00\xb1\x8f\x0b\xfca\x05\x00\x00\x00\x01sRGB\x00\xae\xce\x1c\xe9\x00\x00\x03\x00PLTE\xff\xff\xff\x12n\xac\x11\x0c\x07\xa2\x83s\x06\n\x0e\xab\x89z\xaa\x88w\n\x0b\x12\xad\x84t\xaf\x87w\xa5\x86u\x12k\xa8\xfe\xfe\xfe\x0c\t\x05\xae\x8b\x80\xbc\x86n\x17\x12\r\xb9{j#\x1e\x1c\xb1\x8c~\xb2\x88x\xa5\x82p\xaf\x82o\x1e\x14\x0e\xb5\x80j!\x1a\x14\x0e\x0e\x15\x07\x05\x03\xa9xb\xcd\x9a\x83\xa9~l\x11r\xae\x0e\r\r\xa5\x88z\xb9\x83j\xaa\x8a\x7f\xab\xb4\xbe\x0f\x13\x1a\x1d\x19\x16\x0fq\xa9\x84XH\xb2u_\xa2|g\xb2\x83s\xaf\xb3\xba\xa6\x7fj\xc4\x82m\xb8\x87u\xbc\x81p\xb8wc\xb6\x88q+!\x1d\x18\x0e\x08\xa3\x83x\xbe\x88s\xd0\x9b\x86\xbd\x8fx\x98aL\xb2}d2\'"\xca\x91\x80\xcb\x97\x81.+*\xc4\x87r\xb2\xb0\xb7\xc1\x8ct\xa8r^\xab\x83o\xfb\xfb\xfb\x8e^N&gt;;9\xb4\x85k\x86h\\\xbe\x81k\xc1\x83r\xb8\x88l\xc8\x8av\xa8\x83sqQE\xa2ug\rv\xae\x16\x18 \xaayi\xa9\xac\xbb\xc9\x95}\xba\x8cq\t\x0f\x16\x8dm`\xa3\xa9\xb8\xb7\x8b|\xc6\x93z\x18\x16\x13\xa7\x84z532\x90gU\xa1s_\xb0wf\xc7\x87r\xb6\x80p\xcb\x8dy\xaa\xb1\xb4\x86]N\x9agS\x9ap^\xa0\x80o\xc3\x90vlG;\xbf\x8er\xb7\x8f\x80\xba\x8cw\xd1\x94\x83\xae}o\xb0\x7fi\xd5\x9f\x8d\xbf\x93{\x13f\xa1\x99~p\xc2\x8ay\xc7\x8b}\xf7\xf6\xf6\xb1\x87q\xbb\x92\x85\xa0mZ\xa0ybcF&lt;\xb2\xb2\xc0(\x1b\x15zUE\x15\x1d%\x8erf\xac\x8d\x84\xb3\x91\x87\xbb\x83x\x9d\xa4\xb5^fr\xcf\x91~\x9byh;-&amp;\xbd\x8b~\xd9\x9a\x88X?4+/:\xc4\x97\x7fkr\x80\x7fP@\xa9lX\x97j\\\x1e|\xb0\xa1|n\xf1\xf0\xf1xYM\xd2\x9c\x8bBAC\'%$P7.\xa3jT\x98\xa0\xad %0A4/\xc1|j\x9crd\x96td5 \x18\x94xn\xc9\x97\x88\xed\xea\xeb\xcb\xc8\xcbf=0@DP\xafo\\OD?\xb0\xb0\xb0\x13\x10\x12\xa1\xa6\xb0\xc3\x92\x84\xd5\xd2\xd4\xabpe\x8eVHL,"\xb7\x7fv\x18w\xa4}`Q\x1c\x1f&amp;wsw\xc3\x90}JMU\xadooTPQ\xb3\xb7\xc3\x9c\x83v\xa9\xa6\xac\xb9\xb5\xba\r{\xb5\xb4xq39D\xad\xb8\xc9xH8\xa1\xb0\xbelkp\x86\x8a\x94\xde\xdb\xddeNF1\x81\xad\x15q\xb4\x7fd[|\x80\x8b\xa4\xb5\xb7\xa1dQT\x91\xb3\x8c\x92\x9e\x99\x83~\x93\x9a\xa5{|\x81\x94\x92\x96b_b\xa4hf\x99\\\\mYR\xe5\xe2\xe4\x0fp\xa0VV\\ s\xaa4k\x8f@$\x1bx\xa2\xbe\x88\x7f\x7f\x91\x89\x88Wp\x87\xdb\xa6\x95[2\'\x9e\xa9\xbcV\\i\x90\xa6\xbd\x9e\x97\x98\xc2\xc0\xc2lz\x8d\x81\xab\xc2c\x9e\xba\x91\xaf\xc4*u\xa0k\x97\xb8@\x8a\xb1\xc6\xae\xa9\xa6\xa0\xa0=Yno\x8d\xa9\xb5\x96\x8f\xb9\xa3\x9c\x19b\x8d\xa4\xb4\xc5\x83\x9f\xb6\xd4\xbf\xbf\x12n\x91\'LdQ}\xa0\xb8\xab\xae_\x03\xf4\xcb\x00\x00 \x00IDATx\xda\xc4\x97\xffK\x1bi\x1e\xc7\xcb \xdc-8d|8v\x9cKn\x19\x84\x0e\x91r\x9e2\xc1^\x1coRC\x9c5\xb9\x90\xb0r {\xc3\xd8\xaa$\xd2\xc0\xd9\xde\x0f\xad\x9c\x84\x84\x82\x10cs\xa0r\xa6I\x84\xe8\xe5\xb6\xf1\x9a\x0e\xcd\xd6#kK\xa0\xb2P\xc4\x80G\x7f\xa9\x81J\xa1(w?\xd4_\xfb\x0f\xdc\xfb\x19{\xb7\xdc\xefc\xf7\xdd|\xa9\xc52/\xde\xef\xf7\xf3y\x9e\xe7\xd2%\xdb\xd4\x19\x08\x04:/\xfd\xb8\xea\xfc\xa8\xff!=&lt;\xa8W\xcf\xaa\xf5\xe3\x87\xeb\x81\xce\x1f\t\xaes~\xfd\x18\x14\xd7&gt;\xbc\xd8\xab\xcew\xc2\xa5\xf5\xfa\xb5\xa3\x93\xdd\xfd\xf6\xfe\xee\xc9\xe9\xd1\x87\xbd\xfa\xf1\xfa\'\'\x831\xf5\xbd\x17\xefOw\xdf\x16\n\xcdv\xfb\xa8zp\\=\xdao\x16\x0cU5\xb4\x9a\xa6i\xb5Zs\xf7\xa8\xfai\xf3\xec\x9c?8{\xbf\xdb,@ (h\xc6\xf3\xdd\x93\x7f\xbe-hj\x91@\xb2b\xb15\x9b\xcd\xddk\x07\xf3\x9f\x0e,p|\xf6\x1e\xce\x80H\x83;j\xb1\xf8\x9d\xf1\xf7\xe7\x80\xc3\xdf$]\xd29N\x97\x04\x9e\x17\x14\xa3\xd0\xdc}q\x10\xf8DT\xf3u\xc4\x05g\x8aj\xf1+]7ESR\xa9m\x86J\xbe\xa3fq\x0c\xc3\x98\xbc\x90J\t\x02)\x1a\xcd\x93\xb3\xf5O\x13`\xf5\xf5s@I\xbaN\x88$\x9a"\xcb\xa9\x14\nT4@"H\x82\xa4\x9b\x1c\xe5J\xc9\x90\xd1~\xfc\xf0\x13\x049_=m\x1a\x80\x12E\x91\xd1\x89\xce\xb0\xac\x84v\x01K\x12%\x04\xc8p\x12\xe8$\x89G\x8a\x02/\x10\xf4\xacpR\xbf\xf0 \x03uP\x11\xf4\x87\x11E\'+\x15MFTi\xc9\xb4"\xc3 &gt;\x96\xe5t\x1d\xdd"\xf8\x15\x81H\x9c\x07\x15S\x8b\xed\xb3\xf9\x0b\x8e\xf0\xf8\xa8\xa9\xc9D\x12`\x05\xc7\xb0\xa6JD\xdd0\xb4B\xc1\xd0Y\xca\xe9d8\x93a\x19S\x97$\xfc\x0e\xb8\x90\xa6l\xa8\xcd\x0b\xe6Z\x7f\xdc\xd6T"p\xc0"r\x91H\xaa\xaa\x13\x03v\x19ES\x14YH\xa4_\xa2i\xa2]&lt;\x9f*\x12\xca\x85\xd5z\xc1~\xd5wk\n\x1a\xc4\x83\x8c\x93T:\x1eT\x03n\x19\xaa\x84\xf5\xc78YD\xdb\x012S\xd7u\xd4K\xc0\n\xe0y\x0e9\x1a\xed\xbd\x8b\x9b\xf9\x9d\xeb\x1f\x9aY\x01O\x84O\xe8PQ\xd3071\xd4\x0b\x9aB\x1f\xcfS\xd1\xf9 \x9a\xa8\x97\x154\x91\x05\xde\xc3\x11\xc5\xd0\xda\x177\xc1\x02\xd5}\x8d\xdaT,~e\x9a\xbaI\x0c\xba\xcbh\xa5Z\xb2\x96\xad\xc8\x15K)\xf0y\xd0~\xdaz\x1a\xb6\x0c.\x8e\x97\x15Y\xd1v/jA\xa2\xef*\x1e\xa5\xaa\xe4\xf2\xe5\xcb\x18[j\r\xca\xe5\x92\xadd\x89*\x97\xcb\x95v\xb2\xef\x80&amp;\xf04E\x01\x11\x02\x08\xa4\x88\x11\x13l\xffb\xb8\x02{\xed\x02\x92\xc1\x8a\xd7\x7f\xd2\xe1\x14\x85l\xad\xd5j%\x93\x89V$\x92H$"\x11\xeb+\t\xb6l6\xe5\xc1z\xf4\x08\xb2\x90R\x148FR\x8a!\x13\xf5b\xb8\xd61\xb2$I)g\xa5\x8e\x8e\x0e\xd6S\xc9E\xf2@I\xbb-\xc5\xf0~\xeav\xaf\xa4W\x12\xc9\xed\\\xe9\x1d\x05\xf3\xc8rJ)\xcb\xb2\xa2(r\x16\xf5#\xedj\xe0\x02\x9a\xd5\xae)\x1c)\x97e\xd3\xe9t2\xa9\\#\x96N\xc7b\xa3\x96\x9e&gt;\xc5\x0brS\xb2\x97\x89\xed\xdcN\x05\x1dK\xa1S\xe5\xac,\xe3\xff(Y\x99\xe7H\xb3j\xfbz\xc42\xd4\x08\xa7jeI\x04\xd5\xbb$\xb5\xc9\x82\xf2z\xe3^|\xbc\xf2Z\x1a}\xea^Yy\xf92\x91\x83a\xbcRV(W\xb6V\xcbf\xcb\no\x92\xfdc\xbb\xb1\x0eNj\xaa \x18e\x99g\x18O%\x99N\xbb\x9f\x8eZ \xaf^\xc5\xe3\xf4\xd3\x12E\xa4`+/\xb7\xff\xfd\x0e\x11"\xbe\xb2\x9c*\xd7\xcae\xad\x96\x15\xa4\xc2c\x9b\xe7j\xe0\xac]\x90S\xb2J8\x8f\xc7\xf3.\x01\xab,\x9f\xe2\x1b\x96V-mlP20Za\xael\xef\xec\x94\xca\nA\xbd\x94\xb2\xa6\xd0\xb7N\xde\xda\x1c\xe3\xfa\xd1s\x03\xeb\n\xe3\\\xe2+\xa0\x1a\x05\xd2\xc2\xc2\x02\x85Y]\xed\xb5\xf4\xe8\x91\x85\x066\xafw\x12\xe9\xae\xa0c9x\x95-\xa7R\xb4bZY%\xc6\xa9\xad\xe7\xaf\xce\xfa~\xa1\x98\xca\xca\x0c\xa3\xf3|\x12\xa5\x82M\xab~\xbf\xff\x11\xe5\x19\x18\xc0\x8b\xea\x11\xd4k\xa1y\xa9\x93\xb1\x97\x18\x18\xd9\x14\xaf(DPR\x1c\xc1ve4m]\x8d\x81k8\xd0\xc8\n\xc7r\x12\xbf\x93\x07\x95\x7f\xd5\xdf;\xd0\x05\x94\xae\xcd\xcd\xcd\xbe\xcd\xcd\x01|Q:\x98\xb6\xba\xfa\xe8\x11\xb8^-\xac\xb9#\x91V\xa9\x82\xcdQ\x95\xb0\xbd3\xd8\x1fT\xed\xf4\xa1\x9d\x19\xbe/\xa8\x18\x8c8\xfa\xf1\xa9\xd6\xa4\x17N\xb9@\x14\xec\xeb\xdb\xec\xa3\xda&lt;\x17u\xacw\xc0\nt\x03\xed_\x88c\x86$J\x15L\xfb"\xc7\xd0\xa5\x82\xfd\xb4yfc\xbb\x8e_\x1b\x08B`%\x9d\xcf\x8d\xad\xa1MC=!\x9f\xcf7Ee\xb1\xfd\xc0E\xd1,\xae\xf8\x82\x7f!\x96\x8e$K;\x98\x15\x02\x87\x01\xcbb\xbb,\x9e\xd8\xd8\xaez\xbb\x88\x9d\x84\xf3\xe8L%\xbd\x85Fu\x05G@\xe5\x0b\xcf\x84\xa7,\xbb\xa6\xfe\x1f\xcc\xe2\xf2\xc6\xfd\xfeIw:\x91L"H\x0f=[\xe0D\xc6\xe8\xb53\xfb\xdaU\xad!=\x99\xe3D\xae4y\xfd\xc6\xc0@pp$\x1c\xbe93\x03,\xd0\xf5\x05\xad \xf1\x11\x04\xd3\xd0\xc0\x10\xcdq!\xee\xdd8\x8f\x11\xc5\xafx&lt;\xf4H\x86\xf3+C\xec\xb3+\xb0\x87#M\n\xebPT"\xb3\xae\x1bx\xfe\xc8\xcdp\xd8\x17\x86h\x8c\xbe\xbe\x1f\x14\x0c\xf6\x80i\xa8\xd7\xd5\xbb\xe0\x05\xd7h:\x9d\xc6\xd6\t.\xe6\xa3\xb8\x82m\xb3k\xfe\x83\xa1\x8bDr\xb2\xa4\x14\xbb\xee\x1f\xa2\x06\x01fj*\x93\xc9XX\xc1\xe0G$@\xf5\x0cY\x19\xe2\xed\xf7z\x17\xc0\x15\xc3\x86\x1eIR\xbfX\xeb\x16"\x1d\xd95\xea\xd7O\x08c\x12\x93\xe5\x95\xe4dt\xbc?&lt;\x15\xf6\xf9B\xfd\xb4\xf4\xbeP(\x18t|\xc4\xea\x0b\x86(X\xd7y\x8a~\xff\x86w\xc3\xb5\xb6\x12\xcbG\xf2\xf9HN\xe1Y\'=\xef\xb3\xd2k\x9bfD\xe7A[wr\xc44\x85lk\xf2\xfamGx&amp;3\x13\xf6\r\x0e:z\xba\x1d\x8e\x9e\x1eP\x05\xe1^\x1f\xad\x19z\x16\xec\x1a\xfa(\x17\xea\xe5\x1fu\xbb\xf3\xe9F\x03\\)\xe6\x1ck\xd7&amp;\xac@\xb5\xc689\xbd\x83K\x95\xdf\xac\xb9n;f2s\xe0\x1a\x01\x97\xa3\xdf\xe1p\x84|!\xba&amp;i\xcd\xe0b_\xa8\xbf\x87\xaa\xbb\xa7{h\x08~\xc5\xdd1\xf4\xbe\x91O\x96\x14\x99s\xe2\x1eb\x9b[\xf3\x1fT\xd6i\x9a\x1d\xba\\\xcb\xaf\x8d\x7f\xe9\x00U\x06\x8b\x90&amp;Hc\x0c\xcfP\x01t\x8a\xfa5\xe2\x0b9\x06\x07\x07C\xa1P\x7f0\xd8\xfb\xca\xbb0J\xb9\x1a\x8dV\x0e\x1b#\x07\xb7\x88]\xfb\xe2\xf1.a\x9d\xb8\xd0HJ-?{{\xda\x97\xc9\x0c\x0f\xdf\x1d\x06\n\xecA\xcff\xf0s&amp;3\x07P\x8bo\x06\xf3\xccG\xa9\xba\xfa\xfb\xbb]\xf1\xf8\xa4{\x12\xe3\x0bv\x95\xb3\xf0\x8b\xc5\x84\xb0\xc9\xadzSw:\x7f.\xe2\xcaG\xb1\xfaGf2\xc3\xbf{67|\xf7\\\xc30\x0f\x7f\x90+\xf8\xe62\xf8\xe7;w\x16\xa7\xbf\xff\xfe\xc6\xb7\xdf\xfa]\xae\x85\xd1\xc9Xl\rs\x82b\xc9\n\xe1X\xb3}`\xd3\xd42P\n\xd1\x94RJ\xed0\xfa\xb9c\x10\xae\xdc\xbc\xb3\xbcxgqqqyy\xf9\xee\xdd\xcc\xdc}\x08\xc9\xceA\x14k\xf1\xd6\xf8xtkv\x16Dx\xc5\xd2\x93t\x17j\x95\x80%\xf3\xach\xd3\xe0\x9a?%\x0c\xc5\xd2\xe5lrl\xbc\xfb\xb7\x8e\x9b\xbf\xbf3=\x1e\x8d\x8eG\xafG\xa3\xd1[\xd3!_\xe6\xfe\x7f577\x13\x0e\xfd\xe3\xd6\x16h\x1a\x18\x0b\x18\xa5\xf9|&gt;\x1ds\xe14\x91\x00\x16\x91eN4\xf6l\xd9~\x1e\xeeK,\xce\xefz\xb1\x08,\x17\x16\xd9\xe0\xaf\xa2\xb1|\xe3\xf0\xb0\x81\x87\x8e\x8d\xcdF\xa7\x9f}s\xf5\x81Euu\xf8\xee\x1f\xa6\xc7\xb7&amp;\x0e#\xadd\xe4M+\x7f\x98oY7\xb5Y\x97\xd7\xbd\xbdS\xc1\x15-+0\xc5\xf7\xb6\xcc\xd3\x83&amp;]\xd8\\\xd1P\xcb\x91\xadn,\xfd\xe9h&gt;\xd9zsx\xf8\x86\xeapl"\xfa\xb3\'\xdf\xcc\x9d\x079\xbc\x0c\xa7\x1a\xadd\x0e7\xc6\x1c\xb0\xc6\x1a\x18Y\xc9D\xec\x0b\x7f|e\xa7\x82\xab\xb6\x82\xeb\x93-\x83+P/\x88pK0TR\xce\xff\xb2\xa7\xbb\xfb\xc6\x9a;\x199\xbcwN\xf5\xe6p"\xfa\xf5\x9f\x9e\\\xa5\xb5\x82[s\xcf\x96\xafD\xc7\xe8\r2\xb9\x9d\xc8\x8fM\xfcuii\xe2\x10\xb7\xdb\xd9\xdb\xd7G\xb7+D\xc2\x99\x903\xdf\xda\xd1\xf9\xce\xaa\x06,V1\x08)7&gt;\xef\xeev\xad\xa5\x91\xdd\xdf\xee\xe5\x93\xb0\xac1qo\xe9\xca\xf2\x93\x07\xff\xfa\xe3\x03\x8b\xeb\xfe/~\xf3\xeb[\xd1\xd9\xd9\xad\xb5\xd9\xe8\xf8\x17\xb7\xae\\\xb9\xf2\xd3\xbf,\xc5\xd2\t\xf7\xf8\x8d\xf8vE\xd09&gt;\xc5\x8b\x7f\xde\xb3\xa1\xf3\x813\x03XLV\xd5Ii\xf2K\xc7\xed\xb5Xcllkib\x0c\x9aX\xfa\xec\xb3\xaf\x9f={\xf2\x1f\xd6\xcc\xff5\x8d&lt;\x8d\xe3G~J\x8f\xe6&amp;\xd3\rqr7\x06\xd7\xe3\xc2XIg\xcc\xe5f\xaa\xd5\x06g\xebf5n\xe4\x06C\xd0]\x9c\xe9\x04\x15M\x93\xd1\xc2\xd8\xc6J\xc2\xde\t\xd9\xdaP\x8c\xa4\x15\x12h\xda\xd4\x9e\xd8+\xb3~a\xefd\x97\xe3\x08H\xd9@\x8f@\xd9^7\xcbB\xe0\x88?\xec\xaf]\xd8\xfe\xd0_\xee\xf9\xd8\xee\x7f0\x1f\xc1_\x12\x92\x17\xcf\xf3|\xde\xcf\xf3~&gt;\xe9\x93\x93\x932\\\xc5[i.\xc8\xd2\xf4\x10)\x92)\x99\xc0\t9O/\xd1\xa1\xfe\xd2Z\'.\x8b\xc9\xbd\x91\xb1A\x18\x08M\xffx\xa1\x0b\xd6\x87O\xa0\x93\xdd;c2l\xc7e\x86\x8c\xcc\x7f\xf6p\xab\xdf\xdaR\x94\x0f\xc6\xc58\xfc\x7f\xba])\x03\x16R\x08Hc\x98\xa5\x95\xac\'&amp;\xd6\xeb\x12!\xcb\xb2\xa4\x00e :K\t\xe3k{\x86O\x90\x9f\x1b\xfc\xf3\xb7:\xd4\xfc\xe9/~\x005\x1d\xf9p\xcc4\xb9\x1dg0)\xfe\xeb\xf7\xdf\x7f\xefJ!O\xd3\xd3\xa4\x18\xb37b&lt;\xadq\x10\xae[\xeb~\xff\xfa\xad\xe5\xb0\x9cmt:To\t\x10\xe3%\xa2N\xa8\x05%\x1e\xed\xc4\xc6\xa3\xc7\x861\xc45\xf8\xdb\xa7z\xb4\x9fG/.\x0e\xf4\x8d\\\x1c\x1c\x98\xdc\x16\xcdf&gt;0\xb4\xb2re\x98.\xc8d\xc4C\x81\x19\xecx\x84B9}\xeb\xe4\xd6\xc2\xae\r&amp;\xb0\xf3$\xd5mv\x93k\xd4\xda\xecZ\xb4\x14\x17H\x07\xdbn\x0b\x91"EF\x9a\x86\xc1\xb1\x91\x11\xc3\xe4\xd8\x7fu\xb9\x8a\x7f\xfb\xdad\xfa\x04$urC\xc4\xcc\xe4pa%D\xf2s\x1f\x94\xa2p\xc3\xaa\xddf\xb3\x1a\xb1:9\x10\x87\xcb\xb6\x1a~9|\xdd\xd3=&gt;\xae&amp;\x93\x1b\xc7\xc7\xcd\xdcG\xf1\x92\x98b\xc3A:\x1b)F\xe2\xdb\xab&amp;\x93a\xc4\xd0\xf7\xe4\x07]\xba\xe2\xa3\x1f/\x0e\x0e\x8e\x99~7\x08X\xd3)\xab\xa6)"\x7f\xf6\xb3\xa3\x8d\xe6qs{\x1b\xbe\x92Y\xda\t\xf2\xbe[;\xac\xe1\x0cY\x04\x9e\xea\xec\xdd\x83\x0b}\xf7\xeem\xcc\xce\xc7I\xb3\xdf\xad*q\x0f\x15\xc9\xad\x9a\x06\xfa\x06\'\x07L\xbaD\xabW]`/\x00\xeb\xc6\xcctj\xa9\xd2\x96\x03\x81\x07G\xf7\x1e_\xe8\xbb\xf98\x97\xabV\xab\x14\xcf,\xacO\xd96\xed;\x16[\xb6SMv\xbb\xb3_\x1e\\0\x1c\x1d\x1d\xe4rQ\x91`U\x96\x16b\x14\x95\xfc\xa3\t\xbc\xcf\xc0\x80\xe9\xa9&gt;\xa3\xcd\x9d\x17g\x90m\x99\xdc \xb1\tk\xbb\xa2Y\x03\x91\xe4\xd1\xc1\xd1c\xc3\xcd\x8d\xbb \xe1/_\xd6\x99)\xbf\xcf\xb2i?\xdc\xb4\xf0\xb1h\xb2\xd9L\x82\xabX\xbdy\xf0\xfc_\xc9jTb\xd8%\x9a\x86\xf6\x93\xbc\x80\xd6\xd1\x03\x03\x7f\xf8\x8f&gt;\x9e\xec\xf4\xdf\xcf\xa0?gH\nSs\x13W\x83mk\xbc\x9a\xfc\xf4\xf9\xc6\x1eT\xcf\xdddw\xcd\xb3/\xc3`\xef\xb5\xd5\x0e\x01\xab&amp;\x16\x9b\xcd\xe6\xc6An\xfb8\xf7\xa7\xbf&lt;\x88R1IV\xd5%&amp;\x95\xf5\xe4nB\x17CX?\xe9\xe3}.\xfd4\x86\xa2e\x98U\xd8\xb9\xf3\xe1\xb6\xaaD:\xd4\xd6\xef\xe7s\xdb\x1b\xb9j\xb7\x9b\xf4\x08\x04\xee\xf5\xed\xe2\x96\xcd\x9d\xcd\x1a4\xbf**\xba\\n\xf6\xa3\xcf?\xbf\x0f\x8d\x9caXu\x0e3;\xe2\xb3\x08\x0b\xe6\xd3\x8b:\x19\xfeK/\x9e\xa0\xf7\x80\xd5\xbb\n;\xb1\x18\x0e\xb7\xe9@$Rz0\x0fM\xa5Z\xedV;T\x16G\x1b\x12\x1c\xaf\xd5l\x96\x1a\xc8\x16\xb0v\xab\xc9\xb5H@Q\x14\xb9\x95g\x08\x0ca\x89_\xde\x1b\xe9\x19\xfe\xafuZ\n^\xfa\xd6\x84&lt;\xde\xde\xb3alf1\xdcn\xb7C\xd7a\xde\xba_\x8aD\x8b\x9d"Eyx\xc9\xe6\x851\xd9\x87\xdb\xbc\x10\xb2\x18U\xec$\x93\xa0\xa8YE\xa6i\x1a\xa4\x9e0\xcf\x98\xbdf2\xb2\xbdj\xd8k\xee\xad\xfeO\'\xa3x\xed\x9f}\x03\x93\x93\x86\xe3\x8fR\xd8\\"\x9cH\x00\xd8\xf9B!4\x04M\xb9\x14\x89Dx\x1c\xf7^\xf6\xab\x99\x8c\x0f\x07of\xa9\xc7\x1a\xc5"\x15\x8d\x88\x82\xccN\\\xb7*\xa9\x94\xc31\x8dy!\x8bP\x8d\x1b0[\xe8\xb5\xb4\xb9\xf6t\xf2x\xbb\xb9\xd7\x84N=\xb3\x98X\xc4\xb0\xa5\xab\xb7+\x95\x8aF[G\xc5R\xa9.3^\x9f\xdf\xaf\xaa\x19\x9fw\xd7w\xceKH\xc8\xedxJ\xa2\x90J\xa5\xc6\xcf\xde I\x87\x83\xc0\xc0&gt;\x8a\xd5\xe3\xaa\'^\xda\xd2g\x96\x07\xacg\xdb\xf3[\xf7\x93\xd5\x12d\x03\xcad\xc6\x91\x9a\xb8z[\xd3\n\xd6QA\x14y\xdc\xc7\x9c\x9b\x02\xaa&lt;\xe3\x83\xba\xf728Afc\xb1R)+\x8a\xe4\r\x11\xbeR`\x1a1\xcc\xeb g\x9bT\x80\xf4l\xe9\xb5o\xbe\xf4&lt;z_\xb6\x16;\xf1i\xc0b\x171\x07\x04\x80 \x08\x07)\x91\xa4@0\xc8/\xfaU\x1f\xa4\xd2\x87K8\xf2a\x12\x0f`\xb1\xdez5\xce;\xcc\xe0sY\xc8\xe2\xe8Z7J\x12\xf6\xad/\xf4Z\xd9\xbc.e]mO1&gt;\r&amp;\xda\xed\xc6\x00\x88$y\x0b\x8f\x0e\x81\x81-D\xce\x90\xc1m8n\xb3H\x80\xc5\xe0\x0e~\xc7n\xf7\xd8\x81\x0b\\\xb8\x1b\x9d\x1eVU\xc4X{\xe9\x8d^+\x9b7\x01\xe1D+Q\x10-\x8cu\'\xc0\xe6\x13\xa9\x1e\x19\x0fC\x95\x0f\xad\x94T\x1f\xb0\xc0\x91,\xbdp\x01\x16py\xecY^ \xdc\xe1`0\x9c@X\x02UT0G\xc3\xf3J\xaf\xc5\xdb7[\xf5t%@\x95\xa6gf0w\xd0ht\xb5U\x15b&amp;I\x12\xa4\x10\xec\xb4_e\x90\x8d\x86hIo\xb1\xe0\'&lt;\xe4\x90$\xe8\xf3\xf0\xeb\xc6 \xc2"\x04\x8aR\x1c\x9b\xc5\xe2k\xbd6I\xdfo\xd9\xd7\x97\xf3\x9e\x18\\t6l,\xa7\xd3\xe92\xe7T\xa1\x92\x19\x06sg\xc0\xb1\xb2L\x0b&gt;(\\\x90\xc9^\xe4\x80\x0b\x86@\xb6\xed\xe2\xd2i\xce\x18v\x83c"\x8bQz\x8aht&gt;\xd5i\tq\xfa\xd1\xc7Eo\x86.\xc5R\xd3f6\x8cF\xd1\x93tz\xd9o&amp;\x18\x96e\x11\x96\n\x9a\xb9\xdf\xcaC\xc4 X8\xe8*\x01X\x16If\xd8v\x10a\xb9\x10\x96\x83/\x16\xc9\x85\xa0\xa5Q\xd2k\t\xfe\xe87\x9d\x1a\x93\x0fxH\xb8\xe9\x80\x85Nyy\x01\x98T8Ng&amp;\xbf/\xef\xef\xb72NMed\x19\xf7M\xf5\x12\n\xf9d\xd4\x8cs\x99+C\x12\x17\x01\x8b\x04\xe5\xf5\xbb.\x1f~\xa7\x97p\xdd\xf9k\xc7\xce8\x95\x18I\x10X\x02\xa5\x05%\x11\xed@@C3NW&amp;\x8f\x16\x12Z\xb9\x0c\x1a\x9b\xa7\x19l\xca\x87\xf7\x0e\xe3\xf3\x03\x15\xc7\xfd\x82\x15\x10\xa4\xcb\xac\xa5\xf6R/\x85\xb8\xf6sqs\xc1\xd9"\xc5T\x0f\xab\x9c.\xa7\xb9u\xe7/\xa7\xa2\xaa \xf9\x95\xf4I\xbaR\xae,\xc1e\xe8]J\xc6\xeb\xf5\x013\xe2r\x85\x13\xd0\xaa\x1d\xfc\xa8\x92\xdd\xb176\xebo\xf4\xd2\xd3W\xdf\xe1\\ZS\x02\x08\xcb\xc9\x95\xcb(\\\x15\xd7;,-\xe3\xach\x9aVA\xa7M\xc3,\xcaH6\xa8|\xdc;\xb5\x00\xe2`\xe4\x8co\xb1Hh\x920]t\x0e\xbf\xd2K\xb8N\xbf\xf9*S&gt;\xa9\x14\x84Qb\xc6\x8d\xb0\x10W\x99+s\x88\x0c\xd5OE\xa0\xe2\xa1B\xa8\xb0\x94\xea\xc4\x18\x15\xe7k6\xfc\xdc\xb9\x1e\x95\xcbeD\x17\x11\xb0x1\xc5w\xba\xddN,\xa0\x9b\x9e~\xb3\x9f\xa9\x9cT4AH\x99\xddm#\xc7\x95{U_\xe6\x96]\xce^yi\x9en4dUZ-\xa9\xdaaT\x99\xdf\xb4\xe0h\xa1\xda\xa32\xa2\xda\x02\xac\xac\x98jT\x8b\r{\xf6\xa1nX\x8fZ\xf5z\xa1P\xb0\x82\x87g\x83.\xa4\\o\xc5k\xd9\xd5f\x01+\x93\x17\x85\x95\n\xad\xb4\xf2j\xbdQ\xc7%~\xc7\x82\xc3x\x1f\xee\xc5\n\x92\x08X\x04\xc9\x93\xa9Ng\xd3f\xcb\xce\xeb\x96\xc4;\xa1\xcdF,"\xd07\x00\xab\rX\xbd$\x969n\xd9\xd9V\xd1\xfao_\x81\xd2Z)\xb4\xb5\x82,\xd5\xeaR\x9d\xafA\xb4\xde\x05\x0b\x9a\x02\xc8\x16\x8c\x15\x0e\xb7$\xf9vw&lt;\xcf\xfe\xad\xdb;\xc6J}\x87l\xc4h15&lt;\x01X\xbd\xbbX\xe6 \x12\xeb\xaa:\xc5\x82X\xb5\n\x9a\xb6rJ\xab\xe4\xa5z\xbd\x0e\xad\x07\x92\x98H\xa0h\xb9zX\xac\xd9!\xf1\x8e0H\xdc\xeea\xe9\xa1^\xba\xf5\xabK?\xd7\x1dW\xd9\x8c6&gt;\xfa\x0e\x0b&gt;\xf0\xff8\xce\xe9\x06\xed\xcc\xd3V\xeb\xd0P(\xa4\x14\xb4\x96\x80\xb0\xea\x16\xf4\x88\x06Xo\xe3\xe5J\xf4\x86\x8e\x14J\xb7\xaf\xfe\xe0G\xfd\x1e\xd2_\xd5\xcd\xb7]\x9c\xd6?\xaa\x0c\xbb\x83\x15\x0e\x05\na\x19\xc3\x89)\x86\x91\x87\x87GG\x87\xae\x84N\xadhVA\xccf\xa1\x1b\xc2\xec\xa5\x06\x8d(Z.(\xad\xf3\x08\x8b\'Xh\xe8\xb8\xf0P\xc7w\xf47\xfb\x0c\xa4@\x1b\x1a\x1d\xb6.\xb5oC\x00\xder\x19\x9d\tL\x96\x95\xf1\xb3\xa3\xfd\xa7\xde;\xd5\xbfr\xa5_\xb8\x1f\x07.R"\xa0\xa9\xa3`\x05\xd1X37C\xa4H\xde\x81\xc1\x88\x81+\xafu|\xe8\xfc&gt;\xa4\xc8y\x9fjEXWoC\x98\x8c=*\x97\x93\x95\xe5\xe1\xff\xf3r\xc6\xb1M\x9cg\x18Gr\xec\xdcE\x91\x83\xb0}dit#1\xa1\xe8n\xd6I\xb7\x10YH \xb2KfK\x91\xeb\xd6`,\x87\xc4FH\xc8F\xf6\xcd\x91e)\x17\xdc\xa2\xd9I\'\'"Q\x959\x11T\xfb\xc3\xae\x15T!\xd1\x84\x86\x10H 4D\x85dJ\xa7u-8\x05\x84\xd4I\xebB+\x8d\x89\xd2\x10\na{\xdf\xef\xe8\xb4\xfd\xb7u\xb9\xbc\xc2wv\x1c\xc9?=\xcf\xf3\xbd\xdfw\xe1;\xb3A\x9b\xc4J\xa0\xa4\xdfo&amp;\x7f\xf9\xae&gt;\x0c\xab\xf7\x06\x92\xad\x03\x03\x07.E\xc4Z\xc0\n\x1e\x9f\x1d\x1f\xef\xf1?Z\xcf\xff\xad\xee|\xe6\xc7\x89\xcf\xcdI\x8c`\x1f\x18 H{\xe0S/\xc9\x82\x19r\x85\xd9\xe2\xc7~q\xa4G\x88\xb9\xddn\xae\x9a\xed\xe8p4D\x8e\xa1T\xad\xb0\xd8\x12[\x1c\xbb\x83\x83;\x07\xc7\xfbV\x9e\xad\xef\x0e\x8d\x91GxM\xb13\xc0\xc5\x8e\xa0\\X\xf0\xa1\x97d\xbf?\xea7\xf3~\xbe\xaf\xafg\xec\xf8lO\xcf8\x04-\xc62\x8a(x#\x8d\xadX\xc7\x8e5\x80\x89\xbb\x83\x81\x0f\xff2\xfc\xa7g\xeb\xbd\xfd\xe7L\xba-&lt;\xfc\xe1k\x9c\xf4\x83\x8b\x10\x9b=v\xc1\xdf\x15\x8d\xf6\xf9\xfd\xe3\x004\x8bu\xd8\xe3\x89\xa1x\xb2\xe0mh\x84\xc1\xd8\x8a\x0bf\xd1Qy8\xe8|\xaf~z\xfd7%u~{\xf6\xdd\xf7\xeaOf(\x01\xb0@\xae_\x01V\\\x06\xaa\xae&gt;~jjj|jj\xac\x08\xe7\xa9b\xb1\xe8\x86\x90\t~\xb9\x01\xb9\xa0\x1a\x08Vnx\xeb\xa1/5\xd8\xbbx\xe7\xf6\x96-\xf5\xbd&gt;\x0b\xa8\x85.\x02U\xab]\xf6G\xbb\xfc\xee\xa2\x1bpf\x91hjv\xac8V\\\x1a\xf4H\xb4l\xb776F\x80\xab\xb1\xa1El\xa9\xf4\xe4\xdf\xac?=\xb3I\x83\x9ai?\xbd\xf9\xc4\xa2\x8e\x97\xed\xf1V\xc8;\xd8c\x97)\x83\xabX\x1c,.--\x15\xa7\x96\xce/\x15\x97\xce\x9f_jnn\xde\xd9\xec\x86_\xbb\xd4\x10\x01\xaeH\x85C\x14+\xdd\xbe\x93\xf5\xedg\xb4\xc0\x1a\x99\xec?\xb4u!\xcb\x08^\xb4q\x0f\x8c\xb1V%\x19\xd8ytI\xad\xa2z:\xdf\xdc|\xfe\x9dw\x9a\x83\x8ch\x07\xa5@-\xd9+:\x14O\xce\xd9[\x7fy^\x0b\xacM\xa3\xd3[\xea\xdf\xcd\xb3&lt;\xc1\xfa`\xa0uO\xabb\xb3\x85\x06s\xe8\xe1\x14f\xabH\xa2U\\j\x0e\xc5\x04\xb1%\x82\xc1\x022\xc0\xea\xa8\xce\r\x9f8tC\x93\xfd\xe0\xe5M\x0f\xda7\x9f\x98`yQ\x84\xd6EJ\x8eC{\xa0`\x9d\xd5\xd33\x0b\xe1\x9a\xc5\xd185\xe6\x89\xf1\x02bE\x80\t\xaeu\x05\x87\x83\xad\x0e\xbd\xb9\xf5\xf4-\x8d6y\xce\xdf\xdeQ\xbf\x90\x90\xcc"\xca\x05&gt;\x0e\xd8\xe3\x03\x1ftE\xfd~~|\x1c\x89\x10\xef\x08&lt;\x15D\x87\x03\xb1Hy\xe1\x95\'\x18x\xb7\xbe\xfd\x9aF{u\x9bf\xda7\xf7:]\xb4\xd9\x1e\'\\\x07\xe2v\xac84\t\x98\x04`y3\xde#@\x01\x14\\\x7f\xb7x\x81\xe9X\xc4+\n\x02S\x1d:\xda\xbb\xe3\x9e6\xd1\xc2=\xe0\xb77\x9fX\xc8H\x8a9\x1e\'`*\x96=~\xa9\xaf\xcf\xcfC\xf5\xf4\xc9}v\x19\\\xeb\x000\xaf*\x96Wa\xb8d\xc8\xd9\xbb\xf7\x81f;\xae\x9b\x1e\xfc|\xebI\x9fMR\xc0=\xe4\x8a\xdb#\xde\x88\xdd\x0e-\xc3.\xc0\x9c\xe3\x89\t\xff\xa9V#\xaa%\xd9\x92\xa1\xc0D\xef\xf4\xe8&amp;\xcdj\xfe\xdeON\xa6\xb2\x92"\xc7\xd5\x82\x8f%\x8axe\x91\xf1x&lt;\x8c\x00\xbd\xdd\xebmQ\xb1`V\x84\xf7\x14\x89K\x06\x02\x13goi\xb8=\xbd\xe9\xda/\xcf\xa626\xc4\x02\xef\xe0\x01P\x8d\x84\xab\xc5\x01\xebO\x87\xe8mh\xa8hi!r\xc1\x0f\xe1\rQA\xb1\xf2\xce\xc5Q-\xef\xca\x18\xfa\xf3B!\x93d\x15\xd9.\xcb\x18\xab\x08\x92\x11*\x07,f\x80\xa6\xa2B\xc5\x82l!\x98\x08b\x85\x06CI\xdf\xb7\xda\xdec0\xffe";\x98\x94D\xaf\xec\xb5c\xe2\xf1!{\xbdHSQQ[Y[\x0b\xf69Z\x88\x8d"\x94\xa2HI\xa0\xe2\n\xa3\xda\xde\xc2\xd2\xf4\x8f\x1aC.\xc4I\x8a\x97\xc8\x85FB\xeeqk\xd2\xee\xdd\x00U\x8b\x7f_\x05.\x87\xa8\x16\x8a\x15J\xda\xb2\xe9\x91M\xdab\x8dZi6\x99\x04.Y\x96\xfd\x04K\x86\xd9\xa5\xf2He\xe5\xee\x8eJ\xdc \x85zA\xb2`&amp;T\x80\n\x92\xe5\xb6\xd9\xb2O4\xbe\x7fe\xd3|\x9a\xe6\xb9$\x07]\xc2\xac\xc0UX\xd4\xeeW\xe0\xc2\'\xc6T\x92\xea\xe8\xe8\xa8\xac\xacE\x03\x15X\xdf\x03\x15\x17\x0cz\x186\xfbH\xeb\xdb}F\xd2&lt;\xcfr\x9c\xcd\xc6J\x12E\xf9\xa3p!\x06g\x86B\xcb\x04Qd::\x18\x07q\xcf\x06\x17\x1eHU\x1d\xdb\x18,\xb3\xa0\xd88\x04\xb3\xb8`"2\xd3\x14ES\x12\x05\x96A\'e\xd8\x0e\x86ax\x1eu\x82\xdf\xe0\xb8\\0\xc63\x92\xe6X\xe5\x04K\x82\xcf\xb4\x843\\\x99\xc1`\xd2\xd3\x08g\xa6i\x9e\x02:0T\xb2\xb0,\xcb\xe5\xf3\x19\x0e\xcc\xe6\xe0\x1an\x03\xb0\xd0D\x91\x07\x87le\x96L&gt;\x1b\x0e\x97\xd5\x18teee\xb4\xc1@\x01\x91\x04\xc6\xd9t\xe1L&amp;\x93C,\xa0g6\x0cK\x10h\x97\x05+\x93\x0f\xeb\xae^\xddU\xb3+\x91\xd0\xc1K\x9b\xc5\xe0\x82C8\x91\xc8\xe4\xf3\xf9\x1c\xba\x08\t\x04SY\xb7\xe6XCiJ\x10 P\x12p\x843\xf9T\xaaPH$\x12\x85B\x01H2\x89p\x18\x04L\xa4\xf2y_\x88`\xb1\x8a\xc23\x8cMs\xac\xf2\xa1nF\xe01\xe8\x16K\x99\xae,\xebK9}\x85B\n\xca\xe7\xf4\xf9|\xf9\x0c@\xa5|\xbe@\x1e\xa0\xc0O\x1b`\xf1\xacM{\x13;\xbbc\x8a\x88\x11\x07\x1fu\xe0W\xca9\xb1H\xf6\x01\x01\r\x029\x17\x17\x17\x9d\xbe&lt;\xa7\xf6\x10\x86R`tr\x1b`\xe2\x8a\x85\xb4Q3\xe5\xb2\x84u\x99\xf0\xd5\x82oqb\x02Q\xa0\x9c\x13\xc3\xc3\xc3\x13\xceT\x06\xe3nc)\x9a\xc6\xc4\xb3I\xed\xb1:\x11\xcb\xec\x8f\x9a\xcc\x06\x92#\xcc\x15\xea\x04&amp;\xa2P\x8b\xceT!\x9f\x85\x91\x08\xf3\x00\xb4Y\x8aR\x10+\xf7D{,\x96A\xb9L&amp;\xbdK\xa7\x03\xa6D\x81$^\rX&gt;UHd2\xd8\xb3,\x92Bz-\xcd3\xb6\r\xc0jzb\x93(P+\x1a\x050\x1d\xc8\x05&lt;\x05\x84K\xa9X\xa9&lt;\x98\x99\t[$\xc9@\xd38\x05\xa8XZ\xdfj\xda\xf4$+1\x04+\xaa7\x94\xe9\xf55\xd0%p\x10\x92\xd8\xe3!\x00\xc31k\x01,\t\xa4\x02\xc1\x144q\xa5Ss\xb5\xb2,\x83\x99\x8f\x9a\x8cz\xbd\xded\xadi\xd3%\xa0O9\xd5\x02&amp;.\x0c\x93%\xc6\x8a\xa6\xf1\xc0Hl2\xb4aX\x10.\x93\x11\xd4\xb2Z\x8dF\xab\xb5mW\x18s\x9e\r\xeb\x0c\x06\x83\x0b&amp;"Z-\xe0"X\xdd\xdacq\xac\xf42[&amp;\x90\xcb\xd8M\xaa\x0b_B\xe1\xc9\xe0\xa2\xcc\x04\x8a,/$\xc4J\x0fi\x9d\xad\x15NU\x0b\xc7"\xfc\xb3\xa6\t\xd5\xcbBZ\xbd\x1e\x97:\x14\t\x16\xceR\x88u\xf5\x8e\xc6k\xf9\xd1D&amp;Lc\x83 6\x9a\xf4F"\xd7\xca\xca\xbfq\x01\x8b\x0b\xc1\x10\x0b\x06"t\xf9\x9c\xf3\xd6\xbc\x9666\x9d\xf9\xe6\x8bd\x96\xa2\xccf\xd5\xb3n\xa3\xd1\x84T]+\xaab\xdd\xd1n\x82EQ\xe8$y\x86\x0b\x88\xdc\xf0\xfb\xdf,\xdf\xd1\xacwu\xce\xbd\xb8\xbe\xe0\xf6\xa8\xfe \x96\xd1\xf8R\xad\x7f\xf9\x185!\x14\x05zQ?d\x1e&amp;\x9f\x89Sk\xf7\xbf\xbb\xa2\tXy\xf9\xd0\xd3\x87k\xfd\xaf\x05YL3\xc9\xb7\xd1d5\x9a\xd2j\xba\x10\x0c\x1cD\xb1\x08\x0e\xf4R\x12y\xc4\n\x06\xa6\xd7V\xef\x7f\xf7\xf6\x15\r\xbe\xbb\xa2i~\xf9\xfe\xf3\xb5S\xce\x0c\x98\xc8\xc3\'\xabZ\xa1\\\xc8\x05\x90\xd1\x97\xa3\x91\xc0\xb8\xd4l\xc1\xd3\x98\x87\x0b\x06\xbeX[}\xfe\xe2\xabs\x9f\xdd\xdc\xb7\x8e\xdf\xc5P\xde4tg\xf4\xca\xdb/V\x9f\xaf-\x04R\t\x17\xcf\xd3\x06\xa2\x98QoE0\xab1\xdd\rP\x88\xaa\xce8\xd8J\xf1\x196\x08\x96K\x1eG\xac\xbb/\x96\xb7\xff\xe1\xd3\xcb\xd33\xeb$Y\xf9\xd0\xd7\x9f\xdf\xf8\xe4wO\x97\xef\xdf\xbd\xbbv\xd4\x97O\xb0&lt;q\x89\x06\xc7\x90H\xd5Lo\xa2\\\xc0J\xeb\xc9[\xb0\xb67\xe0\x81\xc2\xab\xb2dpp\xe2\xf1\xea\xab\x0f\xbf\xdf\xbe\xfd\xdco.^\xbc&gt;93?\xf4\x7f\xc6\xac\xbc\xf3\xcc\xad\xcb\x17/\xfe\xf5\xdc\xc7s\xcb\xf7\x7fz\xf7\xf1\xd1\x00\xccx\x0c\x0e5\x98y\x8c&amp;\x80B\xactZO\xd3\xd0\x15\xccp2\x10\xfb@6\xbd\x1e\xb1P-wh\xe22b\xbd\xf5\xb3\xfd\x9f\xf4\xd7\xd5\xd5\xfd\xfa\xfa\xbd\x9b\xfbF\x87~\xfc\xb7\xb7t\x8eN\xee\xad*-\xed\xbf\xb9\x7fnn\xf9\xe1G\x88\xe5\xce\xe2\x94\x07T\xd0\xe2!^i\xb0\x11\xc2e\x84\x8e\x80$z\xa3\x9eB\xa1`@\xe2\x89r\x01\x96\xdb\x9d_\x9c^}\xfd\xc2\xf7W\xde\xda\x7f\xf3:`\xd5UU\xd5]\xec\xbf}\xf3\xcc\xc8\x8f\x10\xadsdt\xdfd;@\x95T\xbd\xff\xd9\xf6\xb9\xb9\xbf\xbd\xf8\xe8\xc2c\xa7\xcf\xed\xb1\x94\xb5\x19\x0cz#\x01KC\xa1\\0/\xc2\xcb6\x03Jd\xd0\xe3\t1)\x97\xcb\x92\xe5\x92\xc9\xbc\xf3\xde\xea\xab\xbf_V\xb1\xaa\xea\xaaJK\x0e\x1e,=Xw\xfa\xd4\xe7\xfb\xe6;\xff\x17\xb4\xa6\x91\xaf\'/\xef\xdd\xb1\xed\x95m\xa5%\xaf\xd4\x11\xac\xafT\xac\\\xb5\xa5\x06\xb00\xef\x90x\xa0\xb2Z\xe1hM[\xdb\xda\xf4Hdh\x83\'\x08\xa7(\x14\x18J\xb0r\xa9\xc7\xcf/\xfc\xf1)`}z\xfd\x8d*\xc2U\x02d\xdbJ\xb6\xbd\xd1?y\xed\xbf\xd4\xac\xbcs~\xe6F{\xdd\xc1\xd2\xaa\x92\x12|\x94\xa8XO\xff\xfe\xdb\xd7\x1f/\xfar\x1e\xcb.T\x0b\xa42\xfe\x93\x10\xf3\tM$\xcf\xe2x\x1cM\xbb\xe8\xcc\\\x16/6\xb4J\xaa\x10B\xf5\xd1k#\xec2\xcc%\xa0\x14\xd4\x16l\x96\xbdx\xf0\xb6\x07\x03{\x18\x04\xf7`\xd1\x97\xa2\x0ef!\x0b\x16,4=\x14\x9b\xc8\\\xc4\xe0\xae\x9a\xa0\xa8`P\xfc\x97&gt;\xb41\x98\x08\x9a\xac\x891t\x9a\xe94\xcd\xf4~\xdf\xafLO/\xcb\xee&gt;\x131)\xcb\xfa\xfc\xbe\xdf\xf7\xde\xef\x95\x94X&amp;\x17~WI\xafU\xa2\xda$:x\x08\xb16\x9e&lt;\xfdn\xfd\xf9\xef\xbf\xbd\xfb\x90Z\xc4\x0b\xdc\'\xb5\xecv\xc9\r#\x109\xa5\xd3)}\xff\xffk\xe0\xcf\x07\xaf\x9e\xd1jlX\rNcX\x9dB\xa5R\x19\xa5\x0e\xdf\xbd\xfa\xcdw\x7fp9\x1c\x84\xb5l[_/\xb10\xdf\x00\xcd\xb1\xc9\xe0\x80\x85:\x04\x15nh\xd7\xd7\x9f\xff\xb5v7\xb8\x9d\xc79\xc2\n\xbb\xed^\xaf\xd7nw\x03\xcbMOj\xbdc\xe8\xc6\xf1\xff\xda\x03~\xfd\xfa\xa0T\xdf\xa1\xd5\x80\xc6\xeb\xa5\xb3\x88\xaf\\\xe7\n\x95\xc2\xbcq\xf8a\n\xac\r\xdc\xde\xfbV\x97\xb3\x16\x93\x8b\x1ek\xe8a\x0c\x0bZ\xfdr\x95:\xc4#\x87\x83\xb8\xd6\xd7\xb7\xff\xa4|\xc8^W\n\\\xab\xd5Wy\xbb\x89ew34IJ\xd4\xd2\x9a.\xe5\xf2\xc7\xdf\xbf\xfe/\x1d\xedu\xbd,\x85w\xb4&lt;j\xc5f{l#\xb9\x19\x96\xda\x8c\x03\xeb\xbe\x8dR\xfcv\xfd\xef\xb8\xb7\x80^$\x17\tDYOT\x90\th\x8f6W\xd91\xa2b_\t&lt;\x8d&gt;\xd9.\xee\x9f\x0e\x1a\xf3B\x85\xe3dE\xe7\xb1f71!?\xc8\x0cI\xda\xe9t\xf2y\xad\x93\xee\xd5\x8f\x7f\xf8\xe3\x7fv\xcd\x1f\x00%\xf1a\xb5_;\xa9\xd5~g#*\xb7{o\xcfm\x93\x12\x8a\x1c\xaf\x14*\x8bl\xe8\xb4\xf6\x02j\xc1F\\\x9b|\xfb\xda4o\xcd\xe7c\x99NIO\\,\x1cV\x97+\x8ax~6\x1edG\xf1\x83\n\xd7\xcah\x86\x1e\xe6%I\xb2\x91\x85\x12K.\x9b\xde\xcf\xf4z\x9d\xfd\x93\x1d\x1d\x05\xf0\xefM\xe3\xcb\x97\xc1f\x1dK\xc9M5MQ\xc3|\xbe\xff\x8d\x1d\xe7\'t\xf5\xd93]U\xa7i\xae\x10\xe7.nR\xc3\xf1\xfeV\xc0eul\x02\x8bY\x08,\xdf26\xa9C\xf8\x08\x88y\xf8\xab\x8d\x80\x95\xb0\x8ag\xda)\xca\xf0\xe0\x80rK\x96;Z^M\xf0\xbc\rL\x92\x9d\xb9\xc9\xe7\xe9\xd2`u\xf3\xf9\xe3t\xe9\x9f\x0f`_\xbe&lt;\xe8\x1b\xd3\x9aRS\xa6JS\xd1\xa9\x00\xd5\xbe\x91(\xdf\x8dg\x9d^/\xdd\xebt:=Q(\x14\xee\x17C\xcf)\xb0\x98\x8b\x0e\xf2l\xa9\x94IE\xe1\xa0`\xad\xeb\x91\xc3\xf5\xf4\xa9+Z,n\x9d\xc1\xc2+.X(\x14dM\xe9\x88\x9c\x9cn*\xf9\xb2\xaa\'\xc8\r\t9\xc2\'\xe8%2\rI\x9c\xee4\x9bA\xd3\xbd\x92\x91\xe3w\xfa*\x0e\xeb\xba\xa1\x19\xb4\x12cj\xcc\xde\x8f\xda\xed\x8b\xfbJ\x85k\xe6\x8di\x92C}#\xe9O\x95-\xd7\xc6&amp;%\xbd\xcf\xb7Fy\xbf\xba\xe6\x0b\xd0#\xb0\xb9\x19\x08X\x01le\x85\n*`E\xb7\x8a\xc5\xb3\xf105j\t8=\xdeT\xf5\x99\\\xadr\xf7\xef\x11og\x9ab\xa894\x0c\xb4V\x89\x97l(|\xf7N\xbd\xd7W4V{\xbdi\xd8\x96\xab\xed\x97s8\x1a\x9e\xd6\r\xbc\'\xa1*\x8bv#\x95j\\\xdds\x1c\xa7%x\xb5Y\x80\x8d\xf7\xd7\xc3\xeci\xbfk\r\x04\\\x84\xe5\xa3v\xee[%\x81\x02\xc0\nl\x10\x16\x12\xcaAT\x94X\xc5-X8\xbe\x19\xb6\xe7\x02\xc4\x16zF\x18X\xa2\xc8\xcdo\xf1\xd1\xb7\xedv{\xb1x\xfbv&lt;\x05\\\x98\xb2\xd8\xe6\xdd\xdb\xd3O\xfaMm\xe5e\xa9\xd6\xc9\xa0&gt;%\xddhjFY5\x9a\x1dm\xe7D\xbb\x1b/\x1a\x83\x90\xe70uu\x1f\xe7\xaaZX\n\x9fd8N\x88\xe3\xf3&gt;\x8c\xcf\xa2V`\x11\x17s\x0bPD\x030P!\x97\x08\xeb\x11\xfd+\xba\xbd\xb5\xf5\x14T\xd9\xf6\xbcu \x14*\x99\x93\x1c\xafk\xc9\x89(\\5\x0e\x11!\xbf\x7f0\xc86n\xaf\xaf\xae\xde\xcf\xeeT=,I{\xc8\xe7\xb0z\xb2\x92O\x94\xeb\xbd&lt;$\xe4\xf9\\^\xd1\xb4\xbe\xf2\xcd\xce?\xfef\x8c\xdb7\xfeP\xe8\x10X\\P\x94\x9b\t\trqB!\x1e\x1f5\x06\xa7\xdaV\x91\xb2\x1e\xce\x01\xcb\xb7\xc4Z\x8a\x15\x05\x18\xd5\xa9c\xc3e\xb5noG_\x80\xea\xf6\xaaR@\xc2W5\x95\xff*\xa7\xc9UY\x1c\xa5B\x8c\xeb0tt\xe4\xf1\xfb\x81\xd6\xbe\x1e-\xde\x8e\xef\x8c2\n\xd5\xed^A;8~\x95C\x95\xee\xf1{_O\x1e\xe1\r\x00\x00\x04\xf9IDATx\xd1\x12\xf6\x1e\xdb\xbc\x89\xbb\xf60\xc4NL\x8d8\x88&gt;KH\xee\xdcI\x1aF\x08\xf7\xd7)\xff\xe9\xd9Z\x97\xc9\xe3cs\x84\xcf\xc7\xd4BjY\x97X\x1b\x1b\x8e\xa8\xeb\xc9\xf3\xad\xedmF5\xe7\x88*\x8e}\xc7\xee\xcd\xcd\x922ay&lt;GG\x87G\x08\x8b\xc5\xe3\xb1X\x9cN\x7f\xf6\xa6\xd1\x1eU3T\xa8\xb9\x95W\xfb\xb5\x9d0\xcf\xef\xed\xfd\x96O\xe4r9\x1d\xcd\xa0|\xf7\xd3m\x16\x0b1\xb1\xaa\x13QDn\xf1\x90K\x10\xe2\x820og\xdf\x8d\xcf\xba\x01\xc2\xa2\xef \xe0"\xe3\xa2\xdc\x02\x14\x0b\xf6\x15*}\xcb\x04\x07S\xed9\xce\x02U\'\x8f\xd5\x13\xd6D\x96GY\x8b\xe7\xe8\xc8\xa4B\xb0W\x1eg,\xd6\x9es\x82\x98\xe94W\x0c\x1d\xee\xa9\xc6+m\xf6\xf6!\x90\xeb\x038\xe8!\xae\xecbR\x15e\x05\xfb\x18\xbaK\x8f\x13"\xbb\xf1y\xfb\xe6t|\xde\xf5\xc16\x1f\xdb\xfdL\xb5\x18\x16\x8b"\x0ctm;\xac\xc5n\x7f\xfc\xa11\xe2\xd0\xae\x04\x81KOu|\xc8W\tR\x0bX\xa1P\xe8\x08\xd70\xb5"\xb1\xfc\xa0\xf3C\xd8\x08\x87\x96\xbb\xc2\xeb\xf9~/-\x8b\xd5\xd1m\xa3\xd1\xb8A\xbc{\x17\xf3\xd3{\x89\xccr3\x02V&amp;O\x9d\xcc\xae+\xc9\x96\x10\x0cr\xd5\xc5\xe9\xdd\xfey\x97\x91\x90\\\x0e\x96\\\x01\xd3\xc4"\xb54\xdau\x8a\xc5ns|\x8a\x12\x0c\xc6\xb9\x16gR\xd9\xec\xde\x84\x96\x94\'2\xb6\x0b\xd8\x11B\xce\xfb\x91Z~J\xfd\xc1\x00x\xb7s1\x93L*\xe1\x15\xa5So\xf6Z\x1cJ?\x1b\xf28\x9d1@\xc5 \xb0\'d\xf1\x80\xca\xd9\xb8\x10\xabr\xda\xb0\xd1\xc6\xca\xab\xb3V&lt;.\x04\x85\xf9h\xac\xecw}\xd4\x13|\xab&gt;\x075\xaaOXDE[!\xb4:\x9b\xcd\xde\xb7\x08\xea \xd8Jc\x03\xb1=\xb6\xbb?a\xe1\x12\x08\xbf\xd3\xff\x10N\xa7\xe5\xc8s{\x91\xc9\xc8I-\xb1\xa2\x18\t\xb5\x9e\xcc\x88U`\x1d\x1e\xf9c\x08\'\xc9\xea\t\xf9A\xe5lO\xc4\x92\xd8+\xb3\x9d\xd5\xce\x97\x9b2\xb8Z-\xb1\xda\xd9\xdf\x7fQD\xce\xc3@&lt;\x02\xaco\x05\x02Q*\x03\x1f5.+z{=]\xe5\xe2B$\x02\xbd\xa0\x15\xefe\xa3\x12\xb0&amp;\x93\xc9"K\xeey\xe8\nN\xcbCx\x8e\xfc\x8d\xab\x12\xb0\x14~\x05W\xd3\x9b\xe9$\xc3\nQ\xd6\xc5\x9c~\xbcyi\xf9\xf0\xba*F\xc4\xbaJ\x83\x04u\xe2r]\x04\x96\x10\xe4\xb8\xd2\xe5y\xb7\xdb\xf5m\xfeb\x03\xc3\x0b:\x02m&lt;\x81h\x80\xb0 ]\xb1{~\xfc&amp;\xc2q\xf1`P@B\x1e\x9f@+\x8c\xb9\xcc\xc4\xf4$\xf9\x19\x16\x1e\xe6\xb5,T\x8f\x8d\xf7\x19\x13\x0b\x86\'f\xe9\xb4&lt;\xb9&amp;I\x19U\xc8\\\x02\x9e\x9c7#\x19\x9b\xab\x96\xa0\xa9\x8bvV\xd2\x8bkQE\x06\x83\xbb\xa57\x97\xe7k\x9b\x01&amp;\x1a\xf9\xe7\x8an\xa3\x12\x8b\x08\xdf\xe5\x9bH0"D\x04\x8aV\xa6i\xe4\xb0.\x13+\xac\xa4e\xc2\xf2\x13\x96\x85\xa9\x85^aq\xb2?\x9d\x8d\xd1\x12\x8b\xb7\xd9\xb0\x00\xc2\x1aZ\x88j@6\xc7\xd8\xfb\x81\xd5\xb8\x02VFa\xb3\xb7\xdb\x8eiDR\xb54u\xfb\xa0@\x17\r~\xfc\xf8\xe3\x9b\xcb\xcb\xf3\xf3\xeey\x97p\xb6\xb6\x8a\x90\xf0\xf2\xcd\xc7\x8f\x07A""\xaeH\xba\xa6\xf2l\xb2"\xc5M,\xd9\xc4\xb2,\xb1(\x89\x99x\x84%\x9bXn`\xa1\x14\'m\xa7s@Z\x99\x92\xe1\xfd\xc4vKX\xe9)&amp;\xb7\xc74\xb4Iv\x1b*\xb7\x9e\x89\x04\xa1\x05\xe8`Q\xa4\x15\x89\xecFvK\xa5R\xa6dFp\x19\x8c+\x92i\xe6U\x9ed\xb2\xb3;\x83/\x80\x95L&amp;\x81\xe5g\xf9db\x85,N?\x9eC\x0fj\x85W\xc2\xbc\x9d\xb0\x92\x17m\x82z\xa0r\x12\x15r\xec\xf6\x02\xad#\x8d\x91\x02\x13\xb4\x8d|\xc4\\\x9f(+\x00k\xb5\x88j\x17?\xbb\xf8A\x08\xbbK\x1c\x1cj\xb5"8DPu\xa5\x9c\xe3\xed\x0f\xf1\xa0Vr1@\x06\xd3\x05X\xbe\x90}~\xf4\xc9\x10\xeep\x97j\xfd\x8c\xf53\x15a\xc5\x08\xcb\x7f{\xd1\x12\xe5\x9eAS\xa4\x97Q\xb1\x01\x1c7\xc5\xcdL+B0\x8c\x03yd\xc6\xae\x19\x00\xc3\xcb\x88 \xd6\xa7\xd8\xe2\xe0=\xbb3XbM\x99Z\x9fa\x999\x86.\t\xac\xecgX:\xb0\xd2\x17?\xc5b\xe0\x18\x10\xd5\x80\xa8\xe0\xa9\xc5\xdf\x9edD\xb9S\xfe\x0c\x8bFp\xcc=FG\xa6+W\xab"*5\xf2@\x15\xd9%\xa0\x8fAQ\x84\x82\xb2\x98Q0\x14\xb0\x9b\x14V1\xf4\x19^~\xdac&amp;\x92J\xd4\xacb\x0f\x9d\x8b\xb0\x9c\x9f\xb0\xfe\xa2\'T4\x08\xa85\x1c\xa6R\xa9a\xec&amp;64\x03\x7f5\xae\xab\x91\xb8\xd83h\xb7\x0c\x87\x13\xe1\x7f\r\x0c\xb6m\x03r\x0f]&lt;\xaa\xe3\x902\xe7\xcd\xbb\xa3G\x81\xb1\t\xac\\@\xf1\tL\xe7\xc02\xa16\xf8\xe8\xd1gG\x81Q\xa8\x12\xdc\x06\xd4\xb7M5\x10\n\x80F\x04\xaa\xcd\x05F"\xb0\xf29\x056\x7f2\xd4\x1e8\x00\x96\xde:\xc1\x11\xfds\x01\xd1\xfd\x83\x9a\xa9jC\xe1\x00\x00\x00\x00IEND\xaeB`\x82'</t>
        </is>
      </c>
      <c r="M6" s="3" t="n">
        <v>45492.67761574074</v>
      </c>
    </row>
    <row r="7">
      <c r="A7" t="n">
        <v>13630</v>
      </c>
      <c r="B7" t="n">
        <v>1967</v>
      </c>
      <c r="C7" t="inlineStr">
        <is>
          <t>Fernandinho</t>
        </is>
      </c>
      <c r="D7" t="inlineStr">
        <is>
          <t>Fernandinho</t>
        </is>
      </c>
      <c r="E7" t="inlineStr">
        <is>
          <t>VOL</t>
        </is>
      </c>
      <c r="F7" t="inlineStr">
        <is>
          <t>VOL</t>
        </is>
      </c>
      <c r="G7" t="inlineStr">
        <is>
          <t>VOL/MC</t>
        </is>
      </c>
      <c r="H7" t="n">
        <v>179</v>
      </c>
      <c r="I7" t="n">
        <v>5</v>
      </c>
      <c r="J7" s="2" t="n">
        <v>31170</v>
      </c>
      <c r="K7" t="inlineStr">
        <is>
          <t>Right</t>
        </is>
      </c>
      <c r="L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ef1677e-9b7d-435f-a333-6f553b4806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;H\x84\x14\x00\x00\x03\x00PLTE\xff\xff\xff\xfd\x17-z?3\xfe4Lq:0\x94P&lt;\xfd\x1a1\xff\xfe\xff\xfd\xfd\xfd\x86G8\xfe0H\xfd\x1e5\x99VCu=3d5-|B7\x98S=\x80C4\xd8\x03\x14\x94RBV)"j90Z2-:\x1e\x1a\xfd*A\x88K&lt;i5,_4-\x81F9\xfd!8b2\'v&lt;/\xc6\x02\x0f\x8fN&gt;L*&amp;_.%\xcd\x01\x0f\xbf\x01\x0b\x8a&gt;)[,#\xd3\x03\x13l-\x1f\x1e\x10\x10L%\x1e\xfd,Eq0\x1f1"!\xf3\x11&amp;9" 3\x1d\x1b\xf7\x1d2^)\x1dQ:9R%\x1c\xec\t\x1e\xfd&amp;&gt;?%#m8,\x10\x17(Q("c)\x1c\x83:\'\xfd#;@ \x1cW&amp;\x1c{H?Q.*G%!h+\x1e=++F"\x1cM0-Z/(h3\'F.-PCD#2K\xe3\x05\x19a94U,%\xf6\x17-\x9fUAo?5\xdd\x0b\x1e3(\'\x8eD.\xde\x03\x15Z&gt;;z4"oD&gt;tGB|&gt;-%\x16\x16\x8cK&lt;~8%u2!\x90M9g=7uB9\xed\x10%u9*utx\x99L5pmpF66\xe6\x0c!\xf9\x13(V.*`A?Y84d-!\x8bUM\xf5\x0b!\x9eP8\xfa 8\xa2YF\xf4\xf2\xf2\x96\x93\x97\xa8]KhA&lt;\xb8vlnJG\xf1\t\x1e\x84A.\x83IA\x9b\x99\x9d\x16\x1f3wQM\xfa\xf8\xf8[\'\x1c\xb6\x02\x0bXKL\x8cJ6\xce\x0b\x1b\x8cOE\x98`[fFD\xf8\x0c#\x93I5\x86\x83\x86M53T2/\x83OH\xfc\x11\'p5)\x96G0\x82UQ\xfeZn+\x18\x19\xa7\xa4\xa8\xe8\x05\x18\xa0\x9f\xa3I;&lt;\x1c(=\xa3c[\x80}\x80\x8aC2igj\xb7n\\`^b\xafcN\xed\x19-\xe4\x15)\x8cZU\xa7W=\x84B7&lt;56{LG,\x1e\x1eE\'\'\xd5\x11#\xe3\xe2\xe3\x90\x8e\x93g^a\x9c[K\xc0\r\x1blVV7..m2#\r\x10\x1dM!\x1a\xac\xaa\xae}wz\xbc\x80y]Y\\\xadh\\\x96WO\xeb\xeb\xebVTV\xd5\xd3\xd4fNN\xb1\xaf\xb3\x93B+\xc0\x88\x85\xdc\xdb\xdd\x8c\x89\x8d\xabqm~opLMS\xe44D\x9dkh\xb7$/rbd\xbe\xbc\xbf\x82^]"\x1c\x1e\xc7\xc5\xc7\xce\xca\xcc\xae\x0b\x18\xf6;N\xb1]E\xee\'=\xfdK]\x8bbaz[X\xaa\x03\x0c\xca\x97\x97\xac}\x81\x9eD3\xb7\xb6\xb8CCE\xe7\xbb\xc0\xb5?&gt;LYl\x97\x88\x89I\x15\x18\x8d{}(+Ak\x15\x1c\x98\'.\xdanx\x8dml\xa5\x97\x98\xd5.&lt;\xe3*=\xd7\xad\xb2\x94\x0b\x15\xe8&lt;M\xc96@\x13\r\x0e\xf6\xe8\xea\xea\xcf\xd2\xe2\x94\x9de\'&lt;\xcb\xa5\xa5|46\xa4\x8c\x8b\xe4L_\xca[`\x9dwz\xf1\xd9\xdc\x81\x1a\x1f\xbc\x92\x96\xc2KO\xd3&gt;M\xa7DQ(e\x90\x9b\x00\x00 \x00IDATx\xda\xc4\x98\xdfKb\xeb\x1a\xc7\xbb\x98ayQS\xc3\xb6\x86\xc6\xa18\x06\x89[\x14C\x05\x07\x8dJ-\x1b\x05C1\xac\xddF\xcfD\xcb%\x8c?\x90\xd2ihd\x17\xc6.\xb4\x89qsD\xc9l\t\xe3q\x8a,2\xd2\x9c\xadM\xd9\x0f\x89\x06\x1b\xe8\xe2\xd0\xa6\xee\xcf\xc5\xb987\xc3\xb9\x9a\x8b\xf3\xbc\xcb\xce\x9e?\xe0\xac\x9a\'\xd7\x8f\xa4\x8bO\xdf\xe7\xfb|\xdfw\xad\x9a\x9a\xff\xb30\xf80\x18\x18cz\x02j\x1an\xb0\x1a\x0c\xab\xf9\xbe\x85\xa1\x9a^?&lt;\xff\x94\x8d\xf8|\x1e\x8fo\xff\xfc\xb0\xc0@_~W(\xd0h/\x1b$p"N\xe6\xc9|1O\xc6q\x02\x8f|.\x80j\xd8\xf7\x83*\xec\xed\xc7H\xc0)\x96\xaf\xafS\xd7\xa9T\xea\xba\\,\x93q\x12\xf7\x9d\x83f\xdf\x05\xaa\x86Q\xf8\x14\x04\x8d\x00)e\x14\x08\x04Ft\x82K\xea\x9a$\xe2\xc5|\xec\xaap\xf7\xad\x04\xa5&amp;\xaep\x92$\xc8\xeb\x8cQ\xb0\xba\xda\xd1\x01\x1faG\x07\x05\x96\xb9.B/Ib\x7f\xe2n\x15CP\xe71\xf0Q\xbc\x9c\x01\x8e\x8e\x8eG\x1dpP\x057B$Y\x1e\xc7\xe3y\xfc\xfc.\xc1\x80j/\x9d\'q\xbc\x98Y\x15|\x03z\xf4\xbf\x12R`E\x02\xc0\x8e\x0e\xa7\xef\xaa\x93 U\x98\xcc\xe3\xb1|J\x00\x9d\xa3\xb0\xbe!uu\xdd\xa0\x193\xa9|.\x97\x8f\xdfU\'\xb1\xe9\xc3`1\x9e\x8b_\x1b)\xa9::\xbe\x11Q\xd5\x87NB(0\x7f&lt;H\xe4\x83{w\x10\x16\x186qE\x96q\x1cL\x85\x8c\xfe\xa8JE\xb1\xf4\xa1\x82\xb3R\xd9\xd7G\x91\x81\xf7\xe31\xa2\x18?\xbf\xf5FbX!]&amp;q2e\\]\xbdQ\xaa\xeb\x86\x88\xa7T\xf2\xfe,\x04\xd8\x05z\x95\xe3\xb9X\x9c\x0cO`\xb7l\xab\xc3X\x99\xc0\x8b\x10T\xabU\xa6&gt;\x90\xa6\x8f\xe2\x91t3%\x12\x8eD"\xe9\x9e\x99\x99\xe9\x96\xec 2\xa9\r\xa2"H\x90\x9e[\rWlz\x8f(\xe2\xb1"D\x15@!\x95\x10\x8fL&amp;avw\x8bT\\\x95\\\xeet\x8aDr\x95J%\x17!0^\x1fp\x111h\xe4mrA.\xc4\xc9\x18^F\xa1\x0eT\xd07\xa4\x8d\xc8\t%\x17\xa9\xf8\xd5\xe2\xa2\x92\xcbE \x98D\xc2\xeb[\x8bn\xe0\xb9\x18N\x86\xa7\xb1[\xa3\xfaL\x909\x02:\x08c\xd6\xd5\xb7#\x01\x89\x906\xdb\xdb\xdb\\\x95\x8a\xcb\xe5\xf3-\x16n\x15\rtCz\x81`J\x8dv#N\xe4p\xe2j\xfa\xb6\xa8\xd6\xf1|\x8c@Z\tA\xaa\x9d\x1d\xf0\x90\\\xe5t\x828\xdb*$\x11\x9f\xff\xa7`*\xd4Gd0\xc4\xe5\xa7\xb8\xf0\xbd\xdbi#c"]\xc4\x89\xa2\xb6\xb7\xaa\xd5\x8e\x84\xc2\x92\xab\xaa&lt;p\xb6X\xf8\xfc\xa1!\xcb\r\x96\x1c\xb0\xbawvxJ\x8d\xcd\xbfA\xc0@\xa6oe\x1c\xb1\xe9+\x92 \xca\xda\xa8T\xf8\xe8\x11P\xed@\x0b\x9drh!\xdf2\x86\x80,@d\x81\xd3\x10\xfa\x85\x8bL\x8f\xe6\x11\xda\xc8\xd6\xd8\xb4\x04\xf2\xe4\xd5m\xc8\xc5(\xe0q\xa2\x18\x8dj\xa4\xd5\x16\x82Xrp\x16w{\x9b?f\x06\x96!\xb3\x19\x8e\xceN\xb3\x19)\xc6E\xf6\xa2l\x8f\xe4\x8a\x16a\xb3\x11&lt;Z\xc7n!G\xf7I&lt;\x9f\xb2\xd9z\xa5\xc2\xae.D\x05Lr9\x17\x98\xcc\x00\xd3i\x1eBD\x9d\xed\xed\x14\x18\x9f\xcb\xff\xc6\xc5^\x88j\xe1?\xc2\x8f\xb2\xf4O#\xa3\x10#\xe2\xd7\x19[\x14\xac\x05=\x94Hf\x80J\xa5\x82\xdeuv\xb6O\xb5/wvN\xb5\xa3\x1alGhU\xc5P#\xbb\xbb%&lt;\x8d\x18\\\xef\xcf\x07=\xf4\xcb\xc58\xc7\xe3\xdaL\x06\xd4\x82\x1e\xee\xa0(G\xd9\xc0E}k\x1f\x1c\\\x9e\x82\x13\\\xd0="C\xeaY\xa0\x91U,\xf6\x82\xfflC\xab%\x82\xfb\xb4\xcbUH\xa3\x85\xb07\xd5\x0bX}\x12*\xb2\xa0\x83U\xaaPh\x10\x8eP`vy\xf0 4\x884\x83F\x9a\x87\xc0\xf7@\x85\xa6Qm\x07\xach\xfe\x08\xe4\xa2\x97\x0b;\x8c\xc1N\xb4\x17\x95\xb0\x8bG\x89%\x87\\\xb7\x98\xdb\x07\x03\rn\xeb}\xbd\xbb\xc1\xed\x0e\x04\xac!\xaa\x0e\x80\xads\x88\x8f\x96\xa0n\xb4\x08\xa9\xc5[g\xda\xa8\x1fO\x7fb\xd0\x9c\x0e\x9fp2JaI\xabc\x88\xa8`\xfc:\x81js|\xdc;\x0eXz\xbd\xbev\\\xafoh\x08 \xc5\x90Z0\xaa"\x08{\x9e\xe2\x8d\x7fCk\xd3\xc6\xd3\x91\tz\xb1&amp;"(\xde{\x8dH\xac&gt;\x1e\xc2rB\x8aB\x0b\x07\x03\xf7\x1bj7\xbdz\xb7\xd5\rt\x1f&gt;$\xbc\x9b\xb5\x01J+&gt;\x1aE\x91\xa8\x8d\xc3a\xbexc\xff\xa8\x85\x98\x08z&gt;c\xb4\xa6\xc3z\x10\xc6\xd0h\x94"\xb1x\x80\x85z\xc8\xe5\xc2\x14.\xdf\xb7Z\xf5\xa0\x91\x1b.^\xafw|\\\x7f?\x00\xb67\xdfL\xa2H\xc4\x01\xac\x01\x85\xd8\xaf\x8d\xda\xfc\xb8\x87V\xd3c\xd8\x1e\x9e\x8ff`\x89\x96RX\x12&amp;\x8a\x07\xae\x05\x8c\xbd\x1c\x08\rZ\xad\x00e\xb5B+\xf5V+e\xac\xf6jB@@\x8883mm\x03o\x1c&amp;\xad\x18\xc2\xde\x13)\xd0\xea\xf9\xf3\x18\xda\xfa\x01\x16\xda\x88J\x98L&amp;\xc7YM\x87\xa9)\x14\t\xa1\x83\x10%\x9a;tpp\x00\xc9\x05)f\xe6\xdf\xc8%r\xb6\xf479\x1c&amp;1e\xae=Z\xb1\xf6c\xe5\x94@\x00bIA,\x19\x93\t]Dk4\xac8f\x88\xd0@ \x04X\r\rnj\n\x07\xd1\x1cV\xc3\xbe\xda\xc6\xb6\xb6\xa6&amp;\xc0Z\x88\x02\xd6g\x06\x9d\x8e\xf7\xe0\xda\x0c%\x96\x94\'\xe3Q\x011\xf3-L\x03\xd0\xc1\x90\xd5M\x19\x0c\xb8\x02\xd4\xf9\x00\x9ai\xb6p\x9d\x1c\xa6\x84\xd9\xcf\xd2\xe9\x1cb\xb1\x18\xb0&gt;\xd1g.p|\x9a\xc2\x02\xb1\x94\x80\x85\xd2\xb4{F\xc5\x1fBQJ\xe1\xb8\x01\xc8\xadO&amp;\xd1\xc5\xeav\'\x93\x17p\x0b\xc9\xdaiq\xb6\xf5\x0f\xc8d\xfd:\x9d\t\xb86\xd2\x91}\xfa\xb67\xf0`\xe1\xabb\xad)\xd7`\xeb.Cj\xc9a\x0e\xdb\x0fB\xee$r:\x02\xaab\x01\xd3\xc5\nT\x02\xeeg\x97G\xde:[\xda\xfa\x15\x8a\x17Mv\xbb\xc9\xa4\xddHg\xc3\x05\x1a\xb1\xf6|\xf8u\n\xb0\x94J%[\x86\xf4\x9aqnW\xb5J&amp;&amp;\'?x\xbd\x17\xc9dr&lt;\x01,I\xf8\xe2\xf2\xb24\xf9\xa160;5\xd2\xfa\xb8\xa5\x85#S\xab\x15\n\x93\xddn\xf7o\x1c\x85}\xebt&gt;Z\xf8\x90\xe5\x11\x16\xb2\x16\x8f\xc7l\xdb\x1e\x1b\x81\x19\xb4&amp;\xbd\x93\xbbP\x93+\x89Dber\xe5\xe2"\xb1\xb2\xfb\xe5\xcb\x97\xff\x9c\xfe6jh\xd4\xb1\x1c\x0e\x85B\xc1\xd6,,\xb0\x1d\xf3\xf6\xf9-\xe2\xc8\xe7\xa1\x17+\x98OA\x0f\xd9l6&lt;\xa5*e\x9c\xb6go\x81ky\xb6v\xf3\xf8\xb8\xf4\xf5k\xa9\x04h\xa5\xcb\xdd\x95\x95\xdd\xcb/\xff\xfa\xfa\xc7?\xff1o\x12\xf7\x1a!\x80+\x15\x81T\xd8\x9b\xd2,\xcc\xcf\x7f&lt;\x8b!,\xdaVk\xc0\x8a\x1c\x91Q\xcd\x1a[\xcdf+\x91\xef\xd9\x8a\x17\xfdM\xac\x07\xba\xe7\xc3\xa3\xbf\x9d\xfeQ*\x95.\xbf\\^\xc2\xb1[\x02\xa9\xbe\x1e\xbf[|5/N\x19\x01\xab\x82^~\xfdm\xd5\xd8k3\xd9\xb7N\x8e\xd2\x11\x1f\xbdX\x1eXk\xd5Pl\xa9P\xd0\x01?\x82U\xea\xcd\x9f\xd8n\xffen\xe9\xc3\xe4n\tQ\x95\xe0R\xda=\xfe\xfdI\xcf\xb0C\xd3\x9b\xe9\xd5,\x98^\xea\xd4B!\xfca\x14ay&lt;4\xab\x15\xf6\xc5\xfd\xd1\x05\xb5F\xbd&amp;\x15T~\xae\xc0\xe7\xdf\x15\xa3Q\x90I\x89M:Cs\xad\x179\x0byl\x12\\6\xde\\ox\xeeP8L\xc3\x8b\xae__\xd7\x1bX\x8a5\xa9\xd8\xef\x9f\xdf\xca\xf9h\xc6:\x0c\x87q\xbfV\xac\xd6h\xd6\x8c\x95\x1f\x7f\xac\xac\xaeV\xa0\x8cP\x1a\x87\xeeA}3dCb\x85\xca\x85\xc4\xc5E-`\x19\x0c=\xae\xb9\xa5\xa5\xcd\xbf\xfc}d\xecY\xcb\x0bY\x93\xfd\xe3\xc7\xad\x93p\x045\x91\xc6\xdc\x8adsE\xbfvA\xad\xb6!,\x01\xc0\xe8\x1co\x1co`\xf4u\x06C\xdd\x93\x06}\xf2\x82\xe2J\\$\x1b\xfe\xfa\xa4\xce0\xeaZ:\x9e\x9c&lt;^\xfaav\xc4\xe2\xe4p\x06\xfa\x9b^m}&lt;\t\x87\xe9\xc4\xaa\xc1\n\x91pp#\x0fX\x1a[\xaa\xd2\xa1|\xd1X\xf7\xb0\xfe\xc9\xaf\xae\xc5\x9e\x9eQC]]]Os\xc0]\x95\x0b\xd2}\xf6a\xeb\xd3z\xd7\xd2\xd2\xd2\xe9\xf1\xf1\x9c\xab\xf9a\xeb3\xa0\xea\xef\x9f?\xdb:\xc9f\xb3\x91u\xfa\xde?3\xa6#\xbet\x8e\xf0/hl\xb6\x8c@\xd9\xdf\xf2x\xac\xf5a\xf3\xefK\xa7\xa7\xa7s\xae\'\xf7\x9e\x8e\xb5NA\xae\x82\xbb&amp;\xbd\x90\xedS\xad\xf5\xae\x1f\x9a\xebG{\x16\xdf\xb9z\xea\x0c\x86\xc6\x07\xfd\x03,\xd6\xcb\xb3\x8d\x93\xec~8[(\xd0\xf6\xf2\x06\xc3\xae"\xbe`\xce\x0f\x9b\x00xN\xe4\xc1\xaef{\xeca\xb3k\xee\xf4\xf8tn\xee\xdd\xeb{\x8f\x9f\x8e\x0c\xba/Vv\xabX#u\xaf\x17\r\x8f\x1f7&gt;\x7f\xf9\xea\x97aC#\xab\x89\x05\x9f\xc6\x97gg\'\xe1}Ov\xff\x8c\xb8\x9a\xa0\r+\xedK\x07\xf3\xf0\x1c\n\xe1\xc5\x1e`\xb6=\xbbW7\xda\xf3\xfe\xfdO\xc3?-\xba\\\xef\r\xcf\xb6\x81\x0b\x96\xa1\x15X\t\xa7\xde\x8e\xf6\x8c66\xb24\x82J\xc6\xb8j\x94\x82\x05\x1d\x0e\xd6\x83\xe7[g\xb9l6\x16\x17K5\xf9\xcf\xb4\xf4qz\xfd&lt;\x86\xa7=\x9e\r\x9bM\xab\x81\xa0\x97\r\xb0\x1e\xc0\xd6n\xf8\x95\xc9\xa4\xd3=7\xf4,\xfe\x97U\xb3{Il_\xe38\xc8\n\x13R\x13sE\x1aJ\nJ\x13E\x83\tEIj/j\x81bL\xa4\xad\xd4\x94\xd5\x0bXF\x98\x96,\xc5\x89\xc4\t-1)\x1a\x1a\xf7L0\xb9\xdb1S4\xee]{\xdb0\xbdL\xb6\x19\xaa3\x03A\xb2\xa79\xe7\x10\xdd\x14\xec\x8b\xee\x86}\xe0\\\x9cg\xb5\xcf\x7f\xa0\xbf\x0b\xafD?&lt;\xcf\xb3\xbe~\xbf\xcf\xcfu\xaeTk9\\p\xad\x18 \x9a\x11Z\x988Nc\xfd\xf0?\xee\x7f\xbe\xbf\xbf\x7f\xd4\xd7W\xa3\x1e\x9d\xe7q@ \x96v6\xeb\x1b\xf5=\xa7y\xd9\x92L,\xcf\xd4\xfd\xf8{\x04\xb0\x9e\xd7\xd5\xa9\x1d\x8dB!\x8a\xea\x1bk\x7f\xaa\xf9\xf1\xddO\xb5\x1b\xa30Cct\xa94e\x11\x87\x8b\xc2r\x8b\xdc\xe2\x8cF\xd1\xe6f\xd5\xec\\\xedpG}U\xcbb__\xadZ\xcd\xe3\xd8\xf6O\x97vfZ\xd0\xd1\xfd\xfd\xcd&lt;xT\xeaYgm\xfb\xe3\'Cn\xff\x10\x89\x85\xaa\x84*a\xcd\xe3\xc5G\xf7\xf7?\xfe\xf3\xe7w\xc3\x1b\x0ce\xfc5\xabI\x01\\r\x16a\xac\xacL9\xcb\xa3\x0e\x94\xd3\x0b\r&gt;\xcf\xf6\xf6*\x19\xc2\xda\xda\r\x15\x83\xa3\x9b\xdd\xf6/\x8d\xe8u#:\x89\xf7[\xce]\xa4\x16\xfa;;\xd5\xc2\xda\xdf\xdd\xcb\xbb\xcf\x9f\xcf\t\x1d\xc2\x8e\xb6\xbe\xfb\xfb\xbe\xdaEP\xd5\x9a\xfd\xec|{\x0b/D\xab\x9cV4U[\x058\xa4\x8a\xa6&amp;A(\xe4\xb3w\x99z\xd7\xd7\xa3\xd1\xa8\x92\'\xdc\x10:P\x06W7r\xea^\xf2r&amp;51By\x97\xb3G\xa5&gt;\xbd\x9e\xab\x9bSo&lt;\xd9]\x1e\xe8\x1c\x9eS5\n\xdbj\xfa\x16\x9b\xf5\x12\r\x84\xbf\xd9@\x00\x8a\xa2\x1c+w*d`\xee\xab\xad\xd5\xadR0\x88t\x9f\xb2\x8b\xa7a\xd8@\xecm&lt;\x94t\x81\x1a&gt;\x9f7rz\xbc\x93\xed\xb5\xa7Xf\xca\xcdD\xae\x96\xbep\xe2FWU\xdf\xa6~\xdc\xe9\xdf\x9d\xe9T\xeb5\xaa\x8d\xda\x9az\x94CW\xc6///\xe3\xf1u\xdf\xd83_\n\xb2\xb3\xa2\x89\xdc\x0bVJI\x93\x8fD\xa3&amp;\x1b\x03\x8e\x8d|\x85\x07\x84\xaf\xd18z\x00\xeb\xc4\x94\x10\'\x0c\xcc\x9b\xf79c\xbd9\xef\xd2\xb6\x97v\xb4\xb5\xb9_\xcctv\xe8E\x1a\xa1pcC\xa5\xe7&lt;\x08\x84Mg[\x7f\xadL\xb5N\x03\x96\xb4\xd2\n\xe5\x82)\x03\x97\x8f\x95\x83p\xc4\xc7\xa2Q\xe8&amp;\x08*\x97/\x92hF\xb7#\x07\xbb|\xb1\x98\x18\xa7\xdd~\xcc\xb5\x89\x85\x1f\xb2\xe5,\x91\xac\xaam\xf8x\x97\xc4\xd2h\xf4z\x15&lt;\x8c\x1c\x0e\x87\xacFo&lt;\xaeL\xc1DIe\xbf(*\xadV\xa3\xd5\xa9P\xb4&gt;l\x05)\xbe\xb1\xbd=\x9828vD\xab\xe5\x8bt\x80u"\x85\\\xcb6\xc7\xbf\xe4\xac\xf4\x1f\xb2!\xb3\xd6\xa9x&lt;\x1c!\xb1\x84z\x8d^\xc3\xe3\xf1t\x93&amp;8 \xa6Q\x81\xd1bmm\x9a\xae\xaa\x9a&amp;\x97p\xd6J\x89LZm\x11C\x885\xe2LZ\x99\xd9\\\x06d\x94\x06-\x9f\xff\x80\x95\x82w\x97\'\xd7?\xe7\x8aE\xfd\x92\xf5\xf9$\xd3\xb2\xd2w\x91\xc8o3$\x16\xbf\x81nG\x10;\xa9Wce\xb8\x15\x08\x8c\x95M\xb2*\xd9\xdf\xe9\xdf\x9a\x12MK\xad\xe2pA\xb8\xdbb5\xca\xc1X\xb3\xe1\x07\x12\x8fiE&lt;\xc0\xba5v/\x88c\xf4\xf8\x87\x9c\x15\xe2K i/\x91H\x1aKw\x8f_mv\xb4\xe8EZ\x9cNa\x95\x97\x85\xd8\xecP\xd2h\x14_-\x88\x8d\xad\x8a\x96\x96i2\xa1\x89\xc5\xc6\xea\x94D\xd1\x9a\xd8\xda2\x0c\x92\xd9\x1a"w\xc5^\x88%\x88i\x9d\xfc\xfd\xe3o\xff\xe9\x86\xd4&amp;@n\xdf\xe4&lt;\xf2\x1f\xb3\x14\x863\x16\xd3V\x9d\xb8\x7fx\xd5\xf1\x10z(\xc9~8\xc1 a\xb1tCr\x15W+\xda[\xaa\x9a\xacr\x88\xd2\x87rk\xb5S"e\xae@L3&lt;\xac&amp;\xc2\xfd\xec\x10\x8d\x02\x1f\xc0\xf7\x1e\x1f|\x87`\xbb\xba\xd7\x95\xfb\x93H\x9d\xb8\xe9r\xc4\x08\x02\x93\x9e,\xbfx\xd5!\x948\x1b\x04X\xa2\xa0\xb8\x9f\x80R\xc8\x0f]\xab\xaeb\xc2\tqHQ)?\xbc\x82s(7V\xb6J\xf9!p\x81\xe0\'\xc6\r\xae\xa2\xa2\xa2\n\x1a\x05\xba\xc8\x9f\x8d\x1c\xdc\x81{}\xb9b\xca\x83@\x14\xdeM2\xca\x13\xddD\xe5\xedrdS\xdd(\xd2\x92X\xe1pBN\x86jC:\x9d\xdeB\xf4\x10h\x9dV\xf9\xd5\x9agu\x8d\xe4\x02\x99\x88\xedA\xee\x98z\xe9\xf1\x80\x1f\xdc*\xa2ax\x03\x17\xb0\xbe]\xa7\xff\xba\xb8\xd8\xf3^\xe7\xfe[M\xfd\xbcm\xdb\xdb\n\',\xff\xc7\xe2kq,\x91\x10\x13\x89n\xb0\xa4\x9e\xa9LfL\xa4\x90J\x81jam\xea\x8f?\x8f\x80K\xdc-\xb6\xb4*W \xc9\x1ee2\xe94p\x05\t\xc0b\xcc\xde\x9c\xb9\xf7\xfeZ\xbb\xaa\x08\xdc\xe5\xee\x04\xa9\x13\'\xba\xbd\x15\x97\x81\xb6\xed\x7f\xbb\xa9\xd6\x8b$\x12\x1c\x90\xe0\x0c\xba&lt;i\xe8\xd4\nGQm!\x92\x98x\xfc\xe2\xe8\xcf\x7f\xfdqq\xb50\xb86\xbe`\xb1g\xd2\x1e\xe0\xfa5\xf3)\xbdR\x14&amp;0\x84\xa3\xf3^\x9f\xb9C\xff\xbe\x12\'\x03;yp\x10\x85K#!s"\x1c\xeb\xf1\xfb\x7f\x98\xd3\x97\x94\x88\x00+\\l0\x00\x14\xf8\xd1\xf4X\x89S\x1e.* \x88\xc1\x8b\x97\xa4\x11\\H\x84\x0b\x8a\x8a\x13\xf4L\xda\xe5!\rk&amp;\xbd\xf5\x80e\x9b\xdcv\x9f\xdd\x95\x1d\xcaq$\x9b\xbb\x83 \xaf\x11\xf7\xe9\x98Q\xee\xac\xf3/\r\xd4\xe9\x1bK\xf8$\x96\x8bd:\x82\xe9I+K\xf0 \x8d\xc3\xe7"A\x03\xa4\x9f\x8bq\x82[\xd2\xae\xefB\x90\x95\xb4\x07\xb8\xa0\x9ciCA\x10\xb0&amp;\xbd\xdbwg\xd7H\x8a\x81te?\xe7\xa1Z\xd4\x8f\xdb\xbcX\xca\xc8U\xbf\xdd\x19\xe8q\xe8\xf5Z\x9c\xe8\x0e\xbb2\xff\x85\x90?\x05\x93\x83\xc8\x04v\xe1\xe2\xa3\xbefn\x81\xcb\xb3\xeab\xca\x9a\x7fi\xa9o\x96Q\x0c\x1e\x0fT\x94\x0ci\x86\x04A\xe0]&amp;\xef\xe9\xf2Y\x04\x97+M\xbc\xfd|,\x9c\xa9\xef#=\xe4\x1a\xbb&gt;rp&lt;3\xafr\x00Vx\xd0\x95&gt;\x02*\x88\xab.\xa4\xb4\n\xcczUi\xdf\xa2\xa6\xac\xa2\x80\xd9\xd2\x1e\x03\xed\xd4\xe2\xc1A\xd0\x86b\x03\xe4m\x8f\x01z\x88wy!\x90}\xdb\x15\x8co\xad\xf3\xf6\xf3\xb1A\xa5&gt;\xdd\x19\x19\x9d/\x91\x95\x0e\x1d\xf87\xeb\xe6Q~\x0c\x83j\xadN\x1dM\xc1Wz\x0c\x98\xac\xb4]\xa3M\xc5D\xa5\x8bB\x1dC\xd8\x82\xd0\x12\x89\xc1br\x9b:\xeeb\x17\x14{V=k\x05\x18\xd6\xd0\x15\xc8\xde\x1c\x1c\x0c\xf1\x83E\xe6\xf5\x93|\xec\xde\n\x0b\xcf\xeazf\xe9\xa9\xe6\xcd\x9d\xe5\xa1\x99:T\xa3\xc5\x88\xb0\x01ba\x9a\\\xc4\x87\xbb\xb1T\x0c\x17$\x83I\\\xd2\xe8\x98\xd7\xf9*\x92I\x1a\x90uw/\x0c\x16\xb3\xcd4\xb3\xc1\xb56N`\\H&gt;7;K\xa7"A0\xac\xbc\xcb\xcb^\x97\xfaaf\xde\xeb\x13\xb4\xcf,/\x1f\xffV\x87\xa2|\x10\xae\xf1\x87\x1b\x0bW\x11y\x91B\xc81,IK&gt;$\xc7O{&gt;&amp;\x1d\x11`I\x82\x14\xb6\xfe\xb2r:\xab\xc80\x9e\xc0\xb5\xb6\xed\x93\xeb\x83\xa5S-N\xa11\xbf\xe7%\xbf\x16\xbe\x1f\xea1\xd9\x19\xcd\xcf\xdd~\xf7P\xe7\xa8\n\xe5\xe2\x04\x88\x96\xc7\xc36\'\xc4$\x15\x1e\xe3r\xe8\xf6\xde\xf8k\x88\xd9\x97\xeb&amp;\xb0\xa3\x1c\n\x0b\xc3\xb0D\x90\xe6cjY\xc5\xc5\t\xbc\xc1\x94=q\x1f,gc\x14J\xd2~\x97\xa7\x8b(\xf7,\x1d\xd17?9vG^\xcc\xcc\xabU0]A\x83\xcb\xc5\x16`\x84\x05\xc70A\x03\x03Eu\xbd\xd9l\xe0&lt;\x9b\xbd=7=\xa4h\xb0\xa4\\\x84Y\xae\xf4\t\xf8e\x83\x805\xb9}\xe2\xde\xf1\x9f\'\xca\xca(\xbd\xf9\x89\xaf\xd4\xc23o\xb2K\xd5^;\xf0v7\xb29\xa7Vi\xb4\xd6D\xf1\x16\x1b\xe1R0.\x9f\xcb\xe0\xa1\xf3(:\x1a8\x87\x93\r\\^zm:\x94\x07\x0e\x1eEy6\x93):\xc6\xa7\xf7\'p\xce\x03\x96;@\x98\x99\xde\xbb\xfc,\xc1A\xb9\x02\x88\x0e\x954n\xbe\x1dx14\xa7V;@Q\xfb\xd9L\x8e\x9d\xcep\xc0\x81d\x03m[\xbf\xbc\xbd\xbc=\x8f&gt;\xfb\x14W2!\xecsx\x0et~tr6\xf0Z\xa05\x07\x01+p\xe2^\xf2_\x7f\xff\xfe\xfdl"O7\x19`n\x1c\x0c\x0e\xc2\xdfw\x0f\x0c\x0cu\n\xd5\x0e\x11t1\xc4\xb1\xdb\x19\x0e\xc8\xfe*h\x19\x18\xc3\xd0\xc3\xa2d%\x93\xd9cW\x98i,&amp;\xc2\x80"\xda\xbc\x818\xd3I\x0b\n8\x93\xde\x13\xff\xd2\xf2\x9b\xa7p\xf2\xb6\x0e\xa4~\xde\xe7!\r\xb3\xbbo_\x0c\x0c\xcd\x08\xff\x1e.%\xda;9\xaa\x82\xb4\xa1\xd1\nXI\xf0\xc6+\x99\xaf_3\x99\xaf\xcfB\x15\xb4d\x92E\x11 \xd0F\x1dT\xab\x9c\xcf\x02,\x1d\x89u\xf0\x94\x9a\xcf\xff\x98Q\x9f~\xb8&gt;\xbf\xfe\xf2\xd1\x1f\x01,\xb5z\x9e\x81\xe3f\xfb\xffh9\xdf\xd04\xf24\x8e\x97\xe0\x12}\xe1\x88[\x9d\x12\rf\xabW\xc2%\\j\xc0\x03C8\xba\xeaY\'\xca\x8d\xe0\x05\x06\xa7.t\xe4J\\f\xaco\x94Y\x0f\xc5\\\xddU!*\x8b\xe8\x19\x1aJ \x92\xaa\x1b\xb3I\xe0\x12z\xa6M!\xb9.\xdd\x98K\xeeM\xda\x86\x92%\t\xb9\xfe\xb9.lSH\xaf\xb9\xed\xf5\xee\xf9\x99e_\xdc\xbb[2\x0f\xe4\x85N \x9fy\xfe|\xe7\xf7\xfc\xe6\xf9\x85\x8c\x85\xb9\x8c\xb6\x9f\xc0\x06&gt;G&amp;\x8dd\x03\xa8q\xf4\x8aT\xaa\x81\xab:0\'\x9b\xa1\xc2\xb1\x92I\xd3~\xf9w\xd0\xeb\xdf+\x167NxB\xa3U\x1c\\\x0c\x8a\x87\x1f\xaf\x0c\xdd\xb8\x9d\x06,Q\xc7Y\x97+\x17\xe33h[\t\x8c@?8x\x87\xe4H&lt;\xc5\x10$\xdb}\xf1\x82\xdeh5\x84\xcb9\xaf\xaa\xed\xbdK.&amp;\xb5P\x08\x9d\xf8\x9c\rr=\xa4~ha\xe8\x96\xc1fV\x8b&gt;O\xf0\xee\x9c\x9b\xb3Y\x9a\xc3n\xfe~\xf2\x81\x9b~\xba\xb7\x16\xdby\xb6\xf3\xb4\xf0\xec\xe9\xeb\x85\xd5\xb8\xd5\xd3\xd5\xe3\x0f\x83\xfb\x94\x89\xcb\x1d.2\xb5W\xa8\t4\xfe\xb3X\x1cib\xe1\xca\xbe\x8fh\xbeD\xdb{\xf2\x9e\x8a\xd5\x91\xda9:j\x14\x9e\xad/o\x14\x96\x977\x1aw\xd6\x1b\xeb\x85\xc2\xca\xed\x9e\xde\x0cHl\xc0\xeb\xaa_\xee`\x98\xa5\x95\xf9\xda\xb2 X\xad\xc1\xbb\xb5+\xe3\x06\x1b\x8b\xbb\x94m\x01&gt;\x97KU\xbb\xfez\xf3\xd6\xc8\xce\xfc\xfa\xdd\xf5\x8d\xc7\x1b\xcbw\x1aw\xeel46\x1a\x85\xf9\x9d\xbd5\xd2\xe9teK\x81\x80\xd7]?+E\x8b\xc0bhQ\x10g\xb5\x0eoD\xc7\xa6\x1di3`I\xeb\xb4;\x170\xf5\x1b\r\xb3{;\x85\xc7\xc5F\xa3\xb0\xbe\xd1x\xbc\xbe\xde(\x14^\xafAB]\xd5u\xaaM\x81R.\xeb\xa2O\x7f*\xe5!\xe3k\x85\xa0X\x08\xacS\xe2\xa9\xe2\xc8\r\x07\xe8&lt;\xe6\xc2\xea%w9\x90u\x11\xfd\n\xcc\xbdvo\xf5\xf5\xce\xce\xb3\xe2|\xf4\xd9\xeb\xa3\xa7\xb9\xc9C\xd4\x16\xb28\x83\xf6GLL\xf9\xf4$\xc3-\x8d\x14G\x1aBM\xe2\x05\xe7W\x86\xe2\xe9L\x06W\xaa#\xc92`\xd1\xa4S\xd1\xa9\x1b\x90z#\x10\xaf\xd2\xd1\xd1f\xb2TOLN\x1e\x1e\xaa\x08\x9c\xf1fK\xb9\xb2\x9b\xc9\xbe\'e\xb8\xd9P\xb46%\xd8\xd8bce\x0c\x96\x82\x99\x8c\x12W\xd6K\xe5l BfXB7px89Y\xaf\xd7\xa1)\xdc\xda\xda\xba\xfe\x11pa\x04\t\xde\x0c\x94i\x9eI|\xaa$\xb9\xd5hM\xc0\xb1\xc5\xe5hm\xc8a3g\xd4$\x99-\xc5 Ht\xc6\xc6\x12*\x91t2\x81T~k\xeb\xed\xdb\xaddd\xf2P\x85\x91\x0c]\xcefi\x9aw\'Z0\xff\xd2^te]\xb0!O\xf1b\xb16v+m\xce\x80p\xf2\xe5X9\x92\x0806\x1b\x8e\x89\xa4\xb2D\xf2/M\xae\xa3\xfb\xc9\x84L\xa4d\x187\xda\x97\xa3\xc3\xbc\xdb\xa4T\xfb\xa7C!\xa1T\xab\xd9n\x14\xa2#\xe0.\x9b\x99$\xfd|\x98\xa6!\x8c\x8c\xd9\xacVAr\xd5amz\x84\xa8\x02&amp;\x17\xc3\xf3&lt;\x8d\xb0\xc2a\x9ev\xa9\xfd\xdc\xbdP\xad6%\x9c\xb7\x82\xf3\xf3\xa1+q\xa8E\xdc\x9f\xf1\x87\xd1[\x8c\xac\x89\x01\xd9WJ#\x89l\xaeTZ\xcb\x95i7\xc3qn\xda\x141\x99Lho\xce\xcd\xe0\xe4\xd2X(\x1a\x15\x0e\x0bJq&gt;ze\xdaa\xcb\xc0j*\x93\n\xa7x\xb7\xd7db2\xd0\x92q&lt;2\x8a2\x188.\xe56\xb5\xb5\x01\x96\x17Q\xf1pm\xb5V,\x84\x04\xc4\x1a.\x14\xe6Wn\xc4}Z[\xc6\x96\xa1Ra\x9ew\xa1\xb7w\xa4?\x9d\x06\xa2Q\xdf\xe8\xa8\x81K\x85\xb3\x89\xc4\xd9D$br\xf1\x00\xce\xf9\rKc\xd1bT\xc0 \xb6\x8a\x0b\xa1Bql\xdca\xb7\xdbl6?\xc5\xf1\x0c\x0f\xb1\x020\x06&gt;P\x14 \x85c\xd9l\xfd\xf4\xe9D\xa2-"CX\x94\xdfo\x98\xaeEW\xc6V\x96\x85\xcb-\xf1\xdd\x91Z4:\x14\xf7Y\x11\x97\x81\x0b\xf3\x0c\xed\xa5#\x89H\xbb\t\xaa.\x16\x8b\xc1\xb3\xb9\x04\nv6\x01_y\x19&amp;\xc5\x81\x1f\xe3\x0b+c\xabC\x02bA\xb71teld\xe1V\xdcg\x07KS)\x8eC\xe9\x15I$\x12\x81@\xa0T*%a\xe1|=Y\x87\xcf\x11\x13\xc3\xa0T3\x18\xa6\xc7\xee\xcd\xc6WG\x84\xf4\xd6\xfa\xf8\xed\xf1iXu9\xacV;\x9a(\xa0 \xebM\x88\x0b\xa0\x80(\t*q\xfdz=\x80\xca\x90\xe69\xca\x90\xf6\x19\xe2C\xf7\x96\x0c\x94\x90X\xad\xe2\x8d\xf1Q\x87\xe3\xd6\xd0\xb4\xc3g\xb5V\xad&gt;Tw \xe7 \x07\xd9@\xd3Q@\x95L\x06"^7\rBA\x19\xa0\x06FoO\x83\xa2P\xd3\x82b\xdd\x99\x86\xf0\xf9\x1c_\xddv\xdcD\x83\x95&gt;\x03E\x91n\xda\xed.\x97\xb3\xcd\x086\xad\x04\x89\x16s\xbb\xa1\x06|p\x13qX\n\xb1\xd4\xec\x98\x80\x95\xd8\xba&lt;\xee\xb3\x1b\x07\x07\xe7F\x1d\xa3\xe0/\x08#p1\xc0E\xd3\xe5\x1cJ\xadR\x0ea\x95\xcb\xb1\x18\x14!5\xea\x88\x83\xbb\xecZ\x16\'\x85\xc4:u\naU\x8d=\x95\x1e4H&lt;\xd8\xe4\x82@\xd2P\x86\xe5X)\xb7\t:_*\xe5rP\x92\xb3)\xd01\xf0\x14\n\xb6\x93P\x93K#BbM\xdd\x80\x9b\xaf\x1a{\xf3\x95\xc1\xb99\xabun\xee&amp;\xe4\x97?\x0cr\x15\xcb\x81mBo\xbd\xb9\xb9\x06X\xb10e\x00*4_eFcB\x82b\xb5.\x8e8lZmU\xdf\xeb\xf1x\xd0\xe1\xbf\xb99\xc0\xa2\x90\x8a\x02\xd7Zn3\xb9\xb9\xb6y\x7f\xb3\x1c\x8e\x85\xc3\x14\xb8j\xb0R\xd1k\xd1\x96\x04&lt;\x16\x85\xc4\n\x16\x1cv\xe8\xa5-\x17z=]\x1e4\x96\xd4\x83\xca\x11\xc9{,\xdc\xdc\x1dY{\xf0 F\xf3\xa9\x14\x88\xc3\xe8\xcd\x8a\xa7b\xac\xb2h\xa3\x84L\t\x8a5|\x17\xb0Xg\x7f\x93\x0b\xc0*\x83\xc0e\x07.\xee\x07\x8f\xe5@\x18\xc8\xa6\x8c\xfa\xa0]\xeb5V\xcd@\xa5Qc\x82\x06Q&lt;|7\x0e\xab\x1a\x965[\x8c\x88\xab+_\xa9@,\xed\xe9\xb4\xdfO\xf9I\xb4\x88`H&lt;\xe3O\xfb\xec\x83\x15OW\xde\xa8\xd5\xe2*\xf4B\x14\x13\xd0[\xe8\xb8k(\x0e\r\x19N\xb0\xfd\xdac\xae.O\xbe\x92\xaf\xa0\x92\x84\xc77,[\xf1\x8cY[\xb5[\x07\xf3p\xa5\xd7\x08\xb7\x80\xa1\x17\xb5j\xb5\x80X\xe2\xe0\xc6\xfd\xd2,`\x11j\x82`\x7f\xe0\xfa\x0e\xc0&lt;\x9e|\xcf\xa0\x15\x9d\xe1\xd2\x1b\xf5\xfa\x1e\x00\x85\xcc\xf3\xf4VQ\r*E"\xc0\xc2\xb9\x85)\xb1X\x18\x89\x9fz{\xb8\x7f8k`q\xb5Z\xa3Q\xe3\xc0\x05\x7f\x1e\xb8\xba\x10\x1e\x94f\xd3{]\xc7&gt;\x04*\xa3\x19&lt;%\x12IE*\x8c\x00\xac\xf5E\xd4\xbe\x9e\xf4A\xdd\xd6\xd6\x83\xe4\xfe\xfe\xfe\xaf\x8f\xb1P\xba\x10N\xc4u\xcc\xf2?\xe6\xc9\xe7\x81J\xadD\xe3]"Q_\x13k\xef\xfa\'\x8f^l\x1f\x9c\xec1\xa4\xd6\xe1\xed:P\xed\xeaf\rhW\x12\xf2X\xa5\xc2X\x8b\xfeG\xb0\xef~D\x82\x90\xf6\xf6\x9e1jQG\x84\xa8\x00\x0b\x82\xb8zC\xf9\xed\xdf\xbe\xfe\xfa\x9b?\xbf\x08\x9ed\xb2o\xffg\x7fww\xf7O\xd8\x12`\x11j\xac\xaf\xaf\xe9\x05\xed\x853\xbd\xf9|\x1eE0\x0f.\x02\x83\xfcB\xc7r\x8dZ\x16SJe-\x08K\xa4R\xe3\xd4\xd2Wq\xd5\xf7\x0f\x1f\x9e{\xf8\xf7W\'\x94\xfb\x90\x0f\xe2\x7f\xfd\x1b\xa8\xb4Z\x85z)mv\xb28\xd6\xd7\xf4\x84J\x07\nv|rYo4V\x8d\xd5*\x1a\xa5\xb2X,\xddZ\xa7\x06\xbaG\xb0\x96&amp;\x16\xebw\xd8G}Z\xdd\xcf\xbf}\xf8\xc1\x9b\x97\'\xb3\xd5,\x1e~y\xf0df7Op\xda_\xe2\x80\xc5\xb2\x1ah\xa4\xa5-2\xe8S5\xce\xee\xee\x8b\xdd\x17/v\x1f\xcfG0\x0c\x89i\x08\'\x98\xae\x0f\xa8Zd\xed-\x1d\x80\x85\xb3i\x9f\xb1\n2bs\xee\x7f\xf6|\xfb\x04\xfe\xdb\x00@\x1d&lt;z\xf3\xcd\xcc\xcc\xee\x19\x8dZ\xab\xc0\xd1\x8c\x06\xabS\xf5u\xb4 _H\x95\x9a\xce\xfe~\x85B\xa1S\x89\\.\xaf\xa9l\xf2\x82\x1e\x10j\x1d\x81\x89\xd0/\xb4K\xe4-R\xa5\x8ap\xda\xadF\xa3\xd5\xa8%X\xdd\x17\x13o\x0e\x82\xc3b\xf1O\x0f%\xdcRkp\xfb\xd5\xbb/ff\xce\xcd|\xa8W\x13\xfd\n\xf3\xa8\xdd\xd2\xef\xd4a\x80%\x97\xcb\xdb\xe5\x88K\xd1\xa9\xd3\xa8\x00\xb3=\x12\xa8\'$2Q\x1fT\x03D\xb9E&gt;99)\x91\x03:\xd6\xd9\x8f\x86\x8e\xab\x16\xadN\xf7\x8b/\xceO\xbc{\xf2\xe8\xc5\xc1\xcb\xa0\xf8\xa7\xf9\x0cEo\xfb\xc9\xf3\x89\xdf\xbe\xff\xc1\xb5k3\xfbz?\xa1\xf8\xd0b\xb5Z\xb4N\xc0\x10]\xba$\x97K$-\xa2\x01\x8dN\xa7\x19\xe8\xeb\x90\xb7\xb7\x9d\xfe2Yo\x93A\xce)U\x18p\xc2e\x89\xa4]&amp;UA\xa4\xf5\xfa*\x1ak\x1f\xb8\xfa\xab\x89\xdf\xff\xf1\xe3\x89\x89\xe7\xef\xde|\xf2\xea`\xf8\xff\x95X\x94\xe6\xc1\x83W\xff\xfc\xc7\xc7\xe7\xcf\xff\xe6\xfd\x9f\x9d\xbb\xf6\xd9\xf7z\xb3\xe2\x0f\x8a\x0b\x95\x1e\xa3\xc5\xd9\t1\xeb\x00\x10\x89D\xde\xd170\xa0\xc1 \xa8r\t`}\x99\x88\xc8P\xf9\xa9\xb0\xbe\x16\x99D\xd2\xd6\xd6\xde.\x13\xa94\n\x0b\x94\xe6\x7f)9\xdf\xd06\xee;\x8c[\xaau\x8err$\xcb\x7f"\xd9w\xd6)\x92\xea+5\\w#\'l\x07%\x9dC\x89\xa17_sp\x14&lt;1\xd7\xe77\xba\x81\x10\xd7\xbe\xd2Jh\x84o\xa0\xc1\x90_\x041\xef\x9d\x04\x1e\x8d\x06\x118\x83\xc2^-{\x13\xf4"`\xd0\x0b\xef\x8d\x03f\xb1!\x89c\x92\x98\x92\x90\x10\xba\xe7\xfb\x93K\xcb\xfet\xdd/N\x82lG\xfe\xe8y\x9e\xef\xf3\xfb\x9de\xe5\xdc\xdc\xc8T\xb1\xb8\xdf\xd0\xca\xa5\xb2f\x17\x9a^\xeb\xe8`\xf7\xe9\xff\xe5%A\xed\xde\xb9\xdf\x96\xd3\x9eR\xaa\xeb\xb2T\x91\x0f/\xbe{\xfe\xfa\xc8{\xf7n\x9c%\x17\xc7Q\xdfP\x83\x9e\x18\x98Y\x18_\x00VX\xc8\x0f\xdf\xfaK\xf2s\x01Xh\xb5\xc1\xa1Mh\x15\x87X\xa34\xaf\xef\xcd\xa3WRS\xc5\xad\x8eR\xaeVK\x00k\xb4Z\x9e\xd79\xd8\xfd\xf1\xaf\x06\x1f8u\xea\xe9\xe3\x97\x9dJ\xa6R\xc9\xc8JI\xab[\xe9Jz{\xef\x03`]\xbc\xf1\x0b`\x8dL\xd1,\n\xf8\xaa\x8208\x83,\x8d\x8f#JPk8Ns\x00\x92\x19?\xfc\x0b\xc6\x83C\x833\xe3\x93W\x80usllr\xa1\x98\xfa\xb8U-\xd5j5\xa7Zj\x98M\xb3\x15\xf5\x8e\xee\xfcH\xc1\x06\x06\xbex\xf5\xfcM\x071\xcfd\xa4\xb4\xd7\xa8\x965]\xaeH\xed?\xef\x9d\xbf~}\xfe\xcb\x1bg?x\x97\xbe3\x89L\xc3\xa48\xd2\xd5\xbf\x0e\xb9\xfaq39\x9c\x8c\x93X M\x84\xf1\xc1\xa0\xc0\x0c\xc5\xb0\xcec+:3\xb3\xbeU\xdco\x96J5\x9f\xcfW\xab6\x9aM\xd3$\xb0\x97\xbb\xd8,\x07\xfe\xa7{_&lt;{\xfe\xa6-\xf5\x96g6\xd5ZU\xd3\xa3\x99\x8c\xf7`\xef\xd2O\x8b\x8bg\t\x8b\xe4ZX\xa78\x81#\x91H\xac\xcf`\xf5\x87\xe3I\x0c"\xcaj\xb0\x9f\x06 \x19\x0f\x86\xfd\xfe\xc1\x99\x05\xc2\xba\xf9\xbb\xd1\xc1\x04\xb0:N\xb9JX\xbe\x9a\xd2h\x14LS\x96M\xaf\xf3\xf7W?\xfc\\\x10+\x84\x83#O\x8e\xca\xb4\xd2\xe9V\xa3a\xf8j\xe5:\xb0\xa2\xaf\xf7\xae_\xb8\x9c\x9a?{q~\x8e\xb0`\xa3?\x98\x87&gt;ap%\xfaa\xe5\x0c:\x03 \xe4"\x84L~\xab\x1c\x06qn~\xfe\xe7+\xe1\xa5\xf5\xe2;\xad*\xc3\xe2|\\\xa3\xd14\xbd\xb4\xd4\xa6\xf5\xcd\xe3\xcf~\x80\x0b\xee=~\xf9\xb0\xe5\xc9\xa6i\x99\x96\xae\xebf\xb3\xa1\x18|M)\xe8\x08\xd7!a\x15\xe7\xe8\x85"s\xac\xaa\x10\'`%\x93A49Z\x01z%\xfcD\xe5\xa7\xd4\xe5\x93y\xf2\x10;\xe7xj\xf1\xdc\xb9\x9f]\x15\x86\xfc\xebS\xaf\x1b\xa52\x89\xc5q*,\xf4$\xa4wg\x1bk\xff\xab\xbf\xfd\xb7\xef\xf8\x0e\x0c|\xf6\xf8M\xdb\xf3\xe4\x16&lt;7\xad\x82\xad\x18\xaa\xdaP\x14\x97S\x10\xae\x8c\xd4\xbet\tXSs\xf4Z\x9f\x11\x16\xfa\xc4P&lt;\x19H\x06\xf2d\x16\xecJ\xacB6\xb4\xaa \xc4\xe3y\xbc\x05)Y\x98\x87+ss\xe7\xc6V&gt;\x0f\'\xb6\xaec\x0e\t\x8b\xe3x[7\xe5\xb4\x94\xc9T\xb6\x19\xd7\xf6\x1fH\xb0\x81\xff\x14\xaaW\x07\xc8y\x9b\xb4\x8aZQK3T^\xcc\xba\xae\xa2\x8a\x8e\x8dp\xa1\xb9\xce_\xa6\x97_\xcd\x8d0\xac\xd4\x02\xb0\x82y\xa8\xb5\x86\x99#e\xfc\x80\xf2\x0b\x02\x95\xe8Z\x1e\\B\x0f\xeb\xcc\x95\x91\xc5_}\xf2\xbe\x10N\xa4.\xb7\xcaZ\x89Qqu\x1du(Im\xe8u"\xd8\x9d?\xfd{\xc2\x90\xf4\xdd\x17\xadL\xa6\xdd\x96\xd2r\x94\x96e\xea\x05[UU\xc3\x10}J\x81U\xc4\x85\x0b\xef\x14S#\'kj\x12\x1b\x10\xcc\x1a\x1eN\x06\x87h&amp;\xe3\xc1\xde\xa2\xbf\xe3yp\xa1\xb3\xfagp\x92\xc7\t{\xec\xaa \xc0\xc3\xfdf\x1db\x81J4t\xddBv%\t\xe9\xc2\xc4W*\xdb\xdb\x1d\x08\xf6/]1p\xea\xe9\xf3\xae\xda\x84Sm\xa9-\xc9Q\xab\xaei\x85B\xc1.\x98\x05\xa5\xa4rF\x81\xcd\xe2k\x98\x98\x1aY\x04\xd2b\xcfE\xec/\xf9\xe1P I\xfa@6\xb0\x9c\xa0\xe1\xc6o\xf2\x02\x89\x85}\x08\xa7\xc0\t\xe6\xe1V\xa7\\/1,\xd7fT\xe9\xb4\x877\xc9#\xd1\xb6\xdb\x9do\xbez\xf6}\xc1\x06N\r&lt;;\xe8r\xb9&amp;uB\x1b\x1d\x1a\xd5\xebe\xc50\xd4\x06\xc8\x9c\x92\xc2\x19v\x1d\x1bP\xba}\x19\xd9"\xa1\x16\tk\xaa8\x8ev\x82Z\x01\xe4~\x19\x9dE\xc61\xc9\xe2\xc9\xe1a6\xa2\xd8\x1dI\xae\x89\xb1Q\x88\xb5\xba\xf5v\xb3\xae9\x14\xf8\x9c\n\x0b\xe5\x9e+l\xc9H\x99\xd4\xeet^\xec~\xc7\xc5\x0ct]Ul@S\x0f\xdb2qi\xe5^\xb1\xe8\xd8\xc1|\x1c\\\x84\\\xe6~q\x81\xb252uej\x8aU*\xaa=\x99\x0c\x84@\x11\n\xd1P\xe6\x99\x83\xc9\x10\xdd\x8a\xfb\xd9A\x9e~pvb\x14\x07\xaf\xd5\xf5N]/|\x9a\xa3A\x00\x00\x08\xc5IDATQ7@,\xadl\xdbZo!e\x16b\x96\x96\xe5\xc3\xe3GO\x1e\x7f\xfb&lt;\x1a\x19x\xd7\xcd\xaa\xc0J\xa7\xa3&amp;\xc0\xe1\xb6\x8cI\x84\x85x\x1c\xba\xa69\x90\xab\x00\xb9\xe4\xd6\xc7\x14yV\x0f\xc0b\xc3\xb8\ti\x80\x15\xbau+4\x1c\x08,\xe7\xe3ky\xbc\x03Xq\xf2\xb0\x9f\x0e\xcd\x90\xeb\x0cZk\xf5\xafM]\xa31D\xb2\xb4\x92\xc3\x89"\xe78\x0e\xf6\x90\xba\x85\x8a\x94*\x87\x0f\xbe\xbcy\xd7}\xf2\xfc)\xd3\x8b&amp;\xb0\xebf]\x83\xe3\x8dhT\xb7\xa3\x15I\xf62\x99\xb4i7\x0b(a\xe8\xa6\x959\x15\xd5\x85GduN\xd4JM\xe28\xc3\xce3\xd8r\xc0\x10\x80m\xa1H \x12\x08\x04\xa0\x19I\x97g\xe7\xd2A?{\x95\xc8\xc4\xe8\xca\xd0\xd2\xdb\x0f\xebuf\xa1\xe8*Z\x95\xe8x\x0e{#;\x9fTv\x0e\xf7\xee\xcd\xde\xbe\xf9\xc8U\xbb\x07\xaf\xe8\xff\xf0\x82\x81j.\x07*NT-K\xd32\x95(\xa4\x91$\xb9i\x9b\x9e\x17\xad+\xa5R\xc9\x10!\x17\x94N\x9b\xfb#\'X\xf4s\xca\x93\xb41\nyfYr9\x10\x88\x84"\x91\x08\xa2\x16b\xd3\xe9_\x05\x15\nuttb\xe2\x93\xb0\xf0\xeb#\xbb\xae\xf8zb\x95JU\xc5.+\xe8Cb\xda\xc1:\xfc\xc9,\xd6\xcdG\xaa\xeav_\xec\xf6\r\x90\x81\xb9\x1c\xafB,Q-\xe8\xe5\xf4\x8eg\xa3\x10\xcc\xb4\xe4\xb5\xbc4\xb4\xc2\x03t\x14^\xb55J@\xb4\xf5KX\xb8HX\xe3\xe3\xf8\x8d=yh\rJA\xa5\xe5e\x80\xb1\x15A\xd4\xf2(-V\xad8\xef#\\W\x85\xe0\xfd\x06U\x16\xa8r\xa2R\xc5\xa9\xa4\xaeS\xd0\xc1DY\xde\xde#\xaa\xd9c\xa8\xe5\xba\xd9\'}0\x10\x9f\'rX\xf8S\xd3\xac\x9d\x8c]R\x1c\xc7.\xb4&lt;(\x86C x}\x8e\xc3C.\x13\x19\xb0:[\x80\x9aJ\x15\x814\x8e\x8b2\x08\x12\xcc\x03e8\xb0\xbc\xb6\xb6\xb6\xdc[\x10+\xbf\xe9_B} `\xc8\xd6\xe8\xa8_\xb8\xdf\xd5\x98V\\.gTkN\xb9\xce\xbc\x03\x91\x94Ah\x1e\xcc^\xbb\xb6\xb1q\xed\xb8KX9\xb7\xef\x85\xca\xe7\\\x9ecX\\\xad\xacWv@b\xe3\x0e\x0c\xdb\x94M\xdb\x10E1\xc7#\x99\x1c\xf2\xa0\xd3T\xeb\x9d\x85+\xa9^\xae\xfa\xfb\xa9\xd6\x87\x82\x94y\xa6\xd62C[[\xc6\xed\xa4\x80}[\x08"\xf6\x83H\xd7U\xe1\xfe#[\xe1\x98\x83Y\x15{\xb5\xa3EQ\ttr\xc2\xf0G\x0b\xaf\xafm\xfc\x03k\x03X&lt;\xa8r}\xa0\x12y:h\xf8x\xde\xa9)2,\xb4\x0b\xb6\x81\xa4a\xfa\x0c&gt;;=\x1d\xcba\x9a5\xb2\xb1P\xc0([\x85\xce\xc2\x18\xa8R\xc5ql\x81t\x9e\xa7\xc9\x8b\xf4\xec\xeb)\x16\x08\xdd\n![\xb8\x00\xc1e\x0f\xe2\xb5\x02\xaa\xae\xa2\xf9\xf0\xe8\xf9\\\xd6u\xaa\x1a\xaa\x941\xd1\x86biv\xe7\x8f\x1f~HT\xb3\xc7]\x91\x17s\xa2\xdb\x07*\x8e\x988&gt;\xe6\x96\x1d#S1\xd1U\xe8\x06\x83\xe7E1\x1b\x8b\xc5\xb2*\xaa!m\x95Y\xea\x01f\xe9\xcd\xfdu\x1a\xc3\xd4\xc2*l\xc2\xd1\x98\xf5\x01qE"\xbd\x80\xb1\x0e\xa3\xab\x8b!:\xd8\x84\x85\x950\xa8\xd0\x08\xb8\xcbl,k\x94\xad4i\x84\x9e\xb2\xea\xba\xa6\xa8\xee\xd1\xef\x89j\xe3\xda\xec\xed\xe3\xbb\xa2\x08\xbd\xc4&gt;XD[T.\x87\xcfw\xc4FE\xa2\x13\xa3\x89\x03\x8d\xc1\x899@\xf1\x8a\x8e\x07&amp;\xa1\xf59\xd7\xb0\xb14\xbd\xde\xe8\xacNb-\xac\xaf\xe2\x9a\xec;*\xc2\n,\xe3\x17\xde\x81# \xe4\xc2\xf1\x0bb\xbd?t\xbf\xeb\xab\xc2\x8d\\66\x1dS\x91\xaa\xa8e\xa1vpB\xf1qn6\xf6\xe8\x18T\x04u\x9b\n\x82p\xf8\xbel\x8e|\xcafOO\x1b\n\x9fmd$\xcf\xf3\x08\xab\xd9Tp\x80\xe0\x15\xcd"*\xdcO\xdd\xe1\xc1\xa5\x18\x8a\xad\xd9\xe0\xc2\xf5\xce\xcc\xfa\xea\x12,\x0c\x84\xe8g9OL\xa4\x15`bm\xd2e$6\xeb\x95p\xf0\xa8k\xd4\xc8&gt;\xa2\x12K\xe5\xb2\xad`\x90\x0ch\x91\xa5\xaf\xdd\xfdz\xa3\xc7t{v\xf6^\xc7U9\x95\xe3\xfb\xa6c\xd3o\xbd5\x8d\x7f B\x1d\xc2\xc2\xe5H\xabe\xb6\xbc(Y\xa9\xb1\xc3\x07B\t\xac\xb2Ot\r\xc3p\x1c\xdc\xa9\xdaY\x9a\xa1\x97\xda-\rm\xe6\x93\x91O?\xfd\x08M\x1aab-\xf7\n"\xbfI\x17\x91t\xdaY\xd9&lt;\x9a\xe6\x1c\x1f\xee&lt;\x16\x9b\x9eF\xb0\xaap\x13&gt;\xd0-\x12\xa4\xbb\xbf1\xcb\xa0nc\x18g\xf7qd\x81\\}\xa7iM\xc7N\xc7x\x11\x9a5$\xd9\xc4u\x12]*\xc9^\x14yd\'5I\xc6I\xb5^\xafr\xaej\xd0p\x00L}\xf8\xdb\xc4\x12\x12\x0f\xb9\xb0%\x86\xa8F\xbf\xb7\xd0\xf1d/.1\xfeY\xc6\xf9\xbb6n\x87a&lt;:\x11A\xa5\x0c\x8e&lt;T\x813u\xc0\x07\x1e\x0c\x02\r\x11d\xd0\x1fP&lt;\xc8\x18\xb4\xb4\x07G3\xc9\x93\xea@8L\xf1p\xdc\xa2,\x1er\x04\x1cn8\x19\xbadH\x0b\x9dn\xbc%\xa6C\x075\x81\x829\xdc\xc1\xbd\x80M\x9c\xa5\xc3\r%i\x9f\xe7\xfd*\xe7\x1c}c\x8b\xd8\x91\xe4\x8f\xde\xf7y\x7f|\x05\xf1\xe3\xef\x0e\xef\x1a\x10\xaf\x04\xd04\x83N\x92\xb8(\xf3\x0e?\x13\xbe\xf3\xad\xec\xc3o\xbf((P\xf5\xa1ypY\xc6\x9a\xae\xeb\x82\x85]\xb0_V\xab\xb7\xb9 \x01\x16$\x89\x1e\xcf\xa9\xf6I-\x8a\x91\x8b\xbd\xa4cIz\x80+\xedx\x8b\xc9\xa3\xcdo\xf0\xf3\x85h\xa9$\x92oQd\xa0\x92D\xc4(\x88\xf5\xdad\xdc\x08p\xf9\x88V\xc3\xd4\x1dc\x90\xba.&amp;\x1b\xe6\x92S\xf1Ps\xae\xbf\xfd\x04\x85X\xf6\xbf\x9e\x13\xcb"\x96N\x7f\xf1\xe9;#\xa1:\xa5\xb78\x07\xa2\xb6\xbc@\xd7\x86&lt;\x13,9Qn,KJ\x1c\xc0\x06\xc6\xc5\xf4GPmn&gt;}V\xbe\x17\x97\xc4\x11\xce#\x16\'\x9e\xad\xad\xe9\xb2Q\xc1A&gt;\x98\xa0\x15\x8f\xc3\x83\xa4\x18\xbaJ\x88\x91\xd7\xbe~\xa5\xa0@\xd5lBb\xb3_\xd1}\x80\xc5\xddM\xe52\xb8\xb5m\xc7\xf1h\x84\xf5\xeei\xbc\xc3\xc6\x0e\xaa\x1a\xdaO\x08\x0c\xb4~&lt;Q5\n0\xcd\xba\xb8y\xcd\xfb#p\xd7\x06\xbfcDe"\x9dE\xac\x97p\xe2\xd3\xc3\x9b\xdcD\x0b\xa9\x80\n\x9f\xd10\xd2\x01\x8b\x04\xd2\xde\xe8$\xe8e\xb5*\xa9v\x05j\xd8\x04\x16~\xa1\xb8&lt;\xc1\xe2!\xd8\xd2\xcb#;\xce\xb8P\x8a\x11\xb5\xdeNT}Q\xb5c\x8f\x01pP\xe6*\xda\x00\xd3H\xc0\xab\x17\xa7Y\xfe|\xf2\xd5\xa3\xc7\x9c\xae\xf6[J]\xe2\xb2\xd6\xd9Y\x19X\xdb[\x13P\xf9\x81\xa8\x8a\xbe\xd2R\xac\xa6\x07i\x82\x94\xd9Q\r\x11T+(:k\xb7/\xe2\xf2\x14V\x01f6\xda\xed\x10\xe3\xa0\xc7\x84K{X\x84U\xe3\x909\xecP\xae&gt;\xfc\xa4\t\x17\x1f\xf0\x9a\xd5\xf5\x17S\x04Q$\xafT\x8fT,\xc9\xe4\xb5\x8d\xc1k2\xceM\xc7/\xa0t_K\x88\xc5\xf1\n\xad\xc2f*]\xbf\x92\xfe\xac\xa0\x14U\x7f6\xf7\xb2\x90X",]\xac\x8b5\x05\xa6\t\xf4lt\xa2\x9d\xfa\x93\xda^\x17~\x92)\x17\xb9jh!\xcek9(7p\x81\xa0\x05\x177\x13\x0c\xf3\xfb\xc4jI$K\x05\xd6\xd6\xf6t\xa9\x9brEr\xc9\xcc\xc1\xc1@f\xbe\x08\xa9\xc4b\xf8\xc7\x97+O\xc1\xfa\xea\xd5\xbf\x1eV\xcc\xaa@((S\xf7\xda\x99\xefX\x89\x16\x80\xcd\x8d\xaa\xb5=\xdf\xe9\xba"uD"\xe8\xf4zP~\x88\xd2\xaf\x0c{\xe1\xed\xf1\x14A\x13\xac}\xf9\x1a\x9bubI\x00\x19\xb8\x86:\xbb\x89*\x9apl\x88l2q\xc9P\x93Y\xe6\x13T\xe1\xac~\xff\xef\x05\xc4\xbdf\x8a\xa6\xc8\x84m\x16\xfb\xa6\xef\x02\xcb\xa9\xb8Q\xdd\xce\x1c\xc7\xc0\xe9P\n\xe1\x1c\xb8\xef\xf8\x18`(\x13\xd2*\xd5\x03!\xca\xefn\x0f6\xd6QSi\xa5\xf5\xc3\x8d\x93\x93ry:\xd6\x8b\x1c\xa7J\xd4\xc5\xa1C\xdb\xb2\xda!V\xfd\xa7\xbf\x1exJQ\x01r8\x9c\xcdG\xa7\xd9\x1a\xeb\x89\xa9+\x9f\x99Yf:a\xaai\x81\xefF\xd0\xba\xe3\x1bi\xc2\x1a\x1a\xba\xaex?:\x06Y\xaa\xb1Y\x8a\xe2P\x10yt\xbe\xbcmm\x9c\x1d\xd0J\xcf^\x96ON\x0e\xee\x1az\xae\xdf\x9b\xe9x.oi\x89\xab\xc0D\xb0\xba\xfd\x0f\x19VT\xbb\x05\xd5p6\x1d\x9d\x8e\xd6D\xcd\x859\xb1gz\xbc\xcd\x13`e\xb2\x178\x811\xd0\xbaA\xc8A\x92\x8b\x13\xcc\xf5\x18\x</t>
        </is>
      </c>
      <c r="M7" s="3" t="n">
        <v>45492.67797453704</v>
      </c>
    </row>
    <row r="8">
      <c r="A8" t="n">
        <v>14216</v>
      </c>
      <c r="B8" t="n">
        <v>1974</v>
      </c>
      <c r="C8" t="inlineStr">
        <is>
          <t>Dimitri Payet</t>
        </is>
      </c>
      <c r="D8" t="inlineStr">
        <is>
          <t>D. Payet</t>
        </is>
      </c>
      <c r="E8" t="inlineStr">
        <is>
          <t>MEI</t>
        </is>
      </c>
      <c r="F8" t="inlineStr">
        <is>
          <t>MC</t>
        </is>
      </c>
      <c r="G8" t="inlineStr">
        <is>
          <t>MEI/CA</t>
        </is>
      </c>
      <c r="H8" t="n">
        <v>175</v>
      </c>
      <c r="I8" t="n">
        <v>10</v>
      </c>
      <c r="J8" s="2" t="n">
        <v>31864</v>
      </c>
      <c r="K8" t="inlineStr">
        <is>
          <t>Both</t>
        </is>
      </c>
      <c r="L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8726476-c5a7-4ad2-9c53-a61a86de40c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6\xb8\xa3X\x00\x00\x00\tpHYs\x00\x00\x0e\xc4\x00\x00\x0e\xc4\x01\x95+\x0e\x1b\x00\x00\x03\x00PLTE\xff\xff\xff\x05\x05\x06\xff\xfe\xfe\x08\t\t\x03\x02\x02\xf7\xf8\xfa\xfb\xfb\xfe\x00\x00\x00\xf8\xf9\xfc\xfa\xfa\xfc\xf7\xf7\xf9\xf2\xf3\xf7\xf0\xf1\xf5\xf9\xf9\xfa\xee\xf0\xf4\xd1\x98\x85\xf5\xf5\xf8\xfd\xfd\xfd\xd4\x9a\x87\x11\x14\x1a\r\x0f\x14\xe8\xea\xee\n\x0b\x0e\x14\x17\x1e\xc8\x8e}\xec\xed\xf1\xd0\x95\x82\xfb\xfb\xfb\xdf\xa5\x9d\xdd\xa2\x96\xce\x92\x7f\xcb\x94\x86\xd7\x9e\x8b\xc6\x8bz\x1d (\x17\x1b"$(1\xaetf\x1a\x1e%\xc4\x8e\x80\xf1\xf1\xf1\x10\x0f\x0f\x90WH\x0c\x05\x04\xda\x9d\x93\xf5\xf5\xf4\xc6\x86t"%.R46\xd5\x98\x8f\xb0xj\xbb\x80s\xa8oa\x9dcV\xb4ym\x89QC\x1f#+\xc2\x7fm\xca\x92\x81\x13\t\x08\xaaxn\xbc\x86x-1;\xb8we\xbb{k\xadqa\x89WI\xd1\x93\x8b\xb6~o\xca\x8e\x84Z98\xe4\xe6\xeb\x1a\r\x0c\xd0\x90\x86B((\xc9\x88\x80\xc1\x8a~\xe1\xe3\xe3\xe0\xaa\xa4\xb4rg\xa5eT\xa2hY\xea\xaf\xa5c@:\xd0\x9b\x94$\x11\x0eG\' \xdc\xdd\xde\xd1\x9c\x8c\xd9\x92\x85\xc2\x87y\xb5r^\x14\x14\x14\x9bi^\x8ed]}TM8" \xe4\xa3\x99=@DW0\'48B.\x17\x13\xcc\x8cz\x1e\x15\x17\x19\x1a\x19\xa5k^\xd8\x9f\x9a\xaf}q\xec\xec\xec\xc7\xc9\xc8\xd8\xa2\x91M1.\xbexi(,5\x82NA\xba\xbc\xbd\xabjXtOI#$"{E8,\x1d\x1e@!\x1a\xc8\x95\x8e\xa9rgqC5\x9e_P\xe8\xe8\xe7\x9bmf^7-\xe7\xa8\xa0\xd4\x8e\x80\xc3\x91\x86AEN\x95[N\xb4\x7fv\xb6\x84x7\x1a\x16Q( -.-\x98_R\xca\x85x\x84\\TG--\x80I&gt;&amp;\x18\x19\x8f]P\xda\x96\x8b\xf0\xb9\xb3\xc1\x81u\xa1um\xd8\xda\xdbm=1\xb2lZ\xe2\x9d\x93\xa2pe1"&amp;xK@mJG\xec\xb3\xab\xa1\xa4\xa3\xd1\x89x\xaf\xaf\xad\xd2\xa4\xa0\x94bUdAB\x94\x97\x97\xbc\x8c\x8c\xdb\x9d\x8ebfge:/\xab~\x7f\x90\x91\x90\x8a[]jFB\xb8\x89\x80\xd5\xd6\xd7\x90hljnn~\x81\x84796\xe1\xaf\xac\xd1\xd3\xd3\xa8\xab\xaa\xb2\xb5\xb6pI?\xcc\xce\xcf\x86\x89\x8bUYW\xd7\xbc\xb9wPS\xc0~\x80\x9a\x9c\x9d\xdf\x9a\x8by|{;+.\xea\xdb\xda}VX\xc2\xc3\xc2\x94NCrtt\xc9\x7fo\xeb\xe3\xe2\x98tx\xa8yx\xca\x89\x8d\xb6\x83\x86LOKS;B\x9ccj\x9aUL\xbeyv\xa6kti3-_`_\xe9\xd2\xd2\x81\\c\\?DH4:\x95[_\xaa[c\xf1\xc1\xbe\x8aOP\xc5uhbHJ\xf3\xec\xeb\xc1mbgOR\xb4w{\xa4ZO\xb0jj\x88B9\xef\x8a\xa1LQY\xa7gef%\x1e\xd1t\x85\xe5w\x91\xde\xcb\xc8\xd3\xb3\xadw:6\xbf\x9a\x96\xbe\xa5\x9f\xd4\x93\x98\xb5VQ\xb7qt\xbbcp\xd5\x84\x8aw-%\xc5\xaf\xac\xed\x99\xb0\xe4\xbf\xc1\x8c\x85\x7f\xf0\xae\xc1\xab\x8d\x90\xde\x8b\x9c\xbe\\`)P\xad\x1b\x00\x00 \x00IDATx\xda\xcc\x98\xdfk\x1a{\x1a\xc6\x1dg@\x10\xbc\xf0fX\xb0\xdd%\x17=\x9d\xd1L\xd9\x9c6\x95 l\xec\xc9\xc9b\x9a3$ewfH3\x17A1\x9d\x96\x19*1\x8c\x1d\xd6\x0cR\x9a]\xc7\x86\x1aB\x88\xbd(\x88,R\xc5\x8b`\x06\xf5\xa8\x17\x92\x05\xeb\xb9\x12\nzy\x16\x16\x0ee\xf7\xdc\xf4_\xd8\xf7;\x9a\xb4\xec\xf54\xddo\xf0G\xc6\x10?y\xde\xe7}\xde7:\x1c6\x1d\xa7\xd7\xe7\xf8?:^J\x96u\xca\xe1\xf0\xb9\x19\xb7\xc3\xe9\xf1\xf9\x9c\x1eY\xa6|\x0e\xa7\x13P\xbf\x1a\x15s\xda&gt;9\xed\'e\xa7\xcfMQ\x8c.\xbb\xbd\x94p\n\xd7(\xaf\xd7\xeb\xfbjX\x1eE\xd1e\xe1\xb4\x9c\xf4\xba)\xb6T+\xb1\x8c\xdc\x16\x18F\x17\x04\xca\xebad\xd9\xf35\x14s:\xf4&gt;\xc5\x9e4\xeb\xf5\x12%\xa3\x87bCP\x14\x19t\xf3\xb1\x82 \xc82\xab\xbb\xaf\x98\xc8\xe3\xa3(7U*\x17k\xe5\xf3\xa8\x1a\x1d\xd4zg\xc3n1\xd9j*\xba\xde?a\x1a\xc9S\x99\xf1\xf9\x18\xf9J\xd5\xf2\xc8z\xa3\x99Tz\xe3N\xa9\\1s"-J93\x17\xad\x0f*\xe3z\xad&lt;&gt;/\x15\x9bm\xc6\xe7vxt\xdf\x95\x1a]h\x9c\x95\x92\xb5\xc1Y\xb9\x13\xa5q\x9a\x16q\x02\xa3%IR\xa5\\.\x9a\xc3Iu8(\n:\xe5c\xae\x12\x8bJ\xf6\x1b\xb5\xf3\xe2\xa0{V\xc9\x89\x04\x86\xe3\x18\x81a\xf0@\x904\xad\xaa9Q\xcd\x91\x92Y/\xf5Y\x86a\xbdW\x87\x95,\t\xc5\x17\xe3(\x10H\x18A\x10.\xc2:\x80\xe5ra\xa4$\xe2\xaaI\xd3\xc0\xd5K\xb6\xf5\xab\xf3\xbc\xd3\xd7l&amp;+\xaa*\x8a8\x86c\x18b\xc1\\\xd6="D\xd2\x11\xe8&amp;\x9a\x95\xee\xb0,x|^\xe7\x95@\xf9&lt;\xb5\xf1Y\x8e\x14E\x1aA!\xb9\x00\rI\x86\xb0\\\xf0\x88T\x03&lt;\xb3\x02&gt;\xeb\xb0\x1e\xf7\xd5\xd8\x8bQ\xce_\xe4hx_\xa8\x1a:\x98UH\x84c\x89\x06\xb2\x11.\x0c\x97$Q\x12Esx\xae\xfb&lt;_\xd8_N\x86\xf2R\x8d\xe6`\x9c\x93T\x9cDZYbYr!\x9d\\\xd6A\xdfa\xa87\xe1\x89\xd4\xad7\xdd \xf0\x17\r\xab\x93d\xb3X\xab\x0f\xa3&amp;-\xa9\xd8\x856S\x90\xcf\x8e%\x9d%\x1f\x8eG\xeb\xe3$p9\xbe\xdc\xdc\xf6QB\xbbu\x165M\x119\x1a\xc3&amp;V\xfa\x0c\x8b \xfe\x87\r\'1\\$\x87=E\xfe\x82ry\x18\x87,\x94\xa3\x12\x8d,e\x89EL\x01\xa6f\xc7\xf0KN\x97HOh\x81\x8c\xee\xd6\xc7\xe7\xcd\x96"\xe8\xcc\x97hJh\xf5vs(\x92\xae\x0b;M\xb0 \x1d\\VL|R\x0b\x9e\x908z\tH!0\xcc\xb1iV:\xe5N\xb3\xc1R\xf6\xcb\x06\xc6U\xba\x12a\xe5\xe7\'\x8f\x13\xd8\xb4\x8a\x84E\x82.\xe1\xe4\x05\x1f&amp;\x91.Q\x95L3j\xd6d\xa5\xc8z\x18\xfb\xb9\xbc^\xaa\xacB\x8f\x91\x16\xd9\xa5\xa7\xac\xa78\x0eX\xe4T;\x1c\xbf0\x18\x0eS@4%U5\xd5s\x8f\xb3\xdf\x84i\xc4\xd8\xae\x967\x89\xfa\x0fa\xb9\xa6\xf1tY7\xf2B\xa0\xcfmo\t\t\x13\x9c&amp;\xc9h\xb4\xd2\x96\xdb\xc56,cN\xbb\x1bQ/\xc2\x86 b\x17\xefi\xcd\x1a\xd7\xe74\xd3\x82N\x15\xc4$\x89\xc6\x90\xba\x18\x89\xa9\xe6\xb0\xd4o(LR\xf1\xd8\x9c\xed\x82R\x1c\xd3\xa6JO\xb10|\xda~(\x08.\xae!f+M\xe1\x86f\xf6e_\xd0RnP+\xb6=B\x89\xb5\xd7X\'\x02\xdb\x1a\xbahx\xe3\x89\xdfQpMKI\x8a\xd6\x12\x01\xd7\xc8\xe9+\x04\t\x9e"?\xcb3\xc2evj\x9d\x92 \xf4\xed\x94\xcb\xe9\xa0\xfa\xedv\xa9\x8b\xd146)\xd5\xa5\x8b\x08\x8c\xb8X"\xb0\x8bR\xa2\xf1\x88\xa3\xfa\xa1\x9fF\xc9\x0b\x17\xd5Zo\xdc-*\xc9\xa4l\'V\xa3\xd3+\x9e\xc1,\xa4]\x17XS(4\xaf\x11#\xc2\x9a\xbc\x00\xf90Yx\xac4\x9b\xac\x178\x8d\xe7\xba\xe3\xee\xa0\x97,\xb6mLR\xb6\xd4)w\xd5\\\x8e\x9e\xf6\xfft\x08\x12\x91G\xf84.PDX\xb9\x85}#\x12\x88\xec\xd3\x9c\x04.\x1a\xc2C\xec\xf4\x86e\xa5X\xb2o\x9f8\xe9+\x9d\xee0G\xd0H,\xd2\xc2\x9a,\xa5\x1c\x17\x88DB\x81@(\x00S\x86D\x02a\xa4H\xe2\xd6d\x9ab\xe1V%\xe1\x1e\x8fv\xcds%\xd9\xb2-P\x99\xa4\xae\xc3\xe2^\x17-\x97`.\xa0\x08D\x02D(\x12\xe1"\x9c\x16\xe3\xb3\xf1\xadg\xa1\x10\x14\n\x0b`h\xa5\x01\x05\x03\x97\xa3\x00\xb3\xfa\x14\x17i\x8c6\xff=(w\x14\xdb\xc4b\x15\xaaqV/V\xe8\xa9\x00\x11\x8dC@\xd9xV\xcb\xc6\xf9L,\xa6\xdd?\x0c!T.\x02\x82\x91\xc8M@\x8dMsc\xb2\x93AQ\xf1?\xbc\x88F\x87e\xd6.\xb9\x1a\'T\xa3\\)\xd7\'\xee\x0e\x11\\\x96\x8bk\xbcap\xd9\x18\xcf\x01Z\x96\x7fu\x98\xcd\x06\x02Z\x9c\x08p\x01\xebp\\\x08\x9b\xa4-Z\xaci\xdc*\xbe\xda\xed\xc0_\xd7;\xb5\'\xe8\x9d\x8d\x86\xcc\x96\x86f\x17\xfdr,\x02o\x1c\xcaf\xaa\xe9\x18`\x191\x83\x07\xc5\xe0\xab\x1a\xe3\x02[\x1c\xf1\xe8&gt;\x17\t\x84\x0c#\x9e1\xe2\x87\x81I\x93\x92P^\xa8%-\r{\xba\xde:\xe9\'m\x9a\x8bBSg\x95\xf3\x1cJ\xcd\x10\x17\xcfr\x1c\x14\xce\x18\xa5R|\x9c\xafVc1C\xe33\xd5B5\x1b\t\xc1\x81\x0e\xc0\xe2\xc1\x1d#\x86j\x1bB\x16\x83l\xb5b\x0e\x93\x86\xb5\xbe\xa2(\r\xc1\x96\xad\x10\xb2\xb4\xa8\x08J\xbb\x0b5\x0c\xc5\xb7x#\xab\xa5\xd3\xa3\xc2N0ed\xb7\xe2[\xff\x88\xc7\x8d\xa0?\x98\x1a\xf1P\xb7P\xc0\x85\x81j\xc1T\n\xeal\x144\x0e\x1c7\xdd\x810\x92\xcc\x9d\x9d\x9c6\x93\xba\xa0\xdb\x94\xa6\x8dZ\xaf\xd4\x82\x1a\xe2\x87\xf75C\x8b\x1b\xa9|&gt;\x18\xfc\x90\x1aUc\xf1\x08\xc87\xda{\x9f\x1f\xc5\xb4H\x04LE\x04\xe2\x11\xad`T\xf9P$\xf6n\xa4\xf1Y.0\xc93\x9cV\xa3\x95V\xa3V&gt;e\xed\x9a?\x9e~eX11"\xf2\xec\x19t\x1fo\xa4\x83~\x7f\xd0\xffr~\xde\x9f\x1a\xfdZ\xf8\x10|\xf7\xde\x9f/\xf0\x90\x17\xa1\x10\x87\n\xc9E^\xfd1\xc6\x1b{)\xa30\xca\x86&amp;\x11\x06\xf9\x10\xad4\x07\x83\x9em\x9b \x94\xb1y\xd6\x95\xb0\x08\x9fy\x1a\x8b\x15R|\xc6\xbf\xbf\xff\xf2\xc1\x9d{7^[g\xf7\xfdzxam?\xa6U\x8dx\x1c$\x83\xd0\xc8\xbf\xfbh\xc4\xf6\xde\x7f\xfc\x98\x1ae\x03\xe8\x1fZ\x98\xe8\xaa\x14\xad5\xcb%\x9b&gt;\xaa\x05*\'{"\xb7r!-\xf3\xe6M5\xbd\x1342~\xff\xfe\xfc\x9d{k\x8b\xe1D\xe2_\xffL,\xee\xee&amp;\xb6\x7f\xbb\xfd\x00\x8c\x1f\xd3\xb2\xbcQ\xf0\xef\xbf\xcc\xff:z\xf7z\xf3\x97wA\x7fA\x8b\xa0\xc0#\xa4hn x\x93-{6\x1a\x86\xf28\x18\x16v@\x95{\xfa\xa77?f\xd2\xc1\x9dB\xca\xffr\xef\xc1\x8d\xf0\xed\xe3\xe3[\xb7\x16\x16\x16\x12\x9b\x8b\x8b\x89\x85\xe3\xb0_\xd3\no\xf6\xd7\xee\xbd\xcf\xa7~\xfe\xd9\xbf\xbb\xb9\xb9\xf8zoo/_\xd0\x0eC\xd0\x89RNm9\x84\xb2M\xa3\xda}\xaa\xc8\xec\x89\xd2\xaa?\xca\xc6\xd2?\xa6\xab\xd5|\nQ\xad?\xbe{\xfb\xe1\xc3\x99\x99\x83\x9f~\xbau\xeb\x18\xd0\x12k\xaf\x7f\xf9\xf0qwsauu5|o-\xbc\xb8\xb8\xb9\xb9\xf9z}}\xdd\x0fA\xc2A\xfe\xe3\xeap\xd0&lt;\xab\xe96\x8dj\xaaT+&amp;\xfbJ\xfdP\xcb\xa4\xd3\xa9t\xa1P\xc8\x83\xd9\xe7\xff\x03T\x0f\x0fV\x0f\x0e\x0e\xb6\xa1\x80\x07\xdb\x07\x0b\x89\xc5\xc4Z\xe2`uuyy\xf9\xe1\xf11p\x01\xd8\xee\xee\xfa^\x9e\xdf\x82$\t|\xd3\x1dT\xc6eVg){R^\xee\xb7ZM\xa5\xfe\x8c\xaf\x02V&gt;\x9fJ\xa7\xf6\x1f\xcc?\xbe\xfb\xf0\xe6M\x10f{{\xfb\xf9\xc6\xc6\xc6\xca\xca\xcas\xb8\xad\x1e/\xcd--\xad.\xaf\xce\x1c\x1f/\x84\x13\x80\xb5\xbe\xbb\x9e\xe7\xef\xbf\xe2\xb7B\xb9\xde)\xecG\xac\x97\x91\xed\xfa\xef\xc7#\xb3\x8da\xdc\xa8\x16\xd2\xf9\xe0N&gt;\xe8\x9f\x7f|\xe7\xc6\xf7?\x80*\x88\xe6\xf9\xf3\xa3\xa3\x8d\xa3\xd9\xa3\xa5\xb9\xa3\xa5\x95\x95\xb9\xb9\'s\xab3\x80\xb5\x10^\x08/"\xac\xdd\xbcv\xff\xf70&lt;+\xb0\x97\xfajE\xaf\xc3\xed\xb1-!\xd8\xc13-6\xc1\xda\xf1\xbf|\xf0\x97o\xefZX\xcb+K+\x1b\x1bGog\xaf_\x9f\x9d\x9d=:\x9a\x9b\xbd\xf6\xe4\xc9\x9fWg~3s\x1c\x0e\'\xa0\x8eH\xad\xa0\x16\x7f\x9a\xe1\xe3c\xca\xe1s\x9cvt\x1b?$\xa1Z\xddC&gt;SH\xa7v\xbe\x0bB\x8e&gt;\xbeq\xf7\xfb\xdb7\x97\x7f\x87\xb066\xe6\x8e\xae_\xbb6\x8b\xc8\xde^\xbf\xfe\xe4\xc9\xdc\xdc\xca2\xaab\x18\xce\x04+\x16\xd9*\xf0\xd9!\xeb\xf0:\x98\xa6n\x1b\x14,\xcd\xed\xfaV,SH\xed@\xbc\x7f\xe7\xff\xfb\xe3o\xff\xfa\xb7\x1fn\xde\\^\x823\xb7\xf1\xd6\xa2BL\x08m\xee\xbf\xac\x99\xedOZi\x1a\xc6];_\xb6\x891\x92\xc66*T?\x90Z\xaa\xac\x82@\x98J\x80\x83\x1a\x15\x87wm\x11\x11)Q\x0b\xad\x95\x9c\xd5Qy\xb1\x80Ak\xc1\xeaA;\xa2E\xc3\x88\xab\xd1\x16\xd7\xec\xd8\x1d6i\xb3L_\x1ck\xd7\x18\x9bn\xab;\xe3k,\x89Mfk\xd7f\xddL\xb3\xe9\xde\xc7\xee\x9fp\xee\x0f\x82\xca\x87\xdf\xb9\xaf\xfby\x9e\xebz\xc8\xbd(*)\x14\x8b\xe9L\xa0\x92\xfa\x01\x8bf+/w\x18j.]\x00\xac\xe3O3\t\x8c\xae\t\xd9?\xd4\x80\x86(\x8d\xc3\xe1\xa0\xb4\x90\xd6\xda9\xd3a\xe9\xb0\xa8\xa05&gt;_\x16`\x81\x86\xf0\x8a\xbf\x81f\x89q\xae\x01\xc0\x12\xc0J\x04,Nwy\xcd\xad\x9a\xb5o\xf0ah \xf4\x8e7\xfen\x85\x016xp\n\xbd\x08\x82\xe8\xee\xcd\xde~&gt;11\xa1R\xa9\xfe%\xca\xcd"K\x8e\xb8\x00J"I\xc3\xfb\x95+\x825\x89k\xa8\x91\xc1\xc8\xdbi\x837j\xfb\xca\xbfkH\x8d?~\xbf\x9d\xc8\xab\xc1\xf8\x84\x8fm\x86\xc1\x00\xe2Fa\xba\xc299\x9b;\xaf_\xcf\xce..ML\xfcM,R\x01\r\xe0\x90\xd3$sx\x01\xa3)W%:U)\xe0\x0b\x9b\x00K(\xa3\xa1\x8e\x8a\x8a\xbe\xaf\xef64&lt;\xbd\x90D\xe0\xf7\x8e\xf1q\xd9?\xb4\x19l\x88\x07k\xb1E\x8a\xee\xd4\xf7\xdd\\[^]^\xde\x99]\x9c\x9e^\x02)%8\xcb\xff\xa9\xa0\xc6\xe6\xc6\xc6L\x963\x95L\xa1\xccno\xe2\x0b\xdd\xe8\xa0A\xd9\xf8\xe8\xcf\x7f\xfc\xfe\xfb\xbf\xb4\x13x\xbf\x0b\x16\x02\xb0\x02\x18\x0b\xb1M\x95\x16\x1f;[Uu\xf6\xc4\x89\xcb\x97o~\xb7\xb6\xf3\xfa\xf9\x92\xc5\x84\x8b\x07\x1d\x03M\xc7\xa0\xde\xef\xef\x83\xc0\x13]W\x18\xd4#,\xaa\x07\xb59\x0c\xe1\xcd\xdf\xc3\x90^h\xf8*\x8e\xd0nU8P\x0f\x0b\xb5\x19j\xcf\xe3I\x1a7\xc1\xc7\x8e%\x1f\xab\x7f\xb4zo\xdab\xc2\xb1\xe6\xc6&amp;\x96\x96\x96\xa6\xa7\x9f/~\xae\xd9\xea\x1em\x9e\xcc.cP\xe5H`\xaa(\xbc\xf3\x14\xdf\xb1\xda\xef\'\x10\x88\x95\xf0\xb1B\x89hC\xf0\xd8\xa5\xad}\xf5g\xcf\x9f\xfb|\xab\x9b|\xb6\xbef\xb5zFe2A\xc7T\xcfo\xcf\xbe~\xb8\xba\xb6\xb6viysgggu-\xac\xcd\x93\xb3\xa8l9-\x10\t\x8fl\x1ea\xa5\xb6_%\x10+\xf5cc\x04\xd3b\x81\xa9\xc6\xd2\xd2\xd2[\xcb\xab\x9b95\xb8O?w\xbe\xb8F\xd9\xd3i1\xa9Lc\x12\xcb\xf5\x87#\xab\xb7\xfa\xaa\xaaNV\x9d&lt;y\xf9w7\xbf\xae\xbf3\x1e\x92\xb3\x84\x05B\x0f\xda\xdc&lt;\xb2\xd9\x80c%]%\x0c+\t\xb0\xee6FBZ\xc4\xd6X\xd1\x983\xfed\xf6\xf9\xf4\x95\xeb=J\x88\xd3\xe5\xb5\xa5J]~\x07L\x95i\xccR\xad\x1c\xcf\xe9+&gt;\x8f\x7f\xbfq\xec7\xc9\'\x92\x93\x93\xcb\x8b0\x8f\xb1\x00T\xd4\xe9Fv\xee\xe3X\xd9D\xa5\xd7\x84W\xef\xff\xf3,\xee\xaf9\x11\xad\x16\t(\x95\x11]\xf5\xed\x99\x8e\x8e\x8e3\xbc\x02#\x86N9\x1cJ\xdd\xf0\x8c\x05\xb8T\x13\xd7G\xc6Kk\xfb\x8a\xcfA&amp;&lt;w\xeel}_kMk\xdb \xc7S\xc0\xa6\x86zz\x9aw\xf0\xed4\xa1=\x93 \xfd\x1ew\xb99\x8b\xed\xdf\x16\x05`\xb4\x02\x11]H;\x9c\xdf\xd9u\xc5\x9a\x87\x97\xd1\x8d\xf6\xa2\xd8p\x99\x05v\tUG~\xb5\xce\xe6\xa8\x80\x90mP*\xc7WW\xc7GF\x8a\x1aa\xa10\n\x18Z]O\xf3\xdf\xbf\x8aK\xcd\xce\xcc&amp;\xea\xa0\xfe\xe7\xfc\x8a\xbdw\xf1c\x18\x91ch \x80iY\x1eN\x00\xc1BXH\xab\xc584\x04\xf5\x18;O_\x14\xa9\xc6L\xa7;\xadF\xf7\xd1I\xce\xe8\x9a\x99\x98\x81\x05\xf0dd&lt;\x82\x84\xa8\xcc\x02mO\xb5\xee\xc7\xabq\xf1\xbfM%lk\xd8?\x9c\x97\xb28\xb60\xc6\xc2\x10\x0c\x0b\x85PG\xb7#\xbc\x9aS\xda\xb83;[\xad\x03\x07m\xe5\x89\xae]K\x93\x98\n3\x98F\x1a\x8d\x86A\xfa`\xf3\xe0\xc8\xe4\xe5\x0fW\xeb\x02(\x96\xc7\xe3\r\x83\x88\x1f\xb3\x8foe\'\x11\x85\xb5u\xe5p\x97-\x95\xa2\x11,\x84`\xda\x10\xc61\xdc\xa8\xad\xadi\xbdS\x95|s\xf9\xc9\x93\xf5\x80\xa3W^p\x1aN\x9e\xb9\xb4\x92:\x81\xbb\x05N(\xcc\xeda\r[\xad\x0c^\x06\x8f\x11\x82\xfe\xca\x99\x95\xc3=\xba\xf0\xb7\xbf\xecw\x8c=N"j\xb4\xecow\xa5\xd2\xcaP3\x02)\xcc\xcd\xe9\xb5u\xdf(o\x0b/\xc3d\xb7\xfe\xe9\xfd\x93\x97\x10\x83\xec\xd2\xd3\xe4,\xc0r\xd1\xfd\x9c\x97\x83\xd8\xbd{\x0f\xc3\x0fg\xafc(b\x85U\x81 \x1e\x16\x9bg\xed\t+\xa7\x19f\xae\xd9\xb2E\x88\x0b\x8c\x8f{5\xffv\xd7,\x18\x08\x05\x10\x0e\xcd\x8d\xd8\x06m\x10~\xd6\xf7\xfe\xe1\xa8h\x1b\xff\xef\xfb\xe9\xdewh/Mx\xca\xe7#K\xb2\\\xdc&amp;\xf7K\x83\xa3\xf9\xc7K_\xd4\xb7\x96*m\x80He\xe4\x19\xf3\xe4B\x81\xb1Gi\x93-\xb8\xb8\xbb\xfcW\xf1\x04uk\xe5PF/db\x01\x18f\xbb\x9b\xe3\xc6\xe0u\xb8\xb3+\x9f\xe5\xb9=\x9d\xbfg\xc4\xdc\xe8\xbc\x8c\xeer\x91\xd3|As\x93\xdbp\xa3b\xf1\x0f\x8f\xbe(.\xae\xad\xa9ms\xb4\xd0\x00I\xd0$\xe4\xcbu\x11\x19\x98~\xd7\x81\xffA*1X\xcf\x8c\x872o\t\x1bAa\x9a\xe5,\x96\x11\xb2\x98G\xce\xe8\x84q\xa3Z\xdfX\xf7\xac\xac\xd8\x11\xd6$\xd9\x15\xe4\xfa\xe5\xe8\xbb^m\x8f\xa1\xa2(\xdc\xb3nh3\xb4\xf4\xd2\x9a\xc0\xcfk\xf8\xf2\x08BW\x07\xd5\xd1\xed\x03I\x02A#?s\xb8\xeb-a\x048\x1e\x8f[.7\x0e\xe71\xa8 L\x9e\xd1\xbe\xb2b\x97\xef\xed\x19Wb\xf3~\xaf\xdaG\x9e\x0c.lh\xf8\xd4\xf5u\x0f\xcb\xe3\x99\xde\x9f\xe8\x94\xad\xb8\xddnp\x10~\xc0\x92E\xb4\xa4Du4\xbaq`"(\x8de\x8f\x1d\xce{KX`\xb6Xn\xb91o\xd8Z\xc0\x04?\x0cNjeE\xc8\x16H\x9b\xe6c\xbbf\x97o\xf2\x08k\xdb,u\xaf\xbb=\xb2\xbc\xce2\x1e[\xe8\xd7\x80\x99\x87\x0c\xeb\xf7\xf3\x9b\x02\xda\x94t\x85^\rX\x04\x99\xe6\xa4\x07\xb1\xf9\x0c/g\x10\x81\'7R\x19VjeJ\n\xe5\x14\xddl\xf6K3(^s\xd3\xfc|\x137eR\xaf\'\xab\x83\x80e\x96\xb2\xec,\xf9\x1e\x9b\xc9\x96\xf2\x05\xf4\x8c\x8c\xca\x0c\xbaY\xe3\xd7\xf8\x03!J\xda\xcf\n\xf5\xf6\'bD\x04\x15\x7f\x99\x8fy\xe9\x1c\x1bB\xf3\x80\x19\xe8d\xb33(\x94\xba:/\x1dB&gt;\x05\xb0d\xf3\xbb\x1a\xbaO\xefT\xe8}\xae\x85\xed\xed\r\xae@\xca\x1e\xa8\x14\x8bKD$\x12)\xf1\xcb\x8cS\x14\xba\xc6\xcf\xf7\xa3\xda\x14}\xff\xa8z{\xfbW\xc26\xae\xbc\xd8\x00\xb7e\x10\xd6!\x1c*\x9d\x05Lz\x9dw\x81\xcb\xe5.\x04\x83A/\x9d\x0ff]\xea%;\x15\xa3\xfa(\xde\xaemn\x9dw C\x94\x05f\x95&lt;\x99\x9eH9U\x97H1k\xf8\x1a\xc4\xe3\xd5\xf7\xf7\xab\xb7\xbd\x8f\x89\xb25[]1&amp;\xffp\x8a\xc3\xb1\xe7\x15\xf0x&lt;\x90\x85\xbe\x00\x05T\xf0\x93k\x96\xfa\xa5\x85z\xc5\xe8\xa83\x1a\x8d\xc2xm,\xe0\x97%x\x1c"\x93\'I\x14J\n)\x9d\xae\xd1h\x90\xd8n\xd0\t"\x8a\xb6\x88\n\xd5\x993\x87R\xff\xdb)\x84\xe3\x112\xcb\xca\xca\xbe\x04\ta\x07RG\xd5\xae\xa0KD*\x11H\x05%zE\x7f\xbfb(\x1a\xf5\xc1\xdf\x82\xde ^.H\xb5\xd0\xae\xc4\x8b$\x12\x17\x86\x0b\x89\x1d,D\xf5\xae\r\tQ\xd7"\xf1\x99]oe\xbb\xdd\x0e\x04\xb1\x03\x16$\xe9\x92\x12_\xd4\x17\xd5;\x01c(+W,\x90\xbe(\xd1\x8f~\xc6\x9a$\xeb!1\x02\xf0\x11\xf7\xe4d:)\xfd\x1a\xa9\xce\xec\xd7\x081\xfb\xa7\r\xb5~a\xe3W\xc2\xe2X\xe6\xf4[\xfbJw7\x8a\xc0\xc4\x97\x9d9\x9d+\xca"\x0f\r\xe9\x15\n\xe7\xd0\xd0P\x9d\x14\xea\x85\x08\xef\x16\x0c\x17\xe0\xbaDd\xfc? \xe8\xe4\xe4\x10\xe8H\xbeF9\xc2\n\t?m\xab\x9d\x1b\xe6W\x84\xdd\x8bd\xcf\xbc\\\xd9=\xec\x0e\xe0X\xbc2\x95)+\xcd\tu\x84\xe5z\xb3\xb7\xf7F:\x90\xeb\x04\xac~\xa7O\xad\x16/lo\xf8\x14\xfd\n\xa7\x1e/\xb2S\x92v\x8d\x12\xe4j4B-s\xfb@\xad\xf7\x0b\x1e\x13v_\x93\xb0\xff\x8e#\x8cU\x00\x16\xb5\xa0\xacC5&amp;\x91($\x8a#*\xf5\x9b\x9f~\x92\xedI\x07\xb2\x9c \xe2(`\xb9\xbc\xde7+\x9a,\xf8eT\x81\x17|2=\xa5\x8e\xeb\xe7\x0fW\x97-\x1c\xa8\xb3\x0e\xc4\xcf\x88\xbbFz@ka\xcb\x1c\x11\x1c\x8b\xd9a1\xcd\xcd\x8dB)\xf4CC\x1fb\xbb\x82\x17R\x81\x18\xb0F\xf1n\xb9\\\xff\x0e~\x88\xc5\xcci?CA\xffF\x15\x122)\x11D\xa4j\xab\x0b7\x0e\xd4\xe2\x03\xd3\x16qX[\xd3\xeeJf\x04N\x1f!\x95\xcd+\x84d?\x877K?4\xf0\xee\xdd\x87B\xf1\x8b\x01Q\xda\xe8\x11\xd6\xffx7\xe3\x9f&amp;\xd24\x8e\xb3^\xf6\x17s\xae\xf1\x92\xbd\xc0\xdaZ\xfd\x81\xabx@\xa6\x140b\x1be\x87N\xe8\xb4\x8b\x81\xa2"\xda\x99\xb2\x17\xad\xb6\x9ec6;:W\xce\x1b\xd9\xc6vw\xa5c\xe1\xe8fi)\xbbb\xaf\xb7\xd7kk\x13\xb9\x0b\xd9\xa5\xf5\xb6t\xcdB[\xa9-G\xa1HJ\xe8\xb2\x06QP\x16P\x0cr\xf7\x96\xbb\xfb\x0f\x98{hJ\x7f\xfc\xe4\xfb&lt;\xef\xf3\xbe\xcf\x9b\xef\xdby\xa2\xbd\xb3\xbd\xf5\xc1\x8b{\xdfs\xfe\xf8p\x83\xac\x9b\xc3\xddP\xab\xb2\x8d\x96\x82$\x1e\xf8\xbc\x7f\x13\xefkv\xcc\x8b\xf8\xf2&gt;\xc5\xbb\xb7J+\xf3\x85\x92z0B\xb7dkGv\xf9\xf1\xbdVX*\x93\xc1\xbd\x0f\xbb\xbbG\x1ff\x97@S\xd3\x89#\x0b/~\x90\x81\xa5\x99\xc5\xaa\xe3\\\xd8\xbd\xeb\xcc\x81\x0fK\xdb,\xad\xdf\x7fy\xe2\xe4\xc5\xa7\x9by\x8b4\xea\x15\xf3\xc9\xab\x00+\xbf\xd9\xc0\xe7\xd5s8\x1c\x90Ax\xf2\xf1\xc2D\x00^\x84e\xb2\x9a\x87uu\x0f\x01V\x13X\n\xed\xadW\x1e/|\xfe\x11h\xb0\xd9,rw\xffb\xd7\x99\xc3\xa5J\xdc\xfa\xe5?v_\xfc\x817\xb8\x996\xae\x01\xbe\xb0\xdc\xb3\x81UZ.\x97\xd4g\xafI\x05\xf0\xcc\xe3\x91k3K\xf1x\xe6\xc8\x8c\xac\xb0\x13lx\x9d\xed@\xac\xce\x15\xb8\xe3\xc7\xc7?\x1e\x92f\xf7\xa3\xee\xba\x0b\xdb\xdf\xd9u\xe6P\xe5\xad\xbe\x92\xa6:\xe9\x87\x17\xe77\xf5\xcem\xaa^($\x15\x1f\xb4\x9dk\x06\xc5%\x07\x9dK\x00\xc3\x8d\xfbF\xf6\xcfffR\x97G\x16&amp;gZ[\xdb\x9b:?Z\x02\xdd" \xe5\n\x8e\\~q\xa5\x03\xe6\xb6\xb4\xd4\xd4\\\xa8\xc8\xad\xd8\x93\x9fo\xea\xdb^\xd7\r\x1f\xd2\rn\xaae$g@\xd7\x81_\xfd\xa0My\xae\xa4\\\xd8\x98\xbd1\x95J;j\xf7\x95\x892\xe1\xd9\xc9\x85\xc9Xl&amp;~\xa2}ei\xb2\xebF* \xe0j$\xf9\xfb\xf7\x1f\xd9\x03sA\xb2\x1b*rs\x8b\xf3\xf3I\x92S\xd7]\xef\xed\xdfd\x97\xd4\x8e\x81\xf9\x10\xda\xd5V\xf6_,\xa9T"\x91t\x94\x88\xc2\x16\x9a\x8e\xa5b\x89X\n\xc8\x14q\xba\xc2\xae\xa8^\x02kt\xfa\xf2\xeb\xb5\xe52\x01h\xf1\x00\xabQXi%M\x85\\\x8e\xa0g*g\x93c\xcb\xce\x9b\xc1\xdf+\xcb\x94%%\xe5\xf1\x8d\xfbx\t\xacsF\xc3\xb4;\xe4\xf7\x87\xc0\x006\x99\nG\x9dQ\x97+\x1a\x8d\xeau \x84\xe7\xce\t\xe1?\x1764T4\x8a\xc1\xa8\xaf\xa0\xb9\x9c\xa6\xc2\xd1\x9cM\xc7\xca\xf9\xdb\x9d\xabJe\xaa\xb9\xa4J.\xe1\xf1`\x1eO\xa7\x8b\xba\x86\x92c\x103\x96\x86P\xd4\x1f\xb6$\x93!\xbb\xdf\xe7\xa3-Q\xa7S\xaf3\x9e+\xcf\xdd\xde\xc0\xe3\xf1\x00U\xd5-D^\xd7\xc2yU\xc4\x02\xd6\xf1\xf7\x7f\xa3T*\xad"\xa1\xa4\xa1\x01\xae\xd0;\x9d\xaedr\x1aR\xa1*\x94P\x9dV9B\x0e\x94@U\x10\x82\x8cy\x92I_\xd8\xa9\xaf:\xb2\x87\xd7\xd0\xc0\x93\x1b\xb5U%$\xa2\xe7\xf4\x8e\xb2\xe0n\xde\x92\xf3\xde\xfb\xc7\xda\x944\xdd\\\x05*\x9e\'\xf7\x0e%\xa7\x83\xe3\xc3\x0c\xe3\x80\x18\x07r\x0c\x85\x10\xd5\xc7\x10\xf8\tA\x0e\x87\x03\x1a\xf3\x85\xbd\xf2\x03\xb9@\xab\n\xb1Q\xab\xb5*\xbe\x1a\x1d\x98b\xc3\xaa\x0b\xb0\xee\x9b\xfb\x94V\xab\xa8\x8a\x0f\xb0\xc4\x96\xe9\xe0%5c\x0f\xe1\xa9T*\x91\x99MMN\x8e\xdc\xc8d\x121\xb7\x1f\x0b\r\xdb\xa8\xb4\xcf\xc5/\xce\xad\xe0g\xb1\x0cF\x0c\xf9+k\xbe\xd3\xa2o\xd5\x08f\xb5X\xb4B\x19,0`\xe3f5\x14\xb2D\xa3\xce\x883\x12\x91JWVd\x8b5\x1c\xcd\xa2.`\xa0ITm\x9b\xf6y\x8b\x8bs\xc5\x15|\xb1\xd1\xa8\xc5\x89/\xb6\xb1\xe6\xd1\xfd\xfb\xa7(\x0e\xb2\x08\xaaK&amp;0\xf8\x83\x14c\xc7\xe8Xlvfvbbfyyn.\x00"\x1e\x0f\x04\x0cJ\xa4\xfa\xa0\xcdo(.\xae\x10\xcb\xe5b\xaf\x97F\xee|\xc7\x9a\xd9z\xdb\xed\xfb\x94\xc2\x84)\xe9fa\xbc\xd5@\xa2H\xe8/\xc7\x8e}\xb2pcrb#\x96A,--O\xa4\x1eLN2\xd5\x07O\xa7\x8d{\xce\xbc\xb3G,6z\xb58\xf3\xcd{\xec\xbd\xab\xf9\xc3Wf\xc2Cb\xb4H\xd8\xd1at#\xee0\xf6\xbb_S\xbe\xa1\xd7\xcfD\x89\x99\r\xb0\xa5\x0c\xe8Za\x1fr\xfa\xf4\xd1\xa3*\xc4\xb0=wW\xae\xd8\xa0\x15a\n\xf4\xdb\xf3\xacam\xc9\xb9\xf9)\xaa@\xec\xb8Rd\x94\x19\xdc\xa1\xb0^?;22\xf4\xba\xff\xe9|\x7f\x7f\x8f\xbe\xa7\xbf\x7f\xbe\xffi\xff\xcb\x9bw\xfd\x9f\xe0\x8a\x8f\tD\xb4=\x97\xcf7Xi\x8cd\xa8?\x15\xb1\xa5\x15\xc0\xba\xfd\x8d\n"\x10\x844Y\r"\xda\x1d\xae\xe7\xc9f\x1eL,/\xf6\xf7\x0f\x0c\x0e&gt;\x1d\x98\x9a\x1a\x18\x18\x9d\x7f\x99\x98\xb87!\xb1*&lt;\xa4\xb6\x82o4\x8aL\x18\xae\xb0]\xba\x99\xc3b\xec\xbdK\xa1(D(p\x93\xd2\x10\x0e\x01,y|\xa3\xd6\xe7V\xd7\xd6zz_\xbd\xea]]\x9f\x9b\xfb\xd7O?\xc9\x1a\x8cn\x93\xc9\xc2\x97[-&amp;\x13fg\xd4\xc1\xdf\xb2\xf8d\x0b\xec?\xf7\x01\x17\x03yH\x13\xed\xc6\r\xf5\x02I`\tP=y\xf2\xe4\xd1\x93\xff\x05\xe0\x8a\x0b\x04\x12\x91\x1b\xb7\x88E\x98\x894\xe1\x90J\x9d\x1e`\x15\xab\xe8k\x80\xa5b\x10\xc8n\xf2\xe0\x99\x88@"\x0f,\x05V\xd6WWW\x1f\x81X]\x03\xff\xe7\x96\xe3p\xa1@G\xe3&amp;\x0bm2\x91$\x89\xa8\xd4*l\x90\xcd\x07n[r\xbe\xbb\xa3bT\x84\x02%\x1cvL+\x17H\xe5\xa0S\xcd\xad\xff\x87\xea\xd1\xda\xc0\xe8\x1a\xc0\x92r\xb9\x85^\x9c\xc40\x12\xc7\x15$\xc9\x98\x0b\x10\xd7\x14\x9bX;r&gt;\x1b\xa6\x08\xc2\x81C(\xe3\x00\xbb\x1e,\xe5\x8b\x85\xf1@d%\x9b\xbd,\xd7\xe8\xda\xfa\x1c\xac\x01Gj/\xe91\xd9\x1d\xa4\x07|\xd0Sj\xfb3\x96\xb1\x06\xa6\xcd\x04\x84t)\x08\x94\x18\x0bY\xf4\xb0Dn\x10i\r\xf1x|nneee}}Q \xd0\x14r\x0ba\x8b=\x14B\x14`\xdb\xb6+\xa8\x02H\xf9|/\xbbI\x1c\xc4\x08Uv)"\x0c\xc3\xd8-\xfa\x06\x89\xa4\xb1Y\x99\xc2\xdcn7\x06\x0e\xa8K\x01\x19\\\x0f\x0b\n\x0by\xb4\xc3\xef@\x10\x14\x01b\x15\xa0\xb4\xe8y\x11\xcbXt\x97\xca\x86\\\xc5=\x0c\x04\xd9\xb3j\xc9d\x81r%n\x07\xa7\x1b\x08B\xfcn\xda(\x81\xc1T$\xb1x\x14\xe0\xe4\x85(HBm\xc3\xc3\xcd\xcf\xd8\xc6\xb2\xbc\xab0\xab\x90\xae&gt;@\x01\xf9\xf4\x020"\xca\x1a\xe3\xcd)\xdc\x01!\x10\xe2!\xe9\x80\x04\x88%\xa8\x0f\x8f!\x08\x81\xf4)\x14\x94\xdan\xd1\xd6\xb2\x8f\xd5\xd6F\x98\x99&gt;\x9c\x00\\I}\xd6\xee\x00\xa6\rY\xe3L\n\xe4q6\x91\x01P\\\xf0\xa7\x1bB\xb2r\xe2\x8a\xa0\x9a\xc1\xbc\xff\x0f\xack\xb7pT\x8d\xb4yT(\x14r\n\xb2N\x8c\xac\x19#\x02\x0e\x80\x99\xc8"\x87\xd3\xc2\xe1rZj\x9cI\xc8\x06\xd9As(`LacI\x19\xfbX\xfb\x94V\xbbZE\xf61A\xc2\x1f\xad\xd7p7\xfc+\x9aE\xc0\x05\xa8j\xeaj\x00YoO8=lC=\n\xc4f\xb6[\x8c\xda\xfc+\xcf\xb7\xb1\x8eU\xdb\x8c!\x14D\x12\x14\xe1\x19\xd2i4\x1a.W\x13Y\x8cD\x12@,MMo]KK]\x8f\xcb\x0f\x8dS*\xc8\x11\xa4\x1c\xb4A[\x95\x7f\xfd%\xab/\xdbv\xec&lt;\x9e\xc5\x12)\t\xb3\x83\xa8VA~\x97S\x07\xca+\x12\x88\x06\x96R\x00\x0bpe\xad#\xcf\x92\x10\x13\xa4P\xc7\xf8\xa9 f\x14\x1b\x85\x95\xd7^\xb2\xf9\x10p\xe7\xde\xcfnb\xfb\xcaJE\xcd8\x15d\xaa\xcd6(\xe4s:\xa3\x99L8\x96I$\x02\x81,XDR\xdf\x13\xf5C\x8c\x99B\xd26\x9bC$\xf6\n\x0f\x9f\xbc2\xcf\xe2F\xbd\xf5\xad\xdb_\xa7\xfb\xf6\x955\x8bDV\xd2F\xa9\xb3\\\xfe!\x9f/\x01F\xfdX\x0c|\xc7\x02\x91h\x06L\xd6Cv\xc6f\x0e\x0e\xdb\x82~\xcc \xe77\x1e&gt;Y\xf6\xb2\x885\xb9\xb6\xe6\xe5}q\x87\xea\xbbV\x9b\xaf\xd5\x8a\xb4vuu\xf5Au\x10\x1a\x9bN&amp;c\x89,\x94;\x95\x88\x86c.\'\x98\x1f\xd3\xc3\x94:HQ~\xadQ\xcc\xcb\xed\xc8b\x9d\xdf\xcbJum\xd9\xf2f^\xde\xed\x7f\x9e\xa2\xba\xae\xd5VV\x19D\x06\x1aQ\xff\xf2g\x05f\xca6&gt;\x96v\xfb\xdc\t\x9f\xdf\x9fr\xb9\x92!\x9f/4\x1e\x1c\x1b?{\xf6,e\xb7\xc8\xf9|~\xe3\x01\x80\xf5\xfa\xf8[yy[7[\xb17\x7f\xbe\xf7\xfc\xdbyo\xdf\xbdt\xf4\xea\xfe\xeb\xb5\xa5%Z\xa0\x97\x1b*x\xe3\x8d\x83j\x9b\xf9W\xc1t:\x9d\x1c\x1b\xb7\x87\xdc\xc944\xec\x18\xff7+\xe7\x16\xd3Fz\x86a\x12:\xd6\x8c=3\x1e\x0e\xc6\x87tm\xb0\xb1\x81H`\t\x1b\xd7q0\x87\x08\xc9Q\x05\x8a\xd0\xa6\x05y\t\x89(\tkA\x1c9\xdefi\xd8.\x178\xd0*\xca\xa1\xd2.\x95\xb0\xaa(\xec"Q\xd1\r\rR\x83H\xa8"\x12E\x88\xde\xe4*ts\xd5\xbd\xe4&amp;H\xb9\x8bRU\xea\xfb}3\x06\xf7\xa8l\x92/\xe3\xb1A\x89\xfd\xcc\xfb\xbd\xff\xfb\xffc\xcd\xe4f\xfe\xf9\xa5\x81\x81\x9b\xdf|9\x1d\xaf\xab\xab9r\xa4\xa3\xb3wp\xe9|Bu\xd6\xbf\xd7[`\x15\xb5\xa7\xc7\xe6t\xaa}\x0f\x8e\xfe\xf4\xd3c-\xa9p\'\xda8:7x\xfd\xc0\x81\x03\r\x97&gt;\x1e\xc8?\x7f\xfa\xf4i&gt;\xff\xed\xdf\x9e&gt;}\x8e\xd3\xff|\xfeQ\xbe\xa1\xe1\x11i\xd5\xed\x895\x01\xeb\xa3O\xbe:\xfd\xc7\xf3\x16A\x93\xeb\xdf\xdfm\x93\x8a\xad\'\xa1\xca\xb2\x9a\xb8\x9d?\xfe\xdb\x8b\xc7z{{S\x9d\xac\xd7\xe93#\x07J\xab\xaa*\x03\xe3\x8f\x1e\xe5G\x02\xf9\xfc\xf88\x00\x1f\xd1-\xe0\x08\xf7/g\xba\xa7b\xb1$\xa8:\xda;O\x1d\xbe\xb64+\n\x8a&lt;&amp;7\ne\xef\xc7\xe9\tP\xa9\xaa\xb3g\xf3\xf8\xd9\xcf\x08+\x95\nO\x00k\x14gZ\xe3t\x81OU\xd5\xc8\xcd\xc0\xc0\xc0\xc7#\x03\x03\xf9K#\x03\rUU\r\x17\x06[\xef\xd4M\xd1\xf7\x80MMG\xda?:\x91\xba\xfa\xcb\xc9\'\x92\xa0H\x92&amp;\xab\xf2\xbb_\xcdr\x08P\xac\x95\xaa&amp;\xee\x1e=\xfb\xd9\x8d\xc3-)\xeabs\xf3h\xebD\xeb\xe8\xb5\xeb7\xe9.f\x12\xadj\xa0\x01\xfb\xd2\xd2\xd2\xaa\x863\x1fR0L\xd5\xd59\xce\x9d;\x07\xac\xf6\x13\xe1\x96O\xe6^\tfA\x01\x98 ;\xe5w\xe2:x\xa8&gt;\x91\xb0%\x12\xa0\x92U\xa7m\xe5\'\xbf\xfa\x14Xt\xed\xbe\xdf\xdf\x1c!\xc1ZO\x9d\xbe\x90\x1f(e2TCCU\xc3\xc8\xf5o\x06\xa7\xe3\xf1\xee:O\xcc\x8d\x02V\xc7\t\x7f\xb8\xb73\xfc\x92\xb1t\xaew\xf8\xa2\xeb\xa0\xa2B)\x9b-a\x83T\xd4\xc5\x85\xf1_\xdc\xb8q\xe5jK\xd8O\x15\x89\xc0`\xad\xad_N\xfe\xe1\xeb\x1f\xdf\xe4;V\x8e\x1e\x1f\x19\x19\xbf\xf0\xe7\xc9\xd1\xee\xa9)PY\xadV\x97\xd5JX~\x7f8u\xa2\x93\xb0\x04E\x14\x15\xc1b\x91\xcb\xde\x1a\xaa\x9e\xa1\x9c\xb6&gt;\xc2B9\xb3\xd7\x7f}\x91\xb0R\xfef\xa8E\xd5\xda\xca`\x83?\xff\xfa\xc2\x853g\xe9\xf2\xb2\xc1S\xa33SS\x08\x06\x8f\xb5\xdc\xearY]\x06Vo\xfb\xc4K\tX\x02ci6\xe7\xdb\xa5\xab\x01\xc5XN as.\x7f\xfb\xb3\x1f]\xbc\x82&amp;\x12\x93?\xd2\xec\x9f@\xb5\xb6\xb6N\x9e\x9a&lt;58\xf8\xd5\xb1cs\xd3\xd3\xd33wX*O9S\xe9M\xf4\xfbS\xa9\xf6\xd1,a)\x8a\xa8\x98e\xc1\x96\xb0heo1\'\xdbt(\xc4U\x02XN\xc6\xeay\xf6\xfb\xc3\xc7\xae\xb2\xb7\x9a\x01\x85.N\x84\'\xe6\xe6Z\xa9\x9a\xa7\xe3\xc9x7\\\x8e\x8d\xa4\x82V\xe8\xa1\xcbM\x96?\xd2\xecO\x85;\xa6\x96%\x85J\x00\x96f\xb1XT\xf5\xfb\xa5~\x19E\x82\x0e\xc5j\xcd\xda\x80\x044[\xe2\xef\x1f^\xb9BX\xe1\xce\xe6\xae\xaeHss\x84\x1e\xa33X\xbb\xcc\xc4\xbbi\xa2\xf1\xf4{\x80\x15\x83\xa5\xac\xe5,\x97\xfb\\\r\xb0"\x9d)\x7f\xc7\xcc2i\xa5`\'h\x9a\xd9l\xd6(\xf5\xbf\x87\xa7\x9c\xb6}(`%f\x81\x06\xd5\xb0[\xfd\xdd\x95\xde\x96\xde\x14aE"\xa1x\xa8\x8bn\xc5 u\xc0\xd4M\\\x1e\x14;\xbd&lt;]]]\r.w\rr+\xd4\xe1Ou\x9c\x98\x9c%\xcb\x0b\x8ce\xa6\x12,\xaa\xb3\xf1\xd0\x1bB\xc9\x04\xc5\x0e\'\x90=,p\xd9\x12\xb3\x7f\xfd\r][\xc3M\x0c%k\x1c\x0eG\r\xedb1B\x8b\xc5&lt;\xd6~\x94\x95\xa4\xaaNW\x97\x13\x17a\xc1\\\xed\x9d\x1d-\x7fQu*3,o\xd6K{\xc3N\x96\xb1\xd1\x9d\xb2,c\x0cST\xb1\xb9\x08I\x87\xbc=\xd89\x11\x0eO\xc0\xf3\x91\xb8#\x06\x1eWLG\xc3k\x8f\xcb\xd3_N\n\xb9\xd0?hEd\xacVS\xa8\xa3\xdd\xdfy\xed6\x0fD(&amp;\x9aY-}gy\x83N\x92\xa9t(\x8dLiAX\xc9\x89\xf3\xd9&gt;\x16\x0f\x9b\xdc\xf3\x8f\t\xca\x06\x7f\xa7\x1fj9&lt;\x1e\x97\xdbj\x8d\xc5\x1c\xc9d\xd2\x0167\x9a\xa7\xff\x81Z\xe9\x0f\xd2\x10\xeb\\\x13\xd5\x17G \xd6\x98BX\xe8\x9d\xc2D\x9a\xb6\'\xd8\xff\xef$\x86\x1f\xad\x13\x18J3\xb8fo\xdd\xcd\xe5\xeeY\n\xa5-\xdf\x19\xed\x82\xdb\x81\xd6\x15O:bt\x05\x90\xc3mu\xe9\xedt\xbb]\xc8\x04\xc8\x04\xa6\x1f~\x90N\x97\xbbt\xaa\xa6dS\xc7\xe0y\x13\xfb\x1d\xc1\xa5h\x04\xa5\x15\x1a\t\xb0\xfa\xff\xddI\x85\xa0\xb8y,\x15\xed\xe5\xb5\xfb;\xc1\n{`C6&lt;j\x16\xb4\xf5;\xf1x&lt;\x14\x01V(\x9e\xac\x89\xb9\xdc\x98ah\xe0A4\x1e}\xe5i\x9cc\xd0\xb5\x0f\xe8\xa2\xd5\xed\xa8i\x82\x8e\xa8\xb9Wf\x93\x9e\x0f\x8a$h\xfbZ\xd1\xb3f\xa1\xd9\xfb\xbf\x81\x1d,k\x04\x94\xaaS\x91\xad,\x82\xdc\x93\xdd\x18\n\xda\xed\x01o \xf7\'c\x0c\t\x82$\xaf\xdf\xc1\xea&lt;\x14ABt\x85jH/\x17s\x19~\xaaN\xebD\xd5\xf8\x99\x94&lt;GC\xc2\xe1\x0e\xbd\xac7\xf1tH%h\x05\xad\x84\x02\x17\xc0,\xff\xf1\x7fb\x95a\xf8\xb1\xa5d\x8b\xcc{\xb3h[{\xb88\xec\xf5\x05\xa2^o\xc0\x17\\\xd0\nX\x82\xe8\\\xc7*\xaa&amp;\xde\x15!.\xe8\x15#\xd3\x93\xaf\nl$Y59\x8c\xb0h0\xb8\xad\xdd/?7IR\x81\xcab:d6\xde\xcf\x96\xb6(U\x00\x00\x05\xf0IDAT\xb0\xbe\xc6\x03\xec\xdfc\x9f\xc6\x9a\xcaP\x8c\xa59\x97WWrA@\x05\x02&gt;\xda\xec;\xcb4\x8aD\x91S\xa7~\xfd\xb2\'V\x17\xef\xea\xd2\xb9\x1c\xec+v\x96\x9b\xb3\x9d\xfcU\xcea\xea\xa6\\\xc5\xc0\xf4\xbc"*\xbd\x14q\xf6V\xd6fRt.\x11v3\x9a\x89\xd8\x97\x85\x7f\x11\x0cP\xaajHe\xd1\x12Yv\x94\xbd\x02UY\x89\x9d\xcf\x17]\x92\xcdFD\x0b\xa24\x06.O]&lt;\x14\xea\xe285\x12\x82\xc4\xa2\x15\x83\x95e#\xb7\x81\xcbU]\xdd_~yw\x9fJ\x92\xd4\xfb\x99\xa1\x15\x80\xe9r1\x96.\x9b\x86\xd8\xb7\x14\x8fI\x95\xa9\x98\xc9\xf6diq\xd8G&lt;(\xac\x87\t\x0b5t\xde\xa4\t&lt;\xa1\x89(\xd2\xcb\xd3\x9dL\x82\xec\x0b\x1d\xabF\xc7\xa2\xd0\x82\xd7\\\x8cE\xc2Y1*O\xae\xd7\xefS)b6W\x9b\xc9\x0cm\xac&amp;DeO\xaeB;\x01\xa6\xed\x0b\xc6H\xb2&amp;X\xfa\xee\xdd\xcdE\xed\xbe\x80\xcf\xae\x8be\xf7\xa1\xecx\xb2/\xf6H\xbc\x86\xc3\x02\x00\x87\xd8\xf8\xe2\xe5T\x9d\xa3.\xc9\xc5A\xef\xf0Xu\xa1\x88\x8bGf!\xbev\xb7\x1b\xf7\xa9\xc4\xb2\xd9\xc5Z\xae\xdc\xdd[=f\t\xbdT$\xdd\x1b:\x17\x92\xf2\xd0&gt;\x96\x8a&amp;\xd9\xd6\x16v2v\x92\xc7^QY\x80"&gt;B\x0c\xac\xd8\xf0\x16\xa2\xa27R\x12\x1e\xbf\xba\x8c\x99\xb0FGr\x90\x89\xfa\xfby%c\xd5\x9d\x0f\xe1\xca\xfb1.\xe7_\x8cIET\xa6\x9e\x95\xb6L\x1bU\xa6mh\xf1\xd6\xac\xc5$\xc1\x15\xc6\xcaB\xb7\x18\xd2\xd5\xb0&gt;\xbc&amp;\xf4\xacn\x0e{+\xf4\xd6\x15\xaa\xb2\xaa\xd4xQYY\xbb\xe0\xd4m\xcf\x91(Ic$\x18&amp;\xc3\x98\x07\xf3\x8e\xdb\x1d\xe3k\xdat&amp;\xce\x87\xfe~(5\xbf\xbee.j\xa0P\xd6\xb3\x92\x89\x06\xa3\xbcA\xb1\xb6\x9d\x855\xb5\xcc$rr\xf0\xf1bXb:R\xf5\xe9H\x10\xfa\xee-f\x0c\x8f\x17\x8ay\xf8\xde\x05\xe2\xaa\xa8\xa8]\xb2If\x0cF\xd1\x08\n\xf3\xe7\xeb\xf3\x97=V\x8f\'\x16s\xbb\x10\x13\xbct\xa0I\x9a\xd3\x8bj\xf7\xf5\x96\xb2?\x02\xb1A\xab\x0c\x05\x0e\xb5!\x10\x88\x12[\xee~6A\xc7\xca\xeb\x1d\x81\x15\x13\n\xd6_~\xf8 J-\xa3\r\x0fJ\x85\x00\xfd\xf3\x00\x9b\x8c\xfb\xe8\x0bT\x047\xfa\xc4\xbd\xf8"\xc5\x94\xb1\x17\xbb \xf3\xc4\\X6\x00\x90\xd7\x0f\xe9t5\x1e\xe9\xf9\xdd\xd7\xdbc\x10\xb5(\x18\x14S\xdf\xcap\x9b^\x19\xa3\xe0\xb1\xfb\xcb\x1a!\x0b{Q\xa6\t\x82\xc5I+\x9e\x1do\x05\xe3PE\x83\xc1\xda\x0c\xff\xbb\xb6L-\x9ek\xf1sm\xd4\x0b\xdd}\xde\xbb}R1\x17&gt;\xd5\xf9\xf8\xc5\xfa\xbc\xc7\xd3\x9f\xee/\xae\xf9\xf5\xd7\xdb[\x16SQ*\xd0P\x91\x967\xd9W\xc3(}\xd7\xd6\x96CT`\x96c\x7f\xed\xbd-[\xdf\xe6,\xa9`k\xfb\n\xd2\xeaX\xd4\xfb\xb6ab#4`y\xbd\xc1\xc55io\x1a\x12iU.\x99\x84\xfa-\xa0\xed\xce\x9f&lt;\t\x1e\xba%jw}{\xeb\xbb\xc6"\x9fK\xf47\xa1\xed\xdab\xad\x97\xbaA\x07\xef\xc5\xb1\xc3\xf4\x1b\xd9\x042\x1e+\nM`\xf4\x02\x18[\xbfD7\x13\x1bk/\x16\x881\xca\x05\xad\xbc\xde(\x8b\x16}\x96\x95\x0b\x82\x898\xb5\xe2\xd3&gt;\x93\xc9\\\xff\xdd\xd6\xe3\xc7\xdb\xdb/\xb6\x1fo\x01I4\x15\tE:\xe1\xe3L\xce\xd5\x078V\x1c\x1c\xe6X\xa8\x10\x18~\xb6\xf20;\x8bU\x1c\xcf\xc345*\xc5zA\xb1\x92*&gt;\xfd\xe4*\x9c\x88\xb2\xcb\xf78\xa9\xb9QJ\x9b`\xeea!\x9f\x89\x8cS\x1a\x1fl"\x10\x9a\x9bL\xa6b$\x83\x8a\xba\xdd\xb7\x94\x1b\x1e\x1a\x1a\xca\xa1\x86\xd0\xbe\xa1\xcd,N\xf3\xe84Cu\xeeg\xf9\xfe\xc4K`%&lt;\xea\x98\x87\xd1~\xa0\x9f\xbb\xd3o\xe8\xec]\xcfzlv\x90E\xdb6\xd6\xcc\xc5\x0e\xe3\x84\xd5W,4L\xf9eq\xfb\xa85&amp;9\xbb\x98\t\x92\'r\xb9\x9d\x1d&lt;6Wm\xa2D\xcb\x07\x08C\xab83=\x11\x18}\x19`LIBI!\xa6t\xbcR\x8a)\xfe.\x81\xbfR0~AX\x01\xee\xe5\xce\xad\x84\xb8\x07E}4\xc67\xbd\x80uE\x8eGzV\n\xcc}\x0b\xb9Lm\x14\x03=@\xbe\x1d~\xf0pV#ep\xc2hV\x8c#\xd3\xdf\x81~0\x12L0\x97\xd0\xc7\x16%\x96\x11_{!Va\xd7\x8d\x8a\x98\xa1aZ;\xbc\xf9D\x13\x8b\x06\xa4\xbe\xb2\x10\xd8k\x18Px\x10 \xbcG\xe2I&amp;\xdb\xbdE\x8c\xbc!\x8c\x9e \x8c\x95\xdbX\xf8g\x17f\x8c\xda0\x10DQcX\xb1\x96\x14!\x08*\x8c:\xd9\xfd\xb6{\x03W\xae\xd3\x0b\xb5.\x8c\xaf\xa0{\xa4\n\x04R\x18\t\x84@\x8d\xab\xe0\x13\xe4\x0e:F\xfe\xff+\x83\x93)T\x08\x84&gt;3\x7f\xde\xce\xec\xe5\x80\xb2\xa9d\xa0\xa7\xa1x\xc8\x0b3\x8f\xd1}\x80\xba2^\xa9B\x0f#\xd1K\x00U8z^\xc5\rX\xde9)\x12\x9d\x01\xc1~H\xad\x8d\xff\xd0"\xc8\xa34+4\xc2\x1f\xa6\x8cL1v-qP\xd7|\xcc\x1fC\x91\xa4\\X\x16Gi\x12g,\r\x18\xc2lJX^mK\rK0\xdd\xbb]\xe5\xd16\x94\x0188\xf9}\xef!\x11\xca\x9c?\xcf\xd3i\x0b:\xe4\x94\xf6\xac\xce.\xc9\xc3\xfbr\xbd\xd9\x0e\xef\xdd\xdc\xc0Q-$5u{\xbflm.;%\xb9\xee\xa6B\x84QA\x0b\r#KN\xe3q\x13\xad**\xa8*\xf2]`\x00U&lt;\t\xbag\x8e\x9c\xf8\xe0\xbd\xe6\xd4\xc0\x7f6%I\xf8\x96\xa1\xed\xcc\xffPI\xa3\xb5-\xae\x97~\xae\x99\'\xf6\x1f\xe0\xd9NC\x86\x7f\xc6\x90\x95\x9b0\xf9\x81\x9b\xe9\x93\xbe\xe5\n&amp;\x9d\xdan&lt;\xac\x90\r\xfc\x9d\xbct^(8\x87r9\xc9c\xe2t\x10I1\x02\xb2\x01[x\xec\xf3\xf6}-\xf2P\xb1\xe5iu\xb4\xbd\xa4\xc7a\xfc\xfa!\xc7u\xdc0W\xcd|;f\xba\xcd\xe0FAQ\xf4}\x9c?\xb6\xac\x90\xb2T{\xf3\x1d\x9f\xf4\xbf,\xe0\ro\xb8\xe6p\xff\x00\x00\x00\x00IEND\xaeB`\x82'</t>
        </is>
      </c>
      <c r="M8" s="3" t="n">
        <v>45492.67884259259</v>
      </c>
    </row>
    <row r="9">
      <c r="A9" t="n">
        <v>17785</v>
      </c>
      <c r="B9" t="n">
        <v>1961</v>
      </c>
      <c r="C9" t="inlineStr">
        <is>
          <t>Fábio</t>
        </is>
      </c>
      <c r="D9" t="inlineStr">
        <is>
          <t>Fábio</t>
        </is>
      </c>
      <c r="E9" t="inlineStr">
        <is>
          <t>GOL</t>
        </is>
      </c>
      <c r="F9" t="inlineStr">
        <is>
          <t>GOL</t>
        </is>
      </c>
      <c r="G9" t="inlineStr">
        <is>
          <t>GOL</t>
        </is>
      </c>
      <c r="H9" t="n">
        <v>188</v>
      </c>
      <c r="I9" t="n">
        <v>1</v>
      </c>
      <c r="J9" s="2" t="n">
        <v>29493</v>
      </c>
      <c r="K9" t="inlineStr">
        <is>
          <t>Right</t>
        </is>
      </c>
      <c r="L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26a262a1-4e20-42e2-99c1-c445bd6bfa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aa\xd1,\x00\x00\x02\xfdPLTE\xff\xff\xff \x1e#\xcd\xab\x9c\xaa\x7fj\x18\x18\x1b\xc8\xc2\xed\xcf\xad\x9e\xfe\xfe\xfe\x1c\x1b\x1e\xcb\xa9\x9a\xcd\xc7\xe9\xa3{f\x98r]\xa3xb$"#\x93q^\xba\xb0\xe2\x96ub\xfc\xfb\xfc\'%(+(+\xa7|f\x9dt_\xf8\xf7\xf8\x9a\x8b\xd4\xc6\xc0\xed\x8dkW\xca\xc4\xef\xbc\xb3\xe6\xad\x83n\x9eyd\xaawe\x89hU\xaa\x9c\xda\xa5r_\xc0\x9b\x89\xc5\xbf\xea\x8co_\xc9\xa5\x95\xd2\xb3\xa3\xb6\xac\xe4\xaf\xa5\xde\xb3\xa8\xe1\xac\xa0\xde\xbb\x88\x7f\xc1\xba\xea\x9f\x90\xd9\x86dR\xc1\xb7\xe4\x91o[\xaf{j\x9awc\xa1m]\xaf\xa2\xe4\xd1\xaf\xa1\xb2\xa6\xe6\x9e\x8f\xd5\xc8\xa3\x92\xc7\xa6\x98\xa6vd\x94nX\xb7\xac\xe0\xcd\xc8\xf2\xc4\xbc\xe6\xa2\x94\xdc\xf5\xf4\xf3\xb8\x86y0-1\xa6\x98\xd7\xae\x86s\xbf\x8c\x82\xa3\x94\xd7\xd3\xcc\xe8\xbf\x9e\x92\xbb\x95\x85\xd4\xce\xf0\x9e|i\xb5\x82u\x98\x88\xd2\x82cS\xc0\x90\x85\xa6\x99\xdd\xc3\xa0\x8d\xbb\x9a\x8f\x97yu\xd1\xcb\xed\xb5\x8e|\xb1\x8ax\xa9\x9d\xe0\xd6\xd3\xf9\xc4\xa2\x92\xb2\x80o\x9b\x8b\xd9\xaf\xa2\xda\xb9\x8cx\xcd\xa6\x97\xb6\xaa\xe8\xac\x9e\xe5\xbe\xb5\xec\xb9\xad\xee\xa3\x94\xe2\xc0\x96\x84\xa8\x9a\xe3\xa1}v\xc2\xa3\x97\xb5\xaa\xdd\xba\xaf\xe8\xc0\x93\x8aM@;mWP\xd1\xcd\xf6\xc9\xc1\xe6825y_X\x89`J\x94\x84\xd2F95\xba\x92~\x8feO\x86j\\\xca\x9f\x96\x8ftc\xa2\x80m\x9dhX\xc5\x95\x8b\xf0\xee\xed\x13\x14\x17iQG|[J\xd5\xb7\xa8\xc6\x98\x90\xd6\xd1\xe8VE@\xa2\x8a\x84\xb4\x89s\xad\x87\x7f\x90\x81\xd0\xb3\xa6\xdc|bS\xc8\x9d\x90\x98zk&gt;8&lt;\x8c_U\xb4\xa7\xec\x85oj5-+D&gt;?[ON\x8alc\xbf\xb3\xf4\x8fqh\xaa\x81t\x81`N\x8ed[\x97mb\xbe\x91~\x98hT\xaa{p\xd6\xd2\xf3\xc5\x9b\x8a\xc4\xa7\x9es]W\xa4\x85~\xd0\xb4\xad\x9e\x8e\xdf\x97sk`HB\x94cU\xe3\xe2\xe2\x95g^&gt;41\x93kP\xc9\xac\xa3\xb0\xa2\xe9\x8etp\x9b\x83}\xb5\x96\x8bvqo\x9cmh\x80_ZuVQrWI\xc4\xb9\xf2KDF`ZZ\xb6\x8e\x83\xbd\xa9\x9f\xdc\xd7\xebv\\Q\x8b\\M\x81TH\xcf\xa5\x9f\x85VP\xb0yz\xf0\xef\xf7\xa5\x9c\xa2\xa3xpua_jG?\xc6\xbc\xe1wHE\xd3\xbb\xb5\xeb\xea\xed\xec\xe7\xe5\xa8\x8d\x87\x86d\\eRP\xb3{s\x9euk\xba\xa1\x97\x80f]\xaf\x91\x89|fcvPG\xe2\xde\xf0\xba\xa7\xb7RJK\x81ig\xde\xdd\xf9\xe8\xe6\xf5\x8b{\xcb\x90|z\xda\xd9\xd9\xad\x97\x90\xbe\xaf\xc6\xca\xb0\xaa\x87\x84\x82\xd0\xcf\xd0\xb2\xb0\xaf\x7fyyjba\xb3\x9d\x95\xa1\x95\xcf\xc0\x8f\x90\xabnk\xcd\xc5\xfaX82\xaaib\xe9\xdd\xd7\xc6\xc1\xc4\xdb\xca\xc2\x9f^d\xa8\x93\x96\x91\x8e\x8d\xc3\xb6\xd5\xe2\xd3\xcd\x99\x96\x95\xbd\xba\xb9m:2`\'#\x97RM\x85u\xc5\x83;+\x9e\x87\x95|l\xbd\x9aG\xe1\xc2\x00\x00\x1f\xedIDATx\xda\xc4\x98\xdfK\x1b{\x1a\xc6;5tf\xa9N13I \xa0\t\x16{%\x04\x7f\xb0\xd0\xda\x1b3(\x9cbH\xc0R/\x04{%.d\x02QRu\xd5$"\xc1\x82\x9ab2\xe2o\x11\x0bj\xccYz6\xa8$\x05\x0f\xbdp#[\xc5l\xe9\xb1\x10/6\xcb&amp;1{S\xf0\x80\xa0\xb7\xfb\xbcc\xbb\x7f\xc0\xc2\xd8\xd7\xccL\x12/\xfc\xf0\xbc\xcf\xfb|\xbf_\xef\xdc\xf9\xff\x8bU\xeb\x8ez\x99\xf4\xb8\xe1+\xf5\xd3\x8f\xad\x1b*z\xde\xf1\x17sz\xf6\x7f\xf5\x83\xa1\xf4z\x93\x89\xee\xfa\xa3B"\x7f}\xe17\xb5\xe8\xf5\xdf\x14\xfcQTz\x93\xde\x94\xbb\xb8\x8e\xe1\x1e\xcb\x1d\x9c+r\xaatP(\xe6\x8eL\xdf\xc8\xd8\x1f#\x95?\x17\xbb&gt;WR\x07\xb1\xe3\x83\xcbD2\x1c\xf5\xf9\x92\xa5\xbc\x92:/\xe6\n\xfe\xef\x9e\xfb\x11X\x85\xcbRI\x14\x93\x89|*)\t\xbc\x18\x89x\x93J\x9c\x17\x92\x97\x89\xcbX\x8b\x9f\xba{\xfb\\,\x1b+\xa6J\t\x91\x17%\xfcp:\x1d\xc33|\xdc\x17\x01\x9d\xac\x84\xce\x8b\xc5\x83\xe2\x91\xfe\xf6\xb9X\xfdu*\x99\x8dJ\x1c\xcf\x0b\x82\xc4\x07t\x1c\xcf\xe9\x84\xb8/\x1e\x8d\xc6\xe3\xb2\xa2$R\xca\xd5\x85_\x7f\xcb\\\x10+\xe1\xf5\x02\x8a\xe3\x18\x9e\x17!\x17\xc7p\x01\x9d\x18\x95\xa3\xc9\xa8(\xc8r\xc4\x1bM*\x97\x17\xa6[\xe5bY\xd3AT\x00\x13Tbt\x1c\xc7\x0b\xe0B\'uR\xd4\x1b\x0e\xc7y&amp;\x0e\x93y\xe3\xe1R\xec6\xfb\xc8\xb6\xb4\x14\x14Q  \x1d\x03"\x86\x91\x04\x9d\x8e\xb08I\x8ax\xbd^\x9e\x13#\x1c\x17\xf1\xc5\x8b\xa6\x16\xd3m\x91\xb1-1\xff\x95@b\xe9\x18\x8e\xbb\xc1\x92\xb8\x00\xc9\x15\xe0%F\x94$/\xcf\x08\xbc\x8e\x8b\xc4S\x85\\\x81\x96\xa5\xdb(S\xe1\xa2P\x82\x97 \x0eZ(0\x01\xcc\xa1(\x90V\xf8J\x92@$J\x0c\x8d\x00\xe7\x8d\'\x8a\xf9\x82\xe9v\xb0\x8e\x0e\x8a\x07\xde\x1b/\xa1s\x82\xa8\x0b\x00LP{\xc8\x05\xd0O\x86\xd7\xf1$!&lt;\x07\xbd\xb2\x97G\xec\xad\xd8=\x97/\x96x(\xc4\x10\x17\xda\xc6\x05P\x84\x89\x9b.\x00\xb3\xd1\x00\xa8\x89\x81\x90\x95"\xa5\xc2-\x98\x8b5\xb5\\\xe7/\xa3\xe8\x19/2\x84\xa1\x13\x81H\\\x0c}\xc0K`\x18\x91d\x046\'\xc0\x82\xde\xe2m`\x1d\xc5.KY\tJ\xf1j\xba\x07\x02\x9c:\x85\x81\xc0\x8dz\x90O`T`\x8e\x87\xc1\x04\x9e\xe7\x13~\xed\xb1\xf4\xb1BJ\x14\xa9M\x8c\xe4\x15\xa8s\x01\xb2\x15uOT\xa7\x00\x91\xc1\xd3\x94\xde\x14\xb0\x98\xe8\xc5m`]\'E5\x1d81,\xa9\xa1@\xdd\xe2\x18\xd5\xec\x14\xf6\x1cC,(z\x8fw\xbc\x98o\xd1\x9cK\x9f+buA\x96\xc2B^\xe4\x00\x19\x8a\xee\xaa\x91\x88\x89\xa2\x8cZ\xc7Sv\xd1\xea\xc4\xf3JNsw\xb1\xb9\xf3\xb0$\xa2\x8d\xd0F\x14\xa1\x89\xea*\xea\x97\x8e\xba\xc8\x11.\xf6\x14$(\xe0yJ\n\x98^\xeb\xe8B&lt;\xa4\xc2a\xfc]^\xc4\x12-\x90h\xc0"(\x95\x88S\xa5B\xce\x83\x0b{\x1c\x0c"Y_\xc8knz6V\xfa\x86E\x82\x91*0\x17\xa7\x1a\x89\xec\xa4f\x82\xe4\xf5\xd2\xc6\x8b\n\xe1\xc1\xf1\xe2\xf9\x91\xc6]\xa4\x1dM4\xea\x95$\x01\x8aHX\xfd\xd0HJ*8\x9b\xa1;\x0c.J\xde\xb0/\xee\xf3\xc9&gt;T\x04\xbf\x10\xc4\xc4\xb1\xc6\xeb"k\xca\x9dc\xfb\x87]\x82\x046\xaf7,\xa9\xc2\xe1%\xd2\xcc\x89\xb4w\xf6\xc9\xa1\xd0\xa6g\x7f/\xb8\x19\x92e\x1f\x04\x8d$r&amp;\xad\xb1\n\x89d\x12\xbb\xaah8\x8c\xad\x156}a\xb0\xd1\x05;E\xe2\xf18\x986\x83{\x93\x7f\x1e\x1e\x1e\xae\xb4\xee\x83\xcc\x87V*W\x1ao\xbcX\xfdE\x164\xd1dV\xc9&amp;\x95lHQBr(\xab$\xe5\xa4\x8f\x80@4f[|\xb3e\x9c\x7f\xf1\xa2\xb3\x15`\xc1\x90\x1c\x07\xadr\xa1\xd7\xb4\x8d\xac\xff*,y\x01\x95Y\xef[\xef\xdb\xe9;\xd9\xd9\xdd\xc5\xc3\xe3Y\xf7xvw\x16\x17\xb7\xb7\xb7WP\xc6\xe1\xd6\xd6\xd6\xe1\xf6\xf6\xc6\x85`\x88\\&amp;_\xb5h\xeb.Zz\x80\x95\xf9\\\xbb\xbd\xb4\xb4d\xac0\xd2c\xa9~I\xad\x91\xa6\xa6\xa6\x91\x91\x91\x95m\xa3\xb1\xba\xba\xbd\xb2\xfcA\xb9u/\xe4\x8b\xc3\xfc\x89\x98\x96\xc7\rV_L\x8a0Vf\xb0\xbc\xa2Y\xad\xa6\xa6\x9a\xe6f\xc3\xf7\xf7M5\xe0ZY\x19y\xfa\xf4\xe7\xa7T\xf5\xd6\x85=\x19G!_\xf6Z\xc3M*\xcb\x1e\'0\x7fae\xd6xCU\xd3\\SS\xd3l\xb14\xabW\xcdw\xac\x95\x95\xad\x81\x81\x01\xb3\xb9\xbe\xdej\x1b\x0b\xcaqY\x96\xaf\xfcZb\xe5RH\x85\xe8zcE\x85\xc5b1X@ci\xc0\x8f\xa5F\x05#\xac\x11\xb5\x8d\x03\xbf\xf6\xf7\x0fX\xcdf\xeb\xc2\xc2\xd8&amp;\xdc%\xa7\n\x1av\x91\xbdHJaov\xb6\xa2\x02\x1a\x19,\x04\xd5\xd5\xd5\xd0\xd0`\xa9\xa1\xf75\xd0J-`\xf5S\xd9\xac\xb6\x85\xb11\xd5\xf5Y\r\xd7EV\x7f\x10Fe*\xd1\xbb\n\xb4O\xa5rtu\xa9h\r7dTM\xc0\xfaU\xe5\xb2\x8d\x11\x17F1t\xd0\xa2\x99Zl\xcb%\xa8\x92\xe9Fb\xaa\x01\xd3Dww\xb7\x9d.\x87\xc3Alt\x11\x1c\xe4\x1a\xe8_\xe8\xb7\xf5\x03jlO\xc5\xca\x1fk\xd7D\x7f\x1eQ\xaa|\xae&amp;\xaf[\x1a\xba\x97{z\xd6z\x96\x97{\xdc\xae\xb6:\xa0\xa9pjK\xc9\xf6j\x1f\xc7T\xacM\x19X\xda\x1d\x80X\x7f\x1e\x01\xef\x81\xb5\xd0EK\xd7r\xcf\xda\xd4\xd4\xd4\xf8\xf8\xf8\xd4\xb8\xdb\xedr\xd5\xd5\xd9\xed\xdd\xa4\x9a\xa5\xa6\xc9\xd8T\xbe\xf5]\xac\xbd \xb2^\xcek\xb7\x8b\xd0\x03+\xa9xj\xef\x1b`"\xcb\x04\xb0\xd6\xa6\x9e&lt;\xf90\xf4d\x08\\ \xb3\x83\xcb&gt;\xd1ei&amp;{mA\xae\x1b,\xe2\n]\xfa\xb5\xf3\x16\xb0\xb2\x994\xb00\x85\r\x13\xcbk\x8f\x1f\xdd\xbdw\xef\xc9\xf8\xd0\xd0\xf8\xa8{\xd4\xedn\xb3\xdbU\xff#\xc1\x8c#\xe0\xa29\xa4&amp;\xa2B\t\xed\xbc\xc5\x1e\x9dG3\xe9\xd3\xb9\xc6\x8a2\x0bYk\xed\xf1\xcb?\xdc\xbd\xfbxmtj\nX\xe3\xe8\xa3\x9d\xbce\x80Vj\xa2\xf6\x13\x17\x89\x15\xccl\x9e\xc7\xb4\xc4\xca\xa6\xd2g\x95\x8d\x15\x06\x88\xd5\xdd\xdd\x03\xb9\x1e=z\xbc\x06$\xb7k\xf4!\x8c\xefP\x93\x82\x92~\xeb\xe7-\xf3\x1b\x9bs\xe1\x1bX\xe8\\;\xb5\xf4\xc0*\x9d\xce\xccUV4\x1b&amp;\xba\x97\x97U\xcf\xaf\xad=|\xe8\x1eu\xb9\\n2=Zh\x01\x16q\rlY\xad6\x9b\xd3\xe9\x9c\xc4\x960\x94\xd0V\xad\xd2\xcc\xcc\\\xa3\xc1PFT\x04\x86r-\x13V\x1b^uu4\x88\x14\xf7\x94\\\x03f+Q9\'\'?{\x94D\xec\x8e\x86\x93\x98M\x9d\xcd\xcc6\x96\x19\xca\xa0V\xcf2\xe6\x0eqjw\xd4A\xa9\xb66\xf2\x96\xa3AM\xd4f\x1aE\xb3\xd9\xb6\xb0`\x03\xd5\xe4\xe4~FK\xb5\xfc\x97\xa9\xf4\xcc\xbb\xe9\xe1\xefX\xcb\xcb\xdd7\x19O\x99\x050&lt;n\xf2\xbe\xcc\xd0l,\x7fj\xa6\x1e.L:\'\xfbH-\r\x17\x9f+8~n\xba\xbd\xac\xaa\x8a\xb0P\xa3\xe8a[\x1d\x90\xec\x8e\x7f\xd4\xb9\xda@\x06\xb0\xae\xd5\xb2\xd5\xd5\xfb\xc6r\xb3\xd5\n\xcf\x13\x97\'\xa45\xd6\xe9\\\xe5pUU\xebD\xf7+J\xd3\xa1\xa1!d|\x9b\xcb\xdd\xe6h\xb0\x7f\xcbTGW\x99\xe1&gt;\xa8\x1e\xd4\xd3\xc6f\xc1\xe9\xb4~\xceh\x8ae\xbaJ\x95f6\xb0Q\x07W\xf7\xab\x87S\xa0"0d\xfc\xf8x[\x97\x03T\xe3.\xc7\xfc\xfc\xea\xa7\xa5\xc5E\xe7\xd8\x98\xb5^u\x97m\xb0v]\xd3&amp;\x9a\x0eR\xa5\xb3\xe9\xd6\xce\xaa\xb2\xb2\xaa\x89W\xcf\x9e=\x03HG\x87\xdb\x8d\xe7\xd0\xb8\xdd\x81\x8cx\xff\xfa\xd3\xe2\xcenpS\xad\xe0\x9e\xd3J\\\xd6A\x8fr\xae\xdd$\x12Vz\xa6\xbd\xb3\xb3\xd5\xd0\\\xd6:\xff\xb7^\xaa\xb9w\xcf{{_\xbb\x87\x9e\xb8\xc8\xf8\xab\x1b;\xd8\xf6\xd1\x811\xb4\x89S\xac\xcae\xb3\xd6\x02\xebXc\xac\xe1\xce\x17\xad\xf7\xab\xdb\xe7vp\x12[\xf7d\x14e\xfd\xec]\xef\xeb\xf1\x0f\xa30\xd5\xea\xa7Y\x0f\x0e\xd38\xe6\xd3\xa11\xb8\xb7\xb7\x8f\x1d\xaa\xaa\xd6?\xb5\xc6\xea%\xac\xca\xd9SO&amp;\x13\x92\xa3Q\x9f\x9c\xe9\x03\xd6O\xf7\x86\xda\x1c\x16c\xe3\xe2.h\xf6wfgO\x10\xa4\x83\x83\x83N+\xe6q\xd0\x93\xc9\x1fkx\xd4?(\xa5\xc9[\xad\xed\x83\x9fO\xd3\xa7\xa7\xa7iOf3\xd8w\xb2\xd1\xfb\xfe\xe5\x1f\x87\\\x0eK\xb9y\xec\xcb\xee\xce\xce\xc9\xec\xeclmm-\xbaWYk~`\xb6:=\x99_\xb4\xdbo\xe1\x98xz\x8a&amp;\xb6\xb6~\x9a}\xfe\xfc\x97\xb7\xa8\xde\x8d\xc5\x93\xc5\xed\x8d\xf9\x87w\xef\xbdtuY\x9e\x8e\x1d\x06wQ\x1e\xf8j\xd7i\xb5&gt;h\xaf\xac\xa5\x9c\xd8\xcf\\\xf95;)\xb2\xfa\xeb\xc4\xe9\xd9tg\xe7\xfct\xefo\xbf\xfd\xf5\xfd\xdb\xe7s\x98\xba\xc3\xc3/o6\x9e\xbd\xfc0\xd4\xd6\xd04\xf0e\xf3\xf0K0\xa3\xa4\x84H2\x14\xda\xb3\xd5\xb7\x0f7V\x12\x96\xe7_\xbf\x7f\xfc\xa8\xd1\x7f\xdfX\xf6"\x91NOw\xbe\x98\xef\xed\xf8\xa9\xa3\xe3\xed\x99"\xa7\xe4H\xdc\xf7\xf5\xef\'\xbdkS\xa3v\xcbH\xff\xe1\xd7\xcd\xc3\xf5\xf3l\x94\xf7%J_\xbf\x1e\x9a\xab\x87\xdb\x1b\x1f\xd4\x03\xab\xb2\xdaX\xfdQ\x93C\x99\xe9\xf7\x7f\xffg&amp;\x9d\xde@@t\xfc\xe5O\xcf\x86\xb1\xfe*\x8a7"{\xbe\x1e.\xfe\x97x\xf3{Il]\xe3\xf8\xc6\xc0\x08\x8d\x85\xc1\x18\x089R,\xbb\x11B\r\xc1\xa6\x9b\x82\x82%J\xd1\x92\x82\x82\xf1*\x14:]\xb8a&amp;-c&amp;\xd9\xb6`\x92\x85\x17\xa2\xc7f/R\x07\xc7#\x84\x8av.\x8c\xfc\x05N\x18\xd9hZ\x17]\xb4e_\x1c$\xc9h\x828M\xcc\x86\xf3\xbc\xee}8\x7f\xc1\xf2&lt;e\xd0\xdd\x87\xef\xf3\xbc\xcf\xf3}\xde\xde\n\xb3\xcb\x1f\x97\x06\x7f\x05\xac\xdb\xdb\x8b?\x02\xbf\xfc\xed\xf3\x81\xf9\xe0\xf8\xf8\xfd\xb8V\xab\x14`\xa2\x0f\xff\x1c\xf99\x9d\xd6l\xb2!\xd5\xe3\x9b\xa5\xca\x05Rka\xde\xbfOL%?\x7f\xf9\xe3_\xd0\x0b\xbe\x9a\x8f\x8b\xbb\xcc\xebI\xc5\xcb\x8dt\x06\xb0\x8e]z\xfd\xd9\xc1\xc1\xfb\x198\x8b\xf4\xb8R,V\xf2\x11\x96/\xfdc\xf0\x94\x8dc\xb8\xf5qy2t\x81\xb04\xfb\xfb\x9a\x82\'\x14\xd2G\xaf\xcc\x07\xb9L.Ra&amp;\x15\x83-\xc0*Bm%}\x11_;0&gt;\x7f\\\xc8\xd3\xf2\x94\x98dF\xb4\x1b\xfe\xb1\xc1F\x93\x98\xd8i\xcd\xee\xcc\xbb\x02\xce\xa9y\xcd\x181\xbf@\xa5\xe2)c(Bg2&gt;\xa3w@\xa7x\xd9\xda\x08g2\xc7\xc7\x9f/st"\x81.\x96\x84b\xb1\x90/\xe6\xf1\xc4\xe0%F2l\xa9eo\xadp\xd5\xc6\x80v\xe1\xcd\xd0\x90f&gt;\x95\xd2\x10D\x9c*Dh:Q``\xe7W\xb4FA\xaeK8\x989_\x82\xf1z\xbd\x05^o\xafP\xd8\xcbS\xf2\xf9rI\xba\x98\xf9\xc1\xb0Q[}\xd9\xd6t6K\x99\x01k\xf9\xcd&lt;`\xa54$\xa9\xa1\x12\x89DaiI\x07~F\xd1\xdcH\x03\xd7\xe5e2\x92(x)\xca\xcb\xbcx\xd5\xdb\xdb\xcb\xe3\x8f\xf3\x05\xa2\xf4[~8\xb5\xc9F{8i\xcal{\x1a\xf7:`\xbd\xde\x9eD\\\xa9\x95\x94\xb7P`t\xba\xb65-7G\xc3o\xd3\x99L\x06\xd4\x02.\xef\x94\xb7\x0b\x8cW\xaf\x18\xb0\xc4\xa2\xa7\x9cP\xe8\x9f`\xe5$\x96mY\xc3\x90\x11F5\xb8\xf8\xed\xd7\xe0\x17d:\x1d\xc3\xe4\x91_\x86\xfdbz\x12a\xbd\xfd9\x97K\xfb"\x91\xc4+\x86\xe9j\xab%\x1c\x1f\xe7k\xd3\xdf\x9f\x8a\x99sV\xb0\xeel;Y\x19Cy\xa7\xe6\x97\x81\xeb\xe3GX\x0b\xcb\x0cSFJM\xdblhI\x1c\r\xd3o\xe9\\\x9a\x0eC\xfcye9(\x14\x8a\xc7E\x98V\xf4\xfd\xfb\xf7\xa78+X\x9b\x16\x99\xac\xd5DXo\xf6\xf6\xf6\x96a\xd1\xd1-\x95\xcb\xed\xddb\xd6\x06\xbf\xa0$\xd2a:\x9d\xa67P\x00\x13p\xc1i\xe4\xcba4\x16\x01\x8b\x9c`c\xf6\xf4g\xcb\xadoy\xc0\x9a\xda\xdeS\xc3\xda\xba\xfc\x11\x90d(\x97 \xd6\xac\xac\xach\xb6\xc24D:\xbd\xf1\xd7]\xef+\x10\x8b\xa7\x15\xc81\xa7@\xf4\xc4\x1a\x96\xaa\xf5\xdc\xd2\x81\x7fXx\xb3\xa7F\\POhe\x95M\xdbm2Xy\xca\x8a\xd6\x06M\xe7\x80+\xfcR\x81.{\x01\xacw\x1d\rEd$\x8a\xdf3l\xa9\xb5\xf1\xfcM\xa6YXXXV\x1b\x0c;;;6\xb4LC\xd8\xed\xe5\xb2\x0e\xd6\xb1\xb2b4\xd2&gt;\x89\xe1Qt\xf9\x86\xb8x\xde\xbf\xb0$\xc7\x97]l\xccD\xc02\xb4\x9e\x9fW\x08jj~\xce`\x90\xb6\xb1l\xb0\xe3\xdb\xec\xf6\xd9r^6k\xc9N\x97\xcb\t\x1f\x9d+\x16\xd3\x1b\xe8\xfa\x19r\xd8\xcb[__wb\x826\xd6\x8b\x05V\x1cj\xbfE\xb7\xf1\x9c\x1a\x9b_\xd0\x80XjX\x12\xf7\x80\x08}\xc3\xa6o\xb7g\xc1p\x95\xcb\x95H\xc4W&lt;\xce\x01\x96\x82y\x01M\x8b\x87\x92(\x00\xacq:\xfd"\xc5\x06\x16L\x1f\xdd\xd2\xb3\xf7S|~H\xca1\xa8A-\x0b\xfaXl\xd0\x1e\xb2\xd9\xec\xef\xd9\x1bYy0\x12\xd9\x8d\xe4\x9e2\x08\x0b6\xfe^1\xc2\x12\x03\x96X\xc9\xe3M\x11\xec$\xd1&gt;\xd9\xa3\xd3\x9c\x10\x08\x8b\xa3\x96\xaa\xd5\xed\xe5\xd5&gt;=\xbdb\xb1\xe4#y\xfb\x8d\xacI\xdf\xdef\xdaX\xaf\x14\x8a\x81.\x9eX\xcc\xd3\xae\x83?\xc5\xd6\xb50\xb2_\x98\xd8(\xf9\xee\xbe\xfd\xd9-\xd5\xf0\xd6~jH\xcd\xe1r8P\xf5\x16C[\xac\x1b\xbb\xec9S\xb9\xb9\xc9\'\xe8\xe3\xdb\'\xa8\xad\xdc(\xa8\xd5\x05XJ\xb1\x16|\xa0\\\xa0U\x8e\xc3\xcc&gt;\xe9g\x05\xeb\xde\xa0Rmmm\xc5\t5G\xa5\xe2\x02\x97\x01\n\xca6}\x03@\xad\xfc\rqc\xdc\xa5\xdf\x17\x8b\x97`l\x06\x97\x96\x06\x90Z|\x81\x18\xf2\x07%?\xfe\xab\x90G\x9e\xb2\xe2\xe5\xfbNU\x86\xec\xf0\xd6\x16IH{\xb8\x7fRq\x00k\xc5&amp;\xcbCP5J\xefN^^frt8\xf2R7\xb9\rXJ\x84\x85J^\xf9V\xd8E\xdc\xb1\xb4\xf9\xf4?\x1a\x0c\xdc\xe1a\x92\x94\xf6p\xb8\\\xae\x81\xab\xe2f-v4\x0e\xf3\x94\xd1\x18\xd4\xbb\xae\xaaGG\xe0M\x13\x89W\x03\xaf\xb7\xbb\xba\xc4\x18\x06\x9eY\x8b\xd4R.|b\xed\xf2\xb4{\xe2\x1er\xa8"I5\xa8\xc5\xe5pU\xaa\xe1\xace\x075\x88\xbcQ\xaf\xd7G]W_\x0e\xcc\xc9\xa4ow7\xc1\xdb~=\x00Xr\x01H%\xc0\x04\xf5\xfb;6_\xb4L\xdc\xdd\x9f\x0c\x9bHb\xb1\x87\xc3A\xf5\x05jY\xec+\x93T\x9b\xea\xe2\xea*\x89vW\xf3\x19Dhj\x8a\'\x16\xc8\xe5\x00\x85\t\x04\x87,\xbf\xf5\xec?\xbd\xbb\xbb\'H\xa2\x87\xd3\x03\x8a\xf5\x18\xa4\x16\xbb\x06\x12\xe8\xf1\x84&lt;n\xb4\xe4\x9f\x1d\x1d\xbc[5\x9bW\x03g\x82\x018\x88r\x0c\xb3\xe2\xb8\xd3y\xc8\xfa\x03\xc1\xbe\xee;\x13A\x8c\x8d\xb5{\x84T\x1d/\xc5\xa2Q=lA\x89\xdd\x08\x1d\x19\x1d\xf5\xcd\x1c\xac\xae\xc2\xb7\xd9,\xe8Rb\xb8\x1c\xc7qL\xe0\xfc\xbd\x03\x0f\xf1N\xfd&amp;\x881H\xa3t1N\xc5\xa2\xd7z}\xa8\xa0\x9bD~ktw4\xe2K&amp;\x93\x81\xd5\xd5\xc0\x9aW\x89\xe3V+\xfa8O\xd8\xa7\xfaib\x9f0\x11\xa6\xb1\xb11\x13Y\x0b\xc2\xf9\x8b\x05\x8d^\xdd$\x95/7\xc1n\x85#&gt;\x9a&gt;;\x02\xb5\xcc\xceu\x1c\x97[\xd7\xd6p\xab\xf3\xb1\x03X\xfd\'\x04A\x82^\x04I:\x1c\xb1\x98\xbe\x04;\x0eS\x81\r\xe8[\xaex\\\xbcD\xbb\xcf\xbbw\xd5\xaayM\x0b\x19\xc4\x01\x0b\x0f\xfe\x83\xfd\xf7\x81\xdd}\x8f&amp;2N\x00\x1aI\x96j\x8e\xe8\x95&gt;\xb4\x9bH\xe4\x8a\xb9\x1c\x8c\x9dv|\xbe\xfd\xe5s\xd5\xed\xc6\x9dVH PY\x1b\x9b\xec\xff\xbfAw\xf7\xa9\x1f\x90\x881\x82\x8c\x97\x1c\xd1\xc0j\xf2,\x91\xcf7\xbf\xfd7\xe8\x1c\xf4\x88#s\xd5\xe3t\n\xa0\xb4P\x12\xff\xdd\x91\'\xb1\x13\'&amp;\x13i\xf2\x9f\x9f\x9f7b\xae\x8bh\x90\xa2\xf2`\x9do\xf2\xcd\xe6\xb7f\x13N\xa4\x0f\xfa\xd6\x87\xaa[\xe0t:\xdbX\xb1\xdf:\xf1\xae\x19\xb2\xe8\x87\x9a\x878\x8f\x07\xf5z\x8a\xb0\x13\xe4\r\x9a\xd7(\x98Be\x17\xc31\x0ch\x10\x16\x0e\\\xd6\xfafG\xde\x0fwo~\xf2\x9f\x9b\xfc\xfb~\x7f#\x18s\x90\xa6v\x99\xdd\xa4\xf2\x05\x88\xca\xae\xfb\x0c\xc7\x94Jwu\xcd\xea\x84\x1c\xa2n\xda\xe8\x0c\x16d\x11\x12\xe8\xdf\xdf\xf77\x1c\x8eR\x1c\x9d\xc9Z)\xa6\xf7\xb8\xdd\x1e\x8fg\xed\xcc-\x00\x9b\x85W\xab\xa8c\xa1\xe8\x18V?\xc2:?\xf4\x1f6\x1cAG\rZ\xfe"\x81\xd2\ta\xf4\xaeW\xb4\xe8\x89\x14\xbeVE\xc5\x8e\xa8\xf0\xc6D\x87\xb0\xeeM\xe7\xf5:\x80\xd5c1G\xa9f\x1a\x93J\t\xca\x08c\xb1\xc2x\xbd\x03^\xb0\xc9@e6\xb7\xb1\x9c\xb8\xe4\xbcCX}\xf7s&amp;\xb2^o\x80Z\x10%rqq\x11\x06v\x02\xfaW\x81\x19`\x18-\xee\xae\x9a\x03\x81\x80\xf9\xc3\x1a\xf4.\x89\xe4\xb03X`\x9f\xe7\xd4\x8b\xf1Z\xed\xfc\xbc\xeep\xd4\xe2\xb5x&lt;NQ\xc6J\xa5\xc00SL\xa5\xa2\x05\xad\xd0T4\x1f}X\xb3\x8a$\xa2\xc3N\xa9\xf58\xa7\x96.\xd6\xea\xf1:\x0c\x9fR\xa9T\xabQ\x08+T)\xc0\x17\x86\x87\xac\xff\xc3Z\x1b\x11\xc9;\x85\xd5\xfd\xb8\xa8\xee\x19#\x1a\xa5\xd8\xf5\xf5\xb5\x03\xb8J\xe8\x0f\x1a\x05c!\x84\x850\x1c\x87#Y\r\xa0\xc7\x83P]#\x7f\xef$\xd6\x9c\xba\x07\xb8\x1c\xd7.\xd7u\xe9\xa1V\nR\x80e\x0c\x1aC!\'\xb4\xcf\x90\xc7\xe3\x06\'h6Wq\xb9dD\xde1\xac\x9f\xee@-\xe0"\x1dQ\x97\xe3\xa1^/\x05K\xb5\xa0Qo\xd4\x87B!\x1c5/\x8f+\xf0u\x15*^$\x12\xc9\xb1\xcebI\x81+\xee\xb8\x8e9\xea\x8d:t\x89v\xdfr\x82N\x9eh\xd4\xe3\xbaX\xfd\xba\xfaaF\x82\xde\x07vR\xad\xb99\xa0\xe2pL\x88\xeb\xa1\xfeP\xaf\x05c\xfa\xa8^\xefv\xc3\xfe\xe3\x81\xcf\xc5*P\x8d\xb4\xb1\xb0\xcebq`#\xeb!j\xd0\xb8\x1e\x1a\x8d:`Ax\xd6\\Q\xb0\xf6\xd7.8\x843##\xd0\x1c`\xc9\xe8$\xd6\x10z#\xc5\x85\xf2\xaa9b\x8e\x87\x07\xf8\x01\\\xd1\xab+W\x14\x0e\xe7E\x00A\x8dH$\xff\x1f,\x0e\x07\x8e#xA\xf0\xce\xd7\xa8W\xa0\x05\xf6\xcb\x95\xeb\xe2\x08\xb4\x9a\x99A\\"\xb9\xa0\x83\xb5u\xba8\xd4\xae-.p\x81\x83\xa6\x82\xfa( \xb9\\\xae\x0b\xe8W\x00\x85\xa8f$\xa8\xb60\x01&amp;\xea$\x96Zj0\xf4p9h\x01\xfa\x0f/\xe7\x16\xdaFz\x86\xe1 !\x1b\x9d\xb0\x12\xf0):4\xb3\x9a\xea4\xc8\x91\t\xb2\x0e\xeb\xd1\xd80F\xb2\x14\xbcXY\xf9\xa0Z&gt;\xdb\xb1t!\xd15\xf2E`a\x8dY\xaf\xbd\x14\xd2\x8b\xa6\xd9\xed\x85\x1a\xea.\x04\xec4\xa1\x05C\xa2^\xd9\x05\x91\xb4\x85\xf6F\xa2\x96[d\xf6\xa2\xbek\x08\xeeUh\xe8\xfb\xfdcw\x17\xb6tI7\xf1g+\x161L\x9ey\xdf\xf7\xfbf\xf4\xebW\xd2\x00\xbb\xf9\xa3\x9f\xfe\xe4\x8f\xef\xfd\xe6\xd3\xdf\x12\x14\xb0\xae\xbew\xea\xe1\xc5\xf33\xb1\xf9\xc3\xb0\x1d\x97\x1fZ \xd1\xa6\x93\xe9%\xc7\xd2\xe0\xa3\xd1\xbb\xd7\xbb\xaf|\xf6\xd1G`\xfa\xecS\xda\x08{\xf5\xf2\xe5s\xc6\xba\xf0\xfb0\xa9\xc5\xb0Bv{\x1a\x13,\x9c\x8c\x0f\xd8Z\xd8.2\x16+\x12\x8b\r\xd3\xf3\xc4\xfa\x90\xb0BS\xaa&amp;\xad#d\x8f\'\xc3Z\xad#\xcd\xb8\xba/#QW\xaeR\x11\xd5eZ\x1a\xe9\xfe\xf3\xb9ai\x11y\x07\xa2\x05\x1c{\x9c\xc9\x05\xacQZUni\x01\xcd\x15E+J\xfc9b5\xf7\xef\xd8CZ\xdaF\xa9"\xb5\xec\x90+\x9d\x1e\xb4\x8f\xdc\xa5ue\x1ba\x01\x8a6\xcc\x83\n\xa0\x8f\xce\xe9^\xfeB\xff\x91r\xf1Q\xc1\xbd$\xb0\xd2\xe1\xf4R\xda&gt;z\xd7\xaa\xd6\xebm\xdd,\xeb\xdd-\xbd\xbd\x06C\x0b\xad\xba\xddz~N\x1f\x19V\xb00O\xc9=P-\x85\xc3\xdaprd\xc0j\xd5\xdb\x0c\xdd\x94t\x03\xaa\x8d\x96\x02i\xdd\xed\x17\xcf\xfb/\x9d\xc7\xa7\xd2\xfb\x8f\xeca\x12\x8b\xb0\x1c\x8eP\xd8\x11N\x87\x1d\xe9\xb8U\xddj4\xc0:\xf6\x89\x07C\x1b\xbd\x1b\x8c\xea\xee\xde\xbe~\xef\xf9\xdf\xee\xf7\xbf\xf5\xb5\xb7\xf6-{X\xd5\x03\xb1\xc0E7^!\xbc&amp;K\xc3EZ\xf3\x86u\x06\x82j\xc3\x0f\xc3\xb5k\xd7\x0c-\xbd++m\xb7\x1e&gt;\xdc\xff\xb2\xff\xd2[M|\xfb?\x07\x11\xf9&amp;\xe2\x82f`\x0bC3\x87#Y\xb4\xaamm\x06\xf6E\x05&gt;\xda\x9c\xd1\xdd\xbb\xf2\xc1v\x9b\xfe\xda\x0f\xff\xfa\xe5\xb3\xb7\xf81\xeb\xf6r\xed\x93\xd1x\x1a\xd1\xea!\xb1TJ\xc6\x80\x95.Z[\x8d\xb6\xb6\xaf\xca\xd0FX\x06`\x81\xcbh\xfbK\xa3\xfcl\xef-mLj\xde\xfb\xc7\xc7\x17\x8d\xa3\xf64[\x04\x87\x81Z\xe5\xc9\x94#\x04\xb5\x8cl\xeb\x03\xa9\xc5\xfe\xb0\xe9\xcf\xb0\x88\xab\xa5\xb6V\xbe\x7f\xff\xd9\xdbXU\xba\xb4W\xfbq\xafQ=\x02\x13\xe9\xce\x063U\xa5bX\x8e\xf4\xcf\x8b\x03z\xda\x8e\x81\xaf6\x86g3\xda\xf4z%[\xc0\xda6\\l\xc4\xd6\xca\xe5\xb5\xb5goX\xb0\xe6\xe6\xf6\xba\xeeW\xbd\xc6\xd6\x81\x11\x96-\x16.\xfa\xe9\xc43\x87}\xd2\xaa\x07\x93\xda\xa8\x14\x08\x8d\x98b\x17[\x0c\xbd\xdb\xdb\x8c\xeb\xfd\x13\x1dq\xc5b\xd5\xbd7\xb8N\xdf|\xa9}\xaf~P\xfb\xfc\x9dV\xeb\xfa$3\x91\xb8 \x96\xd3y\x04.m\xba8\xa0\xa62\x9eq\x19\xf56\xda\xc9BX\xe0ZYyQ\xd0\x81k-\x86G\xf5\xf4?%y\x13\xfdW?@\xed\x7f\xfe\xae\x9a\xb0\x92\x14)\xdcAhU\xd0\xaa\x07]\x89F\\W[1\xbaZ\xf5\xa7\\\xadx\n\xb5Z\x08\x0b\\\xdfo\xe8\n:0\xc5b\x04V\xae\xd6\xf7\xf6\xda\xdb\xbf\xa3l\xcd{\xf5R\tT\xa5\xfd\xcf\xbf\xa7^\'\xac)\x88\x05\x8d`\xa2\xd3I`\xb8\n\x8d\x0c\x0cX!W+\xd2\xd5J\xbbkZ\xf5\x14yLW\xc2bb\xe9R\x0ck\r\\\xa8r\xb9Z\xfd\x0e\x1d\xd0|i\xaf\x9aH\xe9\x08\xeb\xa0\xf6\xb3w\xad\xeb\xeb#\x84\xe5t2,-\xb2\xe5t6\x85\x92\x0b\xc0\x1a \xbdH\'&lt;\x08\x0bT\x8a\\\x1f&lt;\xac\x80*\x96J\xc4t\n\x13\xe3Z+\xc7\xaa\xff\xdf\xf4\xa7HUS8d\xa44~p0^y\xff\x9d\x1f\xac\xaf\x17\x11y\x82\xe9\xa17\x16U\xc4\xa5M\xda\tk\x94\xd9\xa8\xd4\x19\x16\xa9\xb5\xf2E\x03\xc7H\xa5\x12\x89\x94T!/c\n\\\xacR(\xbf\xfe&amp;K\x16\xf3\xb2\x8e\xca\x9c*\x8d\x8f\x8f\x1f\xe4\xf7\x7f\x8dh\x15\x93!\x15a\xc1=\xd5\x14\xect\xf6L%\xed\xf6\xe2(\xc4\xb2\x12\x11Y\t.=\x8b&lt;\xaeE\xdb-5\xa2J\x80J\'\xf9|\x92\x8e\x81\xa1t&gt;\x9f\xae\xfc\xec5\xc1\xa0S9\xa6+0\xac\x829\x9f\'0\xd3\xcd\xd6\xafc\xb1\x0bP\x8f\x13\xd1\xb2\xc7\x19\x16\x01\xa9\xd5,c\x88\x16]\x81\xc0\xd5R\x83RD\x95(\x00\xa9P\x90\xa4\xd3\xae\x04dEW\xae\xbe\x06\x18\x12\x05&amp;\x05J\xc3\xfb$M$\x9f\xcf\x8f\x8f\xe7k\xbf\xb3N.\xe0\xc6\xa6\xc9y\xea"\x8d\x08\xc2*\x16qk\xa3nU\x13\x15a\xa9Y\xe2\x89\xcaVK\x9dQmfL\x12\xaa \x15\nL\xad\x02y\x8a\xb6\xac\xe3\xba\xf4\xed]\xd9\x0c\xa8z)\xc5t\xd2\xf1&lt;\x8f#Y4y\xc6e\xde\xff\xd3\xfaB\x88\xb0VW\x15,\x9a\xf3\xa4\xd6\xc8(\xa3!*E-\x1b\xae\x89\xd0\xeb&amp;\xa8\x98\x83\t\x9d\xc8\xc9\x9c\xa9pja\xa1P\xa8\xf8*\x95\x8a\x0f\xca\xa1)\xeb{\xfd\xdf2/\x9a\xdb\xa9\xf7\x14*\x8dF\x92\xbc\xbc\xe4\x91s\x91|\x04X\xe3\xd2\xbf\xee\x02K\xd5\x03\xaaU\xe6\xe2\x94\x16\x97\xc44\xe4B\xe0\t\xc8\xaaxI\x1e\x12\xd7\xcd\xc6i\xaeJ)\xcb&amp;*k\xaa\x10\x97N\'I\x15\x93\x8f\xf7\xb1*$\x12k\xd5ru\xef\x7fL2L\xcer"\xa2\xd1h\xccd\x9f$A-\x9f\x10\xec\x18\xf6F"\x8c\xab\xf2b$I\x1e\xae2\x17\xa7B\xa1\x10\xee\x05Ci\x92\x8b2o\x1dX?\xc3\xa2k\xf5\xc7g=\x98H\xf9\xb2\xd9\xcd\xcdL\x86\xe32&amp;(U \x1c\x89\xb0L&amp;\xd1d\xb2\xec\x9a\xa5X\xb9\\\x07\xd9\x7fo\xbej\xc2\xac\xe9\xec\xe4y\xc5&lt;\x9e/\x14L\\4\xd8\xd11\xd6\xf9\x1f\xae\xc7\x0e\xc2Z=\xc5J&amp;\x81\x86qJ\x1f\xa7^_\xc77\x9b\x12z#\x99\xf8\xe2\x04z\x93X\xa5\x94\x0fHr4*\xcbrT\x06\x97\xe43Y@\x84\xefl\x16`b.\xb7\xe9#Y\xcb\xd5o&amp;\x8a\x86T\xa7\x175\xeb\xf5\xfa\x08I*\xf0\xd2&amp;\x0e\x16\x04\x97\xc7\x0c,\xc6\xb5\xffH\xcb\xd4\x82\x8bx\x95a\xa7Z\x00\xd6\xe4\xe8\xe8\xe8H\xb18\xc9\xa6\x04\xe6\x83\xfe\xfa~E\xc3+T\tPq\x9c\xacTT\x16%`\x91L\x92\xc5\x94\xc9\x88Yx+n\x9a \x1fz\xec\x1b\xbdWO\xf0\xde\\nv\xd6\xc2\xa8\xe0#\xb4\x96\xdc \n\x02k\xa8#\xa09\xd5\xab\xb0\x7f\xa3\x89\xc4\xc2C\x05\xac\x85"*\x8eVD\x15\x17\x16&amp;\xadda\xabZ\x7f\xb3\x86\x93\xe2\xcd\xa9D\xa9\x94\x90\xb2\x10\x8b\x1c\x04\x1a\xce2\x9a%\x0b-&amp;\x8b\t\x7f\x9f\xcdf\xe4L\x96\x03\x9a\xc9\x07\x7f\xbe\x92\x89%\xaa\xc4[\\\x01\xd7\xf4t\xcee\xb1X\xbc\x16\x9eN\xb4\xe0\x83\xf0\xe0\x1a\xea\x98\x18\xdaXvw\x9a\x15.s\xe3\tqQ3\xaaB\x84\x05\xa0\xc7\xf1x1\xbe\x00\xe1&amp;Y\'Z\xd5\x7fh\xf0^^\xc3\xa8R&gt;\x11i\x17\xc5,\xc7\x94\xc79\x06E`\x01M\x94\xb9\x0c~\x05\xb4cp\x8b&amp;\xfc\xd3_s\xaf^\xf2\x81\xc9\xef\x0fx&lt;.\xc8\xe5ry\xbd\xc8WD\x93\xc5a\xa2\x8ckyyycY\xe0\xcdffd\xfe\xa4v\x8f\xb6\xdc\xac\xd2\xccZ\x88\x17\x1f\x13U\x9c^4\xe2\x86p\x9d\x92\x7fk\xff\x04Ri"\x80*E,p\x90\xe4\xe2(\r\xec,\x87dR\xc6\xe4\xc2\xc8\x90e\x01\xf3,\x93\xc9f6-b\xf6\x0c\x8b.\xc5\xe6\xd9\xc0\x98\xe0\x9f\x99\x11\xfc\x1e\xbf\xc7\x93\xcbyr\xde\xdd]\xde\xe7\x12\xba\xa8\xd8\xd9u\x0cm\x1c\x1en\xc8^t()\x96/4\x9e\xec@\xae\xad\xd5&amp;4a&lt;N\xbbv\x07\x07\xc3\xf4\xd2\x91Zr\xe0\x93Z\x05=\xa3P\x99M\xd4~\x19\xb7\xe8v\x0b\\\x07\xd5\xd0\xd0P\x07\xb8D\xd9\xed\xe6\xb8(~\xb7\x99=\xce\xa2LYQ\x14O\xa1\x0e4\x96\xb9\xdb\x0ff\x04a\xcc\xef\x17\xfc\x81\xdc\xb4+7\xbd\xbb;7\x1b\xe0\x82\xc1\x89\x89_\xf6\xf5uuQ\x1a\x82\x87\x87\x87/\x0f\x83\xa6N\x02\xc3h\x8d@\xb0\x1dpmi\x89\xcb~\xe3\xc6Rx\x87*\x8c\x81\xff\xf8\xef\r\rQ\xb1X\xf1"\x12\x85\xe4\x08\x82[\x18&amp;\xe5\x89\x8a\xb8&lt;\x99\xa8\xdb#\xc8Q\xce\x9d\xd9\x94\x8f\xb3\xa2\tt\x92%\xab\x0c\xa9R"\x12\xd9\x05\x97\x7flL\x98\xe1\xc6\x02\xd3\x81\xdc\xec\x9d;s\xd3\xfe\xbe\xaehW\x17\xb0\xe6\xe7\xe7\x17\xe5 \xc7\x01\xea\xf0\xe5\xab\r\x0f\xdf\xc9\x04\xcbG\xa4\xc6\xd1\xd6\xd3\xad\xad\x9d0\xbd{=\xb8tog\x0bu\xa4M\xc6o\xd4*\x1aE+\x0c\x06\xaf \x0fG\xa1SfS\x84X\x1c\x17T\xc4B\x1f\t\x19\x19\xa4\xd1 &lt;\x02\x16\x92G\xf3K\xcc\xd2k\x86\x83\xf1|)b\xf6\xe6\xe6\x02\xc3cc\x8b\x8b\x8bc\xfe\xc04R\xff\xc0\x7f\xfb\xc1"\xfc\x9b\x98P\xb80o\x8e\x87\x8e\x8f\x977\x0e_\xbd\xe4\xbcL0\x90E*\x00\xdb:\xdaYbP\x8c\x11\xe2\r&gt;9\xe1;\x19\x15&amp;C\xc4\xc2\xf5u\tnn\xd8-f\xdc\x9b\x02"OP\xcb\x08W0(\x07\x8f\x05A\x88r\xfe\x99\x9c+\x1a\xb5\xf8\xe0 \x0f\x1b/\\\xaa\x1f \x8f\x11\xde;\x9b\x0b\x04\xa0\xd6\xf0\xe2\xcc\xa2\x7fz60&lt;\x1d\x98\x9e\xbb=\xb3\xd8\xd75\xd1\xd1\x01\xb0\xf9\xf91\xcf\xb1\xec\xb3\x98\xfc3\xf3\x1b\xaf^\xca\x16\xbe\x13\x8a\x11Y\xe7I\xe3\xe8\xe8\xde\xbd%P\x91VO\x9fn\x1d\x1d5*\x1aPuR\x0f&amp;4\x1e\xb9\x8b\x13d\xce\xe3\xe6\xdc"\xb2\xc5E\xbb\x82C\xcb\x1b\x1b\xcb\x00\x1b\xf6p\xd1aA\xe42\xae@\xce\x1d\x14\xbc9 \xd1\xc8\xbfP\x1f\x1f\xc7\x91y\xaf7\xe7\xf2\xfb\x1f,\xf6\xf5\r\xf7\xf5\xdd\xbe\xb3\x1b\xe8\x80ds\xf0uq\x1e\\\x13\x13]}\xff\xee\xb1\xecU\x1cG\xe2 \xee\xc4\xb9B\tw"p\xd0\x1f\xb4\x98\xa4\x918\xd0L\x07\x06e\x86\x0e\x0ez@\x06}!\x18\x05s\x81^B\x1b)R\xbe\x81\xc3U\xea\xe0^`\x99\'\x98\xc4\xc1\x86\x06\x07\x97\xec\x03\\u{\xd8\xb61\xb6\x84\xd1OU\xf5\xafVo\xb38\xba4\xdc\xa6u\xad\xa7IS\xc7\xb5ud\xbb\x97\xdf\x9f?\xbe\xbb\xf5\xc3Q}|\xfc\xf7s\xeb6\tO\x05\x03\x0bc\x9cS1\x0b\xf8\t\xfdI1\x8b\x9ej:\x86\x89\x05\x1a\x801b8\xcc#"Q\x0fpq\xf3\xfa\xfe\x1eE\xb2!\xb4J1\x86=\xb2\x14\x9a\xe5~_\xa6\xccV\x88\x97\xe7J\xca\x0co\xa3\x87\x0b\x8e\x08[\xcd\xeb\xda\x97\tG\x7fD^\xb2]\xf4\xf4\xeb\xf3\xfb__X\x80\xda\xf9\x13p\xf9\xef-5\x856\x8c\xe1\xda\x10\nP\'&amp;\x94I|\xd9\xc0\xc7\xac8\xea,\xe6od\x90\xac\x88\xa9\xa4\x92H\x89xm\xde\x9fwQ\xd3\xc0A\x85Xu\x9dF\xa7\xa8\xfb\xfd~\x19\xafa\xbd,\x0b\xc6\xb3\xee\x8dN\xb4.\xb2tiq\x00VW\xcd:\xcfJ\xdb!\xda&gt;\xc8\xb6x\x1c\xfb\xf5\xf9/\xb2\xf5\xf1\xfb\x9f\xedn\xfbX\xd0\x91\x88")\xb8(\x04g\x1e\xea\r\xd9\xe1\x02X%l\x84\x89\x85I\xb2\xf0`\xf2\xa7A\x8a\x9bx`Q\xa7\x16\x08\x9aK\xd3V\xa9\xd5\xdd\xf9|.\x91\xc3\xf6\xfe~_\xce\xd7k\xb9\x02\xc3\x19\x89\x84\x19e\x0b\xbb\xb6\xf3\xec\xfa\xb6i\xd2u\xb9\x807}\x08\xe6\xb8&lt;\xd8\xe7\xef\x9f\x7f\xa0\xa0"\x14\xc8\nf \x16\x8bs\x82\x96&amp;\xdf\\+\t\xedZ\xc7\t6\x15\xdaY\x99\t\xda\xc8\xc3\x8dQ\x19H\xda\xc0\xc5`s\xbf8\xac\xaa\xaa\xb5\xd6g\x0c]\x18\x8a\x08\x8d\xb4\xf4\xe3u\xd4\xb5\x03\xc3\xd9\xb6\xb2VU\xca\xa6\xb3\x82XCZQ.q/\x1d\x04\xfb\x03\x86\x8f\x97\x17\x18\xea\x89\x9c\xb3\x92\xa3\xed\xb2\xc2E]\xd0\x80\xe5d\xa04\x07V\xcc+\x93\x94]\x07\xc1\xc2Crt\xa2\tC=\x16\x81Z\xc4\xed{\x9bK\x03\xa9\xaaY\x99\x0e\x9d\xe9\xa8B\xfe\xfez\xbf\xb7\xf5y\x9cB\xbb\xa6\xd5\xd0\xa0WS\x81\x8a\xb56Es\xd4U\x83\xca\x95Oysi\xfb\xb3N\x9b\xbd\xc7z\x84i\xe7\x99|\xdc\x06\x83D&amp;\tj\x8aQ\xc68\t(m\x02\xf6\x96\x93\x80[\rk:\xe8u\x0c\xf5x\x9d\xc6\xa4\x0f\x05\xb9\xdd\xf8\xd0\xb8\xc8\x07\x84\xd2\x8d\xa3J\x11l\xe4\xea\xec\xd5J$\xb6\xbb\xcb\x8c_\xe1\x98\xa5\xf3\\\xa9\xb9] \xa8\xb2L\xa5m\x9b\xce\xed\x8af\xa3&lt; \x8d\x1f\x08[\xc9\x87\x8d\x1ek\xf7\x80\xda6\xb5\xf6\x9bV\x123\xc4*\'\x14\xc3\xc69\xe1\xe4\xed\xc4\x998 \xac8\xe7\x1a\xf5:M\xd7\xb1,\xe3\xfcp\xa0\x88\xfb\x1eP\xce\xc4\x05\x06\xba\xf4\xf4&gt;Y\x00\xab\xdd\xe3\xc1e\xc5O\xccKh\xed\xdc\xce\x90\x0czaT\xd3\n\x88\xb8\x05\xa3\x8c`\'\x9e\xaa9\xad\xc1X\xc9\xe8\xcb\xba\xe7\x9d\'C\xed!\x13\xb8\xb2a&lt;\xe6\x01\xe5y\x00\xc5(\xa7\xdcA\xf28\xc3\xdeat\x19\x8e\xc9\xf1\xea\xb6\xff\xb1L\xe2\xc3\x89\x93\xfd^\xe2v\t\xe5\x9b\xa5MS4\xd1\x03\xeb\xdc\x9d\xcb\xf6\x15\x1e.\x0f\xf1\\3\xe8Z\x19c+`\xb5\x10\xaa]\xe6\x1a\xab\xb7\x02\xee\x08\x81\xfc+\xfcW!bN\xa4g`m\xf7DY\xe3\xb14\x83\x1f4g\xc1\x13\xa5\xee\x1bw\xa9\x1f\x00\'\x84\xe9\xd7\xb5C\xb8&amp;\xbf\xc62\xbc\x1d\xbe\x11\xb9\x97\xe8R\xcaM\xb2i\x97v\xf5\x17\xea\xbe\xd6\x82\xbdh7\xbbo\x90\xce\x1a\xd4&gt;\xb0\xea\xb6Z[\xb4\x16\x8a\xacF\xbd)U[@Y\x1bck\x07\x97\xf1`\xaeY#9\x08\xa3\x8dq\\\x96\xe2)\x8f1B8L\x84T\x03^jh C\x95\xf6\n&amp;d\x19\x02\xef\xb1\x92\xf0v\xca\x89\x8c$\xe1\xecp\x9c\xc2\xff\x01\xc2w\x8b\xf4\x9cq54\x00\x00\x00\x00IEND\xaeB`\x82'</t>
        </is>
      </c>
      <c r="M9" s="3" t="n">
        <v>45492.67807870371</v>
      </c>
    </row>
    <row r="10">
      <c r="A10" t="n">
        <v>17787</v>
      </c>
      <c r="B10" t="n">
        <v>1961</v>
      </c>
      <c r="C10" t="inlineStr">
        <is>
          <t>Marcelo</t>
        </is>
      </c>
      <c r="D10" t="inlineStr">
        <is>
          <t>Marcelo</t>
        </is>
      </c>
      <c r="E10" t="inlineStr">
        <is>
          <t>LE</t>
        </is>
      </c>
      <c r="F10" t="inlineStr">
        <is>
          <t>LAT</t>
        </is>
      </c>
      <c r="G10" t="inlineStr">
        <is>
          <t>LE</t>
        </is>
      </c>
      <c r="H10" t="n">
        <v>174</v>
      </c>
      <c r="I10" t="n">
        <v>12</v>
      </c>
      <c r="J10" s="2" t="n">
        <v>32274</v>
      </c>
      <c r="K10" t="inlineStr">
        <is>
          <t>Left</t>
        </is>
      </c>
      <c r="L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835a75b7-6b91-4cdc-9153-a942ec48f3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cd\xc3+\x00\x00\x00\tpHYs\x00\x00\x0e\xc4\x00\x00\x0e\xc4\x01\x95+\x0e\x1b\x00\x00\x03\x00PLTE\xff\xff\xff\x17\x15\x19\x19\x16\x1c\x1d\x19\x1e#\x1e"\x12\x10\x15\x0e\r\x11\xff\xfe\xff\x11\x0f\x13 \x1c\x1f\x16\x13\x14\x1c\x18\x1b\x15\x12\x18$ %\xfc\xfc\xfc("\'\x1a\x16\x16\xfe\xfd\xfe\xfa\xfa\xfa\x0b\n\x0e)%*\x1e\x1a\x1b\xe1\xb3\x9c\xf5\xf4\xf41+1\xd7\x9d\x83-(.\xe3\xb6\xa0\x97#4\x1f\x1c"\xa5nP\x95+7\xf0\xf1\xf7(!!\xbf\x81a\x02dc\xc7|]5/5\xe6\xbf\xac\xd6\xd4\xd5\xf8\xf8\xf8\xdc\xa4\x90\xf6\xf7\xfc\xc4wZ\xf2\xf2\xf2\x9adH&gt;8&gt;\xf0\xef\xef\xc5\x8aj:39/&amp;\'\xe4\xe3\xe5\x91aI\xde\xad\x96\x88[D\nCC\xd2\x99|\xcd\x91r\xe7\xe6\xe7%\x1c\x1c\x9fhK\x0bMN\xda\x97~\xc5\x85d\xe5\xba\xa6nI&lt;\xaf\xae\xb0\xd9\xa1\x89B//\xbb\xb9\xbb\xcf\x84i\xec\xec\xf4\xe0\xe0\xe1\xd4\x8dsV;8b`c\xed\xec\xed\xb5\xb4\xb6\xb4wXhfj\xc7\xc7\xc8\xd1\x95w\xcd\xcb\xcdK53\xe0\x9f\x8d\x9ekR\xd3\x87o\xa5\xa4\xa6\xec\xe9\xea8+)\xd1\xd0\xd2\x9a\x99\x9b\x8d\'8\xb9}\\\x80\x1f5\xcb\x8ak\xc7\x8dpLHL\xacrRGBG\xbcuX\xb5qQj\x1a-\x01ii\xdc\xdb\xdcz\x1b0B=BQNR\x80T?bB;q\x1c0tqu\xa6iJ\x88R=e=0\xc3rW\x05a]\x9d1:\x91\x172\x88\x192fGI\xc0\x86f\xaa\xa9\xab\xcb\x82b\xd9\xb0\x9b[X]\x90[A\x13GH\x19V\\xO@\xc3\xc2\xc3\x99\x198\x95\x94\x96\x87\x85\x88\xaemMWSW\x8d\x8a\x8d\x07VV\x83\x80\x83}{~\xa0\x9e\xa1zG5olo\xbf\xbe\xbf\xe1\xa6\x95\x16QQ\xdd\x9a\x88\xa1aQ\xa8;@V3)\xe6\xe5\xf1\xd9\x92u\xe4\xac\x9d\x97gR\x97[R\xb7\x7fj\xd0\xa3\x8dYCE\xd9\x93\x851pf\xb8kQ\xb4DFxvy\x91\x8f\x92/!\x1f\xd9\xa8\x8f\xbf\x88r\xa0l]\x8ec[tNJ\xabhX\xc4\x9d\x8eJ+"\xb8xc\xcb|e\xc1\x80j\xcc\x95}\xc6\x86|\xactY\x8cVK\xb1fL\xd3\xa9\x97L9=\xabod\xd7\x8d|\xd7\xd9\xdc\xdd\xb8\xa3\x1aa[\xe1\xcb\xcc\x86ZY\xa41M\xc3\x90y\xc2\x96\x85\xcf\x9b\x82\xa5`Ey\\Y\xda\xbe\xc1\x81YM5\x82t\xb7\x8d\x7f\x94kg\xb5xt)V\\ hc\xa2tl!]e\xe7\xd4\xd9\x81LN\xabSa\x9bYE\xe5\xb2\xa7\xa4\x87\x7f\x88/I\xc1\x90\xa7\xad{i\x92P&gt;jSR\xc3di="\x1d\xa1DP\x85je\xaf\x85u\xb5cn\x95yu\xa8[J\xbcx\x87\xc5\xd7\xdfVvl\xcf\xbb\xbf\xc8\xa2\xb5\xcf\xb2\xaf\xa7\xbc\xc1:s|\xb0\xc8\xd0\xaf\x97\x92\xea\xbf\xb7&amp;lj\xbf\xa7\xa46bcj\x92\x90\xcas|\xcf\x97\x97Y\x8fxS\x81\x801\x91\x83\xda\xef\xf5\x8e\xad\xaeO\x89\x93y\xa1\xabGngq5;\xb4\x86\x98\xd1\x87\x90\xd8\x9d\xa4y\x96\x9e\x8c\xc2\xd1\xbe\xb7\x06\x19\x00\x00 \x00IDATx\xda\xb4\x97\xbf\x8b\xe3\xe8\x19\xc7G?\xecX\x96eI\x1e\t\t\x81\x0bA\x8c\x0c\xa7\xd8\xc8J\x13\xb9Ze\x05bd!\xe1-\xe4\x91*\xe1\r\x88Q\x16\x13\xd2lL\x14X#cc\x1b\xab\xd8\xee\xb8\xe2\xb0/\\\xf6\x92"$\xa4\xd8\xed\x8fk\xaeN\x11\xc8\xff\x92\xe7\xf5.I{\xbe\x99\xbcxF#[\xcc\xfby\xbf\xcf\xf7\xf9\xe1\x9b\x9b\x1f\xbb\xf8\xfe\xc4\x9ct\xda|\xbb\xd3\x97\\mUi\xae\x99\xc5\xa6\xd4\xefK\xba\xd4\xe9\xf4\xfb\x1d\xfe\x86G\x8f\xc1sp\xcfw\xa4\x99%\xb5o\xfeo\x8b\xe7\xf96\xfc\xf0\x9d\x89\x9b\xb9:l\xdf\xe9\x0f\xb3\xd0\xb6\xedi\xe6\x9c\xedL\x1f\xba\xae5\x99\xe8R\xbf}y\x96\xef\xcc\xb2\xd9\x05t\xe2\x9a\x12\xff\x93\'\x87\xf9t\xe1;\xfal\xd8i\xb7;\x9a\xed\x84\xeeP\xea\xb4\xfbz\x16\x96\xfb\xc4w\xd6\xc5vj\xb9q\x18j\x999\xd1\xfb@\x0f\x8f\r\xe3\x10\x84\x1c\x82\x8a\xd9\xd4}Z\xbd\xf8\xff.\x08\x99\xa59S\x1dDz\xbf\\\x9f\x9cY\xbf\xd3\xeeHn\xbc\xf5\xb6v\x14\x14[\xcd\x8d\xfd\xc8^9\xab)(\t\xa1\xec\xeb\xee\xca\xb7\xa7\xa65\xd4\x87Y&lt;\xd5\xf4O\xe7{\xa2\xb0\xc1\xb1\xe1\xd5A\xb1\x88\xab\xa5m\r\xa5\xfe,\xde?\xac\xb5\x8f\xe1\t\x17\xb9\xb7\x0f\xd2\xcd\xa9\x8a\x97\xfb\xc5\xd6\xf6}\xbf\x8aAJI\xb7*\x88o\x15\x9b\xd6l\x16\xdb\x89c\x82\xcd\xf8\'S\n\xce\r[L\x86pb\x90\xc3NBs\xa8[\x8e\x97\xee\x1cW\x92\xa4I\x16m\x8c\x9ea\x18\x03o\xe9/\xe6\x0f\xc5\xbaL\x96\x8e\xefh\xb3\x99\xa5-\x93eU\xf9N\xa8iN\xb2\xb5]}"\xb5\xf9\'\xa3\x9a\xbc\xd7\xde\x87vh:~\x16;\xd5\xe1\x0c[\x85\xd1\xa9\xd8\xdb\xabl2\xb1\xa6\xdbT\xa1\x18E\xee\xe5IR(rz&lt;\x97\xb6\xe38q\x16\x87\x15\xb0\xd8QtX\xdaIY\x96~\xe6Bp\x9f\x02\x0b%\xbb4t\xc3*:y\xeb\x95\xbf\xd2 \xeb\x96\xe7c\x1eD\xeb\xd3bW.\xc3x\x1a\xfa\xc7\x07\x12\xa7\x94\x9e\x91\xef\xca\x82a\x1f\x8a\xc5\xee\x10-\xa3$Y\xef\xd7\x8b\xb3c\'\x80\xb4\x0b\x82u\xe2k\xf1\x14\xf2\xf1\xf1Tm\x1d\xd4\x98Y\xd9j\xb9/\xf2\xe2`\x87\xd5i\xe3\x05\x8b4_\xec\x0b\xef\xe8m\xf6\xb6\xe3\x83\xd9{x\x8bPd\xc5\xd8,\xf2.\xce\x1ay\xb0\xdf-\xbc|\xf0\xb09\x96\xf629\x1f\xca\xf5i_\x04\x89\xed\xc3\xc1\xcc\x0e\xff\xe8\x10\xb6\xa5\xcc\x8f\xe2\xcc\x8d\x9d}\x90\xe7\xbb\xed\xa1|P\x14E\x96\xd34\xcd\x1f\x06\x03#]\x94\xd1\xf2\\\x088N\xb2\x02I\x1a\x0f\x02M\x10\xcc`\x13\x9cRAa\xe4\xcd6Z\x96eT\x1d\x82\xb4(N\xc9\x12\xb2T3\x1f\x1b\xc5\x8b\xad\xcceY\x85n\xa6%^\x9a{E\x91\x1a\n\x81c\x04\xa3\xf4\xe6=\xa6\xcb\xc8F\xea\xed\x17\x81\xdc\xa2\x05\x96\x15\x18\x86\xa4\x18\x81R\xe5\xb4He\x16\xc3\x84b\xbd]o\x0f\xbe\xb3}\x90\xf3Sr^\x97v\xa5\xcd\x1e\x8d\xd5F\xceZ\x9d\x0f\xbe\xb6\xf2Ko&gt;\x7f\x18\xf4\x04\x81$H\x06\xa3)\x8a \xf0VW\x90\x159\x0f\x00\xab\xd5\xa5HA`)\x8aa(u4\x98C\x0ep\x98\xec\xedN\xa7mb\'\x1bY\x99\x9fv\x9b\xf4xXN\'\x8f\xc2\xba4\x98I\x7f2\xd3\xca\xf5!\xd9m\xcb\xe3\x80\x84H\x91\xdd.IR\xb0\x08\x1ao\xb5p\xc60z\x83\xf9@\xa1h\x02a\x013A\xd3c\xb6\'38EPr^\xa4\xf9\t\xaa\x86\xd2\x15\x0co#\xc8A\xb4z\xff8,\xd4eM\xd3\xd4\xc2\xa9\xbf\x8c\x16\xdei\xed\x19\x0c\r"1,\xcb\x10$\xcb\x02\x00\x8e\xe1]\xd9\xe8\xf5\x14\x88\x1dI2,\x03J\xc1\x9b49\x1a\x8d\x048\x01\xc5\xc8=\xb9\x97\x9e\xcei\x97T\x04E\xc0\x85\xc0\x8f]\xd4\x96\xfeW}\xae\xa7\xea\xe8\x96\x05\x19\xedl\x8f\xc7\x8d\xb7\x08\x1e\x04\xb49\x0b\t\xa7(\xac\x00\xb2\x114\xd6\xa2\xe1\xbe\xa7\xb0$MA\x04\x91\xb5(@WY\xf0\x19\xba\xef\x02*\xa9\x18\xb9\xc1vI\x0ck\xd5\x04/\nM\xe8\xef\xedK\xe7\xe0;\xed\x8f-\xed\xca\x18\x0eg\xb3,\xae\xd6\x1b\x19jQ&gt;W\x18\x82f`7\x05\xec\x0eJPL\x17\xaf\xb5hu4\x92G\xc0\x03\x00\x97\xd0\x12\xb4HS\xa2H\xaa#E\x01\xc5X\n\x83\xe0\xca\x02A\xb4\x1a\xb5\x1aS\x94+\xd4\xb6/\x0b\xfa\x06\xb4\x08\xa9\xff\xc3\xb1&gt;5\x1c}fN\xed]\xaat\xb1&amp;\xa9\xc8 \x10\x14\x01\xb6K\xe1\x0c\x0bVB\x18\xe0|u\x84|N"\xbf\x894\x86\xe1\x10fQ\x14\x01EAr\t#\x86F\x1f\x11 U\xbd\xde`\xe6\xebUf\xcd\x86\xba\xa4\xeb\x88jhe\xd7La&lt;/e\x9ai\xb9\xee49\x152A\x92P\x10\x14\x90\x04\xfcD\xd1\xb0\xb5Hp\x04\xf2\x13l\xaf\x92*\xc5\x01\x96H\xd3"\xd7\xe48\xb8\x88\xe31\xa9\xb2*\xc9\x8e\xd8Q\xef\x12o\x02\xab\xd5\x1a\xb7\x8d\x9a\xb09\xdbN\xac\xb9\x13]\x87\xc9\xa7o\xadB;\xbe"\x01x}\xb5\xdd\x1d\x9c$\xd9m\xe6\x06\xd8\x83\xa6dC\xa60\x1c\xab5Z-T\x1c\xe8&amp;G\x00-\xd0P\x94\n\x1f\xc3\x1f\x1c\xd6\xe4\x9a\xc0\xc5\x89cUU\x91x\x10\xdd\x91!\xa3r\x06ba\x8d[L\xce\x17;\xe8\xdc\xab0\x1b\x0ea\x08\x19\xfa\xfb}y\x05\x16\xcf\xbb\xd1v\x91\x1f\x17\xb91H\x07\x90t4)\x1b\n\xd6h4\xea`\x90\x16\xa1\x8at\x13\x03k\x93\x0c\xc2\xa2HJ\xa4X\x8ak\xd6?\x89\x05T\xeax\x0cWHHEF6\x84\xf3\xb4\x1a\x8d\xee 8y^\x02SOhf\xd5t2\x8b\xcamb]c-=\x9bV\xdbm\x12x\x9eW\xc8P\xa8\xc0\xe5J\x97\xb8P\xd5p\xb0\x8a\xd8\x04\x00ND@\xb0\xb0&amp;\rA\xe4DJ\x04.dw$\x17r\xd8\x88\x14YU\xc4p\xbc\x05A\xacQ\xf2&lt;\xf0\xe6\xc7C\x84\x06\xc5\xc3\xba\xca\x96\x8ei]\xe1\xf8\x9b\x8f_\x1cB\x1f\xe6\xa6(\t\x04\x9c\xa0\x04\xc0\x82\x7f\x8e\xe3\x18\x86\xd1\x82@7i\x91\xa1\xc8K\xf6\xd1\x04\xd6\x84\xdb&amp;GQ\x88\x8a\xa2\xc6\x10E\x10K\xa4EH\x06\x96\x04\xa5\xb0\x1a\x0ejaBo\xe3\xa5\xc1z\xb78."\x7f\xb7\x8e\x0e\xd3\xfeu\xc3\x17\x1a\x8fuW\x0bW\xda\xb4J\xe6-\x8c@9\xde\x82\xaa\x8e\xe3\x04\'\xca\x8a\x88q4\tu\x9d\x81\x00c\x88\x94$i\x0e\x1c\x07"^"\xa8\x82\xef!#i\x8e\x94\x01\xab\x06\xe7\xa9\xd5\x1b\rZ\x19\xf4zE\xe0m\x8e\xde~\xebG\xa5c]\x87\xf5il\x1ff\xdat\x05\x83\x1d\x86\x13\xd0XH\xb2\xd5\x80x\xd0\xc8&gt;48[\x85\xfa@\x13$\x85q@E\xc1\x9b\x14z\x17";\x06\xd3\x8f\xc1\\c\x94\x9a\x90\xa7\x08\xabV\xaf\xd5o\xeb]\x06kQ\x02\x8c\x8by\xbe\xb0\xe3\xa9\xa5w\xae\xad\xa5h\xa6\x99M+?\n\x04\x10\x8b` \x9d\xc0C](a\xcdf\xbd\xde\x04m\xc0N"\xeaF8w)\xeb\xa3\x11\xcb"\xa7s"2\xfd\x18qq\xcdF\xbd\xd9l\xd4\x1a\r\xe0\xaa\xdd\xde\xde\x02\x1f\xc4\x12\xce(\xc3\xa8Xe\xd6\x049\xeb\x1a\xb2K=\x85\x99\xf4\xb0\xf6d\x0c\x05\x11\xf5\x17\x02j(`\x81\xf3!\xe7(0&lt;r\x97\xaa\x8e\xee\x9f\xbf\xb8\xbb{\x85\xd6\x8b{D\x86\x98\xc6\x1cZMH^\x88\x1e\xfa]\xaf\xdf\xde\xd6\xe1Z\xeb\xa2C\xa6y\x11eZ6\xe9\\\xd7|@\xac~\xdf\xacl\xff\x1c\x18\xd0c\xa0\x8b\xc0&lt;\x05\\\x04\x88\x05{]\xaa\xd3=\xf0\xc0\xba{\xf5\xec\xcd\xaf\x7f\xf3\x87\x9f\xbd\xfd\xdb?\xbf\xff\xd3\xbb\xbb\xe7\xf7\xa3\xaf`]\xb0@0\xae\x81\x9e\x87\x00"\xac[\xc4\x08\xfd\xa9\xcb\xa6\xc1\xe9\xacA\xc9\x96.}\xf1\x8a\xef`\x90\x8b\x93Ui\x1f&lt;\x99l5a4\x00\xd3Ca\xc7`\x17T5\xc5\xaf\xee\x91B\xaf_\xbf~\xf7\xf7\xb7\xb0\xbe\xf9\xd5\xcb\xdf\xfd\xf5\x8b?~\xf1\xdd\xd7\xdf\xbe{uw\xf7\xe2\xf9\xbf\xc6\xa8\xe6\x8b\xaa\xd8l^\n\xde-Z@\xd7\xaaA\xdet{\xc5)\xda.\xb5\xcc\xb5\xa4\x8e$\xfd\xd0)\x1a"\xd8n\xf7\x873-\xda\x9fr\xd4\xa2A\'\x18\xf8`D\x00_5 \x8e\xe2\xfd\xdd\xb3go\xbe\xfd\xfc\xed\xe7o\xbf\xf9\xf2\xcb\x97/\x7f\xfb\xd9g?\xfd\xc5/\x7f\xff\xe1\xc3\x87\x7f\xfc\xf9\xbb\x7f\x7f\xff\xf5\xcf\xdf\xbc\xfa\x0b\x80q\x90\x92\x8dF\xed\x12Ax\xfd\x871\xb3\xfbi*\xcf\xc3xNOOS\xe8)\x14\xadB\xbb9$4E \x85R,\x12@\x03R\xc0\x94\x81\xbeP\x8b-%\xa4\x14JB(\x84\xa27c\x0b$\x10\xde\x02\x15\x08\xc6\x08\xa9k\x0cU\xc0Q\xac\x8b\x98\x11\x13\x83b\xc8\xcc$\xde\xe0$8\x99\x98\xec\xdd\xdc\xef\x7f\xb0\xcf\xf7\xc0\xec\xdeP\xe3\x8f\xd2r\x03|\xfa}}\x9e_\x19\x1ed&lt;d\x9a\x10\x98\x9a[\xb4M\xc6&lt;1[\x8b\xd52\xd1\xf2}\\DE\xc1\xaav\x92\xa6\xd1\xd2\xb2\xc52\xccTk3\xd3\x90\x10\x0c\xf8\xcb\r\x83\xe3\xaf\x0e)D\xc1\xa0\xc1p\x0bP\x06\xbd\xde\xa4\xb9t\xfe\xadxF^\xbf?j\x1b\xb8\xf9\xfc1\x02\x86J\xa4\xa2\x02\x16\x87&gt;F\xdd\x13\x96:04\xebt:\x17-\x93\x9e\x02\xcf\xc2\x84\xf7\xbb\xccP\x16m\xea]\x14\xa4s\xcd\x18X@\xb4D\xd5\xa9\x80\x13\x84\xe2R\xc99\xd5\xe5\x86\xbaWw\xc3;\x8f\x80\x04(\xe2\x12\xc1\xaa*\x9f\x8cP\xc0.\\\xb80\xf2`o{\xec\xce\xf3\xcb\xc7uu\xf6\xac\\\x8e6D\xfax\x19\xb2(g\xd0\x88\t[\xc4\xe6\xf3z]\x13\x8bN\x88\x89\xac\xef\x18X\x98\xa4\x16G\xf3\xd0\xc2\xd4\x9aQ\x9d\x1f\x80\xd3\xc9!iI\x8b\x0f\x82\x06\x8b&amp;\xad\xbdn\xec\xee\xce\xce\xa3G\x04CD\xb7\x08\xec\x96!\xea\xaf\xd4\xd4?\x19!\xae\xb7#/;\xaf\x10\x97\nm+;\x0bUC\xe3\x01q\x82\xeaB\x15\xa8\xe1\x98f\'=\xbe\xe2BR\x120\x0c\xc7\xb7N\xdf\xc8\x1e\xe4YK\x9fe\xb4?\x07n4\x1fB\x14\xca$GT\',\xa9*\x94\x95*\xad}\xf0\xd5\xfe#@\xdd:\xc11\x88?\x18\xf4Q\x7fUkk\xa5\xe6\xc9\xa5\x91\x91\x91\x07]\xf6p\xc9\x17\x8a\x97\x8c\xbaO\xacx\x11\x8b\n_\xcej\xf3\xfb\x1d\x89\x885\x9b.\xa2\xe8d}{\x15\x16\x16W[\xfb"S\x0ec&gt;d.\x96\x9e\x12e\xae\xa6p)\xc9\xd2H\x19\x1aX\x17\x7f\x18\x06U\xd0\xa07\x9c\x04K&lt;z\x9ch\xb4\xd6o\x12\xd9*\xbbt\xf6\xe9\xf0\xe1\xf0\xcdvp\xc9y`\x01\r\xe9\xe3X\x8e\xb0$\x99H\xc3\x94\xcdL\xd7\x1a\xa5t\xb5\xf3\r.\x1aU^l\x9bH\xf3L@-@"\xf1\x1c\x03\xab\x83\xd9\x80\xa2\x82{\xc0\xa0O\xc7x\xc8#\xaa`\x10\x14/^\xbc\xd0\xbf\xc0+\x02E/\x84\x85\xa7\xdah-\x8e.\xd8;\x1d\xde\xff2\\\x07.\xeaE9\xedj\xccR&gt;\x1d\x81\x933\x82\xa04\xce\xd3}F\xa3\xad\xd1Y]]\x9d\xf2b\x02EU\x98]\xbc\x1b\x9b\x8c$fzrH\xa7\x8b2\x86\x91"}\n\xecD\xd8\x18m&amp;\xfa\x8ao\x1f?\xdcA\xa8\xa28\xd7\xc4\xf3\x82\x8e^\x8fx\x11\x95\x186C\xb0\xb7wzz\x7f\xffpL\x8c\x17\xfe\x14\xcf2\x7f7$\xb0x\x89T\x9a\x1fpt\xc4fg\xa7:fmNgKaF\xaa\xbb\xd0\xec\xd2\x16\xafkrah(\xa0%\xcf\x05%\x8a\xb7)\x11\x94i\n\xc8\x06\x96a\xa4\x99y\x98\x0f\xca\xc1/\xfb\x94A\xf0\xdchj\xa2\xc7\r\x02;\xc6\x89\xeau\xc8\'\xa6F/a\x85\xf7K\xc6\x86\xef\xdc\xcbc\xc48q\x9c\xc8%K\'4\xc8\x0f\xbc\xdf\x9e\xa1\xa1\xb5\x85\xb9\xb9Y\x8b\xaf\xf8LF\xaa\x1b\xdaj\xb3u\xd7\x15\x0b\x19\xfbs0\x11\xd2\x18\x0cA\xfe\x98\x87\x9c\xa9\x82#=\x05\x9d\xd70\xb0\xbf\xf3\xa8\xd7\x10%(\x9c\xfb\xe0\x12#&amp;f\xb1\x96\xa2\xa5\xfb\x9b+\xbc\xbf\xbf\x8fp5\x9c\xa3q\xca\x91\x9a\xa7\xa5Hb\x82aa9\xa5i\xda\x1e\xf8\xbc\xf9\xc9\xd8\xa2\xb70\xe3t\x85\x93\x95\xed5\xef\xf6\xf9\x9c\x93!\xea\xc1\xfc|)G\x8d\x0c\x19\xc32*\x16\xc34\x1d\xb3\x9d\x04C\xde\x0f\x87;;\xbdA\xfd5\x02\xa2\xef*\x04\x8b\xb8\xf4\xc7y\xd4\x1b:\rx\x10\xd6N8\xbc\x1f.A\xb8.\xaa\x10#h\x08\x8a\x13a\xc9y\xd4\xac\x94:J\r!\x11\xb34\xba\xcc\xc5)\x9a1#\xbb\xc5l\xae\xf6u\x0c\xcd\x84\x02!G\xc0\xa8f\x05t3\\3,\xbbR\xc90r\x19\xa3\x92@T5\x8ccb\x051\x0b\x9a\xee\xdf\x17\xa1n\xf8\x91M\n\xd8\xb5(\xb0\xa2\x88\x97\xbeS\x0c\x16\xb28\r\xb0\xb1\x81\x9b\ryh\x15&amp;\x9dK\x97\x03\x8bd7J6\r\x19\x81\xca\xcf\xe9i\xf6D\x16\x1b-\xbe\xec\xd3\x95\x17&amp;\x16\xac\xa456\xdf&lt;5\xbb\xb66\xd3\x9f\x9f\t1\xca\xf1\x82R\xca\nj\xb5(y\xe1\xbe\xceI\xaf\x1f\x84\xa7\x91BP\xb5\xd6\xd4\xdcGmU\x89Ev\x03\x07\\b/Rq\x11V\xef\x0e\xb8\xae\x94\x0c\xd7\xddkO\x03S:U\x97\xa8SE4\x96.\rP\xf7\xcd\x89\x0e\xa7%B5\x9f\x95bhe\x14\xfb&lt;\x1e\xdb\xc4b\x87\xc3\x98C\xfb\x19"F\xa9\xc4\xba\x07\x1a\xb0x\xa9\x1a\x86a\xb0\xbc\xbb7X\x0b\xaa\x1aP\xb5\x8a\xe5u\xa3\xe9\x8d\xf8\x8ax\xd1\x11K\xeb\x7f\xe1\xbaR2v\x07\xe1\x82Sb\xc8f\xf0\xa4SE\xf5\xc5\xb1\xe4\\\x10\xad\xb5\x8e&gt;WcA\xea+\xd5\xac,\xaf-\xe2j)\xf08\xb4\x9c\x04\xb3S\x90B{\xb2\x12\x01\x87E\x17qp\xae\x8a\xf6\xa7\xb9\xf6\xa0\xce_UYSY\xa3\x01Y\x8d\x86\x9e\xdf\xbcy\x83\x8c\x9e\xa42z&lt;\x1f\xfe\x8f5\\w=\xef\x9c\n[\x8b\xaa\x9e\xa3\xfe\xc6\x86\x04\x97\x04\\ju~\xcf\x9am\xa2\xb1\xb1\xd1\x9c\xd2\x02e\x94\xba\\f\xeb\xech\x99\x82\xde\x0b\xc6\x15]tH0\xe53\x81%O\x87\xe9\x91^\x7f\xd5m\xd7\xd5V\xb5\x02JS\xef^^v\xbb\x97\xdd\xf5\xee\x87oj\xf0E=@\x95&amp;\x06\xec\x84+\x1c&gt;\x9e\x11\n\x15#\xe1E&amp;\x8e\xcc\xa6\xa8*x%\x86*\xfa\xcb1\x15\xb3\xcd\x8f\xbaR\xe9z\xcc\x08k\x9f9\xd6\xafV\xaaYF\x1c\xa0\xc8\xbe\x80\xf1\xa2V\x92vc\x15\n\xe6\xe2\x8f\xab\xa0\xc2z\xa9\xd4h\x96\xeb\x8b\xea\x97\xddKt\x8a\x96\x1f&gt;\\~Himj\xf2\xe3\x1cOyqF\x00kl\xfc\xdec\x15I\x1c\xeeDz\x89C\x95U(\xf3\xfbC\x81\xd1\x85\xa1\xa9\xc9\xf9\xd9\xd1f\x9f\x97\x84\xea\xa9\xf7\x0e-\xe6&gt;KH\xabVcta\xfb\x90\x9e\xc9\x84\xe5\x12X\xba\x99!sq\xae\xe1`\x1bT~\x7f\x13\xc2\x85$&gt;\xd4\xd4\xd7\xbb\x8b\x96V\xc0\xb5\x8c\xd0-/\xd7\xb4\x12R\xad\xc9\xd4\xd5u\xbb3h\xc7ZD\x16\xcb\x07n\xfe\t*\x86&lt;\x00\t\x1cZ\xd6\x9c\xb4\xc71\x8f(E&lt;N\x97\xc5\x93H$:|\xde\xd2\xea\xecS\xb1\xce\x94\x9a\x17\x17\xd4\xda\xd1\x99\xd19GH\x0b,\xd4}\x9aT\x90Hh\xd2\xc0K1\xd2\x7f\xaev\x82\xca\x04\xb0d&lt;\xbeu\x14\xff-\xfe\xdb\xbf&gt;\x14\x89\x01[*r\xbb\xeb5\xad\xc9\xed\x9f\xdaV\xdb6\xb6\xe3q]\xa7\xdd\xdeKX%cu\xcfU\xd0\x8e\xc7vC\x94\xf4\x1c[\xe6\xf0L\xb8\xfa\xcc\x10\xcd\x85\xa5\xbb\x05V\xef\x84\xcb\xea\x9c(=}H\x14zm\x8e\x1e\xe3\xda\xfc\xc2\xdc\xfcL\x8e \x00\x0b\x83\x94\xc1P\x86k\x85^\x06\xd6\x86\xae\xd6T\xeb\xaf\xdd\xdaX\xdd\xc4y\xb7\xf9\xeb\xa7_\xde\xbf^Y\xf9\xbc\xb4\xb2\xb2\xe4\xaeG\xb4\x92?o\x1e&lt;}:&gt;PQ\xde\xd6\x96\x9b\xdb\xdd\x9d\x0b\xac\xf2\x81{\x97\xc9\x99\xa4s\'BU\xce\xb3\xfdC\t\x9b\xb3\xc0\xe7*(-$\x93q\xa6\xd4\xea[\xec;\xfdN)\xab\xd0\x1aknv\xac\xcdw\xcc;\x8cZ\x16$\x18\r,+\x93Q7f\xb2rF\xfb\xc7\x91\x98\xa2\xedW\x07\x07\xef&gt;~\xfc\xe3\xe3\xd7\x7f\xff\xfe\xec\xf5\xc8\xe7\xcf\x9fW\x96V\x10-\x8d\xa6r/\xfei\xf3\xe3\xd3\x1f\x07\x07\xeb@V\xbe\x9a\xdb}\xa5\xbc|\xac\xe2f\x1e\xb46ml\xaci\x19\xe5\x92\xcb\x0c\xad\xcdM\xc5&lt;\x1d\x89H\x01&amp;V\x06\x9cCq\xcb\xe9\xf2\x06~\xb5`2ai\x9cLL:B=9\x8c\x00\x03Fw\xc9,G\x16_\x90\xc8\x98\xb2\xaf\xb7M\xe0\xda.?x\xb7\xf9\xee+\x0e\xa8\xfe\xfa\xeb\xedUP\x15\xb9\x8b\xdc\xcb\x1a\x8d\xe6\xe5\xde\xd1\xaf\xef&gt;&gt;\x85\xff\x18\x1f?\xa0\x98\xa1\xe4\xc7*\xea\x1eCta\xf7\x8b\x9e\x91^d|N\xa0\xc7\xe8pLE&lt;\x1es\x86h\xca2R8Fh\x08\xb3%V`mL4\xcf\xcc\x04\xb4\x1c]|\xb2&lt;+\xa0\x8f%&lt;\x02\xc6K\xca6\xd7M\xb7u[\xab\x9b\x1b\x1b\x9f\x8e~y\xff\xec\xd9\xb3\xff\x8c@!_\xfd\x07\xb0(X5\x95\xad/\xf7\xd6\xe3G?ol\xb4\xad\x96#Z\x15\xe27z\xb1\x1dZ\x06\x83\x0bc\x06dd\xfb\xa1\x01X\xadca\xae\xd16\xebk)\xa5\x1eLe\x173\xb2K\x0b\xe8\xb3]Wb\xa6y\xc8\x08\x12\x892\x13\xa5\xc5\nZ5mG\x0c\x8d\xb2M\x93\xe9\xf6\xd6\xf6\xc6\xd1Q&lt;\x9eL&amp;\xbb^~\xf8\xf0\xe0\xc9\xa5\xf3\xe7/\xa1\x19\x97\xdc\x9a\xfbM~\xd3m\x93i\xdd\x94\xd4A1\x1f\x96\xb4\xad\xae\x96S\n\xc7*\x06\x1aT\x98\xef\xa4R)\x8d$\x9c\xd1G\xb24tc,\x86]\xbdX\x9c\xd2\xc4\x8a\x1f\xf3\xda\x16\xad6\x8fej\xa6\xcc\xa8\xc6\x1f\x11\xd4\x82\x84\x05\x8e \xc0\xac(\xd29\xa6\x01X\xba\xed\xa3\xf5\xf5\xf5\xa4x\x82:]\xb2\xeae\xa5\xa6\xe8\xd2\xe7\x95\xfa\x9a\xd6*\xbf\xae\xb3S\x974a&gt;$;{\xc3%W\xda\xda(h\xc3\x15\x15\x03\xd7\xcf\x91b\xe6\xc9j\xc8x^d\xc3?P\x1aCs\x1et\xfd\xdc\xb7&gt;\xfe&lt;c\xdd\x9d\x98\xb05\x87B=Z\x06\x9b\x0b\r(e%t\x15K\x17\x1b\x8c$\x9d\xe3\x1b6\xbaL\x9d\xf1\xbdg\xef\xf7\xba\xaa\xba\x92[?\xdd=&lt;\xbckG\xd0\xea\xcf_]j\xbd\x16\xf5\xeb\xec\xdd\xf6\xad\xf8\x96}\x0b\xc7\xde\xdb\x9d\xdb\xd6\x86dV\x0c\x0f\x0f\x0f\xdcS\xd0-\xa2\x02"\xee,Cr\xfe,\xe9/\x8ch\xed\xe8|bv.\x11q\xa5\xc6\xca\xf0VW\x17X\x12=\xf0\'\xb4V\xf1kP\x7f0v\xa0\xe2y\xc9\x7f\t\xb5\xb2\x976\xf7-J\x06{\x9a\xc4\xd4\xd8\x9b\xd4\xe8AA\xd1\xa3\xc5\xa9\x0eG\xea@\xda\xa4QL\x9cM\x1c\x83\xa85\x05\xb1\x06\x9b\xf8\x12\xa7\x82R\x8fE\x1b[\x12\xc2\xd18\x10l\x8eC\xaam5i\x93\x16\xc4\x89C\x15\x04\x89\x0fF\xc2\x11r\x9f\xfb\x1f\x94\xfbp\xd7\xfe\xda{\x9fZ\xfbQ\x10)~\xaco\xff\xf6^{\xad\xbd\x7f&lt;V$G\xb32\x90\xd4\xb6&lt;\xffn~\xef\xed\xf2\xc6\x8a\xcd\xe11\x1a-A\xf7FG\xec\x8d\x19\xd9\x10lYu\xc2#\xf7\x96\xdb\xe1p\xbbm6\x04\x0b\xb0\x80\x0b\xe1\x02,\x11\xf0D\xa1\xff\xa0\xe7\xb0\x18\x99\xca4"\x960\xa5kzR7\xa8S\\\xd2\xa9a\xc6\xb2\xcbS\xa7\xa1Gi\x9d\x83\xea\x13Fq\xd9L\xb0\x98\xc1A$G9\xdb\x964\xb07\x0cXs\xbe\xd9Q\x83\x89\x9e/F\xf7\x9b\xdb7c\x1b\xd3\x9d^/:M \xe0\xc0\x03\xbc\x05FOA~&amp;\xd8\xab\xe1q\x01\xc1\xc2\xb9qh$L\x06\x81\x0e\x91i\xd9x\xad0kbiz\xe4I\xf9\x8f\x85\rlds\xeds]\x16\x87M\xb3H\x94 h\x8b\x1d\xf1U\xef\xf2\x89S5\xf9\xd5I\x1d\xef&gt;\xfe\x05T+feK\x96+d\xb7\x9b,\xb6\r\x95L\xd5\x98\xec\xf4\xee\xef\x07-F`:1/h\xd6\xd7M\xa3\xbdD\x10\t\t\x99\x05h\xd6\x88\xd6\x15\x16p\xf1Ik1DAS/\xfa\xdc\xf8\xac\xe9\xbe\x9aqEm\xde\x0fX\x0b\xa8\xca\x07\xa7\xfa\xa6:\xa5\xe89\x00\xc6\xe6\xc2g\xb0\xc8\x9b\x0b\xd8|d\x1b;\xfe}~\xf5\xc0\xdb\xe1\x8f\xf3\xcb\xbeY\x83y\xa1k\xc4\x15\x92\x9b\xec\xa6\xe0\x03\xd2\x81C\xc9\xce\xfd\x80\xd1b1ZN\xb6\xff\x99\xeaqe\xbd\xd7\x98@\xa9\xb3[g\r\xa4!D\xd02,4{p=5G\xc6qD\xb0im\x14\xc1\x9d~\xaa{25\xa5\xc8\xf8.\xac\xeb1E\xa9\x83\x83\xba\xa9\xc9\xbe\x879 ,\x12\x11\xccB\x04m\x1a\xfa\x06]\x88+^\x98\xad\xbe\xb57&lt;\xfcv.\xdfd\xd8\xfe\xc7\xac\xb6\x9bN,_,Aoz\x19\xe9\xd4v\'`\x99,\'\x0e\xdf\xe1\xb9r\xfd\xbcB\x1d\xb2[z\xf3\x13\xb6\x12\xf2\x8d\x96u\x01\x8dThdw\x95\x9a\x10\xb9\x0cT"\xc1\x8a\x8c\xe0t=|2\xa6\x9b*\xad\xfcN\xd6\x03U\xe5\xd8\xe4`eyjw\xbdn"\x85\x08\x0b\x7f\xc5f\xb2] \xa1\xe9,\'J\x8aN\xdd\xb1\xf7\xd7\xfc\x8eov\xe5\xe2\xd3\xc5\xf1\xa1\xc7\x83\xf0\x04\xbc\xced\xe8\xfa?e\xb1\xe98DK\xaf\xc3w|\xbc:*\x1f\xfd{\x14\x99g)\xc8\xc4)\x02\x96\x08xD|f\x92\x18\xc1\xff\xa6Sq\x80\xf0\xa3\xb4\xfd[\xaaz\xde\xd4\xf4\xbd\xc5AtZvQkS-\r\x902Z\xa7:{\xc4$\x1b\xe8c"#Iy\xb1\x10z^\xcaBC\xd2\xad\xdb\xa8\xc2\xe5\xe5]\x94\xe3\xe6\x99\x83P\xe9\xfb\xfbU2\xc0\xb2\xde\x1c\xf2\xc2F\x1b=\x1e\xa6\x12m\xee\x84\xd9\xfc\xde\xde^$=EKt\xe5\xaaH\x00\xd5\x85H\xb1\xbe\xd69\x1d\x03\xc1B\xbaD\xf5T\xe8\x14U\xa9i\xdf\x8fVse\x063\xc9E\xfb\x99\xea\xe2\x12\xdf1\xef\xe0\x89\x85\xdf`\x99\xb7\x06n\xbd-\x04\xaa\x1d\xf0\xfb\xce\x9c\xdba\xf4\xb8\xe1\x10\xcbd\x04Kv\xb3\xd1\xe9\r\x04\xf6m\x80\x16\xc4\x0f\x1b\xb4\x03DM~\t\xc1\xb2\xc3+\x8a\xe8\xeb(\xb7\x00\x8b\x85\xf4\xc0Wsx\xf1la\x9c8*edr\xb2\xaa5\xe3\xfbr\x8b\xa9\xd1\xe8kiH\xb2g\x9dB\xaa\xc1+\xb4\xe2\x91pi\xe0-\x10\x88\xb3\xce\xe7\x06:@\xa3I\x1b\x1bso\x96\xe7|\x88\xc8k\xb2&lt;2+\xa1\x92ie\xc9(\xc6}T$\n\xd2\x88\x0e\x1d\x08d\x96\x00[C\xa6\xd1h*\xc6\xbb$&lt;\x11_@c|\xc0b\xa1\xb2ih\xc6\x8e\xeb\xa9\xe8\x9b\x18\xa9\xa9\xa8(-\xff\xd1\x94+\xfa\x7f\xeb\xcd\xbc\xa6\x1e\x1e\xb8\x8f\xd9\xf0\xb0$\x12fX*\x94f\x1d\xccu\xec\x0c$%m8\xc3\xe1\xf0~8\xec\xd5\xbf\x86\xeb\x91Y\xb52B\x85\xe4\xaa\xd3{\xf7\xc3^\'\x82\x16\x0c"`\x8f\x1e\xc1d$\x944\x94\xc0Z\'^\xf9\x17\x9f^$\xa1\xf5B$q!\x9b\'\xe4\xf0\xd9\xf1)\xd3\xb5\xa9O\x96jr&amp;\xe0\x15\xa3\x7f\xb2X\xa9\x1c\xecaE|[&lt;\t\xb8\xf1\xd0\x96B\x1eO\x9cs\xb0\x8c`A\x05\xa6;i\xbc\xf5\xba\xac\x11\x96g\x11M\x1a*\xdeJ\xe7\xf8\'\xb2\xcb\xcb\xfc\x9f\xd3\x1b\xde\xdf\xffC\xdf\xf6\x80pe\x12,\xf8_\x89\x00\x06\x88\xc7D\x0b\xb1\x12\x80\xa0\xaf\xb2\xc5\xd2\xc9\xbc\x8c\xd4\xaa\xc1\xa5\xf1\xd2\xd2\xe6\xe8\xcb\xef\x89\\o\x1e\xecb\xe6\x89 /\x16\x8f\x96\x13\\\xa9\x98\xc3M!X\x1d\x85p\x844\xa3)S\xf9\x17\xe1,\xb4Z\x95_\xab%l\xf0d\xedI\x0f\x18T\xcc&lt;.\xbd\x1d\xbd\x9b\xdc\x0f$\x97&lt;\x11\x8c,\x92H\xf8t\x8a\xf8\'\xc2\xf1\xc1\x0b\xa1\xedv*\xb2c\xd2bb\xbaS\xbb\xc7\xba\xd3.\x87UT\xfa\xe4!\xa4V\x04\xb3\xe2\xe1\xd1\x9a\x97\x1b\xd7\xa2l\xc9Y\xddy[XX\'\xfb\x93\x12\xcaO\xa0\x16\xb5/\x16\x1b_\xcbfN\x7f\xfb|J1\xab+,Lrz\xfb\x99\xd1\x17\x0eXU\x96\xac\xbf\x8fp\x01\x96\x8bO\xe6\x87\xf6U\xb4\x0f\x05\xe5\xa0i\xc0\xb7\xb3\xc4}\xad1\xccM\xaf\x98\xd4\xda\xd4\xecKo\xd7e\x7f(\x1d\xef\x14\xb2\xbe\xc2\xa2}\xa1P(V\xaa\xd7\xfe6\x13\xac:2\xad\x88\x12&lt;\xd8\xa2\x1f\xc1Z\x94Y_\xdc\xfd\x8cg\xc6j\xbd\x17{\xbb\xae]\x1f\x06\xbd\x96\x01\xb8\n\xf6\x7fHOB"\xff\xb1\xc5U\x1c*\x16Ix&lt;!\x97vFh"\x94\xb54\xdc\x9d\x1e\x83\x9a\xa7\xe1\x1a]\x9e\xbblTy=\xa3\xa8u&lt;\x07F\x07\xfd\x86\x13\x8f7Ia\x15s\x95k\xbeU\xc0\xaa\xab\x8b\xd5\xd2\xf3\xe2\x85\xd5\x8f\x90Y\xb53\xa7\x0c\xa8\xcf\xa7/\xac\x8c\xd3\xae+s\x06\xbcT\n\xccTb(\xb9\xfa&gt;\xf8\xf4\xb1%\xb4\xbe\x0eX\x02\x01W\xc2\xc2)Jhz\xc0h\xe7\xf8\x8a*r\x88\xb4\x9e\x88\xc9\xbe~\x19\xacki\xd9\xb55R8D\xd6U\x9e\x98\x03\xff*\xe5J\x8a%\xc5\x86\xe3\xb3\xe3\x1dh&gt;\x82D&gt;\x07\xa7\xa7\xb2jO\x01\xe8\x14\x87xwF+k\x87`-\xacS\xe9\x83\x01=j\x81\xf1\xfeCw\xda\x80\x0b\xb0\xec&amp;{1\xad\x80D\x12\x0erU\xc0h\tj\x8c\xec\t\x9d\x821\xd4\xcc\r\x84\xcbs&gt;F\xd1#\x95r\x85\xb0\xd5\x80%\x8e\x93r\x05\xc5\xc5.\xfb\xea\xc5\xd9\xce^\xec=\x025s:c\xf5\x975.j\xb5\xa7\xa7\x9bn\xc7\xca\xa7\xf9\x99\x9b\xb2v\xb7\xd1\xf4%\xa0/\xd3\x07\x83\xe12\xff\xe2W\\\xedw\xda\xb6\x90\\\xbd&amp;\x03Yk\xa4\x97\x10\xfd\x9faT\x1a\x8f\xa0\xef\x80\xe0?\x00\xd6\xb5k?\xbb\x11\x81\xf4\x1b\x1c\xa9y\xd8\x93\xd3\xd5\x13\x17\xcf\xe1Js\x00K\x02X\x9e\xb3\xb3]H\xf7\x19\xe6A\xb0\x1a\xfdt\x9a~w\xd8w\xf4\xef\xcd\xf9\xba\xf6\r\x8f\x1cM0\xec\r\x03V?`\xf9q\x88e\x85\xed\x03\xd5\x80\x85\xfeh\x0fQ\xef\xe1\xf3\x84$\xbf\x89\xe4i\xae\x87\xbc\x15\x8f&lt;o\xce\xa0I8\x99\x9f\xcb\xaf\x94*\x96\x06\x9f.\xf5MMwFq\xe3\xe0\xfcy\xa8\xa1b{\xaf\xefl\xf7\xdd\xf0\xaf\xf09p:Z\x7f\xa3\x8a1\xf8\xfe\xcd\xcd\xcd\xa3\xa3\xcdMHh\xcf\xe8\xe8\x89\'\x00\xaa\x05\xa5\x96-.\xaahNX\x08\xd7O\xb0 \xcc\xec!2\xb1"\x81\x84x+\x12)\x06\xc1\x15\xcf\xe5\xb0\x84\xd3\xcf\x06k\xd1\xf8\xae\xfdd\x99\x11\x9d66\xa5\xa8RT=\x1b\x9f\xee\x89\x93fe!Z"Q\xc84\xeb[\xd9}\xf7\xf1\xeeo\xa7\x84\xca\xaa\xa2`YQ\x89\xff\xd9&lt;&lt;99&gt;\xf2\xf9l\'\x06\x93\xdccs;\xf5D\\*\xbf\n\x19\xff\x7fX\x90\x85r\x93\x8b\x06\xe8"\x1e\x8fT\x03\x97\xc3\x94:\x8d\xa9zF&amp;&amp;[\xf3\x8ab\x8a\xca/%\xae\xe8\xca\xdaq]m\xfd\xf3gO\'+\x90d)b4E\x97\xc9\xb1e[\xbd\x98\x07\xac\xbb\xbf\x02\x95\xacQ\xb5H\xd1Z\xdc&lt;^5\xab\x17\xd6\xb6W|\x0e\xb9F\xa31\x8c:\xdc\xcc&amp;\x01=\x80fJ\xb7\xee$UC\x9f\xca\xed\xebv\x93\t\xf2\x86\xf6\xa3\\\xbaF\x11\x15\x05\x9a\x80W|8\x91\x95"\xee\x9a\xac\xef\xee.\xafoM\xfb\xe5\x97Kr\xab\xb9J\xf7\xb2\xb4|L\xf1\xece_W\x8a\x14\xa8\xf8\x92\xf5^\x88\x95\xd5\xc3\xdd\xe1\x8f\xa7\xa77\x80\n\xb2\xaf\x0e\xcc\xb5\xb9y\xbcmV\xd3\xaas{\xd5\xacQ\xb6\x84\x94\x1a9p%\'\x83\xe6i\xc8;\x94\xd4\xb6u?!\xbf\xd7d\'\\4\x8a\x10\t8$+EQx/ty\xd7\xd2d\xdfD\xd7\xcb\xaa\xb1\xbc\xe6\xbc\xcby+::\xa6^\xd1T\xdb\xdc\xddZ\xaa\xab\x91\xf2\xd8&lt;\x8eH\x94\xa8\x1c\xb5\xb9}\xdb\x07\x17\xaf^\xbd\xbb\xf1;&lt;\xe1\x9b\r\xdf\xd9\xdc\xf2\xd1\xf1\xe1\x81Y\r8`\xdb\xed\x05e\xae+\xd1\xe5R"`+\r6\xb7\xd7K\x9b\x17\xfd\xfd\x92\x92\x12\n\x16=8E\xe6^\x89@B\xb33qT&lt;\x07qz&gt;\xa6\xa8\xfaP_\xcb\x90\xeaOnQ\xe7\xa5v\xe75\x17}\xa8z\xda)\xe6\x08\xc5\x1c\x91$Wi\n\xba}\xe7\xe7\xc7\x17\x9f^\xfd~3V\xf6\xc6q\xb2v\xb0}p\xb0f6/\xa8\xdf+[4\x86\x93\x13\x83\xa6%7\xb7\xb88\x11\xbf\xc8\xd7\xe4\xa3\x1e\x8f\xb7\xbf_\x7f?\xb3\xa0\xa0@\xae&amp;P\xa1u{\x88\xf4V\xa4\x88\x97(\x16\xd3m\xbd(\x94aieFve62+\xfa\xf2-\x19\x11WFeesQwkS\x854\x0e\x12\x9e\'\x90\xe4\xae\x7f\t\xba\x8f\xce\x17\x0e\x0e\x0f\x8fw\xf7\xee\xd59\xd4J\xcd\xfb\xf7\x0b\x0b\xea\x05\xb3\x19\xe12C\xc0\xafx\x0c\x1a\x8d\x12\xb8\\J\x8dF\x8d4S\x1b\xd3\xf5\x7f \xad\x0cr\x83\xd2\x15Z\x0f\x85B_a\xfd\x97t+\x0ci#\xcf\xe2;\x99\xe9nc\x1c\xc7\xb8\x13:\x1d\x98B\n\xb3\xa6\xac\x1d\x99\x98\xca\x9dJ\x8f\xd8\x04\xbaI\xdc\xe4\x12z1\xf1\xc3n.\x1eH4d\xd7\xfb\x12\xbcs\xc1\xa0\x17\xa96\x96\x95\xc25\x1aX\xd4M\x8cm\x1ac\xd8x\x1e\x1bl\xd1`\x04\xa9\xbd\x95\xf5\xecQ\xbb\x14\x16?\x14\n\xf5k\xaf\x07\xf7^\xbaw\xec\xb7U;J&gt;\xe4\x83\xfc|\xef\xcd\xfb\xff~\xff\xf7{\xc0"h\x86g4\xb4\xe4\xf7\xf3\xb1\xfa\x86\x8aeJw\x84\x01,\xc8~g}\xcf\x8asL\x16(\x95\x02mG\xfa[7*\xb0\xf6\xf6\xf6\xe6\xf7\x17\xafd\x8dz\x86\x17\x0b\x89p"\\,\x03Rh\x12\xbf\xcbe\xa1\xfa\xf2F\x00d2y&lt;\x9e\xb9V}\x7f\xf7\x87m\xcdCA\xf8F\xdf\n\xa1\xba\xfb&amp;Z\xb5\xe8\x83\xc1I\x12\x1b\xe8\xf5\xf1v\xa7\xae\xae\xa6\xf2\xfc\xf2 \xbd\xae\xd3\xdb\xee\xeer\xb8}\x1c\xc3\xe0\xbc\x8e\xd2\x9an\xfcs2\x93\n\xfb\xfd\x89\xf0\xdaV\xf2l\xa6\x9fe\\k?\xec\xec\xec\xfc\xfb\xf0\x10\xe9\r\xf4\xf4{\x1f\xfe\xf1\xab\xaf\x16\x16R\xa9\xf9\xa1 F\xadVs\xab\xbb\xdb`\x04T\x1e\x8f\xb6\xd5u\xa3\xefF\xbfq\xee4*\r\x08\x17\xc5\xd24\xef\xb7\xfa9{\xe4\xccO\xd75\xbf\x0cK\xad\xb3yGg\xdc1\x11oO98\x1e\xb5\xae\xf9\xdd\xe4\x83\xdd\x84,\x07\x12\x89\xb5\xad\xd5\xa9\xa0\xde\x13.o\x1c\xc2\xb3\xb8\x98\xcbes\xb9\xc7\xc8X\xff1\x89\x8a:\x9e/\x95 hs\xad\xc1\xf3\x1f\x0fY\\\xe8@\xd0j\xfb\xbf04\xdf\xe8o\xadx(T\x14\xc3\xb2\x02+E\xad\x92loo\xc2\xaaz\xe7h3\xf4\x9a\x86z\xf3\xe8\xa0H\xd3\x02\xfc\t\x9a\xd2Z\xf2\xcb\x9f\xfev7!\xc9R\xa0\x10\x9e\xdfH\x0e\xb9,\xdbicz{\xeb\xce\xc1\xfa\xc17\xf7\xd7\xd7\xeflnnl\xec?\x7f\xbe\xb3U,A/\xb0\x18\xd3.O_\xb6\rz\x07\xbc\x07\x1e\xed\\\x7f_3\x84k\xae\x16%\xbe\n]\x1d$\xe7\xeb\xf5\xb1\xb2}\xd8\xdc\xd3pd\xa3\xcd{ju\x83s\x86\x03\x15G\n*\x92\xd4Z\xaee\xb2\x7fZJ\xc8\x01I.$\xd6\xf6Wo\x07\xd3\xa9\xf8\xab\xbbk/\x9c\x0f\x9b\x1e~\xbb\xde\xd2\xb9~\xb0\xbe\xfecG\xe4G\xf3\xf3\x9d\'w\xffu+X*YL\xf1L\xb3K\xef\xd1\xb7j\xf5\xcc\x9c\x11\xb4[\x05\x16H\x8dZdp\xa448h\xe5\xf9\xc1\xd8\xe8DO\xc31\xbcR\xea\xa6\x10\x83\xbe\xab\xeaj\x15\xa91\xa5~\xf3\xc9GS\t)\xe1\x0f@\xb8\xca\x1b\xbb\xe9tjjy\xbb\xfc\xfd\xc1\xfa\xb7\xeb\x07\x07\xf5\x0f\xe1\xe3\xe0\xc5\xf3\x17\x10\xaer\xf1\xd5\xab\xedx&lt;\xed\xb2\xa4\x96\x8c&amp;=\x16\x96\x96\x9a3^4|\xfe\xf9\xad\xd6\n,\xa5\x16\x92HK\xf6\xd8\xf5^Q\xb4\x8e\rw\xb4\x1c\xdd\xe5\xac\xae\xeb\x08Tf\xb0\xa7O\x11*\xa5&gt;\xfd\xe9\x95\x9b\xab\xe1\xc0\x1e\x10\x0b\x11\xaak\x1f\xa8\xeaTn\xf3\xe9\xd3\x97/\x9f\xc1\xf3\xfd\xe1\xe1\xb3gO\xe1y\xf4\xe8\x11\xd6W\xfc\xb6\xc1\xe82\xa6\xf2\x16\xc8\xa0^\x8b\xa6\xbc\xfe\x8b\x9f\xb5\ry4\xb5(\xf2\x94,\xcf\xd3\x02\x1f\x1a\x1e\x1b\x9b\xf1G\xad\xd7G\xccG\x0f\x97Z7 \xe1\xfc\x1c\xe45\x01\xef\x8d\xbe\xb8x\x16j+\x91\x90D\xae\x10^+\x17\x83\xa5\xa9\xdcb\xee\xe5O\xcf\xe37\x0f"\xab(\xeak\x86\xa0\xcbX\n\x9a&lt;s\xe8|c\x18\xcac\xc4\xa1Ame\xce_\xcb\x88\x1cE\xd0V\xf7\xf8pW(:\xeb\xe8\x18\xef&lt;\x06\xac\x0e?\xcf\x8a\xf6\x99\x80 \xb0\x1c\xad\xd2Z\x82\x16Y\xf2\xf7\x06DQ*$\xf6\xc2\x89\xd2\xd4\xe2\x83\x0b\x17\x0e\x0f_\xbf~\xfd\x9f\xd7\xff\xc3\xf58\xf3tyyyi\xe9Z&gt;m\xb1XL\x10*\xf4\xe31Z%\xd1\xaaG\xfa\x80\x17\xbaU\x04#\xf2\xa0\xf0\xad\x1d\xce\x81q\xdc\x88\xf0\x8e7\x1d\xdd\xfc\xd32\xdc+\x8bVw{H\x86\x981Jdp\x1c\xc0\xf2K\x90F\xd1T\xb0\x00\xac\xb3\x17\xbe\xfb\xe0\x83\xef\x80\xe6\xbc~y\xaf\x02\xec^6\x9bL\xb08\xccn\x00\x00\x12,IDATf\x913\xf4A\xef\x87\x17\xb0\x82\nz\']U\xad\x800U\xbd\x8b\xfe$\x80\xc5\t\\ 4\xe14\xbb#\x00m|\xc0v\xf4hu\x9a\xc7Gg#\x91\xae\x98\x9f\x17\xe0\xc5A\x0b\x9d,\xfb\x0b\xf0#\xebY\xc0\x15\xbe\x9d\xbc\x0c\xb0@]\xfc\xf9\xf0~.\t\x8d~5\x97[\\\\Mf3\xbf\x9f\xfc\xc2\x08\xed\n\xcdxz\xa6\x15{\xa7\x12H\x1f\x01\x1d\x8b@\x9d\xa8\xa0E\x9ef}\xa3\x11\x87cb\xc5;f\xb5;\xea\xde;z\x12\xe1\x00jj\xf4\x8e\xd8}\x1cM\xe3\xd4\x8d\x91dQ\n\xf8%\x91\xe7\xd1A\rY\xfc\x1b\xe8\x9e\xbf\x03\xa8\x8d\xad\xf2\x93b\xb1\xbc\xb5\xbb\x9fLNe3\x1f\xff\xa5m\x08\x8a]\x8b^J(+JK\x035\x82\x14\x9e\xaeB\x0f\xaf\x8aT\x90,-\x08\xd1asd\xa2\xde\xd6\xd9&gt;&lt;\xdes\x0c\x87\xa0\xba\xd1{\xb5\xd1f\xb6G9\x92\xa1Q\x11hd\t=\xe8\xe8p\xe1y\xbdXH\xef\xfe\xfa\xca\xcd\xbf^\x9a\x06P\xc5p\x02\x0e\xeeti&gt;\x95\xc9Le\x96&gt;k\xb6x\xb4\xe8\x1fD\x8f\x9eRKi)\xa2bi!(\xec\xa3\n\x1c\xcc\x0b\xac\xb5\xcb\xec\xe8i\xd4\x9dqv8\x1b\x8e\xe3w\xabilj\xaa\x1f\x1d\x8c\xf5\xe2\x90\xe5\xd4\xfb\xa7\x94\x92O\x92$\x19*\x8b\xe3Y\x96\x97\xa1E,\x82\n\xfafc\x13\xa8\xa0\x0biC\xfav&amp;\x9b\xcd,MBcP\xe2\xa8\x0e\xef\xeb(\xadVIQ\xd8\x18\x80.\xa3\x03L\x89\xca\x95\x14\xf8\xa8\xdby\x15t\xbe\xae\xb1\xb3\xe1\x98&amp;O\x9d-\x12\x8a\x8e\xcc\x06(\x92&lt;uZI\xc9&gt;I\x94%\xdc\xe8\x81\xda`x)&lt;\x9f\x04yv\xf3\xca\x83\x1c2S\x93)\x98_8\x7f\x1e\xea=\x1fDTUU\x84F\x03\x19d\xf4\xadJ\r\xfa\xac5\x0c\xc5\xb2\x1c\x90\xd2j\x9c\xb4\xa8\xc4\xeb\x8e\x9e\x963\xe8\x04\xd7\x1d\x13\x96\xfaL\xfd\xac\xd5=\xd0\xcb\n$)\x90\n\n\rJ\x08K\x12i\x81\xa1\xf9\x02\x90\x89_}\t\xa2\x0c`\xa1e1\xbf\xd0}\xbe\xbb{!n4iU\x15X\xa4\xa6\xe2\xef\x87z\xc2\x1c\xc2\x11\xcd\x8a\xd1\xa85@\xe2@\x83\xa0\xfd\xe3^\xaf\r\x97\xad\x8ei\xe5\x87pu:&amp;:\xcd\x83\x9c\x92d\x19B@\xef\x81\x08\xb5\x05\xff1\xbc\x9b\x02_H\x94R\xd9\x8f._\xferqy;\x9fJ\xe5\'+#\xfd\xc9!\x97\x1e}\xd7\xe86y\xb3\x1e\xa1Q\xaaNW\xda(\xa8\xbb\xd8\xa8{\x90\x17\xaaI\x9ad\xa5\x11\'\x9c\xd2\'\xda\xc6\x00\xe2X\x13\xb1\xcax\xc3Y\xcd\xcb4\xcdb\xb4\xa0\xb2h|\x97\xa0\xdd\x17\x97\xb3\x9f\xa0P\\\xde\xdc\x04\xa1\xb8\xb0\xf0\x07\xe8\xf1C&amp;F\x83\x17\x18\x15\xeb\xae\n\xa8\xad\xc7\xa4Bg\xc6)\x15\x1f\xb0\xb6{\xcdQ\x99\xe5\xec\x83\\ol&lt;\xd2\xa9;\xd9\xe6\x16\xb23\xdb\xb0$\xa0\x0f\xc2\x1f\x93h\x1eNE\tr\t|I \x19\xd9\x92\x9e_^\x06L\xf0\x91\xd9\\\x88\xe7\xf3\xf1x\x1f\x90@FET\x13\xd5\nH\x1e@\xd3x\x8cA\rQ\xf5\xfe\xbbU*q\xd0\xdd\xd4\xe0\xb5\xcb\xbe\x91\xfa\x8e\xd0\xe8x\xa4=\xd2p\xd2E7\xb5\xba\xb1KV\xe2-z\xef\x80\x9de\x13\xfbe\xd0hP\xf2\x82BEq\x85\xbd\xb5bq\xbe\xbcY\x8e\xa7R\xa9\xf86P0`\xa3&amp;\x8f\xb22\xe8#\x95\x8aZ\x15\xa5\xf7\x18\r\xc6V\x02/BT\xdcugc\x8d.\xd25a\xd3\xad\x98\xbb\xba\x1cf\xf7\xd5\x9a\x13\xc3\xf2\xdaE\x15tS\x854\x1b\xe2\x99\xc4\xea\xfd5\x99\xe7 \x87\xe8\xad4\x85\xd1xZ\x9c\x9f/\x16\xb7\xe17\x8d\xbc\xdd\xa3gH\x82\x00XJ\x01\xda\x83\xc7e4 ,t\xd9(\xd8\x11g\'VF\x9d\xba\xc6\x16\xe9\xeap:\xcd\xde\x93.n\xa9\xdfq\xd8E\xe8\xa6\x04/\xfa|\x10\xad\x8d\xe9\x8d=Y\xe6\x11\x97\x02\xaa\xabP@`\xdbiPf\xc5\xb4\xa5\x00$^\x8f\x93"\xd0\xf1\xb8|\xc0\x80h4\xb4\x19\xf0\x8a\x12\xedM\xfcH\xbd\xad\xe2a\x06l-=-M=\xe6\x95\xba\x13\xef\xfb\xd4\xcf\x04H80D\x9f\xccV`M\xef\xac\x05\xd0\x95\'\x10$+K\xc0\xa2\xe5B8h\x01i\x86\xa2G\x0f\x87\r%(\x08\x1c~\x90JO\xb0d8w\xce`\xf4T\x01,B\xc1\x87\xbc\ruox\xbb\xbaF\xd7\xd8\x141\xdbN\xbe\x89\xd42\x1be\x05qp\xa4\xab\x97\xe5\x98Dr\xfa\xd2\x9d\'\x12\x0f\x12A\xc0^\x8dM\x9f7\x15\n&amp;\x134T\xc9\xa3\xa7(\x9a\x02\xc0\xd5\x04\xfc*=\x16\x88\x15\xc0J\xbb\x94\x14N5\xf9\x98\xf7\xff\x9e\x02`\xe5\x0e\xf7\xca[,\xdf\xe9\x9c1\x96\xf6\xcdv\xb8\xad2\'\xed\xadN_\x9a.\'d\x80E+HA\xa0\xd1\x82\r\xc8\x18^\x0f\x1a\x89\x82\x83\x18\'\xeeD\xc5\xdaO\xbb\x8c}\x86k\xe7\xda\x0c%K\xc0\xcf\x12\x8446\xf1s\x9bp\x8d\xed\xea\xdb\xac*\xaa\x1bfe\xd1\x1fj\x1f\x0e\r\xfaB;\x0f\x00\xd6\xfe\x13?\x87\x1b6\x02M\x92\xe8w\x82\x87D\xff\x99\xf2\xcd)\\\x99\xe3\x10\n\x0cV3\xe4\xb0\xedbio\xc09"q\xa1\xf6\x81\x95\x9f\x9f\x7fo\xb7\x05\xab\xd69FB\xb1\xf1\x89\xd9\x19\xfb\xa8\xf3\xe0\xc1\xd7\x97\xbe\xbe\xbf\xbf\xe6\xe3\xa0\xd0 0h\xa4R`\xcap!\x82D\x1b\x81R\x85\xdf\x02\x85\xf1\x04\x8d\xcd\x98\xc3s\x86\xd2\x0fW\xd5fk\xf4\xbf\xb4\x9c{L\x93Y\x16\xc0Y\xcd\xa6\x99\xecL\r\xcd\xa6\xa8(\xedBv\x80\x86\x06\xd6\xf2\xb2)\x01\x07\xcd\xd7he\x04\xd3l\x87\xa9\xd0aW\x91\x0cV&amp;\xa1b\x93\xae\x14\x8dF\'\x93\x89MH3\x84&amp;\xc4M\xc0I\x9aM\xd8&amp;\xec\x84\xd2\xe1\xb1&lt;\x05\xa9\xcd\x14\x8c\x9b\xf2\x08PD\x19\xa1# \xe3{\xf6\x9cs\xbf\x82Nvvu\xc5\xd3\x07\xf5\x0f\xe1\xd7\xdf9\xf7\xdc\xdb~\xf7\xfb\x0e|\xf9\x97\x8b\xea\x17?\x11\xbe\xd9\t\x810\x07\xa9\x8fk\xe2?&gt;\x7f\xe0c\x8dg[cZZ\xa3\xd3?\xf6)\xccB\xb8\x1b\x15\xf2\x88\x87\xd1\xe0#\xd2fP\x04\xf9\xfb\xcd\xa6\xcd\xf8\xd1r\xd7\xe1\x13\xe5\xe9\xa9r\xc0R\xa5\xd6\xcd\'G\x16^&lt;\x7f\xfe\xc3\x93\x1f\xe8\x84\x1bu\x023\xdb)+L\xdew\xf1\xf3\x83I\x9e\\\xdc\xf7\xd0\xd8\xe9\x1f\xeb\x86\xf5\xc4v\xc4\xfa\xed\xa6w\xe9h\xf6\xe6_\xfd\xfa\xdd\x9d0&lt;7mzg\xebV\xe8WD\x85X\xf2\xba\xf9\xa8\xc8(\x85\xba\xf0\x8f\x07\x8f\xb7Fm\xf4)\xf1I\xc7\xd5I"\xc2\x12[\x1c\x9d\xe3\x93\xc0\xf5\x87\xed\xef\xc1\xf4\xbd\x13\ni\x13n\x0f\xc2\r{\xb8\xcf\xebw{\x0f\xef?QCT\x15\x151*\x95v!\x01\xbb\xa8\xa2\xe0PA|\xc2[8[?R\xe8i$\xac\x96\x16G\xff\xe4\xd8\xadOp\xef34\x0b:\\\x89\xe5\xbfs\xfb{\xef\xec\xda\xb5\xf7\xc4\x9e\x1a\xdc\x94\x84\xaa\xc8\x16b\t\x134:\x8dB\x13\xf9\x16\xb1\xc4\x16\x8b\xc5\xd9\xef\x9f\x1c\xeb\xbe\xf5\'\xe8\\[q2\xda\xb9e\xd7\x96-[\xb6\xfe\xfe#4U\x9e^^\x9e\x8e\x85\x05T*\x15`\t"EI\xc9x\x96\x9d(b\xe3C \x02\xac\xe8\xe8h\xb1\xd8-vt\x02\x98\x7f\xb2\xfb4L@{?\xda\n\x8e\xa0\xa1\x1e\xfe\xc7\xfe\xfdd\n\x83a\xc5\xa8\xb4\xda\x85(\x01\xd8\x12\tE"a\xe4[\xc2\x12\x8b\x11\x0b\xf3\xd8\xe2tv\xfa\xfd\xdd\xb7n\xd1\x14\xcdN\xa9\xd9\xb3\x07J\x9d\xa8p\x14\xaa\x18X\x9d\x13\xdb\x95@\x10\xb9q\x17\x12\xf8\xd9\x17\x13\xdf7\x8a\xc9\x96\xc5\xd2biq8\x9d\xce\xfe\xf1\x81\x81\xaf{k\x00g\x0f2\xe1\x9e\x0c\xc2J\xc5\x82WU\xc4T\x00\x96\xd6_\xa</t>
        </is>
      </c>
      <c r="M10" s="3" t="n">
        <v>45492.67809027778</v>
      </c>
    </row>
    <row r="11">
      <c r="A11" t="n">
        <v>18082</v>
      </c>
      <c r="B11" t="n">
        <v>1984</v>
      </c>
      <c r="C11" t="inlineStr">
        <is>
          <t>Éder</t>
        </is>
      </c>
      <c r="D11" t="inlineStr">
        <is>
          <t>Éder</t>
        </is>
      </c>
      <c r="E11" t="inlineStr">
        <is>
          <t>CA</t>
        </is>
      </c>
      <c r="F11" t="inlineStr">
        <is>
          <t>ATA</t>
        </is>
      </c>
      <c r="G11" t="inlineStr">
        <is>
          <t>CA</t>
        </is>
      </c>
      <c r="H11" t="n">
        <v>179</v>
      </c>
      <c r="I11" t="n">
        <v>23</v>
      </c>
      <c r="J11" s="2" t="n">
        <v>31730</v>
      </c>
      <c r="K11" t="inlineStr">
        <is>
          <t>Right</t>
        </is>
      </c>
      <c r="L1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b5a4a265-4c82-41d2-aea2-c771a79577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d2\xe2H\x00\x00\x03\x00PLTE\xff\xff\xff\x1c\x1d\x1c\x12\x12\x0f\x1a\x1b\x18 !!\x15\x15\x12\x1f \x1d\xff\xfe\xfe"$%\xfd\xfd\xfd\x18\x18\x15\xb8\x99\x82,./\'($gV=\xa9\x8bx\x1c\x1b\x12\xba\x9e\x88&amp;*,\xb5\x96z\x0f\x0f\n\xa4\x87s\xf0\xd0B"\x1f\x15%$\x1eiZ@`P4\x99x\\\xb6\xa1\x92*+)\xb1\x9c\x8e024bT&gt;\xbb\xa0\x8e\xbc\xaa\x9e\xb1\x8fs\x94tY\xb9\xa6\x9a\x86gK\xb7\xa4\x96\x82cI\xa2\x8ay~cDm]D\xbe\xa4\x92\xf9\xddRNG&lt;\x84kT[SJ\xa9\x90}\xb6\x9e\x8d\xe9\xc9&gt;\xb0\x93\x80\x88xi\xf4\xd3CTF/\xf5\xdaK\xf0\xcd=\xf9\xdeY\x92rT\xaf\x97\x85\xaf\x8f|[K6\xac\x93\x83\xd2\xa3"shX\xbc\xac\xa3LB.\x9d\x83o\xb4\x96\x81\xd6\xa6&amp;\xf8\xdcM\xf2\xd7F\xdf\xbc3QC&amp;\xa2\x83o\xfa\xf9\xf9\xa1\x96\x8f\xaa\x97\x8d\x19\x19\x0fD9(b[Ut_F\x9a\x85wgYG+&amp;\x17\xa0~c\x8eoR\x9c\x8f\x88\x90|o\xe4\xc47\x94\x88\x7f\x9a\x7fi\xc3\xae\xa0\xf8\xd8GeS792)]Q=ncT\xf4\xd4J\xa5\x92\x88\x92\x82u|n^\x94\x8d\x88ea]SLH{cJ\x80gO\xf2\xd2=\xd4\xae(\x8alN\xab\x89mUL&gt;\xc3\xb7\xb0\xae\x99\x89\xb6\x9b\x88\xdf\xae+\xa5\x8f\x80\x8bp[\x89~sK="\xc8\xbd\xb5aWI\xaa\x9b\x942* \xb3\x97\x88\x8c\x83{EDEsbK\xa5\x82i\x90xb\xd9\xb5,h^O\x9b\x8a~\x97{cnie{]C\x8d\x89\x85\x84ypn]LzgW\xbe\xb1\xa82/)\xb0\xa0\x99XWW{xv\xc5\xb3\xa8\x84~yF@:=73\xf1\xf2\xf1C4\x1c\xc0\xa7\x98~re\x15\x14\rspn\xcc\xc7\xc4\x82m][K+zlc\xc6\xc0\xbe\xf1\xc88\xe1\xb5+\xe5\xb1-v\\=\xed\xec\xeb\xda\xd8\xd5\xe5\xbd/\xeb\xc94\xeb\xbe4\xf3\xf5\xf6\xee\xc2.\xd2\xd1\xcf\x88t_?=&lt;\xe4\xe6\xe7\x85\x82\x82zfP\xe1\xdf\xdd\xea\xb71\xee\xd3Js`ZmVD\xcc\x9d \xde\xa8(\x85pfeE6\x97\x95\x94rP;\xa7\x86`:/\x1c5:?dhr\xea\xe5\xe0\xf4\xd0+\xa4\xa4\xa4\xf7\xd7:~tl\xd4\xb78KPX\xc4\x93\x1d\xb8\xb7\xb5\x9e~U\xf2\xd7VyYPP6$\xdb\xce\x9brw\x82\xd4\xcb\xb9\xc2\xcd\xd7\x98\xa0\xaa\x9e\x9c\x9aS=7\x83b\x16\xb0\xaa\xa5W`j\xe7\xcbU\xda\xc2j\xe0\xc4(\xa5\x88\x84\xdb\xc2H\x9e}\x1a\xb4\x97\x98\x86_^\xa3{~\x9aqupX\x1e\xce\xb3c\x8a\x8d\x96\xbd\xa38\xa6\xaf\xbc\x89m0\xac\x89\x8a\xb5\x95\x14\xe5\xd1va&lt;!\xd0\xdb\xe8\x97uj\xed\xe5\xac\xc7\xa7)\xb2\x99h\xf0\xf1\xdd\xcd\xc0\x8b\xef\xe0\x89\xab\x913\xd8\xe4\xf5oJM\xb4\xbd\xc6\xef\xec\xc2\x9a|7\xc1\xadRdCJ~\x86\x92\xcf\xaeG\xf1\xdfk\xc3\xad\x8f)\xac&lt;\xbc\x00\x00 \x00IDATx\xda\xdc\x98\xdfO\x1a\xe9\x1e\xc6;\x0c3#\x83S\x86t\xc8\xccnE\xa5\xb5.X\xc3\x01\x83\xe9\x85J\x83\xc0\xcd\x91\x96_\xceZS\x9b35R\x81MZS\xc2\x9a\xb5\xb4\xb6\x06\xd7\x1fuG\xf7t\xf0\xe8t\x1b\xbc(\\4\x14\xbb$m\xe2i\xd6\x9b\xa6\x17\x9e\xa4Wm\xf8/69\x7f\xc2\xf9\xbe\x83\xdds\x92s\x0b\xf6\xe4|uF 1~\xf2&lt;\xcf\xfb\xcc\xfbz\xea\xd4\xff\xdbP\x14\\\x86\xe3\xa1\x1a\xef\xff\x17\xb0\x0c\x94\xe1Ei\xbfV.\x97k\xa5\x10"\x84O\xa8/\r\x17*\xd5\x8e\xde&gt;\xdd\xdar)\x8asaw\xf6\xdd^m\x1b\xa9\xf6\x85\xc1\xa8\xca\xecBD*\xb8\xa2\xd1\xa8K\x14\xc5C\xb1\xe0J\xbe\xad\xef\xfdR)\x85\xa8\x86\x94_\x86\xab\xb6W?\xda\xab\x94\xcb\x95\xba\xefo\xa2\xc8\xb3&lt;\xcb\x8a\x8c\xectF\xdfUj\xfb\xfb\xa5\xed\xd0\x17\x01Ca\xdf\xae\xd4gg}\xce\xbcSTU\x82\x08\xd3$\xa6\xe2\x02/\xc8\x8b\x8b\xa9\x95\xd9\xa3\xda\xf6\xc9\xfbIQ\x86\xd2\x0f\xd7n\xad\xbf\x8f&amp;\x9d9\x91\x0f\xab:\x1dA\xd3\x04\xa1\xa3q\x02!\xb2\xa2\xbf\xf8\xb1\xb2m8E\x9d\xacT\xa5\x1f\xe6\xfd\x11\x7f!\'\xcba\x9eU\x81\x8a\xd3\x11\x18\x01\\\x04N\xe00lX\x94\x9c\xb3\xe5\x13\xb5\xd2P:\x9a\x8e\x88\xb9\x1c\xcf\n"\x0fH0\x04\xba0\x1a\xddq\x1a\'\x05\xab\xc0\xf3\xac\xb4R/\x9d\x18\x17e(?\xc9\x85\xd50\x88\x84\x90\xc0:p\x0eqq\x04\x89\xf4\xc2q\x1d\x8e\x91\x8c\xcc\xe81AyU\x0e\x9d\x0c\x17U:\xca\x8b\xbc\xc8\xb2aZ3\r\xa8h\x1c\x03*\x82\xe0\x886x\x0b&amp;\xd2$(\xc6\xb4\x01][\xb2r2\\\xdbu\'\x1ff\xc3\xe0\x91Nw\xec\x1f\xa7\xa3\xc1?\xb8\xeb0\x0c\xa9\xa7\xa7\xf54\x8d\xe9\xdb\xf4B\xbb^\xbfU&gt;\t\x1fC\x95&lt;\xf4\x81\xca\x1e\xaf&gt;\x02A!\xd10\x14,D\xc4\x81^$\x8e\x01\x17F\xea\x19F\x10\xb6N@/\xea\xc5\xc7\x9c\xca\n\xbc\xcaiP\r&amp;x\x05\xdf\x18\x06\x1f\xe0z\x0e\xb8h\x0c\x87\x8fp\x0c\xd7\xeb\x85\x93\xe0\xa2\x0c{\n\xcb#\x03!\xe78\xd10\x91\x06\x9dh\x1a%\x0c\xc80\x82\xd3a\x80\x85\x82\x87\xd3P\xb1\x18I&amp;[\xec#E\x95]&lt;\x0f\x7fR\xfd\xb7R:\x8e\x83\x95H\xc3_\xc71\xbd\x1e\x884k\xb5\xb5\t\x8a\x81\x994/\xac\xec\xb7\x94\x8bz\xf1\xe0\x90g\xd1j\x03\x18\x0e)\x85D\xc3q\x92\x14 E$I\xb6Y\x81\x0edD\xd5\x8a\xca\x83\xc3\x91\xbd\xbc\xfcj\x9bj\xa5X\x15\'\xf4\'\x88\xc3iT\xa8\x1b0=\xd3n\x95%I*\x14\n\xe8\x92e\xab\x0c\x84 \x1b\xa0\x13\x1c2\x98\xa0\xc9\xc2\xbbV\xc6\xcb\xf0\xeeP\x0c\xd3\xb8\xca5\xfc\xc3\x05Y*(N\xd86D\xa3I_q\xfa5\xecrR\xa9\xd4b\xb5\x00lV\x81\xc4iNE^\xc3\xaf,VZh\xa3\xa1~\x18\xd6\xfc\x03,x\xc2HN\xd7\xb4\xef\xd6\xe0\xe4`b9\x1ewd\xe1\xb6\x1cO\xcc\xaf\x17\xa7])EQ\xaaUYO\xa3\xe8q\x84J\xf2-\xb4\x91\n\xad\xc1#\xb0\x11*R\xae\xa6\x16|/\'\x03\x0e\x87\xdb\xedq{&lt;\xc3\xda\xdc\xbd{w&amp;\x1b\x9f&lt;(\xbeNFSJA&amp;\t\xcdn:\xbcX3\xb4\xac\x1dj[\xb4\x16+\x0e\x97\xe7\xf2\x1b\xcf^\x9e\xfd\xf6\xdb\xdf\xee\xdc\xf9\xe7\xf9\xf3g\xb4\t\x06\x83\xc3\xc6\x8cF\xb6\x9cX/\xbe\x06K\x0bL#\x87\xaaX\x0f\x19ZV\xa5L\xa3\xaa\x04g\xfe\xd9\xf7K?\xfe\x03\xe67\x8d\x0b\xc8\x8e\xd1\xce\x04\xcd\x99\xfb\xc3\xc3\x97/g\x13\x93\x83\xbb\xc5\x95\x94U\xe3R\xc3o[\x84E\x85\x8e\xa40\xd8\xc7q\xb9\xb9\x87\x7f\xea\xe99\xdb\x03P\x08\xeb\xfc\xf14\xb0\x8c\x19s&amp;\xe8\xf1x\xdcnG&lt;\x1e\x9f,\xbad\xc4\xa5\xaa-\xc2\xa2\x0c\x959VkOy\xe1\xa1}\xa8\xa7g\xa8!\x16`\x9d9\xf3\x07W\xd0\x981\x9a\x8d\xc1\xe0\x88gdd\x04\xc8,\xf1\x83\xbc\x0c+\x97\xcb\xfd\xd2\x92\xa5\x08\xc1J\x8ah\x17\xca\x89\xdd\xbf\xf6\xde\x9e\x18\xea\x19\x02\xb5P\xb4&gt;\xcb\x84~\x18\xcd0\xc6 JY\xd0d\x1aq;\x1c\x81\xf8d\x9e!T5\xda\x9a\xa27\x94~\x16I\xe4 \xebM\xf7N\x0cM\x00\x17\n\xfc\xa3\x06\x95\xb1\xe1\x1f i\\F\xa39\x931\x1a\x83\xa0\x97\xc9\xe1\x98L\xf1a\xbe5\xfb.j{-\xc7\x87Q\tE.\xda{\'4*\xc0z\xd4\x10+hD\\F\xa3\x86\xa4]6\x1b\xe2CN\x9a,\x8e\x03)\xccZ\xa3\xef\xf6\xa9\x16\xc4]\xe6I\x1a\xa8\xf8\xb9X\x1a&lt;\x9c\x18:\x8b\x06\xb0F\xce\xff\x87X\x88\xa8\xdff\xb6\xed\xf4\xf7\xf7\x03Z\x06\xb8,c\xa6\xc0\xb8\x80\x0b\x8c\xf4\xb4\xd9\xd5EQ\xa5$O\xa2G\xa1*\x8d\xc7\xec\xc8D\xa4\x16\xd8x\xe7\x8e\xe6\xe1\xe7\x01\xb0~4;\xf0\xd5\xdf\xa1q\x99,&amp;\xcb\x81\x843\xed\x8c\xf4\xb6\xc9MOQG9\x96\x84}\xb1*\xf8\xbfznG\x89?\xc6z\xa4a!.\x90\x0c\xee\x19\xb3\xed\x98\xab\xbf\xdf60\x90\tj6\x06\x16\x04\xb2]\x16\xaa{M\x8e}\xe8)\xcb\xc2\x96@\xc7J7/\x02Vo\x03\x0b\x85\x0be\xfe\xfcH\xf0\xbf\xf4\xb2\xd9\x80\n\xb0L\x08+^,\xb0d;\x83m\xed7\xf3\xa0\r\xbb?%\xccBi\xd1B\xe4\xe6\xf3\xe7}\xf6^\xa8\xad\x9e\x9ec,\xc4\xa5\x85\xde\xd80\x132e\xeb\xb7ib\xd9\x06\x865\xb5\xe2\xbb\x8a\x80\xc3\xc6\xde\xfa\xb1\xa9X\x86:\x03j\xe9T&lt;\x17\xe9~\xbe\xbaj\xbf=\x01\x1d\x8f\xf4z\xa4a\x81\x91\x08G\xbb\xccFX\x84\xc0\x04ru\x00\xd8}\x0f\xa4k,\xbe\x9e\x92a\x97\xd8\xc6$\x9b\xd9\x12h\xe7\xc0\xd2\xb4J\xf39\x7f7\x12\xeb6*yM\xae\x86ZH,\xad\xb4\x1a.\x9a\xcd\xb0\x18\x91Vf\xc0\x02\xb5\x02\x81\xddh\x15\xb0p&amp;\xd5\xcc\xae7\xecGY8\x93\xd2,\x9f\x8bx/\xf6\xd9\xb5\xc4\xf7|n.-ZA(\xd0?\xf2\x05\xb9\xb7\r\x80\x95\x99\xfb\xf0\xd4\xf6\x98Lc\x81[\xae\xaa\x15\xf6\xfam\x85\xd9&amp;\xcae\xa8\xcd\xb1,\xc2\x12\x00+\xd6\xa7\xd5\xd6\xd0\xd0\x84\xa6\xd6\x1d\x80\n\x1a5\x81\xd0c\xa7\xa1\x16\xf8\x08Z\xd92\x99\xcc0\x98h\x19\x0b&lt;sU\x19\xd8\xde\xeb\x99\xa7\xdb\x86&amp;b\xa5X\xc8\x16\x8d\xf3\x87\x97N\xf7!\x13\x81\xeb\xf6\x90\xd6\x0f\xa6\x91\xa0\'hC\xad\xd0\xf0P{\xb9\xb3\xb3\x03\x0e\x9a5,H\xbce\xea\xd9B\xd5\x8a\xe98\x81\xf9\xb9\x89XT\xd9\xc9\xb2\xb0\x14y\xd1\x7fz\xf53\x16\xf2\xf0\xc7)\x8b\xc9\x13\x1c\xb9\xdf\x81V\xde\x80\x11E\n\x90n\xc0\xec\xec\xf4\x9b\xef\x07\x1b&amp;Z,\x81\x83\xbc"38\x87Kk/\x9a\x98\xf9\x8a\xa2a\xb1\xb9KoV\xfbz{\xed\xb7Q\xcb/-\xbd\\\x9a\nd/_v\xbb\x87;P\x94\xd0\xf4\xef\xdc8w\xe3\xaf?\x8d\x9e;w\x01*&gt;\x08`\x08kli\xda)\xebI"\xac\x1c\x19\x9a\x8a\xc5\xb3\xe8\xdf!\x92\xf7\xe2*\x88\xd5\x0b\x8f\x9f\xef7~\xf5\xa1\xe3\xc5\xf5k3\xd9\xec\xd5\xce\xce\xcc\xc0@\x07\x9a\x0b7FG\x7f\x1a\x1d=wa\xb3s\xc0\xa3\r&lt;\xab\xc7~\xf79e\x92d\x89B\xbd\x89\xc5\x05&amp;",V\x88t\xa7\xd3\xc8\xc4\xde\xef\xd2\xdd\x118\x8a))Wte}&gt;q}\xa6\xb3\x13\xa8\xbe\x01\xac\xcd\x0b\x9b\x9b\xa3\xf5\xfa\xe6\xe6\xbdk\xcb\x0e8y\xa0l\xb9-\xbfo\xcc\x01\x96\x80\xcb\x1fCM.\x08\xe4\xa1\xffM\xac\x0f\xc6\xfe\xdd\xc3K9A@\xe7h=SXt%\x8b\xf33W;\x07:;:;\xefm\xde\xbbr\xe5\xca\xec\xec\xda\xda\xda\x93\xf7\xbe\x83\xece\xf7\x88\t\xb6\\S\x80\xc5cz\xa1p\xd4D\xb5\x0c\xa5\x15\x94,6\xe7\x8d\xa5\xfb\xd2}\xf6\x98W\x12yhG\x1aN\xf9\x18\xd3\xa5\xa4\xa2\xaf\xe7\x97\xb3\xd9\x99\xabWg\xae\\Y{\xb2\xe2JU\x0b\x8b\xd5\xea\xa2\xe2|\xbd\xec6\xc1X\x02K\xe3\x12\x8f\xeb\x85\xa6f\xcb\xb0\xfd4\xcc\xf2a\xf6\xb0\x1b\xc4Z\xed\x8b\xf9E\x9e\'\x19Y\x92\x05\x9e\xc7I\xa6k\xd1\x15-\x0e&amp;\xe0\xf0\xba\xbc\xfc\xe0\xfdJ\xaa\xab\xdd\xaa\'1\xb2\xcd\xda\xd5\xde\xe5\x8akX\xd0\\\x8a\x80\x91\xa4\xd2\xd4\x96\x7f\xf1\x04\xb4\n\xf3\x91\xbf\xc4\xec\xf6t,"\x8a9\xc9\x99J-D]\x8a\x04\xafs\x05\xa7+\xbf18\x19O$\xae\xbf\x8f\xa6\xaa\x00%\xe8\xdb\xda\x98\xf6\xae\xae.\xc9y\xe0p8`-N\xce\x01\x96\x90\xaa53\xf2\xa1W&lt;\xaa-\xd4Z\xe9\x987\'E\xfcs\xdd\xbe\xdd[\xb7\x8a\xbe\xfc\x9c?\x12\x89\xf8o\x8eo\x0c&amp;\x12\xcb\xd7\xae\xaf\x03\xaa\xcc\xc8\x05\x05\xd6Brk\x0b\x18\x0b\x83Y\xe0\x9a\n&lt;\xce\x01V2\xd4\xe4C&gt;\rX\x9f\x9e\x03\xd6W\x97\xfc~\xbf\xf7t\xfa\xe5\xcb\x8d\xe9\xc7\x0b\xae\xb9n\xef\xa5\x0f\x7f\x86\xf7K\x81\xec\xe6\xe6\xcc|1\xefr-,\xe4}\xbb\xeb\xf3\x0f\x1e\xac\xafl-V\x9d\x93\x0e\xcb\xd8\xd4\xd4\x86\x0c~\xbfj\xee\xc6\xe6\xad\x00\x05!zc\x10\xac\xd3^\xaf\xf7\xeb7\xb1\xf4\xd7\xde\xf1i8\xce+\xca\xa7O\x1f&gt;|\xf8{\xfa\xec\x98\xe7\x9b\x0b\x9d\x89\x8d\xc7\x8f\xdf\xbc\x19\xef\x1e\xdf\x98\\\x9e\x99\xb9\xb6\xee\x8b\xa6\xfeE\xab\xb9\xfd\xa4\x95oq&lt;si9\xd6\x14l\xa6\x04\x10J\x90\xcaM\x08\x1b\t\xc6\x87"\x04\x85\x97\xe1\x94\xab\xa2\xa4\x9a\x8d\xc4+$\xcaH\xc0\x8aP.Q\x84\x82ZT*\x8ee\x98\x07f\x1e\x9a\xd1#M \x812Fc\x9a\x93\x99`:95\xe7\xc5Dk\xd2\x87&amp;\xc6W\xfb\xd0\xf3p\xd6&amp;\x99\xff`\xf7\x97\x18\x12x\xf0\x93\xb5\xd6^\xeb\xfb]\xbf-N\xa8\xc9\xda\xb0:k\x83I\x7f\x84/\xd6Q_\x1d+\xd6\x16\xcb\x9bJ%\x0c\xeaxXe\x97L&gt;;80n\xd8\xf6\xf7\x8f+|\xfa\xb4F\xc4c\x00\x16Kqb0\x9c\x0c\x17\xcb\xd6S\x8f\xc0:f_\xe8\xdd\x19\xd4j\xb5Y\x1b\x85\xe2\xff\x19O\xac\x06\x0c\xab\xa9\x8e\xc5os8\x1d\x0eG\xe5\xf1\xb0kE\x7f\xf7\xebo\xbf\xda}f\x14\xfb\xfd\x8fQ\xbe\xe5\xfe\x9d\x8c(`-JN\x0c6\x83X\xe2[\x8a?\xc9A\xb9[;\xca\xf6,`\r&amp;\x01\xcb\xf6\x1b\xfe\xd1\xd2C\x12\xa1\x97:\x01\xabr\xdc\xe3o\xba\x8b-o\xff\x91\xa6\xae\xa4\xfd ,\x00\xcb\x8da\xe5\x8c\x80\xe5\x07\xd5x3h\\/\'\x07\xc9f\xb35\x12Uk\xa1\xe4\xa9\x94\xddW8cQ\xf5\x90\xc4N\xc0\xe2:\x9d\xce\xfc\xf1&gt;\x85r\xef\x1e\xb4\xd3\xdb\xbb\xc1\xb4\xdf\xbf\xff\xb8R\xe5Z\xa6\x1bE-2\xc1h\xce\xe5\xa7Po\xde\xb8\xfb\xe3\xb7_\xa7se\x93\xda32b\x1e\x04,0?_M\xe2k1\x1a\xfeX\xb9\xa1\xbf\xd5\xd7\x99o\xe3"\x88\xd3\x81*\x14.\xc9\xa4X,vM,--L\x9e\x18\x14\xe8\xdfX\xed\xe61\xbb\xef$\xbdB\xfd\xe6\x9b\x1b\xf7(}\xc3&amp;\xafG\xa7\xf3@\xdf\x1atQ\xa9\x94%\\\x8d"\x81\xf0/\xb1^\x7f\x8b\xf27V(\x14*\xf5\xf6\xf6\xb2X\xbd\xb9\xadd\xaf\xa2\xa7\x93X\x8d\xf5Cm\x89\xdc0\x00\xad\xd9Z\xa9\x04\xd8\xcf\xa0k\xa5m,\xaf@\xa7Sb\xd2\xa6\x87Jm\x8a\xbfl\xc0\x15\xab\xc1\xa8\xd7\xdf\xe8S\x80\x8c\x9f\x9aB\x9c\xce\x82\xa9DDY\x95J)Q,\xd6B\xa6X5\xc6o\r\xdf\xbf\xd3\x12\xe8"u\tvJ\xf5\x1f\xb6S\xeb\xeb\xb3o\xb2VP=3\xedd\xed\x8e\x81J\xbd\xf9\x0e\xc7\x1d\x17\x81\xf0\xfc\x879;V\xf2\xcd \xe3\x11\xac\xb8\x92H\xa1\xd4\xacP$\xb2\xe5\x8e\x9dHk+`q\xe9\xe1\xfb\x8dw\xc0\xe7\xc8H\x02k\xb2T\xaae\xad\xa3\x8fFG\xcd# -\x98L%\t\xfa\xc3M\xe8\x0fx\x8a\xc0\x97\xccZu\x93B\xd1\xf7\xa11L\x02\xf2\x118N\xc4\xeb\x8d\xaa\xe1h\xc3t.\xe6\x1c\x01K\x03\x1e\x9a$kt{\xcc\xd0\x15\xb2\xc9,L\xc9\x11&amp;F\xc5\x00\xac\x82\x8dJ\x11\xbf\xc23X\xbf\xf6\xf3\xf9U\x83_\xef\'\xb6q\xf9\x98\x92\xc7\x0c\x19\xe6\xc5\xc8\x903\xb2\x05~\x05\xb5Z\xc7j\x84/\xdc\x99\x8c\xbc\xddS\xd7]\xf3\xab&lt;\x1esF\xc9\x94\x02V\xc8Fmz\xf3\x0b\x9eXC\x97\x15&gt;\xbf\xb4\xa9\xb7A\t\xe5c\xf5\xbd\xc8\x83?\xff\xb4\x84\xbb4]d\x92\xb6\x15\xc3\x9a\x02\x17\x04X\xd8\xe2H\x96\x19\xcaH\xe5\x01F\xf7\xf2\x0f \xe99\xcc\x80R.\x07e\x13\x82\xb6u\x84ki1//\xf9\xb1X\xa7\xde\x80\xe6c\xe0\xa9\xa7\x1e\xd0\xeb+\xd3\xe9\xef\x1a5$\xb2\x85\xde\xef\x88q\x1f\xd4\xb1\x02-\x9a.\x92L\n\xd6G\xaa\x91c\x1f\xcbl\x06C*\x97A\xc5GM+\xd44\x88-\x02~X3\x97\x97\x08?\xa6\xa0\x18\xaay\x90\x10\xdc)\xba\xe5w\xcb\xef\xe1\xfbP\xe2\x9a\xae\xb0\xe5\x01TV?x\xb3\xe9\xae\x9656# \xd30\xd8\x10/\x91[\xa3qs\xd8l^  \xc3d \xdd\xe4\xef\xf3\xfd\xfc\xdb!n5O (/+\xde:V\t\xdb\xd6L\xf5\xd7/\t\xee\x7f\x07\xb6\xb0\xb1k\x9a\x1e\xabr[\xe9\xd1\xa8@\x19`\xcc\xcd-s\x98J\xc6\x10`\r\x89\x1a\xc1\xd52x\x19\x00%\x91Ia\xba\xc3o\xf0\x9e\x922\xcf\xf1\x8a\x17\x96\xc4\x8a\xd7\x8bt6\x19\x88\xf9\x18\xb6\x16\xa1[\xb0\xdd\x11\xb61rw\r\xf2\xab|\xba%\x1a\x19\xf4(\x99g\xdds\xdd&lt;F@\xd9\x82aeZ\xdc\x8d\xf5M\x974 \xd3\x92\xc3t\xa7\xcdxv&amp;\x0b\xff\xd5\x80\x1b\xd6\x1a`EZ\xbf\xd7\x1b\x88\x98w\x05\xac0\xb6\x84o\xbc\x03X$n\xb5\xda\x0f\x7fN\xaf\xd5|\xfaq\xb5[\x17\x80\x12\'\x05Du_\x8dy\xec\x96\x80[\xaa$k-\xf4\x82mB\'\xf0V\x03/q\xc3\xfa\xb5z\xc9\xe5W7\xebX|\'$\x91\x8c\xed\xe0!X\xd2\xc0U\xb5Z\xe5_R~\xecC\x91\xab\xab+\xc1\xe9bG\x96\xcc\xf4he\x995\x0cL\xd4"u\xbb\xa5\x0c99l\xa1\'m\xc6Su9\x16\xc0k\xfc\x10\x08\x87\xb5\n\xbfz\xd9\x07X\xf96\x87\x03A\xa2Z\x12\xa9K\x03F&gt; @\xaa\x95J\xf5\xb8\x0f\xf3jN&gt;\xdf[&gt;\xb9\xe1G\xe4\xca\xc1\xb0&amp;3\xb4\x06d"\xa9\xb4E\xc4\x08\x90\xb4aK\xc1&amp;\x99\xd7Y\xcf\xcf\xf0\xc3zyZ\x8dU\xe0\x7f\xdb\x88\xf9\xbc\xc9\x89 \x115\x99L\x82\x06%#]\xf1\xd1J\xa5\xf3x\xdf\x96N\x1b\x140\t}\xc1\xdb\xfb5\xf3\x0c\xc92\xed\x06\xac5H$C$e\x06\xba\xa6-\x96\x82\xdf\xf8_\xdd\xc59\x07\xb7a\xdd\xd00\x17\xcb_n\xeeSl(\x8d\x96w\xc0\xd8\xc1\xb8\xc8`\xff\xae\x90X\xcc\x94`\xb9\xc4`\xfbm\xe9\x9e\x93\xc9\x89\xd4\xd2u\xcd\xac\x9b![ \x8dp\xd8\x19\x91\xd4-\x9di\x9f\xa6G\x93+\x13\x01\xdd\xfb\xf35\xfc\xcc~\xc3\xe1U\xf5x\xf3x\xdf\x80\xd2\xf2&amp;G\x9d+:8\x08Z\xc5\xe9\x889\x9c\xc9$h\xfa\xe0Fpc7\xf8\xef\x83\xb7)cn~\x95!\xd7\x92\xdcl\xc0\xea\xe6\xf1\xa4R\xa9\xbc}\xdaB\xb7\xdf.Ju\xef/p\xbc\x1b&amp;&lt;gV\x00\xab\xb3\x07%\nM&amp;\xa1\x03qz\xb1k;\xa4VH\x16\n@\xe5\x9b\x14\x07w\x83\x93\xcf&amp;\x0e\xde\xbe\xdd\x8b?\\e\xb3W\xdb\xb52F\xbd\xba8R)L\x1f\x92%"\xa1\x16\xcf&gt;j?\x1e\xe2\xd8\xe7\x1b\xfe\xc2\xa2\xd5\xd9\x89\xd2\x88(\xb1^^\xdeV\xa4T\n%\x93\xc9b\xa8\xd7%\xdeM\x07\x83A\xa0\xda~\x9bJ\xc5\x1f\xces`\x12\xaa\xc9\x01\xc0b\xb39rY\xa0]\tX\xae\xbe\xdc\xd9\xc7\xf7kx\xda\xd7\x86Cs\xf5\xf2x\xf3{\x94HCQ\xa1\x89\x06O\xa3\xb7W\x91\xb0\xdb\xed\x0b\xbea\xa8\xac\r\x8c\n\xc4\xe8\xf6\xde\xdevj\x1c\x84\x03\xf8X\xb5\x923\xb4\xdc\xcd\xe1\xc8\xdbe\xed\x02rt\xa7\xc7f=\xd3\x9d\x1d\xe2zi\xf7\\\xe7\xe4\xa3\x9b=\xcd\x10."$2\x84x\x13b\xdf\x82\xcf\xe7r\x81\xa2w\xb9\xc4\x13\x12L#\x1b\xdf\xc4\xc7\xf7\xd6\xf7\xc6\x07\xe6\xe1\x98\xd5L\xf6\xf22\x87\xc1$a;\x88\xa8WQ|\x7f6\xff\x02\xd7\xcb;B\xc3\x9c\x93\x8f\xb0z\x14\xcd4\x1a\x8bH\x0b!\x91\x9da\x89d\xd2%\xc1\x98|\xbd\xbd\x89\xe2y\xb9\x9c\xcb\x95g\x1f=\x89\xc7\x81k&lt;&gt;&gt;0\xd0a\xe6-w\xf3t3\x1e\x81G\xa0\x8e8\xed\x8b\xa7g\xdd\x878_E\xfdBns\x10{XD"\x8d(\x14\n\x93\x1dc&gt;;\x18\x1f\xb1O&lt;\xbc\xa0*\xd6j\xb5\xf3\x8b\xd3\x8f\xa7\xa7#\xf3\x0f\xc7\xf7\xf6\xf6\x80,\xb5\x17\x9f\xedPv\xb3\x99:P\xcd\x1e\x8fz\'T\x10\x90\x98/p\xbe\xe9\x84\xa2\x9fr\xa0?Am\t\x85\x00V\xe8P-\xa8|\x92\xe1a\xdf0\x8bX\xc1\xce\xf5u\xed\xea\xe2\xea\xe2\xe2\xfd\xc8\xc3\xf1\'\xdb\xdb\xeb\xa9\xedT|\xd6\xcc\xe3\xf0\x98\x02\x8f\x07\xacu6\x94\xbfR\xe2\x1d,l\x00Ech3\nI\x84S\xc7\xda\xdaZp\x9d`[\x11\xc3\xa6\x01&gt;+\x95\xcf\x80v~\x0ea\x1bx\xba\xbd\x9d\xc2|\xcf\xa8n\x15\xa2e\x06\xaaH\xd6\xe4\xd4*\xd7p\x7fq\x84\xf0\xcf!n\x1eE\x9b\x894\x9a\x0fj\xabcL\xf5t\xf6M\xf1\xc4\xdfD\xf1o\x18\'\xde,--\x15?\xc3\xb9\xbe\xfe|]+?\xcd\x19\x8d\x13K\xa9\xf8\xe8\xc8\xaaN\xb78\xea\x11X\x07\x11\xa1U`\xfe\x02w\xfb\x84\xe7&lt;\'`\x81ce\xb1h\x05\xeb\x98\xbdc+W,\xa6\xef~\x15L\xbd{}t\xf4\xe9\xd3\x1fG\xaf_\x7f\xd8\xdb6~&gt;\xf9|]\\\xf0\xb9\xc4\xc6\xf5Y\x8fnd\xd1j^4\x9b#\x88\xc9jf|\x81\xb7l``\xbfp\xa2D"+\x91\xa0\x85\x12\xe5-\xd5\x16\x94W9\xe7Jo,\x8d\xa7RK\xf1\xa3\xa3w\x1f\x8e&gt;\xfd\xe7\x7f\x1f\x0e\x0e\x826\x9b\xdff\xb3I\x9e&lt;\x1a\x19Y\\4/&gt;\x1a\xb5F\x10a\xa4\xfd\x15\xe1\xcb\xbc\x081\x835\xd3\x90\x90%L\xaaT\xd0I\x17\x92\xd9\xec9\xf6\x14\x9e\x9f\xd7\xae\xaf\x8d\x92I#\x96\xc9\x89\xbd\x89\xf4-\xaaxrC\xb2&gt;&gt;\xb0\xb8h\xb5\x8e\x0e,Z\xb3&amp;Sd\xe8\xcb\xbc\xc1\x05Oc\x1b\x8a\x15|"\xa1R\xe5T\x0bv\xd5X\xf6\xff\xbc\x9cmH[i\x1a\x86\'$\xc6$hd#ekFm\xd8\xf1\xa35`"\xdb\xc3Y\x966\x122\x85nj\xdcjB\x1b9\x03\x92\x90\x9cD\xddi\xdd.&amp;\x99\x84\xa6iH\x9a5qP7;JV\x8d\xf3\xa3\xf6\x87\x185\x82B\tVepJ\xbb\xcb\xec\x8a\xd8\xb2\x94v\xda\x8e\xfdZJ\x87v\x17\xa6\x0c\xc3\xb0\xf7\x93\xf6\xff|\xf5\xcc1D\xf1\x87\\\xde\xef\xfd&gt;\x1f\xe7&lt;oR\x91\x7f\xf4}\xee\xa3\x1d\x88\xeb\xde=\xfa\x8e\xb7\xcf\x97\x19n\xb3\xc3\x99\xf4\xc4\xad\xee\x8c;\x1e\x0f3S\x91\xce\x96%a\x06\xb8P\xa56\xa9\xbb)l\xd9l\xce\x98\xd3\xc9g\xf8\xa9\xc8\xcaJ\x9e\xb8\xee\xde}\xfc\xf8\x16\xbd\xdd\xb9\xf3\x18?=\xbe5\xe0\x9e6\xba\xed\x88\xa9\x0cg\xe1\xfcL.\xcf\x085\xb5X*\xdf\xd0!\xfbTE"\xb6X,\xe84\x1a\x87x\xa8\x90\x8a\xa4\xb0\x8c\xbe{wo\x11S\xfd\x9d;w\x10Uo\xc5]\xd6\xa4?\xccy\xe2\xc5\xbb\xcf\xfe\xdcTnR\xb0a7\xf9l\\\x9d\xa5\x80\n\xb9lF\xa7\xcd9\xc5\xe4t\xf9H\xca\xe6\xd0\xd8\x96\x97)\xfft\xdd\x8d\xdb\xe3\x00\x19\x88\xbb\\\xc8C\x1e\xe8\x04\xc9\xe2\xeeh&gt;&gt;&amp;\xd8\xec|\xa9\xfc\xc3,\xabF\xaa\xae\x02\x871\xe5\x1c\xca\xe5rSC\xf9T*\xd6\xffW\\\xcd===z\xaf7\x91\xc4\x06t\x11\x96\xc7\x93\x9c\xf6s\x1cv"\x93\xfb\xa3P\xa3n\xc5\x07e\xddfDz\xa5F\xe3\xa8\xd2hR\xb0&lt;\x93\x9b\x9aB\x1d\xd8C\x95\xcd|O\x0f\x95\x82\x13\xe9p\xdc\xd5\xden\xb1{\xec\xe1\xa4\x91\xf7sn7\xc33\x1bB\x1e4\xd8\x88d\xd5\xea,E/\x8d\xc3f\x8b\x193L4\x17\x8dv1\xcb\xde\x0eT[=##\x88\xedi.\x0e\xac\x90\xddb\xb1\x84\xa7\x8d\x0c\xd3\x05\xaa\x88E\xd0\xe9\xe1\x8d\xbc\x1a\\\x94\x81\x94J\xec\xc6\x98\x91\xcf\\f\xba\xacVf:\x91\x98\xf0B\xa9\xd14v_\x08T!\x0b9kz\x1aT]\xbc\xd18)\xe8\x90\xee\xcc\x14\xa9\x05\xb9\xd4\x06T]\xf0=\xcf\xf3Q\xa4b+\xc7\xa5GG\'&amp;\x16\x0bv\xaaLC\xed\x16\x8bgp\x90\xcbd\x92~\xb75c\x8cXf\x04\x1di\x9e\x89\x12\x16\xe4B)\xa1\x85\xed3&lt;\x9fs[\xad\xee\xae.\x7fr\x13\\\xa3\x85\xe1\x1b\xc3\xc37B\x16{\xd8S\x08\xfb\x93I\xb7\xdb\xef7:ya\'\xadKgrY\x13\xc9\x05\xdf\x1b\x1c\x0e=jy\x9e\xc9\xe5\x18f\x88\xe7\x99d\x98\x1bL{B\xc3X?\x8b\x1d?y\xc2I\xbf\xdf\x9f\xc9L\xc7l\xf61a\xe7\xd27t\xd9qs\x96\xec\x95U;\xfa\xf5\x0e$ \x8a\xaa9~\x8ag\x187\x07\x9b\xdb\xc9\xea\x9eA\xaa\x9d\x93\x9b~?\xc3d\x9c\xa9\xd4\x87\xf2\xb7\x04\xc6R\x07\x02\xe0\xeaV\xab\xbb\r\xfd\xfd\xfa`\x90\x1e\xee#\x0b\xf1L\x9c\xe38\xfb\xb6\x85\x0b\xc3\xf3\xc5G\xd5XC&amp;\xc30\xc6\x94!2\'\xf0\x10\xffF\x9f\x9a5\x99\xc1\x95\xed\xee6\xb0\xfd\xc1`0\x16s\xf2&lt;\xac\x9d\x1eM\x0f.\xa6=\x05\x8f\x07\xf1\xca\xb2]\x18\\D\x84\xbf\xdc\xc5\x0cEl\x86\xe8%a\xa9\xdeZ\xca\xc3S\xa6q3\xc8\xd4j\x96uPO\x86\x94m\xcc\xa4\xd3\t\x04\x87\xc5\xc5\xedB\xa1@R-\x8eNlb;\xa0\x84w\xb0C-\x1bBc\xf5v;\xd4l`&lt;`\x0ed\xb3l\x80u\xe8\x83z\xac\xa33\x81B\xd0\x9bH\xa4\xd3\x85\xc1\xc26Q-\xa6\x13\tcj(\xaf5\x98lL\xcb\x92\xb0T\xa5KM\xe8\x135j3\xb0\xe8\xc5\xa2q\xed\xd7\xebc\xce\x0e\x04S/b\xfc\xe8\xe2\xa2\xa7P\x18\xc55\xa1\xef\x88i#+\xac\xc9\xc6wU\x08\xbc\x88(\xb8\xb4Z`A0\xacc\xe0\xb8\xc9\xc4\xf6\xa3Y\x84f^\xc4\xf8W\xa9g\xb00\x88\xf8\x95\xf0\xea\xfb\xd1T\x1aL\xc1L\xd7\x81\xc3\xc2bQy\xaaU*\x1d\x1a\xb5\xc1lfYs`|&lt;`bY\x93\t[\xd2;B\x07\x0c\xbc^j\xc5\xf0\xea\xd07\xf7#\x8c\xb0\x8e\x8c\xdf:P\xb9$&lt;\x16\x8a\x1a-\x82&lt;\xa8X6\x80\x16\x11\x92\x81\xab?\xa8GM\xd3\xe1\xa5F,\x01:}s\xb3A\xab4\xe8\x8d\xc9\xb0\xf5\xc0\x91\r\xc1\xb1\x8a\xdd+b\xbc\x01X\xe6\x80\xe9\xf88\xaeWh\xcdz\\\xfd=\x1d\x1d\x89\x04\xb4\xc2\xd2j\x1d\xfa\x04B\x7f\xfc\xe7\xc0\xbaHw!\xaa\x94j\xd6\x90\x85Z\xe6l`\xfc\xf8\x95\xf1+W^i\xd6l\xc2W\x8f\x1e\xdf\x1d,\n\x9f`"\x1cFt\xad8\xb2Q*4VS\xa7R\xa3\xa4\xdd\xa8V\xaaa\xb0l\x96\x1c6~\x05\x8a\x155\xa3w\xecN\x07V:\x153&amp;=\x9c\xc5\xe2\xaa\xa8\xfc9\xb0\xb4\xa8\xb5\xaaX5\xf6\x19\xad\xa3\x99\xa2X\x91\xec5\x1ak@\x85\x98\xd2\xa4l1g2\x8c\x04\xd9\xee\xda#0\x96\\\xfe\x97\xa6\xdeN\xad\x16\xee\x82d\x10\xcc`6Q\xa0\x00\x18\tV\x0c\x1a\xac\xe6u\x0b\xe2\x9c\xf6#\x11\xd9\xed\xae\x81=\x95BU[(\xc4\xe9dp\xdb/\x9a\xf6\xf7\xae\xa04\xedF\x9c\xa8\xea6 _\xc3\xf7\x01\xe2\xa2\xf0\x9aUcw\x1a4\x9a\xaaT\xca\xc9\xa3\xb9\xf0X\xec\x16\xd7\xc0\x81=G\x04\xc2\xa2\x93\xe5\xb3\x0b3m\xcf\xaf_l\xea\xec\xecTj\x95\xa4\x18\x8cO\xa1\xa9\x08FQ\x9f.\x16\x89\x125\xfe4\xcd\xfdp\xa0jow\xb5\x00K\x88*\xb0\xb4T\xbe\xb4\xbb&gt;21\xf9\xd9\xd7;M\r\xbd\xf9\xde\xe2\x9d7\xba\x89\xaa\xd1h\x0cXK\xca\xdc\xd0\xca\x0c\xcb\x03*e\xcc$7\x93a\x7f\x98\xc4\n\xd5\x1ej\xdds\xec\x83\xd9R\xf9\x1b\xf7\xb9|\xec\x93y\xa9Dqs\xeb\xeb\';43B\xf6\xd2h;\xb1\x1f\xab\x94\x1a\x87\xc6\x80\xda\x0bh\xa8V\rAM\xca\x99\xd9\x9c\xde\xdc\x04\x16\xd5\x84$Vk\xcb\xb1\x13\xa7\xde\xbd\xd4\xd6&amp;/\x95\xbf\xb9gvo\xc9\xc7\xe6F\xa5\x7f\x13\x8b\x14\xeb\x84\xf5\xe7\xfd}\r\xbdE\xdbG\x94\x1aJ\xdb\x0e\\\xd8v\x0eC*\x18\xb4\xc5Py\x01)\x99N\xfb9\xba\xdbl\ta\r[\x8e\xbd}\xbd\xe1\xd4\x7f\x9e=_X\x98}3\\\xf8\x07\xdb&amp;\x17\xcf\x89\xe9(pI\x11\xeb\xe2\xfe\xfd\r\xa7\x1a X\xa4\xb3\xaa\n!\x8c58@\x06"[\x8c\x98\xfcn\xfff:\x0c(h\x05(\xb4@g\xa0\xd6\xdb\'V\x1f=\xf8\xed\xcb\x87\xeb\xbb\x1f\x8f\xfd\xe4\x8f\x18 \x9f\xb7M\x8e\xce\xef\x95\xd2qQEIq\x11i(\xbd\xa1A\xa7\xeb\x8cDVV\xb4\xdd\xe8\xcc\xd0_\xdb")\xd4\xf4\xcb\xd3I\xf8|3\xc9\x85\xb1\x07\xed\xe4\xab\x10\xa8j[+\xce\x03\xeb\xfa\xce\xa7\xdf^ZW\xcd\xaf_k\xfbi\x07\xf9\xe5\xf2\xd9\x85O\xbceRi\x8dLL\xc7#K\xaen}AX\rP\xabA\xd7\xdb\x97G\x8c0\xa8\x95\xd8\x8dpy\x04\xbd\x06\x93L\x86\xc3i\\\xf0U\xd8\x12*:\xab\xfd\xccY\xc2Z=\xbdz\xff\xf6\xdf\x9f}\xb5OU\xf3\xd1\xc4\xdc\xec\x8f\xf5X)}P\xc0\xe4\xe0\xfc/\x7f/\x96\x00KD\x87X\x15k[/\x9e\xec\xdc\xa7\'\xe8\'u&gt;\xdf\x94N\x17A\x84@"Bd\xb5\xa5\x9cCd+?\xd6/\x9c\x0es\x9e\xb0=\x84\xc6\xba=T{\xa6\x95\xb0\xce\x13\xd6\xd1gK7U5\xe5{\xcf\xed~\xbc\xf0c$\x03\x93|\xe1\xda\xc4&gt;\xb1B!\x12KE\xc0R\x90\xb9T\x0f?xr\xfb~q:\xe3\x94\xcf\xe7\xcb\xe9\xf2\xb0&gt;R\x10^\xcaHj\xf9\xf2\x10V\x11\x8d!\xb23\xc7y\xe8\xe9\xcapcuu\xed\xc1\x83\x15\xe7O\x9c~g\xf5\xfe\x97G\x9f-\xac\xabjd\xd2\xf2\x9a\xb5\xc4\x8d\x85\x1f\xaa\x18Y\xeaRa\xa4\x8cfp\x15PKT.\x93\x16=/\xfdf\xeb\xc1+,:?\x06\xb0\xbe\xde|\'\xb4B\x9c\xa8\xd2\xdaRC\x97\x87\x9c\xc9\xe4&amp;\x98pY\xda\xd1\xf27\xd6WW\x9f=x\xb8\x82\xce\xb6\xac&gt;\xfa\xddo^&gt;\xbd\xaaR\xa9DR\xd5Zy\xf9\xd5\xed\x85\x1fd~Xjn\xf1\\\x8dT*\x11\x97@%\x91T\\.\x91\xbe\xfa(\x85\xd7[\x11\xe6\xd2\xd5\xd5\xf9\xea\xa29\xac\xe3\x8a\x12\xf5\x97R\xab\xcdG\xf2\xc5\x16\x96q\xbb\xddv\xce\xd5\xde&gt;\\\xdfX\xdf\xd8X}\xe8\xd0\xc1\xc3\xe7\xcf\xbfS\xb9\xfa\xbf_\x7f\xfb|k\xad\xac\xa6F")_+\xc3_\x1d\xb96\xf3}\'[ \xd4\xd8\xdc\xe2G\xe5{%\x12\x89HL\x07\xc9A\'\x93(T*\xb1H\xa4\xb8J\xe6\xda\xc1F&lt;\t{\x9d\xac\xab\x8b\xfat}\x11JEU\x91\xde\xbcnj\x8a\xe7/3n\xab\xdb\xed\x8a\xc7C\xa0*b\x9d=\x82E$\xac\x07\x7f\xf8\xef\xd8CUY\x99J"\x91\xad\xed\x13\xe1\xcf\xd7LL\x8e}\xaf\xd9\x16\x04\x84K\x83\xf3\xd2rY\x91JJbI$b\x85\xe4\xe6\xc3\x87\xe0\x12\xaf}5\xf7\xe0\xf6\x0em\xc5\x93tp%z\xe1\x02\xb8\xf2 \xeb\xeb\xd3\xe9\xf2C9\xba\x95\xe5\xee\xa2i\xd3vb\x02Uc\xf5\x9f\x0e\xbd\xc6\xfa\xf4\xe8\xcb\xb1o\xcapI\xa4\xb2\xb5\xb5\x12I\xb9H,\x99\xdf\xa5O\xb1(\xfd\xce,3\xb3\xddS^\x84\x92\x88\xe8\xff\x81\xe5e\xd2\x92\xb5\xdd\xad\x7f\xbd`\x15\xf8\xcd\xee\xd3\x7f?\xd9yD\xde\x82\xb9\xea.\xbc\xf7^\xd4\xe7\xa3I.zx\x9d\xf3\xe5\xa2]n\xab\xd5\x1a\x1fp\xd5V\xd7\x93X\xf5\x8d\xd5\xb54`s\xecte%\xad\xe1\xc2M\x19\xb0\xa4%\xb2\xb5y\xb1BV&amp;\x11Ik\xae\x16\x96\xbe\xc3b\x14\xd0\x13\xfbd\xe52\xc2\x82\xb5\x88J,\x91\xa8\xfey\xed\xc5\x17\xef\x7f\xb9\x83U\x14\xdf|\xfa\xd9\xfb\xb7w\x80E\x9e\xaf\xa3\xa7\xe8\x17\xc0\x05\xb2&gt;\x9f/\n\xf1\xde\xb5\x1e80\xd0\xdaZ[\xddX\xff\xab\xff\xf3q\xbe!m\xe4i\x1cop\xc8e{\x13\xdc\x9b\xc5YA\x93\xe1r+R\xd8\xbc\xd0@.\xd3\xba\x18\x82\x9bd\xd6\xa3\xef\xba\x07\xa1\x86\x85\x1c\x1c\x07\x99-\t\xd3\xe3\x02[\xe4v\xc0\xe5^\xb8v\x03\xdb]X)\xc9\x04;\x13-\xebQ\x03\x06\x16\x1a\xb7\x95h+\xa8\xcd\xb2\xeb\x1f\xe2\x1b[\x95\xe6\xa4Z\xb5\xb4\x96z{\xdfgb{{\xc7\xde=\xa8\xd5 \xf6\xe3\xf7\xfb}\x9egJ\xe77mm\x84\x95L\xd2\x91\x87\xc6_\xfe\xe6(\x0c\x0f\x05\x07\xcb:JS\xa5R\x899\xd9\xe0`\x99\xd7-\xb6\xd2\xe5\xdbh\xca\xff7\x14\xc6\xbf\xfb\xda\xfe\n\x8a\xb1\x9abY\xd9o\xf6\x8evd\xb9|p\x13X\xfd\xf7\xaeW!W\xfdx\xc8[\x03\x03\x1f\x9f\xef9\xff1\x14\xfb\xb3\xf9\x1f\xfd\xe7{\x9a\x9aNutw%;\xe1\x9f\xcb\xe5\x82\x85\xad\x9d\x9d\x97\xde}\xe7B\xe3;\x07R\xe1\xd9\x95\x05\x1b+\xb0\x8e\xafnl\xce\xb0\x1c\x9a\x08\\\rV\x06\x98\x99\xff\x191\x92\xea+0\xa1\x18:xo\x83X(\x0b\xb3\xb0\'\xab2j\xe7=\xc8e\xabl\xcf\x97\xd7\x8e\xb1Z\x06\x06\x06@r~\xa0\x05L==M\x8dMM\x8d\x17A\xe5t\xb6\xba\xccjkm\x07\x16\x1d\x04\xbcpw\xa3\xb0\x7f\xe5i\t\x16~\xfa\xf9\xc6\xfe\xe3\xcd\x12g;y\x92a1\x11\xe9d=E\xecg\xb9^\xfb\xc5\xc8w\xfd\xcd\x80!*\x86&gt;\x9aXh&gt;\xe7\xacJX\xe5\xf2\xda9|\xb9\xb4}\xbd*om\x9d1\xebc\x13\xab\xe7&lt;\xfe\xe8m\xea\xed\x85W\x1d\x1d\x1d\xdd\xc9d+\xa4\n\xf4\xb5\x99ru\xb6vvu\xbd\xd3r\xb8:\x87d\x91\x85\xf6\xad\x82X\xbb\xb1Y\xb21\r\x16;\xcb\xda\xad\x16\xab\x9d\x15.\xff\xf0s+\xfc\xb5\xdf]\xff\x84%\xff\x9aI\xab:\x15U\x83\xed\x8f\x87\xc0*\x97\xcb\xd5H\xf9\xaa\xd5j\xe16\xb7\xf7V\x1fn\xd19-3\xf3==\xa7\x9azzz{z{\xe9&amp;\x12\xa2"\xb1\xdaL\xad\x08\xab\xfdm\x90u\xfduk\xc7xt\xe56\x0c\xb43\xeb\x928\xe7\xa9\xce?\x9d\xc1\xef\xcd8X\x01z\x11\xd7\xd7\x9f]\xff\xaf\'\xcb\xd0\xfa\xbb\xddo\x1a\xc8\x10\xd5q\xe8AemX\xd8\x9d\xddQ\xab\xd5jY\x92\xa4\xef\x1b0\xf7\xa7\x9e\\\xaf\xaak\x87o\x99\xa7\x00\x91\xa7\x1e\xf3\xe0@\x13\xa8\x1aO\x01\x8a\xb0Z\xd1\x86\xae&gt;:\xe6\xe3t\x12[\xeb\xbbg\xd6Vk#\xf7f8\x87\xa3\xf9\xbd\xb2a\x14\n\x86QK\xbd\x10\x1a\xac6N\x80^Vk3\'\x08\x7f\xfan\xfc?\xc00\xab&gt;\x83TL=X\xf0\x9a\xa0\xeaCb*\xb96\xe9W\x89\xa9,E6&gt;\x02\xa9\xf0\xf4\xc9\x9e\xb4s\xd8\xd22\x807R\xeb\xe2\xc5\x8e\x8e\xc6F\xba\xdd\xa6\x11L]I\xa7\xf3\x12\xfa0\x10\x08\x98\xd9\n\xa4\xfb\xda\xda;\xb6d\xcf\xb3\xf1\x05\x9b\xc3a?w`dE\x83\xe7\xf9ly\xfe\xce\x94\x00\xf9Y\x01[\x92\x0em\x08\xc2Tf\xf4\'\xd1\xc7\xacr\x90V\xf6WTf\xc6l\'m\x0b\x9dk\xb3\x93\xc1\xa0\xacj\x9a*\xa9\xf2:F\xbeei\xfbZu\xf5\xe0\xcc\xfbH:z\xaf\x17\xf3\xa0\xab\xbb\xe3\xb8\xe8)\x02\xce$\x99\x18\xa0CQ\xae\xb6@:=\xe8\xea&lt;\xf3pu\xffJ\x85u\x08\x0e\xfb{R8\x1c\xd7\x8dX\xcc+\xe6\x8e\xf6~x0\xc3Y\x1c\x02G\xb9\x81\x9fl\xff\xdf\xae\xfd;a\x9f\x08\xf6z\x0b\x9aT\xc7\x9f\xe1\xa2\xa1\xbf\xf2\xe3\xec\xec\xe4\xa4\x7fR\x96\x83~\xbf\x7f\xd2\xff\xfd\x9b\x16\xc6\xcam&gt;\x99_U\x0f\xc14`zx\xf1"HL\xb0.\xcaU\xd2\xe9&lt;\xc6B\r\x0e&amp;\x12\x01W\xd3\xa1\xba\xfc\xed\xbd~\x04\xe9\xd3\x8f\x0eBQC\x1f3\xf8\x987\xea\xcdj\xf2\xfd\xf4\xe6\x14geY\xd2\xc1A\xc7I.\xdf\x1ey\xe9\xa4\xc3\x1cV\x84b}Ie\xb5\xd8pQt\x1fP\xa0\x9a\x94\xd1\x8bA\xbf\xac&gt;&lt;gA\xea\x97\xb6\xb7WVw&gt;\xa49ebu\x83$\x99\xa4TuwuvB.\xf2pp\x10`D\x95\x0et\xde\xdd\x89&lt;z2e\xb3;\x84O\xb7\xe6D]\xcbg\xe3|,\x16\r\x8bY]QV\xe6o/\xb1\x0eL\n\xc6\x8e&gt;e\x85\xcf\xa72#u\'\x01\xc5\xd5\xb5j\x80\x834I\xb8\xd2\xd27\x8b\xf3G\x93~R\t6\xaa\x92\xa4\xaa\x8a*\xad\xbf\x8e)\xcb\x10\xe3\xe7\x8b\x00\x00\x06\xd9IDATU\x90\xfa\xc8\xc1\x87\x14\xac\x1e\x98x\xd694D\x17{\xdd\xf4(\x08\x8c\xd2z\xb2H*\xc2J\xb8.l\xac\xd6\xc6+6J\xd6UY\xd7\xf4\xac\x17%\xc6\xa0\xd6\x84\xa2\xe8q~y\xbe2\xc3\xd9)F\xb4\xc7Y\xf6\xeb\xbf_7\xf7\xa4\x89D3\x0b\x17BV\x8b\xb0\xf4\xa2\xb2\x99\x9a\xafU#\x92L\xee\x05\x81%K\xd2\xaa$\xfb\xfd\x0f\xbf\xb0 ]\xfd\xf7`\xe3\xea\xe1\xef\xe9~f\x88u\xb6\x15\x18Cg\x93]&amp;\x98\xb3\x8eu\xcc\x04\x0f\xdf\x00\x95i\xa1\xbdy]\x86{\xd10\xef\xf5\xc6\xbc\xb1h&lt;\xaf\x04\x15#\xe6\xf6\xaa\xf7S\x00\x834\x18c\x1c$\x13f\x1e\\\xc3:\xa2\xce3se\xb5[J/2\x8b{+\xcb\x92\xa2G$IS\xe4`\xb18\xeb\x87\x7f\x12\xbeT\x83\xfe\xb5s\xb4+\x17\x9e\xc0\xc6\xf2\xe1[\xbdM\x84\xe5\x1c\xa2\xfb{\x86\xcev\xd1\x13 \xb0w\xb0\x0e\x07\xd3Dt\'\x91\x18l\xdb=\xba\xf5\xcf\xc7\xdbK\x8c\xbd\xb9y=2\x1d\xf6\xc5\xd0\x85\xdeh4\xea\x8d\x8a\xb9\xa2\x92\xe7\xdd!\xb7\xa8K+\x8b\x95\x19\xb4\x1c\xa08\x8e\xac\xc4\x02?\xf1\xb2\x07-6f\xe6\xce\xfc\xb2\xa4\xe9zD\xd1\xb4\x9c\xa6iJ\xb0\xe8\x07\x16\\\x8cD"\xba\x8ef\x84\\\x0cl\xbcV5\xe4\xc3\x96\xde\xa6S\x17\xffpv(\x00Q\xdaZ\x93d"\x82\xe5\x82V\x89T\x8a\xc0\x06\xdbw\xcb\xb70\xde\x17\xe8\x89DW\xab\xe1p4\x1a\x0e#\xec\xde\xb8\x98\xcd\xe6s\x13\x06\x1fu\xbbC\xbc\xaek\x91\xda\xe2\x8b\x12c\'\x1b\t\x0c\xd9?\xf1*\xe5\xcc\xe5\xe1\x15u\x15\x00\x98S@Rrx/"\xf4\xc7X\x11]\xd2fo\xd2\xe3\x98JOa\xa3\xb1q\xe6\xfd^\x13k\x10\x10\x83\xaev\x9a\x0et81\x9dN\xa42)\xbc\xd6\xd7\xb9[\x9d&gt;\xfdx\xe4\x81\r]us#\x04*\x1f\t%f\xc7\xc6&amp;r\xb9\\^\xf4\xfaB\xa1P8\xafA\t\xcf~j\x8ac(\xf6\x04&amp;8N\xbc\xa2\x9aI&lt;\xc74\x88x&lt;\x1e\x90E\xb4b.\xa7h\n\xe6\x96?\xa8\x00\xcb0\x08l\xedM\x9ajK\xdb\xe3\xc4u\xf7\xfd^x\x18Hd2\x99\xc4`\xa0\x9dFV\xab\x0b\x06\xa6\x08+\x91\xfe\x15\xb4r?\x1b\xbd- \xed\xcc\x96/\xe4\xf3A\'\x085\x96\x9f\x00\x15\xde\xf3"ay\r\x1d\xbf\xbf6V@\xf6\xad\x0e\xf6\xd8\xc7\x13\xf5\x81e\xb3\xf4gVfgg\xfd\x12q\xf1\x1e\x8fDXy\x7f\x90J\xc6\x8b\xa2\xe81\x0c]]\xb7Rw,&lt;\x19\xaf\x81\xab\xa5\xa9\xc3\xd9fbe\xd0s\xadN\xf2\x10\x0e\x92Z\x89\xbe_\xef\x96\xa7\xa7\x9f\x8d\xde\xeb\xc7\x82\xb6\xfe\xb6\n*_4\x9e5\xc6\xa8\xb2Y\x11\xed\xa8\xe7c\xeeP\x88\xcfkJ\xb1\xa8\xe8\x06_K-\xd8l\xac\xc3\xe4\xaac\xd9,\xc2\x9d\x9aG\x85e&amp;\x96\xa7\xe0\x89(\xd0\x19\xcd\x12$2\xbc\xc8\xf3qQ\x14\x8d\x9d/\xe8\xdb\x11\xaf\x1b5\xc3\xd8\xb8\xd0=\x84!\x95\xcad\x863\xa9\x00\xae\xfaL,\xa8\x95J\xf5A\xabi\xef\xa3\xd1\xed%\xfc%\x8e\x0f6B\x10\xc6\xed\xf6yy\xfc\x10o\x0c\x9f\xa2b\xf9\xac\xdb\x1d\x15u%\x18T4C\xf4\xd2\xb0\xe8\xb7\x0b\xa4\x17W7\x91a7\xf7\xca\x85\x88\x8c\x15hb\xf1\x05\x0f29\xa1\xe4\x94"\xb2\x15\xd4""\xb0\xe2q\xde\x18[;G\xdf/l\x8e\xde\xa8\xc5\x8d\xe7\x97\xda\x03\x81Dj83&lt;\x9cB\xbc\xdaiI\xa7\xd3\xa0\x82\x83G\xd3\xd3\xfb\xa3X\x85\x02\x8b9\x1a\x86[n\xdf\xe9\xd3Ds\xda}\xda,w\xd4\x0b\xb9\xa2\x1e\xad\x18,j\x9e\x98/\x1c\xf3zj\x99%\x82\xe2L\xb58K\xa92\xbf\xe3\x97$\x13+\x02i\xe6\x96)\x94E\x05Er\xa9\xc0B.P\x86\xb6\xdel\x87\xce\xfdOG\xbf\x9d\xbb\xe5\xb9\xff%\xb2\x04\xa8\xe1\xe1L\x82v3\xfa\xb0\xcf\xd5\x97H\xbf\xbd{\x14\x9f\xde\xbf2\xfe\x02\xabN`\xafV\x01\x05\x85N\x1f\xf3\xd4?\x86\xd0\x91\xf9\x18\xaf\x9bT&gt;\xb7/\x8c&gt;\x15k\x8b\x0b&amp;\xd7\t\x0c\xb2\x06s2\x04e\x19\x9b\x0f9\x8ax@EB\xa1\x08\xcb\x1f\x94\xc9D\x9e\x17\x89K]\xb7\x00\x8b\x9b\xb97\xfa\xac0]\xd8#\xc7\x08+\x95\xa6\xcb\xf7&gt;\\\x00~\xf9v\xdf\x8f\xbb\xcfA52\xf2B\x00\x95\xe3/e\x04\x0b\xa3\x008ssx\x9b\xabSEiPLLh\xb9\x9c\xee\x89\xb9c\x05\x9e\xf7\x85\xbd\xf1\xe5\xc5\x8a\x80\x1f\x7f\x82cl\x0b\xc3\xf3H\x0f.\x12\xfc\xe6\xec\x04U&gt;\x9f\xf5x\xf2\x1aq\x91Z\xb2\x0e\x13\xc3\xbc\xa9\xd7-\xf9\x1f\xf8\xf7:g\xabs\xcd\xcd\x0f\x9bb\xa5`\xa2\xcb\xd5G7\xc0\xb6\xb5\xbeqaC\x9c\xde\x7f|\xa5\x02(\x81\xbdy\x80\xb4C\xadP\xc8\xfd\x13\xad0(\xa8\xf2\x8a2\x91\xcf"\xfa\x85\x98\x18\xf1\x9a\\\x8f*%R\xab\xbf\xb2\xb8\\\xa0\xb1\xa0\xab\xb4\x04U\xd5\xb3\x9c7\xd0y\xb1\x18\x9f\x87b\x94\xad\xa2\xe4\xe1\xbdao8n\x92\xed|\xd1\xdcl\xe3\x98\xcb\xdb\xa3\x8f\xc2\xd3\xcb+\xc7u\xffe=\xffW\xd9\xe6\xcb\xd30\x14E\xf1\tB\x10\xd4Ltr\x9f`\xea%M[\x85Z\xdf\x12,\xa6\xe2\x99g\x8b\xabG\xf4;\xa0\x10\xeb\x08\xecO\x05\t}\tK\x10\x90\xa5\x81&amp;\x15\x03A\xd8\x1600\xc0A\x08K\x18\x02\xc2\xb9o\x10\x04\xb7Me\xfb\xeb\xb9\xa7\xe7^\xd3\xcf\x87\x17\x96}\xbd\xf6\x1eO\x88\xca\xf8P\xc0\xb2\x81%~\xb9\xa0\x9cE\x89\xda\xed\xc2*a?5=\xd76\xd1N\x86\x0c\t,\xf5|\\]-]7\xdf\xfc6$$,\x92\xab\x1e\x8d\x1a&gt;\xde\x03c^\xcax\xb7\x7fD;\x17\xb0\x10\xd0\x1c\x17\x1eX\xc1l\x03C\xbd\xbct\xaa\xb9\x06\xff*\x99\x0c@\xb5\xfe\xbe\x85\xa5\xb3j\xdc\xe1a\\\xcb%\x84\xf6\x17\xb5\x0fH\x14^\xa8\xb4\x9b\xf6\xe3\x9a[\x10V\xdb\xb4\x85\xc5\x85z\x9e\x96K;c\xbf\xe3\x90s\x98\x1f\xd5\xc9Hg7-\xed$)\x95\x92V\x1c\xe69\x82\x8b\x99\x12H\\qN\x9f$\xa5\xaaQ.\x9f\x1el\x83+\x88\xa1`\x86\xbd \x13\x19\x9d\x83\x84\xa8z\x97\xe7\x80"c\t[\x17\xb2@s\xd5\x08\nL8Rx\x05y\xe1\xa4r\x81\x05\xe7S\xbc\xd9\xa3\x8ba\xe9~\xc2\x9cN\x07\xea8X\x1a\xea0}T\x8f0\xe51R5\x97\xd98\xca\xf1\x1d8&amp;\x07\x97\x94\x00#\x97\xddV\x96\x89k\xa8\xb9\x9c$\xf9\tI\xc4d\x9c\xb4:\xc2\x9d\xf7\xf6\xaf\xab\xfa?\xe1\x19\xd7bi\xcf\x13\x97\xb7\xa0\x82\xa1\x90\xa8:\xc0\x10\xf4\xcc-\xe0\x99v\xd86=p)9j\x96\xf2M\xdf\xa4\x90\x83\\\xb4%`\x06\xe6\xd1H\xa9\x1f,\xc5"41\xd4M\xa4\xbb\xe3JQ\xc1\xae*\xb0\x97\xb12\xdd\xdb~\x13^\x9c\xfcUk-\x11\xde\xbcw8$\xad\xaa\xc6S\x90a\x12\xa2\x85\xb5\x82\xdcE3QO\x9fX\xba\x7fUcE\x81\x90\xed\x86\x8b\xa0\x00\xc9\xf8\x1bC\x9b[M\x9c\x12"\xc2\x00\x00\x00\x00IEND\xaeB`\x82'</t>
        </is>
      </c>
      <c r="M11" s="3" t="n">
        <v>45492.67851851852</v>
      </c>
    </row>
    <row r="12">
      <c r="A12" t="n">
        <v>18304</v>
      </c>
      <c r="B12" t="n">
        <v>1966</v>
      </c>
      <c r="C12" t="inlineStr">
        <is>
          <t>Charles Aránguiz</t>
        </is>
      </c>
      <c r="D12" t="inlineStr">
        <is>
          <t>C. Aránguiz</t>
        </is>
      </c>
      <c r="E12" t="inlineStr">
        <is>
          <t>VOL</t>
        </is>
      </c>
      <c r="F12" t="inlineStr">
        <is>
          <t>VOL</t>
        </is>
      </c>
      <c r="G12" t="inlineStr">
        <is>
          <t>VOL/MC</t>
        </is>
      </c>
      <c r="H12" t="n">
        <v>171</v>
      </c>
      <c r="I12" t="n">
        <v>20</v>
      </c>
      <c r="J12" s="2" t="n">
        <v>32614</v>
      </c>
      <c r="K12" t="inlineStr">
        <is>
          <t>Right</t>
        </is>
      </c>
      <c r="L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cc20cd4-4768-4840-87dd-97f9ec807b1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c\xd8\xa6\x00\x00\x03\x00PLTE\xfe\xfe\xfe\xdb\x1f\x14\xd9\xdd\xee\xfc\xfc\xfc\xce\x1c\x12\xd6\x1d\x14\xdd!\x16\xff\xff\xff\xfe\xfd\xfd\xd9\x1e\x14\xadvY\xdb\xdf\xf0\xb0w[\xd8\xdb\xec\xa4jN\xd1\x1c\x12\xb4u[\x9beJ/*%2.)\xb2z]\xb2sX\x82XC\xd9\xd8\xe4\xd7\xd9\xe9\xa8qT\xabnQ\xdc\xda\xe6\x91^D\x92bI\xdc\xdc\xe9\x95`E\xb4}`\xaatV,\'"\xaesV\x9fjN\x9ajT61,uO&lt;\xd5\xd3\xe0\x81]J\xa5pV\xb6x_}S?\xa6nQ\x99hP\x98bH\xd8\xd6\xe1\x9fhJ\'"\x1e\xb6\x82e\x93gR\xa0lR;4-4+$\xa2nS\x8caI\x95eMvSB\x88ZBlI8\x1f\x1a\x16|VC\xaas[\xbb~g\xa3eI\x8acP\xafoR\x8eaM}ZH\xa9kM\xdc\xdf\xed\x9a]B\xafs[\x9dlY\xbc{a=71\x86aM\xd6\xd6\xe5\xf9\xf9\xf9\xdd\xe1\xf2\xf5\xf5\xf5\x86]J9/\'\x8efOT;1G1)\xb7|d\x95[@+$\x1e$\x1e\x1b\\@4\xa9iT\xd2\xd0\xdc\x95kT\x9eq\\\x9fcH\xd7&amp;\x1e\xa0fT\xa0ua\x8dZA\xbb\x8cr\xbd\x80jT5\'\x8egT^:)\x95lZ\x9daD\xacw`\xb9\x86i\x87]F\xa7y`oN=\xadz]zN:\x18\x14\x11\xce\xca\xd6\x99pY\xba\x8am\xaf\x80mrJ9\xabnW\xb0\x7fdK."\xa6t]\x8d\\HN5+\xa1u\\bF:\x87T&lt;A,$hE5\xa0pW\xe4(\x1c\xdab`\xafoV:(!\x85UE\xb9w]\xd7EB\x83O5\x9b]J\xe7\xe4\xe4bA2A&lt;53#\x1c\xaa{gGA;oRD\xec\xea\xea\xd63-\x8fW:D;2\xa4kXfL@kA,\x91M8\xc7\xc0\xc4\xd1\x98\x9dtG1\xf1\xef\xf0\xdc\xb1\xb8\xd3\xa6\xad\xd4QQ\xda\xcd\xd8\xa0`O\xdf\xe3\xf3pif\xc1\x83n\xb9uY\xe20%\xd9\xc1\xcb\x95[KOD;\xb0yb\xe3\xdd\xdc\xce(!\x7fF6\x93U?\xce\xc9\xcb\xe0\xde\xea\x8e?+\xda&lt;6\xa8dM\xd4\xd1\xd1\xd0\xb3\xb8\xdd\x95\x99\xdb-$\xb6qVg`]\x9cS?\x8cUK\xe8+\x1f\x9avf\xd5\xba\xc3\xc2\xb8\xba\xdd\xc7\xd1u[N\xd2pr\xe38/\xa4\x8d\x84\xe0RM\xdc\xa4\xab\xde\xd4\xe0\xd6\x8b\x91\xd8\x85\x88\xa5`[\xb4\x86l\xdbll\xdf\xe1\xedPJE{vs\x9b\x80v\xa6ZE\x9aE0\xbf\x8du\xab\xa6\xa6\xaf\xa1\x9cZIA\x94]S\xba\xb1\xb1\xb0iO\xd5z~\x9aTP\xbd\xa9\xa6\xdf\xd2\xd1\xde\xbd\xc2\xcb\x8d\x91\xda\xd7\xd9WRN\xc0np\xe2E=\x8epe\xccC@\x85JA\xc9\x84\x88dUN\xe0{{\xc5z}\xbe\xa1\x99\x8ewq\x7fbY\xb4\x8d{\xcd^^\x8d\x8a\x88\xa7\x95\x90\xb7\x97\x8b\xfe\xfe\xfd\x9f\x99\x98\x806$\xc241\xb0if\xc2OO\xb8\x1e\x19\xba\x92\x80\x1a\xdc\t\xe7\x00\x00 \x00IDATx\xda\xac\x98\xc1O\xdbh\x1a\xc6#\xe5\x90\x08E\x11\xd8\x04)\x11\x88\xe2\x80Q\x03)\xc2\x1al\x86\xd2,0\x99A\xa4x\x14e&lt;\t\xd8H\xbbH\x9b!ea\xaa\x8a^@0\xa8\xa4\x95\xc8VQ0\xe3"\xb2\xa0\nni\x0f\x06\x8d\xb8phN\x15\xff@rX\x16un\xcd\x8d\xcbJH\xedm\x9f\xcf\x0eSF\xda\x96T\xf5[\xea\x18b\xfc\xfd\xf4&lt;\xcf\xfb~&amp;6\x87\xc3as\xd8\x9cf\xe1\xccQC\xd9\x8c"\xbf`\xb7\xc7\xb6\x8eO/\n\xc5b\xa5R)iZ\xa9T\xaaT\n\x17o\x0ecv\xdc\x8d\xd4\'o\xf1\xd1\x0bl\xc6%\x8e\xea:\xe4\xa4f,\x9b3\xba\x7fxtZ\xae\xd0\x8a\xc2q\x0c\xc7\xd0,MQ8\xa5(\xb5pz\xbc\x15\xab\x82\xfd\xdf[\xd6\x84e\xbb\xbcC-X\x97J\xc5r\xcf/\x8a%\x912\x80X\x1aEQ\x14\xcd\xf2,+\xd2\xacV)\x83,\xfa\xd1\xa5m\x8ek\xb1\xae\xa2\x7fB\xf7?\x19h\x8f\xbd=-\x94DZ\xa4AB\xd3&lt;KQ\xacq"\xb2,\xab\xaa*\xe0T\x90\x1dF\x9d\x1f_\xbc\x06\xac\xcb \\\x9b\xae\x0fP\x1a(XQei\x06\x82Q4\xc5\xa0xU\x04 -\x8a\xf0\x93\xe18\x98\x993\xc1\x1c\x9fW\xb6\xeaZN\xf3Wm\xd7\xdc\xc2x\xdf\x1e\xcb\xbd)\x8b\x0c\xab\x8a\x0c\t\x12\xc5\xc9\x88\x16E0(USY\x10\xc2N\x9af\x18\x1c\xb4\xf2\xeb\\\xd4\xf6\xd9`\x1f\xac\xab\x01\xab\xea_\xeeuY\x83D\xac\xcar$\xeb,\xcd)\x8a"\x13\x0b\x8d\x8c\x11W\t#\x14\xc47\x0c\xc0\xb6\xec\x9f\x0bv\x05\xcbq\x1d\x96\t\x1f=\xbe(\xc1#\x16=\x07=\x04I\x92(%\x14\n)2\x17b\xa0\x14#S"q\x92\xe3\x14\x98\xcb\x90&amp;(]\x1c\xc7\x9c\x9f\x07V\xfb\xd5&amp;\xbd=\xf6\xbc,"\xd8&lt;\x05\x12\x86\xe5%A\xa08\x05P\x0c\x17\nqx\x03i\xd7D\xa8\x04!\xa1 E\x8ac\x8boL\xc1\xae.\xeb\xb0Y\x80U\x95\xd4\xbe\xff\xba\xc0\xb3$\xd1\xd0F\x92x\x1ab\xc1/\x85b\x99\xd0\xc3\x87\x0c\xaf\xe9%]\x05\x15Q\x89VB\x8cL\x9a\x01\x9aU\xde\xbf\x8d:\xaf\xacd\xde\xce\n,\xd2\x16\xce\xad7E\x96\x02\x16\xa3p\x14+Q\xb2\xcc\n\x0c\x94b\x04YV\x1eB-\xf8\x87A\xc1\xd1\x14\xcf\xabl\xe8!\x04\xa401(\x86\xd5\xcaG\xd1+K\xd9\xaeY\xb7V\x0f\xcd\x19\xba\xff\xa6\x08)X\x9eWB2Q\x02D\xc4K\x99\x03\x19GlS\x10%Q\xd7\xb0\x0b\xe55\x91`)\xacF\xa2\x86\xf0\x17\x8e\xaft\xa4\xed\x1a.[\xed\x11t\xda\xa3\xc7\x0521y\x04\x8b\x03\x0b\xcb\x858\x99d\x1dB\x01@\xe1d\x99V\xf3\xba^\xaa\x94\xf4|^\xc3E\x1c\'S\xf9&lt;\x9f\xd7!\x99X\xce9\x9d\x7fj-\x9b\xc3\x02,P\x1d^h\x0c\xd2\x84\xe8\x80\x80\xa1\x05\x85\xb4_\x08\xa1B\xe1%\x040A\xcc\x93beUU\x1e\n&lt;%\xc1r&gt;_Rq\xd4\xdeo\xd9\x9dW\x06\x91\xc3\x12\xb5\x9c\xd1\xdc\xfb\x12M\xe5\xd1{h0Y\xa6$\xe2Z\x15\xaaZ`\x94\xd1\x08y\xb4\x01\x0fvJ\xe3\x05I\xc6\xcc\xcf#]&lt;\x8d\xdc\x93AQ\x8d\xfc\xa7;\xb1f\x0f\xed\xb9\xd3\x8a\x88%iA`y\x01)\x17\xae2\x85.\xb9\x14F\x008\xae\xa1x\x81\x125J\x90)^\xe2)L[V\xad\x0e\xb0?\xd4\xb2\x00\xcb\xbeuZ\xd4`\x8f\x84\t*J\x1c\x05*\x05\xf3J\xf9\x83\xc7`\xc4\x91\x13\x04\x90\xe1\xb2\xbc$\xe5u\t3\x97\x17\x04\xde\x98\xfd\xe0:\xb4\xd7\xd4c\xb6\x9a-&lt;*h\xa2\xae\xe3\xc9@\x801\x0c/\x916d6e\x85\x8c\xf8\x0f\x85\xb8\t\x9bD-A"Y\xe7y\xec\xdf\x82\xc4H"\xcf\x8b\x0c\xadUN\xf7\xad\xc3r\x10\xb1\xde\xa3\xe7K&lt;\xa6\x92 lnJ\xf9M9#m\xa22\xc6\xc18\x9ae\x9cg$)\x93\x88\xaf&amp;0met\x87,\xa0}UL3\xb5pd\xb7P-g\xecyAUu\xcd\xd0\x01\xab&amp;\xd2\x994\xfeg\xd2\xcb\xa4R\xa9\xd9\xd4j\xca\xac\xe5\xe54\xf9J%\x96SS\xa9\xd5tF\xc2\x03\x86L\xc9\x8c\xc4Ch^\xac\xfc\'f!\x96=\x87\xfd\x99\x17\xf3,2\x05\x18`$V\xe3\xab\xe9\xe5Y\xa3v\xf7\x16\x17\xef,.\xec\xa1vw\xcd\x1f\xcd\xa6f76vgA\x98\x86\\\xb2\xc2!^x\x14\xcak\xe5\\-.\xd6\x88\x15}^$\x8f\x9c\xe8@I\x02\xcc\xee\xde\xde\xe3\x8d\xa9\xd9\xd4.0v\xf7\x16\xb2kk\x83k\xddk\xdbkkk\xd9\x85\x85\xec\xc2o\xe4\xc7\xbb\x06cj9\x91\x91\xe5M\xecU\x88\x19\x87\xa7\xc6\xe2161\xab\xb0b\xa7\x15U\xd3x"V\x1a0\xd9l\xb6{\x11\xab.,\x80)\xbb\x96L677\'\'\xc7&amp;[\x93\xdbI\xc2\x96\xdd\xdb\xfb-\x8b\x7f{\xe0J%2\x9b\x19\x99\xc3\x83+\xa5\xd0\xbcZ&lt;\xb2P-`\xe9\x9a\xc8c;L\xcfb\xc5lv{\x10\x87,\x00\xb6\x93\xdb\x93\xad==\xad=csss\xd3=cc\x93\xdb\xdb\x93\x86n\xe4]pA\xb04\x14cX\xe3q\x9a-\x9dF\xad\xc3\xda?-\x96\xf0\x18\xc5K\x99\xd4Bv\x1b5\x99$\x07|\x8d\xcd\x81g\x1a\x85\xc3\x88{dnn\xacu\xcc`#\x05r\xc3\xc8\xd5\xe5\x0cia\xc4\x8b\x12/b\xd6\x99\xb8\xff\xbe\xa2\xe71H3\xcb{\x83\xc9\xc9I,\xdc\xda\n \x10\x8d\x18\xd5\x0b\xa6\x11\xb7\xdb=2m\x14\xde!\x17\x01\x8e\x18\xb9\x8b\x06Mobc\xe0i\x81Q\xcb[\x16a!\x0c[\x17%\x8d\xa6$!\xbd\xb1\xd6\xda3g\x16!\x19\x19%\xe5\x1b\x05\x11^|\xbeQ\x83\x8d\x88f\xa2\x01\x0cV\xee\xa2s3\x98,\xe8E\x8a&lt;HX\xa6V\xae\xac\xe7%X\xb8\xba8\xd8\xd0;7\xdd;\xdd\xdbk2\xf9\xc2\xe1\xb0\xdf\xef\x07\x90\x0f\xaf\xeba\x1f\xa9\xd1Q\xa2\xe04\xd0\xc7L0\x0c\x8c4\xe1\xc2\x1f\xbab!g\x99Z\xce\xc3\xb2\x86mZJl,47\xf4\xa2@\xe4v\x03\xc4\x83\xaa\xaf\xafw\xf9\xfd\xe4|}}\xdd\x1f\x0e{\x0cJ\x14,\x9d3\x9cL.\xc0\xc8\xb4$\t\nG\xb3\x85\xdc;\xcb\xb0\xde\x16Tl\xbc\x89\xd5\xc7\xdd-\rD(b\x98\xafn\xe2\xe7\xe1\x89\x1b]\xf5\x8d\x003\xf8&lt;\xeb\xe1u\xc2\x17\xf1\x1b\xb5\x14$\x8aA\xb0\xe6$Z2\x95HH2\x1e\xfa\xc9&lt;\xb5\x0e\x0b\xbbn"\x11\xbf\xd3\x04,\x12$\x9f\xdf_7\xf1\xd3\xbf\x7f\x9a\x19\xee\xba\xd1\xd5\xd5\xd5\x08\xa8\xc6\xaez?\xe4\xf2\x03+\x12\xa9\x8b\xb8\\\xf3\xf3^\xf74\xc12\xb86\xe2\t\t.\xf2\x16F\x1eX\x9a\x98\xc8\'\xa6:\x07{\x88\x85\xeeQ\xbf\xdfu\xe3g\x03kb\x02X]\xf5\xf5\xe6\x11\xa2\xb9\xa0V\x9d?\x12q\xcd\x1f\xcc\x07\x90\xfe\xb1\xc9d2\xb9\xb6\xf0x\n\\\x0c\xc5[\x99\xad\xb7\x05]\xcb\xaf\xc6\x1fw\xff\xd2\xd0\xe0\xee\xed\x85X\x91\xc6\x1b\x13\xc3\x802`\x08\x94\xc1\xd5\xe5"X\x1e\xa2Z$2???\xe4u\xf7\xce\xb5B\xad\xc1\xee\xc5\x8dx&lt;!\x08VF\xde~\\\xd4u=\xfe\xe8\x81\xe9a\xd0\x8b|7\x1etA\xa8z#S\x04\xac\xd1\xd4\xcbER\x15\x0e\xfb\xd6\xe1dd\xbe\xce\x1blohmN&amp;\x07\x9b:\x1fM\xc5\xe3\xbc \x16\x0f\xad\xc1"\x8f\xa6\xc7\x05]?\xdby\xd0y\xbf\xe5V\xbb;\x18\xf476\xba\xf0E\xa2\x8e\x01\xb1\xbe^mH\xe2a=\x19\x17dr\xf8\x96"CuuCA7\xb0\xb0c6unL\x01L\xb4\x16\xabH\xa8\x1e\xfc\x05T\xc0j\xab\x03T\xa3\xcbO\xc6A\xf8\xf7\xdf1\x13\xaaX\x1e2\x1e0\xbcF\xc9X\r\xfa\x82\xde\xb6\xa5@\xff\x07\xac\x9d\x9d\x1d=o\x11\x96\xcdT\xeblg\xe7v\xd3\xb7\x1d}\xed}\xfdAo\x9d\xab\xce\xe5\xc2t\x02\x95\xe7\xd5+\x8f\xc1U_\x1d\x13\x1ec\xa6\x92\xb1\x15\x0c\xb6-y\x03\xfd\xed=\x84k\xb0\xfb\xce\xa3\x9dg\xcf\xce\xf4\x82Uj9\x08V\xe5\xfc\xe4\xfb\x1f\xfb\xfa\xfb\xfa\xfa\xfb\xbd\xde6\x97+\xb2\x04*\x8f\'Lp^\xbd"\xf1\xba\x0c\x19(\xcdi\x1a\x0cz\x03\x81\xfe\xbe\xf6\x9e\x96\x16\xc2u\xfb\xc1\x9d\x07;gz\xf1\xed\x17c]~vi?*\x9e\x9f\xdc\xfc\xf1\tV\xe9\xef\x0fx\xdb\x86".\x7f\xd0\xc0\xf2\xbc|\xfa\xf4\xe5\xcb\x97f\xac\xea\x9f\x92\xc2Y\xd8\xc0r\xc3\xf0\xbe&gt;D\xbe\xa5\xb5\x19d\xf7o\x03kG?\xffr\xac*\xd7;\x03\xeb\xbb\x8e\x95\x95\x15\x80\x05\x02\xde\xa1\xa1\xa16\xef\x92\xdfC\x06\xc3\xd3q\xc2\xf2\xd2&lt;\x1d\x1f\x1e\x1f\xc79\x04[\xf2\x05\xdd\xed\xbd\r(X\xd8B\xea\xeb\xa6\xdb\xcf\x9e\xed\x9c\x9d\x1f\xbf\xb3J\xad(\xc1\xfa\xfe\xee\xca\xfc\xd0P\xa0Z\xc1\xe0R\x84L\x84\xf1\xae\x89q\xd4S \x8d\x0f\xcf\xcc\xbc\x98\x19&amp;\\\x18\x0eK\xc0"T=\x06\xd6\xc0\xc0\xad\x81\xaf\x9b\xbe{\x06\xb5\xbe\x1c\xcb\xf8\x1c\xcax\x94/\x9c\x9f|s\x97\xcc\xc7\xa1\xc0\x93\xfe\xfe\xbe[\x03-\x03\xed\x81H\xd7\xc1\xc1\xc1\xc4\xc40\xc6\xea\xf0\xf80j\xe6\xc5\x0b\x83\xcb\x13\xc1u\xb0\xaf\x07E\xf2&gt;\x00\xaa\x0ep\xdd&lt;9\x03\xd6\x17\xed\x89W?\x13\xc7_\x18\xe7\'\xf7\x9e\x98X\x80j\xe9\xee\xec\xbc\xfd\xc37wW~\xfd\xd5\xe0\x9a\x99\x99\x196\xe0\xa0\x16vI\xd7\xd0\xca\xbf\xfev\xb7\xe3\xab_\xfe\xd9\xdd\xdd\x94$b}5\xd0\xd1\xd1q\xeb\xdb\x9b\'\xe7\xc0\xfa\xb2l}\xf8\xb4\xde\xc0\xfa\xef_W\xe6I\x05\x9e\xdc\xba\x7f\'\x1e\xdf@\xbb\xdf\xbcw\xef\x1f\x7f_\x99?\x98\x18\xbe,@M\xfc\x8f5\xb3\x0bM+M\xe3\xb8\x90\x8b\x95!\x88\xce$B%\x12\x87\xd6\x11\xa3\xa3\xb45\xb3I4\x1b\xeb\'j*%\xa2\xd1\xd6\x83\x8a\x06\xd7\x9cdc\x12\x10\xa3h\xa2M\xc0(=\rc\x13\xba\xa6gho\xa4\x95iSr\xca\xc1\x16\x1c\x87\xce\x10\x98\xbb\x81\xc9\xe8\xee\xa4\x15Zv\x17J)tgX\xda\xcd\xd5&gt;\xefI;tv\x97\xed\xa4\xee!W\xc7\x88?\xfe\xcf\xc7\xfb\xfc\x9fwk:e\xc3#z\xbd\x14B\xe6uyg\xf93\x83\x83B\xb1\xcdf\x13\x0fIwv\xf6\xda\xac\xc47\xd4\x02\xa7\xbf\xfbl\xe7\x00+\xe5\xf7\xf1\x97]\x8b.o&amp;\x93\xd9\xcc 6UI\x0b\x92\x9dB\x89\xe6\x86\x83\xbbSkS9\xd63^\xd4\xd3\xbd`\xac\x17a\xec\x1842X*\x07\xc2\xba\xcdf\xff\x1f\xb0\x0e\x16\x10\xbb_\xecD\xa2[\x80\xb5\x84K\x87\xe1p\x1b\x1f\x1f?\x0f\xaezuu\xd1\xab6\x06\xfbP\xf6s\xbb\xad]\xee-\xab\xb6\xdf8\xeb\x05\xc7\xfd\xdbU\x18\x84\\\xe3\xe7\xc7\x17\xbd\xcb&amp;\xbd\x8a\xc1\xb2\x9bv\xf6\xe0\xa8f\xb7\x1f\xc4\xd7{\x91g\xeb\x91\xd4t\xb1X\x0cE\xd4\xcb^\xef\x81\x10h\xdbp\xde\xb5,I+\xb4V.\x0c\x12\x9d\xd6N\xeb\xc7\xfdF\xc9\x1a\x98\xfcO\xcf~\xba\nH\x8b\x8b.\x17\x08gr\x8a\x19,Pk\xf7Z\xdb\xb9\xc5~\xd5\xb6\x00ko=\x12\x8a\x16\x8bQ\\*\x99\x9dU\x9b\xa4v\xbb\xd4\xa4\x86h.z\x87%|!\'\x01\\\xb2\xce\xa3\x89#\xc7\x85\xfc\x05\xf4\xfaU\x98\x87\x87\x873kk\x19\xb5\xde\x079\xef\xb3\xef\xac\xef\xfd\xe3\xf5\xea\xed]\xb0^\x87\x8f\x8d\x96\x93ccw\x19\xacb\xb2\x18\xc2\xa5&amp;\x93C\xef\xc4C\xc5P(\x84G\xec\xfc\x11\xbeF\xd3{\\`\x85\xbc\x92Y\xfb8\xbc\t\xf9\xfc\xfc\x82d\xc4\x1e\xc1\xd1\x13q\xa8gg\x87\x87g\x01\xcbf\xf3I\xa1\x9d\xfe\xf3\xcc\xafX#\xbf\r\xebe\xc7\xd8\xe3{\x8f\xbe\xfa\xec\xfa\xadM}\x08b\x18\x8dE\xf4N\x95\xcf\x1f\xf2\xe3z\xbb]\x1f\xf1\xe1\xb8oH\xd8\x1b\x10\xc8\xc2a\xb7\xac3\xc1QNh\xd2\x83F\x95O\x05\xb5\x08\x85\n\xff\xe6\x18Q\xab\xd5v\x84\x85\x9b6\xf7\xf6\xfe\xdc\xf1+\xee\xa6\xfe\'\x16H\xc5\x1e\xbb\xfb\x13\xd6(\xdf\xdf\xd9\xcb\xd8C\xc5x\xb1\xe8\x8f\xc5b~\xbfj\xc4\x8bV\x0b\xab\xe3\xdeY\x87*&amp;Vpr2h\xa32k\xe2\x98\xb2G\xa8\xf2\x19\xe5\xc3\xae\xf1U\xc8-\xd7\xac\xdd\xa72:\xa4R\xbd\x0fr\xde\x87\xb0~\xb8x\xad\x83\xfd\xd6\xeb\xc1\xb7`ul&lt;\xd75\x1aur&gt;\xb3gZ*\xc6\xe3\xc5\xa5\x98?&amp;\xd6,\xff\xfe\xd6\xa5\xf7?8q\xe2\xf4\xdf\\\x93\x92A\xa7\x8a#\xe8\x96\x8d\x16\xb8\t\x98\xf9\xd2F#\x7fy\xd2u\xe9\x83s\xbf;w\xe2\x93\xf1\xc9\xf9\xc1!#&lt;\x08+\xb2\x9e\xb9\xb5\xf7\xe3\xfd\x9f&gt;\x1fk\x0b\x0bm\xbdo\xc7\xeb\xcdF\xa3a\x99\xf5\x9a\xa2q\x84\xe5\xf7\x8b\xd3W\'7w\xbf8\r`\xdf\xed^\xf7N\xce\xcf8\x8f\x99[\xb5J\xa5\x86\x05\x94=33\xf2+\x93\xde\xdd\xeb\x97&gt;:\xf7\xd1\xfb\xdfm.N\xce\xa7\x8dN\xa7\x13g\xb0\xbc\xae\xb5\xed\x0bT\xf11\xfb\x90X\xffv\xcd\xc0\xee\xb8\x1bj6\x1b\xd5\xaa9\x9dQG\xe3\xdf\xc6\x8b\xa9\xa5\x98B3?ozr\xfd4\xf4\x80?\xfe\xfd\xc9\xe6\xda\xd5\x99!e\xa0j\x00\xac\xaa\xa5W\xe3\x98\x91\\Y\xdb\xf9~\xf7\x93\xb3\xe7\xce\xae&gt;\xdb\x19^\xbb\x9a\x1d4:U\x08K\xb5\xee\xf5^%)\x92z&gt;v8\xac_\\\xcb\xa0\xfe\xdeq\xa7\x84\xb0\x0c\xb9~\x89\tb\x18Gg\x8fP\x98N\xa7\xf5?f\xa0\xa5n&gt;\x91\x0e/\xcc\xa7\x87z\xa6\xaa \x97\xa1j\xf1hff\x16\x16\xd4j\xf4\xf1\xf9q\xef\x8e\x9d/\x97g5\x83\xc2!\xc8x?\xbe\xee]\x98\xf0P4\x1d\xdf`\xbd&lt;\x04\xd6/\xee\xad\x0e\x8e\x9d\xaf\x83\x08Kf=\xc2\x1fAXs\xa9\x01\x05L\x03b1\x9c0\xa6\x91\x91|\xfe\xe9\xbc&lt;oL\xf7\x04\x00\xab\xd6\nX&lt;\xc00\x03o\xf3pL\x8f\x98\xf4x\xc483\xa3\x81wC\n\xbf\xdf\x8f\xef\x0ck\x94\x96:M\x97n\xbf;\x16\xa2b\x9fyX\x06\xacV\xd8m\x15\xda\x01+9\x97\xea\xeb\x17\x8bWV\x96R\xd1\xa8\x1ff\x95\x9b\xe9|\x1e\x1aW\x8f\xae\xd5\xaa\x19\x18,9\x9f\x9f\xff\xd2\xf8@\xa1P\x80@\n\xa1\xd188\xa8\xd1\x08\x01\x0b\xda\xdc\xbaD\xc8#\xeaM\x9ax|\xf8 \xb2~\xbe\xc0\xfe\r\xf4\x87\x87\x04\xc2*X\x8f*T VR\xabM\xf5+\x14\xfeT*\x8a\x8e\xed&gt;\x9b\xf8\x01\x04\xb4\xc73U5\x18j5\x14\xc4\x89l\x96\xef\x80V\ng\x8d\x18\xfe\x14*\xa7q\x10F\xd3!1\x83\xc5W\x1e+\xd7I\xba~\xef\xf0)\xff\xb3`\xcci\xf8\x90\xa0\xe9F\x8d\x9b;z\x0c\x07\xaa\xe4\xdct\x1f`\xad\x00\x16\xea\x16\xc5\xa8M\xf5@\xc1\x0b\x04tf\xc8\xf8J\xcd\x1c\xf0P\xe0\xec\x8d\xb8\rBVZI\xa1\xb2\x1dBP\xa0\xdd\n`\xa9\'x\x01\x02\xb0\xc8G\x1d\xedau|\xf6\x80\xa6\xab\xb2B.\xd0\x03X\xf1\xad9-\xb2\x19\x0c\xd4\xb7\xc0U\xb2\xd9\x82\xa5\x8fu:\x8e\xb96:Z\xa9\x08 \x8a\x9e^%\xcc|\xa0\'&lt;\xd3\xd1\x94\x18M\xa6\x90\x8c\xfd\x80u\xdf\xd1\xc3# \xb7\xf6\xdb\xc6b\xdf\xb55\x9b\\\x99\xa1Af\x91Zss\xe0.\xa6\xb7`\xc2\xd9\xda\x8aoi\x13\x89\x84V\x9b\xc0\x00\xcbP\x81Y\xbeb\xd0\xa1\x15 /X*\x95\xfa\x12Zf&lt;K\xad@.\x82\x8bCX!}\x0fo\x80c\xd9\xdf\xa7\xee\xbd\xe5.\x83\xf5_\xa7\xf77F\x88\x8b\xdf7\x1b\xb2V\xb5QW\xc6\x90X\xa2\xae9\x11\x1a\xf6\xdc0\xf9q\xad9p\x12\xda\x04Z,\xe5\x10V\xc1\xa0C{6"X\xc2\x008\x87\xf8a\xa4\xdeB\x02\xf7\x0f\xac@r\xa9\xb2d\x80\x13\xa4\xf7o~\xce:\x1c\xd6\x9b7j\x0c\xd6\xc67d\xc3P\xaf\xd7u\x03~\x94["QRt2\x8c\x8c\x04Z\xd6\x80\xc3I$\xcc\x1c\xb3@\xd0]`\xb08\x81@\xc0b\tp&gt;\xc6\x12\x80\xdc)s\xbba\x8af\x0c\xc0@\xbf-t_\x95\xdd\xa6\x08\x8eg\x1fU"\xeb\x9d\xef\x13\xd1w\xaf\xfd@6\xaa\xcdf\xdd\x9c\x8a\x15\xe3I\xb7Ht\x12,\x0528\xa3\xa3\x88\xcaj\x05\xcf/\xc8\x81\x8be\x82\xc8\xd1\x1dG+\xd3 \x07\x03ok\x05\xef\xe8\x86\xc1\xe2\xc0\x97\x80Z\xf7U=$Ey\x08:x\xbbm\xac\xe7d\xb3\xd1\xa4\xeb\x98\x16\x0f1X"\x11\x835Z\x18\x05O\rX\xdc\x1c&amp;\xb0\xca\x18\x9fXka\x1c\x0e`\x058\x18`\xe5\x0c\xdd\xdc\x02x\xc7S[\xc8\x9d1XN%\x05eh\xa1\xfd\x17\xd9/\xdb\xc1b\xb3\xae="\x9b\xba:M\x96\x13\xb8?\x9e\x141X\x8c\x1d\x1c=U\x80A\xb9;\'\x00\x04\xf4\xfb\x8cZ\x18\xc6AA\xc4\x04\tC\xae\xdb\xd0\x8d\xa8n0X\x03(\xb7"F\x1e\x05eh\xa1C\x1b0\xcf\xb7\xa5\xd6\xd8#\x8a\xd6\xe9h\x90K\x85\x17\x93 \xd7\xc9\x93\x8cKe|*7\'\xa8\xea\xaa\x18L\xcc\x850\n+W\x80q\xd0\xe6;`\x86\xb8r\xb9\x15\x84\x15\x06/\x04X++~\xbf~\x88GA\x19Z\xe8\xe2\x06\xfb\x90\x95\xf8\x1fX_\xdf\xa4\xeb\x89:]/\x8b\x11\x16\xe4\xd6\x1f\xc2\x07\\a\xa0\xa8NMU1DP\xb8\xf1\x97\x1b\xa37\xc2\t\x0c\xb4\xc3\x02\x1e\x8bN\x90\xe3\x16*\x95\x02\xc4P\xa4}\xa5\x16\xee\x10\x13O\xf7\xf7-$\x1d\xbf\xc6jC-\xc6P\xdf\x117\x9b\xd52a\xb1\x04c\xa1h2y\x12\xd4bl4\xa2\xd2\xa1\x80\xd5j\xc0%;\xf5\xa7\x1b\xa3a7\x06\xcaYs\x18Ay\x02\xd03\x18\xb5\xdc]\xc8\xf9Cr\xd9"\xf6~j{\x9f\x0c\xd0\xf47cmb\xb1;\xfeZ\xac7\xeb\xbaDN\xd0\x0f\x16\x9a\xc1r\xa3\x8c\t\x8fv\x9b\xa7(\xd2\x12\xc4\xba[-\xc4\x05!\xe4b\xe5 \x86\xb0\xca\x1e\x8a\x9a2\xa3\xf2\x84&gt;\xd2\xf9\xde\x87}}+b1.\xd5+H2K@\xa2&gt;?\xd3N%2\xfb\xc9\x8b/\xaa\x8dF\x15\xe24\xe0@\xde\x07\xb0Dh\xebpJ&amp;\x98"/\x90&lt;\x88\x1aQ\'\xca\x18\x14cw\xa2L\x107)\x8a\xd0\x11\x1e\x8a$\xa7\xcc\x86\x1a4\xae\xaeN\xed\x11\x06+b2\xf2&lt;\x04\xe1!\x9b\x96{\xac\x97m\xe4\x16\xd3P\xc7\xeem\xd5ZUC\x8d\x9b\xd0\xe3\xd1\xe8t2\x99\xecB=B\x96\xd3Q\x17H\x02K`\xc4\xd3\xed\xed,\x81\xe5rX\x95H\xe7\xb7\xaf\\\xd9\xa6&lt;\x94\xe7\xf2\x85\xcb\x01\xb3\x81\x0bn\x08\xc4\x1a\xe8[\xf1\xa9\xec\xd2\xa1\xe3\x1c]\x80"\xeb\xa9\xc7,v\xbbX\x1d\xb7_Tj-\x18\xa7\xacF0\xb0Q\x84\xd5\xd5\xe5vw\x9a-\xe4ee\x10+\x05\x81%\x9fO+\xcb U:\xcf\xcf\xcf\x03$\xf4L\xcfe\xd2\xa3\x13\x80\xa7\xb5~x\x04\xea\xd0\xe6SIG\x94\x1c\xa8\xd3\xa9\xba\xe5\xc5\x06\x8b\xd5\x0e\xd6\x81\\w\xc2\x15\x98&lt;[\x06\x05\x1eZ\x8a&amp;\xa3s\xa2\xcen\x91\xec\xa8\xceC\xf5\xf2\x82\xc1\xb2\x02&amp;A\xb9D\xcd\xcfg\xb3Y\xb9D"YX\x90\xcb\xe5\xf9\x89\x9e^\xcfe\x8b\xce\xd0\xd5\xf5\x1e\x84\xb0_\x1c\xf3\xf9\xec|%P\x81\x8f*}u\x86\xcdjS\xad\x7f\xd1n\xbe!\x8d\xe4g\x1c\x0f\xe4\xc5\x06Y\xa4\x81c\x8ex\x19l0!;iL60\x01\'3\xc3\\o:S\xda\xc0 \x19&amp;r\x1079b\xc0hK\x1c\xc3\x86\x8bhL4B7\xd7j\xa0\xc4\x17\xf1\xce[\xb9\xd6\x17\x05A\xae\x1e\xec.\xb4\x17\xac,\xe4M\xb7o|q\xd6-j\xd9\x17\xd67\xab\xa5\xb6\x0b}\xd1\xe7\x99\x98u\xfb\xe7\xbaz\xba\x0f\xe6\x8f\xd9\x85|\xfc&gt;\xbfy\xfe\xfc\xe6\xf9\xe1(\xd9\xa3\xef\xfe\xea\xa3\xdf|\xef\'\xf5\x048\xf1\xc7S\x80\xd5\xf3\xd6\xcd\xef\xff\xa8\x9b\x94\x18I2\xa0\x90\xc6\r4\xf9r&gt;_\xe6\xb3Yx\xdb(\x14ff\xde\x7f\xaf\xe7f\x87\xad\xaf\x0f*\x1bPK\xb5~\x00\xab\xf4\xc1\x83\xbf\x1b#@W\xdai\xc6\xc4m^\xf9\xdd_\xe1B\xfb\xc8\x03\x11\x02l\xfc\xad\x9b\x1d7;:\xfd\x05\x15\x1a}\x01\x08\x00\n\x88\xbcP=g\xdd\xd9&lt;\x9fw\xc3K\xd6\x0b\xbdE\xf6g\xefw\xf6\xd8z\x83AW\x08\xbalJ\xea|\xef\xc1\x83?\r~x\xd0o\xb9\x9aZ\xed\xc9\xad\xc8\xc1\xf3?|\xe7[\xf5\xd1\xa1\xa1\xb1\xa9\xe2\xd8x\x87\xad\xc7\xd1Y\x80\xfe\xc6\xedug\t\x02\xc4\xa9p\x15\x0e\xaag\xae\xe2\x05$\x00\xcd\x02\xaa\xae\x97\xef\xcf\x04l\xb6 \xeeO\xc6i\x8dJa\xa8\x1d\xfcp#b\xb1X\xae\x14 \xda]\x074\xd7\x0f?{\xde&lt;D\xac\xb9\xa9q\x87\xe3f\x87\x8f\xc8\xa3J\xd0^p).e\x9f\xc7\xd80?\xff\xeb\x99\x19\x8e\x03\xd9\x08\xaf[\xe7\xf9r9\xeb\xb7y|P\x9f2\x9a\x96\x96\x895k\xf2\xe7\xcf\x0fp\n\xdbb\xb9\xf2\xb4\xdb\xd9\xd6|d\xe5ass\xa8X\x0c\xcfM\xcd9\xbe=%\xb1\x82,x\x89L\x81\x0cY\xadI(\xfb\x06\xd1\x1e\xac\xae\xae\xaea7Tq\xf3\x80U-\xdb{\xa1\x81\xd3B\x8cDk\x87\xfb[[\x8f\x9e\xad\x98\xcd\x16\xd3\xeb\xa8.1\x88n\xb1,\x9en\x0e%\xa0k\x98\xf2L\x8d\xe52H\x85\x97\xdc\x1a\xd8\x9ea\xab{\xabh\xf3\xc053\xe3.\x97\xcb|\x89g&lt;\x1eW\x88&amp;C\x12\x9dn.\xf4G\xfa\xcd\xed\x11\xf8k\x9b\r\x84\x8a\x10\xb0\x12\xb9\\\xb18&gt;\x96K\xab2\xc4\x82&lt;D)\xb0\xa3#\xf89\xfa\xe4\xc8x\x8fO\xf7\xefW\xab\xd52\xcf\xb3tq\xceEkL(\x14O\xef\xacX\xccm\xaakp\xe2\xf9\xa0\xcd\x16:1\x17\x07.h\xaeT!\xcf\x7f&lt;&lt;\x19\x8d\xd6N\xa8\xc3C\xf8\x11+\x82\xa2\xc8yJ\xe6Y~z\xf6\xdeH&gt;\xcf\xb3j.\x11\xd7D\x05:Ezt\xcb\x18\xedo!\xb5F\xf3\x8dM\xff\xff\x89p\x19,\xf3\xc6v\x02\xb1\xe2\xb9\xdc\xd0P.My\xbd3\xf7Gb\x7f&lt;9&gt;&lt;\xdd\xd9\xde9mno\x9f6\x9b\xc7\xcd\xed\x93\xe3\x93\xe8\xe4H\x96\x10\xdcr\x1c\xda\nQT%R\xd2\x0e\x1f\x9a\xcf\xd7\xba\xc5\xf4\xaa]\x11k\xbd\x99\x18+\xe6r\xf1tnl(\x17\xd7\x182\xe4o|~\xff\xa8R9&lt;&gt;l6\x01\x0b\x1e\xf0\x96:a\xcb\xd9\x86\xc4d2\xe9\xdcPNS\x94\x0c\x19\xd2\xb4\xed\xf5s\xac\xd6\xcb\r\xd3\xd7N\xe3^j\xfayqg\xb3\x08r\x89\xe9x.\x91\x88\xe7\xe6\xf0\x9e\xceZ\xa3\xb1\xb7\xd7h\xec\x82\xc1s\xa3q\xd4\x80\xc7\xd1Q\x03o\xf3\xd0\xa0kZ\xa1(\x82\xa1\xb5\xf4\xe9\xa2\x05\xaf\xc1\x96T\xe8\xc4\xd68\xa5\xe5\xcaj\xe1\xe2B/\xa6q\xcb4\x9e\x1b\x1bw\xf4\xf5u&amp;\x93OZ\xb6wn\xbbkk\xd0\xe1\xfb\x9d\x98\tE\x8a\x122\x18\xb6\xf6#fcm\x99^\x9eF9;&lt;q\xe3\xaaX\xc6\xe2J V:\x1eO`\xb4\xb7\xf5z\xa0\xcb\xae\xff\x13\x0c\xc0\x90\x0e^\x9f$\xe7\xfd\xa4\xdf\xefw\xce\x81\xa7)\x99R\x19F\xd4\x0e\x97\xfb\xcf\xb0\xce\xd42j\x1b\xfc\xe0\xcaX\xa6\xf5\xe6h\xae\x08\xa5\x93(\xd14\xe4m\x1b\x9a\x07\xdb\xff\x1fB\xcb?\xf8d\x10\xb9\x06\xa1\xaa\xb0\xfa\xfd\xe0_gq\x8eV\x04A\x15\x15E\x11\x8f\x0f\xce\xa2\x83\xe9\xe5\xf3\xf5,y\xf8\xd3VN\xd3\xb9D\x98\xa6iI\xd2\x12\xc59\x87\xa3\xd7\xd6\xdb\xeb\x99\xa8\xbf\xfb\xeeT\xbd^O&amp;\x93A\xa8\xbf\xeaI\xa7\x15\xa8\x02\x01PK\xa4\x04\x81R\x18U\xa5\x9a\x8b\xe6v\xc0\xb2\x98L\x96W\xa8\xae\xaa\x96\xc5\x12\xd9QFG\xa1F\x81XD\xbb\x12E\x9b\xa3\xab\x0b\xf5\xf2x\xea\xaePH\xc2:\'\xe4K\xd6\x83\xc6\xed\xcd\x80\xd3\x07.\x14\x04Y\xa5\x14Qy\xbc\xf3J*|\xb9\xe8\xbf\xf6\xfb/\xe7\xc4\xc8&gt;\xa5\x8c\x82X.M\x8c\x87\x8bE\x8f\xa3\xcb\xd6es@\xf9\x19\x0c\x15\x1a\x90\xa03\x85P0\xe8\xe9s\x06\x02@\x15\xf4\xd1"%\x132\x01ZQ\'\xcb\xafD\xad\xd6\xdaz\xed\x81\x9a\x0bc\xf5?\xa5U%\xed\x9a\xcb\xd1\xdah\x11*\xaf\x8e\x9e\x9e.G\x8f\x03VW\xdd\xe7\x0b\x15\xd4B(911\xd1\xeb\xfc\x00&lt;\xd8\x17\x04*J\xa1P.\xf9\xf1\xf1\xc2\x7fb\xdd\xb8\x9e\xe4cD\x88\xa79I\x00.\x17\x1d\x8f\xc3\xe2\x1f\xef\xe8\x027\xf6\xf48&amp;&amp;`e\x85v\x0b\x85\xb5\xd5\xfa\xc4\x84\xad\x17\xa8\x9cN\x9f\x06!\x0bLU\x85\xda\xd2i\xa4\x8de\xd4\x0f\x96\xab4\xfb\xffUx\xf5\xef\xc7i\xf9\xb1BC\x9c\xa4\xe3\xa3\xe1\xa2\xc3\x98m\xeb\xed\xed\x1cL\x1a\x85C\xa3\xb1\xb66\xbf\xda\x89\x16\x80zF\xa4\xc0}\x8aB\xb1\xa5\xda~\x7f{\xbd[\xce"\xea\xf5`\x19\xa2Gv$\x89Z\xaa\x89 \x96\xa8\xa5\xe1\xd9\xe3\xe8\xc1\xc1\xc0\xd5$\xf6=k\x86}\xf2\xe5j\'\\\xa0VR\x13E\x90K\x96)y\xa9Dm\x99\r\xb5L\xe7\x17\xe1\xf5a\xdd\x00\xac\x8c\xa0\xc7j\xaa\xa2\xd1\x9a&amp;j\xb4\xcbc\xeb\xea\x85H\x7ffPm\xed}\xf9\xc9|\xb2\xd7\xe3d2\x10\xadd\x99\x15X\xb6Vrk\xcb&amp;s;b\xfd\xff\xb3v\xdfL-5\xc3Pz\xa9&amp;P@\xa5\xa0`}\xb6\xa0\x13\xf7J1j\xd5\x8dD\xb4\xb7\xb6\xebK\x86T\x19\x8c\xad\xe9,[\x8a\xe5\xb9\xd1\r\xd3\xbf#]\x93Z\xc6\xf5\xfc\x8f\xc8\x0e\x03\x89\x84\xd2cK,Ki\xe0\x1fEs\x85}\xbep\x8b*l&lt;\\\x98\xb3\x0b \x14\xe8\x04mF\xad\x14-{\xb9\xdc\x81\xe9\xc2J]\xae:m\xa9\xa51\x04\xaaP*\x95X0\x99\x12Ete\xb8\x1eN\xeeJ\xbb\xae\xb0k\x17j\t\xb1R\xa1(\xf8W]gu&gt;:\x10s{S\x9b\x07\xe7%\xd6\xc5|s\xf1\xa2\x19\xb1h\x92\x80t"\xea\xd1h\x89g\xf5ZM\xc6[\xb04\x1dvA&gt;\x82D)a\x85#\xa9\xaa\x0cL\xe0\xbf\xda\xd2\xf4@\x89w{\x0b\x9b\xeb\x179\xfb\xf8M\xb0\xf0\xaf\xed\xdf\x07\xb52\x02KQ\xb5X\xb4\xa4\xf3K%\x1do\xa6\x8b\x80\x06,\x8d\xb4\xa8B\x88\x00,\xb9V[*-\xf1zlv\xb6\xea\x86V\xd2\xbe\xf9\xcc\xf4\xba\xf3YWP\xab\x7f_\xcap\x8c\xca\x82\x1b\xf5\xe8\x00\xde\xbb_\xd2\xe1\x17\xb9\xa2V\xd4\x86JU\xf0\x8eY\x05\xc3g\t-6p\x0f&lt;(\xb8\xb3\x1c\xb9\xb9~\t\x0f^td\xf1|2i_b8\x8e\xc1Y\x03v\t\xb9b\xd5\x18:I \x08\xc8|\x02\x0b\xfd\xecQ6\xab\xeb8\xc4\x12\x9b\x9e\x9d\x9d\x8eVy6\x9f\xe5\xec\x06\xd6\x8dKd\x94\x0b\xfe\xa7\xf6\xdaR3\\\x86\xd4\xa0(\xa0P/&lt;\xf9\x00_]\xe6\xa1\xc3\x17\xbcy&gt;\x8fV\x8d\xc5\xa2\xf0\xf1\xc0\xbd{\xd12\xaf\xbb\xf3\xd9\x99\xd4\x1b\xc1jw\x02&amp;\xf3\xe2\x8e\x96!\x08\x8e\xa1TQ\x04?\xc6pT\x05\xd8\xa6\x87A\x95r\x19Z\xc3\xea\xc8\xc8\x08\xfc\x8a\x93. U\x0c\xa8\xdc@\x95Jm/\xbc\x01\xac\xf6(\xde\xe2\xf2i\x8e\xe4\x08/!@\xb2\x93k|\x15\'Zfg\'\'\x87\'\x87G\x86\x87\xa7\x8dS,\x06\xea\xec\xc0\xf0H\x95\xaf\xa2Z^\x8eK\xa5\x9ao\x04\xab\xb5=\xb2\xb2\xf1\xd5N\xc2\xceq\x80\xc5\xc2\xf5\'\xd4X\xbd\\\xc5%\x84Gj\x10j\x18\xb0\xa6\xf1@\r:\x16\x9b}^\xcf{9&lt;\xa9\xd1\\\xb0\xbc\x89\xb5\xd5:\x1f\xbc\xfc\xe2t\x88\xe48\x0eJNY\x11)\xc8w:_\xe6\xcbU&lt;na(599\x0b\x80##UD\xe2\x8d}/\x82K\xd9\xbb\xc9\xe6\xf2\xca\xa5\xe4\xba\xf8\x19\xb2\xc8\xe2;\x1b\x7f;N\x90).\x03\x11\x15\xc2\x15N\xa9\xb8\xf9\xb2\x8e[\x81\xe5\x11\xc4\xc13&gt;\xc6\xd6\x03\x9fG&amp;\xc1\xeb\x15\x04/g\xef\xb6\x93\xdb/\x1e\x9a/u$\xf7\x82K\x0b\xa9n/\x1f\x9f\xcc\xf9\xed\x1cPa\xa4\xd7\x18U\x16t\x1e\x829+x\x81\xaf\xec\xc6\xcd#\x10)\xef\x86k\x925\xa0Xo\x16\xb1\xba\x0f\xbfz\x18\xb9^\xacV\x8d\xdb\x0fT\xb7\xb7~K\xcdY\xfd\x1c\xd4\xec\x10\xa6D\x89Q\x15Up\xb3n/\x81\x06\x9f\x11\x02\xbaM\xc0\x9d\x1c\xdc\x13l}\x9e\xea\xee\xee\xb6o/\xdf]\xb4\\#\xd6\xd9\xb4\xdb\xe2\xc2;o\xdf\xbe\xf5\xa2F\x07\x03V;\x97\xc9@}\x83}\x0e\xa4"\x04"\x99L\x86\x81\x87\x92\x11 5yQ\xba&lt;0q\x05\\\xee\xdd\x88\xd5\xdc\xb8\xbb`\xbe\xbe(\x7f\xb6\xd5\xfc\xe7O\x7f\xf9\xf6\xed;OO\x08_0\x10\xf0\xdb\x0b\x90\x80\x18M"\xa1\xad`4\xc0!\x08\x86\x0c\x91\x80\x86p\x80C\xb8\xf9,,u\xdc\xbc\x04\x07\xe2\x84\'\xa8\xf5\xc5e\x8e\xa2\x9b^/\x95y\xf1\xb3_\xfc\xfe\xd6\xad;[\'\x1f\xdb\xad\xce\xce\x80\xbf\xdb\x8e_O\x87H_\xd8G\x86\xa0\x02#2\x0ci\xf5\x93!\x9c-\xe02p\xa9\x12\xc6\\g[*\xbb\xbd\xfb\xe4\xe9\xddg\x8b\x978\xbboz\xbd\x03\xd7?\xfd\xcbO\x1f\xdd\xbeu\xe7\xc5\xe4\xe7?\xb0\x06\x10\x8b\xb4\x03\x8b\xe6\xf2\xb9\\&gt;\x10,$1 V\xe8_\x94\xdcoH\x1by\x1a\x07\xf0\xc4\x1a\xaf\x1aS\x11\n3i\xe2X\xd9\x14\x06\x8fhD\x04\xbb\xdc\x8b\xe5\x96e\xb3o.Z\xb8\x17}3\x1c\xc3\x9d\xb0\xf7G$\x90\xb3 ]|\xd3\xcc\x9b9\xfab\xa1\xb9\x17G\xe6\xccd\xb8\x17\x19\xb8\x06\x94\xb0I\xdeh\x0cI\xf3\x8fD\x10\xda\x82\x04MJ\xbc\x10\x92\x16\xa5}a\xed\xde\xf3\xfcf\x12\xed\xed^\xb7\xfbTM\xdb7\xfd\xf8}\x9ey&amp;\x93\x8e\x81\x0b\xe9\xe9ir\x97\xb0\xdd\xfe\xcd7v\x14\xd9\xc7\xa7\xd1u\xd7&gt;\xfe\xf93\x9fO\x0em\\\xfd\xd8w;\xf8\xa9\xf7\r0,\x1c\xb5\xc4d\xd5\xe5rq\xaf\xfe\xf8wd]\x83k\xd3i\xbc\xe3\xa2\xc7\x82\xd8\xe6\xf0\x86u\xb8\x08s\xcc9\xa6\xa6F\xa7\xed\xf6\xb1q\xbcCwz\x14\\\xf6\xbb\xf6\xb1/\x80%5\xab\x8f\xaf|$\xec\x83\xef\x1bp\xf5\xca\xc2C\xf94\x10\x11\xe3\x14E}\xf7\xea\x1fw\xff&lt;\x03\xac/\x7f\r\x97\x81\x88\x9a\xba\xf5`j\xcaqk\x1eI\x93\x93\xf8\xea\x8d\xd5:a\xc5[\xbe1\xabQrC3\x89k|\xec\x8b\xe7&gt;\xdf\xeey\xf44\xb4q\xe5\xa3\\\x86\x0f\x9d\x05a\xd6;\xcdd$Y}A\xd9(\xee\xd5?A5s\xcdI.\x03\x1dx\xc3\x05\xb9O}\xdej\x9d\x9f\x9b\x9c\x80\x02\x14\xd4\x1c\xde]=&gt;=:s\xd9\x85M\xf45\xa2\xd1\xb3\xce\xd1\xc2\xc7&lt;\xf32|\xe0\xcc|\xe7\xa1\xdch\x08\x11\x7f@\xb6Qp &gt;\xf9\x1b\xa0\x80\x85w\xc2;\x9d\xce\xc9\xc9\xfbCCp\x99O,\x9f\r\x0f\r\xc1\xc3\x10\xfe\'\x9dc\n(\xa33\x8e\xae\xeb+`\xfd\xe6\x00Xu`\x9d7 \xb0\x9f\x7f\xe5\xd3\xbb1\x17\xfa\x17\xea4$9\xe7\xf7\x8b)d\xb1\xcf~\x05&amp;\xf8\xb8q\xc3\xf9\xa5\xd3\n\xd1|6\xa4\xd7_\xbc\xde\x7f{\xbd\xfa\x1f&amp;\x1dx\xe7\xf7(\x0e\xda\x0c\x8e!\xc6e\xff\x1cY\x87g\xfd\xd1\xd3N\xe3\xe5\xe3\x05\xc3\xcf|]\xbe\xfb\xc2\x05$\x15\xca4\xeaR\xb5\xc9\x03\xab\x06\x1b\x1e\x16\xc4\xd73N\xa7\x03Y7\xe0\xcb\'\x9f\xe8\x8ca\xa8!/\x14*!/\xe7\x1c\xb8F\xb5\xf1\xd7X_\x8d\xdb\xff\x13\x04V\x1cX\xef\xce\x1b\x8d\xb7\xf2\xa3\x9fx\x97\x9b\xf7X\x17Am\x1c\xe5\x11\xd5&gt;N\xf6\x9b\x90\xc5 +\xb83\x8a,+\xbe\xee\xe0\xb4^\xb0\xbc\xe8"?\xca\x82\xffs6q\xcd\x01\x937\xa7\x95CO\xeb\x0f\xfb\x9b\xc0\xdam\x02\xeb]4\xdcx\xdb\x08=Z\xb8j\xf8\xb8\x17\x92\xb4\x17\xa41\xa8\x9a\xd4\xd1P\xfe\xc0\x19\xa4\x15\x0b16\x8a\xe56\x9f\x8c\xcd\xcf\xcf\\\xb3\xe2\xcf\x17Y\'4\xd6\xb0\xf6\x05`\xd7\x87Il\x13\x00\x87\xc9\x9bw\xe2\xc1\x80i\xa1k\xfa\xf6s\x1f\x07i!\xeb\xec,\xda\xcct\xde\xb6j\x0f\xef\\\xf9\xc0{\xc9\xfc\xcfF_\xd8x\x1c\xaf7:R\xa2}\xecO\xc6N%9\xec\xf7G\x12\x0c\xc3P\xac\xef\xf0\xb73\xb0\x9b\xa0O\x08\xd35\xa8\xd2D\xc3\xf0\xd7CV\'\x1e\r\xb0+H9\x1c\x845=\xb6\xb3\xcb\x11\xd6\xc8\xc8\xf9a\xfd&lt;\x1a\x10Z\x9dF+\xf4\xb8\x0b\xfb!\xcdp\xf9\xd2\x06\x82JI\x9dN+Q\x12\x00%f$\x95\xa5JI\xbf\xbfR\xd8r3\x14\x17\xdc\x1f\x83\xb9\x99\x18\xee\x95\xd67\xf8\xea\xd5Y\x13V\xe7&lt;\x1e\x0cV\x02\x9bshG\xe3\xf4\xa7\xaf},\xb0\xe4\x80i\xe44\xc5\xc5;\xcdh,So\xc17\x7f\xb4\xf1\x7f`\x86K\xc7\xde\x9d\x87\xf1V\xa7U,U\x8e\xb3\x91X\xb8\x15\xf7\xb1.\x97\x82\xac\x9c\xba\xe7\x06\x17{\xf0\xf5\xa7\x8e\xf9\xa1\xeb7\xafw\x8b\xd8\xc8\x1f1&lt;\xc8P[^\x80B\x17\x8e&lt;\xd4\xd4\xe8N\x10N\xa9&gt;N\n\xf0\xfd\xef.C\xec\x00\x00\x07\x84IDATg\xf0\xbdn\xc2\x8a\xe6\xe1\x9b\xae7\x1a\xc5\xf4\xc6\xc2\x8f-~Co\xa1\xdf\x81\xeeuZ\xa5J.\x1b\x89\x90\xa0\\\x055\xd4\xce\xc5L\x03\xd0E\xb7\x1ba\xdc\xeb\xdb\xa3\xf3^r\xfb\xcf\xcd\xeb\xf8\xd9\xad\x9b7IG\x87\xb5\xed\x85aaZ\xb0\xfe\xb1\xa6\xfe\xf4\x9c\xf5\xb0\x1c\xc7\x15y\xbe\xbf\x9f\x0f\x08\xb2/X?\x0f$\xc5\x8a\x843\xfc\xa3C\xd6]\x088R\x9d*\x98\xb6#b\xa5\x9eb)\x97\x12*\nY\xbf\x7f\xc0d\x84\xb8\xd2{n\xb3\xdb\xdd\xe7\xdb\xbf=\xef]\x9b%\xf7h\xe0GW\x06\x8f\xc3\xe4X\xd4X:\x0c\x7f\x86\n\xea\xd6\x13\x9f\x07Y\xbe\n\xcf\xbf;\xe3y^,\xa5|\xc1V8\x00\xc2\x84\xdc\xc2!\xeb\xf5\xf2=\x16.\x04 \xe5\xb0w\x19)\xae\xd8(%\x94\xa8\x1cG\xfc~\x18\xfbf\x14\x87~\xcb\xed^\xdcs[\x82\xaf\xa6\xbc\x88Z\xc6\x9aE\x9d.\xd3}^\x9d\x85}\x84C\xf1\x01\xd4\xad\xfd \r,\x96\x8d\x8b|\xf4\\\xca4y&gt;)H*\x17\xafC+\x03\xb9v\xa2\xdej\xc9\x17C\xa6O;\xd9R\t\xe18\x9b\xcd\x8aBIV_\xb8\ni0Al\xa0\x89\tE9U\x8amo\xe7jn7\xe6E\xef\xee\xaf\xcc\xce\x96\xcb\xcb\xab\xab\xcb\xab\xc4E\x12#M\xbd\xee\xd5Y\x18\x19\x8c\xfd\xfc\xe4\xfa\xfa\xfa\x83[;\xbb4\xb0\xc0U\x0c\xf0\xd1:\xcb\xc53\x01\x9e\x8fU\xf2*\x97\x922b \x19\x13\xda\x92T\x97k\x8f\xae\x18.V\xaca\xe1\xd1\x91$\xc4"\xb1\\\xa6\x18J\xbf@R\x1b\x8c\xdb\xdbh*\xc9i\xca\xc6(\xd5\xc8v\xa4]\xd0\xc6\x8b\n&gt;\xb9W.\xaf\xae.-\xad\x82\x8c$\x86\x93\xf6K-4\xef\xb0\xc6":+\xb2\xd6w\x0eXTy&lt;&gt;!\xc97\xe3\x90\x9aO\x82\x98\x92\x04\xb6\t\x91\x89\xc9\xec\xb1P\x92$\x80-\xf4\x86\xccp$\x9d\x8a$&amp;\xe5\xa8G\xda\xde\xce\x8a\xa7`r16\x1b\x9c\x0eU\xc1\xbf}\x9cg\xdcX\x0c\x1d|s\xaf\x0c*\xa8\xd5\xe5\x0b\x17\xe9".\nXdp"Z\xf1\xae\xdc\xbf\x7f\x7fe\xfdw\xfb\x07\x1e\x9a\xa4\xe5\x91\xa1\x87\x19\x1f\x8b\xa5\xd6\xc3\x08\x13\x12)\x85\xdb\x94[\xe1X$\x9b\xab\x14\x01\xd6\x9d\xfe_\x182a\xa1\x98J\x1fu\x1b\x07$H\x0e\x86^a\xdc\xb0\xdb\xe1\x14MQ\xb6\x94\xe8\xf7\x0b\x8a\x9b\xc0,\x16\xee\xf0Ds\xadb-k\xa3\x8f2\xb2\xf2\x11\xb5\x06\xbf\xf0F\x8e\x95\xdf\xef\x1f\xd0\xa8\x82\x0f\xb6\x04a\xc9x@r\x9c\xc7\x93\xea\x88I~ )\xb6\xf3\xea\x0bvS\xce\x84\x03I\x90\xb5\xea)\xfd\xed\xba\x0c\xc5P\rC\xca\x91\x90\xfcY1\x9c)\xca\xaa\x0b\x04\x04\x05E\x17\xd4|x\xc0\x9f\xcd\xbb\xf5b&lt;\xc1\x97\'Z\\\xab\x98\x18q\xe9\x07%\x9e\xb2\xd7\xb4ZYY\xdfy\x1d\xb4X,4\xa9\xb4\xc0\xf3\xe1\x14\xab\xb9`a\xc4!$X\x89Y\x98\xf9\x9a\xa2\xa4\xa4j8\x96=\xce\t\xc5\x9a\xf6&amp;O\xf9vN\xeb\x1b\x1c\x85BU\x8a\xa7u\x92\x8d\xb1\xd1`b\n\xa1\xaa\x18\xe0ay\xb51\xac=\xf3"\x0c\xbe\x85\xdb}s\xd2M\x0b\x1b\xd9m\xe5\xec\x1a\xb9\xefl\xb6\xbc\xf6\xed\xca\xca_w\x9eq\x96\x1e+%\xf2#\xd1fI\xf5\x10\x16\xcb\xbaXU\xaeBH~l`"\xa4(j\xbc\x9e\x11c\xc7\xb9R\r/t\x8f#\x1a\tBJ)\x05\x9b\x8d!\x05I\xe1om\xe9|E\xe4M\xa6A\xd3\xe0@.\xbd\x08\xaeE(\xb3\xd9M\xfb\x0e\x00\xd6ei\x87\xa4^\xe5\xe52\xb0\xd6\xbe\xddy\xb2\xeb\xb1\xe8\x05\xacP\xcc\xd4\xdf\x0f\xcf\xb7d\x85E\x16|\xd2\x1e\x0eC\x82\x83\x11dB)\xa4*\xe9\xb8\x94\t\xc7r\txB\x86\xe3]\x81\xf1.0\xee\xbd-\x06g\x9c\xd0\xf0\xa1PK\x08p\x1a3\x99\xd0eL\xe6\x91e^\\\xd4d\x04\x06M\xec\xba\x96\xb5]\x06\xbb\xa3\xbc\x8ci\xed?\xf7Y\xfa\xa0\xc0\x84\xbfh90\xd2\x8f\xd5\xac\xa6p\xea\x81\xe5\xf2\xe0s^U.V\xc4l\xc4\x1f\x81\xc3\x11V\x81\x12\xaf\x8a1!o\xc8e\xa4\x14\xb5\xf7\xaf\xbd=\xb7\x9e\x93\x8d\xd2\\J&gt;\x03\xb9\x9b\xba58\xd8f\xfa\x98\xbe\x9ek\xd1\xcc\xf4\x12C\xdb\xea2\xac\r\xdc\x1b\xb0\xd2\xca\xf7\xee\xbd\xde\xa5\xc1dF\x96\xd6F9\xd0\xafW\xb3\x98\xa6(V\xeb\xa4\xcbE14\x9b*\n"\xecn\x90%j/\\\xb0\xd8b\x06\xd5\x06\xa6\xad-M\xa4\xc1 \xb7B\xad\x08AaJ\x17\xae@\xa2@\xd3\x90\x80\xd9l\xc6\xb8\xa0`\xc6^~\xbf\xb4\xf4\xf4\xe9\x92^O\xe1\xb7`,\x9f\x1cp$*\x92\x16Q)\x99h\x97\x05\x9d\x94\x14\x9a\xe5X\xbd\\p\xfd\xa2\xa4 3"k\xe7\x95\xef\xa4\xb0\x01:g\xeb\x15\xa0\xe0,cS\x13\xdaDi\xd5\x8b+PUi\x02\xeb3w\xab\xcf\xb3y\xf8\x86p\xf4ZZ\x02\xd4\xa1\x8f\xb6X\xba(\xc2R\xaa\xd1\x91\x91\xfeK0\x99\xf5tY\x1e\x97\x0b\xcf\x02x\x0e\x8e\x91f&amp;\xd4\xb8A\xeb\x1b\xa5\xb3\xb6\xb6\nih^\x927\x1a\x07/\x95\xee\xe2\x85\x90\x0ba\xe4\x9fD\x15\x84\xd6G\xf9 \xb2\xa7Zf\x90U\xf9\xe4e\xd0c\xe9\x91\xf4\xac\xaa\x81\x91\xcb\xac\xfeh\xb3\x1a*P\x1e\rE\x91\xb3\x80\xc7\xa5\xa8\xf9*&gt;\x7f\xc9\n\t\x03\xd3\x1b\xf3-bj\x87\x03\x83\x83F,x &amp;\xa3\xe6"&lt;1\xa1\xd0\x04f\xe9\xb9@\xc6\x06\x0f\xdf\x90F\xae.}\x0f\xa8\xbe\x8b\xfe\x91i\xa7\xd3\xd5\xa8\xc9tYE`\xa5\x1a\x80`\xba\\\xc4\x84{\xdb\x05\xcd\x84\xd3s\xc4\x9f5\xe8\x83\xcel\xedm\xa5\xf3\xb0H\xc03`\xec\xd6\xa0q\xd0x)0x\xe0+!\xca\x82,\xcbE`\xf0ICd\'\xe52\xa2\xcc:\xa9\xdb@\x0b\xadV\xf8\x1f\xa8\x10\x16.\xaa\x14M\x11\x15\x9eNHQ\x94"Ws\x11\x83\x16\xd3\xde\x9e\xadV\x82\x13\x15\x98\x06\xba\xae\xc1\xf7\xfa\xa8\x05g4\x9a\xc4R\xbaOgug\x0ci\x0cDv\xb8I\x9b\xcdzR\xba\xca\xd2\xe7\xc9\x87\xff\xdbv\xd9\xab8\x08DQX\xc3: \xb2X*\x08y\x86&lt;FZ_a^\xc6\xc6\xde^\x14\x9b4)$\xc5\xda\x85\x90\xc2I`}\x81-\xf2"{\xee\x9d?\xcd\xee\xe0$C\x08\xe6\xf3\xdcs\xcfL\x98\xea\x9d\x0b\x9f\x10X\x91\xaf\xa9\x08\xac8\\\x1fA\x01\x99\x96\xb1\xa7\xd8\x14~\xb8"\x86\xbe\x9e|\x890\x9e\xba\xb9w`\xce\xfd;\x08\xb3\xb7\xeb\xc4s]\xef\xe8h\xed\xab\rXJ#:\xd7\xcfSA\xe6\x06\x8f2l0\xfa!\x18\xb9z\xd5e\r\xa5\xb9b3CC\x07\xb5\x04+&amp;\x9aj\xees_G\x86\xfa\xdc\xd9\xd8H\x9c\xb5v\xf9\xe9A-\xcdT\xa9\x15I#\xd1\x0b|\x81\x8d\x12)\xaa0\xd8\xe10\x1aqe\xc1\xb8\xa8\xb9jB!\xfe`1\r)\xa4\x91hJ\xf2\x18)\x86\xe3\xee-\xd3\xb5\xd2\x08\xc7r\x18L\xfe;2\x04Mw\xb6RY.\x8b\x95j\xacH\xc6\xb2\xae\xee?_\xf3\xab/FV-c\xac\xd7\xbd\x89\x85\xf8\x1fK7\xa2s=]l\xfd0\x8e&amp;&lt;e\x0f\xb1\xb4\xc7\x005\x18.\x8dV\x96\xaa}v\x93\x83J7&lt;F-\x02\xa3G\'\xba3\x8e_\xb7\x11\x7f\xaf(]\xb3\xa0\xedl\xf9\xb6\x8a\x91\xef\x8d\xcb-\x96\xa4i\xc2\x15k\xd9t\x8fV\x95Cb\xa0&lt;\x18\x16j\xfe\xbe\xd0w\xd3\x95\xc57XV-\xdc\xc9\xfe\xc2T\xb5\xcb\x1e;%au\xf1\x1ae+\x97q\x95o\xc9\xc8$E\xaa\xd3"\x928\xec\xb7ja \x03\x85\xb7e&lt;a\xeb\x92\xd2\xd7o\xe5\xf3\x8fw.{g\n\x81\xba\xdd\x17\xdc\x97\xbfl0p\xb7d\xb1\x08\x0e\x00\x00\x00\x00IEND\xaeB`\x82'</t>
        </is>
      </c>
      <c r="M12" s="3" t="n">
        <v>45492.67883101852</v>
      </c>
    </row>
    <row r="13">
      <c r="A13" t="n">
        <v>21212</v>
      </c>
      <c r="B13" t="n">
        <v>5926</v>
      </c>
      <c r="C13" t="inlineStr">
        <is>
          <t>Diego Costa</t>
        </is>
      </c>
      <c r="D13" t="inlineStr">
        <is>
          <t>Diego Costa</t>
        </is>
      </c>
      <c r="E13" t="inlineStr">
        <is>
          <t>CA</t>
        </is>
      </c>
      <c r="F13" t="inlineStr">
        <is>
          <t>ATA</t>
        </is>
      </c>
      <c r="G13" t="inlineStr">
        <is>
          <t>CA</t>
        </is>
      </c>
      <c r="H13" t="n">
        <v>187</v>
      </c>
      <c r="I13" t="n">
        <v>19</v>
      </c>
      <c r="J13" s="2" t="n">
        <v>32422</v>
      </c>
      <c r="K13" t="inlineStr">
        <is>
          <t>Right</t>
        </is>
      </c>
      <c r="L13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184dc437-61e6-424a-bd9b-9bc23051de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6\xab?R\x00\x00\x02\xfdPLTE\xff\xff\xff\x00\x00\x01\x02\x02\x06\x08\x07\x05\xff\xfe\xfe\t\t\x08\x06\x06\x07\x01\x02\x02\x04\x04\x04\x03\x03\x02\x03\x03\n\x05\x06\x0e\x0e\r\x0b\xf2\xf2\xf2\xfb\xfa\xfa\xb6\x85o\xf7\xf6\xf7\x15\x0f\x0b*\x1d\x18\xb3\x83l\x18\x13\x10\n\x0b\x11\xb0\x81j\xac~g\xf9\xfb\xfd"\x18\x13\x87_K\x1d\x12\r9&amp;\x1f0\x1e\x17\x1e\x15\x12\xf7\xf4\xf2|XB\x93eO\xa5wb\x10\x11\x10\xadt`\xf7\xf8\xfaI,!\xabr\\\xb9\x87q\x9blU\r\t\x06(\x19\x13\x8cS?\xfd\xfb\xfcwNA\xa2t^B,#\x95S@\x85P:V:/\xa9nY\xb0ze\x82ZE\xa8q^\x9fq[\x8d^G\x94nZ\xf2\xf6\xf5gD8\x99aJ\x8fVB;+$\x8fjVxT?\\A6\x9fcKK4*\xafuc\xfb\xfd\xfd\xa9ze4#\x1c\x84SCS3\'tJ:\x8d`N\x9cbQ~P@\xa3hQ.#\x1f\xa7kT\x91XH\xa3bS\x12\n\x07C2*\x99gO\x96iU\x93aJ\x93ZC\x9ffQ\xa5mY\xef\xef\xeeA&amp;\x1c\x9cnZ8 \x17\x9c\\MtC0\xb4ue%\x12\x0c\x16\x17\x1a\x03\x9b\xef\xf2\xf5\xfc\xea\xee\xf9\x8beP#\x1c\x18\xa8gY^&lt;/\x03\x95\xe6\x99s_\x7fL9|G3\x1b\r\x07O:2WW[\x0e\x10\x18hA1mJ&gt;\x81\\K\xec\xf3\xf7\x02\x95\xec\x98]F\xef\xf1\xfboF7\x88XC\xfb\xf8\xf6\xf6\xfc\xfbpPB\x94^P{YH\x03\x90\xe4)*/\x03\xa8\xf3\xa1]L\xba}m\xb7xjyK7\x04\x9b\xe8\x03\xac\xf7\x8cL;\x98XJ\xf3\xf4\xed\xb2}j\xe1\xdf\xe0\x8b@/\x13\x9a\xda\x9fWD\x84J5\xf2\xfa\xfb\x8aYK!"&amp;359\x94J9|RG\xa0gXMNR\x03\xa1\xf2\xc8\xcc\xd0\x1b\x1b!npt\xa8\x81s\xec\xe8\xe7\xe5\xe9\xf3]G?\xafm`\xd1\xd2\xd4\xec\xfa\xfb\xb1\xb2\xb5fK&gt;\xd9\xd8\xdaxz\x7f\n\xa4\xea\xbe\x89v|4$\x81\x82\x85egj\xbe\x82r\xa9\xaa\xaf/\x16\x0f_ab_1!\xb0i[g9(\xc0\xc1\xc6\x9c\x9f\xa5}=-\x8b\x8d\x92:&lt;BBCE\xba\xb9\xbc+\x99\xd5GIMo,\x1a\xe1\xf6\xfa\xe5\xd9\xd4\xa5\xa4\xa6\x97\x97\x9bp:\'\x9cxiP&amp;\x18\xe4\xe6\xe8rUJ\x08\x90\xdepji|\xc4\xe1\xce\xb9\xb5}aR\xc9\xeb\xf6\x8e\x89\x8b\x07\x84\xd6d\xb8\xdd\xd8\xdf\xea\xba\xe4\xf26..\x88cV\xc1\xaa\xa4\x1f|\xaf\x99\xd5\xec\xac\xda\xe9\xd6\xc4\xbe\xab\x8b\x80?\x1e\x12\x92h^\xd5\xf2\xf8e"\x10\x16\x89\xc7&lt;\xa7\xd7\x95\xc9\xdd\xdc\xcc\xc8\xbb\x9f\x98&amp;\xac\xe3\x03h\xbd\x95\xb6\xc5I\xb6\xe3/v\x98\xacXK\x04@\x98O\xa4\xd1\xaf`T\xb0\xc8\xd7\xa9\x9b\x96\x07x\xcd5\x94\xbcDVb{\xae\xc9\x84uq\x80\x96\x9e&lt;eu$]\x80\xc1\x94\x8c]\x94\xb9\x03[\xac\'OcU\x84\x8f\x02(|7\x9b\xda\xb3\x00\x00 \x00IDATx\xda\xbc\x99\xddOSi\x1e\xc7\x85\xd3\xe7\xbc\xcc\x9e\xc3\xb6\xddnb\xed[\xb4o\xa1@\xed\xd22\xc7M\x0b\xec\xb4\x85)-P\xeb\x94*\xb4\xe8\xf0\x123\xa4\x11\xb5\xdbJ:\xb5:\x86DIv\xb1\x17\x88F\t \x17,B6\xb2\xea&amp;N\x14\xe2\x05^h\xbc\xf1F/\xfd[\xe6\xf7{N\x99\x99\xeb\xc9\x81\'\xb6\xe7\xa5\xe8\xf9\xf0\xfd}\x9f\xef\xefy\xea\x91#\x7f|h\xda\xda\xaaZ\x9bM\x1b\x94lZ8\xc2\x99\xf3"=\x06\x83\xb6\xaaV[\xd5:\xb5U[Us\xe4P\x87\xa6\xad\xea\x0c\x02\xc5\xbc\x02B\xd9\xb4\xc1\xa0VK\x0f\xf3\xf36\xa7\x13&gt;\xcd\xcd\x1f&amp;\x97F\xd3T\x05\x1a\tpf\xa4\xb5\xda\xe6\xe6\xdaZm\xf9\xed\xc7\x8d\xf55\xe4\x02\xdd\xb4\xf3\xc1\x8b\xf7l\xda\x8b\x12\xf0\xb5\x1d\x16To\x13&gt;Z\xd2\xda\xa4w\xcb?\xbfZ-\xec,}x\xf1fV$\x93\x0f\xb6\xf7\x96k9m}\x04\xb5\x12`I\xc1\xa3\x9a\xc3)\x9f\x13\xdc\x03\x85\xab={Zx`\x10\tK`\xf0\x02\xc7\xf2&lt;\x99\xfc\xb4\xf3aoSR$\xb3\xe5$\x18\xf3\xd2api\x9a\xd0\xe46IzYX\xb1\xb3\x82\xc0\x0b&lt;\x0c\x96\xc578\xb0&lt;Y\xd9\xd9\xda\xdd|\x97\xd3:%\xc4\x02\x9f\x05\x8f\x1e\x02\x95\r\xa9l\xf3\xcbK\xa0\x10@\xd1\x17\xff\xbbA\xd8\x06~\xe5uakc\x9d\x8a%\x05\xa5\xf9`\xefASU\xe1\x97\x07\xaa\xdc\xc6\x92\x9d\x08\r\x02\x8a\x04\x07\n\xc7\xd3\x0b@\x148N\xe0\xc5\x95\x07[\xcb\x0863\x03\x05=X\xae\xde\x1bP\x93\x99\xa0T{5\x8be#\x94E D\x10\x1a\x80\x04\xcf\x05\xbc\x83XpF\xde\xec\xe6\xa0\x883?\xda\x0e6\'\xda\xeeA"\x04%i\xb7\xf0Ox,KXj,\xd6ngE\xc2\xf3\x9c\x002!\x1d|\xc6\t\x1c\xcf\xf1\xe4\xc1\x06N\xc6\x19\xa8\xfa\xc1qi\x8e\xde\xc3\xdc\x946?\xce\x12\xa4\x01*\x9e\x83:\xa2nv\xd1\xce\x02\x13\xd7\x80\xaaQ\xab\xd1\xc2\x927\xeb\x922\x0e,\xbe4G\xff\x83J\xd5\xf6\xde\x88\xd4\xe3\xac(\xb2P;\x8e\xe7E\xb6\xa1\x81%\xa8\x14G\xf5\x12P2x\x07r\xfbvM\xc1\n:\x0fF\xae^-v\x18\xdb\xfa\xf6$+`\x1e\x00\x0e\x8f\xe2\xc0 \x80\x07\xf5\xe4\x04\xc5\xefu4\x18`3q{\xb3\xceu r\xf5:m\x90\xd8k\x1bo \xab8\x01^\x80T\x1f\x00\x88\x1c\x88\x89\x01\x86\x9a)\xb9\x01\x9f\x08\x1c)(u\x9c9\x88\x94\x80\x10\x05\xf3\xe6\xf6&gt;1\xf4\x89\xfcoP\xc8\xc5\xa1h\r4\xc0D\xb1.\xa1@aa\x1e\x90\xc22\r\xfb\x99\x03(c/t\x9b\x99\xdc\xde\xac\x12L\xdc\xbeV\xdcoduS\xb1PPzM\xed\x05\xa6g\x05q\x07r\x02&amp;\xa4\xb6Im.\xcd=\xf8gs{\xf7y\xeakN\xc1\xe1\x1a\xebx\\] j\'"\xd0\xab\x06\xea3t!\xa0\xed,cktV\x9b\xd4\x16\xeb"d\xcf\xcb\xd9\xfa\xe3\xa9J\x1c\xc7\xfe\xb5\xb1Qa\xf9U1L\x05ZR%\xf9\xa9\xc7\xe0\x07\xc5\xd55\xc0\xbaX\xad\xaa\x9d\xa3?\x06m\xb5\xc2W\xf0@a\x9f\x02\xa6Y\xa3\xb0\xcfE\xef\x01B\x83B\xa3\x94\x14\x7f\x16/\x1ax2\xbb\xab`\xa9\xebz\x8dS\x92\xd6\x9e\xda\xbf\xc2\xd2p\x8a\xc1\x95\xfeB\x8b%`\xf7\xc1\x0ce\x04a?\xe5\xe1\xa4\xb1\x91U\xe2\x1e\xaaH^\xbc\x9b\x97\xb4\xd5&amp;\x95\xb1\xb4R\xee\xd9\xfdFn\xdfA\x025\xbd\xa2\x8b\xc030\xfd\x18\x9ee\xd2\xba\xb4G\xc0\tI\xb1\x84F\xb4;\x86\x19\xf8\x8dYy\x06A_\xbd\xa1:\xd6\xfa\x0eO\xeb\xa2\x14\xa6\xde\\P!\xc6\x93N\xa7=\x0c\xcbzt&amp;\xa3Q\xe7\xf1\xa4\r\x06\xca\xc7s\xcaJ\x8c\xc7F@\x96 U\xb57\xd4\xf5\xbc&amp;\x98{*r\xfb\xbe\x81\xe9\xc50\x0c\x0bD\x8cG4\x18\x8dV\xab5\xed\xf1\x88:\x9d\xd5b\xd6O\xb4\x98\x87\xbac\xa7\xa7D\x06\xab\xc7b\xc3D\xc9\x88\xe1c.\xa7mR7\xe95\xb6\xe5\x07\xb4j\x1c\x1aX\x14E]:\xad\xd3\xe9LV\xa3\xbe;\x1a\x1d\x1a2\xb7\xc0\xa9\x11.|.\x97?T\n\x85\xc3Cz\x93H\x93W`PY\xe8\x8e\x9f^Jj/o4\xd5\x8d\x15\x9ce\xb4\xc7\xa4\r\xc6\xa9\xa9\x16\xbd\xdeb\x89\x01\x86\xbf\xf4\x8d\xb7\x14\xf2\xbbb\xb1\xee\xee\xee\xa8?\x1f\xbau\xec\xf3\xb5[\xef\x9fD\xcd\x16\xa3\t\x8a\xab,\\a\xda\xea\n5\x9b\xca\x01\xa1\xa9\xee\xdeW\x82\x89\xe7=W\xf41\xb3o\xc8\x15\x8d\xc6\xf3\xf9b\xa5\xd2\xf7\xd3O\xfd\xfd\x8b\xde\xb0\xdf\x1f\x8d\x87K\x89cg\xcf\x9e=\xfe\xc3\xb1[\xa1\xbc?\x1e\xf7\xb5\x98\x98\xfdf)N\xbeR{q\xa3i\xda\xbd/(\x1d\xc5c\xb2\xf8\xa2\xfep(T,\x8e\x8d\xcd\xb5_\x1f&gt;7\x90i\xce\x9e:\xff\xc3\xadR1\xe4\x1d\\l~\xf4\xa89s\xfcx\xff\xf5\xeb\x8b}\x83\t\xff\x85\x16e\xf5\xc53\x1e\xf2\xba\xa6v\xf3\x81"\xd2\x0c\x07*s\x14\x98J\x89Db\xba\xbd\xbd\xb5k\xb83\xd3\xdc\xfc(+\xcb\'\xcf\xf7\x7f\xfdu\x7f\x7f\xb3,\x07\xb2\xc9\x91\x91\x81\x81\x81\xce\xae\xd6\xbe\xc1\xf8\xa8Ii\xee\xc4#N&gt;s\xaa\x9d\xf2\xbb\xf71\xe1\x05Fg\xb9\x1a*y\xbd\xde\xc1\xc1\xc1&gt;\x84\xea\x8c\x8c\x8c$S\x81@\xc0-\x9f&lt;u\xea\xd4\xc9\x13===\x8e@6\x9bJ\x8et\x96\x87\xbb\x16\xbdq_\x1aWA\xe0y\x91\xf9\x90S\x19\xab\x89bA)\x0c\xdd\xe1\x9b\x0f\x1f"\xd5`k\xd7\x99\x7f\x7f?0\x82L@\xd5\xd3\xd1\x01D\x1dw;z\xc6{\x1c\xb2\x1b$\xeb\xec\x1c\xee\xea\xea+\xc6-\x8c\xb2\\e&lt;\x855\x95\xbd\xe5\xfcy\x12\xbb \xe3\xb1\xfa\x00\x0b\xc5\x9ano\xfd[\xf9\xfb\x08(\xe5v\xbb\x1d\xb2\xa3\x03\xc7]\x18xt8\xdcr*\x12\x01\xac\xd6\xc1\xff\x8f\xea\x84FN`\x18\xc2\xec\xd4T\xc6\x92\xb6D\xdcr1\x1e#`y\x7f\xc5\x8a V\xc0\xed\x00\x99\x94q\xf7/\x14\x0b\n\xe9v\xa7F\xce\r\x0f\xb7\xf6U\\\x13\x98\xac\x0c!dv]\xa3Q\x17k\x95`C\xe4=Su\xac\xe9\xe9\xf6\x7f\x01V2K\xc5\xea\xa1%\x84\nv\xa0Z=\x0e\x87C\x0e\x04R\xc9\xcc\xb9\xe1\xd6\xf6\xe9\xcah\x9a\xee6\x08\xa3:V\xee\x03\xa1-Z\xd4w\xfbC\xde\x84w\x1a\xb0Z\x87\xcb#\xa9T\x16\xb1\x1cX\xc3\xbab\x00\x85U\xcd"V\xa6\x0cXsE\x0b\xdf\xc0\xff\t\xd4\x9aZV\x19\xeb\xdd\x12\xdd\x9c\xf2\xe2\x949\x1eJ \xd6\x02PE\x92I*\x97b-\x9c\x83\x0e\n\x85\x9c\x0ew2\x92\xc9t\x82\\\x97+Q\x1d\xec&amp;A\xad\xc9\x97*c\xd5vp\xd3\xcc3\xba)\x9f\xbfXI\xcc\xcdQ\xb1\xea\xe1\x80U\x04\x9b\x03\x8e,\xe3;\xad\xaa\x03\xbc\x15\x01\xac\xae\xf6\x851\xbf\x9e\xe1\x19\xe0\xfa\xb4\xa9.\xd6\x91\xdak\x96~\x19\xa33\x9a\xe3\xf9\xe2\xd8\xdce\x8aEC+[\xb7&lt;\x16\x12ds\xcb`v\xb8\xe5N\x01\x16F\x17b\x9d6\xc0j\x83\x90%\xb5\x03\x02\xd4\xc2o&gt;&lt;\x86\x96\x98+?66\x86X]\x94+\t\xe6\xa2\xe9\xe0P\xe2\xc1\xe1\x06\xb3\xc3\x9fT2\tXXD\xc0\xb2\x18\x08`\x89\xab\x92\xca+\x88wK\xf4k5\xc02\xbb@-\x8a\x85!\x0fX\x01d\x00\x88T\x00\x8c\x05D\x90W\xf5\x01-\x00\xb1\xa6\xc7\xfc1\xab\x1d\x8b\xb8%\xa9\xbc\x83]+\xe0\xf7 \xe0-\xe3\x05W|\x1f\xab^\xc5H\xe7&gt;G2\x95\x8cD\xca\xe5\x08\xdc\x87\xbb\xe5r\x19\xd4j\x07\xacx\xccj\x10Y\x96Q\x1bK\x93\xdb\xa6X\x1e\x1d\xa8\xa5`-\xd0&gt;\r\x03p \'@/\xa0\xc27zPjX.C\x9e.L\x8f\xe5\xcd\x14\x8b]U\x1b\xcb\xb6\x8aX\xc4n\xd0\xfb\xe2\xf9\xdfaeFpde0z\x00\'%\xd42\xe5\x86V\x1d\xc0n\x8d\xcd\x1a,?=V\xf4\xb5\xe8\x08\x04\xeajNeoi\xb7\xf0\xb7\x15\rV\xbd\xcfO\xb1\x16.\xb7\xb7S\xacd6\x9b\x95i\\\xd1\xe9G\xd3B\x86\x85\x8e,\xc3\xfa\x06\x9bu\xeb\xf4\\)\xaa\x07,\x9e\xfdp@Xvk,\x1e\nU*\x95\xcb\x97\x170O;3\x19 \xc8\xba{z`\n:\xc6\xc7\xdd)H\xb0;w\x1d\x88\x95\xcd\x8e\x80\xb5\x86\xafC\xcc{\xfd\x80\x05\x7f_}\xac\xa7v\x16\xa6\x92}\xca\x97/\x86*\x89\x04\xc4i\xdf\x99\xbf\x9f\xcbd\x06\xb2\'\xe4S\xb2\x0c\xc9 \x8f\xdf\xb9\x1dpCF&lt;~|\xe9\xfc\xf9\xf3\'\xe0u\x1c\xd76\xedss\xdf&lt;1S\xac\x17jc5}\xb4\xe3\x7f\n\xe8\xf4WCEh&gt;\x89\xc4`\xdfb\xffb\xff\x97K_\xbe|\xf9|\xed\xda\xc3/\'\xbe\x95{\xee\xfc7)\xff\xf9\xf1\xa5\xf7a\xff\x93\xd0\xcd\xf7\xb7&gt;\x7f\xfe\xdc\x7f\xfc\x1cxk.q\xd3w\xc5C\xc8\x01`\xbd\x05,\x86\xe8\xba\xc3\x80U\xaa$\xbc\x0f\xbd\xa1|8\x1c~\x82;\x8b\xab\xfex\xfe\x1ap\x8d\xff\xef\xbb\xec\xdd\x7f\xe4Gc1\xbdib\xc22\x14\x85\xe5u\xa2\x0f\xa8\x127\xfd&amp;\xc0"/T^\x9dj\xda\xde\x1a\x08K\xec\xd6(:\xabT)\x95\xfc\x17\x9e[\x86\xae\x9e6\x9a\xae\x98&amp;bCW]\xa1\x13\xdf&gt;\n\xdc\x1e\x18\x90\x1f\xba`\xefj\xc5\x8d\xb5\xcex\xda\xf2\xfc\x82\xab\xe8M@\x15\xf5\x88UPY\xad#\xbd{\x93 \x96\xa8\x0f\x97*\xc5b\xa5\x14\x1a\x9d\x80\xa1\xd7\xeb\x01\xc0\x04\xdb\xd8\x98+t\xf6dg\xf2\xf6wg\x1ey\xfd\x16\xd8f\x1b\xac:\xab\xfe\xb4\xa5\xa5e\xc22\x9a\x07\xac\x12\x98\x8b\x90m\xb5\xb1\xda\xf6&amp;\x81J4S\xacP\xd8\xf5\xbc\xa5\xc5b\xb6X\xf4V\xd8]\x1b\xd2W&amp;F\x8b\xfdg\xbb\x92\xe3\xa9\xf2/\xb4\x99_h\x1ak\x1a\xc6\x17\xce\xf4.\x9c\xadnY0\xa3\xb6!\xc1\x90h\xdc\x8c\xbaI\x85h\xb6I\xdc\x931\x8e13I\xea\x9f\x9a\x8cz\xd3\x8c4\x8e\x07\x15D\x0f\x99\xb0L\x14fhD\x91Uaw\x1b\x14N\x16\xe2\x92\x15#x\xce\xb9\x90,VJi\xe9U{\xd1&amp;\xe4"\xbd*\xf4\xbew\xfb\x8eg\x0f\xec}&lt;o.\x02\n\xfa\xf3\xfd\x9e\xef\xfd\x9eg&gt;2eo\xb0,\x8b\xb2\xac\x94\xdb\xaa\xc7Q\xff\xb6\x06\xb8\xf6\x96~\x15,\xe4\xfb\xbf\xdf\x9a\x9c\\W.\xa4\x00+f\xd7h\xec\x0b\xc7\x10\x9d\xa3\xf3(\xbc\xda\xc7r\xa6\xadk6\xd3&amp;\x97\xb2C\'\xb5Z\x85\xb2\xfa\xfa\xf2\xf9\xf3\'\x8f\x1f\xc4\xc2\xad\xd8\xca\x83\x05tr\xe8W\xc0\xfa\xdb_\xbe\x9a\x9c\x94M\xc3p\x88\xc5Z\xcd\xd6\xca\xbd\xc4\xdb\xd7/\xaaK\xcb\xe8\xa4L\xae`/\xe0@2X)\x13\xa4\x1d\x1c\xb8\x96\xe6U(\x0c\xde\x85\xd7O\x9e&lt;\x1cq\xa7\xb3\xa9\x15\x10\x17t\xfb\xe5\xc0\xb5u\xf8W\xf8X\xc5\x12\x0c\x87T\xab\x1b\x888g\x120\xbaa\xb1\xd6\xe5\x1bUm\xe8\xa2\x99\xcaF\x84$\x18\x86$\x99\xed\xf95\x0b\x1b\xdau\x14]\x0fi\xe6f\xdcIO:\x9b]9vM\x0e\r\xfd\xe3\xd1\x80\x1d\x04r\xf8\xe3WC\xb2\x9d&gt;\x16\x1c=\x86\x99\x07 !\x85\\\xa5D\xe7\xab/\xa7\xfd\xbdf+\x10\x11\xf2|\x12\xc3\x84n\xab\x17~V]\x82\xf7\xe6\xa3(\xdbsz\x92\xd6]\xd8\x8a\xae[C\xa3\xff\x1a\xb4\xb1A\x1e}\x0bi]-a\xc1\x84\xdf\xddM\xd9/\x1a\x8d\x85\xe3m\xff\xb6\xdf\xa8\xb9\xb8\xe85\x9b\xdd\x08\x96\xcf\'1]\x01\xb0z\xe5\xb8\xc6\xef\xf7\xbfx=\xdd\xb8\xe8E&lt;\x1e\xdc\xf9`oyrh\xf4\xcd\xc0\xef\xef\x90\x1f\x86&amp;\x87P\t+\x9b-\x14"\x81n\xb3\xd7\x04\x95\xa5Z\xb1\xde\x05`\xd9\x7f\xc6\xe21\xac\x8f\x15k\x05b)}bf%\x00\xa7\x94\xd5c\xc6\x9d{\xf3C\xa3;\xff\x1e\xe8\x83yD\n\x06\xff\xfc\xe9\x96\x0c]\x8a\xf7\xd3\x85\x01&lt;\xe0\xae\xe4n\xd2\xc5t\xb6\xd9\xebA\xb3Z\x81\x02`\xe5=\xd0\xae@\xab\x19\xc0\xd3i\xf3\xfd?\xf8,pj\xba\xdd\x16w\xda\xb9\xb7\xb1&gt;\xfa\xd3!\xf2\x1b\xf8\x1b\x10\x1ar\xf7\xe8.\xf2\xe7\xdboFe\n{\\\xbf\xeb4\xe0\x06\x83\xd9lN\x1bti\xf7\xa69\xd0j5\x81\xaa\x1b)`\xc0\x85a\x1e\xa1\xd0\xedF\xe0\x14\xf7\xcdV\xbc\x9b\x9b\x13\x13\x9b\x80f\x9e\xd9\x8f\xae\x8f\xbe\xbc\x8d \xdf\x1d\x9d\x0ff;"\xe7\x1f.?\x9cO}\xfd\x9f;\xa3jc\x1c\xf2tv7k0\xbb\xcdf\xd2J\xba\xd3\xb0\x9c\xadV\xb7\x0b\x9b\x13\xc2?P\xe9$\xe3\x17\x89HN\xac\xe2%\x08\xe0\xdat[6G\x86\xf7\x17d\xb2o\x0f\x0f\xaf?~S\xf92\x08\xae\xa9\xa3\xe7\x91H\xe4O\x1f\xdf\xbfQ\x0c\xdd\x91\xb0\x9cY\x88c:\x89\n,^$ UD\xfaW\x100\xd8\x87\x98\x07,\xbc\xae`\x00\x1bO\x10D\xff1\x97\xdb\xecq\x03\x16*[z~\x9f\x10K9\xec\xd5\xcd\x85\x8f|\xf7\xae\xdb.\x08\x82\x81Lh\'\xfb\xdd\xd2\xaf\xac\xec\xee\xeaH\xa0\xf2\x00\x96T\xbb\xbbY \x13\xa0[4p%i\x1a\xb8t\x16)r\xf7-\xf5\xa6\xd9j-&amp;\x8e\x15lx\x13\xd4\x97\xafw\x9e\xddEn&gt;\x19.;\xb9\x02V\xc20|{\xfd\x8eqO_v\xea\xc1kq\x90-\xbc\xde\xa4A\xa2\x82l\x93\x05*1\xcf\xf3\x14lE\x91\xa6-0\xbf\x92\x14X\xfb\xda8x\xfa\xcaH\x924\'\xf6\xe4\xa1{k\x8b&lt;\xc3\x97:\xf8\xf9\xcdW\xf1\xbc\x9d\xcb\xe5\xf8\x9a\x95,j\xd6\xd1\x05\xc0*\x97\x13\x0e\x8e\xa8@\x96 t\x05(\xd8\x97\x06\xa7S\'\xf2\x9f?\x7ff\x18^\x14\xe9E\xda\xc2\xe7\xf3k\xb5\xda\x99-\x08\xe1\xdf7aq;\x86\xf7]!\x87i\xd1{\x9a/\xe5\xda\xd7\xc8\x8dg\xc3u\xbd\x94\xcb\xe5\xcf0O\xda\xbe~Gz\x88T.\x03\x15\xc5\xac\xadQV\x01\x16\x17\n\xc7\x9d8P\x9dI\xc5\xf04MQ4\xcf\xd3T0X\x0bB\x8d\x8d\xf9\x08\tK\xd9\x181\xd1\xd8Y&gt;W\xaa\xbf\x9aBn\x8a\xf5\xaa\x8e\xd5sX)\xa73\x03V\xf5\x05\xb4\x0b\x96\x10\xb0\x18*\x89\x81\xe6\xa5"q\xdc*Rg\xb5L&amp;\x13\xac\x01\x17e\x02,\x9e\n\xf6+\x13\xb4\x99\xbc#\x8e\xe1\xc4\xfc\xf6\xc8\xaa$\x06\xc0z7\x08,\x01\xb0rm\xc1\x1cfQ\t\xcb\xf9\x0b\x96(\xc2&lt;\x004I\xfdV\x9a\xc9\x9c\x9e\x1e\x9c|\xc9\x9cQ4\xcdP\x14O1\x109\x00\xf4i&amp;8\xeb#\x00k\xda_Y\x14yXC\xc0\xfa\xfa\xe6Xm\xe8VN\xc0\x04\x9d&gt;\xa4\xae\xeeIX$G0\x0c|\xbd\x88\x91}*\xa98"xzzzr\x02\xed\xa2hx\x9b\xa2\x98\xcc\x81TO!\x9f\x99\x08G"1\xaf\x99\xf5$MgT\xae\x94\x1b@\xb7\xae\xdbR\xb7x\x113$T2\xa3\x84\xa5#\xb9\nS\x93\xbe\x1e\xfa%QYI\xceQ\xd4\xd1\xab\xb5\xa0\xcdW\xf1\xcd\xfa\x80\xe9\x8c\xa1\xce\x00\xeb\x14\xb82\x7f\x84nq\x89}\xa5\x86\xa8\xb7K\xfc\x19\xf4\xeb\xd5\xcd\x0f\xa0s\xa1P/\xd1X\xa1\xdd-o\xb3\x1bR\xb3\xfe\x87Uc\x00K*\x1d\xec\xd22D\x1c\x8e2U\x1c3\xc5\xca\xac\x8d\xe1A\xfb\xb5\xe0\xc1\xa9T\xbf\x03,/7\xbc\xaf\xf2\xeb\xae:\xb9\x12\xff\xa9$\\\xdf|n\x1d]\xc2o\x14r\xed\xab\x02\xaeA\x95\xff\x87\x95\x01u\xd10\xa40\xc1C\xa6\xb6C\x17\xb1\x95]&lt;=\xd3\xbbhr\xe3\x0c\xcd\x9f\x81\xd63\xc0ur\x9ay:[!\xb8\xe1\x17Z\xe8\xd6\x15\xe8\xe1S\xa9rts\xac\xbb\x1f\xea9\xa1]\xeftx2\x8c\xca\x8f\x01+\xfd3\x96\xa4"\x1e\xf4M\nV\x02o\xda[+\xa9\x15\xbcxy\x99\nx\xd6Vyz\xec\x14\xf4\xde_\xc5L\xd0T!\xdc\x80e\xa4\xf2\x9dz\xbd^\xca\x7f\xb9\xf9e\'2\xf5\n\xe6i\xa7s\xd5\x16\xfb\x9a\xff\x05\x8b\xa9\x81\xac\x19&amp;S#H\x9d`\xad\x10\xe5\xb0\xdf\xfe\xe2m\xdc\x18\xbf\xdcZ\xcc\xf3\x94\xe9\xe0\xe4\xe44\x18\x94\xa4u`\xebc\xed\x85\xc2\xde|\xaes\xd5)\xf1\xef\x07pT#G\\\xae\r\x9f&amp;\x88\xba}\x15Z-\xf7\xb1\x08\t\x0b6\x1b|o\xc6k5\xb4\xc1\xfa5B*\xe5\xb4\x96e\x1b\xcd@!O\x8d\x1d\xc0\xf2\x1d\x8c\xf5gDp\xbcBX\x1c{\xecB\x85\x17\xeb \xaf\xdf\x0e\xc2A S\x1f\x85\xf6\xd5U\x87$\xdc\xfb\xd3\xecB\x19\x9f\x91\xb0\x00\x89\xa2\xa9\x1a,S\x90\xd6\x19"1\x8dJ\xabP\xb8\xe4(*W]\xb4\x0cIH\xd7\x07\x80e\x1b\x87\xc1\x95\xb1\x81\xf1r\x0f\x1f\xb3\xf1\xa7A\xa6\x0b\xddz7\x10\x8f\x8a\x1c=\x01\xac+\x9d\xc5R\x9ef\xa3},\x11\xb0\x08\x11\xb0\x0e\x0el4\xa9\xc3\xf5\xc6e\xc8\xd1\x10\xa3\xe5.\xd7\xb2\xca\xbe2\xc3q\x84\t\xa6+\x9c&gt;\x99`\xd06\xbb5\xe1\x1e\xae\x86\xe2\xb6\x03O\xe7\xaa\xee=\x1f\x88?\x05u\t\xf5N\xb7\r\xee\xbd\x8f\x05\x8b\xd8?\xf6D\x9a\xb1\x05\x19\x1a\xa0\xe6\xec*5$~\xc5\xce\xceFT)W\x87T\xd12I\x8a\xa6\xfe]YF\xba/\xf3M\xb8\x1fW\x1b\xf6N\x1b,Y\xfe\xcb\xdd\xc1\xb8f\xe4\xe8\x19V\x823\xb9\xdd\xb4\xa3\xd1rY\xd2\x16G\xd3\x80U\xb3\x11dQ?\xb7\xa4l\xa02\xd9:\xaa@Y\xd7\xc6\xbcV\xc6\x86\x94s)\xbd\xbe\xb85;\x16\x1c\x93&lt;\x04\xcc\xad\x91\xb7\xd5F3b\xf1\xf2\xbc\xe9\xfd\x80n\x86\xa1]t\t\xa6\x00\xc1\xcd\xb1\xd1=\'h\xde\xc1I\x03\x8b2y\xadx\xdc\xb8!I\x8a\x95\xad\xdfAY\xad\\\xae\xd8AQ\x10\xbf2\x1a\r\xdf\x9bX\xb5I\x17.\xb3\xe3\x95\n\xf7:\x1ar\x8e\xfb\xd6x\xfe\xf7G\x83J?\xc8\xa3g\x85\x82N$\x1e\xc6\xd1\rH\xfb\xd2Y-J7\x9c\x04\x89\xcfM\xab\xb4j\x05+\x93I\xed\n5B,+\x97\xabQ\x95J\xbb\xbc\xec\xb7\xcfXV\xc7l\xd0,\x18\xa7\xc5\xf84[\x1e\xf3\xad\xf2\xc9w\x83\xbbFG\xae\x1d\x05\xab\xc8=&lt;F\x95\xc60\xf8\xe6bQ:\x9c\xb9\xe2\x0c\x04~T\x8d\xaa\xa5\x074\rM&lt;\xdeL\xc5\xe64\x8dPhY\xaeP\xbb\x94\xdba\xb3\xc54;\xeb\xbb\xbf5\xe2(\x1b\xb7Y\xbdou\x95\xbf\x7f&gt;\xb8\xa8\x88\xdc\xfe\x98\xb6\x8a\x04\x17fUv\xfb\\&lt;U.\x02\x18W\xd4\xc7\xa3\xcbj\xf5\x8eL\x1dj\xf8\xedY\x8e\xea\xdb@\x02:\xb8\xb1\xacU\xb8\\*\x8d\xd3\xe1\xf5\xf9\xb6&amp;\x1c\xc5r\xdc\xaebc\x8b\xab\x0c\xf5\xf1\xf6 \x13\xec\xe1s+\xe6\xc6\xc3\xa8\xd6\xaf1\x1a\xc3)\xb0\x82E\x07\x0eb\xd7\xba\xe4\nxqN\x8f[\xb1R\tr\xe2\'\x9e&amp;\xde\xee)\xb5\x8a\x1d\x97R\x19N\x8cLl=|\xec\xd4\xc7\xc2\xd0\xc4Vr\x91\xfa\xe6|\xa0\xb9z\xea}\x05\xd39c\xe8\x7fi7\xdf\xd06\xee3\x8e\x87\xe8\xcf\xe4\xecb\xac\xe3\xccv\xd2\x9d&amp;Y\xcb\x81u\xb3}\x89@\xb5\\\xb3\x93\x8e\x9b#\xcb\x9a\xb9\x17:\xdb\x10Kz!\x13K\x13\x1eV\x13\xab,vQD(\r\xf8\x85\x93\x8e\xb9YC\xb6\xc6jZ{%)MC&lt;7\xed\x92\xa5\xc1\x8b\t6\x05\xcf\x7fX\xddAX\x02\xa3f\x89i\x1a\x16B_\xec\xfb;\x9b\xc1\xdem\x9d\xef\'\xdf\xa1\x7fX\x1f\xbe\xcf\xf7y\xeeww\xcfO\x94\x04A\x88\x07\xdb\x9b\xa1WW\\\x979\x8evg\xa5\xc2\xe9\xb9\xb9\xf1\xf1s\x18\xe4\x0cv\xfcG\'GRYZ\x93\xb9\xccH(\xf4+r\x955\x1e\x17\xf8\xec\xe9W\x7f\xf1\xd3\xdd\xaa\x0e\xff\xbe\xa6\xbb\xf8\xe6\xf8\x8f\xbb\xb2\xbc\x90JI)\xa1\xd0\xde\xf5\xeb\xee\xe3\xc5\x98F\xf31\xd8\xed\xda-\x1c\x83q&amp;rf\xee\x0c\xd0\xce\\\x9e\xeb\xac\xa8"\xa7\xebW\xe3\x95\xae\xd1B\xb0P\x10\x04\x89\xcf\xba~\xf6\xea\x0b\x0fv\xf9\x86\xe2\x9eWn\xaf=\xdc(\xc6R\x18\x19!\x1e/47+R\x96\xa55)\x18\xff\xd3\xb5[\x97\xcf\xbc\xbe\xb9\xb9\xf9\xfa\xb9\xcd\xcdG\x9b\x07\xcf]\xbeu\\\x918\xb9\xc8\xab\xe5\xd1v5\xa5\x04\x05A\x8d]-\xfd\xf0\xf0\xe2nw\xe1\x19W4\x9af\xab)A\xc8d\xb0\x0b\x8e\xb4\x07cn\x96\x16\xa5x\xfc\xda\xf5\xb9_\x1e\x84\xe1\x1f=\xda\xc4\xe9\xcf\xa3\x83\xe3\xe3s\xd7\x0b\x12\x1f\xd39\xa9\xfdxAM\x05\xe3)\xb5*W\xb7\x16o\x9b\xd0\x11k5\xee\x1apB\xea*\xb8R)AUy\x0f+\xc2X(e\xcd\x9d\xbd\r\x87\x7fB\xce\xbf^{\xedmL\xfa\x12\xdd\xe5 \x8f\xa2*)\xf1/8I\x88\x0b\x82R\xfd\xbc\xd6jR\xb7\xb5\xb5\xe9\x135%\x00\x0bC\xcap:\xebv\x8b\x19\x92\x02\xc1\xa02]m\x1f\xc1\x99\xed\xea\xeaj\xa9\xb9\xf9\xf8\xf5\x82\x90\x11iM/\xc63\x1c\xc7\tBJ\xdd\xed;\x18\xff\x11\xc8\x99\xaa\xa1\xd6\x17\x19&gt;\xc3s2\xeb\x14e\x15R\x08R&amp;F\xd3\xb4(\xeb\xaa\xa2"W\x15\xa4\x9e\x1a#X\xba \xe9\x1c\xc4U\xa5\xa7u&amp;v\xccO,\x14\xa5m\xb5x\x80\xe4\xdd\xb22](\xc4\x0b`\xf0\xb0\x1e\x86\xd6&lt;\xa2(\xf2B\x90\xdcr\x91\x00J*\x88\xce\xf1\x88\xb8\xfc\x99\x99}\xfc\x17\xef!\xed9@ahy\x96\xd6\x95\xf2H{\xa1=\xc8\xb1,\xb0\x18\x0f\xc3\x8a\x10\'\xa8(\x8aZ\xd4 _L\xd23\x19\x0eb\xc9\x9f\x9aHe\xed\xbf\xc7\xe9\x19.\xc3\xf1\x10k%\xef\xd1\xf5\xa2\xa2\x04\xe3\xd3\xa8`\x1a\xcb2N\x86ai\x8eK\x05\xabJ\xb0X\x94Y\x9a\x8e\xe92\x0fN\x81\xe3\xb6L\xc4\xea\xd8\xff\x94\x97b|\x06\x1b/j\x9a\x9b\xe6\xd4"\xd2mZ\x95u\x8d%\xd3\x08\x86\xd58I\n*\xaa^\xd45O\x1e\\|L\xe23\x99\x18o\xaaZuWh\x19H\xc0\x12\xb3n\xd6\xe9\xa65Q\xe4\x94\xaa,\xd3Nw2\x90L:YQ\x968]\x92e-\x8fi4K\xe7q\x1c\xc0\x97En\xcdL\xac\xda-\x1a\xbfB\xb2N\xdcV\xc7\tS\xc9\xb28\x9cL\x0e\xbb\x93n\xb7\xd33\x9c\x05\x87.\xd2y|\xc8\xe4\xb5&lt;\xb8x\x1c\xce\x8bkfZ\xde:+gyZ$=\xa6\x1e\xc6\xe0\xca\x1bdl\x163\xd3\xac\xc8ib\x96\x8b\x89\xa0\xf1P\x94\x9f\xa1\x18\x92\x16"d\x15\xcbkf\xaep\xb3^*\x0egY\xd2\x06\xcbz\x10%\x86\xa20-\xcd\xe7e\x8d\xab\x16\xb9\x98\\D\x84\x8b2\xcd\x06\x18\xc6O\xf9\xfd6\x1b\xc9N\xa7\x9bIrK\x0f\xcd\xc4j\x9a\xa9^\x1dvRNO\xdeC\xee\xb0\x92~]\'\xb1\x90^]\xa8J\xba,s\xb2\x0e,-\x0f\xad\xfc\x03~;\x95\x87\x9aT2\x90\x9d\x8e&lt;\xac5S\xad\x89\xa5L2\x10\x00\x16\xaaA2\xe0t\x06\xfcyr\xa3U/VIE`IE\x88\xc9\xac\xc7OQ\x03\x94\xcdF\xe5\x07\xf2\x94\xcd\x92\x8c\xe7\x80e\xa2\xb9\xac\x17\x9f\xaa,p\x18\n\x92Q6\x8a\nP\xa4Za\xce\xa7\xcb+yg\x00uK[\xd1=\xc4W~?\xf9\xdc\xef\x0cP\x16\xbe\xf9dd\xc3\xcc\x83\x8fu\xffS\x85c\x99\x00T\xf2\x135\xfc\xc4\xd9P\x8bf\xb5\x15\xcdi\xb3\x04\x18M_\xd1\x98\x00\x81\xa2\x805\xc0X,\xfe\x80\xea\xeb\xf1m\xec7\x13\xabncD\x88y,\x01\xfc0\xc1\x82(\x8c\x9f\xc9c*\x01,\xca\xe1\x08\xd0++\x9a\x87\xb2\xd8\xfc\x03d9%&gt;\xaf\xb1\x04\xb2\xed\xbe\x93\xbe\xb7.ZM-\\\x95v\x15rX\x1c\xc6\x1aNC\xb0\x01\'\xe3\xc9\xaf\xac\xe4\x0355T^\xc3\x876\x9b\x9f\x88i\xb7[,\xa4\xb7J\x88\x86}\'M\xc5\xda\xd3\xb4Vi\x1eQt\x8f\xc5\xbeo_\x8d\x03?\x0b\xffP\x14\n\xe7\xe4$\xe3pX\x80\xc5\x00\x85\x14\x07\x0b\x81\xc2[\xc3\xa9\xe6P\xa2/1?a\xa6Z\xd6Eo\xb4R\x06W`\xef\xde\x1acm\x96\x8d"\xe20\x0c\x05\x1c\xf0Pd)\x1eE\xa4\xb2\xd9\x1d\xe0rK\xed\xa1\xb1p_b\xe8\xb6\x99X\x1d\x0fJ\xde\x8aw\x04\xf3x\x8b\xb1x\x13r\xd8,6\xd2\xf9\x87\x9d\xc3QC\xda\xf6\x01d#\xcb`\xf1gq\x07\xa3.\x9f\xaf\xaf/\xdcv{\x8f\x99\x85\xeb\xf6\xaa\xb7\x14\xf2\x96\x95\xa2\xec\xb4\xdb\xb7[\xa8\x8dQc\xd9YHP\xe3 \xfa\xd9\xfc\x84\xca6\xac\x94\\\xa1\x84\xaf/\xdc\xd7\xf6\xc0\xd4\x83\xe2\xc4_\xa3\xa5\x92\xb7DZ3&lt;\xa4\xb5\x1b\x812\xd0\x08\xcf\xf6\x13\x08\x07 \xbf\xc3n\t\x0c\x0b\x15Wgw\x82\xdc\x14\xed\xfd\xbc\xc9\xcc(\xf6\xcf{K\x15\xaf\xb7\xb20]Ue7\xe9\x84\xdfv\xb61\x10D\xb2\xa6\xc5N\x9a\xb5\x805\xacV\\a\x97\x0bb\x8d\x85}\x8bf\x96\xf9=\xfb\xdf\x8a\x02\n\x82E\x17\xca\xd3\x12q\x18\xa8,\x06\x97\xcd\xe6p\x10\xa3Q\xc6"k\x8b\xc5\x13\x04U(\xe4\n\xfb\x80\x95X3uUn\xddF\xb4\xdb\x8b\x11\x05]\xd9\xb8\xbc\x15 \xf9h\xa7\xfc\xc4K\xc4\xfd\x86Vx\xeaV\xbc\xa1Dx,\x14\n\xc3\xf3\xbe\xbe\x87?0\x13\xeb\x95-`\x11\xa6(\x82Y\x9eV\x82\xb2\x98$\xeb\x90\xfc\xa4\'\x11\xa5\nU\x96\x14\x08\x86\x11\xd5\n\x84\x1aK\xf8\xc8h\xec\xe9\xdb\xe87\xd3\xf2\xb5kQ\x10y\xbd\xa1h\xb4R\xa9D\xcb#\n\xce\xc60aF\xd4\xfc\xdbu\x02P\x98\xa7\xc6\xa6\xa3\xdd\x9d\xd0\xa9\xb7\xb7\xb1\xb1\xc7\xd7\xd3\x17\x9e\xbfh.\x96\xd7\xc0\x82\xc1H$\xbb\xa2\xd1\xf24\xa6\x80"\xce.\xd8$\xe9\xe6b\x92IO\x96\x97\xda]c\x9d\x90\xaa\x17\xa3\xb5\x91`\xf9\x1eX\xad\xe6\xaa\xb53 \x9b\xc1\x05\xd9\xa6\x95b\xb1\x88\x13\x0b]\x97\xa4L\xb1:]Y\xf2\x86\xc6\x90~\xbd\xbd\x08 \x91\x0b\xc9\xb8u\xd7\xbc\x99\xa0\xb5i\x11\x01\x0ca\xc3\x03D\xe52\xc8\x90\x98KKK\xa5\xca\xd2\xea\xeaBya)\x12i\x8bD\\\xd1P\xb8\xaf\xa77\xdd\xda\x9a\x06\x17\xea|\xe8\xfd\xe7\x8f\x0f\xec\\\xfa1\x03\xab\x12\xf5\x86J\xae\x9c\xcb\xe5\xf2ncE\xbd.\xbc\xce\x81f\xa8-\x92\x8b`\x87\xbd+\x84\xea\xde\xd8\xdb\xda\xd2\x02,\x98\xbeo\xec\x9f\xeb_^\xa8\xab\xeb\xb0Zw\x1f\xcc\xfa\xfd\x8b[\xf0T\tL\tl!#\'\x89\xcdJ\xa5R\x8e\x88D\xfe0\x00\x862\xda\xd3\x98&amp;`D-`=\xb9\xbf\xfe|jj\xe2\xc2\xec\xdd\x03\x1d{v\xf1z3\xf4\x7f\xf9\xf1\xef*\xd1\x10J\xa4+\xe1#z\xb9J`\x0c\x95\xf0F\xae\x94\x1b\x1a\x9a\x1f\x1a2\x98\xc8.\x91@\x0e\xb66"\x8a\xc4\\=\xbe\xf0\x93\xf5\xb3\xeb\x8f\xa7\xee^\xf8\xf0\xa5;3M\xd6]\x02\xb3Zk\xeb\xfa\xa7\xbe\xfe\xf2\xe3.\x82\x15J$"\x90+\x074b5\xa8\x17\x89D\x860H\x1c\t\x95/\x87\xda\xd0\xd8\xba\x1d\xc3\xde\x1e\x9f\xaf\'|~\xfd\xbd\xfb_\x0fNM\xfd~r\xe0\xc6\x95K$\x9a\xbb\x00Uw\xe9\x83w/\xfc\xed\xabg\x1f\x8fvo\xab\x95\xc8\xc1A\xb9\\.4\x1a\x85V\xb9\x1cXv\xe4"\x1b2\xd0g,*\x83Z$\x8a\xa8\xa77\r\xac\xc1\xa9Ko\xd4\x7f\xd7\x7f\xea\xde\xbb\x13\xff\xe7\xaatx\xb4c\xe2\xb3\xf3w\x96\x97\xffq\xf6Yp\x14\xc7\x9e\x10\xf1\x96\xe1%\x9f/A \xe1w\xbc\x1a\xda\x19\xa0"U4\xdd\n\xb0t\x03\xe0\xd2\xc4\xf6\xc0Z\xff\xfb\x89\x13\x83\xcb7\xeb\xf7\xe1@&gt;p\xf3\xceL\xed\xb7\xb7?\x98\x0e\xf4\x7fp\xfe\xd4GS\x7f\xfc\xf3\x1f\xce~s\xbd\xab\xf9\xd0\x0e\x16\x92\x0f\xbf\xde\xeb"b\x110\xe85?\x0f\xb1\xf0 T\x08`\x03Y\x83\x07\xac\xd6#(\xa9O\xee\xbf\xb7\xfe\xf8\xc4\xe0\xe0\xf2\xf9z\xbb}\xafc\xef^\xff\x1bWf\xea\xbe\x05\x171y\xd3\xfe\x89\xd9;\x1fN\x1e{i\xf9\xc4;\x7f\x01Va\xb4\xf9P\xe7\xb6@\x04\xabm(\xbd\xcde\xe8\xd56\xd4\xd2\xd0\xd2\x82\xb7\x1a\xd3-\r\r\xdf\xc3\xf3\xc3\r-C\rG\x8e\xbcp\xe4\xcd\xf07\xf7\xcf~\xb5\xfc\xa2\xa1\x96\xbd~\x9f\xb1\xc8\xca\xb6r\xe5\xd2\x8b\xff\x9bb\xf8\xb2\xb5v\xe2\x93\x8f\xde\xbf1y\xecX\xfdo\xee\x1c=\xfa\x0eQ\xab\xd0u\xfa\xd0\xd8\x98k;n\x91\xb6t\xba%\x1d\xd9\x11\x0e\xa6J\x13\x0e\xc4\x0cJ\x1d\xc6\x00\x18^\x12\xd4\xd6\x9e\xca\xb3\xb3\xf7\x9f\x0f\xd6\xbd|\xe2\x02\xbcu\xac\x9e,[\xffN\r\xc0~;[\xf7\xdf\xa7\xa5\xb5\xa3\xb6\x7f\xe6\xd3{7&amp;\x19\xaa\x1e\xff\xe5\xd8\xa9\xd9\xa3\x07\x08\xd6\xb3\xe0\xe9\x9fw\x8e\x85w\xb0\xd20R\xc3\xbf\x189\x9b\xd84\xce4\x8e\xd3Q\xc1\xee\xcc\x1a\x8fd\r\xa0^\xd2\xda\x1d\x05\xafd\xf9\xb2\xdd8\xf6i\x15\t.\x91\xaa\xee!\x8ev#\x9f\x86\xa1\x87\xb9t\xd0\x16\x84d\x0e\x0c\x17,\xd5\x16\x12\xcb\x1c\xf8\xb2\xd9\x05\x04X\x10\xc4\x01\x04\x06DlY.\xa1\xb1!\xde\xaeM\xa3\xb5lZ\x7f\xc9V\xd6I\x9aT\xad*\xed\xf3\xbeC\x9a]\xed\xaa\xdaG\xc6\x1e`&gt;~\xf3\x7f\x9e\xe7\xff\xbe\xaf,\r\xf6\x84\xe99(\xa5\xf1Y\x10\xc9\x0c`\x93\x88Eo\xd6\xeb\x01mr\xf4\xc6\xe8\xe8\xe4\xf8\xfb\xe2\x9ee\xef)\xcf;\xf9\xa4\xc40\x08\x0b?\x00d\x80P\x07\n\xa8\xfa\xdf\xfe\x7frg\xba\x17_\x7f(\xa9\t\x12\xcdSH\xc6f\xab\x84y\xd6\xbf]\xcb\x9c\x7f\x8a\xb1nB\'B\x06\xa7\xe7@\x0e\xd4{\xd3s\x802:7;\x05(\x08\x06R8\x8a\xb6tz\xf3\xa8\xf9\xfa\xe8\xe4o&gt;z\xf7\xf9\xa1\xf7\x87\xc7v\xde\xee\xcc\x06(j\x8c"^?\xaeA3\xc8\xad\x89\xa5\xf8\x90\xe9\x97\x93\x89\n*\xb5!Jc\x04A\x90\x0c\xa3&amp;\x06H\x9b\xcd&amp;\x03\x16\xdd\xb8\xcc\x1cV\xfe\xf4\xde\x9fa\xb2y\xf36\xcc\x0e\xa6\xe0\xe2\x9b\xe6\xd1\xa99\xe0C \x93\x08\xa5\x0f6\xaa\xd7A\x8c\xc0\x0b\xde~\xf0\xf1\x9d/\xce}\xbe\x9e=\xc1\xdb\xb7\xc4\x08:\xaf\xe6\xf5\x83$\x08B.BG\xe5\x92\xf7~\xc1\xc9\xc05\xb7\xaa\xd5\x8d\x88\x9a\x04(\n\x8e\x1ex\x8b\x00\xb1\x18\xa9\xca\xb3,\xdf\xf2\xf9\xbe\xff\xcb{\x88\xea\xe6]\xb0K\xc4b\xd6\xa3jB\x1d\x87\xdf\xa0XV\xd0\x00\nB\xa7\xfbPo\xbe\xfe\xf1#\xf0\xf8\xcb\xd8L\x82v&amp;e\x8e 4\x0c5\xa00Ap\xa5\xd8\x0e\xa5\x8e\x047R\xe0\xb1\xff\xfb\xdf\'lj#\xc8\x89I\xb8!\x12Q\xa1G-@eQd\xa0\xc4\xd3Z\xff\xeeqf\xaf\xfe\xd9\xef\x81\xea\xf6]\x98\xb4LA!\xe9\xcd\xa0\x07\xaekD\x85\xb4\x81\x97\x0e+522&lt;\x0cX\x8bz\xfd\xf5\xf1\xc2\xf7\xbe\xda&gt;M\xf3\xb4=\x1f\xadp$A\xc1\r\xc3\xb9\t\rE\x11\x9a\xb5p\x9e\x83\x95\x93Z\xde\xf9\xef\xbeD\xa6I\x17\xd3r \x18L\xe6sb\x04\xa0\xb0\xd2@\x05&gt;cK;\xe9yC\x03\xe4z\xf5;\xa0\xfa\xe4\xee\xcfX\x88A\xdf/%\xfcFg\x06. B12\xb2\xb8\xb8\xa8\xff\xf0\xfaW\xcf\x0f\x0f;\x8dk\xac\x9f\x8d\xa5\x1e\xc7\xf3QI\r\'G\xcf\x92@\xe9\xd40\xb9p\x1dV%\x8c\x9c-oTW\xfe\xf3\x7fCo\xdf[J\xc5w\xea\xf5r)\x9aMGK%1\xc2@Y"\xadl\x14D0E\xbb\x0c\xfc\xf6Qf/\x08\xcb\x18\x18\xf1\xee\xcc\xce\xce\xa1\x14b\x12}\x9fO\xa7[\xee+\x85\x98\x14,H\xead\x01R\xb8K\xcf\xb3&lt;\x9d\xcf&gt;\xb6Z\xb7\x8aQ\xc9\xf6+\xe4]\x04\x05\xb7O\x05\xd6\xd7\xc5\xa0X\x0e\xc7RY\xa9\xbe\x11\x1f\xfa\xb71\xaf\xba\xb3\x11\x15s\xd1h1\xad\xa1H2\x12Ms(\xfd$\xc3\x8d\xa9I\xca\x16\xa8\xe7g\\\x066\xb1\x7f\xec{\xf5\xc5\xed\xbbh\xec\xbd375\xa9$\x0e*\xfb\xe7Z\x82M\x9c=\xa3\xd18lDX\xf0\xd5\x07\x0f\xcf}\xb5\xae\x9dfY6\x15\x14\x01+\xf6\xb8w\x9a\x95H\x92x\x0bsQL WZ\xcfW\x8b%\x91\xd3\x900\x90\xbf\xa6b\xe3Q\xb9\x9c\xb3!t9\x1f\x84N\x91\xa0_\xe0f(fl\x8c\x93\x0b\xe5|1\xbee\xf7\xb3.\x7f\xa3\x959|\xfe\xdb\xbb\xb7\xee\xcc\xa2\xc9\xd48dQ\xa7SJ\x08S)/\xa0\xc1X\xf8S\x9d\xfe\xfag\x88\x8a\xa7\xe1p{V\n\x02\x96u\xfb\xf2\xd9\x8b\xd3\\\x00\xd6$\xef@gA\x90\x1c\xc7E\x02\x1ce\x0bn$\x93\xf9\xbe#\xd0yy,Zf@%(\xee\xa4H0R0\xa2\xf8\x03\'GO{\xbdVo;\xe6\xb4&amp;\xd8yv\xfe\xe0,\xb3\xf7\xfc\xd1\xad[\xb3\xd3h^\x80\xc4R\xca\x08\xb1\x8c(U&gt;\xdc\x97k\x187\xa2~\xf2\xd1\xab\xc3Z\xcf&gt;\x0fT\xfed\x85\xab\xa4\x00+\xd6\xf1\xb5k\xad\xd3\x9c\xa4\x1eT\xb8@9R\x03\x17\x8c.\xc1\x8c,\x8c+}\xe2Z\xbcB\xd9\xb2I\x91A$\xd9\xf8Z$(FH\xe4\x0f\xb6\xca\xcb\xd3\xce\x91\xcf\xd7|\xd6\x8d\xc5\xacVIjvj\x00\x00\x06/IDATz\xde\xe5b\xb7\xcf|\xe7\xe2\'\x7f\x18\xc7\xbe\x0e\xa6\xbe\xd8\xafn\\\xe0#\xfd\x17\x12\xcbh\x84o\x14\xaa\xa3\x9e\xddo\x80\x88\xc3y\xe5\xb8\x13b\xbf\xd9n\xfb\x8eZ\xa7\xe9\xbf\xa9\x15\xb9(\x12y\x05\xb3\x96L\x15\xcbA\x98\x9b\xaf$\xab+\xe51\x8a\x02[\xc8\x8a\xd1\xecN&gt;\xbb\x93[\xe3(\xa8\xa7H\x10\xa0j&gt;\xaf%\xe4\xa8\xed\x1e\xc4b\xe1\xe4\x8c\xcb\xcf\xd2\xbbg\xb5\xf3\xc2\xfbw`\x90\x9e\x9a\xbaq\x03\xcb\x85\x18\x86\xdf\x04\xfa@\xc9\xe2\x88~\xf3\xe1\xabgG\xfb\t\xd6\xa5e\xd9\x95t\x80"\xa50P\xf1\xfb&gt;w\xbb\xedF`/\x83\x92\x8dA\\\xd8\xc3()].\x97T[\xc9\\\xa1\xb8.a`\xb9\x9cM\x17\x82\x12\x13\xe1\xc0U\xc6\xa4B\xa9\xd7\xa95\xbd\x16o\xc6"\\n\x1f\xc4\xac\xc5`\x9ce\xb5~~\xbb\x03\\7g\xa7a\x1e\x85\xe4\xeac\xad\xbe\x063\x0e\xf7\xc5B\xcam&gt;&lt;\x7f\xd6\xd9M\xcck\r,k/\xcbj\x82\x08\x84\x9d&lt;o\xef\xfa\x84\xf6\xd5\x95\xc3}x\xd4\xea&gt;}Y\x909\x86D1\x00\xe9\xaa\xe7r*Q,g\xeb\x1c\xa9\xe8\x08\xd4\x9a\xc1\x01\xd8\xb6\xc9\xd1\xd2\xe9\x8bK\x80\xcaX,^\xaf\xa3\xd9jXc|I\x8an\xb1\x06\x97?q\xb0\x7f\xb4Wxw\xfc\xa3?\x02\x17`\xe9\x80bu\x15c\x19\x8d}\xe1\x14,\xfdf\xf4\xfcY\xef\xc0O#\xac\xa1\xf5\x8a\x8d\x18@X\xc0\xb5{lq\xb7O\xda\x82\xd0l\xd7.;\xbd\xa7\xc8\xca\xa0\xb0\xdf\x81\xc6\xa4\x02\x05U)/r\x18\tY:c\xe3\x02\xf2\x9a\x98\xcb\x9e\xf6Z \x94\xe0\xb0d\xbc\xa0\x96\xe0\x86\xee\x86s\xa5\x19\xb9lg\r\x06\xbf?\xb1\xdb\xfa\xa1\xf0h\x1ar8\x89\xc6A\x85\x0b\x83\x0c\xbf\xa12\x8e,\x7f\xf7\x13H\xd5\x00(-k\x18Z_\xe3\x08\x981pE\xa0bw\x8fC\x96\xe6\x15pY\x1c\xeef\xd3w\xd4\xe9&gt;-\xd7#\x9aA\xb0\x7f@Qe%\x05\t\x14\x92\xd6r\xd9|\xf1iw\x7f\xbfuV\xf3\t\x0e\x87`\t\x85,\x0e\xc0j^\x1e\xcc8\x9d\xb1:\xc1\xad%gX\xb8s\x17\xdb\xe8\xbe\x88\x16\xfeq\xe3\xaf\xc0\x85\xab\x0bQ\r\x0f/\x9a\xfb6j\xbc\x7f\xdf\xb8\xbc\x19\xfd\xe9E\xb7\xa1uMLL\x18\xfc\xf7\xd6!)\xe09\x84\xad\nX\xf4\xf6\xb1\'$\xb4ON\xda\x16\x8b\xe0v8\xbc\xbeZg\xbf{Z\x90~\rX$\xa1\xb2a(\x86\xab\xa4\xf3\xe1\xad!z\xbe\xd1::\xced u\x0e\x87[\xc8\x84,\x10p;\x9d\x06L\x94\x8a\x01p\xd9`\x91f\xb5\xae\x04\xcb&amp;\x1a\xe1\x97\x0f\xbf\xc2#\xa1\x19c!\xb0\x91\xbe]\x18\xef\xaf\xae.\x7f\x97~\xd9\x8dA1\x1aL\x13\x13\xae\xad2\x8c\x84\xb8\xd9\xc8\x12\x08\x8f\xb0&lt;\x19\xcc%\xc0m\x0b\xdeP(\x03\x92\xf5\xc2;\x15 "U\xd0qL\xa4\x12\xcdWK\xb9\xa4\xdf\xaf\x9dot2\x0b\x0b\xa0\x91\xdb\xedvx&lt;!\xc8\xa1\xc5\xed\xf0\xee\'\x00k\xc3F\x0e\xaa\x03b\x98\xd6j].\xd7&lt;\xed\xb7\xc7\xff\xb9\xb99j\x06\xb0E\x8c\xb5\x8a\x8a\xfcu3.\xef\x94\xc2\x8d\x19\x9a5h\xb5\x06-\x9dJ\xcb6J\x83\xc6\x7f\x82H\xdb\x9d\xfc\xcc\xc1\x99g\xc1\x13r\\\xfd\xa8\xe8\xe5\x16\xbc\xdeL\xc8w\xb9=\xb3\x94\xcf\xc96\x15\x13\x08\xa6\xf3\xd5\xf5\x9c\xc4hJ\x80\xe5?8\x0b\xc1\xde\x02\xe4\xdb\x0bTp\x84\xc3\xd1\xf4\x1ew\xfd\xbc\xd3\x9af\x90\x97\x05\xc4*\xe6B?&amp;v\xe9\xeb\xbf\x7f\xfbdysy\xf9\xc9\x93\'\xcb\x10\xfae%\x9e|\xfb\xe5\x12m\xc0\xfbMh\rC\xd5\x82\xc4\xa0\x04BQ\x13\x03b\xcc\xea\xe4\x1bg\x0b\x0b\x00\xe6&gt;\xb98q\xc3U0X\xc8\xd2i\xd8y\xbf=\\V\x95K\xa5,\xb4\xa7\x06\x9c,\xe9\x87\xf4\x1c\x1c\x85\xb0V\x88\xca\xe2u\xc0\x01\x0e!s\xbc=\xe3\xb4\xc7D\xdc\xc2T\xa0^\x82~4\xc05\'L\x06\x93\xf6\xda\xe7+\x0fp|\xf35\xc4\x97\xe8\xd77\x0f\x1e\xac|\xce\xba\xf0&gt;ZV;\x93*\xd7\x03x\x8a\xa4`\xc90\xfa8\x15\xac\x05K\xfb\xc7\x8b\x93f($\xb8\x05A\xb0x[\r;,\x8d6DUA\x1e\x03$X\x1d\x91\x91b\x02\xb0\xb6\x8f\x95\x0c*TP\xf6nG\xc6sv\xc0\xc3:\xaa\x82S@R\x9c\x9c\x0e\x0f\xa1+jM&amp;\x83v^\xeb\x02:\x17\x00\xe2\x00\x16\x93\xc9\x04\x83\x01\xda\x9c\xd0\x9a\xb4\xec\xd2:\xdc6:T\x99/\x10D\xa4\x88\xb1&lt;\x1e\xc0\xf2d\xda\x17\x17\'B\x08\xf2(4\x1d\xbe}D\x15\x135*\x02\xcf\x10\x91\xbeR&lt;\x01\xa6\x04~\x82\x04\xb5@\x81\x81_y\xa1\xeeC\x9eL\xa7\x01{\xa3\x8aW\xc0 \xf1\xb0\xf2\x84\x9e\x07\x00\x13\x823\x19\xde\x84K\xf9\x83\t\xe1\xab-\x98\xf5E\x18\\\xebp\x19bPC\x92c%k\xcc\x9a\xe8d\x10\x16\xe8uuqq%@[\x82\x16\xd8\x87\xacq\x89T\xfd\xab\x85\xf3gi\x18\x08\xc3\xb8\xbd\xa5\x90`\xb6B\xbe\x80c&gt;A\xf7~\x8a\xaci\x97L\xcdp\xc5!C{K&amp;)dk\x88P\xf0\xc4\n\xce\xc5\x16!\xe0 \x128\xa4\xb7\xc4%\xe0`\x11\\\x9c\x85\xd2\xe7\xbd\xcbm\x81;\xf2{\x9f\xf7\xef\xf4\xd2]\xda\xe9\xc5\x9c\xfd!O\xfd\xb4Y\xc2\xcfqa\xa9H-d\xc0c\r#\xd6\xdb\xc4R\xf5\x8d`\xd3\xd7\xbb\x10\xe1&lt;\xf2\x08\x80*@`q\x82\x80&gt;\x11P9\xd2"\x1d\r\x9f\xf7\x8b\xc4f \xa3\xb7}\x0cM\x83\rz\xb5\xac\xb3\xc2p\x15\xd9\x11\\\x99 5^4\x1f_\xf3\xfb\x12X\xdd\xaa1\xe6N\xdf\x805\xac\x97\x14{\xb8ML\xb3\xf9,"\xa1\x1b\x0eioi\xbc`\xb4\x83\x0bm`P.VO7\xbe\x17\xa4x\xe4\x01\x86\x8e\x05$?z\xbe\x94\xd2G\x81\xbb\xa4a\xc9\xed\xacq\xcc\x7f\\\x171?\xe1\xf5{d\xb9D\xf6\x7f\xfa\xfd\x8b\x04Um\x15\xa2/!\xe3/\x98\x95\x8b\xb9\xc9&amp;\xcc\xaf\xc6\xedO&lt;\x8f\x84\xa1\x8a\x08\x8b\xa8\xc4\xb7\xe6|\xf2\xb03\xf1\xda#aM\xabJ\xca-R2?|j\xa5\xda\xb6\x92\xdd\xa9\xaaV)\x8d\x92\xacs4\xe7\xf5\x8a\xa0\x8c\\\x0e\x06\x97\x9e\xb1i\x87\x98\xe7\rF\x00\xebG\x11\x83\xeb\x03\xc5(\xfeR\x1cX\xc8\xf83\xba\xda\xdf\xc5\t{\xb9\x92\x00\x00\x00\x00IEND\xaeB`\x82'</t>
        </is>
      </c>
      <c r="M13" s="3" t="n">
        <v>45492.67711805556</v>
      </c>
    </row>
    <row r="14">
      <c r="A14" t="n">
        <v>21300</v>
      </c>
      <c r="B14" t="n">
        <v>5981</v>
      </c>
      <c r="C14" t="inlineStr">
        <is>
          <t>David Luiz</t>
        </is>
      </c>
      <c r="D14" t="inlineStr">
        <is>
          <t>D. Luiz</t>
        </is>
      </c>
      <c r="E14" t="inlineStr">
        <is>
          <t>ZAG</t>
        </is>
      </c>
      <c r="F14" t="inlineStr">
        <is>
          <t>ZAG</t>
        </is>
      </c>
      <c r="G14" t="inlineStr">
        <is>
          <t>ZAG</t>
        </is>
      </c>
      <c r="H14" t="n">
        <v>189</v>
      </c>
      <c r="I14" t="n">
        <v>23</v>
      </c>
      <c r="J14" s="2" t="n">
        <v>31888</v>
      </c>
      <c r="K14" t="inlineStr">
        <is>
          <t>Right</t>
        </is>
      </c>
      <c r="L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e13ee1b-b376-4c25-802f-83d31cf8c4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eS\xd8\xc2\x00\x00\x00&gt;tEXtComment\x00xr:d:DAEewil2SDw:3664,j:6824501819979111889,t:24032215\x0e~\x85"\x00\x00\x00\tpHYs\x00\x00\x0e\xc4\x00\x00\x0e\xc4\x01\x95+\x0e\x1b\x00\x00\x03\x00PLTE\xfe\xfd\xfe \x18*(\x1e.\x1d\x15&amp;\x1e\x17(\x1f\x1a\'\x1c\x15#\xff\xfe\xfe\xff\xff\xff"\x1b*\x1d\x18%(!0%\x1f/%\x1c+ \x18&amp;#\x1d-\xea\xa7\x8d\xda\x8do+"3O+%\xfd\xfd\xfd\xfc\xfb\xfcJ($0%6F&amp;"O/,\xd7\x89j \x15##\r\x0fC!\x1d+\x11\x10J,*\xea\xa2\x87\xe8\xa5\x8a4*:\xd2\x87p\xf9\xf6\xf79\x1d\x1c1\x15\x131\x18\x19&amp;\x18\'X2+&gt;\x1d\x18\xfb\xf9\xf9]70S20Q\'\x1f\xe6\xa2\x874\x1a\x1bV.&amp;\xd0\x85j&gt;!\x1f^;7\xf6\xf3\xf3\x1b\t\x0c\xdf\x92q7\x18\x15K$\x1d\xd4\x84gh5(\xe8\x9f\x83E\')\xcf\x82g\xeb\xab\x91A$#\x1a\x12 V76eA;\x7fA/\xe1\x96yo9+e=4\xf0\xeb\xec\x89I7_3*\xe7\x9az+\x15\x18&amp;\x11\x15mHB\xe9\x95z\xf3\xef\xf0\xe6\x99\x80G\x1e\x17\xe9\xe2\xe3\x8eie\xcf|`\x87a]\xd9\x90z\xc3oW\xec\xe6\xe8\xd5\x8cu\x82[U:\x1f!\xec\x99\x82\xe2\x96t\xcc\x80d\xec\x9az\xde\xd3\xd5\x98O&lt;\xb0\x97\x99\xa9\\I\xacbN\x87D1Y(\x1dx;*\x90P=_."jJJ\xe2\xd8\xdb\xb8\x9d\x9d\xee\x9d\x80\xe2\x9a|\xed\xa4\x8cyURlD;dDC\xc8\xb6\xb8qQR\xee\x9d\x87\xb7kS\xa0\x84\x86\xe4\x9f\x82\xd9\x95\x87\xe6\xdd\xdf\xce\xbc\xbeqMI\xe7\x92r\xd5\x80kP!\x17\xa5ZB\xc5\xb0\xb1\x91pnxPH\x9fR&gt;\xc6{c\xd7\xc7\xca\x82bd\xbfv`\xcbv]\xa0~|\xd2\xc2\xc5\xb7_P\xbbpY\x9cwr\x9bXE\x98of]&gt;=\xda\xcd\xcf\xdd\x9a\x8c\xd7\x91\x81\x91I5\xd8\x86q\xbfeT\xa7\x8a\x8a\xbe\xab\xaf\xdb\x94\x80\xcb\x82i\xde\x8ev\xb1^F\xe5\x8bsg+\x1d\x80H9\xe1\x8dj\xe2\x86j\xbenO\xdc\x9e\x93vC4yZ\\\xa9\x90\x93\xd9\x89x\xdd~f=\x15\x11uKA\xc9tU\xe1\n\'\x90cY\xd7\x82a\x94uv\xa1#:\x87QB\x10\x04\x07\xd1\r)5\x1c*\xb7\xa2\xa7F\x15\x12\xf0\x01\x06\x90\x18/H\x15&amp;\xcfoZ\xbf\xa7\xa6\x87kn\xe5\xa7\x8d\xc3g`\xed\xaf\x97\xb6fJ\xa9RE[\x1c/\xb8\x1f6\x97|~\xe0\xab\xa9q\x1f3\xb1\x91\x8d\xb0iV\xa7\x11*\x80VL\xa9\x85\x80\xef\x08 F.5\xb9\r\'\xcf\x1c7\xcc1I\xde\xa3\x9b\xe0\xa8\xa1\xd6w_\xeb\x164\xe7\xad\xb2\x9f_M\x84 5i\x13\'\xcfvg\xb5r^\xe0\x161w\x0f"\xcb\x95\x85\x1c&amp;5\xc2\x7fn\xaaiT\x8cWP\xee\xb8\xc2\xb6/G\xdbNg\xdd\x01\x07\xf4\n2\xf9\xe3\xe9\xa4fR\xc3\x03\x0cY\x0e\x1e\xe5\xb4\xba\x8a\x07\x15\xe26P\xe7y\x8dR?K\xf0\xc4\xcf\xc7\x87~\x18\r\x18\x9d\t\x17\xb1yr\xb2MZ\xf5\xd7\xde\xd8h\x7f\xd3\x94\x93\x947B\xe4\x86\x9a\xe2\x95\xa8\xd4\xa0\xa3\xc7aw\x06FB\x02\x00\x00 \x00IDATx\xda\xb4\x97\xcdk"k\x16\xc6k7\xd9k\x15U\x10\xe3F#\xc6\x0fJJ/\x8a\x08E)j\x82-\x12\xa5@t\xe3-\xe8$~,\xd4\x12\x04\x15\x82\n\n\n\xe9(\x0c\xe8\xaa\xb3\x89\x81\x0e\x04\xc9"w\x93,\x85\x86nf;\xfb\xfb\x8f\xcc\xf3\x96\x9a\x98N\xba\'\xa1g^\xb4\xac/\xad\x9f\xcfy\xcey\xcfK\xe9\x7fc\xd06\x93\xc9F/\xf7m\x1e\x8f\'\x1dM\xa6\xd3Q\x8f\xc9\xe4\x89\xa6\x93\xc9\x84\xc9f\xb2\xd9L\xb4\x9e\xd6S\x14\xf5\xbe_\xa6~\x83\xca\x96H\x8e{\xc5\xa8M;0%\x12\x8d^/\x97n$\xd3\xc9F1\xd7l\x0e\xc7\xc5b#j\xf2\x00\x8e\xa6\xde\xcb\xf5\x1bX48\xd4\xf6\xb4\xa9q\xd9\xd2\xb9\xa62\x98\xdc\xf5\x8a\xb9\\n&lt;T\xdbw\xeda\xaf\xa9\xf6\x8a\xc9F\xdac\xa3\xd7\x9a\xfe\xdf\xb1h\xda\x16\x1d\x97\xea\x83\x81RL\x98L\xa6\xa8:9\x9337\x83\x92\xaa6\xd5\xe9t\xda\xbe\x9bN\xf1\xd9n\x12\x05\xa3\t\xcf;\xb9\x80Em\x0e\xfd\xc6\xce\xf3K\x8fGk[\xa5\xc7\xeaU}2\x98\xab0Tz|%g\xba\xddL\xa6su5\xe9\xf4\x17\x8arU\xafO\xae\xc0v\xa76s\xc4o\x84\xeb\xf1\xdb\xab\xe7\xac\xf6\xb5\xdf~v\x9al\xb76\xc7\xfa\x90|&gt;\xbf\xf4x\x85\xb6\xd9h8)Z\x1cN\x15\xe5N\x99\x0f \xcd\x9d\xf2P.\xc7+\x85`k\xd6/W\x83\xe59\xe0\x1e\x1e\xea\xca\xdd\x1d\xc8z\xe9D"\xe1\x81\xf7\xb5\xaf\x93g\xae~L\xfb\xf7\xab\xdf^\x92h\xe7\xc9\xd1\xd6\xbb\x06\xf9\xb2\'\xe1\xf1D\x89\xadsj\xe9JQ\xe6\xb5\xfe\xc3l6+T\x0bn\xb7\xe4\x90F\x85x0\xd8\x92\'\xf5\x87\xfe\xc3\xbc~\xa5\xe0\x165\xd7h\xa4\xc1\xb5\xf1\xe4\xad\xd5\x93W\xff\xf5Q\x00jI\xf8N,JO\x9b&lt;IdX\x11\xb6\x1e\xe7zm\x84\xaa&lt;\x1aI\xb3\xd9H\x92$\x07\xc7\x19\xb9Q\xa1P\rV\xbar\xbfLh\x1f\x16\xf5ygR\x82\xf5\x11H\x9a\xc4q%\x88~KO=\xf1\xe8\xd7\x91\xd0S\xfa\xf7cQ\xa8N\xc8\xb8)B\xa3\x90\xe8\xa8\xaa\xd2\xe9\x07\xa1Q\xa1 q\x0e\x07\xa0\x8c\xc6Qu\xe4v\x07\xbf\xf5\xe5\xf2\xac\xdf\xef\xcb\xa9N*#\x9f}\xbf\xef%\x89\xc1\xf4\xaf;f)\xd2Z\xc1uH\xdf:\xfeA\xd9&lt;\xd1bo\xaaL\x16\x8b:\xe2swu\xb5hI\x0eG \xeb\x90\x8cF\x8e\xe3 \x98\xd1\xf8/\x8esX\x83\xadr73+\xf7\xfb\xa9\x8e\x9cJ}?\x9b\xb4\x91\x91\t\x13\xfd\xd3\xfc\xd2?n\xd7\xe9\xf6\xf6\xac\xa5A5n\xde\x95\x94\xc5\xc3\xec\xe1a\xa1,fU\x893\x06D\xb39\x9b\xcd\x8a\x81\x00\xc8ph\x04\xa2\xd5]\x89\xb7\n\x85\xda\x0c\\\x13\xf9\xfc\xfc\xac\x84\xfa\x1a%\\\xff\xfb\xbaE\x9b\x90}M\xa4\x9f\xb2\xe8\xd4j\xb3Z\xa1:B\xe0\x02Y\xb3\xe5\x03F\x8c\x07\x9a\xd1\x11\x08\x04\xc4\x80\x91\xe5\xdcA\xb7{T\xa8\x953r*s~6\xf8\xaa\xf6\x86\xb0\xfd\x9b\xb1\xa8\xff\x82K=mM\xc9\xa12\x18\xd4\xe7\xf3\xfadQ\xab\xd6\x10&gt;\xf8I4\xf3\x96\x0f\x7fl\x7f\xd8\xde&amp;`"\t&amp;\xc8\x02\x02\xcbIUP\x95k\x85r\xe6\xe6|\xf0]\xcd\xf5\x92\xd1\x1f\xd5z\xf9t\xea=jQZ\x08\xd3\xcdzg.\x97[\x85\xfe\xa2_\x90`\'\xe2r\x110|,\x16\xdb\xfe\x03l|\xd6H\x82(\x06\x04\xde"\xa2XT[\x19\x88\xda\xca\xa4\xce\xcf\xbf\xaa\xe3t\xc2\xf6\x1e\xb56\x94\xa1^\xfc\x13\xed:\x85\nJyz\x93T\xaaS\x8e\x07\xe3\x08\xa0\x1bDH&lt;V\x14,&lt;O^\xb1e\x1c\xe1\xb4@\x80\x15A\n\xb39\x1c\xa3\xda\xac \x8d\xca\xa9\xf9\xf7\x92\x9a[\x96\x88W\xf5\xa1\xde\x16\xc3\xe7\xb7\xd26\xd4h:\xdd\x1e\xcc\x07r\xb7\x15\xac.Med\x00 dy\x0cl\xe0\xaf\x98\xc5\x92\x15\xcdYA\x14\xc5\xac\xc5\xc2[\xb2\x01\xa3c\x84\xa4\x90j\xa9zI\x1d\x171i\xbf\xd5\xf3o\n\xa2\r\xed\x89)\x91+u\x16\xf5r&lt;&gt;r\x8f\xa0\x15\x83\x87\x0b\x81@\x96\x07\x87\x19\xfe\x8am\x7f\xb0Xbf\x11\xbe\xc7q\x16T8\x08hqv\x14:u\xa5\x99C\x15N\xc3]4\xfd\xe6 &gt;\x06\x8cZM\xde\xfa\xc7\xb9\x94"u\x01sZ\xb4\xd1\x9cd2r+\x18\x94P\x05t\x8c\xc0\xf3\x02\xcb\x88\xbc\xc5,\x9aww\x10A\x82e1\xc3Y0V6\xcbgc\x16\x82\x85\xc18j\x0bLC\xd3\x1ei\xc5\xa2\xcb\xbe\x91Z&gt;\xe3\xc9%OO_N\xd5\xbf\xd2ly\xb3\x9e\xf6\xa0Eh\xe4\xda\x83T+^q\xbb\x1d:\xd6``\x05\x84\x89e\xcd\x16\xaf\x00\xaamPm\xc7x\xde\xcc\xf3F\x07\xc7\n\x02\xaaF,\x96e\xe14\x91a\xa5\xd9\xbc_\xab\xf5\'\xedq\xb2\xd8x\x9b\xed\xa9\xe7.\xa3^\xb9\x01\xce\x02V\xaeY\x9aw2\xc0\x8a\x079\xc1\xebE\xd8,\xbc xwy~\x07H$\x0fc\x02\xbfk!N\x17y\xb3\x08\xcfY\xc4\xd5pHR \x80\x1a\xd6\xb9\xef\x8d\xd1\xcc\xd2o\xe0Ye"\xb5\x8e\xa6~\xf3\xb5R\x8b`5\x9a\xa5\xef\x1d\xb9[\x89\xd8\xabn\xc6\x0c\x18`Y\x84\xbd\xdd]\xafeg{g\x07X;`\x11\x80\x04o\x01\x8b\x15E3\xcc\'\xb2\x01RbEA\x9au\x1e\xca\x83\xf6\xb0\x98DI\xa5~\x9e\x89k\x17\xbd\x88"\xf5\xa2\x9c\xda&lt;\xc9\xdc\xb04\x18\x9c\xc9\xadx\xc4n\xe58\xc6\xcc{\xbd&lt;\xbfG\x86\xd7\x8b\x1a\x850\xee\x98Y\x03\xcb0\xbb;\xbb\x82y\xc7"2\x0cc`\r\x02N\t\x8c\x91\x93\x1c\xd5\xfe\xbc\xd3\xcd(\xd3^.\x89N\x95z=d\xd4/\xea\xd6s\xf7\x93\xb7)\x01\xad\x06r&amp;\xf3-\x0e,8K\x10\x04\x83\xd9\xcc\xe8|&gt;\xa7\x13\\\xde]\xef\xce\x8e\xd7\xc0\x80\x8a\xd9\xf3\xee\xa1\x9c\n\xacN\xe7\xd2i\x9c8\xcb\xa1\xa5(\xd4\xfa\xfdx%\xb5P\x8b\xc9t\x82\xa6\x9e\xcb@\xbd\x98T\xc8\r[\xcfT]\'\xc5\x06V\xa3y7H}\xebv\xe3\x98\xe7\xec.\xc3\x9e\x19b\x18\x18\x97\x0eT\xbeC\x03\xcb\x1a\xc0\xb6\xe7s\xfa|\x8c\xcb\xe7\xe38\x82cu\xb9t:F\x877g\x97\x80\xd5*T%]&lt;\xb5\x98\xb7Q&amp;L\x9b+!\xeag\x05b\xebE\x81\xd8\xf4\x16\xedA\x17:A\x1d\xed\x12gY\xad:\xd6\xeb5\xe8\x98C\xd7\x81\xcbI\xb0\x0e\r{{_\xf6\x0e\t\xd5\xe1\xa1\xd3\tX\x83\x81\xd1\xd9\xed\xc0r\xeap;v#\xc1J\xab*\x19\xb9x\xa7\xbeX\xa0\xae"\x1b\x9fE\xe9e\xacVX[O\x99\xb8\xd1\xedPZu(N\x95\xab\xb3\x8e|}\xdd\x8d\xdb!\x82\xcfg\xf0\xee1&gt;\xdfA\xc4\xe5t\x01\xeb\xaf/\xc0\x02\x15\x10O\xc9\x87\xcfw\xeasZ#\xe4V\x97\xf5\xe0\x00\x1b\xab;\x18\x8f\x07%\xc9]\xedwR\xf2\xd7!\xdc\xb5*^\xafb-\xfb\xb0W\xb0\xb6\xa85\x13)\x0eC\xa5^?Ka]\xd3\xbd\xb6\xeb\xe0\'p\x19\xe0*\x7f\xd8\xa5\x89\xa5\x8dS\xa7\xf3\x88\x0c\'\xd9s\x1e\xb9\xacv\x10\x1d\xf8\xf1\xb6\x1e\xb88+\'\xb9A\x15\xd4\x1a\x9d\xf3R/i\xd2\x16\x8e?\xcc\xc5\xafaQO\x05\x82\xf4\xac\x1a\x1c\x99u\x12\xc9\xe1t2?\x9b\xcb\xb0\xd6u\xc5\xaa!\x11\x1a\xe7\xd1\x81?\x0f\x8a/\x7f\x9d\x12\xa4\xfcj8O\t\\\xfe o\'T\xfe%\x98\x03F\xc4p\xb8\x89\xc7\xfe\xbe9S\xd4"\x16\xb4OU\xe9\x9dX\xa4\x1bm\x0c\xefJut\xbe\xe5\xee\xf5u$beX\r\x0b&amp;\xca\xfb1\x8e\x08V&gt;\xef\x0f\xfb\xfd\xe1p\xd8\x9f\xcf\x1fi\x80\xb8\x12\xf1\xe75\xac\x08\xc0\xec\x0c\xe6u\x941\xb4g\xf6\xca\xedMj\xa0\xb4\xa3\xdar\xe3MX\xd4\x0fX\xa0J\x8e\xd5\xd2\xfd\xfdWY\xce\x94[\xd7\xd7\x95\x88\xd5E\xa2\xe8\xf4}9\xcd\x83\xe2 \x7ftzz\x94\x0f_\xdf^\\\x82\xea8\xfc\x99`\x81\xe9\xb3\x9f\x80j\xa8a\xc2e\xb5\x93\x19\x89u\x18Y]$#g\xc056-\xb3\xfd\xa7Xdm\xb4Z\xd6\x90\x1d\xfdr\x9d\xa4\xcd\xd0\xa6\xe2PU&amp;\xed\xd2 \x03\xaax\xa5\x12\x0fZ]\x8c\xce\xe5\x82X\xf9p\xe88\x9c?=\x05D\xf8\xf2\x16#\x14\xda\xdf\xff\x18:\xf6\x7f&amp;\xaai\xd2\x85\xc3\x97\x97\xda\x01\xb0\\\x0c\xa6JL\xdc\x0c\x17\xc7\xd2\x03=t3J\xeb\xa9_b=\xad\xb6\xf4K\xa0\xf5\x8a\x8d\xf6\xf4\x9aM\xe5\xac4\xb8\xf9\xd6\xcd\x94\x83\xf6`\x1c\xb9\xe7\xf3\xb9\\G\xd0*\x14\nU\xa0\xc7\xf1q\xf8\xf6\xf6\xef\xdb\xdb\x93\xfd\xfd\x93?O\xf6C\xa1\xf0q\x08\xe7\x00\x1d\xd2\xb0\x88fHF\x83\x81\x0b\xba\xd16\xb2L\xb5\x10\x97\'_\'\xed\x86\x89\xd4zj\xf9\xd0\xadg\x1d\xc4\xd6\x1aK\xbf\xb1\xc2}\\H\xeam\x89\xe6\xfdT\xe9\x9c\xa7 V\xb9\x05\xbbF\x0e\\:\xa7\x0f\xfe\xfe\xec?\x868\x97\xc7\x17\x1f\xf7\xf7/N\xf6On/N&gt;\xfd\xfb\xd3\xa7\x93\x8f!0\x01\xf8\xe2\x02\x9b\xcb\xcb\x8b\xa5Zy\xfc\x19\x1d\x96hnV\xc7\xb2\xa8\x15\xb2\xa2\xde\x97\xc6\t\x8f\x8dz\x14L\xab\x04\xeb&lt;\xc3\xce\xd6&amp;\xca\xe6\xfa\x96\xf8\xbd\x81E\xd4\xfd\xe0F\xee\x0c\xd0:\xb8\xad\xa8\x8dN\x83O\x07\xb3C\x92\x7f\xfeyr\xf2\x1f\xc2\xac&amp;&amp;\xad5\r\xb3\x9b\xd9\x12*\x01#\xb0P0\xe0\x91h\xb1\xb7\xfc\xa4\xc4\x00\x05\x8fs\xe35\xfc\r^\x9bkD\xce\x01A\x17@\xc91Q\x13\xd1B\xfd\xe5\xa8\xcd \x9d\xa9\x0cf\x886\nQ\xe3\xe2v\xa1\xcd\x84&amp;M4\xbal\xe2\xc2Lr\xed\xce\xcc\xee&amp;]\xcf\xf3Q\xdbjK\xe7~1\'\xc4\xb3\xe0\xc9\xfb&gt;\xdf\xf3&gt;\xcf\x0b\xb0\r\x03T\x16\x8fe\xe6\xf2j\x99\xa6m,Kp\xe1C\x15\x1c\xce&amp;\xb9\x08Z\xb5Zm}RR+Q\xb5\x0eG\xcf\xfe\xe8\xf1\xf3\xa7\xb0\xaau\x9f\xd3\xff\x1d\xc1\xe7\xf8Z\r\x8a7\x10\xdd,\x1c\xf9\xd0\xd4\x8b\xf45}\xcc\xf7\xcf\xf0\xcf\x11S\xd5d\xca9wv\x9c\xe8`(\xc4\xfaS\xc3\xfe\r\xd0\x1c\x84bi\x96M\x05\x18fy8\xeb\xf7\xfb\xb3,\xcb\xd2h\'\x0b\xb0\xf4\xc1\xc1F\x08\xb8\xba)(}\xac\x14\xd3\xab$\xad\x1d\x94\xf5\xd4\xed~;18\xde\xd5r\xcd\xe3[K\x98\xeb\xb0\xff%p\x0bn\xefe\xeeu\rNL\x8f\x9e\xadx\xf7\xdf\x8e\xbd\xdc\x8fHAv\x91\xc1\xb9c\x00\xcd\x0b\x80\x85j\xd1\xa10&gt;\xd9P\xa2l*\x99\\Ne\xb3)\x1c\x82\r/\x97q\x86\t4\xe0"Z\x0f\\1\x9d\x9e\xe4\xc7XO\xe9\x14\x97\xf1\xf1xS\xdd\'X\xb7\x17\x00\xd5\xbf\xcf\xf0&gt;IC\xf5Y\xdd@N\xa0\xda\xeeI\xcc\xfe\xd9D\x87\x14\x92\xa5\xc5\xe8\xd1\x06M\x04V*\x85\xf6\xd1!S\x08\xc5\xc9\xfaS\x80U=\x95J&gt;\x99\x0c\x04\xf0\x89\t0\xc9*\xb0\x8d\x90\tWE\xab\xa6b\xa5V8\nP\xd4\x11;\xdd\xf5\xf2c\x8b\xa4\\U&amp;}\xfa\xf6\xcf\xa2%\xf8\x1e,\x92\xeb\xe1fx\xdekUw\x90]\x8cH,\xd3h1\x9d\xc1,{\xc1\xe6O&amp;\x87Y\xda\x8f^e\xb3\xfed ON\xa5R\xe1|\xe5r\xb1X\xccp\\\x85\xe3N\x00\x0f\xc0h\x02\xcb \x06\xe9K\x1d\x0f\x9425\xe9\xe7{\xc4\x7f\xf7c\xd7G\xd6\x0bj\xc2\x12\xdc`\xda\xf5\x06\x0b\xcf\x96\xde\xbe\xa7\xa3\xfc\xee\xae\xdb\xdb\xa3\x16\xc1`I`R\x0c\xdd\xddZCx\x13T\xf2\xe7+I\xd0\x9a\xce\xd2\xa4P\\\xd1\xe7\x03\x18&lt;\xcb{\xc6z\xa3\xd9\xe3\x99\xf7e\xe6\xe62\'\x0cp\r\xd3h\xa2\xd6 \x13\xab\xad=\xadJ\x95R,U;J\xbb\x1f\xcex\xf7\x04\xf2\xc6\x9d[\x0b\x9a\x9b\xbb\x9a\x1b\xc3\xe7#\xe5\xc8\xbb\xba\xa6\xae\xc1#\xd4\x8a\xe7\x91W)\x89\x84\xa0\x12\xb5S\xb0\x0fa:\x89\xc2\x14+\xc9,M\xd3\xcb\x01\x06uI\x0f\x98\xcd\x03\x9e\xf9\xf9y\x8fQ\xb8\xbe~\x7f]Xo\x1e \xa8\x02\x01\xc2/\x9b=\x1c6h\x94\x125%\xedT\xeaubq\xbb\xe3tw\xe5\xec\x8c\x9f\x1eA\xcc\xae\x12\xe6\x93R\xd4\x92\xd3[\xbck\xe9\x1a\x9c&gt;\xe3\xf9\x85\xe3\xe3\x85\x85(\xd5\xd9)"B*&amp;\xaae\x1a\xce\x17+(M%\tZ3\'\x99t:mn\\[\xab\xaf\xaf7\xd6\xaf\xad?|\xf8p}}\xbd\xf1\xc5\xdc\xc5\xd5\xf90\xbd\x01\x01\x01\xac\xe0\xd4\x8e\\\xde\xac\x93 \xa6\xb5\xc9`\x0bA-\xf4\xd0}&lt;1\x02\x91\xf8S\xad\x95\xe3w\xd6n\x82^\xb2\x81&lt;\x06\xb0\x95\x99\x85\xa8T\xa7\x94\xc1\xf4\xc9dz\x99\xa1\xdd4L@\xf9\x8a&gt;\x8eY&gt;g\x98\x93\x8b\xb9\xf4\x8b\xc65!\xca\xb4&amp;\x04\xaaua\xe3\xdd\xf4\xc99\xa6\xe4&amp;T\xeb\x00Wq\xc3\x0eT\x88k\xcd?\xfe\xd8\xa6\x14\xab!\xcbV\xb2\x94p\xbb\xcf\xa6G\xba\xc0\xae\xaf\xbf\xfa\xcf_)\xe9\x8dWM.\xc0:\x1a=\xe6w\xfb\xbd\xfbq\x89RB\xec\xa6A\xaf\xd28Q-\x8e\xb0\x9ac./Q\x10|\xf3\xf2\xd5E\xda\\\x0fX\x80\x06T\xe99\x02\xaa\xfa\xff\xab\xcb\x93\x93\xab\xe5\x03\xfb\x94\xaa\xe1\x87\x0692w\xb3\xac\xddA\xc1\xde\xc4\x13\xfdn\xb7\x97\x7f\xb9\xd8\xd7\xdb\xf45\x80;\x82\xef\xc3\xeaz6\xeezFD\x0b9zV\xa1\xacRK*\x93\xcbuz\xa7\xdd\x0fX\x15\xe6\x9c\x1cL\x9dMT\xe4jn@($]4\n\x85\xe6\xb9\x8bK\xbc\xb9\xbcH\xbf0\x9b\xcd/\xd2\x17\xe7\x07v\xed\x0e\x82\xa4\\\xafT\xea\xc5p\xad\xc0\x15\x8f&amp;\xe2\x91\xa8\xd7\xfbv\xc2\xd5[W\xbbZ\x82\x1a\xee\xbe\xa5o\xd0\x05r\x8d\xf2\xfd\xb0~\x14\xb9\x86\xc8\xc6\x9d\x8f\x1a\xe4\x12\xbd\x13M,\x17\x99sT\xe2\xe2\x02\x05\xbb\xbc\xbc&lt;A\x1b\x85\xf7\x81j\xcfc\xac\xbf\x9b\x06\xd9\xb9L&amp;=\xe0\xf1\x18\x8d\x1eO:s\xbe\xa9u\xea\xe5*\xb9\\\x83[C90\x86&amp;\x13[\x11\xe9\xea\xd6\xd6\xeb\xd9_](W\xad\x80Q\xeb\xd4\xf5\x8e \xfe.NO/\xbc/9\xda%\x1a\\D\x9d\xaeS\xa7\xfa\xa1A\xa9w\x86\xd9d\x11\xb0P\x8d\xbb\xe6\x81tz.\x93\x99K\x0f\xd4\xff\xf2\xf0\xbe\xd0\xe8){\x8cw\xd3\x1c\xee\xdf9Sa\x18\x86\xcb\xf8p\x18\x1b(\x0fT*\x1d,\x04E\xa9\x1d=\x93[[\xab\x8aHtvvrl\xa4\xf7\xe3d\xfc\xe6\xd4\xdaE\xf6\xba\x06\x9f\xc1\x00\x0e\x9d\xed&gt;\x89\xb5K:\x01\x8a\xc0"\x11U\xe6\x9c\n\xf9+\xdc%7\x80\x8b\xe7\x01\xed\x81!\xc0e\x06\xee\xff\xe5\'\xa1\xb1\xec\xf3\x18=\x0c\x1d\nA8\x88\x92.\x9f\x07\x02\x15.\xc0\x06\xa74(\x17\x08*\x11\xa3\x87\xd6\xa8w6"\xb5$`\xe1\x1c3\x13_\xd6\xa9\xb7\xc0\x08j\xfd\xf0\xd5\xd57\x82\x18\xcd\xcf\xf0^\xa4\n1\xd9\x84t*\xdb\xda\x10\xec\xf5\x9aWS\x056\xc9e\xd2F\xa3y&gt;\x83\xcb\x98\x85\xc3\xca&amp;3\xc6_~\x12z|\xbey\x0fG\x17\x82\xa6\x8d\xea\xd4\xf1\x13\xd5J\x05\x024\xf1\xd6*(\x96H\xa4\x80\xc1\xa5\xfag\xb6:\xa4\x96x\xa2\xd5:961R{%Q\x13V\xdf\xc8\xd3\x89\xe9\x85\'\xa7\xde(\x8c\xb2H\x8d\x80\x8a\x00/GB\xd5\xeb\x9dS\xc1P*3\x00\x1e\xf98\x90\xcbo+\xe0\xb0\x81\xb9\xfa\x7fn\xcf\xe7r\xber \xf4\xeaUa\xf3\xa0\xd4\xd3n\xda\xdc \x93\xda\x9f\x82\xcck\xabK\x01)\xd5\x1a\xa3D\xd4i\x7fd\xd5\xb2\x9a\x88?\x88\xec?^\\\xbcW\'\xf8\x7f+\xdd/\x1b\x9b\xba{\x98;CCn\xa4\xe8X\xcc\xe1\x80\xb7\x94HH\xad4\x06H\x976X\x08\xf93 s\x91\xe1.\xae\x0e \x95\x85\xc2\x7fB)\xce\xb3\xfd\xae\x9c\x03\xae\x94\x9d\xc0\x8aFV\xe5\xe2\xd6\x18\xb1\x83\xb4\x9f\rm\x06\r\x06\xe0\x92PRK\xbb\x94\xb2\xaev\xc4\xe3\x91\x84E\x11_8:B\xd8\xa8\x19\xf6k\xd4\xad\xa5\xeb\xf1\x02\xbf\xdf\x7fZ\x8a\x01\x16%\x02,\x9d\x9e\xa4yb\xe2\x9dA\xbb-U4\xee\x95\xf3\x0cs\xeeh\xd5\xc9\x9d&amp;\xe2\xbe\xb8\xf9w\x87\xb9\xfc\x92/\x97\xb2O\xfd7\\Z\xd9\xb2hV\xb7\xbc%\x182\x96\xb6\x856\x88A\x05\x13\xe0N\x15R\x85\xc5"\xed\x00*\x8b%&gt;\xe9\xe5G\xc7k\xee-kQ\xbe\xc5u4\x83\xb0sZ"aG*\x11\x89\xc5U\xe1j\x0fO95;\xe1\x10\x9d,z\xe6\x8b\xc9\x14}\x1aO\xacj\xba7\xe8,\x93\xaf\x1c\x1e\x1e\xe6\xdf\xe4s\xb9\x94\xad05e\x7f\xef\xb6\xaa\xe3\xee]x\xc0kX\xdd\x06\x83H$V@\x98\x15\xd2Vik|rr\xd5\x12I\xc4\x9e,L?s\xd5}\x7fIycs\x821\xdd7\xc1#7\x9d&gt;9=(9D"8\x08\xbdN\x06\xd1\xe9\xc6\x95\xda\t\xdb\xfc\x01\xae\\\xae\xa4\xd8\r\x9e\x8fR\xdd0\x14\xd9@\xd1w\x88b\xbdy\xb3\x94\x0b\xb0\xa6 \xfaLd\x1e\xaa\nH4\x1c&gt;\x1bl\xd7B\xdfE\xad\x96\xce\xceG\x8f\x14\xb8\x86\x93\x93\xd6\xc4\xcb\xe7\xb3\xfc\xe8\xc4\xb8\xeb\x13\xe9\x05\x7f\xb0\xd2m\xe9[&lt;\x9eYY\xd9\xdd]y_\xb2\xc2\x1fITr\x95L\xa2\x919LN\xf9\x0e\xf1Z\x98\x8a\xb0{\x81\x93\x0f\x1f\xdc\xef\x97\xfdY\x7f\x80\xf1\x1d\xa2\x89K\xf9\xa5\\&gt;\x1bB\xac6\xd9\xfc\xa9\xc0\xe5\xc9\xf90\xac+\xfc\xa9\r\xf9\x1b\xd5R\xe2:\xeb\x1euJ\x1e\xac&amp;&amp;\xa3\xf1\xc8\xec\xfe\xd8\xd1\xd3AW_\xad\xbbXK\xe5\xc9\xef\xce\xa3\xcf\xcf\xf8\x95\x95\xfe\x18\xa5\xeeVK\xc8\nK\xa5\x92\xa9cA\x15`eS06\x10\x83\xf4o\xbf\xff\xfe\xdb\t\x93\x82c\xae\xcc\xbf\xdb&amp;\xb8\x96rK\xc9l\xa8P\xb0\xc3\xeb\'\xe1\xeeib\xeca\xabQApK\xd9\xacjS(\x14\x12i&lt;\x11\x89\xf4\xcc\x8e\r\xfd\xbaH\xb6Ju\x7f\xf4\xe3\xcau\xaan\xc1\xa0~\xba8}\xb4\xd0o%\xeb)\x91A\xa6\x977\x90\x8b\xd8\x1d\xde\xd9)\xc0\xb8\xe7\x8bP(\xcf\xda_\xff\xf1\xb7\xc6t\xe5M\x92\xe1\xca\xef\xb6\xb7\xab\xb8rh\xa5\x1f\xa9\x0c\xba\x00w\x8f\xbc\x01\xa3\xcf\xda\xec\x85 \xca%\xd1\xb45\xb7=\x10Kt\x8axd5\x1e\xdd\x1f\x1a\x1a\x82\x13\xec\xad\xab\xd58\xc17\x8d\x14\x08\x9a\xa0\xa6\x18\xd5\x7f\x1f\x8b\xb6\xea\x88\x9b\x04\xb7\x1a\x1a4\xed\xdd\x0et\xf1\x1aV\xd9\xb3\xb7g\x14\xfe\xfcs\xe3@\x11N\xd9CP\x01\xd6\xbf!\x11KK\x01\xa0\x01,\x08}\xaa\x9a\x83\xb2l\xa8\x10\x0cke\xa4\xe2\xaaG\x18\x18\xe2\x8eD"\xb1\x15}\xfd\xfa\xed\xe3o\x7f\x06\xba\xb5v\xbb\r\xab\xcb5\xee\xea[\x1c\x9bIP\xb8\x83"J-R\xcaU"\xb2\x17\nO\xbd*\xa0g\x1fa\xd5\xc36\x18\x89\xb4\xefm\xff\xab\n+W\xed\xe2\xd2\xd2\x1bd \xc0\xca3\xf9$p!\t\xb1!S\xb7A\x0fImnnS)\x952D\xfeH"\x1e\x8fo\x8d\x0e^/\x9e\x055a\xdd^\xe96\xf5\x8e#!\x8e\xfd\x8fR\xb3\x8bI3\xcd\xe28w\xedm\x83\x100\x80M\xf8\n\x08.\xf8\tV\rQ)*_\x8aTPa\xa4\n\xe3n\xadV\xabE\x07\x15\xac\x02V\xacX\xa7~+2\xb5\xb5J\xd5\xa8\x193\xed\x85nXM\xa6\xb1i3\x17\xd6\xf4\x82\xdet{\xbdw\x93i\xd2&amp;\xdd=\xe7E\xad\xb6\xf5b\x9f\x847^\xe8\xcb\xcfs\xces\xce\xff\x9c\xe7\x81\xa2U \xc2i\x1e\xb4\x17\\\xa1H\x95"\x17\x1a\x10\x0b\xfa\x9bG\xab\xeb d\x00\xebJ`uu=\xfc\x10\xb1\x0e\x0e\x10\t\xd1\x1c\xbb\xbeZ\xdf\xae\x1d{\x0e\xbb\xaf\x16\xba\x11\xdf\x8f\x8fKP\xcd\xd3\xb9|&gt;\x8b\'\x04\xf1\xa6kmh\xcd\xcfo\xe8\x9b.\'z\xfeo\x9dx\x84ub\x00\xce)\xbd\xfatz\xeaV\x01\xe8\xc8\x02\x10"R\xa6\x82\xced\x8aTr\x19Kf@\xac\xb9\x9d\xd5\x83\xf5\xf9\xf9\xc4\xf9\xf9\xf5\x83\xc0\xd6\xc1C\xc0B\xb0x\xcc\xa3\x17wq\xc1\xb64\x9b\xb1?\xbb\xbd\xe3\xa8}\\B\xa6\xa6HET&gt;\x1f\xb6\x0e\x9d\x0e\xedF\xb7.\xbf\xb5\xc5Xw=#\xf9\xd4\x149\xe1\xab!\xe5\x97\xbcE\xc2\xe3\x9d\xde\xa5\xean(\xf77u*\x11U\xc6S@\xde\x92\xa6,\xcb\x84=\xcf\xea\xc7\xe7\xd0X\xeb\xf3Y\xf3\x80\x02\xfe\x0b\xbb\xc3\x00\x16\x0e\x87\x9f&lt;\xd9\x9a\x9c\x84\xf0\x1a\x9a\xdb\x85\x16\r\x08\xcd\xab\x81\x80y\xc7&gt;\x17\x0c\xda\x0b\xaf\xc9\x99B\xa6\x94\xce\xc7c\x0f\x1a\x1d\xa4\xa0\xb7Z\xe7\xad\x98j\xbb_N\xcc\x9dI_Mn\xbf`\x1d\xe7T\xec\xa7\xeb6\x8c\xc65\x1d`A\xf5\x11\xf2\x18,\t\x97\x89Ce\xb9\x01\xb1\x80\xea\xe1\xc3y7a\xa4\xb0[\xaf\x07\xb0\xb0\xdei\x05\xb0X,:\xe4\x00\xac];\x9a\n\xb6kv\x9e\xb9\xbd}`\xe0E\xf1/\x06!\x93,\xb0h%|.\x8d,H\x17\x01V\xcbJw\xc7to\x7f%\xe7\xe4a\xc0\xf7F\xbaq^Ny\x7f\x1b\xd8\xea\xe5H\x85\xf7f\x1c\x0b\x03\x82\xc9\xa4\x91\xc9B\xd6r\xfd\xf8\x0e\xc4\xfb\xfc&lt;\xe0\xb8\xdda=.\xb7&gt;\x1c\xb667;\xf5\xe1P\x84\x1d\x05\x17\xda\xc1Xfl\xd0&lt;\x13\x9e\x9a\x80\xbf\xc6\xdf&gt;\x0eX4\xb2B\xa3\xd5j@H\xa8\n\xc0R\xf0z\xdd\x9d\x8d\xa9\xb6\xfe"J\xc2\xf7\xadu8\x918\x1c\xbbq\xaeNO\xa1\xd2\xf2\xbe\xf4\xae\xa8D\xaa\xf4$\x105&lt;!\x99Nc\nY\x99\xac\x1e\xc0B*[\x93U\xaf\xb7Z\x11\xcb\xe6\x06\xaa\x7f\xbdi\xb6ZG]\x0b\x91\x17&gt;\xd8\x84`\xac@,\xe6\xf1LLxR=y\x88\xf5\x0cz2&lt;\xdc\x83\xda\x93\xbe\x02\x1d\x19\xb4&gt;}\xc3}\x15\xc3u\x8d\xd7\x93\xcf\x18R\xc6\xbb\xd6\xa3\xa0\xcb(\xef\x9f\xde\x1b\x19A\x01\xa1\x12@\xd1\x07\t\x98f\x91\xd0\xa0\x04\xb1@\xa0\x02\xd6\x95D\xc4\xb2:\x81\n\x97M\x1f\x86\xa7\x13\xcceuE\xc6\\1\xdf\xf8.\xbap+\x06P\x13\x91\xc8\x84\xc7\xe3\x0f\x16C\xddbd\xb2x|\t?\x97\x9e\xee]\x1b\x81\x96\xaa\xa3\xae\xc3X=\xb2\xd7UI!}I\x9f\xdfb\x1d\xceN\x13 m\xdd\xef\x1d\x1cy\xffX\x05\xe9\x81&amp;\x941@\x86\xa7\xf1\xb9ix\xb0\xc3\xe2\xd5\x17\xb7\xa3\xb1\xdcz\xab\x13a\x90\x0b\\\x18\x8e\xb1\x9dN\xeb\xcc\xdb_\xa33c\xf6q\x1f\xd8*\x80T\x11\xd3\x8c)\xe2IE,\xf92\x8f\xc1\xe3\xc3k\xa0n\xac\xbc\x7f\xafkmy\xda6e\x1cy\xd5x\x9fC9\x99\x07HgX\x0b\xc7\x0f\xe5\xf7\xb7\x07G@\x02\xaa\xa0\x1e\xb2X\\._\xc3\xe3I\xb8\x80%[6\x14\xb6\xc7}\xe8t\x82\xb9\xe0a\r?\t\xeb\'k\x87B\xfa\xd0\x84\xe3G\x9f\'\xb6[;\x87\xb5\xc9C`\x99 \xdc\xd8y\xe6\x7f\\Ny\xb6\x8c\xef\xe0\xe2u\x00QA:Y\xdc\xd0\xb1]7\xd5\xd8\xdb{5\xf9Td\'\x1c_\xdb8\x9a\x88\x90\x88K%\xb0\x133J;{\xf7\xf6\xd6V^zU\xd0Q\xd3\xa8i\\^\x1a\x1e\xec\x00\x96\xc1P\xb8\xb3&gt;\xefV#\x15\x98\x8a\xc0\x82\r\xb95\x19\x0b\x85=\xb1I\xfb\xee\xe4\x9cow2p\xe09\xf0\xc4}\x08^\x8c\xa4\x9aAW\x00\x96\x8cFOC\x15(\x86\x8f\xaa\xbb\xa2ci\xfa~ggg\x11\xe5\xdc)\xac\xf8\xd4\xe8\x9b\x06\x16\xb02\xca\xdb\x1a{\x1bG\xd6\xbc\x10\\d1\x19T\x8d\x10\xb0\xa0\xad\xe2\xd5\xd7\x17:\xb2\xb3\xd49Mq&amp;\xc4zHd\xf9P(\x02\xf9\xa1\x1d\xf7!\xec\xc2\x83\'\x9eu\x0f\x80!\x96\xc9\xc46\xd7\x16^\xeay\xc6\xe2Q\x05L\xaaX\x9cD\xc7k8+\x15\xc6\x8d\xdeJ\x0e\xa7\xa8\x92\xc0"\x1d\xbb\xefh|sr\x1c\x08\x0f\xc8[E\xe5w{\xbb\xfa_Ux!\xa3\n\xa4r&amp;\x19\x0f\xe4\x0c\xcf\x96\x97\x97/]\x06,\xb7\xde\x86Q\xe5l"&lt;\x19Fsy"\xa6\xc8\x04;5h\xbf\x8d)+\x10x\x02Pl\xc0\xc2\xf0\x9a\xa9\n\xdc.\xfe\xfb/\xd0\x96Q\x05T\xba8\t%D\xb7\xce\xdbg4\xf6\x16%s8\xc7\x9db\xc2\xe10\xe9\xb4\xad\x88\x9f1\x85\xc1?\xd0\xd95}\xb7k\x106#\xb4\x18d\xb9\\\n"b\x19\nbO}a\xf1\x03G^\x96^\xdf\xd4dm\xc2\xd5\xec\xc4d\x1a\x9e\xb8Pe\x8a\xb0\xab\xd8\x03/\x1c\x0e\xdc\x86\x01\xf4!\x9b\rn\xac\x02\xacH\x8d\x03\xe7Ir!9_,\xa6\xa7Y\xc4\rw\x86+\xaaAin\xe3\x15\x04J\xc2W4\xdf\x1f$\x91(\xc9\xe8\xc4\xed\xbd\xb5\x9b\x05P\xab\xa9 \xc3Sp\x16h0\xf4\x80b\xf6\x15\x13X6@\xc2\x8f\xd3\x06I5\x0c\xdf^\xc5N\x9d\xadb\xfb\xdf\xbe\x80\x85\\h-6;\xc2FU6\xc6\x0e\x82\x94\xb8\x94\xc2\x84p\xcf\xa7*\xe8?\xb7\xdeY\x1a4V\x1bG\xb6;K\x93\x11\xe1\xe4]\xae\xb3\x06I$\n%\x99S\xd4\xf5\xca\xe8-H\x87\xd0b\xca\xa8d\xaa\x14Dj\x8f\xa1\xe7\x12\xd4i\x1fb\xd9l\x00eC.=\x14!\xa4\xaa\x9a\x08\x98\xf3&lt;\x81 ba\x97\x0f)\x1e\xa8 \xb2\xc6\xc6\\\xae\xb1\x81{\xbe\xdb\x8fS\x98t15I\xa1\xa0\xa7\xff\xdc\xba\xd8\xb7\xf8{\xc7\xab\xed\xeb\x19\'f\xca\t\'\x07$\xc7\xa7\x04\x87;\x11\x87n\x1c\xb4\xd7\xc8K&lt;\xd7$3\x85\xd0\xf7P\x05\xa2\x12\xd4\xe8\xb5;\xab\xed\xed\xb3!\xc2Z6\xc4\x02\xaa\xd0\x85\x0bU\xa1\xd0\x05(\xd4[[fs\xb0\xfdm0\x18\x1c@{UUEf\\\x00\xe5\x1au\xbd+\x1e\xb7?\x90\xcb\x14b\xc8\xcci\xf4\xfc\\E~\xc3?\x1b\xeb\xf6\xda\xca9\xc7\x19\xe0\xcb\r&lt;\xe2\x87x\xde"\x1d\x9d&amp;\xe0v\xc0\xcb\x9bW\xdb\xf6\xc0\\")\x04;\xd7\xc2\x94\x93\x05\xd2k\xd7\xea/\xdd3\xaf\x07\x82\x88\xe5\xb6\xe1j\xb2\xb9\xb3B\x17L\xa1P\x08\xe2\x1e\x14\xd7\xd6V \xe0\x1f V\xd0\x9c\x07{\x10\x88F]c\x80U"\x17\x91q\x88\x01\xa9+-\x89\xaeH\x13ww&lt;\xed\xdd\xee\'\xa6\x94\xa4\xaf\x87\x94\xa4\xefY\x0b\x7f-\xe3z\x7f\xe3T\x9fN\xa5"\xcbdL\x1e\x9fI\x13\xd3A\x9e\x96\\\xbe\x17\xbc\xd2\xfe\x02\xb1\xd4\xe8C\x9bM\xff\x83\xc9dR\xde\xc8Qzb\xb1-B4Gcy\xb3~\xa8\xce\x03\xfeT\x08v\xd7\xc2\xe8(z\xf1\x1d=\x93\xa1\xd5f\xe2\xf4--7WA\xa3\xa7W\x0f\xf7=\xbdZJ\xa1\x1c\x9e^\x90\xbe|\xfbIk\x9d?\x7f\x9c\xd0\xce\x9f?G\xe2\\o\x1c\x1c\xae\x00\x01!\x12\n\xa9,\x06\xbc\x07\xda\xc4\x94\x92\xfa\x92\x07\xbfJ\x1f\xbc\x0b\xe9\x95\xfa\xb8\xb1\xf4J\x80\xfa\xe9o\x91Xt+\x1a\xfdo4:i\x1f\x8aF\xfd\xb3\xb3\xa9\xb3\xb3\xb3l\xc0\x19]XX\x00\xac\x8f\xef\x926735x\x8dC\x92$\x86\xe8\x12\x17T\x8f\xbc\xea\'\xe6\x0f\x18R\x87\xd6"\x0e\xc2\x12N\'\xae\xe3,OD}\xe5\xf4\x12t\xd6/o\x96\x90\xa5\xf9\\\x1eh$\xaa\x14ZP\xa6,\xf7\x0f\xadj@\xa9W*\xd5\xc4^T\xdf\xb8q\xe3\xa7\x99\xd9!\x94\xa3\xbeO\xb5\xb5\x9f&gt;\xc1\xc3\xe7\x08\xd6\xa4\xa6\xb2\xd93\xe0\xc1}\x02\xcb\xf5\x17`\xfd\xa9\xd504\x0cKn\xaeE!\x10\x15\xe8\x86A0\x9f\x1a\xbf\xc7\xedt:o\x9d\xce\x14\xe7P\xddl\x0c\x0f\x1au\x02\x81\x80\xae\x80\xfaJ\x93K\xa5\x06!\x1f&lt;\xb1)x\xab,+\xd3\x1fa)\xd9\xb3\x03\x0eH\xa1\xd1\x0f\xbb\xbb\x1f&gt;\xd8!\xcb\xd7~\xaa\xbd\xe7\x18\xa8I\x05\xac\xd1\x85\xfd}\xc2Z\x7f\xe5nnn2$\x1a\x8b\x86\xb8\xb1\xa4\xa0\xd3E\xd5\xbf\xdf\xc7Dz\xe2D\xe5\xe8s&amp;\xd6\xf9s\x94\xa2\xae\xa5\xa9\xba\x8e\x96\x02\x9dJ\x9c\x9fD\xa3\xa51SR\x84,m&amp;\xbc]\xf1o\xc0*+\xcbij\xba\xd8\xa4V&amp;\x9aw\x86\x86\xa2 \xadb\xd1(\xe1G\xd0\xa7v\xbb\xfdQ /\xdb\x04T\xaf\xf7\xf7]\xae\x8f\x1f\x87s3\xff\xcc\xcc\xd4H\x14\x12\x0b77\t\xc5\x129\xfdV[\xe9\xd9X\xa4\xb3\x06\x95xcycq\xb1BG\xcf\x07sq\x85L!\x9f\xa0\xda\x94\xac\xcd U\xce\xc5\x8b\xcdNuV\xb69\xe8\x8fWd \xc3\xe5\xf7\xe3\xe8\xf2\x91\xf9\n`\xed?\x7f\xfe\xfa\xf5\xc2\xc7\x85\xcf\xc6\xdf2\xb5Z\x86\xc6\xa2PX\xb8I\x84\xb4L\xca_\x9c\xaeL8\xf3\xfb\xcf\xba\xcb\x99\\yw\t\xaaV\x9f\xb1\x00\xb5\rOB\xdc\xd1"\xb0X\xefg\x0e\xa9\x9a/\xaa\xb3\xe6\x13\x7fP[s\xca\x94\xa1\x89\tv\x9e\xc7\x93\x9d8\x81\xc7+\x01\xc8[\x80\xf5\xfa\xf9\x1b\x00\xdb\xff\xfc\xb9A\x0b\x11\xaf\xe1K,I\x12&gt;U\xa4kY\xbcu\xeb\xce\x06`\xfd\xbf\xb7\xdd(\x94R\xb0VGG_\x0b$T\x19\x0f\xaf\x1c\x11[\x9c\x91\xb9\xc9\xf0V\x95\xe5\\\xcci\x06,\xa7\xdaMHB\xb5Z\x99\x95X\xe3\xf7\xcffgg\'\xe2\x80\x19\x8fZ\xf2"\x0b\xcf\xdf\xbcy\xfe\x1f k\xfc\x03\xfe\\\xc3\xd7h5\x16\xc9\xff89\xff\x98\xb4\xd33\x80s\xcbe\xde\xb2\xdb\x0e\x8aX\xa1\x88 \x08g\x91@\x11\xb1q\x80\x06CJ\xc2\x0f\xe1\xb4r\xa2\xd5\x12\xea\x1f\x174h\x91\x0eTl\xa2\xa6bk\xda\x1dB\x1a\x15\xff\xf0\x1a\x7f\\f\xd3j\x9b\x9at\x83\xa6\xc9\xaaq]\xc3nzivkb\xbc\xba&amp;\xb7\x9c\xdbyM\xba\xb6\xe9m{\x9e\xef\x17-Ek\xbb{\x8d\x89?\xbe\x81\x8f\xcf\xf3\xbc\xcf\xaf\xf7y\x85:=\x14\x9fo\x9f\x8e\xcd\x0f\x15\xff\xdfXx\xea34\x1b\x00\x1d*\xe8E9P\xed_W\x82\xdb1\xb2o\x88\x94J\xc9\x93\xb0\x94\xcb\xe5IAZ\x10\x11?\x03\xb2\x92\x86\x92\x12Vt-*g\xb1\xaeb#\x1c\xa8\x8e\x82\x12\x11\xeb\xfe\xc6\xc6\xc6b\xaf\xda\xc4f\x8b\xf2\xcb\xebE\xf9\xf5jI\xa1\xd9\xe7\x18t:G:\x05o7I\x99Z\x12e\x8ak\x87\x16\x02fO\xc5T@R\x9eu\x90\xc3\x96\xd5\x9bL"SB\xa4\xbc^\x7f\x05\xb1\xb8R*\x95{\xbc\x12\xa0`u74\x94@\xe9\x0fI&gt;\xeb\xd2U\xc4:zTs\x91P\xe2\xc6\xfa\xc6\xc6\x7fB"\xc0\xe2\xe4\xe7\x86 \x05ty\xcd\x15\xf1\xc1\xcefGs\xcaplZ\xe5\xb3\xc7\xc8\xa2`\xc8Y=c\x0exg\xe3\x92"\x91\x90#\xd3\xc2k\x9bd\x89\x1b\xca\xeb\x9c\xbe\x8e0\x88\x8aGm\xe5BL\xbc\x845cCw7XYi\xe9UX,\xc0\x82u\xfa\xf3Hxy\xe5\xfe\xfa\xfa\xc6\xe2\xbdz\xd0\xa1\x92\x93C\xd7B\x90\x8eOi\x99\x1e_U\xb1`\xaf\xb17\xca\x8e\xf1\xa9\xad\x91El\xbe\xd5\x04\x14\x85\x81\x8alm9GX^\x8fE\xde\x8d\xcdM\x99\x923c\x0bKy\xadH\x05A\xf1\x12!-\xf8\xbcz\xf5\xcb\xdf_\x06\x9e/\x8f\x02\xd7\x99F\xc0\xea\x98\x00,\x10\xd6\x15\xe3u\xc02\x95\xe7d\x15*\xcc\x90;(\xb4\xc1!\x01\xe35#\x8b{\xcf\x9d2\x04\x9dC\xb1\x0b}\x8aC\x05\x87\x0eU(\xd4\xe0H\x8d`\xb1"\x99\x91}\x9d=\xc9\x1f\x95Jy\\\x95\n\xe2"\xd8Vw\xb7\xa1\x9b(\xfd!T_\xc6\x05*\xfc\x9b\x06c\xcf\xc4"\xe8p\xe5\xf15\x11J\xcbT\x9f\x93\x95\rQg8\x98\x1b\x8a\x8fl\xabp\xf7\xfe\xf7V\xb5\x91V@f\xe2$\xcb\xc8\xbdj\xaf\xb9\xae\xa6\xb7\xba\xae\x82P\x83\x12\xec6!3\x89&amp;!\n\xfb\xa5\\\x95\xd5j8\x8e\xd5\xb5\x01T\xd8Mp!\xd8\xc7\x97\xcf6j\xe4|;D\xc4\xe5\xc5\x8d\x8d\x95\xc8\xc0\xb8\x106\xb2I\xed\x91d3q\xca\xd9\xe3\x1d\xee\x19\xea\xd4\x8bI 2\x83\xd8e~+s7\x93g\x14w\x0e:\xcf\xdds\xfaz\x87\x97f\xe3AO\xae\x8cm\x14\xb1\xd9\toB$\x9a,\xa5\xd9F\xad\xc8e\xc0,\xa2\x12?+1\x1f$\xc10\x03\xbch\x8f\xa0\x8f\xbf\x7f\x7f%\x12=?\x89XF\xadK\xa2\xf6L\xd5\x05$\xa1\x85\x1eGU\xadE\xbc\x87C\xa0\xbc\xcee\x80\x12\xfbc&gt;\x9f\xd3\xe9\x1bq\xce\xc6\xa7\x87k\x98FY=\x87\xa3\xdeT\x9b8\x80\xa5\xb3\xd9\xac\x84\xb4@\x8d\xc7\xa1\xd0\x00\x1f\xa6\xaaD\xae\xd3\xb0\x071/\x05\xbb\x82\xb5\xb8\xdc\x01\xc5\xeb$\x87\xd0\xa1Z\x1d\x9a\xf2\x06\xda\x14\xa1\xea\xe9\x91N\xfd\x9es\xc4;\x07\xc1)\xdb\xfdf\xc7P\xbbs:\xd6\xd5\xdc5\xbd0?\xd2\xcb\x04\xd3\xe2p \x0bP\n\'Y%n\xf7\xa8MG`A\xf6\x0cPee\xb7\xcb\xa4Vp\xf5\x17\xc9\x1c\x1e\xcc\n\xdc\xfb\xf2D\x07?\nX\xe0\xf5\xc0\x19\x1b\xd5!\x97\xf9d] T\x11\xe8\x1d\xac*~\x13\xd6{\xbb\xfa-0\xae\xce\xce\xe6f\xbd\xc0\xd2&lt;\xb20\x1b\xf7\x94\x8b\xd0\xb6p\x02]8\xcejp\xab\xa4\xa3\x90\x94\xea \n\x9d\xc2\xc2\xac\x95ZV*\xde\xd1\xb3\x00\x00\x11\xf4IDAT\x16\xb6B\xfe\x0cL\xa7\xf9\x9fG\xc0\x93.\xaeLLt\xd8\x08,\x08ZJ\x93\xac^\xab\xce\x85\xc0S\xe7u\xb9\x82\xb1\xfe*1e\xf7I\xca\x97\xfd\xad\x9d\xf2C\xa3\x17\xe3\xed\x1cp\xf6=#AO9\x84\x0ep=&amp;58\xd5\xfck4\x9d\x81K\xa5\xba\xed4\xda\x98\x9b\xcbU\x19 \xf8\x8cA]?\x06\x01\x91\xcf\x87L+\x02\x8et\x11R\xad\x89\x0e\xfb6\x16;?\xe1Q\x1c9\xd9\xd6[W\xedl\x01%\xf4[\xf6\x1a\xf0\xcc|\xa5\xbf\xf5\xb2gB\xc4EX\x96\xc1\x96\xe9\xf9`\xb9H\x88\x01\x91\xbc\xddP\x04X~.\x88\x877j\xe7\xdb\xdc~\xabNWB\x83u\x91\xa5\xd1\x94j\x1a1/}\x0e\xfa\x83\xcc4\x0c\x0fD\x1bA\x89 gN}n(\xd06\xd3\x0b\xa6:\xect:\x1c]\xfa\xb4)]\xca\x8e\xb9\xd3\xb4\xe1\xe1\xf7\xb6\x0f[2\x19\xfa\x9e\x85`&lt;^!a\xca\xe0\x95qGq\xd8\xd9\xbf\xa1\xe9T&lt;\xea\xed\xdbe\xb7\xfc6&gt;\xdfn\x03\xdd\xb1\xe4\x9ah\xe3\x19"\xa9\x19\x188\xf3x\xf59\xb8\x87p\x07\xe8\x10\xd2\xe7\x81q\x91H\x84#\x07jE_\xddpW\xcf\xd2\xd2\xf0\xd2`O\xac\x96\x91&gt;&lt;\xbcK\x932\xbd9\x91|R\\\x0bf\xbf0\xef\xf32\xf3\xf3\x99\xd9\x90Jp\x0es\xe8\xff \xa5u\xbb\x0c\xb9\xec\xf2\xa8\x1c\xcf\x87\x893j\xf8\x805\xb0\xf6\x98\xa8\x0emX\xd4\xca\xf9k\xd7\xd4\x89D\xfd\xe1\xfcl\xc9\xc9\x9a\xe1\xa5\xa5\xa5\x98\xc3\xd1\xde\xee\xec\xa9e\xbcy6p\x17,\n9\xa1;\xe2\xf3\xcd\xf7\xfb\\\xe5\xc6\x84\x17g\x81s\x84J\xfa\xd7cn\x15\x97W\xb6\xc5\x15%\x90\xa0\xccoj:\xd1\x84\xa3\x11k\xfc\x08`E\xec|44{\xe4\xf1C\x19d4Y\xf4\x82#3\xd5-\xf3K-\xfdz\x8b\xa3\x1f\xf6\x12\xe5Ga\x11\xa7\x08\x0cK\xf3`\xbb\xa3\xc5\xab-7n\xc6C.OA\xc1a\xe5\xa1\x07\xb8\x01U\xade\xb7Q\x8fn\xd8l@\xd5\x84\xa9\xf2\x89\x13M_?\x18X\x8b\xda\xa1l\x8d\xd8\xe5\xb8\x80p\x15b"\xbb\x88^Px\x12\xca\x1d\xa4\x12\x0bj\xc9A\xdd\x1f\x8d\x85\x07\xea\x9d\xfd\x0b\x15\nI\xb9ga\xc1\x17\xca\xf2\xe4\n\x7f5\x00\x95!d\xa7$\x96\xd4\xad\xa3\xc9\xcf\xe0\xa0\x0f\x805\xfdq`\x8d\xa0BY\xe1 \x04\x1f\xbd\xfd\x85"%\xfbp\x96b\x06\xa9bCz1CLti2v\x1b\x8b\xa7\xec\xc0\xa2\x90U5\xd9\xdd\xa5l\r\x12R\xc4\xb5#\xbd}\x85\xb9\xcc\x8a\xa9\xd9\xb8\xbaHA?8yF\x87\xe9)\xeeET\xe3-?\x80\xb1\xe4(\xb2_\x9f\xff\xb8\x114g\x0b\x87\xc36\xbe\xa6\x11\xcb2{db\xf9\x89\x9a-&lt;\x9ce\xae&gt;w\xaf\xa5\x0bJV\n\xeep\xca\xcb\x01\xcf\x94\xda\xf0\xed\xb1 \xabw\xd6\xcc\xd0\xb3\n\x8f\xd0\xb5\xcc\xa2,\xfaG\x05W\xf8D\x89\xc1\x03,bA.ap\xfbA\x99\xa8\xb4R\xbb\xdd\x0e\x95X\xd8.o\x84\x80\x8d\x11{y\xf1\x9e\x9a#&lt;XX\xe3\x8c\xb5\x0c\x92\xe3\xdf\x99\xc4%\xc7T\xbd$\xbb\x91o\xc0J6\xc0PX\x0c\xb1~\xbe\xeed\x81b\xaa\xeeP\x8e\xc4\xe5\xa13\x83Ol\x88\x856O.*xT.\x8f\'\xf5C-\xebF\x0f6\x1a\x86\xa0\xd3\x88\xc2\xd2\xc8#\x13+\x04V\xb6\xf9B\xac\xa7\xc7\x81\xb3QDe\x95\x82\xb5\xdd\xdfz/e\xb4\xed%\x16\x16\xb5\xe43/\xefH"\xad\xb8\xd9y\xa1\xafm:\x16\xccu\xc5\xbdjW\xefc\xa2 \x83\xa4\x19\x91n\x95\xdd\xa2\xf2 \x85\xa6\x96Q\x01\xcc\xefo \xb0\x96\x01K\xa3\x91k \xeb\x02\xac%5[$\xe9\xab\xe9=\xd7\xee \xe6\'3\xd3\xef\x02\xa6`%u\x95\xd2\xb1I\xfe\xf4\xd5\xa1FJf\x06\xc3\x029\xcet\xac}\x9a)\x91he\xa1\xe0\x1aPU\x82\x16\xa5\xa0F*d\xf4&lt;\xc0\xc2/y&lt;\xd8\x9fn\x1a\xcd\x0euk\x04\r\x1e\xb3.\xcc\x9c\x97r\xd9EZs\xc0\x1c\xec\xe9\xac\xd2\x0bvi\xd7&amp;\xdf\x89\x92\x99\xb9\xe3\x92)\xf97PvNxe\x88;\x07\xbb\xfa\x9b\xbb\x86}.O\xa80K\xd2\x06X\x06\xc8j\xc0\xe6\x11\x8bW\xc6\x93" `A\xbe\xea\x07-\xda\xc0\xb6l\xa8@Xv\x94\xd6j\xa8(Wk\xae\xa9\x1evX\x8a\x8b\x05\x8c\xd4\x9e_\xda=\xca\xedk\x9d;\'\xcd^}\x0c\xf61\xc3\x827}\xf5\xfd-\x0bSAs\x85\xe7OO\x10\xcbzL\x05\x82\x02QIAJR\xd2\xfc[U\\\xbf\xa1d\xcc6\xda1\xca\x8f\x12T\xb8\x11WVV\x15\x07\x0f\xd2\xcd\x17\xda\x1dz\x8b\x85\x9c\xea$\x8fqv\xebs\xa7c\xed&amp;\xadd\x17\x87\xe8B\x89\xab\xda[\xe2\xae\x90WR\xf1\x00\xb0\x0c\xe4^\xe4\x81\xa9\x03\x16\x8fw\x0b\x9d\x05\xda\xbe\xdb\x86M\\{\xb4\x11uHb-\xae\x1e\x11\n\xb3\x02\xc3C\x16\x81@\x9c\xd6!}3\xd6\xeb\xaf\xc1f\x90\xbd\xa5\xfeA\xdfB\xdc\xcb\x1c\x8fZ\x8f\xa1\xb8\xacIq\x11\x0b\xd4\t\xd2j\xe5\xaat4\xbb\xdd\x86\xde\x01\x95\x08q|tbeyu\xfc\xa3\x1cm\xdb4\x0e\x88\xbc\xe5]\xdb\xbd\x1eK\xeeV\xb2\xcd\xab\xaf\xd5W\r\xcd;\x83\x89#M\xfc-,\x10\x17bI\xa5h\xfd\x10\xba\x01\xcb:\x06~\x8b\x8f\xde!)\xadQ\xc8\xe8\x9f?\xa4\xe72]\xbe\x91\xf9~\x0b##\xbdM\x94|\x03r\x03\xbe\xce\xb6\xd2/Q\x93\xcd\x9do\xd6_&lt;\xfb\xef9\x9f/&gt;\xb5\xf9\xe1\xf8y;(\xb1\xd2\x80\xdd\x11\x84A.U\xd2\xe8O\x1d\xd3\xd1.b.\xa3\xc1\xccK^*\xe7\xdb:\xb0\xc7\xf5)3//\xb1\xb9\xb9\xf9\xf0\xd9\x0fO\x05;\xe6\x95S[I\xdb\xbf\xc9\xa4\xeca\xf2\xf8\x1d\xe3\x9b\xf5\xef\x1e\xfd\xe5\xce\xcd?\xc0\xeb\xe6\xed3~r\xd6n\xad\xac\xb4\x1e7\xa0Gm%\xb1\xfcR\xe4\xa2\xb6\x9e\x82\xb4Y\x1eEQ\xc9Ka\xc1F\xc4]\xb9&lt;\xf1ib\xff\xfe}\xfb~\xf2\xe1\xef\xfe\xfa\xefg?|oIi@R^\xf3\xbeo\xc0\xca\x10#\xd4\x17w\xee\xde\xfc*?//o\xdf\xfb\x07&gt;9Ks\x1b*+!Q\x06\x1dna!\x97\x14\xbcV%\r\xd2SR\x83\xa5\x84\xdb\xc2\xb6nx\xb5o\xff\xcf\xdf\xff\xd9;\xbf&lt;\xf0\xdb\xafn\xce\xfd\xfd\xd1\x8b\xf5\xa7\x02\xca\x1b\xb0^\xd1\xe3\x0e\x95&amp;\xa1\xee\xcc\xdd\xfd\xe7\xb7\xc6}\xf0\xe2\x1f\x1c\xb86\xc0\xd2\x01\xd31\x03\x98V+\x1a\x17\xf2HQ\x93V\xab\xae\x84E`\x1dE\xac\xd2R\x16X?\xac\xc8\x9a\xe4\x17\x1f\xbc\xf3\xee\xbb?5}{\xf7\xcfssw\xef&lt;\xfa\xee\xfe\xd3\xe2W\xff)@\x9a\xbdQR\x0f\x0f\xd2$\x07\x92\xfa\xfe\xc5\xbf\xbe\xb837\xf7?F\xce/\xb4\xad\xeb\x8e\xe3\xba\xf7\xeaj;W\xf7\x8f-\xda\x9aZcI\x9c\x94\xde\x91\r\x97@q\tu\x8b\x18\xa6\xb0$\xb0\xbc4`\x8aa\xcf[qV\xfa\xe2.{\xe9 Y\xa0\x8c\xb1\xf6iq_\xf2\x10\n\x01\x17\x14$b\x89-\x0cd&amp;\xa6\x92HjH*Q\xab4\xa9\xff$v\xec4\xb1\x13\xa7\xf9\xb7\xef\xf7w\xee\x95\xe36\xb0\x1d#Y\xb6s\x8f&gt;\xe7\xfb\xfd\x9e\xdf9\xe7\xda\xa4&gt;5\xb5\xd49`\xban\x10dO\xfd\xa5\x7fdd\x1fR\x8f\x15g\x07\x9d\x13,\xb6\x83\xe3\xa0\xda\xbb\x87\xe5\x9dw\xb9\xfa\xfbwJ\xfcw\xee\xbc\xfeV6\x99LZ\xb9\x03\x9d\xfa\xecT\xbdT\xaa\xcd4\xef]\xde\xb8\xb6\xfb\x99\xa7`m\xfd=\xcb\x0f\x05\xfb\xd1.(\x15C\x15j\x9d\xd3k\xa4\n\xd4\x1b\xff\xe9\x1f\x1b\xdb\xc7d\x1dF\xdbqx\xfbvNDzx\x90\x1b\x9c~\x14\xd1~i\xbd\xfd\xb2\xa5\xd8\xb3\xe7\xf8;E\x0b-\x95\xcb\x95\xab\xf9\x06\xfb\xaa\xc2\xcb</t>
        </is>
      </c>
      <c r="M14" s="3" t="n">
        <v>45492.67725694444</v>
      </c>
    </row>
    <row r="15">
      <c r="A15" t="n">
        <v>22975</v>
      </c>
      <c r="B15" t="n">
        <v>3202</v>
      </c>
      <c r="C15" t="inlineStr">
        <is>
          <t>Gary Medel</t>
        </is>
      </c>
      <c r="D15" t="inlineStr">
        <is>
          <t>G. Medel</t>
        </is>
      </c>
      <c r="E15" t="inlineStr">
        <is>
          <t>ZAG</t>
        </is>
      </c>
      <c r="F15" t="inlineStr">
        <is>
          <t>ZAG</t>
        </is>
      </c>
      <c r="G15" t="inlineStr">
        <is>
          <t>ZAG</t>
        </is>
      </c>
      <c r="H15" t="n">
        <v>171</v>
      </c>
      <c r="I15" t="n">
        <v>17</v>
      </c>
      <c r="J15" s="2" t="n">
        <v>31991</v>
      </c>
      <c r="K15" t="inlineStr">
        <is>
          <t>Right</t>
        </is>
      </c>
      <c r="L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efcddd5-4a8a-4f03-ab5e-741ca45ea8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9bA:\x00\x00\x03\x00PLTE\xff\xff\xff\xf7\xf6\xf6""\'\xfd\xfd\xfd\x06\x04\x04\xf9\xf9\xf9\xff\xfe\xfe\x02\x02\x02\x1e\x1f$\x1b\x1c!\x17\x18\x1e\x10\x10\x12\x16\x15\x17\xf5\xf7\xf9 \x17\x14\xe2\xe2\xe6\x0c\x0b\r\x12\x13\x169=F(&amp;)2("\x08\x07\x08\x1d\x13\x0f\xc1\x9d\x80\xdd\xc6\xb0[L@*\x1c\x15\xfb\xfa\xfb\xce\xbf\xad\x18\r\n\xdd\xc9\xb627?\xe1\xcc\xb9\xe3\xe7\xec\xd7\xb0\x95\xdd\xdd\xe0\xd4\xbe\xb1\x11\t\x06\xf3\xf1\xf1G:2\xc8\xd2\xdb,078-&amp;( \x1cA3+\xa4\x95\x87\xf2\xf4\xf6\xbf\xb0\xa0@GP5!\x19\xd7\xc4\xb2"\x1c\x1a\xd6\xd8\xdd.#\x1d\xe7\xeb\xef\xc7\xb4\xa0\xed\xed\xee;&amp;\x1e\xc6\xaf\x9a966(*0\xd3\xd3\xd7\xce\xb8\xa3\xd1\xaa\x8d\xdc\xc2\xb8\xd3\xbc\xa5\xee\xf0\xf3\xc9\xa3\x86\xd1\xb3\x9c\xd9\xbd\xa9\xd3\xc4\xb8\xe1\xcf\xbe\xd7\xc8\xbb\xc8\xb9\xa8\xcf\xad\x94\x9b\x99\x9e\xbc\x97{\xce\xaf\x99\xac\x9d\x8b\xdc\xb8\x9eVC9\x94\x87{\xc7\xb4\xac\x9e\x8e\x82\xde\xe4\xeb\xba\xa7\x91\'\x14\x0e4/.\xae\xb5\xbf\xe9\xe8\xe9L4)_RI\xb9\xc1\xcbEBH\xb1\xa4\x92r^PQ&lt;1\xe6\xee\xf4\xdd\xc1\xad\xcc\xc0\xb2\xb2\xbc\xc6\x81vj\xb7\xa1\x8c\x7fhV\xca\xc9\xcajSC\xcd\xcf\xd4LA9\xd0\xa4\x88\xa5\x8c|1\x1b\x13\xe0\xbe\xa5A&gt;=\xe6\xc0\xaf\x9c\x9f\xa7\xd6\xb8\xa0\xb2\x9d\x89\xca\xa6\x8e\x98|e\xe2\xc4\xbb\xc0\xb4\xa7\xc4\xcc\xd5\xb5\x8bo\xa9\x94~\xc3\xa4\x8c\x7f_Q\xb6\xaa\x98ROP\xa4\xa6\xae\x88}s\x85o_\xd7\xc5\xa8\xdf\xb0\x9b\xb9\xac\x9e\xcd\xd8\xe1\xe3\xb6\xa7tVI\xea\xcb\xbe\xab\x8bpB+#_D8gJ&gt;\xd8\xde\xe6\xcc\xb5\xab\xd9\xd8\xd8\xc1\xa4\x9d\xab\xaf\xb7\x92\x96\x9e\x8c\x8a\x8eZ`i\xb2\x98\x83\xc5\xaa\x93\xd1\xb8\xaeiZOGMW\xbd\xc8\xd2\x92\x9d\xa8\xdb\xca\xc0\xbe\xac\x98\xd5\xa8\x91\xa2\x88t|{\x7f\x1e&amp;/\xe6\xd1\xc4\xcf\xce\xcf\x98o``\\\\\x8chZ\xa5jZ\x90\x91\x96\x94\x80tia[\x99eUSYb\xce\xbb\xb3\x8evi\xf4\xd9\xcc\xe7\xca\xb5\xc1\xa0\x87\xea\xc4\xb9\xc4\xad\xa7\x8et`\xc3\xc2\xc4\xb3\x92v\xb1\xad\xadtdW\xa3\xa1\xa3\x84\x81\x83gpz\xd8\xb7\xb1jgh\xe4\xd6\xc7\xb3\x92\x8asj`|mb\xc1\xc5\xcd\xab\x8c\x86\x9b\x84pKHI\\VS\xcd\x9e}\xa7uf~\x86\x90\xa3\x82g\xdc\xb2\xa6\xbb\x9f\x97@\x1c\x11\xa4\xad\xb8\xaa\xa7\xa8\xe0\xbb\xb2wtv\xa3\x80yOHB\xc9\x98x\xe5\xd9\xd3\xcf\xad\xa7LS\\_gq[8*\xb9\xbb\xc0\xbf\x90q\xf1\xd2\xc3~Q&gt;qnp\xb1\xa6\x9e\xf1\xdf\xd5iA/ow\x80uH7\xb0\x83h\xaf\x7ft\xf4\xeb\xea\xb6\xb4\xb5\x99{q\xec\xd5\xcc\x84\x8d\x98\xbe\xb9\xb9\xc7\x97\x90\x94\x8d\x83I#\x17t~\x89\x8bWG\x8ddL\xed\xe2\xdf\xce\xa2\x9d\xaa\x9e\x94\xba\x96\x92\x9b\xa6\xb1\xa1\x99\x90\xca\xc1\xbbU,\x1f\x99\x93\x92\xd7\xac\x9d\xde\xce\xc9\xb1\x99\x95\xb6\x88\x7fz"\x0e\xdd\x00\x00 \x00IDATx\xda\xbc\x98mH\xda\xfd\x1a\xc7\xef\xb2\\\xa9\x94\x92\xe6\xb49F\xcb\xe4\xf6\xe1\x8e\x12Y\xe9\xaau\xd4\x9bUZ9YR\xd2\x03\x1d\xcc\xa4\\\x1eL\t\xabIr\x06\xe26\xecE\xd8z\xb3\x1c\xf4\xb0\xd9(n\xc1\xca\xe2\xc4\x92\xf50d\x87\x88\xc5\r\x11+\xc6\x82\x06{`qv\x18\xdb\xcd9\xe7\xfa\xfd\xb5\xe8\xec\xbc:\xf0\xb7\x8b|\xea\x8d\x1f\xbe\xd7\xf7\xfa\xfe\xae\x9f?\xfd\xf4\x7f\x17\x91HH\xcd\xcf\x1c_\xa8~4\xd9d\x91AY\x9a\xd6\x9c\xce\xe5\xa5\xea\x85\xb9\xd2\xcc\xe2_R\t\xc4\x9f\xce\xbe\x10S\xc3\xf8\xc2\xf0\xde\x9a,\x8bB\xa62\x18T\x06\x95J\xa6Q\xc4Y\xb2\xb5\xc9\xad\xe1\xc5\xc3\xf1\xcc\xfc\x9c3\x07#$5\x0c\x1d~\xdf[\xd3\xa5\x93\x19P)\xc7\x05\xef\xa9dJ\x9a\xce\xb2\xbe\xf7\xe4p\xa8\xf8\x8c\xc1\x08\xc5\xe3\x8b\x8f\xd6ei\xe4SD\'\\H82)K\xb6\xbe\xb40\x94\x7f\x86\xad$&amp;e\x1en5eQ\xa8q\xa6s\xa80\xa68W\x9c\xec\xaasx\xae!\xe9\x8c\xc0\x08\xa9\r\x1d\xdf\xd7\xb3\xc8\x8c\x13\x9e\x93\x17\x8c\x8a\x1a+\xf0\x1b9\xdd\xb2\xb78~&amp;`DB~\xe9\xe2\xb2\x8c\xc28V).T\xec#\x03\xf3=\x8d\x86=\xa8\x98`\x8f6;\xce\x00\x8cP&lt;\xb7\xd4$\xa6\x9e\x82:\x8d\x95B%\x03\x11\x85D\xa2Ph\x14\n\x99L!%\xff\xec\xdc\xda,M\xf4P\x12\xf2\xe7\xf6t4F\xca)$\xf4\x04^b`M\xa4\xd2( \x15)=\x9d\x04p\xd8\x9b\xf4\xb4\x9f\x9dKs\r\x89\xe5J\x1dZ\xd2!\x84SZ\xa1B\x86\x8a\xa5\x03%\x9dF\xa5bzA\x1fi@E"\xa5\'[\xf6\x162s\x12)V\xc3\xc2\x1a9\xe5G(\xacy\xd4\x14\xc4\x06\x99EAS\x88\x99\x8bL&amp;\x81j4J\xfaU\xd9d\xf5\xe5\x04r\xa5v\xec\x89\x19?@!J\x84\x15\x87I\'\x91\xb1iD\x1e#\xa3\x96R\xa9\x94\xe4\xac\xab\xce\'\x97\x13\xd6GbC\xb5\x85\xf1#T,\xa7\xe0\xeb\x81\x8a\x82\xc4\x01\x10\x0c\x91\x92\x01\x85\x0e&amp;\xe8lZ\xf2\xda\x93\xa1\xa4\x04q\xe5\x8c\xef\xa5\x9f\xfb\x1f\xadRb\xda@\xcf\xc8\x88\x89L\x81\x19\xcc\xce\x10\x8b%t:]"\x11ds\xb9\xf0/\x1a\xa9ix\xfc\x97\x84\x04\x051\xff\xbd\x93\xfa#\x16\x1aC\xd4=\x12X\x1d\x91\x913\x04\x12:\x9f/\xe4\xf1:Y\xac\xbaV\x1e\x8f\xcf\xe6\x00\x18\xb4\xd2\xb2\xd4\xf1\xa7Dp\x11\x1b\x16\x7f\xe8a\xec\x18D\xcd#\xd1H\x98P\xe2,\x1d\xf0\xe8GG\xc3\xe1\x88\xcbe\x1chq\x9b\xeaJ@0.\x83A\x96-u\xe4\x13\x120\x87\x99Od\x8c\xff\x8aP.\xf6\x04\xa9\x89&amp;\x8eLK\xd3\xc9,\xfa\xe9p\xc4\x10\x08\x04V\xfd~\x7f4j\xb7\xdbC\x03\xf7\x8e\xb9,\xc3\xa5\t\xf0\x17\xe1\xf2\xb0\x8eqB\x05\xdf\xc4A\x05/`i\x12P%[\xd6W\x0c\x1a\xadHT\xd3\xd3\xe3\x83R\xcd;\x1c\x8e\x83\xa8\xddx\xaf\x10\xb8@V\x8as\xb1\x81\x90\x00\xac\xa5\xac\x13,.\'\x9b-\x91\xd0%l6\xcc\x9bX\x0c\xc7M\xb2eZ\xf3u\xff\xf6\x9d\x02\xa9tdd\xa4?\x18dn\xef\xeeb\\\x03\xad\xb78HXj\xd6\xd6x*\xfeXC\x8f\x92\x8f\xd7\x05n6\xbb\xf0nc+xZ(\xe4\xf3\xe9\x02\xb1X`\x99\xfe\xb8_YY\xe9-+S\xa8\xd5UU6\xf9\xc6\x06p\x1d\x1c\x1cD\'\xdc\x8d\xe0\xfb\x94s\x0c\x9as\xa1\x98\x98\x00\xac\xb4\x94c\xad\xd8%\x8d\xad,\x93{\xd4d\xd2\xb3\xea:\x01\x8d7\xa9\xd9\xbfPt\xa1\xac\xac\xccjUT\xe5\x96\x97w\x01\x16\xd2\x0b\xb8B\xee\xc6zL.\xd90\xfei\x8f\xd4b\xc4\xa9\xea\x0b\x1b[\xef\xbb\x8d\xa8\\\xc6\xf0\xa8\x9e\xc5\x1a\x1d\xbc}\xe1\xe2\xf9\x8a2\x85\xc2j\xcd\x05\xaaS\\Q\xfb\x94\xa9\x84\x83\xc6#m\xb9#)Q\xdeBT\xb7\xee6\xde\xbb?0\x15\n\x85\xec\xf6\xd5\xd9Y\x971\x12\xa8\xa9,:\xaf\xb4*\xa0\x7f\xb9\xb9U\xe5q.\xd4H\xc7\x81=\xd4\xd2\x8a\xc9EnZl \xe2\x1e\x10\xb1I\x04\xb7\xdf*i\xdcy\xf3v`\x02\x02 \xea\xf1\x98!\x0c\xcc=\xd2\x8a6\xa5\x02&lt;e\xb3\x95\xc7k,\xceu`\x9f\x82\x94@\xae\xe7f-\r\x11\xf0?\x12Qn\x81\xdd\x91X;o^\x1fMD\x01\xca\xe3\xe9\xf3\xf4\xf9\xda\xfb\xd5\n\x05\xf8\\.\x07\xaa\xae\xf2\xaeXA\x17\xa1\x8f\x07\x13G\x03&amp;\x9e\x80\xc3Ha\x88\xf1\xef"\xb1x\xb3\x89\x8a\x19\x0bM\xe1\t\x16\xfc\xcd\xfb\x82\xc1\xfe~\x9bM\xced2\xe5\xf2.9\x00\x95\x8f\x95w\x01\xe4F\x1c\xcbmb\t\xc5\x1c.D\xd7a&gt;\xde],\xde\\\xa3\x02U\x06\xbb\xb0\xe4\xee\xce\x9b7\xaf?\x03\x97\xe7\xc0\xe3q\xa8\x98A\x90I\xceT\xa9v\xb7\xb77\xb676\xe4\x1b\xe5c\xe0{@\xecB\xe6\xb2\x1f\x99L\xacN:pq-\xd5\xb8\'j&gt;,\x81\\H\xac[\x85\x98\xb5\xde\xbe\xfe\xfc\xf4\x85\x03\xa2|^\xc5DPL\x08O\x84\x85UW\xd7X\xee\x98\rusc\xdb\x11\x05\xb5L,\x1e?\x83\xcb\xd5\rg\xe2\x8eu\xe8\xe4\xa0t\x8fa\xbdy\x8b\xe4:\x80\x03fW\xa5b2U\x0e\xf4n{\x035\x10\xf3U\xf9\x98m\x0c\xaa\xab\x8b\xb9\x1b\x9d\x1ap\xb7\x8c\xb2x\xf4ln\xd6\xa3\xcbxc%\xbd_?\xc6\xfa\xb6\x03r\xbd~}\xf4\xf4\x05\xc4\xb8cww\x17\xa3R1A\xa3\xe3\x82\x90\x80\x0f`\xb1.\xa6\xc3&gt;et\x85\x81K\xc0\x11l\x95\xe2\x1d\xa8\xa9s\x93q\xacO\xdf\xbe\xc5\xb1\x1e\xbf8@r\x81Z \x99\xad*\xb7\xf6\xaf\xb5Xu\xd7Zs\xab\x10\x1d\x04\x85\\\x15\xb5\x87BF\xd0K\x98!X\x1e\xc7\x1b+\xa7\x03\xb0b\xde\xfa\x84a}\x8ea\x01\x15\x8c\x9f\xfc\x83Mm\xed\xee\xeeV\xd6\xd6*\xbb\xdb\x94Jt\x04\xe5"\xb9\x80k\xdeo\x0f\x19\xc3\xa0\x17]\xb0\xdc\x81\xf7i\x9d3&gt;\x9d\x1d\xc3\xfa;\xc2\xc2\xa8&amp;\x1e\xc7\xb1\xc0FUVe\x1b\xf0&lt;\x80\xe7\xb6\xbf)+P\xe0\xc7\xd2^\x1e\x9c\xf7\x87\x8c\xc0\xa5\xe7\xd1\'\xe7\x92p\xc7Z\xce\x8e5\x11a\xbd\x05\xaa\xa3\xc7H-h\xa1\xdc\xf6\xc7\x1fU\xea\x8a\xbc\xbc\x07\x0f\x1e\xe4\xc13&lt;\xbcW\x80\x0b2\xdf\x06B\xca\x83*\x7f\x08\x1d\x9e&lt;\xfe\xe4\xfb\x04`e\xc4-\xff\t\xa5\xe9Sp\xbc\xfdE\xd4\xa1R}\x08\x02\x96M\x9dw\r\xa8f\xf2fff\xbc^\xef\x15\xd8\xbb\xa4#6\x14\xfcr9\xf41\n\\\xa3u\xc2\x04`\x95\xc6\xb1JP@\xb8\x07\xa6\xa6&amp;\xecQ\x08zp\xbb\xea\x83\xd5\xfa\x0f)Ht\xc3;3s\xe3\xc6\x8d\xde\x82\x82\xdb5\xcf\x9f?{\t\xab\x17\x96\xfd\xe5\xc1y{\xc8\x15\xd6w\xae/\xe4\xe3}V\x97\xeee\xc4C\x1e\xad5\x80\x15z\xe7\x8f\xfaa?~\xe6\x0b*\x94j\xa9\xd7[\xb0\xbf\x7fg\xff\x8bH\xf4\xf5K\xb3H\xa3\t\x04\xcc/\xd5\n\xc4\x05r1=v\xbb\xab\x85\xb5\xbe\x89\xf7\xe9\x933\xb4\'\x06\xc7\xd3\xf9w\xef\n\x1b\xeb\xee\x9b\xdc-\x03!\xff\xeaj_{\x8fo\xfe\x9f\x80u\xf3\xe1\x9df\x91V\xfb10h0\x0c\xc25C\xa3\xd5&gt;\x7f\xd6&gt;Recb\xc7\xc0&lt;\xc4\x84Q?\xbd\x89\xf7\x82J\x18\xda\x12p2\xd0\xb5\x94\x0f7Aac#\xafU\xefr\xcd\x9a{\xda}f\x9fZ)\xed\xa9\xa9\x01\xaa\xef\x9aACd%2\xa8\x11\x89\xbe\xec\xbf\xfc\x17\x08\xd9\x1fDC!Wy\xa2vW8\x82\xfb\xde\x0c{ =\x86%\x91\x14J$\x12\xb6\x84\xcfc\x8dF\x02\xa2v\xdf\xaaY\xaa\x94\xfaD@\xa5\xd5j\x06\xa145\xb7\xef\xf4\x82\xc9\n^\xb6\xb7\xf7c\\L\xd5\xbcgu\xd65\x88?V\xe6\xb0,\x1bn\xcd\x88\x08\xaa&gt;;\x83\xcd\xefd\xb5\x18\xb4=}\x18VO3\xa8%\xd2j\xe0R\xf6\xb5\xb9\xa0\xf2\xcf\xbf^\xbf\xfek\x9eW:R\x85\xb5\x11\xce\x81y\xff\xea\xec\xe0\x02\xde+\x04\xa1\xa1\xda\x92!\x16\x08\x90^\xf4B\t\xbb\xbe\xbe\x1e\xf4\xd2\x87\x03"\xf3;\xb3\xb4\xc8\xfb\xb0\xe0\x0e\x80\x89\xd0M\xb1\xa6\xf9N/\xc2\xba~1\x0f\xb6{\x85\xa2\x9f\x19DX \xd7\xe0&gt;\xde+\x04\xb1x\xb1\t\xb0$\xe8\x17\x86:\x16\xab\x8e\xc7\x87&gt;\xd2y\xfaH\xe0\xdd\xbb\xe7\xbf_+\xf2V\xf6\xden\xee\xf1\xf5\x99\xcd\xab\x01\r\x18\xab\xb7\xb7\xb7\xf2BEEYEw\xb7\xba?\xd6E\xbf=\xb0\x8f\xfb\xe5\'\x7f\xc1)\x16\xd0\xf9\xc2N\x96&gt;l\x985\xac\x8c\xbe\x12\xd2\x91\xbfZ\\\xef\x9e\xfd~\xedR\xd1\x85\x1b\x05\x0fo\xfa\xcc\xabp,\xb7\xc0\x05\xfb\xa3V+\xeayx\xa5\xac\xa2\xad[a\x8bayV5\xfbCxc\xc1f#F?\xc7t\xb2F\xc3\x06\xf0\xb5ae\xbdS\'\x10\xf0[\xdd\xb3\xcf\x14\xe7/]\xcc\xf3V^\xb9\xd9g7\xba\xef\xb3Zy\xac\x95\x95H\xc4\xe8Z\xf5\x8d(\xd0\xcd1\x88\xb0\xe6\xcd~-\xfej%\xcdM\n\xf8:\xe0\xaac\xe9G\xc3\x11\xc3\xa0a\xda)\x13d\xd7\x97\xdc\x9b\xf2)\xda~\xbbT\x041\x7f\xd3\xef2\xdd3\x99ZK:\x11VK8\xe4o\x1fQ+\xacH\xae\x18V/\xee\xebi\xea\xdc4]\xc7\x97\x80\xb9\x84\xc8^\xfa\xe9iPK\xcc\xe1\xdc\xda\x99\xfawU\xed_\xce\xb7\xb5\x15U\xdc4\xbbL\xf7\x07\\\xa6FV\xc4\xa0\xd1B\xd8\xfa\xfaGF\x14\xb5V\xc8z\xd4D\xb3\xe8=\xee\xcb|j\xc7\xb4NHg\xb3a\x08\xd9t\t\x9b\xde\xf9\xea\x15\x88\xc5\xe1\xd4\xef\x1c9l\xb5\xb0j)\x95\x15R\xdf\xac\xdbd\x0c\x19\xdd0\xa0\xcd\x0f\xa5R5\x94\x02\xb6\xc2\xdc8\xd6\x7fh5\xbf\x906\xd3,\x8c\x8f\x88^:\x17+\x9a\xa4c\x08iZ\xc1F\x96\xa4\x14\x8d0i\xdcI48uM#\xcd2\x11\xd6\xf0\x95\xeaH\xd7\xd8`mJQ\x86q\x94\x98\xc6\x10\x03\xcb\x18/R;dR\xc5\x8a\x1a\x93\xb5\xdb\x1d2\xa6%\xcc\xae\x90\xc8\x84\xb4\x06d\xed\xd6\xe2j\x13p\xc5\x9a)k\xeb\x9f}\xce\xa7\xd3\xab\xbd\xfc&lt;\x04I\xae\xfcq\xcey\xcf\xfb&lt;\xef\xfb\xfe~\xb7\x12X\xf9\xdcb\xfd\x88d\xd1\xc42\x14J\x0b\r\x82\xd2g\xcf\xae_(\xa2l\xbd\xb9\xf3\x99\x18\xff\xbb\x01\xae\xba\xe5\xfeXO\xcf\xd8t\xfa~\xcb\xbd*euu\'\x05\x90\x81ULX7k*O\xe5\xe6rz,\xf8\x01K\xa0(\xd5Ie2\xd4\xf1YaQ\x89aq\xf9\xcd\xbf\x9f\x8f\xf6A/\x8b\xb13\xcf\xde\xf5\xfbo\xdd\x87w\x1c\x1e\x1e\xaeC[\x91\x84\xee\xe8h\xb8H6\xe4\xee\xdd\x9b5_\x9c\xdd\xd88\x9b\x97\xcb)V\x19\xb0`\xf5u\xfc6\'F\x17fW\xa1\xc0`^|EX\xe2\xbe\xbe&gt;q\x1dF\xfa\xec\xa3\xbbw\xee\x1c\x16\xc3\xcfv\xd5\xd5\x81\xaa\xc3\xc2b}\xc6b}[\xe5\xdd\xf7\xee\xef\xef\xe4p\xc7\x95\xf3\xe5\x13\xa9T\x01;6\xd8\xd6\xdc\xd3\xda\xd3\xda\xda\xec49d\xe6\xc5\xadW\x93l\xb6\xc4}\xe4x\xeaXw\r-\x03\xc9\x0c\xcf\xd1\xd1a\xb1\x04,\x96\x8e\xa3\xe6zT\xdc]\x1fN$R\xaa\x1d\xee\xce+s\xe6\x9e\x98t\x83:\xa3q\xd09\xd0:6\x06\xf7\xe7\\6*\x16\x17\xdf\xadM\xde\xf9\x07\xb0\xfaX\xdbC\xb6\x82\x0c"\xc4=QY\x02\x01{ \x10\xe8h\xc0Z|\xf4\xa8\x18\x82\xdf\x12\xb4mnz7\xb8\xba?\xc8\xff\xe2\xe7\x11\x93\xb3\x190\xe4]\x11\xdb/\xd6^-oA\xd8\xbf\x18\xff\xe7\x9fF\xfbl\xb6&gt;\xe4\x86\x05CA\xc5{{\xf4\xd3\x12X\xa1\xb03\r\xe2\xae\xd9K\x8f\xba;\x81h\xb7d#\xa9\x9d&lt;n\xb0\xf2s\xbe\xff\xdad\xc2\xe2\xf7\x8f\x81\x07\\\xdb\xdb\xdb/^\xbd\x03\xd6\xab\xed\x85\xe7,\x96\xad\x83\xa2\x81\xa8\x10\xf8m\t\xd8WVff2\x19\x9fU\xa3\x06\xd6\xa5a\x06X++\x89lv\x9f\xa3\xd3\xf0S\x1f\x7f\xfeLat\xb6\xde\xf2\xfb\'\xdf\x00irr\x92\xb0\x90\xac\xb5\xc9\xf5\xe7\xa3{}1\xc2B\x175\xfc\ne\xeb \xac\x19\x04\x8b\x05}S\\\xc7\x03\xd6\xcc\x8c=\x96\xf5np\x82\x95\x7fv\xee\xc72\x99\xd1\t\t?I1&gt;&gt;&gt;\xb9\xbd\xc6\xd6\x10X\x9b}\xb6X,\xc6X(\xa8\xf7Y\xac\x0eK\xd0n\xcf\xcc\xacR\xb6jy\x9d\xf5]\xb3\xb3\xf5\x96\x80H\x04\xacpV\xc5\r\x16\xa9\xad\xf3\x02\xc7\xe0@\xcf\x1bB\x1a?\xc2B\r\x17\x8f\xb1,\t\x86\xb1$P\xb8&gt;4|_\x03\xbe\xb0T\x99\x0c%\xcb\'\xe2)\xeb\xeb\x08\xcb.\xb2s\x8a5\xf4]a\x91\xc0A\x96\xe7W,\xd4\x10T\xc7X\x96\xa0\xc5\xc20\xb1\xbd\x98-6\xba\xb9\x89N\xa3\\\xadd2\xab\xab\x19JV-\x0f6\xbb{\xb6\x9e\xb1\xa3\xac+\xc1\x18WX0\xaf\xe7J\x0c\n:\xca\x9d\xfc\x90\xac\xe5\x0fX1K0h\xb5$\x08\xcb6\xbayX&lt;\xda`\x03\xd6\xcc*\xa8\x962\xf3,V\'\x8b\xc5\x13q\x8a\x953\xf7\xf0|\x89A\x86t\xf5L\xfa\xc7\x17\x8ek\x08\xaa\xc5\xad5\xffa\x96\xb0\x82vp![{]\x87\xeb\x97\xf6l\xc1\xe0\na-\xb1X"\xb9\x86\xc5\xd2t*\xb1\x12\x83{\\\xad\xc4\xbc\xb9\x07\x05%E\x06\x99q\xb0g\xcc\xbf\x80\x00\x16j\x88tm9\xfd\x87\x9b{\t;\xb0\xec\xd4\\\xe8\xfd\xcd\xf5\xf5\xe2=\x0b\x9b\xac\xd5\xa5\xf9\xf9\xf9\xdaZ\xe1\x11\x96\x9aQVi\x82+\xc1lj\x89\x9b1\x0fUCV\xdf\x8c\xa6?\xc2Z\x98|\xf1n\xd1\xbc([\xdc\x1a\x04V6\x16\xb4Z\xadAk"\x8c|Yl\x97\x16P\xd7 \x9b\xac\xf9%$\xcb{\x84\xd5\xad\xe61\x9d\x9dh\xc3\xacg\x87\x1b\x91\x8a\xde\x82\xe2\xa3\xa6g\xb1\xd6Y,\x83\xc1,\x93\xc9\x96\xc7\xda#\x9b\xa9p"\x9cr\xc7\xdd\xd9T*\x11\x0c\xc6\xd6oE\xb2\t{\xe6(Y\xa8\xa1\x909\xc2\n\x04\x18\x8d\xc5b\xdb\xb3np\x83\x05O\xfd\x9b\x92\x92\x12\x81\xc2\xd4FU\\__\xf0\xafm\x99\rf\x85\xcc\xec\x18HG#\xeeT\xca\xfd6\x99NG\xe2\xa9\x84}%\xe8N"]V_&amp;CT\xc0R1\x1a\r\xb0\xb0\xf7\xf04X\x15\xb1\x0cGC\x9e\xcck\t{\xdb\xe3\x1c`\xb1\xd6\xfd\x03F\x85\x19a0\x9bz\xd2\xc9\x88\xdb\x1d\x8f\xb4\'\xdb\xc1\x17\xb6\xda\x83\x89\xb7IJ\x97\xcf\x07(\xacC\x91\x8a\xc7h\xeagg\x81\xc5\xa8\xb1Z\x13\x9cm\x89\x95?\xff\xc4\x9e\xba\xd1D%\xac\xe4\x98s\xd9!3P\x98u\xcd\xd3\xd1\xb8\x1b\x11\xc2\xc7\xe5\t\xab\xac\xd6T4\xf96e\xf5Q\xd4\x8aPD4\x15e\x8b\xc7T\xab\xf7l6\xdf\x06Wz\x0b\x06\xa3\x80\xce(\xa9\x8a\x84\xe5\xef\x194\x19\x8f\xb1L#\x84\x15r\xe9\xf5\xfaPH\xef\xf1HTV\x95;\x1au\x87E\xf6Z\x91\x88\xc5\x122\xd5\xf5]]\x9d\x0c\xc3$\xb0\x19\xacr&amp;\xb7h\xcc\x9f9SR@#\xc2\x9f&lt;\xa4d\x19!\x02\xcd2\x85B\xca\x7f:\x11=8p\xeb]\xa0\n\x81\x8d\xb8\xc2\xf1h\xa4B%\xb2\x8b(j\x85B\x9eF\xdd\xdd\xc5\x90\xc8\xb1\x07}\x9c\xa9\xad\x8fr\xe1\xf5\xd9\x03p\x87n\xc0O\x9d5ht\xa0\xdfe\x0ei\xa9n\xa4\xf7r4\x1a=\xe8\xd7\xebo\x13UH\xef\xf2H\xc2\xa9x{\x8b\x84\xb0\x84B!r\xc6C\xcbwA=\xcc\xac\xd8}\x9cjf\x0c\xd43\xecD\x1d\x98N\xa6{X*\xd9\x11\xd5\xe3k\x97\xa3\x8d\xc9\xc6\x03b\xd2\xb3\\z\x97\xcb\x93\x8aD\xabxv\x11\x8f\'\x14\x1dc\xd5\x05X\x99\xb3\xca\xe5\xeb\xbcS\x9f\xd2\x88(*\x108\xda\xd2\xc9^\xa7\x11\xaa^&amp;S\x80\xaa\xa9\xf9\xe9t\xb2=9\xd1X\xde\xaf\x9f\xa28j\xb1)\x0f\xd2\xa5\xb1\x07\x18FX\x8b\xb5\xc8\xab\xae\xef\xae\'\xac\xd5\x1dN\x1ft\xe5~\xfc\xfe\x06\\!\xcc}\xdbD\x1a\xc3Af\xa6cT\xa2\xea\x9dNF)\x0eB5^\xaf\xb6\x86\xc0\xfa\x7f\x1b\xc2\xdf\x9b\x11%\xb04&lt;\xd11\x96\x9a\xf6\xa3\rn\x9f\x99\xe5\xff\xee\xf5\x03\x1a\xf4E\xb2\xb6d\xdaI\xdd.\xb8@\xe7$\xcd\xad\xa0z\x8b\x88\x87&lt;p[,\x98\xbe?\x8etI\xdc7+P=F\x8et\x89\x84\x9a\xaaa\r6\xef\x8d\x1c\x8e\xcfF\xf2&gt;\xfd\xe1\x0fEEE%\x845\xa8\xf8\x80\xd5\xd6\x0c\xac\x08a\xd1\xcc\xc2\x90pMM\xb9Bq7\xd6\xa3+\x0e,\xa1\\"\xac\xf5\x01kx\x98Y\x01\x15\xd7/mr+_?8\x07,\x01\xff2\xb0\x14\n\x19\x8a\xa8\xa0S\xe7\xb6\x9e\xe94\xc8\x0e\xe2\x98\x11\xee\x83\x83\xf8\x1f\xfbC\xa1~\xe2rU)\x85\xc0\x92{1Sy\xd5\xc3\xc3\x1a\xd1\x12\xf7oQ\xf3O\x9d\xfe\xdbW\xe7\xe0\xeeu\x13\x13N\xa3\xd1\x08+\x0bO\xad\x90\xea\xf8\xcd\xd3\x8dX\x86S\xbbz\xed\xfeTH\x7f\xfb\xa0\xbc\xbc&lt;\xdaX\xeevI\\\x12\x91H\xae\xd5\xd6B\xdb\xf0\x94\xdd\xc3j\xa5\xf7\x04\x9e\xff\xe4\xe7\x9d\xfe\xfc\'\xe4K\xfat\xa2Y\xa7\xe37\xf1\x1d\x86\x12Y\xa9\x0e\xe3\xe1\xe5\xd5\xdd\xdd\xa5\x9d\x1d|\xf6\xb5\xfb\xf35\xfd\x8dO\x1f\xf7^\x8e\xbb$r\xa1\xaf\x16T\xc0\x121\xea\xee\xee\xe1*\xef\xd9\x93x,u\xea\xf4\xfb\x1b\xe7\x8b.\x8c\\\xee\xe5\xf3G\x9e\xb4\xea\x80u\xbd\xe9\xda\x7f~\xd9\x1d\x1a\x1a\xda\xa1\xd8X\xf2.-\xf9&lt;\xe5\xd3\xbd\xe9\xf6\xb8K%\xf2\xf9\xbc\x94\xab\xf9y!\t\x88\xfa\x13\xc9\x16\xe5k\x08mo\xb8&gt;=\xf1\xb8\xa9\xa9\xf9\xf1\xa0\xcc 35=\xfe\xfa\xbf\xb7www\xbf\xdc\xdf\xf7\xee/\xd5LiU.7\xfa?\xde\xe2\xf6`\x05z\xb5ZV\x9e\xca\xab\xabN\xaa\x88\xac\xb7\x9e{x\xc1\xa0h\x9e\xb86\xc2\xe7\xf3MF\x85\x82\x06\xd7t\xe3\xc1/\x07/_\xd2\x0c\x9d\xf2xRn\x88\x9bp\xaa\xaaB\xa2\xf5\x02\xcbKX\xc2o\x94\xdd\xb3uj\xb5w\xe3D\xb0\xe0\x17\xdf\xdf\x10\x08tO\x81\xa5+\x95:\x1c\x0e\xa3\x0e\x02\x0c:0\x129p\x87\xa0iT \x8a%\x82\x890\x84\x04\x8bUK\xf2T\xf8M\xd5,aiO\x08+?o\xee_e\x06\x05\xbfy\xa4IWJ\xbb\x8f\xd1\x04u\x9f&lt;\xdc\xdc|\xcb\n@\xbbU\x95H@6\'\x12r\x89D+\xd4\x82\x0c\xd3A\x88\xf1\xf0mq\x9d\xb8\xbe\xe6\x84\xb0\xe8\x8d\xe0W\x02\x01\xa6\x02\xff\xba\x94f*\xac\xe3\xc0\xd8\x02LF6\x1bN\x04\xed\xe44\x10\xaa\x84J%\x97\xd4\xd0M\x06\xbb!j\x94\xdd\x97f\x81%\xdf9\xa9\x87\xb1y\xdf\x7f\'\x15\x08\xcaJKK\xa5eP\xcd2\xc7\xb2\xb3\xc7\xbf\x8ete\xd1Q\xe1p\xe2\x08K%\x97K&gt;\xf9\x84nXh\xe3\xe1)\xabZ\x8a\xbb\xc4\xe2:\xc9\x89a\xe5W\xfe\xf5A\xa1A@\xd7w\x8a2\x94\x91}4\xe5_HbcD\xaf\xa7\xd0]*\x95\x90ru\x8c\x05\r\xc8\xd3T\xdck\xe9\xa6\'T\x1e\xaeD\xfc\xff\x1b\x12\x7f\xbe.0\x08\xd8\x9bE\x07\xb6\x1f\x13\xbd\xe5\xf2\xfb\xb1\xff`\xb7NyX**\xa0\xe4*\xa8\xa0\x01Q\xc2\xea\xaa\x96+\xf5j\xb1\xf8\xa2r)\xef\xc4^\x11W\xbe~XXP \xa0\x97\xafX\x8a&amp;\x1d\xdd\x10\xff%\xdd\x1e\x8d\xc4\xdd)\xd7\x11\x96DrD\xa5\x95\xcb\xe1.\xaa+\xae\xb4\xdcS7\x9c,\xd6G\xa7\x86~(\x15\x14\xb1\\R#V"a\x91\x8a\x88@\xda\x84!\xe3\xad*\tT\xf3\xd4Up\xc9%r9S\x8d\xce\xbaR\xd1\xd9)\xbe\x08\xac\x9c\x13\xc3Bw\xfd\xfdB\x11{\xe5\xf9?Z\xce/\xa6\xad\xf3\x0c\xe3\x8d\x11\xc86\x8eIl\x12L9\xc3\xa4\xb80\x03\xc6\x96\rqd\x1b\x16\xa3\xe0\xfa\x94\xcc\x81\xd0#\x972\x1b\x14\x0b\x87?B\xb1R\x8fxsj\xfe\xc9R\xc6\x12\x85%`\x02\x1a\x16D\x88*A$\xaa4\x12\x02)\x1a\x89\x00\xa9\xb9\x18b\\\x90q\x01Ro\x90\x86\xd0n,\x11E\x9d\xf6\xbc\xc7\xac\xbb\xd8M\xd2\xe2\xef\x02\xb8A\xfa\xe9y\x9f\xf3|\xefg\x7f\xef\xf9c~c\xe3\xcd\x16\xfa~\xe0\xef\xe8m\x10\x11\x80\xca\xb9\xa6\xb8w\xfb\x9e\xcdf\x03\x97\x07\\\x95\xe5&amp;\xcek\xb2Z/|\xf4\xab\xdf&amp;\x14\x0b\x0f\xa33\x8eU\xd0X}\xf3V\xcb\x8d\xaf;ppE\xc3u\x9b\xb0\xc0u\xef\xb6\xea\xac\x1dX\x8cG\xa5\xb2\x12U\xd4z\xa9\xf2\xc2\x85\x8f\x12\x8a\xf5\xc1\x07u\xab\xe8pN\xc2\xf5\xf0;a}5C\x9d\xe0\x01\xd6\x1f\xae)\xbe\xbd\xa7"\xb5X\x96a\x18PE\xbc\xe5\xfa\xcaJx\xeb\xd3\xc4b%O\xac9\xa5\'\xa5\xe9E\xf9p\xd6\xad\x16\xf4\x81\xa8!\x9aS\xd8\x1dj\xe9U\xdf"&amp;l\x17\xb5\x01p\x95\x1b\xb9\x88\xdfd5\x9a\xbe\xbcr!\xd1X8n\xb8\x0c\xc0\xca\xaf\xaeF\x11a\xf9\xc7\xed\xe4w\xd55\n-\xbads\xf6\xac\xdd\xa3\rkY\xd6HTQ6\xca\x99*\xaf\\\xb9\xf0\xa9\xf1\x87Db\xa5\xe4\xf1\xfdsaQff5\xaax\x03\xdd\xd5_!\x96jt\xf4\xac\xea\x11a\xd9l\x8f\x02\xe1p `\xd4r~\xa2r\x18\x19\xab\xb5\xf2\xcb!\xce\x96\x97\xf4AB\xab\x98NUl\x83Z7[\x1a\x80\xf5\xef?\xe1\x0cf\xa7s\x8f\xed\x11\x9d\xc9\x021w8\xa0\r\xb9\x1d\xa0\xd2:\x1c\x0c\xcb\x99\xac\xe72\xda\xc3\t\x0c.\xfe\x9a\xba\xd9 \x95\x16\x16\xf0\xd7\xf6\x9f\xf5&lt;\xacu\x84\xb6\xb7\x03o\xec\xe8\x05\x01\xf6\xe6\xd1\xc5mM,\x1c\x0e94\x0e-\xc3\xba5a\x9b\xd6m*\x1f\xea\xeb\x08&amp;T.\xf4\x11\xcb\x06\xc8\x05\xae\xea\xfaa\x1c\xab\x1f\xd6\xc6b1p\x8d\xfe`G\xa7\xba\x1b\x98\x8dib\x0e\x87F\xe3\x882\xaa\xbf\xb8c\x1e[8d4\xf9\x97f\x96\xb4\t\x95+ow\x12X\'\xa5\xa5\xce\xfc\xcc\xe1\xa9\xc5\xa6\xee\x9a\xda\xfd\xfd\xd8\xf6\x0e\xcf\x14\x98\xdd\x8e\xed\xd3\x8d\x1bh\xc52l8\x14\xb0{\xb6CZw\xfbRG\x87\x1f\x9d`J"\xcd%\x97J%\'\r\xe9\xce\xb6\xfa\xa9\xc5\x17\xdd\xdd5{{o\xe7Vwvf\xb7W\xb7\xe7\xf6\xdf\xd2\x8d\x1b\x8d[\xcb\xa8X&lt;\x91\x9eQ\xcfv,\xe6\x00\xd6\xab\xa01\x91\x19\x91\x95\xfb\xc0,\x95R\x19\xd3\xf3\xd7Wx\xb9\xe6k\xf6\xde\xee\xcfm\xef\xd3z\xbbW[\x03\xbb\x05\x18\x1b\x13\xd0\x06\x02\xf6\xd1@LS\xab\t\x8e\x8d\xbdzz\x9d9\xcc\xcf\x91\xfe\xef\x88=\xdb\t\xcf\x1b\xa4\x86R\xa7o}er\xf1ES\xf7x\xf7\xfc\x1e\xad\x1a\x08\xb7W\x0b*-\x8b\xa8\xa7P\xb5\xd9\xb5\x84\xe5\x08\xf6\xbd\xfa}\xc6\x90\xa7?aCx)G\x9a\x17\xd2i\x0e\xc3P\xe84\xfb\xd6;\xeb\xa1\xd8\xe2VS\xd3Z\x13\x16*\n\xad\xa2Z\xba\x97\xe4\t\x04\xf0\x9b\r\xbba\x7fo\xa4\xaf\xef|\xc6\xf9\xf6\xfd\xe6\x84\r\xc6f\xf5\x0f\x98\xa54\xffT(\x07W\xdb:\x16\xd0h\x91\xd1\xf6\xa0\x95Q\xab\x85R\x81p(\x04\xb2P\xc8\xed\x0eq\x91\xbe\xa7\x19\x19\xafn\xd4\xbfM\xd8\xd0bR\xdd\xeaz\x1c\x8b\xb8\xf2}mm@C\x86MQ9k\x1c\xee0\x0f\x14\xd6\x86C\xe1\x00*\x89\xbf\x8cQ\xce\xfb\xf4iF\xdfW\x8d\xf5\xfb\xfdug\x124\xe5\x99\xb7\xdb\x89m1~\xa3\x0b\\\xf9\xc0:\xa0\xa2l5\xb2L\x9c*\x1c@7hC\'\xc1\xb0\xa6\xa1\xeb\x19\x19\xe7\xbf\xfeGc\xcdDZ\xf3ns]"\x02\x8c7\xd7I\x9e\x8b\xc6\xc6\x9cE|\xde\xc7\x13\xcc\x11\x05\x15\xa3E\xd9\xb0[S7H=}/]E\xbd\x9e\xd1q\xeb\x8b\xc57i\x9b\xf3\x83ks\x13\x89pXV\xee\x803\x8e\x95\x9e\xee,\xe0\xa9\xa6\x9e\x11\x95\xc6\x1d5\x96\xe3\xd4\x13p\x87\x90\r\x1e\x1e\xeb\x93\x9c^k\xf99`\xbdji\x1c\x9eM{9\xbe\xacTv\x8e\xcf\xf6\x1f\xfe\x18^\xd2\x99U\x1f\xcc\xf5\xe1\x87\xa5\xff\x95\x8awU-O\xc5Z)\xb1\x90\xf0\x8c\xcd\x8e\x1e\xd5\xfe\x89\x82\x1a\x88_\x0f\x05yc\xb5\x0e\xe8\xd4\x02\x81zy\xa1\xea\xf0\x07\x89S\x8awWhV\x8bnT\xf2P&lt;\x93\xc3\x01\x8d\x8c\xe5VF\xafg@\xc6z\xecv\x86zTP]\xb2\x9a\xfc=\xd5\xd5\xdd\xcd%wG,\x02\xa1@-sM\x8f\x1f~%\x93\'\xb6\x90\\8\xc8\xf2\xf7\xdf\xf8\xab\xa6\x0e7\xfc\x14=\xa0b\x19\x90\xe9\xb3\xb3\x19V\x1b\x8a\x96W*\x14V\xeeaf\xfe\x8b\xdd\x92;\xd3j\xa1HdQ\xca\x94j\xaad\xee\xa1\xf6\x14)\xd4\xdc@\xadB`\xd5\xf3T\x0e\xa2rsZ\x16\xce\xd2\xebY-\xc3\xa8@e\xd73H0F\xa1\xd0\x97\x07\x1b\xda\xa6V\xfb7\x9f+\x85b\xb1\x00T\xd0Ln\x9e|\xd0|\xe60\x0b\ts\xad\x17\xe2\xb4HX4\x03\xc8K\xe5\xe6\xa2\xa8!\xd3\x0b\xa5\xf0\x1bX99\xd9\xc8\x06V\x9f\x93\xadr\xbf\xa8F\x906\xcf\xcb\x04\xe2\xe3"\xb5\xcc\x07\xcd\xc4"\x81\xdc7\xbey\x98\x93\xd7)y\xbb+\xa5\x88\xad\xf4\x82|\xc2B\x05C\xa1\x10\x17\x02\x16K:\xa9\x8c\xa6r\xbd\x82\xb0\xf48i@5mS\xe6\xfa|sY\xd5\x88@$\x16\xdfW\xba\x94\x021a\x19\x0c\xe6\xb5\xddC\xcc\xb0$\xf4\\\xe9\x85&lt;V\xe6\xb3&amp;\x04;\x90B\x1c\x175\xc6\xbd\xa5WU\x82\x8a\xb0\xb2\xf5\x8c~\xd4\xce\xd6d\xae\xaf\xed\x96u\rZPB!\xfc\xae\x06\x9dX(\x17\xa5J\xcc[;\xb9\x87\x14\x15)IGr\xab\x96K)\xe3\xe3X\x1a\xd4\x8f\xe3\xbc\x1cg".=\xbc\x94\x9d\xad\xc8Qd\x7f\x83\x9f\xd0\x8a\xdd[i[\x98\xed\xdf\\P\x83Jt_)\x93Y\xc4\x84%\x10\xa5\x1e\x93\x98)*\x0eA\xb0\x94\xa4\xe4\xba\x89\xaa\x95t\xd2\xaa\xa0\xa81\xb3\x01X~\x0eT^/\x175\x01\xab\x17J)\xb0\xb2\xbf\x81\\\x8a\xecQ\xcf\xde\x8aoa\xb5\xff\xe5\xb8LN\x95\xb3\xc8t&lt;\x96H(\x04V\xaa\xc8\xd99~\x08\x82\xa5$\xe5\xf5\xcf\xae\xf9\n\xe9.qA\x11a\xf5&lt;\xd4x9\xaf\xdf\xef\x07\xd7\x10\xcf\xa58X\xfc\x17\x8a\x1e\xcd\x8aor\xb5\xbfy\xc0eQ\xbadj\x8bZ\xa6S\xde\xa7\x91~\x91HL/C\x10X|\xf4D\xfe&lt;\xe7\xa7$\xa7\xed\x0eL\x9a\r\xbf\x90\xd2e\xe28\xd6\x92\xc3\xef\xf5G\x82\x91\x88\x9f\xb8\x80u\x89\x98\x08.;g\xf46\xb4\x9a\x9c\xeb/{0\xa2\x96\xadu\xcdm\xc9\x94:\x9d\xec&gt;O%\x12\x1f\x07\x96H.w.\xaf\xcd\xe6\xfe\x8c~:%\xab\xae\xb9j\xab\xd3,\x97\xc4\xb1\xf2\xbf\xe0\xd5\n:\x1cA~E\xfc\xdc\xd09koo/\x0f\x05\xd7\xdb/\xee\xd5\x9b\'\xe7JJ\xaeN\xabe\xdfo\xe6\xa6=\x19\xd7\xb9H-\x11j(\x14\xa7\x1e;v\x1c9!\x97C\xb0\x9f\xfc\x92\x06\xfe\r\x1a[\x9d.\xb3\xdc\xc0c\x15\xe576\x1e`E\x82h\xd6\xc7\xc6\x82\x11o\x1c+\x0e\xa6\xb7\x05j\xea}\x93WA5\xa8\x94=\xff&lt;\xf7t\xf1\xe9\xcd\xefGtJ&lt;\x91\xc4E\x03\xec\xc7\xf1D\xca\x05\x10lk\x15\xbb\xf7O\x80\xa27\xa0\x8c/\x9b\xcdf\xa7\xdc\x90\xfa\xb1\xb4\x14YJ\x1fC\xa0\x88\xa4\x16\x9d\xb8\x96\xc6\x82?b\x81K\xcf\x84\xbb;}\x0b]\x07TwJNU\x14\x17\xa7u\xbd\x86\xe5\x85\xbc\xe3y,\t\xb0\xe4\x02A&lt;\xf3\xdf[\xb0\x94\xac3\x13U\x93N\xfc\xbbY.\xe0\xb1\xe8\xe2uK\xcb\xf0\xe5\x19`\xf9\x8153\xd3\xb1\xd4\xfe?\xac\xde^\xc6\xdd\xb4\xee:\xa0R\xbe\xee*;Uq\xb4\xb8\xb8\xb8\xe4\xee4\xb0H,q\xfc-\x04TE\x81P(wv\xce\xbfw\xb6"\xaaf\xc7]r\xfc\xb3\xdai\x11\x88\x8f}\x1c\xdf\x10\x87\x1b.\xf7t\x8cE\xfc\xfe\xe0XG\x0f\x01zM\xe7\xacq.&amp;\xa0Y\\_\xde\xbaSR\xf6\xe7i\xa5r\xf0j\xebg\x15G\x8f\x82\xab\xe2\xe58z\x1b\x11?\xc0N/\x92\x90\x88\x84&lt;\x96P\xe0t\x91\xf3\x93\xde\xcf\xea\x0f&amp;\xd5\xe8H\xccf\xb5\xda"\x90\x1cK\x95\x1a\xd2\xf9\xaf\x85{\x1e\x8e\x05\xf1 \x06iVlf,\xc2\xd1ufp\xa1\x80{S\xeb\xcbk;\xb9\xadw\xa7\xd5\xca\xc1\xaa\xd6\xb4\xd3\xc5G\x93\t\xec\xb3\xaeA%0h\xdc\x9f\xa8$b^.p"*\x16\xe6\xca\xde\xb9\xa9\xa0T\x9f][\xb6\x08\xd0\x90\xc8d&gt;\xec\xfe\x92\x13\xa9R\xfa\xe4\r~\x7f\xbc\xd4\x1eAl\x05\x97z\x08\xcb?d,/\xc7\x06\xc4x\xc25+&gt;\x04e\xc9\xcb\x07\x1b\xa0\xba\xda\x9cv\xa6\xf8h\x16\x8fU\xdc\xfa\x1dd\x17\xd1[I\xe8\xc5$\xc0"\xb9\x90\xb4\xc2\x03\x83%\xbdcT!\x15\x16\\ r\xe9\\.\xdd\x88L-8~\x82\xd4\xe2\xa7\x1eH,\xce\xebh\x7f|\xb9\xe1\x00\x0b\x1b\x10\xcb\xba\x9b:}\x9d\x03OJ~\xf3\x9dN-{\xde\xd5JT\xc9\xb4\x00vjsKy\x80E\x0b\xbb\x90\x00U\x14\xf3\\0\xd8\x93w\xe1"\xa9v\xe6\']#\xd3\x1b###:\xdd\xc6\xf4\x86\xcc\x02,\x03\xef\xf9\x86\xc7K(!/VC\xc3\xe5\x8ev?\xb6\x1f\xac0l\xe5\x9b\xfe\xe7\xcb\x92\xcf\xff\xa5S\xeb\xc6\xef\x80*\xef\x08\x98\x8e\xf0\\\x15\xb9]\xd3\xb4iK$?b\t\x04B\xfe].\x14\xad\xe0z\x07W\xe5\x95\xad\xae\xadtN\xbf~\xbd\x012\xdd\xc8\xe0\xeb\xc1\x11\xa5\xf8\x84\xa4P\x02s\x01\xab\xdd\xcfE\xa3\xde\xf6\x8e\xcb-7\x80\xe5\x8d\x9a\xc0\x15\xaa\x19\xf6\xf9\x06\xaf\xfe\xee\x97\x7f{.SN\x0fl\x96\x9c\x02U\x1c\x0bu,\xae8\xddzw\xc3BM\x04\x8fE\xc1*\xfcO!g\x10\xda6\x9aGq\xe2%\xe0&amp;\rj\x9d\xecB\xc8A\x08\x83+\xd3\xa9#\xa8P\xcd\xc6\xbe\xf86\x18\x06\xca\xb8T\xa1JK@e\x12\x97\x85\xa2\xc3\x82(4\xca\xc0\xfa4+\x82d\x1d\xc6\x16e-B\xc1SLOc\xdaD\x14f\x04\t\xe8\xe2P\xcab\xe3C\x0f&gt;L\xc1\xc3b\x18\x16w(\xbb\xec\xfb\xcbq\xd9v\xda\xe9wH\x1c\'\xc1\xbf\xbc\xf7\xbe\xf7\xfd?\x1fBa\xa3x\xa1,6\x0e\xdb\x9f\xec\xaa\x15\xfa\x1fR\xcf\x9e\xbd\x1c\x0cz]\xc7\xa9\t-\x7f\xe4;B\xfc\xdc\xd9\xc5\xb3\x90\xeb\xce\xb7\x8f\xbf\x84@\x7f\xbev\xef\xf1\xad\xed\xed\xaf\xfez\x0f3\xc4\x83\x077wo\xac\xdd}i\xf0&lt;\xd5UO\x0bD\xa9\x90\x99!\xac\x88\x0c{Qb\xb6\x9a;8\xb7\xe7N\xc5\x8aO\xd6\x993\x97\xa9\xc3\x966\x0e?i\xe0\xfa\xfeI\xf5\xb0\xd18\x0c\x07\x8e\xe3;\xb5\x9a\x1f\x0eG\xbd\x9aw\xee\xec\xf5\xcb\xf3\x97\x97.\xdc\xb8\r\xac+W\x1e\x00\xeb\xef\xdb_\xff\x03\x8fW\xef_\xfa\xe1\xce\xdaN\xb5\xcf\xaba\x97M4\xe4r\x9eA3\xccF\xc9\x9a\x99\x9dY(\x14\n\\RlW7\xe2$\x17\xd5\xd6\x14+~*\xd7\xe2\xd1\xa7\x0c\xdck\x9f\xbc\xa9\x1eV\x9b\xcd\xd0\xef\xf9\x83\x96\xd0\n];\xf4[i\xccI\x8b\xe7\xe6/~\xb6\xfc\xe3\x977W\xaf\\\xb9v\xef\xfb\xedo\xb6\xbf\xbfwmu\xf5\xe6\xd5\xe3\xb5\xeb\xadb9o\r\x12i!\x0c\x92y1KT\x93\xc0\xcf\xcc@+\x89\x11\xf3\xf9~\x03\xb1\x8f\xa6\xc1\xd8\x84\x8b\n\x96\xf4\xc2W\x8b\xbf\x0f\xc5l=9(V\xabU[sC\xdf\x1f\xf4j\x82\xefv\xdcp\xd4c1V\xae\x9d\xff\xe3\x9f\x96\xee&lt;\xbd\x1aa\xfd\xe5\xeb\xedon=\xbet\xff\xfe\xa5\x1f_\xa0\x15\xadr`;l\xbae\xebL2\xcfdVVV&amp;T\xb33\xa9BV\xc2sepa\xb0\x8fZ\x81\xa0\xceL\xc0h]\x8e_\x8c\xff\xce\xac\x97b\xf6_\x9d\x14\x8bo@eXZ\xe8\x0f Vw\xd4\x91\xdda8\x12\xce\x9fg\x8fb\xe7\xce]\xbe\xf0\xe8\xbb/V?\x07\xd6W\xcb\xcb\xb7\xbe\xbbti\xf7xm\xed\xb8\x19\x94\xad\x01z\xa1g\x88\x1c\xc4*\xcc\xae \xe83\x11U\x06T\x1ca\x95E\xb1}\x98\x88GT\x04\x83G\x13\xaa\x08\xf0\xe3P\xc9\xfd\x9f\x01\x85\xd5,\x1a\xb2\xe5\x86\x83\x91\xdf\x15\x1c[\x05\x96\xeb\xb6\xe6\xe6\xd3\xad\x04\xe4\xfa\xec\xdb\t\xd6\xd5\xa7\xcb\xcbOwo?z\xb1v\xf4\xdc\xd0\x15H\xc5v\xc3\xbe)1\xf9&lt;\x07\x07#,\xca|!\xbb\x0e\xaa\xa4\x08\xacd\xb2}\xb8\xb1\x18;\xc5\xfa\xbf\x85-\xf0Q\xfbH)\xdb.\x16\x0f4\xcd\x90U\xcb\x1d\x0eG\x8e \x0c:\x8a\xea\x0e\xc7\x1d\xdf\x9b\xf7\xba\xdd\xdc\xfc\xfc\xd2\x8d]\xc2\xbay\xf5\xd6\xf2\xf2\xf1\x8d;kw\x1f\xda\x8a\xde\xf1I*\xad\xcc\x81\xaa\x9c,LS\x05\xb0\x0ci\x15a\xed\xe7\x93L\xb2]=Z|k\xde$[\xd1\xc7\xf8\x87Oe\x06J\x1d\x14\xed7vQ3\x0c\xab\xaf\xa8\xf2\xd8\x1d\x92\x87C\xb5\xae\xba\xf6X\x1d&amp;\xe6\xe6\x04\xbf\x16\x9f_\xdc\xb9s\xfb\xc5a\x00\x00\x04\xbeIDAT\xfdz\xf5\xf3\xd5/vo\xdc\xb9\xb0v}m\xa7a\x05j$\xd5H6%\x89\x13\xcb{Y\xea\xaa\t\xd7\xecBA\x8a\xc4\x9a\xa8\xc50\xe6V\x03\xf9\xa2\xdc\xcfM\x8c\xfc\xb8\x89\xb4\xfd\xfaO\x88\xaa\xd9\xb4\xa1\x94\x12\xe8\x81\xa2"\xe8\xf0\xb0\xe7\xd6u\xd5u;J\xc7\xf1\xe6\xd8\xc1\x80={\xf1\xc5\xed\xd7\x7f[\xbd\xff\xafG\x17\x96\x960\xfaj}\xd5\xf5\x05V\xf05\xbd\xb4\xb9\t\xaa\xfczf\x8a\x05\x1f\x0bY\x0eb\x99I\x11\x91\x07\x15#\xad\xbfz\x99\x8e\xbf%\x8aO\xb3\x1f\xff\xe0\xac\xf0$\xf2\x0eX\x9a\xd5\xd7y^\xaf\x13\x16\xda\xaa6\xe8\xe8:\x84\xeb\xd4\xeb\x90\xcb\xeb\x85N\xee\xcc\xdd\x1f\xde\xfc\xfb\xf5UP]\xdfx\xd6|\xd5\xef\x8c\xd0U\xad\xa1jJ\xa02\xc9\xc2\xd9\xd3=8\t\x16C\x8b\xb0D\x86\xe1\xa4BA4\x9c\xf4\xdb\xda\x8a\xa8h\x13\xc4&gt;0\xec\xb5\x0f\x9a\xc5\xa2\xa6A-\xd7\nx\xd3\xac\xe8\n\xb0l`uC\x95\xaf\xcb\xe3\xb1\\\xe7e\xc7\xf3\x84Q\xd8\xca\xe5v\x9e?G\xd01\xf36\xad\xbe\x11:B\xa2;\x1a\xf3\x90j\x93C\xb0\xc4\xec\xf4$\xc4J\x01\n\x162\xd4Z\xf9$\xa0\xa8\xee\xf3\x07\xe0\x9a\xae\x88+\xe6\xfd\x16\xeb\x0f\xa9\xfdb\xb5Y\xd4\x08L3\x14\xd14M\x1eb\x91ZN\xade\xd7O\xb1*\xfc\x90\xf5&lt;\xa7\x19\n\x8b\xd7\xe9\x1fS\x1e=\x03\x94&lt;\xec\x91\x7fn\xdd\xe4"*\x04\x88\xc9\x90w\xa7\x8b\xd9j\x8b\\\xc9LRkET\x19\t\xd2\xe5q\xf9\xa0\xa9y\xf1\x94+\x16\xf3&lt;\xef7o?\xee\x9dT\x9bP\xaaht:\x86\xac\x9b%\xb3\x02\xac\xc8D\xa7\xeb\xb8\x11V\x07X\x15\xb9\xeby\xec\x00r\xc5s\xec\x0eAY6\x85\xaa7T+\xa5MN\xda\x94J\xd8m\xc9\xe8\xd4Y\x886a\x8a\xe9W\x9b\xed\x12hE\xd2*\x8b\xf1\xb9\x80\xa0q\\\xb9\xb9\x93\xce\xe5\xa6`1/\x97\xcby\xef[\xc8\xf4\x8b\xb6\xa15\x9b\x86,[\x96R)\x95\xc8Cu\x92\xadno\xac\xf3u\xb5\xd3Q\xeb|E\x0f\x13\xb0\x11Sy\xba6\xd0\xe4~\x07\xf6\xb1l\x8b\xa08\x8e+q\x9b\xa0\xda\xa2Sg\x81\xa80&gt;\xa4\x92\xaf\x1a\x0f\x1d\xbb\\*\xd1.\xc4]\x03\xf3 \xc4\x92$i=hl`\xe2\x05\x19\xd4\x8a-\xe6h\xbdgaa\xeb\xa0\x88J\x1f\xbaD%\xf3%\xc2\xaa\xab\xaa\xa2\xc8n\xd8k\xf9\x1d\x1eX\xb2\xaa\xe8&lt;\xe4\xea\xa5\xe7\xe2\x1e[\x1b\xe0g\xb5Q+\x91\xc6\xc3\x0e_\xc2\xebp%\xfa\xbd\xf2V\x9e\xcb\x10U\x06P3\xd9\xbd\x93\xe7;\x1bG\x8e\x967E:\xbb#*\x8e\x93\xb2\x92\x94e\xacg\tp\xd1&lt;\x1f\x8b\xe5\xd2\xb4\xde{\x93o\xef\x84*]\xb3\xc7\x96a\xc9\x81\x89\x17\xa8\xf0\x8aLX\xe3\xa1\xef\x8c\xe4\tV\x9d\xc7\xd2\xdd\x9a\x97\xee\x0e\\\xcb@\xa4\xd2^:\n\x152\xb5\t,$(\x1fl\x91\x85\x91Z\xa9Tt\xe9\xdd\xc0\x80\xebX\xf0\x10\xd7EPe#\xaah;\xda]6\x9d\xa3n\xf0ri6\x9df\xd9\xf7\xdeL\xeb\xdb\x9a\x0c\x04\xd70\x8a\x86\x92\xe7\x08K\x07\x07\x8a\x0bX=lD`)u*\r]W\x86\xad\x81\xd6\x19\x87N"\x07\xa8\x9e\rq\xa5\xcdh\xe1\xd7D=\xc8\xd3\x8b/`\xd0J\xfd\xf4\xcf\x9f\xab\x0f\x8f@\xc5\xa6\x05\\e\x93\xeb\xf4\x8d\x02\x88\xa0,\x85,\x1b\x0c\x129\x9cAq@%\x12,\xfb\x1e\xd6\xca\xdeAS\x0e\xea*\xf6\xa0]5t\x13Xf%\x90\xd1\xa8\x01\x1ab\xe0c#\xa2,\x14$\x8b\xb0x\xa53v\xe1\x1e\xa0j\xbe-\xd7\xf5\xca\x14\x8b,\x0c\xca\xe4\xd4L\x06P\xbf\xfcZ|~LR\x01\xabf\xa0G\x0b\x13\xac\x88\nw\xc7\x85\x0c\xa3u=\x92\x8aM\x08B\x82\xd6\xbb\xe5\xd0\xb6\x8d\x80\xd7e\xcd\xd0\xc2\x10w`\xc2\xe2\x15\xb8\x89B\xb5\xdc\xd1\x88\x12\xaf\xd4aa\x85\\\xac\x98&lt;.\x80\xd8\x8f5\xdfU\xa3\'Jo\xa9x%\x10\x0b\xb4\x03S\xa9_\xfe\xf3\xe4\xf0\xe1\xce)U\x0eX\xccD\xc5l\xb6@\xb2J\x84%\x05\r6\xe6\xa5\x13BmB\xf5\x0e\xd6\n\xf3\xa4\xd8/\xeb\x81e\x18v\xa3\xda/!$\xa6\xa8\xcb\x96\xaa\x03K\xd6\xc2\xa1\x8a\xcf\xa4U\x85\xb0*\x15\xb3b\xe3Hn\x8d\x08\n\xcfU\xcc\xd2\x94\xaa\x12\xf4\xcb\xebTU?\xc1\xbf7/\x8f\x8f\xa6T\xb9\x9a\x95\xe4\xa2\xc8aFE\x99\x9a%b,H\xa2\xd5K\xb0B\xad\xd6\xad\xe1\xe7\x04Ax\xe7\xfd\xd0\xfd"\x89\xa5Z\x96Qm\xd88\xff9S\x84S\x96\x02\xcb(\\ceJ\x05.\xc20\xd5\xd0\x1fv\x14J\x1a\xb43K\xdc\x04\x0b\x7fK;`\nQ\xa8~\xfd\xef\xee#H\x15Q\xb1i\xcf\xebZ\x93nX\x88j+iF\x8c\x054\xaf\x81\xb3\x8d.V\x04%\x08\xff\x03L\xdf\xc6\xaf\x8d\xd3Rq\x00\x00\x00\x00IEND\xaeB`\x82'</t>
        </is>
      </c>
      <c r="M15" s="3" t="n">
        <v>45492.67666666667</v>
      </c>
    </row>
    <row r="16">
      <c r="A16" t="n">
        <v>25554</v>
      </c>
      <c r="B16" t="n">
        <v>1957</v>
      </c>
      <c r="C16" t="inlineStr">
        <is>
          <t>Fagner</t>
        </is>
      </c>
      <c r="D16" t="inlineStr">
        <is>
          <t>Fagner</t>
        </is>
      </c>
      <c r="E16" t="inlineStr">
        <is>
          <t>LD</t>
        </is>
      </c>
      <c r="F16" t="inlineStr">
        <is>
          <t>LAT</t>
        </is>
      </c>
      <c r="G16" t="inlineStr">
        <is>
          <t>LD</t>
        </is>
      </c>
      <c r="H16" t="n">
        <v>168</v>
      </c>
      <c r="I16" t="n">
        <v>23</v>
      </c>
      <c r="J16" s="2" t="n">
        <v>32669</v>
      </c>
      <c r="K16" t="inlineStr">
        <is>
          <t>Right</t>
        </is>
      </c>
      <c r="L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8bd3e76-2572-425a-bbac-bdb99b93f7e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7f3\x8ai\x00\x00\x00\tpHYs\x00\x00\x0e\xc4\x00\x00\x0e\xc4\x01\x95+\x0e\x1b\x00\x00\x03\x00PLTE\xff\xff\xff\xfc\xfc\xfc\xf6\xf5\xf6\xf8\xf8\xf8\xfb\xf9\xf7\xfb\xfa\xf9\xf7\xf6\xf6\xfa\xf9\xf8\xfa\xfa\xfa\xff\xfe\xfe\xf5\xf4\xf4\xf3\xf2\xf0\xef\xec\xeb\xfe\xfe\xfd\xf2\xf0\xee\xfc\xfb\xfa\x17\x0f\t\xee\xea\xe9\x97Z&lt;\xa3a@\xb1rO\xf4\xf1\xed\x9d^?\xf1\xed\xea\xde\x9f~\x1d\x13\x0c\xee\xb1\x92\xde\x9as\xb2vR\xe2\x9dx\xee\xe9\xe5\xd0\x94t\xdd\x97q\xd8\x98t\xe1\x9at\x9c[:1"\x17\xda\x9e}\xec\xaf\x8f\xeb\xe4\xdf\xf1\xeb\xe6\xcc\x91q\xe5\xa4~\xd5\x99x8%\x18\xa1pU\xeb\xe7\xe48-\'\xd8\x9bz\xc0\x89lvG0\x9emQ\xc5\x8do\xdd\x93n\xbbvT\xd2\x97v\xb7oL\xf3\xee\xeb|M63(!\x0c\x07\x03\x95_C\xc6~\\\xc1zX\xeb\xa9\x87\xe6\xdf\xda;,\x1f\xe4\xa1|\xca\x8dl)\x1d\x14\xe2\xa1\x80\xc0vP\xb6zW\xe9\xa6\x81\xf6\xf3\xef\x9aiM\xd7\xcd\xc3\xacpO"\x19\x11\xe8\xaa\x84\xda\x8fk\xde\x9cz\x11\x0b\x06\xed\xac\x8b\xbb\x87j\xa5eD\xaclK\xb1kJ\x86Q6\xe3\xa7\x85\xc3\x85c\xbczZ\x8bY&gt;\xa9eD\xbcsN\xeb\xae\x89\xa1dE\xe2\xdb\xd4\xdc\xd2\xc8\xe6\x9dw\xe9\xa1|\xe8\xa2\x82\x93V8\xf2\xbe\xa8\xaauW\xa1gK\xb6\x81e\xe7\xe2\xdf\xde\x98w\xachG\x94fKR:,\xc8\x89g\xb6sR\xd6\x93p\xa5sW\xb3}`mK8\xa7jJ\x8eR7\x8e_EW@3\xdf\xa4\x82\xe0\xd6\xceB0"\xbc\x83f\xd1\x86`\x9cbC\xbf\x7f^\xe0\x94f\xe9\xa6\x87tO&lt;N4%\xf2\xbb\xa3\xd6\x8cd\xacz]\xe5\x9e{\xd4\x8ajeB.\xee\xaa~\xb4kJ\x7fG-\xef\xad\x84\xd0\x8fm\x9bcI\xce\x88g\x92Y&gt;0\x1b\x0fn@)\xe5\x9dn\xb1xV\xed\xc0\xad\xa1\\;F3&amp;~S=yXH\xea\xa4t\xee\xb9\xa2\xe6\xa9\x8a&amp;\x15\x0b\\&lt;*\xef\xb7\x9d\xed\xb3\x98\x86M1\xa5v]\xe2\x96q\x83ZE\x88]G\xca\x81]\xd9\x8b]\xa5lP\x8ddPeF5a4\x1e\xf1\xb1\x8bI8,\xea\xaa\x8f\xafsUZ.\x18\x85V=\xf4\xbb\x9a\xb3w\\\xe7\xdd\xd5e;%\xec\xa6zZD8mE1\xab{dW7&amp;H=4&gt;4-@\'\x19\xf2\xe1\xda\x99S4G-\x1e\xd0\x82VJ"\x109\x1c\r\xca}T\x9anVP*\x18\xf3\xb7\x93\xcb\x82cmQBdK=g`Y\xb3\x85o\x84`P\xbb\x8fzXSM\xbfg[\xd3\xbe\xb4\x94iS\xc8sh\xce\xcc\xc9\xafeA\xd3\x9b~v&lt;#l5!\xe9\xc8\xb7\xa0\x9a\x94\xda\xab\x94\xadlT\xd9\xa2\x83\x84\x7fyOG?\x91H,\xae]P\x96ICunh\xd1|n\xe6\xb1\x9d}@+\xed\xd9\xce\xee\xd2\xc3\xc0\x9b\x8a\xa2VH\xd9\x8fv\x93\x8b\x84\xd6\xd4\xd1\xdd\xdb\xda\x94ym\xba\xb3\xad\xab\xa7\xa2\xcd\xab\x9d\xaf\x8a\x80\xe2\xca\xc0\xcd\x97|\xd8\x82}\xc3\xc0\xbc\xe3\xbb\xa9\x8b5\x1c\xc8\xa1\x8f\x8aD&lt;\xb3\x9c\x92\xe2\x92\x8b\xbf&lt;\x10\xcf\x00\x00 \x00IDATx\xda\xc4\x98mLS\xf7\x1e\xc7}\xc8U\x87Ta#\x8b\xad\x97\x80xlb9P\x10\xb0\xc6#\xd8\x9d\xae\xba\xa6\xb1\x80\xcc\x07\x14\x85\x04\x18A\xa6\xd5)\x8c\x12Dy\x1c\x82\x03\x1c:WJ\xa1E\xe5A\x90\xa2h&amp;\x93\xb6\x19\x8a\xc8CaML\xe5\xdet\x97\xf6\x05\xb9\xef\xc0h\x96E_\xdd\xef\xff\x14\xae\xcb}{\x0f\xfa--\xd0\xbe\xe8\'\xdf\xef\xf7\xff\xfb\xff\xcfY\xb6\xec\xff\x97\xe0\x7f\xb4\xec\x83\x8bC\x10\xac\xf4[\x13\xe8\x1f\xe9\xef\x9f\xf7\xf2e\xde\x1a\xc1\x7f\xdf\xff@H\xd0\xf2\xd5k#_\xbe\xf2\xccz\x1c\x0e\'~\xbcN\xe7\x9c\xeb\xb3u\xab\xd6,\xff@\xa6}D\x98V\xf9\xbb\xdc\x1e\xa7W\xaa\x11j\x028\xed\x0f\x08P\xda\xbc\x0e\xcfk\xd7\xda\x0f\x03&amp;X\xef\x9f\xe7z=\xebU\n\x01\xf3N\xbbv\xed\xda\x0f6\x8d\xd5\xed\n\\\xb1\\\xf0\xbe\x0b\xb5:\xf2\xcd\x9c\xc3\xba\xc0\x84g\x800`\x97\x8f\x8a\x80\xe1\xc1xg\xdd\xaeu\xeb\xdf\xa3c\x02\x81\x9f\xcb=\xeb\xd5\x08\x85\x0b\xc1\xc1\x9e\x00\xfc\xb3h\x17G\x86\xb7\x94^\xcf\xab\xc8U\xef)K|\x8d\xbf\xdb\xcbh\x84\x1cI\x80\x90Cjm\xc5\xd3\x87\xb9\x08\x06\xc7v\x05H\x9d\x1e\xd7{qL X1\xef\xb1i|F\x81H\x03)\x95\x14\xdd\x08\xb5B\xc2\xbf\x92\xc14\xa5\xf3\x95\x9f`\xe9\xd7\xdf\xf2&lt;\xb7\x93\x11\x12q\xc1\t[\x95\x8d\xb4\x9d\xb2\x17\xb34\x050\xca\x87\xf6\xaee\xb0\xd3\xea\xce[b\xc3H\xabf\x19\rZ\xa5\xd4\x10*\xfcn\xa4h\x9af+\x8a\x8bY\x02F\xd3\x14\xa1\x03.\xb1\x8c\xc0\xa1d\xd4\xac\xcbo)\xb9\xd0\xaa\xd7N%\tM\xa9$\xd9a\\\x01\x83\xa6\x944\x0b6;\x9e\xc3\xb4\x9d\xfcjl\xf5\xd9\xb9\x7f\xb1\xfb\xaf\xfd\x97\x8c\x0b]_\xeb\xb6\xa2G\x14~(\xeeU\xa9\xe4\xb0(\xe2\x18\xb8\x86|\x02\x99/\xcbVnu\x82Lh\x9b[\xbbT\\\x02A\xa0\xdb\xcapD,\x8b\xcc DG",\xae\xd0\xeatZ\xed\xa0\xc9Tc\x1a4\r\x0e\x02l\x98S#W\xb3\xfdB!\xc6\xebR\xf9\xb5~\xdec\xd5[X\x82\xa1\xc7\x03\xb2@\xf8\xb3B7Q\xde\xd1\xd1\xde\xde\xdf\x9fV\x98\xd6\x9f\xd6\x7fx\xe7\xb6\xab?Cw\xee={2L\x96&amp;\xd6\x05\xe5u\x07\n\x96d\xb3q9X\x8b\xa5\x18\x0e\xe9+\xf4z\xbd\xa5Bk\xea\xc9\xcf\xcf/74\xb5\x8fD|w\xe2\xfc\xc5\x1f\xbf\xf8\xfb\xdd\xa3\xdb\xa1\x1d\x87\x8e\x1d\xf8i\xf3\xe6\x9f~\xbd\xf1\xfd?\xee&lt;\x1b&amp;\x81R4ku\xaf\x13\xf0\x1f\xe0J,A\x16\xde 0\xadV\xd7\xd3\x93_\xde^\xa8&gt;\xfb\xdd\xb9\x13\xe7\xbf\x8c\r\x97mJ\x0e\x0bMJ\xaa\x82\xba\xba\xbaJ\x1e?\xdd\xbb\xf7\xf8\xde\xe3\x97_\x10\xb2\x7f\xde{2\x8c\xe5\xca\xd2\xa4\xf7|c\xf9\xbdrR\x08M\x8f\x12\xe9\x08R\xc7\xa9\xb3\xe7N\xd7oJNV(\x12E\xe2\xc4D\x95\xa4\xf9\x1aTZZ\xdaU\n\xb2\xc7\x8f\x9f&gt;}\xba\xf7\xf8\x8e\x17\x9fl\xfe\xea\xfb\xab\xf7\x9e\xd1\xe0b\xbcs\x91\xfc\xf6K \x98w\xb0\x0c\xa8\xf4\x03\xf9\xf9M\xfd\x85\xea\xbb_$TmTH\x14\x92\xc4\xf4t\xd1\xfd\xd1\xde\xba\xba\xba\x87\xcd\xcd\xd7\x9a}d`\x03\x18\xd0\xf6\xeexq\xe8\xd8\xe6\x1b\x00\xb3+\xb1B\xac\xee5\xfcr}6ge\x8b-z\x8b\xce\xd0\xa1\xbe\x1d\xb4\xbb\xb3*\xeeZs3X\xd2G\xef\x8f\xde\xbf\x7f\xbf\x17\\\xb5\xe0\x02\x99\x0f\x8b8\xd6\xb5\xe0\xd8\xc9O\xbf\xba\xb1\xed\x0eM\xb1R\xd61\xcf\'\x96`\x9d{\xa0X\xaf/\xb6\xe8\xc6G~&lt;r\xa5\xaa\xb4\x14P\x0fk{{G\t\xd3\xe8\xe8hoz]-\xb8\x1e\xfa\xb8\x88e]\x7f\xe5\xfa\xe4\xe3ow\x9ah\x96\xa5l\x9eH&gt;\xb1\\\x0e\x1d\x99\x04\xd6\x89\xf6s\xf5\xe4[\xf1\xf5\xb5\xb5u\xc0\xba\xcfa\xf5\xd6\xd5rz\x080\x82U\xea\xc3"1\x12\xac\x83\x05\x19\xf1i\xdb*XF\xa9\xb4\xbeZ\xc9\x1b\x17\x86\xfb\x80\x85e\x18\x9bn\xbc;\x9a \xc1\xa9Z$\xe83\x8b\xc3"n\x11\xbb8\xae\xc5zu\xf9\xea\xb5\xe3PA\xc1\x85\x1f\xfaM,\xa5\xd4P\xb3y\xbc\xc5\xf87\x97\x03\xf3\x8a\xb5Y\x07\xc6Gd`Z\xa4"fUV\x82K\x84n-`\x81*\xf3\xda;*\x82u\xf9\xd0\xc1\x82\x06\xd8U\xcc`\xb3\xf2\xbeY\xcd\x17\x96\xff\x9cUO\xcc\xb2\xea\x0c\x93E\x12|u-\xc1\xea\xed\x15\x8d\x9a+!\xb3\xd9\xdc\x96"W\xc9\xb1\x16\xf1Y&amp;\xc1\xba\x05\xac*\xcc/\x12\xe2\x8eC\x07\x0f\xe6f\xc4\x176U\x90\r\x9e\xf1\x04~\xc4S\x86\xf3\x13,\xcbP\x8cTj\x9d\x9a\x9c\x91\x80k\xc1,\x919\x87\x13\xc8\xc0%\xaf\x93\x93z\x81\xebV\\i\\\x1cfk\x89\xaf\xf2\'O\x16\x1c@\xb9\xfa\x07\x958sh\x9c&lt;-F\xc1\xeaW\x16\xd8O1\x8c\xd4j\xf0a\xa9j\xeb\xd2{\xc5\xbd"\xe3uN9\x95F\xb3\x08\\r\xb9\xaa\xf6!\xa8BK\xe3J\x93`V\xe7\xc2B,\xf0a\x99(\x9c\xd3\x84R\x9eJ/X\xf9\xda\x865\xc4\x90\xca\x1b\x1eM#EP\xd5\xa5\x8bD\xe26c\xce\xf5\xebx\xe6\x18\xcd\x04KE\x94\x95yk#\xac"\xfbPIg\'6!4\xfe\xe4\x81\x8c\x0c\xec\xe15\x149\xcdj\xe6\xd6\xf2\xb4\xef\xccI\x19b\x16#\xd5\x8e\xdf\xfcmF\xa2z\xe8\xc3\x12\x999$\xa3\xb1\xcdl4\xb7\x89S\x12U\xd8\x82\xb22\xc3\xc2n\x85\x86\xc6UU%\x95\x94\x94\x10\xac\xcb\x1cV|!\xb0\xb8\xc3\xbfg\x1d?\xddZ\xe7\x91\x12&amp;\x86\xd1k\xc7\x9fON\xef\x91\xa8T\xb5\x89b\x91\x88\x98\x95\x93c\xac\xac\x04\x19\xe1\x92\x03\x8b\xd8\x05\xae[\xd8\xb7\xe1X\xc9\xd3\xdd\x08\x91\xc3\xba\x00,ZH\xael\x9d/\x05\xbcl\x87\x81\xb3RFj\x93Jm\x16m\x8f\xe1\xd1\x9f\x1b$\x12U\xa2&lt;],j#n\xc1.\x0e\xcb\xd8&amp;.#XY\xd5\x99\x99\x00\x0b\x8d\x8b\x83c%\x9d\t\xbb\xb9\x95x\x80\xc3\xb2k\xc8\x15\xa5\xcd\xc5G\xe7\x05\x82\x97\x0e\xa9\x94\xb1\x81\xca\xa2\x1d\x18\xbf\xb9u\x8b\x02X\xd8\xa0\xe1\x96\xd1\xc8\xadCT\x0b3B\xac\x92\xa8$\xd5\xc1\xc1aaa\x99\xc1a\xa1\xa1aqU\x9d\xc0\xda~&lt;\xe8 7\xe6\x9bL4\xb9\x92\xdco\x9d\xe7\xc7\xad\x97\x0eX%\xb5Y\xad:\xdd\x80a\xe4\xcb\xe9\r\x04K\xdc\x06\xb3*\xb9\xf9\x80\x00\xdbDbdH\xf2#Dx\xc5_\xc1\xa1U\x9d\t\xc0\xda~\x06X\x170\xb7\x06i%\xb9\x10\x87[\xbc`\xb9\x9cR\x0ek\x00\x1a\xef\x9eD\x8a\x89\x04\xcbl\xae4\xfa\xc6\x96\xb9M\x94\x92\x9e\x92"\xcf\xca\xcc\xac\x0eV(\xc2\xaa\x15 \xcc$n\xf9\xb0\xf6\x15\xe4\x12,\x93\xbd\x91\\\xf52o\x96\xf3\x12\xa2\xcb\x8b\xba\xdb,\x04kb|jR\xb6!u\x01\xcbH\xb8\xc8\x98\x17\x89R \xd8\x95\x85\x80\xcb$\xd9r\x10\xe2\xb4Z2\xd6\xb9{\xf7\xd13\xc0\xca\xc8m\x00\xd6\x10\xb1+@\xca\x0f\xd6\xb27NRy\xabn`b\xc2\x87U\x84j!D\x11\xb6\x1e\x9f]\xc8\x90LS\x14&gt;K%/++\x13\xa7`|a!\x8e%\x00+h\x1f\xdc\x02V{M\x85\x1d\x035\xc0:\xcfO\xe5\xe7\x1d\\\x86\x0bX\x8fdEE\xa9\xe9b1\xda\x84\x14\xc9\x8c\xe7R\xec#8\x92jE\xb6\xbcL.O)\xcb\x0cM\x1a\x1b;=F*\x1ft\xb0\xa0 \xf7v\xee\xa9\xc2r\xd8\x85ryy\xaa|\xde"\x162\xec\x8e8\x01\xb7Z\xd2\xe5\xe90\xcc\x9cC\xb0\xc8p\xe8+\xeb\xeb\xe3\xb0\xaa\xb3\xb3\xb3\xcb\xb2\x15\xc1I\x98\r\xd0Qd\x18\x04\xafrsc\xd4\x84K\x8fA\xef\xcc\xe3\x07+\x92\xcc-\x8b\x8eTk\xeaQ\xf4\xd6\xa8\x19tKE\x16\xa3\x99\xdb\x11\xff\r\xb5\xb4\xf4\xb5d\xa7f\x83\xa7\x1aK\xf0\xebo.!\xbe\xa3h\xd5\x99 2\x1dr\x1b\x1a\xd41j\xb5\xba#_\x0b\xbb\x1c\x91\xfcl&gt;\x9c[\x16r\xc5c\xb8\x19-\x0b\xdf2\x93\x9a\xaa\x92H$\x89bx\xf5\xf6\xed[P\xf5\xfd\xde\xd7\xb2g\xc3\x9e\xecTEpp\xdc\xa5Kc\x17\x13\x8e\xde\xfd\xd7\xed\xdb\xb9\r\xf1\xd0\x0fP|\xbcZ\x1d\x13\xa1n\xaf)Vj\xf8\xc1\x12,\xf3\x9f\xc5\xdc\xb2j\xb5\x03\x86\xb3\xb1\xb2\x10YTQj\xaaD\xa1\x08N\x9e\xf9}Q\xd3\x7f\x86l\xad\xff|\xd3\x86=\xc9_\xc7\x01\xeav\xee\xdd\xf8\xa6\xf2\xfc\xf2\xf2\xfc_jjjL5\xdbv\xf6\xf7\x17\x9e\x8a\x19\x899U^A\xb0\xf89A\xac\xf5\x10,\x0b6\xc4\xf3[e!\xe1QE-\xa9\xc9\x1b7\xc5\x9e\x98\x9c\xfc\xe3\x8f\xdf\xa0\xc9G\x11#7\x1f&lt;xp:$*\xea\x9b+\t\x17\x1f4\xa4u\xfcb\xaa`i\xdan\xb7\x93[\'C\x835;\xdbO\xa9cbb\xda\xb5J\xcdl _\'\x08\xdf\xceS~6\x1aX2\x84X\xb4\xe9\xf3s\xcf\xa7\xa0\xee)\x83a\xaa\xbcG\xab\xcd/lh\xb8{$$\xbc&gt;\xe1r\xd0\xbe\xc2&amp;2\xa3(\xee6&amp;\x91F9TS^\xa8\x8e\x19\x89\xe8 n\xe5\xf1\xe3\x96\x9f\x07\x0b\xd1\xa6\xd7\x1a\xcem\r\x91\xc9d\xd3\xd33\xe1\xd1g\r\x13d\xe8\x0f\x903&gt;M7\xd2\x15=Mi\x19\x17\xeb\xc3\xaf\x1c?\xf6\xe9\x85\xb4\x9d;k\x86\xe8\xc6V\xdf]L\xee\xe6\x1ck2&lt;\x8f\x89\x89\xe8@\xb7\xf89Ap\xe7-pI-S\xd1!\xb2\xf0\xf0\xa8iY\xec\xd9\xf6\x1e\xad^\x8fwq&lt;ll\x1c\xb6\xdb\x9f&lt;\x1b\xbcz8\xf7HxT\xfd\xf6\x93\x1f\x7f{x\xdb\xd5\x9f\xef=\x1bn\xc4G4=4T1d\xa7h}~7\xc1b5\x1a~\xe6\xd62\xc1\n7\x06\x84\x94\xb5t\xc7\x86\x87\x87Oo\x99\x8e\x1d\xc97i\xc9\xbd\x08\x9dv\x08D\xd0\xb3{w\xee\xfc\x875\xf3\xffI;\xbf\xe3\xf8nk\xbb\xb8\x9d\xb9\x8b\x10\xa2\xae\x86S\x94\x95\xda\xcfUP\xd0\xd2 \xac\xa5\xa8#*\x06\xa5\xf8\xdd\x0c&gt;(\x04\xa9\xf8\rk\x0e\xec\xa1=\xc1\xc9)\xc8\xed\xa8\xa6\xb4W\x04\xac\x8aC\xac#S\xaf\x96F\xab\xb5\xbd\xba^\xdd\xb5z\x89\xb7sik\xdb\xb9\xac\xe9\xf5.\xb7f\xcb^o\xdc\x7f \xaf|\xf8\x84\x84_\x1ey\xbd^\xef\xe7\xfb\xf5|a\x97\x12\xcdE\xed\x8d\xdc\xd3\xe0\xed\xd77\xd0\xa2f`\x11\xfd\x10\x9ci\xe9\x9c\x19\xbf|f|\x0c\xc3\x10V\\\xa4\xb2\xf5\xb3W\x08\xeb\xf8\x85UP\x07\xe0"\xab\xbc-\x9d\xabcKKc\x9e\xce\x1e\xdf\xf2\xc2\xc2\xe2\xe2B\xc0\xb7\xc1\xb0qE\x82R\xf5Ho\x08\xa8\x02\x0b\x8b\x97\x06n^\x9e\x99\xb1\x07\xed\xc1 c\xd0\xe3i\x19\xf7,a\x98\x07t\xeb~\x84zk\xff\x8f\x80u&lt;\xf9\x83\xa1b\xa0J\xcd\xa47y\xbc\xc3\xf7\xe8\xcdB\xef\xd8\xda\xd0L\x10\xc0\x80\xcbgg\xd7d3q\xbf\xc9P\x15\xda\x0e\xaf\x8en\xf6\xb4\x8c_\x9e\xeb\x9a\x9ba\xcf\x04\x19m\x1a\xaf\xc7\xbb\x845\r&amp;#9\x8d\x8c#\x8b\xfe\xeas\x94\xad\x13wT\xe4\xd4T2\x99\xde\x8d\xcd\x16\x177\xb5y\xbd\x9dg\xcf\xcc\x0f\xcc//\x07\x96\x17|\x8c\n\xc9\x083\x8f*\xff(\x87\xb2\xee\x03\xd0\xe5\x9e\x9e\xae\xa3G\x0b\xde\x8d;2\xc7`\xdb\xd9\x1a\xe1\xd2R:\x86u&amp;\x17\x14&lt;~;B&gt;\xf1_\xdf\x9e\x02\xae\xa3\x08+\x8dL\xe3\xebU*\xbdR\xea\x05i\xbc~\xffT\\\xf2\x99\xe5e\x9fo\xc3\xa6\xd4\x8e0q^\x92!\xc7\xb1\x0e\xc9Z\xf0\xcd\xdd\xfd\xe2\xfe\x17\x05q\x97\x92\xe7\xe7{\x06\x19m\xc0\x04-\xdfy*\xae R\x16\xe3\'\xef?FX\x17\xee\xa8hi)\x994&gt;]\xaf\x1a\xb50._8{\xe2\xe8\xf5SG\xbaV\x07\x03\x81\r\xcb(\x8b\xbb\x02XnC\x95c;\x80N\xc1\xf8\xeb\x97\x17N\x14\x1c\xf9\xe0\xec\xdd\x0b\xf3\x9d\xec)!\x86\xc1\xf5\xd3R\x10w\xfc\xd5O#\xe3\xf6\xa3\xdf\xfe\x1bJ\xd6\x1f![\x80\xc5\xe77\x94\xe5r\x18\xc1\xb9\xa1\x97g\x07\x06\x8e\xdc\xfc\xf3R\xff\xf6\xc6z\xc5$7\xdb\xec\xe6M\xc8\xaeV9\xd0Zr\xc1\xe7\xfd\xcb\xeb\xb3\x8b\xf3]g\xee\xacvv]fWh\xd2\xd3\x85X\xd3xA\xdc\xf5\xaf"\xf4w^\xf4/@!`\x86\xb8\xd3\x0cX\xa9\xb4\xbe\xbe\x86\x83\x1d\x15\x9e\xa9\xb5\xd9\x97 \x107\x071\x8e\xce\xa5S\x96sGD\xb2\x89\xdb\xbf\xff\xb0\x8a\xe2Z\xf7\x05|\xf6A\xec\xde\xd8\xdc\xcd\xaeq\x8fg\xa6gff\x8a\x83\xee\x1el&lt;\xac\xa6\x11\xc2\xda\xff\xe3\xe7\xc9\xc7\xaf#\x95\x87\xf1!\xb5\xb1\xb1\xef\x9c\xb6\xb9Y(\x9c}\xfdr\xb5\xd3\x93\xae\xb4\xe9l\xcar\xc3\x88A$\xbf}~\xc2\x9dC\xd1Y\xd6\xd7\xb7\xd9R\x0e\xcc\xc93\x8c\xc1)6\xdb3\xc5\x9e\n\x8f\x10\x08\xebq\xa4\xf6\xa7Q\xfb\x1e\x0c\x1d\x81\xc9f\x08e+6-1-\x91L#gL\xd7M\xdf\xbb7\xbb\x94\xce\xb1\xe9t\xfd\xd3V\x83\xe1#\xa6\xfcZ\xed\x84\xfb\x16A\xe7\xb2@\xb8\xa4R\xa9\xcb\xc2\x86wxY\x0f\xa3M\x18\xeb\xf8\xab\xf7\x7f\x19\x91*F\xff\xf6F\xbc\x95\r\xf7\x1f`\xa5\xb4\xc7B\x14\xa5\xc1\x89\x84\xc6\x9fF\x13\x95\xcd\xd6\xaf\x9c\xb4\x8a\xc0\xdc\'\x89kk?\xfe\xc4p:F\xe7\x82\x90J\xff#\x95\xea\x80j\xaa\xa2\xa2\xad\xad\xa2\x82\xd3\x8f\xb0N|\xfb\xcf\xd7\xff\xfdM\x04\xb8\xa2\xf6]T\xcb\xe4\xe6I\xef\xdd!\x159%\xb6\xbd\x1d&amp;\xc0\x14\xd4c\xd0\xfb\xfa\xf2M\x14\xe5\x8d\xe0\'\x98I\xbck\xb5\xb5\x13\xb2\x8f\xb8\x95\n]H\xa1\x90\xea`\xfc\xd3A\xd8\xd0,Xa\x0bc\xb5t\xf50\\\xca\x17\x87\xf6\\\xc7\xa8\xa8C\xee[\x86$\xb9Z\xbf\x8a\xb0\xd0\x08Xx\xf8\xb0 6\\\xc9\xbe\x86\xb2s\xe5\xd3eix\x82H\xa4\xce\x9b8_{~B\xce4\xb0H\nE\x88\xa2\xd0\xe9\x14111$\xf8p:\x00\xac\x035W\xe7\x8c\xc5US?\xf9\xfd\x9e\xb3\x15\x15\xf5\xec\xaa\xc1,J0%\x0e\x8f\x15\x03V;\x0c\xf2\xc0\x15\x0b`i\xa9\x89\x8d\xd6\x86\x06\x9a\xc0\x8f\xbbEL\x81\xf8\xf6\xf9\xdak\x80e\x1e\xa9\x8f\t\x85(\x0eG\x8c-\x06\x81)l\x9c\x0e\x140\xcfc\x83\xec\x98\x1aI%\xe1\xbb\x9fG\xed\x19\xeb\xf9U\x91Z\xc4LJ\xd4\x0f\xd3\xc9)\xdf \xac\x8f\x81+O\x00-\x96\x98\x98\xb9\x93\xe2\xf4\x8bMLQ\x91\xd3\x1f_\xfb\xe9y\xf8j^\xd1\x12(!\n\xa1\x92@ @\xaeH\x1d%\x12I\xbe\x04\x1c,H\x84g\xb0FRB\x08\x15\x1f\xda\xf3\xb5\xf8\xd6\xa7W\xd5Ej5\xb3\x91&gt;\x9b\x81\x8a\xe8\x04K]]\r\xae\xb0TPT\x14+p\xfa\xfd~\\\xe6V\x0b\xc0*\xd6~\xfd\x19/Id\x1eaIH\x14\x8a\x83\xf0\xb0\xbe\xbe\x92PB\xd4\xb2\x90\xe1oET\xe9m\x15\xad\xad\x04Gh\xf3O{.\xe2\xfe+\x1f&amp;\x08\x8a\x04\x89\x8d\xf4\xe6\x8c\xcc\x14\xb0\x88\x85h\x8bD\xa5V;\xc1\x80\x81=\x04\x83(7\xc9\xd4~\xf0\x8aW.\xc6\x1b\xddf\x03wz\x93\x14\xe3p&lt;\xec\xcd\xca\xea\xed\xcd\xe2fg\xefzX\xa5\x10Ko\xd3\x8c\x92H\x8e-\xc7\xf7{\xc6z\xe7\xa2\x1b\xc7\xdd\xa6_\xf5e\x14gd\xa6~S\xea,-=\x89\x96nT\xaa\xdf\xef4\x82o\x15\x1byy\t\xf8\x15\xe4\xc8\x8c\x82\x04\xa6\x81\xcb\xd2N\x96\xc4\x84\x08\x08\xab\xaa\xaa\x8a\x9b}+\x9b\xab%\xe6KF\xe1$j\x84J\x05\x89\xb4\xb5\xf5`\xcf\'1\xfa\xb9\xcc\x8f\'\xc9\x13\xac40\x18\xa9)\xa5Ng\xa9\xc0\xe8\x8f\x8fGy\x02[\xef\xf7\x8b\xc5b\xfcd\xbc_\xb0\xb3\xb3\xa3\xde\x11\x99\xb3YZ\xe2\xe4fI(\x9c\xad*xr X\xc4\xfc\xfc\xfc\xa6\xa6&amp;\xa1\xa6\xb5\xa4\x86\xf4\xe6\xcdw\xfb\xf7\xdc\xf27d\xb8I&amp;7\x94\xd3\xe8\x19\xff\xc7\x82\x0fO\xccC\\T\xf4P\xc5P\xcc\x93V\x1b{\xba\xcf\xba\x92\xadU2,\xadZ"\xc5\xf1\x10\xb8 [9U\xf0&amp;J\x10\xd5pS\xba\xa6\xe6t=\xe1\xcd\x9b\x17\x07\xf6\xda\xf3\x90-\x99I&amp;[Y\xf9\xa1\x98N&amp;\xa7\x81B\x00\x96\xd1h\x14\xfb\xe3\xa1\x94\x10T\x1en2\x99\xac\x96K\x03\xec\xe9r\xedfM\xf0\xddK\xf6V\xad#\\E\xa0\x02\xac\xac\xac\xd3Db~]\xd30&amp;\xd4\x90*\xebK"\x82\xf5\xcc\xf4\x89\\.3\xa7f\xaa\x8ai\xb4\xcc\x14\xa4\xa8N\xa3\x98\x8av\xba\x88K\x0cT\'\xd5f\xc7\xc2"\xa3\x7f\xb4\x95\xc4q\x05.\xc5-\xb8JB\xe1*V\xe5p\xb9\x80E\x04\xaa\xfc\xba\xbaalM\xd3A\xa8\xacDE\x8c\xdak\x11\x8f=\x95\xc9\xf2d\x8d\xedd\x95\x9eO#\xa7\xc6\xc6\x96:\xfda(\xe8z\x08\x1e.\xc7\x8d\xea\x9c\xadm\xa5^\xbfis\xb1\x19\xf6\x8d@`\xdde\xd9\xa2&lt;\xecE\xc9\xcaaei\x89\x12\x90.\xc0j\xd2h\x94\x14GeDZ\xfe\xad\xe7\xb8\x9c\'S;\xc9\xcd\x80EK\x8d\x05\x91\xd8\xe5\x8a\x17\x03\x988\x8c\x95\xc0\r\xfd\xe3\\F\xd94\x18W\xbb\xdd\xbe\xe1\xdbX\xdf\xde\n!,H\x17\x0bJ\x08T\x08kxmL\xa9\x089\xb6\x94\xcf\xf6,\xa7\xd1\xd17\x9c\xb8\xd1\xfd^\xfb\x0f\xdd*:\x9f\x9f\t\xb75T\x11aQy@\xb5\x8b\x857\x9e;\xa7\xa7\xd3G\xd9C\xab\x8c`\x00\xec\xd9\xb6%\x04z\x1a&gt;\x86\xac*\xe2.V7d\xcb[a\xd9r\x84f\x0fE\xe0R&lt;\xf6T`t\xab\xdb\x1f\xcd\xaa\xe8\r\xfc\xf0\xb5\xe8D\xdb@\xe8*\xd0\x06*On\xc2\xf3pu\x9f\n\xabkn\x0b\xb6\x0c\xb5\x04\xc1r0\\:G%d+,\x0e,m\xbeD2\x8a\xb0\x96\xbc\x83\xdb\xeb\x80\xf5\xe2@\x04&amp;\x9b\x03OM~\xb7\xdb\xff\xa8[U\xd6\xc0\xe7\xa7\xa2d\x15\x86\x97\x94TD\x85\xe3x\x9e\\m\xd5\xa7k\x84B\xb6\xaf\xa5\xa5\'\xe8\x0b\x04\xecR\nPe\xe5p\xe1 \x02\x164&lt;\xf4Vw\xd3\x9awp}c\xcb\x11\xf3 :*\x02\x03\xd7\xbf\x99p\xeb\x19S\x9a\x9b\xf5\r\r\x80\x05\\h\xa7\x0bUD\xdbe\x13\x8e\x9b\xde\xe3O\xa6k\xa6\xa6\xda\xd8\xc1\xc11/\xdb\xee[\x0e0\x14\x95\xe1s\x88\xa8r\xc3b\x1a\xc6Z\xf3B\xb6(\xfd\xbf\x8b\xc0\xdc\x1c\xf5\xces&amp;X\xad\xc2\x94\xe2n=\x9fO\x03,\xe0\x82\xdbz\x02\xad\xbdw\xd5\xa1,\xb7\xbf\r\xec\xec\xe6\xa6\xad_\xc5\x9f\xd6\xd9\x03PFE\xfd\xaej\xb1\xcaY\xb9\x07\xf3\xf3\'\x01\x0b[Z\xd2pl\x8a\x10\xf6\xebH`E\xdfP\xbb\xf1\xf8\xea\xd2\x0c\xc0\xca\xa0\x85GA4D@\x7fU\xf3\xf2\xd4Vk\x83v\xb4\x9f3::\xdd\xb0c^Yyb^\xe9U\x80\xf5\t\xda\xa5\x1d\x12\xa4\xf2,Vy\xee\x1f&amp;\xf3\'\xeb\xba\x01\x0b\xe3\xf4\x8fvl\xbd&gt;\x10\x91\x15\xf81?\x1e\x7f\xbb\x9a\xfa\xa8YO\xcf\xc8\x00\x0b[ZH\xad\x0e\x07//\xd1\x9a\x9b/\xe1TpF\xcb\xacO\xccO \xfe\xfa\xe5\x97\xbd\x7f\'\xe9,A_\xd0\xa2\xab9\x9d\xc5\xd2js\x0f\x1e$N\x1e\xac\xeb\xae\xc30\xcc\xd6\xa1l\xed\x7f\x10\x19\xef\xb3\xefk\xea\xb5k\xf1\x9f9U\xcd\xf4\x06HWZ;`\xa1|\x15\x1e\xfe\x1f\xedf\x1b\x93f\x96\xc5\xf1\x1a[\x95\x9d\xb0&amp;\xc8\xb2$\xa2h\x1d\xd2R\xca\x86\x97\xc7\x9a\x920\x9b\x16j\x18\x91\xacd\x11)\xd0\x04\xfb\xa1\x0bDAy+\xb6%\x90@B%5Rb\xd8\x117\x13\'\x12I\x80fB-\x9a\x82\xc9\xcc4\x9b\xd8\xad\xc6\x9a\xaa\x89\xbbn\xdb\x0f\xd3\x9dm\xab\xfba\xb2\xcd\xb4\xdb\x8c\xe9\x9e\xf3\xd0f\x93\xddo\xb3&lt;\'\xeaG\xf3\xcb\xff\xfc\xcf\xb9\xe7&gt;\xf7\xde6#\x13\xcfM\xd4E\xe3\xe4Md\xda\xde~\xf4-\xc4&gt;\xeb\xd2\xc4\xd4\xd2\x94\xc4\x90h\x82e\x87\xc9\xe1p@-\xabpk%\xce\xb0X\x9e\xac/V\x05\x8bF?\xbd{\xe7\xce\x9d/&gt;\x0f\x80\\b\x1d!\xc2\x1c\xc2\xe8\xfc\x9bO\x9bC\xbe`"!W\xdb\xf9\x0f\xb61\x1e="\xa9\x18\xcf._J\x18$K\xb7\xa6$2\x96F\x03P\x1c\xb0\x16`9\xcc\x1dz}\xe1\xc7\xba\xea|\x83\x00w\xfd\xee\xce\x9f\xba]\x04$\xd1\x1e@s\x01\x93\xa2\xe5\xc4\xa7\xcd*\xb9&lt;n\xcb\x16BEPh\x7f\x1f~\x9fA\x1c&lt;\x7f&gt;1qYn\x96,\x01\x98\xd9\x07\\IN\x12W\xea\xb4;\xf1\xd9\xe8)\xd3fc\x95\xf6\xaf\x87\x1a\xbf\xfe\xe2\xb7\xda\xd7\xaf\xc4b\x02\xa6\x1b\x11\xaf\xf2\t\\\xa1\xb8\x99\x8d\xab\xb36\x9bM~p\xf0\xecC\x1c\x1c&lt;\xff\x0b\x86\x0c/\x97\xddZ\x92\xc8}&gt;\xa6*\x99\x14\n\xd3\xe9\xf4\xfa\xfa\x93S\xa1\xd7\x8b\xf4*]9\x80\x96\xfa\xf2\xed\xee\xe2\x99=\x1d\xc1W\xe2\xc7\xe6+\xe7A\xb1\xf3\xda\x10\x1e\x08,H\xa6$\x07\xfb\x8f\xb6\xdf\xbcy\xf3]%\x91\xfb\xcf\x0e\xfe|\xfb\xf6\x92\x04bJb\xf6\xe95\x85\x82\xd5-\x15\xa6\xa3{\x8b\x9b\xaf\xde.\x1e\xae\xda%\x1b\x1a\xedpO]M\xdd+\x9dX\x89\xb3 \x06\x90\xb5\x17\x11\xcb/\x8f?\xd9\xde\xfe\xee\xcd\xbbw\xef\x90\x0ck\xf1\xdb\xfdg\xa4\xe51\x16\xe2\xbe\xac5\x0b\xceZq\xa77\xeb\xeb\xe1\xdf\xd0\x0eU3h4\xfa\xd5\r\x1d\xa1\xe4vA\x1a1\xd8\xdc\xa2\xd4\x96}b\xba9&gt;\x0e\x03\xf3\x9bw\xc8\x84\xd5\xf8\x08\x8d\xc6`\x18&amp;d2\xc0J\xf9\xd5Y\xa1T\x083\xa0p}\xb0\x86N\xa3U\x97\ng\x89\x1e\x90\x8bP*\x95\\\xc8\xa3H\xc4\x0b\xd8\xe2\xd9\x82q|\xbc\xaf\x0f\xa6\xf8\x7f\x8cc\xfe*qc\xe0\x02\x8b\x91\xb8l\x00{I\xf0XE\n\xbb\x8bt9\xbd\xf7KJ\xeeR\xd2\xe9?\x88\x03\x011\x1f\x83\xe0\x0b\xb8\xc5\xac-\x1b\x9a\xec\xec\xect\x8d\x8f\x1bM\xfa\xc4\x1cY\x82\x0c\x16D\x10\xb7\xf9\t\xb3A&amp;\x03,\x87C\xed\xb6\xa6\xcb\xe5\xcd:j\xb0\x0e\xb5\xee\x95\xcb\x01\x10\x8b \xc4b\xbe.\x9a,\x9a\x94\xae\xb6\xce\xce\xbe\x07\x9fp\xe2\x86\xa5\xdb\xf7\xef\xff\xf1&gt;,;\x92\tC\x05.!\x93\xc9R\xa9\x0c`A\x1dF!\x87\xb4C\x94D\xdd\xab2L]\\\x02\x9a\xaa\x98\xd0Y=F\xa0j\xebt\xf5=\xf8\xf5\xa8\x1c&amp;\x07\x00\xbbu\xeb\xd6\x14\xb4w\xc0j\xb2X\xe4\x06\x89\x04\xb8\xfcj(\xc3r\x94\xa2\x1c\xe20\xb1\xb9\x9e^\xb1C\x0e\xc5\xe2\x00A\xb8\xa3\xca\xf6\xa1!T\x0b6bL\x86L\x02\x9d\n\xcao\xc2@~\xaai\xea\xb7\x04\x13\xa5R85?\xef\x10Z\xa3v\xaar\x08qds\xa3\xbcR&amp;\xf8\x04\xa1\xd3!\x16\xbf\xbdy\xa8\xad\xaf\x0f\xbcu\xf3\x13\xa6&lt;\x91\x00.\x89\x81\xd5\x0f\xbb\x9b&amp;VSS\x7f\xd0,)\x95R\x0e\xb5\xd4\x1a\xf5\xd87\xaeRv\xdb\xbaa\x97\xb0\x97\xed\x04\xa8\xa5\x13\x07\xec\xd6\xc0\xe4$j\xd5\xd79\xd4\xe6\xba\x19*\x14\x8a\xf1\x84a\xee\xf2\x05\xd8\x18\xde\x18\xeeo\xea\x07,\x83\xac\x84\xdf\xbe\xa3\xc0\xb5\xd7J\xd9\xdd\xf4\xc6\x1f^\xeb\xecv\x9d\x0e\xa8\xec\x9e\xa8\x07\x06\x07\x17\x14b\xdb\xd0\xd0\x90kRi4\x99\x8a\xa3\xbe\x04\xc3\x07C)p\r\xf7\x07\x13P\x89\xb2\x8c\x03\xba\x960\xea\xf9\xf18\xb5Xe\xe4z\x8f5\x02r\xb5i\xbb\xbb\xd9Z.Wi*\x9aB\xa3r\x96\xef\x14\xcc\xca7\x06\x86-\x0c3\xd8m\xc1\xec\x90\xba\xa3n+\x85X\xb4\x9a\x17;\x84\xb8\x82\xa5\xf3x\xa2n\xcf\x08T\xe2P7\xec\xff\xd9\\\xbeR\xec\xc9\x86 \x8f\x0c\rS?&lt;0p\x81a^\x90\xc8d~hZQL"\x85X\xf4\x17;\\B\x87\\\xba@\xd4*\x95b\x16]C\xda+\xe7wv\xba\x08q@\x18/\x14\xe2\ty\xd0\xc2H\xb0\x82,\x83,%K\xcd\xfb\xb1\x0c\xa5n\x0f\x85X\xb0\x95\xdd\xe9\xe2+\x03:t\x97\xc7\xedw\xb8\xa3\x81\x91\x90\x11\xf6\x1d;|q\xc0S\x94\xc6m\xb0x\x9b\x17\xc8\xe4\xc1\xcaS\n\xcb\xfcj\xc8\xa1T\x98\xf4x\xf6(\xc5\x12@\xb6\x90Jg\x8f\xae\xe4rjk\xb1\x98\xb5z\x02\x84=\x9d\x16J\x1d~\xb3?nN\xc9`2-\xc1rX\x9a\x8dy\xa1\xc5\x0b\xdd\xeeb\xb1H-\xd6S\x91\x00\xd6\x1e;xK\xb7\x92\xcb\xe4\xb6\xd4R\xa9Z-u\xbb\xa1\xd8\x1c\x99\xcc\x02y\x98"\x93\xc5b\xa5\xa9\x18\xde\x81\xf0fr\x0e\xb7\xd0ZT\x15\x93\xd45\x08:\xbd\xf5\xa9\x88\'\x10pa\xf1!\xec[\xb9\xad\xad\x1c\xc6|\xc6\x9f\xcb\xccg2ao,\x96"\xefd\xcc\x02W)\xe6\xcd\x87\xbd)\x87\xdbjMbl\xb4Rg\xf9\xe3\x8fEl6\x08F@\x1a\xcb[\x0fg \x1e\xe6\xe6gR\xf3\xe1p\xd8;\x1b[^\x8e\xe5c\xb3x\x16\x1c\x0b\x87K\xde\xd9p8#E\xa8\x02\xc4\xc61*\xb1\x04l6\x0f\xb8\x02\xba\x8d\xf5\xf4\xcc\xea\xea\xcc*\xa8\x05\xb2\x84\xbd\xf9\xb1H$roy6\xb2\xbc\xbc\x1c\x89\xe4K\x80\x05\xd6\x92&amp;=I\x0el|4\x80E\xa3\x0c\xeb\xf4\xe3v\x1e\x1b\x0f0\xf8:\xddzyku\xed\xee\xda\xcc\xc3\x99\xb5\xb1\xbc\xf7\xae\xd3y\xef\xab\xc8\xbd\x08(\xe5\x8c8g\xbd\xf9X,\xef\xf5:\x92\x1e\x15l_5z\x9f\x86B,Z\xcf\xdf\x01\xeb\n\xe8\x05#\x17!\xf6\xe4\xd6\xc6\xc6\xd6V\x01\xcb9\xe6\x8cL\x7fu\r\xf4r:g#\xf7\x9c\xb3\xf9\xfc\xac\x13\xca\xd0\xadR%9L\xa6\xcfg\xc9R\x87\x05\x03\xd7\xdbv\x91\x16\xcf\xee\xa0O\xf0\t\xb1}k~m\xec\xee\xda]\xd0\'2}\xf2\xe4\x97\xce\xe9H\x04_\x00MG\x9c\xf9|\xd8\xef\x06\xad\x90J\xe3\xb3X|\x14b\xd1\x0f\x03\x96\x08\xd7@&lt;!\x03,O\xfa!H5=}\xf6\xda\xf4\xd9\x8fO\xe2\xfb\xb6\xb3\xf8t\xeb\xec\xb43?\xaf\xb6\xaa&lt;\x80\xc5\x84\x0c\xf6[,6\n\xb1h\x80\xd5&gt;\x84r\xb1E]0u\x89a\xe1^y\xb8\xf6\xe54&gt;\xb7\xc3We\'?&gt;w\xee\xdc\xc9k\xce\xd9pF-M\xaa \x85L\xa6\xbe\x1f\xa8(Vk\x17\xb1\x90\x8b\x07iD\x7f\xc1\xe2\x88\xa5\x88w\x81\xce\xe2##Pj\x0c\xfa\x82\xda\n\x05\x88Tz\xfd\x85~\x98\x9f\xd1[t\xea\xd4"\xb1\xd8\n\xb0\xbd\xe8\x03\x97\'\x9a^\xd9\x024\xaf\x17\xef\x03y\xc3\xe1\x9c\xd0\x91M\x02\x11\x87\xc3aj\x86\x81\n\xb0lYj\xd5\xea"\xd5\x02w\xb1y]\xe4\x0e\x08\x86\t\x98\xbd\xacB\x7f\x0ev^~\xd8NH\xad\x1cMA\xc5I"\x15j\xc5\xc2\xdd\x86/\xbb~\x86\xb2B\xa4\x1fy\xd9Ef\x11\xb10\x8f\x84\x12\xc9`\x80\xf6Xa\x02-Z!\n\xc9$\'\tb\x91T\xa8UG\x07\x0b\x93\xb8^\xbdO"\xff\x83\xd5\xf8B\xe0\x02,\xa4\xd2\xf2x\xa2.\x18\' \x08c\xc0\x9e\x84!\x01\xbc\x84?\x88\x85P\xe0v\xa0bu\xa0\\\xb6l\xb9\x97\xb2\xd7\xdf\xf4\x9a\xc5\x1dW{K\x8b\x82\xdd\xae\x85T\xf2\x04]\\.\x17\xf7\xd8#\xc6@\xc8\xa4R\x15U\x18\x1c24\x1a\x8d~\x18\xa9H\xb5lY\xe1\xab\x9fQ9pM6\xb7\xb4\xb4\\\xd7\xb2\xb1\x1ey\x00\x86\x97\xa7@3\xa31\x84\x1d=\x89*\x91Ri4\xbe~\xa4\xfa\x0c\xe4B\xcf\xc7\xbf?CU\x16\xe9\xf4c;.-`i\x15\nm\x85K$\x10\t\xba\xba\xdesU|\xfe\x1e\x0b\xbah?j\x85r\x05-6u\xf8\x9f\x1f\xd1\xe94\x1a\x159\xaci}\xeajnQ\\\xc7\x1f\xd2\xf5\xc0\xb5#\xc2^\xc1G.\x13$\x12=\xc5\x84?z\x9f\x0f\xa8X\xff\xc1J\xad\xfe\xeb\x08\xbd\xb1\xb6\xfaO:\x1bj\xeb\xbf~\xeaj?\xdar\xfd\xbaBq\x02oi\x00\xd6\x8e\x80\xc4\x9aT\x8e\x8c\x18C!\xd2YLr\x1d\xf4\x91\xc6\xc2\xbb\x10`\xfa\xa0%n.\xcd\xf4\xd6\x1d\x1b\xfc\x88^}\xaa\x9e]\xa8\xc4\xe6\xa3`zE\xf7\x89+\xdd\xdd\xa8\x96\x08\x9d\xcfW\x8e(+X\x08\x86\xe7\x9a\xa0\x15\x8b\xd5\xc1\xe8`|\xc3`\x00V&lt;h\x96-\xffm\xb3\xb7w\xf0\xe7\xd5\xcc$\xbd\x06\xa8\xea^&gt;m\x07,0\xfduP\xab\xbb\x1b\xe5\x12\x81X\x024\x17\xa9\x96\xe9\x03\x95\x1e\x9a;\x8aE\x06+\x18\x0c\xca\xcd\x86)\xe7_{{/\x0e\xfe\xa2Z\x9d\x82\x0eP\xf5\xf5\xf5\r\xc7\x1f7\x93X(\xd7\t\xd0\xeb\x03\x18)\x17\xa8e$\xb1F9\x95\xf5\xb9\x89\xc5@\xaeo\xf0[\x17\x895\xb1\xf4\xfdf\xef\xc5\xde\xab\xad=UyvGo\xac\xaf\xad\x07\xae\x86\x17W\x10\x0b\xf6\xf7G\x01\x0b\xb8*\xcd\x9eGb\xf1I\xb9\xd0\xf4xK\x1e\xda;\xf4wtU\x07\xe6\x10\xf4\x02\xac\xb9)\xc0\x82\xb8x\xf5L\xcf\xff\xff\x15\x15\xca\xa7\x01\xc5\xaa?\xbc\xab \xd5\xea\xc3j&lt;\xa1x\x9fG6\xafR\x8a|&gt;)\x97\x89\xbc\xbc?&lt;L6-V\x13\xeb}\x1e\x19\t\xc3\xdc\x9c\xa4\x82\x051\xd8S\x03X\xb4\x9fn\xa9\xc6\x86Z\xa0"\xb1\xea\x7f\xff\x87\x96v\x97\x0b\xd4\x02,,E\xc0bw\x93m\x02z\x17\xda\xdeh4\x9aT\xa7F\x99\x03\x03\xc3\xe4\xd5\x9f&amp;\xfcV\xc9\xb8t\x89\x91\xf8/\xac\x8b\x83\xbf:]\xf7\x13=\x86\x96\xaa\xad\xad\xab$\xf0\xdf\x95\x9cAH\x1cg\x18\x86\xd3\x99\x9d\x9def2eb\xb7\x13\x90Lv7\xd4\x19\x0c,A08\x87\xc6,BK\xb6\x81(\x85&amp;!\x8dA\x93x\xe8\xae\xa0B\xf1\xb0\xb0\x94\x14\x8a\x0b\x8a\xf5dh\x1b\x0f\xb1\xa5B.9y\xb6\xd7=\x15r\x14\xeb1(\xa4MC\xe3!\x04\xe9\xf7~\xff\xff\xef\xec\xaa\t\xc9\xb7;\xb3\xbb"\xf8\xf8\xbe\xef\xf7\xcd\xbf\xba3\x94x\x9d\xb1\xc8\xc4\x99nv\x91g\x04\r\xd5\xed\x93"_\x8b"^\xe7\xa7\xa7\x81\x05.\xc2:\x81\x111\x81?&lt;\xaf.\xf4\xfd}Y\xd5xml=\x8c\xcd\xf7\xffS\x1cA\xe9\x1a1\x99\x90*\xc3h\x9b\xbfp\xb6r9\xa4~\x88k\x84\x17\xab\x1c\xaf\xd3bv\xdd\xc0\xe9\xf1\x845\xc9T\xec\xe1\x04\x15\xb0\xbe\xddO\xb0\xc6\x05\x98\xfe\xc1{\x1d\x92\x8e\xd3\x98\xa2\x82u\x06\x1b\x08\xac\xdd\xa1\\&gt;\xdf\xcdX\xec#\xce}\xa0B3**\x8959)\xd2\x95`][X\xe8\xfb\xf9\x05\xf1$X\xc4E`\xef\xe1%\xb9\x97\x11L\x00B\xb4x@l\\\xcf3\x16Aucz1Wu\xa4\x9a?{\xb6\x1dkzz\x9e\xe4\x12X\xe0"\xa9fg\xaf-\xf4q#\x8e3\xd7\xde8\x8a\xb0\xd6K\x81o\xbd\xd3\xff\xccH(\x81\xd1\x8eeR\xb62\xf1\xd3\x11\x81\x85\xa2\xe1EU\xa0gy\xd4\xe2\xe2\x14S\r\x12\xd6\x00\xb00"\xa8p\xfca\xac\xd5\x85\xef\xf7\xc7I\xacq\xb1SX\xeba\x18Fe\xe3\xf8\xbb\xb8gf\xda\xb0\xa4\\\x19L\x88s\xf9s\xdd4O\x81FL\xecg\xb5J\xdd\xb9\xb8\x08\xad\x94\x87Lu\x13k@\xb6\x11T\xb3\xab\xd7\xfa\x1e=\x19oU\xad\xc6\xe1\x1a[/\x95\x88+\x88\xcaoM\xbf\x1c\xe7\t\x14\x05\xcbP.f2\x1b[\xf9&lt;\x8bE\xbbB\xa1@f\x82)\xc7XK8\xf8\x80\x8a\xc5Rj\xdd?sf\xe2\x8f\x89\xd9UR\xeb\xa7}\xe0\xd0\x8d\xa9\xb8\x14V\x18\x04Q\xf6\x8d!SJe\x12(\x83*\t\x97Er\x01,\x87\xd9\xc5U\xed\x9f\x99Qb\x01\xeb&lt;\xb0p\xc2\xab\xc4\xe2\x95\xcd\x04{\xf8\xef\xe5Z\xed\x9fZ[\x8dq\xb6\xc2R\xb8\x11\x04a\x14E\xb6~\x14\x98\x80\xc24\x17;\x83{\xd0\x10jQ\x0b\x00,\xda\xca\xe7\x18\x8bsOzu\xe7\xf0\x9f\xa8\xc6\xd2\xd2\xd2T\x93\x87&lt;&gt;\xa0H`W\xaf\x12\x16\xc0\xee\x03\x8b\xd2\xb5\xfa\xe8\x05q\x8c\xa9m,\xc1\x12j\x05\xc4\xe5\x1f\x06\xe3\xd1i\x1e.\xc0\x11\xd4\x87\x19\x13\\\xe9\x9dm\n}7cQ\xeaag\x7f\xff0\xb0\x9a\x17.\x90Z\x837\xe0\xe24zq\xb2\xebL\x17cq3\xce\xfe\xbe?\xc6\xf5\x9c\xef\xb2\xc8B\xa8\x15Fa\x14D\xbe\x1fy\xbe\xdda%\xaf[\x92\xd2\xe5\xb0\x02\x96\xa1\xb0p\xd3\xad\xbd\xed\x9c\xe8E\x8eV\xa1\xa0\xb0\xa6p\xee&amp;Q\xf1\xe5F\x90z|\xbc\xb3\xebf\xd7}\xb1\x18\xfc\xfae\xadTz^j\x15\xa0\xf8\t\x8b\x15A,\xdf\x8f}*\xcaX\x87R\x99CB\x19\xea\x11X&lt;\xeb\x89kw[\xa4\xaa\x80\xccW\tkx\x18\x1e6q\xe6\xdfw\x83\xb2D3\x12\xd9M^w\x9d\xf8\xf4e\xadR\xa9\x94J\x15\xbe\t.~\xa8\x80\xaa\x18\xc0D?\xf2\xe3l6\xf6\xe3r\xfa\xc3\xf6Lu8gtbA.\xd6Q\xd7v\xb6FFNu\xf3\xa0\xafbr\xf5\x0f\xffP\xaf7\xd7\xd6\x04\xd7\x8dA\x12mpt~\x9e\'\xfd$\x8f\x89\x8f\x7f|9V,\x86a\x85!\x98OVB\x05\x13\x19+\x1b\xd3\x9e\xa0\xb0\x9a:\xc4\x13\x06z\x00\x00\x03\xa8IDAT\x00\x85]J\xbeJ\xf1\xc4 2\x84\x0bG\xa4\xf4\xc6\xabO\x18\'\x87\xbd\xc4\xaa7\x9b\xcc\xc55x~\x94\x87\x04\xad$\xbe\xc2\xb0\xffb\xff\xb9Wl\x15\xb8\x18\x8c\xf6\x95\x90\xbe \xa9b\xc6\xcab\xcb\x1e\xcb\x08\r\x0e`\xa5Z\x1d)\'\xaa!\'\xaa\x89#e\xb4\xb7\xf5\xd9\xd0\xd0\xdc\xdc\x1c\x0f\xfa\x1ca-I\xae&amp;\xd5Zs\xed\xf3\xd1\xd1\x81\x01j\xc8\xf9\x8f\x06h\xe9\xf5\xeb\x8b\x8a\xef\xd1O\x16??(B1\x98\xc9\xe2\x15\xa5\x85-\xacl\xb6LXGt\x9f!F\x83\xc4\xd2\xe5\x9c\x17\xd9\x12`\xd6\xc6\xab\x95\xdeK\xbdw{\x01w\x1bWYh\xd4\xebK\xa8\xc6b\xa3\xb1\xb8tAF\x8c\xbar\xfe\xaf?/;\xae\xe3\xa1\x1c~\x08\xa4`\x04%\xe4\x0b\x02OR\xb1\x89\xd9r9{\xcc\xech@\xbd\x85e\x98\x07\x0f?ry\x83\xefJk\xf1\xcer\xcf\xca\xc5+|U\x03\xb2\x11\xd5h\xcc&lt;{\x96\x7f\x96\xcfWq\xea\xebZ\xbd\x8e\xb3\xd0\x07\xbf\xf9\xaf\xe4\xba\xb1\xef8\x0e\xda\xcc\'0\x02\xa9Th#\xa8PRy\x1e\x98\x94\x87\x07\xb1R\x07\x03\xd6jG\x1e\x10R3\xd8\x98N[\xd1\xce\xf2\xc3\x9e[8q\xf9\xf6o\xfd8I?\xc7K/ZG\x9f\x92W\x00"c\xa7^\xefy\xb6M\\\xb1+*\xf6\x85\x8d*h0\xd0\x8b\x80\xe5s\xe4\xe3\x03Xz\xbb\x89)\x19x#Yn\x19-\x07E\xa55\x02\xdb|\x80s\xaa\xf9\xb4\xf8\x02\xbd\xe3\xb8{\xef\xde\xca\xca\xca\xf5\xdeS4\xce08N\xbf~\x12\xda6\xb0\xa8\xc4\x83\xcfj\t\x95$\x161I*\x1fj\xc5\x84U&gt;f\xbe\xad\x8c6\xd9``*\xa5\xa0\xd2i\x8d\xca\xdd\xd8]~\xf0\xf0K\\\xd9`\xee\xee\xbd\x8b\x17{zz\x1e\xf7\xdc\xba\xd2{\x87^\x8f\x9c\xdc\xda+Z\x96m1\x98-\xca\xf5\x9d@@\x15\x03\x84\xac\xe8yB)/F\xa9\xc4\x93Z\xfa!\xb5\x8e\x18\x17\xa6ZW\xa4\xd2\x02\x8b\xd4\xd2@fGD\xf6\xf0\xd6\xa5;\x97\xf0yO\xfe\x943.\xf0\xb1\xf2\xf8\xe9\xe6N`i\x16\x95\x00\xe2\'$\x97\x9c\x14\x1e\xfa\x92\xf6\x0e\xf5\x81\x8f\xd8\xb5\xa8$\x96\n{J?\x9a,\xd3\xf1 \x90Di\xa2\x88lgs\x19\x17:\xc0\x15\x18pq\x88\xe5\xcd\xdd\xf5\xc8\xd6\x00e\x0b\xb9\xc43\xc2r\x84}hH\xbeSs\x12\x96\xd3\xc2B\xb4\xb2\xb6\xadL\xd4SG\xb0\xa4\xdaF*\xc6\xa9\x9e\x84+\xa1BY\xae\x1f\x85\x1b\xaa\x82\xd8\x85Nt/\x83\x86\x15\xa3\x8d\xe2\xe5:\x1c(/)\x07-J[\x8c\xae@\xb2\xe2\xac\xdd\x86u\xc0\xb4\x8e\xd5\xa9a&amp;i\xcf\x98\x82\x89\xb1$\x1b\xbf\xb0\xd2\x96\xc6\xfa\xc0\\\xcb\x92\\\x00\x13T\xec\xa4\x0f\xef\x04\x0eo\x0e\xc4rb"\xa3\x1eu]\xa6*\xe3\x1b\xdf\x14\xf9\x8eE3\x82\'5\x92&gt;2I\xbb\x93\xe9\xb6/\xa5\x19\xcfRPe\xab\x15|\x00\x15%\x94P\n\x1eb\xe1@\xf6\xfa\x98\x1f\xee!\xac\xce\x15\x84.\x0eI:\x0e\x83x\x06\x14\xca\xb9L&lt;G^ks\x92\x9fY\x12\xcbRX`*\xb7\x9a\x11\x10D\xe5\xc8i\xaf\xb0\x1c\x97\xa9\\\x9fLvm\xcaW\x07V\xa6\xbd\xe1\xe4\xcc\xe4\xf7\xd4Lb\x82\x04X\x003U\xb8:\xa9\xe0\x9b\xa6%HLe\xd3oo\x89\xd9\xc5\x10\x9e\xc4rd\xae\x14\x16\x8f6lYW`u\xb4\x1a/\xbbX\x1c\x96G\x97R1\x96\xceX\x80\x10\xf3\xf4pY\x87\xcbVb9\xaePGr\x89\x17\xbeH&lt;\xab\xe5\xb4\xa6.a\xf1\xb1.\x99]2E\xc0\xc2[}B\x13\xa9\x92j\x89\xdch\xaccZ\x86]%\x8b\xb9\xb4\xa3\xb8\x04\x94\xab\xa8\xa4wj/\x12\xaf\x8a\x15\xb3\xfe\x07]\x02\x8b.\x7f\xf7o\xfc\x00\x00\x00\x00IEND\xaeB`\x82'</t>
        </is>
      </c>
      <c r="M16" s="3" t="n">
        <v>45492.67752314815</v>
      </c>
    </row>
    <row r="17">
      <c r="A17" t="n">
        <v>27756</v>
      </c>
      <c r="B17" t="n">
        <v>1954</v>
      </c>
      <c r="C17" t="inlineStr">
        <is>
          <t>Cássio</t>
        </is>
      </c>
      <c r="D17" t="inlineStr">
        <is>
          <t>Cássio</t>
        </is>
      </c>
      <c r="E17" t="inlineStr">
        <is>
          <t>GOL</t>
        </is>
      </c>
      <c r="F17" t="inlineStr">
        <is>
          <t>GOL</t>
        </is>
      </c>
      <c r="G17" t="inlineStr">
        <is>
          <t>GOL</t>
        </is>
      </c>
      <c r="H17" t="n">
        <v>195</v>
      </c>
      <c r="I17" t="n">
        <v>1</v>
      </c>
      <c r="J17" s="2" t="n">
        <v>31933</v>
      </c>
      <c r="K17" t="inlineStr">
        <is>
          <t>Left</t>
        </is>
      </c>
      <c r="L1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04d539a-1d8d-4f7e-ab69-0adb5ed993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12k\xfc\x00\x00\x00\tpHYs\x00\x00\x0e\xc4\x00\x00\x0e\xc4\x01\x95+\x0e\x1b\x00\x00\x03\x00PLTE\xff\xff\xff\x00V\xff\x00d\xff\x0b\x0c\t\x00_\xff\x00X\xff\x00f\xff\xfe\xff\xff\x00Z\xff\x00i\xff\x00L\xff\x00k\xff\x06\x07\x04\xfd\xfe\xfe\x00S\xff\x00m\xff\xd9\xb0\xae\x00b\xff\x1b\x1b\x17\x11\x12\x0e\xe4\xd2\xd5\xd6\xad\xab\x00c\xff\xe2\xcf\xd2\x00a\xff\xe0\xcb\xce  \x1c\x00\\\xff\x00]\xff\x00U\xff\xb0\x91\x8f\xc3\x99\x97\x00Q\xff\xe9\xb9\xbd\xab\x8e\x8b\xa2\x87\x83\xdc\xb3\xb1\xbd\x97\x95\xcd\xa6\xa3\x00^\xff\xc9\xa3\xa2\xc5\x9d\x9b\xb8\x92\x8f\xd2\xab\xa9\x97\x80y\xba\x95\x93\x01d\xfe\xe5\xd5\xd8\xb2\x95\x93\xca\xac\xb0\xa7\x8b\x87\xc9\xa0\x9d\x15\x16\x12\x00H\xff\x00g\xfe$$!\xe1\xac\xae\x93}v\x9d\x84~\xc1\x9c\x9a\xdd\xb5\xb4\xb6\x8e\x8c\xae\x88\x85\xdd\xa8\xa9\xc3\xa4\xa830.\xf8\xf9\xf9\xb1\x8c\x89(\'$\xcc\xb4\xbb\xe1\xb6\xb6\xbe\x9a\x98\xdf\xc8\xcb\xe7\xb3\xb6\x86sl742\xd4\xa7\xa6\xce\xb9\xc0.,)\xea\xbd\xc0\xce\x9e\x9f\xa8\x85\x81\xe5\xaf\xb2\xc6\xa8\xac\xbb\x9c\x9f\xc4\x81\x86\x8bwp\xd1\xbd\xc4\xcb\xb0\xb5\xcf\xa9\xa6\xe8\xd8\xdc\xd2\xb5\xb8\xe3\xb8\xba\xe2\xb2\xb3@85\xc8\x88\x8d\xbe|\x81\xc0\xa1\xa2\xe8\xb5\xb9\xe5\xef\xf9\xd5\xc0\xc7\xd1\xa3\xa3+*\'\xa6\x81}\x90{q\xea\xf2\xf9\xc5\xa0\x9f\x9e~y\xca\xa7\xa8\xf1\xf1\xf1\xfc\xfc\xfc\xf3\xf6\xf7\xb8uz\xbf\x94\x93\xb7\x98\x98\xdd\xc5\xc6\xc7\x94\x96\xcf\x99\x9c\xd5\xd6\xd5\x00C\xff\xca\x9b\x9b\xb0\x7f\x80\xdb\xc0\xc3\x00a\xfe\x00r\xff\xb6\x86\x88\xd9\xbb\xbf\xec\xec\xeb\xd0\x8b\x91\xbe\x8d\x8f\xc6\x8e\x92\xe6\xe7\xe6\xd0\xb0\xb3\xdc\xc7\xce\x00W\xfe\x96wt\x01]\xfe\xdb\xa2\xa5\xadxz\x00o\xff~nk\xce\xcf\xcf\xcc\x93\x97\xd6\xb9\xbc\xb9}\x81\xd8\xc3\xcc\xd6\x9e\xa1\xdd\xad\xad\x81ieH&gt;&lt;;=:\x9dop\xbc\x85\x88IJI\xdc\xdd\xdcv`\\jli\x97ce\x00&gt;\xffTUQ\xe4\xbb\xc2nYV\xa4tu\xe0\xec\xfaaPMBC@ugc\xba\xd3\xfassrbd`\xd7\x93\x99\xc2\xae\xb4\xc9\xca\xc8\xb0nr\xe7\xa3\xa9\\Y[YJH\xba\xa2\xac\xa0\xa2\x9e|~{\xde\x98\x9f\x1bo\xfd\xd6\xe5\xf6\xae\xaf\xac\xdc\xe9\xf6\x87XX\x9f\xc2\xfa\x8chg\x005\xfe\xaf\x98\xa2eVRb\x9b\xfd\xb4\xb6\xb3QEB\xe2\xe2\xe1R\x8e\xfc\xd0\xe1\xf8\x00O\xff\x8f\x90\x8c\xad\xcd\xfa\xaa\x93\x98\xc8\xdc\xf8\xba\xbc\xba\xc4\xc6\xc3\'s\xfeA\x84\xfd\x81\xb0\xfc\x10a\xfe2}\xfd\xbf\xc0\xbe\xe3\xed\xf5\x87\x88\x84\x9a\x9d\x9a\x95\x96\x93t\xa5\xfc\x98\x84\x87\x06k\xfdc^i\x13k\xfe\x8f\xb9\xfb;~\xeb5:NmFD\x00*\xfd\xa6gj\xa0\x8b\x96\xd9\xe2\xe9\xa8\xaa\xa8FKk\x83y\x8a\xb3\xb1\xcaih\x82\xb1\xbd\xdff\x95\xe8"c\xfe$r\xf4NJX\x10h\xf3\x8b\x82\x94C\x85\xf3\x80\xa5\xe7\x1ec\xdd\xa1\xa6\xce\x96\x89\x9d\x04T\xec\x9c\x97\xaa\x04\x8b\xff\x94\xb0\xe5Gt\xcf\x83\x95\xc6cp\x9d]{\xc4Gc\xae\x1eL\xfa\x1b3c0M\x91\x0c]\xa8\xf3\x00\x00 \x00IDATx\xda\xc4\x98\xcfK\x1b\xeb\x1e\xc6\x0f\xcc6\x03a\x86lfaHkB2I\xe0\xd2\x0cL\xa2\xce\x841C$N\x98&amp;.\xbc\x044\xf7^!?0jo\x0e\xb6\x98E\xaeD\x0f\x84\xca\xb1\xf4\x9a\x8cQ\x13\xf1$hQ\x10\x1a\xea\xa2H\xb8\xd2\xb8pq\xba\x92\xd3r9\x9bnJ\xe9\xae\xbb\xbb\xbf\xcf;\xfa\'D\xfdb&amp;c\x14\xf3\xf1y\x9e\xf7\xfb~\xdf\xfc\xf4\xd3@\x8a\xa6\xe9\xa5\xf1\xdbZ\xc27?=x\x81\x81\xa6\x17/?\xfcqr\xd2j\xe1q\xf6\xf5\xc5\xea\xd2\x83\x83A\x1az|\xf3\xea@d8\x8ec\x04\x86a\x04\xed\xf8z\xf1A\x15#L\x8b\x9b\x1f\xce\x8eTU\xd5\xb3"\'\xaa`\x139N;&gt;}@\xc1\xa0\xd3\xfa\x87\xd6\x91&amp;\x8a\xaa*2\x02\xc5\xe0\x89#\xc50\x00{\xf60\x8a!\xe5{_a\x1e\x03\x91\xd4\xac`a\t\xdc\r\x16\x01;zw9\xfe\x00\\\xb0\xef\xdd\x81\x9eU\x19ATE\x95\xb10\xba.\n,\xcb\n\x82\xc0\nf\xcc\x0e\xde/\xde;\x16\xbdty\xb6\xad\xea*\xc7p\n\xe0(AQ9\xc1ba\x19\x08&amp;\x8a\xb0\x14t\xd9\xb3\xf5\xa5\xfb\x05\xa3\x9f\x9d\xb6\x14M\xd1UQ\xe04%\xcb1Z\x96\x81V\xaa\xa6\xe9Y\x9d\x14\xc0XAl\x9d\xde\xa7\x914\xbd\xfa\xe9H\xcd\x12.\x91\x11\x81"*\nn8U\xd1\x91*\x92\xad,H\x05\x96a\xb6\xdf\xdf\x1f\x17\xbd\xb4\xf9V\x14u-\xad)\n\xd4Q\xf0l(\x8a\xae\xab\xa6R*.\xf0\x96\x11\x05\x8a\x12X\xfd\xd3\xb3{\xe2\xa2\x97Nw\xb1\xfcDUI\x1b\x1a\xd8\xd2\x86a\xf4qI\xa7\xd3\xd0\r\xab2\xab#n\xc8&lt;\xe1b\xf4\xab\xd5{\t\x18\xb4\xdaE7\xe7T-m\x96\xd1?&lt;\xecv\xfb]\\\r\x8d,M\x0efB\xc6,\x1a&gt;KaQ^\xdd\x87^4\xbd\xb7+P\xac\xaa\xeb\xd9\xac\xa6\x19\xdd\xc3v}\xb2^\xef\xe1\xab\xd9l\xb7\x0f\xfbi\x1d\x1b\x10\xe1"\x0b\x81a)\x96\x13?\xddCc\xa5\xf7NX\x96\x01\x95b2\xf5BIy("\xfd\xfc\xf3_\xe4B\xd57=\xf9\xeb\x9b\xf6\xa1\x81\x9c!qh\x19Yp\xc1\xc7\xaf\xe3\xf4\x9d7\xd1\x16E1"\xe2\x93\xbeh\xd6\xabIibt\xde\xbd\x90\xf2zS\xf3~\x19\x84\xd2\x10\xcf\'\xab\xe7_\xd2\x8a\xa6\x11?\x05\xca\xc2\n\xea\xfb;\xe6\xa2\x97\xde1\xc0Bo0\xda\xbd^!\xe2\xf4x\xdc`"\x95r\x8d:=n\x97\xcb\xe5\x1e\x1d\x95:\xf5\xbe\x91\xd6\xd0\xd4\x18\xc2\xc5\xea\xd7wk\xe3\xd2\xe96\xe2\x92U\x14\xe3p\xb2 \xf3\x13\x1e\xb7\xd7k\xb3\xdal6\xefmY\xbd)w `\xe7#\xd5\x0b\xc4L\xc0\xda\xa0\x88^\xbb{w\xc9E_\x9e\xe0]\x18\x1dZU#\xbc\xd39\xefvym6\xab\x15`^\xf2\x84\x1b`A\xb1\x80\xc7_hw\xd3\xcc\r\x17\xc5\x08\xc7\xcf\xee\x0e\x8b\x1e\xff\xccP\x16\x8a\xd3\x8d\xf3\xa4\xdf\t\xa9\xdc\xae\x14h\xc6\xc6\x86Qc\xe6\x13\xc0\xe2\x10\xcd\xe5\x1a\xf5W\x9b_\x14\xacYb#\xd6\xe3\xdd\xc5\x9e\xa6O5\xfc\xeb\x94\x98\xeeIN\'\xc9\xba\xcbk\xb5\xdd\xf2\x0c\x8f\xcd\xfck&amp;\x8a{b)&lt;u\xb9\x9d\xd5\xde!g\xc1J\xa4,\xe0\xd2^\xdc\x95\x8d\xf4j\x8b\xc1\xe4"j\x17\xb2I5?\x0f\xaca\x13j\xcc\x8a\xc70\xa1\x1a3\xad\xb4\xdaR.\x17_\xedu1\x87\x91\xd5HQlk\xf5n\xb8\xe8\xf1\xf7\x1a\x06*.\xdd\xcf\xf3~\xe7\xe8\xa8g\xd4\x93\xb1\xde\xb8G\x04\xb3\x8eEI\x91;\xabu\x98\x84\x0c\\\xf546 \x81\xc4\x8b\x12&gt;\xdf\x8d\x8d\xf4\xfa\t\x87\xf4j\xfd\xfa\x13\xc9?\xe1\x1c\xb5\x07\\\x19\xdb\xd8-\x16Q+\x1a\x9d\x99\x99\x19\x1b6\xb1pI\xa5\x02|\xa3\xadS,\xe1\x82^\xca&amp;}\'\xc9\xda&lt;\x12(\x0e\xbd=44\x84\xc0\xdb\xd1\xb1H\xe0a\x18\xb9\x10\x96\xd9\xd9(\xe2\x05$\x1bA\xf3z\xdd\x01\x7f\xf5Pg\xc9\x16D\xe4\x82\x8dw1\xf9}\xc2;`jh&gt;\x1e\x1a\xe2\'\x9c\xf6@\xc0\x15\x8f\x93\xce\x80\xb2\x0e\xe3k8J\xf4\x8a\x0e\xdf4\n4\xd8\x94\xdb\xcew\x0eEA &amp;R\xacx=\xf8Y\x82\xa6/\xdf\xaa\x14\xa3\x18\xdd\xe9G\xc0r:=\x014\xa8T*n\xbb\xe9\xa7\x10\xc8V#+r\xb8f\x8b\xdf@\xa1\xe1\xdby\xa9\xd3eX\xea\xa6\x8e\x17\xef\x00\xeb\x83&amp;\x12\xac\x0b\xdf#\xec\xcdE$\xeb\x06\x0b\x95I$\xa0\x9b5\x1c\xae\xcd\xce\xce\x86\xc3\xe1x\xdc\xe5J\xe0\xc7\xee\x80\xdd\xcfK=\x05\x03\x0e\t\x17\xa5\xbf\x18&lt;\xd6\xf8\xb1\xce\xb1\x9c\xd6o\xfa\x9eD"\x11~\xd4eV \x90\xc9\xc4\x13\x89\xcc\xcb\xad8\xa8j\xb3Q\x13+\x93XI\xac\xac\x04V&lt;\x9e\xa2\xc4\xcbm\x8ee\xcd\xde\xc5~\x1et\x8f@\xe0\xb71\n\x8b\xe9\xee-\x96\'@\xb6\x18\x8f\'\x10G\x90\xc2\xe1\x97a\xeb0\x81\x8a\xce\xd6p\x1fO&lt;O\xac\xac\xd9=\x1e\xbb\x9d\xc7\xf6\xd8%\'5\xe8e\xd9]\x1c0\x17=~\x95\xc5i\x863\xbaoF\x1eG"2o\x0f\xc0\xa2\xa2\'\xe0\xb5\xd5\x82\xb5Z\xd8\x94\xca\xac`0X\x8bgP+v\x94\xb3\xc8G\x92u\x03\\p\xd1"~\x1c4\xd6\xfa\t\xc31\xac\xb8\xdb\x7f\xe3\xcb\xc9\x91\x88\xe4\x84T\x08X\n\xde\x85\x83\xc1\xa9`\x10\xd7\xb0\xf9 \x17x\x1a\x87\x98E\x80\xf1\xb2\\h\xa6\x05\xd2\xea-\xec\xd9\xd2\x80\xe7\xac\x8f\xdb,\x0e\r\xea\xaeQ\x1f\xc9\xc9\xb2\xc4;\xed\x1eg\xd1\x9e\x88\x9bPS\xb1)R\xc1p\x8d\xd0\x11\xcap\xd8\x86\t\xc7\xc9\xdb\xedE9\x99\xcb7qR#\xa1o=\x1b,\xd6\xe2\x99\x80M\x97\x11\x8d\xfed5\x89lE\x9c\xf6b\xa5\xf2|+\x0c\x9a\xd8\x9cc\x8eT,6E\x08q3\x87W\xad\xd6\x0c\xe6.t\x92H.\x97\x9f\xec\x9a\x83\x04u0\xd0\x8eJ\xd3/\xb6Y\xf2\x01\x83\xda\xefNN\xe7\x922\xe9\x10|\xe5\xd5V\x18}\xdd\x81zz\x03\x06\xb29\xf3;`\xd5j\xf1\xc4\n/\xf1~9W\x98\xce7\xb1\x9db1n\x0f\xb4E`V&gt;\xe2H\xf3\xd1\xbb\xfd\xba\xef\x06K*\xae=\xdf\xc2\x86\x18\xfd\xed\xb7\x19\xc7\x0c\x04\x03\x8d\x03tO\t\xd6\x0c\xa2o\x8b#\xf5\x92\x1cI&amp;\x0b\xf9\xfc\x1bC$=\x82\xfb}\x90\x99\xa7W\x8f\x0f\xc8\'\x1f\x94b\x18\x93\xb9d\x12`R\xa4\xb2\xb6\x9c\xc8\xa4\xbc\x0b\x0b\xbf\xfcb\xb3\xce\x00\x0cd\x8e\xd8\xac#\x16s\x804\n*\xb4/\xa7\x9cL\x8e\x14B\xa1_\xfb\x06QK\xf84\xc01\x82\xa6\xafO\x8e\xccin\xfb\xa8?\x99C\x86s\xb2$\xc9\xe5Je\xd9^\x96\xa4R\xa9\\\x8eG\x89\x87\xc4=\xc7T\x8d\xcc_\xdeLb\xd9^,\x16#r\xd2\x17\n\x85\xea\x86!Z\xf0\x07\x8eW\x07\x89\xf5\xeel\x9b"g\x85\xb4\xd6\xefA\xacB\x01T\x80)\x977:\xd5Bc\x7f\xa3T\xb4\xc5\x90\xab\xa7O\xa7\x82\xb1\xf0\xcar\xb9\x94{\xf2\x08VGdT\xd2\x97\x0f\x85\x9ai\xc5\xc4\xda]\x1fd/={\xb7\x8b\xe1\xc4\xc2\xeaJ\xb7\x8a\xac\xf8\ne\xd9\xc4*u\xf6\xcf{\xd5B\xa7SI\xd4\xa2Q\x98X\x8b\xd7\xb6v\xf0\xe2y\x0f\xe75\x02%\x17\x9e\x8cL\xe7\xf3\xcd\xb4\xc8\x99r\xef\r\x10\xebE\xebz\x9b!\x9f\xaa\xe9\xdaa\x95\xa8\x95\xcb\xe5\xca%\xd4F\x03\x04\xfb\x8dF\xe7\xf5Z\x1c\xf3\x96\xc3\x11Nd\x9e\xef4\xa6\x9b\xedz\xbdY\xe5#\xa5\x1c~\xf9q\x1e\x91O\xa3\x19C.f\x80}~\xe9C\xeb\xa3f\xfe\xb38K\x17\xf0F\xbeB\xa1T~\xbd\xb3\xf3\xbaTq:+\xe5\\g\xbfQZ[\x89O9\xe6\xb6*\x95R\xe3\xfc\x9c\xb0\xee\xf7\xf6;\x12\xb8\xaa\xbe\x90\x89%\x10,\xcb\xd7\x81\xcd\\\xf4\xe2\xd5\xd5u6K\xb2\xa5(\xed\x02L\xac6:\xe5e\xcc\x08n\x0c\t\x13\x13\xf3\xf3\x9e\x9d\x8d\xce\xc6N"\x18\x8b%J\x8d}0JN\xcf\xc2\xc2&lt;_\x96J\x9dd5\x14\x9a\x9e\xae\x1b\x9c\xd9\xb8\xa8\xcf\x83\x1b\x05/O&gt;|\xe6D\xf3\xe0\xaa\xd4a`5\xdfklT\x12\xf1\x84\xe4\x1f\x1a\x927r\x1d\xc9\xed\xa9\xbc\xdey\x15\x9c\x8b=\xdf\xe8\x94\'\xe6\xa5\xa4l\x9eB\x16R\xc5\x08\xe9Z\x93\xf9iC5\xa7\x1b\xf6\xeb\xe0L\\\xff\xe3\xf4D$\xdd\x94\xcb\xea\x04+Th\xe4\xca\xf6D%Wmw\xbb\x17\xd5N\xa7!\xdb\x8b;\xc0r\x00\xab\xe4\x9f\x90\x1b\x8dF\xbd&gt;\r\xbb\xf9\x85\x7fDF|!d\xbe\x9f\xc5Do\xb1\x08\x83\xcb\x16\xbdw|v`n\x1e\x8cJ\xb0\x92 \xabx\x02\x1b\xbd\xfa\x9f\xddo\xdf\xce~\xfc\x07\xae\x95\x8b\x95\x1b\xac\x92\x0c\xe3\xf6\xab\xdf\x0e\xdb\x87\xe9\x8bj/\xb901\xe2\xf3M\x87|\x17\xba\xc0b[&lt;\xba\xa4\x07\xb7\x10\xcfNZ:\x99{oM,$\xe5b\xa0|\xfe\xe5\xbf?\xfe\xfc\xfe\xfd\xec\xc7\xbf\x97_\xff}yem\xe7o/\xa7\xa6^m\x94y\xe9\x9f\xa5\xbf\xfe\xef\xdb\xb7\xef\x07o&amp;\xdb=\xde\xed\x87\x8b\xbe\x11\xcc\x10\x14\xb0\xde\x0e\xae\x9d\xd2\x9b\x07G\x07\xe4\xa8\xc7\x8a\xbaF\xf6\x9e\xff\xb3f~?i\xaci\x1c\xdf\xa4\xb7NB\xdapqz!\x11\x84\xcc0\x90\xf5@\x93\xf2C@\xa5\x0b\x11\x89?8\x1d\xce\xb2\x0b\xce\xd4D!(\x9c\xa1;C`\x13t\x18\x9b\x18&amp;J\'\xa0B\xb5D%\xa7\xa6\xb2B{,Ic\x9a\xd3\xb4\\\x98\x93\xf6\xca\xb4f\xb37\xc6\xf3\x9f\xec\xf3\xd2s\xfe\x83\x99Do\x88\xf1\xc3\xf3&gt;\xf3}\xbe\xdf\xe7u\xbb2DFj4\xcb\xbf\x1c\xbf\x7f\x7f\xfc\xebpp\x95\xe7\x9ep2%\x94J\x82T\xc8\xd4\xf9\'O\x7fy\xf9\xea\xe0\x7f\xbf\x17\xae\xdf\xc5\xcd\x84\xdbnw\xe8\x02\xe3wQ\xca\xf8\xa2X\xca\xc0&amp;&gt;&lt;\xdb\xdd\x05\xc3|\xf7\xde\xed\xe9\xf9p\x1c\\\x8d\x99H:\x0b5\xb6\xbc8b\xda\xd0\xae\x94E\xb1&lt;\xab\x9e\x95\x19\xa1[\xa2%W\x86\xe3\xea\xdc\x0f\xbf\x87\xb774\xc5\xday\xdc\xa5\xf7.\x9b\x00k\n\xba\xf3\xde\xfcUJ\xc1\xcd\xf2\xf3W\xaf\xaf\xe1\x99\x06/\xbf\xe16\x1a\xcd\x1a&lt;B\x14E\x8a\x168\xbc(\x8a\xb4H\x95W\xf0"`A\xb5d\xb7\x91\x00\xac2|\x9e\x13\x8b\xa0\x1b\xfa\xa4\x7f\xce\x81\xb0\x96\xee\xdd{\xf0\xf3\xd1\x96R-\x0fX\'?\x03T\xa3q=\xbe\xf4q\xd9k\xf6C\x9c&amp;!\x8d\xe5\xb8\xd9Y\xbe\xcc\x97\xe1\x99M\xfa\xeb\xa8Z\xdd\x16#\xe5\xf3"\xc7\xf1\xfd\x0f\xc5\xa2\xd3\xe5\xc2q\xa3\xd6\xa2KL=X\xba?\xfd\xfa\xfd\xaf\x13\xca\xadD^ \xd9\xbei4\x8e\xc6\x7f\x8e\xbb\xfcN\x83\xfa\t\xe4\xd3 \t9\xa2\x02\xa6\x1d"59[\x94Y\xaa\xdb\xe9\xb6()_(\x92\xa3j\x94\xd2\xf8\\\x8ep\xfaq\x83uPk\xb1\xef,\xed|\xdc\x99\x9a\xdf\\W\xa8\\\x80\xf5\xea\xbc\xd1n\xb3\xc5\xe6\xbb\xf9\xa39\x97\x13\'\xd5\xff\xeco\x8b A\xc7\xa2\xab\xff^]}\xaa\xe6i\xf6\x1b\x16\xcd\xcaE\x0e\x7f\n\x8ek\x18\x1c\x97a\x167Dp\\\xaf\xd5\x99^O\x1f\xed\xd7`")\xb5\xae\xc4\xd2\x9f\xe6\xcfo\xd86\x15,\xd4v\xf6\xe7\x8c\xce$\xd9_\x87\xa8\xd0\xde\xe8\x10\x9e\xd5\xd5\xd1\x12O3\x0c\xd5\xeat\xba\x80U\xd7,\xaaV\x11\x97*H\xaa\xd1B\xc9\xe0\x1c\xd4\x99\x8e\xc6\xdf\xd5\xda\x12\x9bQ\xeeU\xdc\xda9oKm\x86\xbd\xb9\xf9x4g\xf4\'\x83\x9e \xc4\xc2\xea\xf0\xa8/\x8a\xa8\xa2\x10\xa5\xcb4E\xd1\xddN\xa7#\x00\x16\x17T\x8f\x82\x9b\x8e\r\xf7\x979\xa4\x01w\x8e\xe8\xec\xfbS\rYj\xde\xf8\x15\x8bdX\xef\xe0\x9c\x81Cde\t\xaa\xe5\xd5\x13\x8b\xa5\x92\xc7\x13\xb3\xc1\t"\xac\xa8or\xd2S\xa6\x00\xab\xd5\xc7be\xaeRE\xcb.\x9fot\x18\xf5\x9d!\x89\xb0\x8e\xa7\x1al^\xbaYQ\xd0A|9\xa2\xda\x0c/\xca\xe7;\xdb\xcbsf\x8e\xaf\x94P\x1c\x04\xaa\x99\x99\x19\x94-\x16&lt;\xc27,[\xa7\xc5\xb0\x0c]\x81\x84\x1d=\x1c\x8aF\xd1\xea\x12\x02\xa3\x7f\xd0\x918\x9e\xaa\xd1\x92\xd4\xfeN\xb9\x99\x88e\xb7\xd9v\xa5J\xdd\\\x9fo\x98\x1c\xc6?\xb0&amp;\x87ff\xfe\xc0\x8aUh\xfaO,J\xae\xd3&lt;b&gt;\x84\x0c\x14\x1d\xae\x82\xadO\x9a\xbd\x805\xdf\xa0\xeb\x92\xf4\x0f\x05\x93\xcf\xc4o,\x13\xab\x08\xedFy\xce\xee\xf0B\x10\x83,\x1d\xebc\r-\xa0dhk\tP.\xa1\xdb\tu\xba\x94\x0c\x16\x07\xa6\xa3-\x06!-\xea\x83z\x91\x84[\x0bX\xd7m\x8a\x96\x0bkJ^^|\x90\x18\x9b@\xb5\xdbO\xe6\x12&amp;w&amp;7\xeb\x81\x03\x8c\x02\x16@-,\x0cM\xda*\x02\xc5 \xacN\x1f\xab\xc8\x97l(\xfcO\xc6bhgIZ\xe7t\xa6\xc4\xf69K\xd1E"\xa5 \x16\xf6\x99eK\x80\xc5\xb4\xf2\t\xfb\x1c\xc2\x1a\xf6\xc5|\xd0S(\x1aB\x96\x0e\x95@\x1f\xe8oX4#\xcb\x15\x9b-\x04\xc9\xdf\x06X&gt;\xe8-\xabKgOl4\xda\x0c-~\xaf\xe8mF6\xcf\n4\x05_W\xb6\x87\x1dF\r`Uc\xa1\xc9\xfe\x01\x0e\xa1\xcc\xca\x83j\t\xad.\xb0t\x04\xc0\xa2=\xa1\x10\x04\xff\x98-\x06\x89Qm \x06u\xf6p\xbc\xd9f)\xf9G%\xb7\xe0Xj\x84\xa5X\xd0\x88?\xb1@\xe1A\x16 ?C\xb1ff&amp;K\xa2\x0cs\xbb\xd59&lt;\xfcn\xa1\xc5\xc8\x8c,\xd8\x808\nXU\x95Z\x8d\x83\x9a&amp;\xc2qP\x18&amp;\x9fUr\xab\x8b\xa5\xff\xd6d(\x99eX\xc9\x116\xb95VR\xa5\x82j!,\xe8\xfa\x99P\x19:\x0b\xce0t\x08}\xd6\xad\xcbu\x96)A\xeb\rEC\xd5*\xc8\xbcUoq\x04\xc2\xcdv\xfb\x86u\xf5\x94\xdd\xd8\xac\xbb\xa4"/r\xcc\xcdr\xd8n\xd1\xcf\x06\xa1\\\xd0\xd2\x93\xdf\x965%P\x07\n\xbc|\x07\x04\xc2\xc6\x17\xf2u\xb6-T\xa3 [\xbejUEF\x88\x11\x8b)\x8cRI\xbe8\xd8Sv\x1b8\xf1c&gt;_\xe4*\xa5\x96;\x90\xd0\xb9\xac\x8b0\x15\x01k\xa8\xaf\x11\xa1\x16M1\xed\xa3}\x89\xeevK|\xe1\xddy-\xcfR\x1e\xc0\xf2\xf9\xe0\x0ca"\x8eX \x92\xe5\x19\xaa\xe8vd\x95\xbd\xc0\xc3\xd6\xbd\x05\x17\x0fC\xc7\x15\x0e;\xbc\xc4bP\xa5\xb6\xf5\xf7m}\xac\x96\xd8&gt;\x9f\xbf\x06\x9cb=\xbf}\xfd\xf1\\\xa6\x98Jl\x06\xaa\xe5\x03,\xdc\xac\xd5\xd9\x03v\xae%\xd4\x97\xed\x9f\xb7R\xcan\xb8\xfe\xee\xcdxJ\xdd\x96+\x1c\x80\xe62\x90\xa4\x1a\x04u\xe1[\xb5&lt;\x15\xbe\xddh\x16 \xf9\xc3\xf3\xae\xd1hR"\rX3Q\x1fz\x0f\x93\x83\x16G"`\x12\xcb"\x15\xdf&lt;\xeb\xedM(Z\xae\xb5G\xe8\x0c\x05\x11\xb2(\xe4\x9eHD\x15\x83\xb9\x87:~!\x04\\eY\xf2\xba\xbc\xcdF3\x1e\xaf\xd5\nb\x99\xaf\xc4\x86\x0e\xd1E\x0biE\xae&amp;\x11X\xae\xc3|\x92~;\xb9\x9cP\x14\xeb/\xd8\xbf\x00\x8b\xaf\xf0\xa6@Xg$\x0c$\xbaz\xeaO\xc5!\x84U\x11\xf3\xae\xb1\x87\x8f\xc7\x1e9\x1f//\xe7E~6\xe8C\xcd5\xac2\x10~\xad\xc3\x14\x0e\xc4\xd1\xd4\xcc_~}\xa3\xf4\xedpjE\x80a\xa8\xd9\x80\xe6r\x81D\xa8U\xa3\xbe&gt;\xd6\x82\xadT\xc9q\x99\x82k\xec\xd1\xe3\x87cc\x0f\xdd\xcb\xb5:\xc7/\x0eG\xd1\xb5\x94\xda\xa01[L\xf6D`\x8e\x17)F\xfa\xef\xe9\xdb\xac\xc2\xcb\xe6\xf4_9\xc8\x13\xcd}\xe8\x13K\x06a\r\xfb\xfa\xe2\x14\x0b\xe62\x99L\xa1`\x1c\xfb\xc1\xe9\x7f\x94\xe4\xdc\xcb\xf1B!g\x8d \xc7\xa5\x8aX\xfd\xe8\x0c\x13\xe1\rQ\x14\xeb\xee\xab\x8bO\xa7\n_\xf2c\xa9\x8b\xb0vcg\xc7\x9e\xb0\xeb\x06\xa1\xb9H\xe0\x82\xff\xac&amp;q\xa2Xp\x152"\xe4\x8cd\x86/\xd7]\\^*j\x08\x12\xdd\xa8\x1b\x92f8C\xbb)\xbc\x1f\x17\x8b\xc6\xffd\xbf^\xf4\xb6\x14\xbe\x1d^{&gt;}6uk&lt;\x01\xd9}\x900\x18"\xeaad?\x83\xdf\xafh4\x19\r\xc7q\x15p]t\xab\x02\xb9Q\xac\x17\\~\x9c\x04\xd3\x8c\xb4\xd4ar\x98\x02\xe3\xaf6\x8f/RkkW_\xb7\x94\x1d@Xv\xf7\xe4r\xfa\xf6\xdd\x80=a\xb2\xe8\xf1$\x1eT\x8d\xa27\r_\xb1Z5&lt;&lt;\x95\x12zZe\x81.sE\xc8\xdd\xd6\x88\n\x19S\x8b\xc9\xe4\xb0o\xbf\xb88\xb8\xff";\x91\xca&gt;\xcf*\xda]\xd8Og\xe3\x9fN\x9f=\xbb{\x8cN\xd1H\x10\xc4,\ts\xd8\x903\xe0x\x8e\x03I\xe0\xcb\xb4\xc0\x83\xe0\xd3t\x99\xe72V&lt;\xe9\'\xc0&lt;\x80\x96:t\xba\xf0\xe6\x87\xcb\x97\xbb\x0f\xce\xb0T\xea\xed\xe5\x9e\x92\xdd\x85\xad=\x7f\xb5\xbe\xf5l\xf7\xcek\xbb\xdd\x04\xef"\x91\xb1\x06I\x18x8\x89s\x10\xf8\x91\xe1\xa2Y\x8ab\x18\x06\x9c\x82,\x13+N\xad_\x8d\x06\x8fN\xe7p\x84\xbf\xec\xa5\xae\xde,\xbdLc\x13\xd9\xb3\xdeg\xe5D\x02\xce\xf0\xe0\xeb\xc4\xe9\xc1\xf4\xady\xbb\xc9\xa4\xf3\xea5\xe6\xdc"IZ\xcd\x11\xd2 2uVF\xe3\x1a\x88\xd0\x0f\xdbn\xd4\xdc\x8f\x1ej\xcd$\xae\x87@m\x01\x03q\xb6\x96\xce\xbe\xd9}\xd1\xc3\xb0\xdeY\xefT\xc1m\x12v\xf6l\x0f;\x9d\xbe5\xf0 `r\x00\x96\x1f\xddt\x92I\xe7JD\x84\xf8\xd7\x06\x1b\x08\x0f\xc3\xb4Z-\x81f\xa5\x9a\xa4\xf7\x8f\xe8#I\xa3\x05q\xd97\xbf\xf4\xb0\xf4\xd6\xf3\xa5\xb7\xe0E\xcez\xd9=\xe5\xb0\xd2\'_\xd2\xd8\xe7\xbb\x03\x03\xf7\x8e\x12\x0e\xad\xd6O\x98\xf5\x1ap\x07~\r\'\xdf\xb4\xc1\x0f\x839\xedv[\x02\xfc\x12\xc0\x965%\xa3\xd3\xec\x8c\x10F\xed\x88\xd6\xa2\x0b\x1c\x1f|Jc?]\xdd?Iak\x97{\xcaaa\xd8\xe9\xc9:\x96\xbe\xbc=0p\xeb5X\xaeA\xbf\xd3l\xd6Xq\xbf\x11\xa4\x81F\xd9\xb0\xd5\xcf\x8e\x1e[\xc8\xc3\x17\x8bR&gt;\xef5\xbb\x08\x92\x18\xd4\x8e\x0cZt\x9b\xc7S\xf0\xd7\xd8\xda\x9b\xfbW\xeb\xa9\xde\xde\x9erX\xe9\x8b\xaf\x13X\xfa\xed\x9d\x81;\xb7\xe6\xb7AO\xf5N\xbf\xdeI\x18\x9c\x99\x0c\x97+\x8b"\xb7\x18\x84\x8cf\xabz\xd4\xaa\xff\xb3n\xbd\xafi\xe4i|A\x8e\x96\xc3\x81\xc3\xd07\xbe\x18a\x86\t:\x9dY\xc6QVt0g\xb4\xc7\xc0\x18\x82A\x91,B\xc0\x17\xf9Q\xa3\x86\x0e]\t\x85\xab,\x86&amp;/F\xf2&amp;\xeb1F\x10\xef\xd4*\x08&amp;\n1\x94\xd3\xb39\xc8Z\xbd\xed^\x9a\xe4\xbc\xc0\xe6EHz\xbd\xbbM{[\xdar\\)\xbb\xf7L\xf6\xfe\x82\xdb\xf9j\x18\x1d\x02\xf3\xe1\xf3&lt;\xf3|&gt;\xcfw\x1e\x7f9\xcb9\xc7\x9c\x1e\'O\x8c~\xca\xa3\xa8\xc8\xe0\x94T\xd0\xeb\x80.$=\x979n\xf5\x13\t\xd5\xcc \x92\xca\xf7\x11\xc4\xbd\xaf\xd5fl\xfa\xc2\x02\x0b\xb08\x12\xa2h$&gt;\xbf\xbb|\xf7\xee\xb2\xc9\xa4\xcc\x1f\xd0\xce_\x8f\xd1\x06r\xccC\x92\x9f\xdf\xe1\xe9\xc8(\x89a"\x8a\x07\xcb\x1d\xcdH%\x86@{\x9e\xa9\x9d\x0f\xb2\x89\x94Z[o\xee~\xb5\xa6\x0c\x06j\xb5\x93#\xda/$\n\xe3\xb9\x08\xe94\x18\x8d4iX\xfe\xcc7j\xa1I\x92\x1c[]\xfc\xcd\xfc\xfc\xd8\xbc\x877\x18\x08\x9a\xa4\xc3`\xb5P\x06\xa3\xcaRQ\xa3\xb5\x9d#@\xd7\xe4a\xd6\x1dK\xef\xa9\xb6;\xd2h\r\xe2H*\x03\xa9\xa5\xd5\xea;\x0b8\xc9s\x04i0EM\x86\xe5e\x9fo\xf4S#G:=\x1e\xda`0\x19\x0c\x9c\xc9d &lt;\x10?\x11EQ\x86\x15\x00\x96\xd5v+?X\x8a/U\xe4\xa4;\x99H\xaa\x95Y\xfdV\x1a`\xb5\xae\xe6Rl\xd6-\t\x07H\x06\xe2N$\xca\x01\xace\x8b\xd1\xa8\x0c\xaf\xf8fgg}p\xb4XL\x04\x84\x0f\xc7h\x14\xc3\x18\\\xda\x90\x8a#\x93\xde\xe6q6\x864\xaa\xee\xa5\xec\x9eZNp\xa9\x95\xdc\xab\xc5\x13\xa5\x11\x9dFc\x9d\xd1}\xb1Ia\x84\x89#\x94?\x1e\xa8Y\xb6\x8c\x82\xa1\xb8qsb\xd6\x07\x95\x7f4b"\x80$\x9cE\xa1fA{\xb1!HE\xad\xeeV\xa6Y\xdbKV\xf21wV\xad\x8cG\x12}\x042"w5\xfba\x1d\x1f\xbfU\x10 \xe9y\x9e\xe0i\'I\xde1(\x85\xf5\xc6\x8d_(\xd36\x13\x13\x13`HQ\x16\x9b\xc2\xd9)\x8c\x05\xce\x04!(t\xb4\xba\xfax\xbd\x99=hTcK\t\xb5\xe6\xf1\xe2\x8d\x1a\x12\x1fT\x94gwZ\x9d~\xc6\xab/\x94\x1d(M\xd3P\xeaI\x91 \x0c$\xad\xe8\xe3\xcdY%\x8a\xb3\x13\x16\x82`\x17\xa7\x16q\xc7"\x0e\xa5\xd4.\xd9\x85`G\xab-U\x1b\xb9n\xbf\x9b\x8b\xc5\xd2*Iu&lt;y\x94M\xa6\xab?\x0e\xf0d&amp;;\x1d]Q\x900\x80\xe5$\xeexP\x91\xe0\x9d\xa4\xe5j~\xc5\xa7\xb0\xb5\xbcL\xd2\x1e\x0f\xea`Q\x8a\x05\xfb \x05)aa\xd3\xaa\x1d)\xf5\xcf\x9b\x83\xa3\xc3X2\x1dS+\x86\xadT\xa2\x9a\xf7j\xacV\xab\xae\x9a\xd9\xb2{\x1f\x03\x07(\xd4\x04\xda\xe9aQ\x1a\x82\xc9Y,\x16_\xd4\xe7\x9b\x9d\xb8\xe9[vb\x186\x85\xe1\xec"\x85C\x87\xa8\x98S*\xaf\xd1N\xa6\x1b\xcd\x83\xca \xb6\xb7\xa7\xd2\xf6)\xd2\xef\xd7*\xf5\xaaN[\xcaO\x96d[\x95\xbd\xcc,\x04\x05\x1c.\xee\x9c\xc7A]\x18\x86$,\xa0D.\x97i\xe2\xe6\x8dY\x9f\x07C\x01\x16XR\xc9\x1e\x94\x00\x1a\xe5\x10d\x9bVw\xd8hT\x9aIw"\x1bW\xa9\x96v\xd3\xdd\\\xd7\xa6\xb1\xe5&amp;\xe5\x92\xbe\xd2\xc2\xaa\xa7\xab\xbf\rJC\x07\\r\x15J\x00\x8a\xa1f\xb3\xcfhqEL\x16\x88\xe4(\x8d\x8a\x18(\xa1 \x05\x83\x15\x01g\xd9\xc5\xf9`.\xaf\xd1d\x0e\x06\xa5\x01\x12\xef\xa6\xd51\xcd\xc8R7\x91\xee\xca\x1ak\xa9b\xf3Z\x9b\x89}\xbc0n\xbf\xba*e\x07\xe7\x89\x05D\x864G\x95\xe57r\x96e\xdf\x1d\x92\x0f0\xf8*%I\x95\x9c\x04)66?\xe5h5G\xb4rm\xbfR\x8b\xc7\x07Y\x95`\xc5Z\xd9\xf3\xd2\xa4UW/e\xe6\xf2\xe7\xf9\x8e\xa3`\xb3\x8b\x18\xbb!\t\xd03\xe2,\x13\xe0\xf9p4\x1a\xf6\xfb\xfda\x97\x8bw\xd1|8\xc0\xb0A\xa1\\\xad\xe7 \xeb\xd1\xb1)\x16k\xec\xcfA\x14\xd3\xc0\x94\xbb\xaf\x92""\xc9\xf3\xec~\xdd;\xe7mf\xbc\xb6j.W\xb6\x17u\x0b\x9c(:\xcaei#\xb8\x883\xe1p\x80\x8f\x1a\xfdfh\xab\x03\x81@8\xc2GD\x86\xa1\xa4r]\x86\xf2F+&gt;\xd0\xd1\xe8f4\xfa\xe3d7\x0bm]\xf6#\x95\xd8:\xcf\xa6\x8e\xf4\x99\xaaN_=\xc8\xa6Z\xc5\xcd\x8e\x9e\xe2x\x8eY-\xd6\xcbA;\x85\x8ba\x17\xd0\xe4\xda\x0e\x88\x00\xcb\xe5w\xb9\xc2\xf0\xc9\x91\xab\xcb\x9d)(#(\xcbb\xf6Fz\\3w\x98:H!\xb1#\x95\xca\x16\xc0J\x80U\xd2g\xac\xd5n*\xd9\xf7z7\ns,\xc7A\xaf%t\xeaU\x81\xc2\x03a\x17\xb0\xc4`\xbdmh\xf6W\xcc\xf0\x19\x10\x0e\xeb\x97u;\xc6\x88N\xd0E\xd6~tl\xd5\x8e\x1f\xa5\x0f\x93\x88;\xadV\x10\xdd\xe7\xb5xJ\xb6Z\xab\x89Z-U\xb5n\xe1[3"g\x8aDhT\x92\xeb\x90\xd5\xe2v8\xd0\xee\x05\x02\xedv\xdb\xef\x82P\x02o\xccY\xa5\xb4Ea(\r\xb7\x03\xc0r\xe4uZM\xfd\xa8q\x0c\x1duR\xa5\x9fp\x81\xee\xf4\xdd\xee\xa65\xd3M\xec%\x8e\xbd\x87\xcd\xe0\\!\x121\x1a\x95G9\xd2e\xfd\xe4\xf9\xf0\xac\x1d\xe8\r{\xbd^[Y\x81\xb6\xab\xbd\xdd~~2\xb3\x81\xa3Ppi\xe5!\'%\xe7\xf5#\x87\xe0\xd9\x00\x92;\xab\xd2\xce\x1b\x92j\xc5\x90c}\xc5\x9d\x8c\x9d\xcb\xad\xbd}ynQ\x81\x05\xb8PT\xa8\xd7+\x95\xb3\xdevo8&lt;\xeb\xb5\xcf\xdagg\xed\xf6\xf6\xf6\xd9\x9b\x172\xa0\x02}\xa2I\'\x940*\x9f\xd7\xdf\xaa\xb4r}\x85)\xf7\x92Je&gt;\xde\xaa\xc5Z\xde\\*\xd5\x92\x0f\x93\x83\xfa\\A\x8cD\xa2Q\xe8\x9b\tfL\xba\xbc&lt;y\xfe\xfcM\xaf\xf7\xea9\xacW\xaf^\xbd{\xf3\xe6\xdd\xab\x17\'\xe5U0\x19\xcaBI\x16w\xe4\xf4#\xa5\xa3\xe6~"\x15\xbf\xeaW\xd4\x1a\xd0\x80\x9e\xb3T\x82\xe2\x93\xeb\xb6r3\x8f\xf10\xb0\x15\x8dD\xc0\xcfOQB\xfe\xf4\xe2\xe2\xe2\xe4\xc5\x8b\x8b\x8b\x1f\x8f\xb0N\xeaR\xd0\x81\xd1\x0cI\xf34\xcd\x80\xb9\xb9\xa5\xd1\x94\x06\x87\xb5\xd8^R\xcdq\xb7x\xf7&lt;U\x19\x91K\xb9\xc6as\xb2(@E\x88\x1a\xa3F\x13\xc7\x11\xa8\x83\n\x96/O\xaf\xd6\x85\xf2\xba8=\xbd\xac\x97%\x01\xca;\xaa\x0cR\x12\x04\x83/\xcc\x80#:}W\xcb&amp;\x91\xa5\x98z\xa3\xa7p\xfb\x80\xfe\xe43\xf2q\xba\xbf\x9f/;\xf8\xb0?\xeaW\xa2\x18\x11=\xb8\xdd\xbe*\x94\x8br\xa6\x949\x95\xe5\xd2\xe5e\xfd\xaa\x98Q\x94\xc7\xe3\xa4\t\xc5+\x8a\xd8Fq\xc6\xaa\xb3\x9d\xfe-\x06\\\xa9:\x9c\x8e\xc4\xfa\xd9t^\x96\x0f+\xfb5\t\xe3\x8c 4~\xb3\x1f\xb2\xcb\x03Na\x11\xa7\x82R\xa1\xd3\xe9\x14:\x9b\x92$\xd8\x87\n*\x07\n\x11\xe49\x0e\xfaI\x06\x1f\n[\xc5\xc7\xdf\xbf~\xf4;\xb8\x11U\x9d\xa5Db\x89t\xba\x99\xef\x1f\x1c\xeco0\xa0\x80f3\xa8\xb3\xd1\xc81\x8aig1e_\x06\x8e8\xb8d\x16\x1b:@\xc1Y\x85+.\xa2\x08\x93\x88\xb2va\xb3x\xf1\xf6\xe5\xbf\x9e\xfe\xfb\xbb\xdd%\xe4\x9a\x8a\xb8\xdc\xb1T\xf6H\xceU\x04\xfb\x15\xac\x95\x15s\xd4\x1c\x8d\x88\x18\x0e~\x8b\t\x84\xc3.\x85\xc1\xa8\x0bp\xc0\t\xf0:\xca\xb9p\xd8\x18\x0e\x8b"\xa3 u\xbc\x7f\xfb`\xed\xeb\x97\xdf&lt;|\xb2\xab\xeac2\xe4\xf6\xdf\xdfgf:\x94\x9dq\x99\xa7WVB\xa1\x95i\xb31Bc\xa8\xa8`2\xaf\x84\xd6\xd7\xe1\x9c\x1f\x141\x00\r"#*:it\x19\x8d&lt;#bC\x0cE\x01\xd6\x83\xb5\x8f\xbf}\xf4\xe8\xe1\xcem\xb7:)v\xed\x1a\xa0\xfa\xee\x87\xd3BGp8\x14X!@\x11R\x18\x0b\xd0\xa2\xa8x\x1a\x7fh\xfd\xfe\xbd{\xf7\x01\x96\x0b\x9c\x04X\x08\xb8[\x95XGA0\xc5\xde\x10\x18\xfc\x00\xb0\xae\xaf\xad\xfd\xf3\xeb\xaf\xbe\xdc\xd9y\xb6\x14\x87P\xfe\xb4h^\xfb\x08P=\xfb\xcf\xeb\xef7\x83\x9b\x0b\x18\xce\x005@VH\x01\x06\x12\xa8\x04\xd0&lt;\rH\x01\xd6\xbaYq]\xe0\xb7\x18\x80\n\xf97\r\xdf\x81\xbe\xde\x90\x11{\x1f\x1e&lt;x\xf0\xb3\xeb\xd7\x7f\xff\xf3\xb5??\xda\xd9\xd9\xd9\xbd\x1dG~R\x96!q\xf7\xee\x93/\xff\xf0\xf2\xed\x0f\x0e&lt;\xe8@q\xd4\x05\x11\x0b\xdd__\x87wh\x1a\xae\nie\x9e\xfe\x15\x04\xf1~\xc8|\x85Cd\x02.3\xfc\xd3\n\xf0\xa9|\x07\xb6\x02g\xaf\xaf\x03\xaa\xb5\xb5\xaf\x9e&gt;\xfd\xe3\x9f\xfe\xf2\xf0\xc9\xce\xee.P\xf6\x7f\xc7\xf2\x1a\xb2\xf4l\xe7\x1f\xdf\xfe\xf5\x93\x8f\xd7&gt;\xa0\x0c\xc6\xc0\xdbe\x0e)\x18`\xdd\xbb\x17\xf2+\x995\xfd\xbfe\x063\x088\x14\xdb5\r\x89\xa6$ \xe0\xdan\x0f{\x81\xf7o\xff\xcb\x89\xf9\xbc\xa8\x91\xe6a&lt;UTU\xea\xadbJ\n\x1a[\xd1Z\xea\xe6\x9e\xaa\'\x87\xaa\xcb\xee!4\xc8z\xf1\x94\x01\xa5sZ\xf4",\x11"\xac\xd0%}\x8a\xe2"K\xe8\x7f\xc0\x8b\x07\x0f\xee\xa5\x0f\x8aH\x07\x0fZ\x18\xc1_x\x10i\x1b\x9aa\xa1I:\x84\xd9d\x98\xfc ,\xec\xf3\xad\xea\xd9\xd9\x9d\x19f\'\xfbF\r\xb6\xa4\xea\xe3\xf3&lt;\xdf\xe7};\xf5\x9a,\xd7o\xda\xc5bn\xb0Z\xae\x86\xbbv\xaf\x1fx\xf9\x7f\xa5\xaa8\xdd\xec^\xb9\x8e\xe3X\x1f\xbe|\xfc\xd5\xef\xfe\xf0\x9b\xe7\xa4\xd6\xc91\x98\x8e\x8fK\'\x0f\xef\x03$\x0b\xbf\xc0D\xb2\xdd\xeb\x00\x0b\xb6\xc2b\x7f\x81\xeb\xfe\xb3\xaf\x9f\x7f\xf9\xa1\x0e\xaczl6-\x16\xfa\xfd\xe9H\xb4\xb6\xb3\xe1\xc4W\xec\xce\xe7\x87\xec\x8bG\xc5\xc9\xfc\xe6\x9f[\x06*\xe7\xcd3\n\xd2\xe3\xe7g\xf7\xfc|\x97\xf0(\x95N\x9e@\x99d\x1a.\x92Vx\xcd\xdeC\xeai\x02NN\x82\xd9\x84Z_?\xfe\xf6\x8dP\xe3d!&gt;\xdb\r&amp;\xbd~\xaf\xb7\xe8Z\x96\xd8]\x8c\xfb\xeb\xf5\x1a\x83\xf9y\\0p2\xdfL6K\xc6$\xcby\xfd\xf1\xb78\x1f\x7f\xf5\xec\xec^\x12X%\x1f\x0b6\xde{\x90Mg\xf0\'\x19,_5\x0c*\xb4\xa4\xb4\xe1-a}\xaa\xfb\x1e\xd65\xb3\xb6\x9c\xef\xc6\xbd\xdcd8[\xd6\xc4\xd1\xa4\xd7j\xf5\xfb\x85\xcf\xa8\xb2\xbbw\x0f{\xe3\xc9\xa6\xdd*\xe4\xe6.\xe3\x05\xd7\xf9p\x1f\x03\xf6\xc7g\xb7j\xa5\xa0\x15\x9eO\xb3\xd9d2\x93\xc7\xca`\xa5\x81\x858=9!1\xd1\x18\x0f\xb3\x9dN\xe7\xec\xf9\xb7o,\xd4C""+u,k&gt;Y\xe7\n\xd3\xc1p&gt;\x9b\xcdG\x9bA\xbb\xbf.\xfc\xca\xf4\xdf\xfd\xe2Qa&lt;n\x0f\xc6\xeb\xdcx&lt;t\x99\xa4\xbb\xce\xeb\xef\xfe\x84\xad\xf0\xec\xac\x93}\n1J),\xdc:y/\x99&amp;\xacSBK\x13\xd7\x83,\x89\x89u\xfc4\x99\x04\xd5\xd9\xf3O\xaf\xdd\x9a\x18\x13\xc2\x86\xa8\x0bu\xcbrg\x93\\+W(\xb4p\x83\xe1\xec\xe6f\x84\xdbP\xc7\xde\xfd\x15\xfe\xf5\xa7\xf8G\xbd\xfed\xb3\xbaY9\x8e\xc4\x0b\xce\xf6\x03E\x1bXh\x03\xdc\x97\xb0J\'O\x9fd\xb3\x84u\xeac\x91\x97\xe8\x86\x13R2u\x8b\xd59\xfb\xee\x8dU7\xc4\x84.xz8"X\x8e%\xdc\xec@\x95\xc3*\x14\xa6\x9b\x1b\x0f\xc6N{\xff\xbb0\xee\x1e\xae\xa7\xe3\xfe`\x83\xbe\xeaZ\xae\xd2\xb4\x18\xaf\xc3\xc5Wo\x1ff\x93\x0f\x80\x95&amp;\x13S\xd1h4U\xfa\xfd_\x9e\x90Z\xa7\xfe\x02V\x1aE\x01\xe8\x14}v\x9cIf\x89\xeb\xe3k\xf2PHh\x06\xcf\xebzX\xb2\xdc\xfar\xd8\xce\x15\x8b\x05Z\xeb\xf6\xc8\xf3\x96\xabM\xbb_(\xfeB\xc5\x92\x7f\xbdq\x7f\xba\x18\xb5\x177.sT\xd16U\x1e\xe1\xb2\xb6/\x1f&amp;\xd3\x1d\x98\x18`\xd1\xadS\xc7O0\x7f\xe9L\xc6\x97\x0bT\x08}\xf2\xa4\x14 \xe7\xe9]\xa7\xf3\xf7K\xb5\x8e.\x8d\x89J$\x1c\xe6\xc3\xbc\x04.\xc1\xed\xce\x87\x9b\xcdf7\x18\xe7Z\xbd\xdd|v\xb1\x9c\xc1\xcb_\x08?\xa00\xc3\xbb\xd5\n#\xa8Aq\xd55\xcb\x0e\x85\xcbR_\xbf=\xc9\'\xcf:\x9d\x7f\xab\xb5\x1f-\x1d?\xc4\xfc\xa5\xd3\x99 \xf1\x00\x81\xc3)\xfa$U\xca\x04\xc3\xf9ik\xc9"6\x1eS\xe4u\x1e+,In\xcc\xb5t\xb3\xach\xcb\x8b\xd5b\xda\xcaQ\xca\x16\xa3\xf9|\xd1^\x1f\xfe\xfc\xa6|\xd8\xc3\xce0\x19Y\xdd\xc1\xe0\xa2\xa6!T*/*1&amp;I\x11\x8bm\xbf\xf9[&gt;\x03W\xe0\x1a\xf9\xb4\xef\xdf\xfc$M\x0bL\x90\x8a\x1e\x01\xd5~\xb4\x9a\xa7\x9f$\x93\x1f\xbbN]\xe4DY3\xf9pD\x92$"\xe3\xe5\xba\xc5\xea\x8a\xe2\xd5\xac\x10[\rZ\x08Y\xb1Xl\xb5\x17\xc3E\xfb\xe7\xa3&gt;\x1d\xb7\xda\xc3\xae&lt;\x1b\xb4g5\xaf\xc6\xf8\xb0*\xc59\x85\xbe\xa4\xe08\x95\x97\xd5|\xb2\x93M\x06X\xfe\xddS\xc7\xa8\x06_,\x1f.\x9f\x0f\xa8\xf0\x81?\x00\xe9\xeb\xcb\xad\x0b,9\xe1\x19\x92\xaf\x94D&gt;\xc6EA\x8ax\xb6\xad\xc8j\xa5\xd1\x1dN\x0b\xc5B\x8e\xe0Z\xed\xddO\xb5zTD\x03O7\xb3\xedr\xd4\xee\x0f\x05S\x893AP\x99.\xdb2\xf8x\xcbjt\xdf\x03\x8b\xd4\xc2\xacEoo\x1f\x84=\xef\xafS\xa2\xda\xdf\xdf\xc3\xcfO3\xbe\x8c/\xb7N\x0c\x0e\xc64\xdb\xb4\xbd8aI\xba.E4\x99\xe79\xbb\\\xf6\x84P\xa5R\x99\x8d\x16\xedq\xcb\x1f\xce\xd6O\xa2~\x88TM\x173k\xbbZ\xb4r\xbb\x0bY\xf1\xc2,&amp;0\xc6\'4\x8f\xe1K\xea.\x0b\xbdz\x8b\xf1\xf2G/\xe5C\xe1\x11\xadV\xabD\x96?\xc5_Ub\xdd\xdb\xdb\xdb\xaf\xd2\x00d2/\xb7\xcc\xad\xcb1Y\xb6=Q\xb3m3\xae\xf3(\x1b^\xd0\x8c0\xd3M\xbbY\xd6,\xe2r\x84ew\x84\xfd{\x9c\xcb\xfd\xe8T\xf5\x08\x9b\xe8x\xb1r\xeb\xab\x1d&gt;\x1c\xcc,O\xd1\x18\x13\x05\xa6J\xa8gN\n\x87\xc3\xba\xe3\x80\x0b\xe3\x98\xcfW\xab\xb7\xaa\xecS\xbc\xa3\x04\x86g\xd5wv\x8f\xb0\xa8-2\xf9\xb7\xdd\xad\xe5\xc6\x85\xb8\xec)\x1c\xc7y\x8a\xe9\x99\x1a\xec\x93$\xd1\x8b\xc3J\xa5y^6\x9c\x8a\xcfU\x87\xa68ZL~\xf4_ \xeb\xdex7\xc7\x9c.\x00\xd5\xdau\x99h\xdb\xb2\xca\x0cNb\x92hj\x8a@Ie\x0ek\\^\xa3\x10 L\xa0K\xa0W\n\x82U\t\x0e\xf3\x19PEI\xad\xfc[:\x12E\x04T\x96m\x18\x9c\xa8)\x9e\x1c\xe7&lt;\x8f\x13$\xc1\xe3\xc2\x92lO\xd2\xf8\x00\x00\x08%IDAT.+\xe7\xe7v]mT**\x8f6\xab\xc9\x16\xeb\xfe\x97\x81\x85\xfex2\xba\xb8Xm\xa60\xb8\xb5X\x86,\xa5\xac\xc4\xd5\xb0\xc6\t\xbc\xa6a\x8e\x14\x9e\xd2\n\xb9*\x97\xd7\x19`\xf9\x00@\xc0\x0b\x15X\xd5\xef\xb1\xef-\xdc\x8bFK\x98\x84\xebK\xe6\xa0\xa3\x84H\xcc\xd38\x83\xd38\xc5\x13\x05A\x10=[\x8b{^X\xe2u\xa3y\xd5\x0clDJdM\xb6\x1c\xf5?Z\x01\xa7\xa0\xc9\x10\xee\x0ez\xa8\xdd\\{\xb8tB5\xdb\xf6t\xa6\x1b\tQ\xd1D\x91\xe3l\x83\xd1l;j(ty\x8d\x18U\xa3\xa9\xe8\xde^\xa0L\xb0R\xfek\x80\xb5\x9f\n\xa8\x80\x05\x0e\xddPp\x05C3\x90\x0b.\x8e]\x08`\x8a\x92\x90\xa4\xb0\xeb]]\xd95\xb5\x11\xaa\x84XD\xe6d\xfd\x07,\xf8\xd7\xc7\xf8]\x0c\xe9\xb4\x90+\xb4\x873\xc7\xf5\xc5\xe2"L\xd7\xb4\xb2\xc7\xa1\rE\xc3\x13\x19\x8f\xfa\x02\xd7\xf6\xf2\xbaJ\x95\x05\xb9\x0e|\x86\xfd\x1f\xb8@upp\xb4G\x1e\x12\x95\xe5\xea\x11\xa2\xd2\x0c\xe2B\xb8\xa0W,!\xc8\x1c.\x9f\xa0\xab\xc9\xcd\xabsLc\xa8\x11\x92\x12\xa2!\xf2*\xfb\x1e\xaa\x80\x8dfu3\x9a\xe4\xfc\xde\xd8\xcc,\x86\x89\xe3\xcaM/\x01\x0c\xc3\xc3\x08\xc5d\xc4\x91Sd&amp;1,\xe2z\xe1W\x03)s\xe0sQ\xbe\x82\xde\x07\xd5\xc1\x01a\xa1\xb0T\xcb\xc2f*\xc4\x14\xd3\xd48\x0e\x9a\x9b\x8a\xa2\x98\xe8\xb0\x18\xa7\x95\xcb\x06\xfa\xcbq\x95\xab\xab\xb2!U\x1a\x155\x02\x13q\x82\xba\xad\xaa\xf5x0\xef\xce\x07\xb9B\x8e\x9c\xec\xba\xaa\xe3\nj\x18\xa3\xcb\xf1\xbc\x14C\xdfhb\\\x16\xb9\xb8 \xc3T\x7f\xe1\xab}\xf3\xe2\x80\xd2\xbeG\x10\x04G\xd3x;\x85\x07G&gt;\x16\xa8B\xcc\xc2\x1e\x88\x83\x03\x82E9\xe08\rX\x9e\x81\xaf)\x8bJ\xd3\xc6LZ\x96|~\xd5\xb4E\x94jH\x97\r\x9dq\t\xa2*\xae\xd7\x93\x11\x1d\xab\xd1\xfe-\x0c\xa2E\xa7\xf6\x04\x0b\x89\xcd\xa6\xa231!%&lt;[\x8cq\xb8\xa6\xc7\xc54OR%\xa6B\xaeFh\xf6\x1e\xf7\x0e\xa4\xb9\xd5\x8bJ\x8c\xde\x1f\x1d\x1d\xe1#\xa2\x92\x1c)\xac\xeb\x11\xd3\x03\x0fYh\x88\x86b\xfb\\\xc0\xf2P\xa5\x88\x87# \xf4M\xaf\x1ej4\xc2\xb2\xcc\x04E\xbf\xf3\xe8\x90\xf4\x99\xe3\x8c\x81\xd5^\xac.\xd0Kt\xb2J4"\xf6y\x99\x8b\xc9\x02\xba\xc1\xf6b1\x91\xf479\xce\xf4xx\xa8\x86T\xb5\xd1\xe8\xfe\xe3\xaf !\x0c\xe2\xf2\x9f\x94\xaa#\x1f\xeb\xe0\x85\xaf\x15\xcd\xae\xaey"g\x98\x9a\x01\xb1D\x94\x03\x96FX\x9a]VLC\xaby\x08\xd79\xa6\xb1\x11b\xa2\xabz\x8au\x07\xa1\xda\xac\xb0\x1fa;j\x0f/\xea\xfe\xef7|8\x81\xed\xd3k6M\xb9\xf2\xae\x12\x8e\x98e3N\x06h&amp;]\xd9@\xefC,\x08\xd6\xa88#p\x11\xd4\x01\xb5\x84\xaf\x92OD/\xef\xbbj\x83\xbe!\xb0DM\xf6\xbb\x81\xb0\xa0\x11\xa0\xa8o\xf0M\x95\xb2\r\xb5\xea\xa2}~~un\xcbN\xa8a\xa9b\xb3\xee\xdc\xe9\xef|\xa5\n\xfd\xc1\xa8\xeb:\xf8\xf5\x06\xaa\xf3\xbal\xaan\xf3\\q*\xef\xdeU\xfc\x8aI \xf1\xa4\x14.\x87\xa8b\x8f$\xc5\xa0\xd7v\xf5&gt;p\xd1\x0fT\x00\x05\xff\x0e\x8e\xfe\xfc\xb2\x1b\n\xfd\xab\x063V\x91\x1c\x87\xa2\xa8-d!\xd9`c\x18&lt;\x02\xc9\xe0L\x997\xb2?f?d\x1d\xb8\xe2\xa2\xa0\xd8_\xa8d\x83\xfd\x82\x86\xa5\xa9\xacq8\xb0a\xd3_\xd0\xcd\x043\xd1\xc4{\x9e\xaa\xb7\x03\x97\xbb\xab\xac\xba\xba\xef\xbe\xfb\xae\x9ac\x89\x90UN\x1a\xb6\xcbv\x1c\xdb\x160\xe2\x10\xad\x885T\x13\x83\xba-\xc3\xbe_\xda\r\xbah3\xd7l\xb7Y\x17/\xdf\x9e\xff\xc1;\x9f\xbf\xbd\x19\xf6\xdf|.4V\xddr?\xb0\xcd_\xbf\x86\x8a\xd6\x19\x19\x1d\xecu:F1\x8ar\x8a\x8f:v]\xd7\xbc\xbd\xbc?\xa4\xf5?\xac\xdf\xe5\x97\xf7\x1f\xaf\xdd\xb5a\x87L?\xcb\xd3&lt;6\x82\n\x8b\xa8bK\x05Y\'h\x8dAoKM\xe0\xb1\xb3n\xa7\xdb-\xad\xcdz\xbe\x1f\xb3-\xf2\x98\xf9\xfb\xe5mek\x0f\\ \x1b\xda\xf5r\x1f\xe7\xfdzrv\x1c\x81E\xda\xcd\x15\xa0\x86\x90_\xe2y|\xd8u\xa2\xfb\xeb\xeb\xd3\xcf?\xc0\x05]\x82\x89+\xf7?\x9f\xd6.3\n.[\xe9\xc4\xa6\x84m\xe9EQ\xba8E\xa8\xa2g\x08I\x15C5\xda}l/\xcb\xe2\x9a\xcb\xedn\xf7\xaa@T\xb9|\x8d\xcb\xcb\xe4+\xe1\xd8--=qr\x1a\xeeq\xad\xc0\n\x02\th"U\xabm\xe8\x1fu\xec^\xbbf\xfd\xf7\xe3]\x1a\xf1\xcbC\xeaBUs\xfd\xdc\xa1\xaa\x1856V\xa2\xf5\xfc\xa8\x90\xcd\xda\x92Uu\xa2\x17\x17\xcc\x15*\xf9\x9a\x8b^\xce\xebt\xdfv;\x15\x7f=\xbf\xbc\xed\xc4b%kd\x9ft\x8d\xb2\xee|\x9e\xdb\xf9\xe4\xe8m\xa4\xb4\x1c\xc9\'\xd9\xad\x95N\ncLZK\'\xe7/\xe6\x89\xce\xadO\x1f\xef_3\xb0\xdf\xbe\xa0\xaa\xbc\x8a\xbckz\xf9\xf2\x08\x08\x8ct\x1c\xf1=\x01\xd6\x1e\x93\xd8\r\'l\xc4\x05\xae*V)\x1e\xf5Y\x9f\xb7\xb8\xdc\xa7\xbd=\x8a\x97\xb7\x81\xde\x9b\x95i\x94\xc9\xc0 @\xe9K\xb8\xea\xf1t2\x9c\x9dl)\x8a\xd7&gt;\xea\x84\xc0,\x1b\xe7\xb4\xa7\xb52:\xa8\x07,!\xcd\xcdo?\xb2[|\x15\xaa\xba\xdc\xa8N\xc2\xa3\xf5\xecH\xc8\x11~\x88\x11\x12\x07K\xf1\x07\xd8J\xa4\x8azc\xc0E&gt;\xd5\xd6\x93\'G\xdd\xef\xf6RW\xc5\xdc\xd0}^{%\xea4\x0ct\xbe\x848\xeb\x9a\xaa%h\xf4\xa0\xc2\x95K\xcf\xf80\xca\x0f\n@\x92\xe7\xb4\xe2Lel|\x0c"\xf9\xb96\xf3\xfe\xfd\xe3\xfd\xcf\x9f\xdf\xe7\xeb\xe3o\\\xf5\x18\xb4\xf7:\x93\x05\x9a*\xc6\x94\xf1\x8d\x13\xda\x1f\xab\xa85\xe2\xba-\xb4\x847U]\xef\x8e\x90s\xdb\xc7z(\xd6UN\x0e\x9ac\x121\x16\x93\x11\xce\xfa\xd6;5\x95\x83\xf20\x04\xe5\x87UC\xf0\xbd\xc2\xaf\x0c/:jF\xef\x00W&gt;h\x95\xf9\xca\x9cayO\xdf_]\xf7Y[\xd7C,\xf5&amp;\x00\x8a\xbb\x00\x06\x9a\xbd\xd82\xb0Zq0\xcb\xaf8\xea\xd6\xc64t\xf6X\x92\xbbl\xf7e\x9f&amp;S\xcc\xbd"\x10\x134\x00\xe1\x07\xae\xca\x0c\xd5\xa1\x9a\x8a\x9c\xa6SJ\xb0u\x94I\xa0\xa8\x8cZ\x8e\x19:\xefb\x90\xe8\xcb8 ":\x93\xa1\xe1\x17s\x8es\xa2*\xa3\xad\xd7!\xc5\x18s\xed\xb1\xa9q\xb4&lt;\x1a\xc4\xf8\xdav\x92*"\r\xaax;\xac\xee]\x98\x96\xca\xec\xdb\xfd\xbcO\xc1\x15\xbd\x1f\x9c\xf2\xcc\x18\td\x83f\xa0\xcf\xfbr4\x8a\xbee\xc5\x10J\xdc\xa6\xd2h,\nA\x06\xd8:0\xe3&lt;\xc7=9\x87:7$\x9dEi\x00\x94a\xf1"\xb0l\xe0\x1dv\x06U!X1\x84Q</t>
        </is>
      </c>
      <c r="M17" s="3" t="n">
        <v>45492.67768518518</v>
      </c>
    </row>
    <row r="18">
      <c r="A18" t="n">
        <v>29735</v>
      </c>
      <c r="B18" t="n">
        <v>1981</v>
      </c>
      <c r="C18" t="inlineStr">
        <is>
          <t>Luiz Gustavo</t>
        </is>
      </c>
      <c r="D18" t="inlineStr">
        <is>
          <t>L. Gustavo</t>
        </is>
      </c>
      <c r="E18" t="inlineStr">
        <is>
          <t>VOL</t>
        </is>
      </c>
      <c r="F18" t="inlineStr">
        <is>
          <t>VOL</t>
        </is>
      </c>
      <c r="G18" t="inlineStr">
        <is>
          <t>VOL/MC</t>
        </is>
      </c>
      <c r="H18" t="n">
        <v>187</v>
      </c>
      <c r="I18" t="n">
        <v>16</v>
      </c>
      <c r="J18" s="2" t="n">
        <v>31980</v>
      </c>
      <c r="K18" t="inlineStr">
        <is>
          <t>Left</t>
        </is>
      </c>
      <c r="L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66804f4-228a-4814-b37a-22544d0dc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t\x96\x8a\x00\x00\x00&gt;tEXtComment\x00xr:d:DAEewil2SDw:3461,j:7954900097623563676,t:24013121\x82D\x15v\x00\x00\x00\tpHYs\x00\x00\x0e\xc4\x00\x00\x0e\xc4\x01\x95+\x0e\x1b\x00\x00\x03\x00PLTE\xff\xff\xff\xea\xed\xf8\xef\xf0\xf9\x13\x12\x18\x19\x18\x1f\x15\x14\x1b\xf6\xf6\xfc\x17\x16\x1d\xe4\xe6\xf2\xff\xfe\xff\x1d\x1c#\xe8\xea\xf4\xf1\xf1\xf8\xe9\xeb\xf6\xf9\xfa\xfd!\x1f&amp;\x1b\x1a \xee\xef\xf8\xec\xee\xf8\xf4\xf5\xfb\xea\xeb\xf4\xde\xe0\xed\xf3\xf3\xfa\x10\x0f\x16\xdb\xde\xea\xd8\xdb\xe8\xe0\xe2\xef\xf8\xf8\xfa\xe2\xe4\xf0\xe6\xe8\xf4\xed\xf0\xfa\xb6z`\xfc\xfd\xfd\xb8}c\xf0\xf1\xfa@+*$#+9&amp;%\xd6\xd9\xe6\'\x1f"\xb3x_\xed\xed\xf5\xacoV\xb4v[\xb7\x81h-\x1e\x1f0%(\xb1rX\xa2fN\xd1\xd4\xe3\x99bLrF8,*2\x9ceO\x8dZD\x96_H"\x1b \xd3\xd7\xe5O2-U70\xcd\x9c\x86J-(2!!lB6\xbc\x80g\xb0u\\\xbe\x88p3,0\x91]G\xbc|`\xaakS\xa6jSD&amp;#\xbb\x85kY&lt;6\xc2\x8cw\xe6\xe7\xf0a;1\xacs\\yH5\xc8\x96\x829++209\xce\xd1\xe1g&gt;2*&amp;+\xa2^B\x9fbI\xb0lR\\7.|M:I30:13\xaavb\xb8y]\xa0jU\xb3{c\x9c^G\x81O;\xaagM\xa8cH(\x1b\x1b\x89O8D/.c@7\xc8\x92y\xb1\x92\x8aP,$\xb8\x8aw\xa8nZ\xc4\x8ao\xc1\x84j\x87VB\x93hW\xb1\x89|@67Z0&amp;\xc0\xa2\x98C?D\x83QAvK=\x8e_P\x9bZ?\xcb\xce\xde;9C{x\x82\xe1\xde\xe2N:7\xa4bG\x95XA\xba\x91\x81\xe9\xea\xf2\xc6\xb5\xb1\xbb\x96\x88\x82G2j9*\xca\x8dt\xc8\xcb\xdc\x92T:\x8eU?eMG{XK\xc4\xc8\xdaVS\\\xb5pRkhomI?\xc3\x91~\xb8tX:6&lt;T2+\xb6\x84oDCM\xe5\xe5\xe9\xc1\xc4\xd6\xac^?\xbe\x9b\x8e\xd6\xc8\xc6\xdb\xd8\xdb\xc0\x81a\xc6\xaa\xa0XMM\xf4\xf4\xf5: \x1f\xaa\xaf\xc2\xc4\x84d\xce\x96|LBB;&gt;L\xb4\xb8\xccsRG\xb1\x7fk\x98m^r=+\xa2qa\xb1eF\xaczhKGMrp{\x89fZ\xc2\xc0\xcd\x82aSa3&amp;G:;\xf0\xef\xf1{OC\xb3\xb0\xb8\xcd\xba\xb6\xa9\xa5\xac_\\e\xd3\xd1\xd7\x97\x94\x9d\xcb\xc9\xce\x9buk\xa1\x9e\xa5{A-\xbb\xbf\xd2MKU\x85\x81\x8a\x8bH1\xc4\xb0\xab\xb0~t\xc1\xbe\xc3\x87XKZD?\x99\x9c\xb0\xa4ym\xa1\xa4\xb7uZRcE&gt;\xb9iI\xed\xe9\xeafWV\xf6;I\xf1.;\xa6\x89\x82\xa6cX\xcb\x88h\xcf\xc1\xbe\xb4\x9a\x93\xbenR\x9dbX\xdc\'1\x98QK\x96\x8e\x92\x99R7\x8cof\x8c\x8b\x99\xb0ga\xa5\x83yxge\xb9\xa6\xa4\xb0pj\xbc\xad\xab\xbb\xb7\xbd\xd7\xa7\xa5\x92M2\x83\x83\x94\xf5T_\xd5\xa5\x95\xc4xY\xce~e\xa9VP\xea\xd1\xd7\x93}w\xd1\x91\x8a\xe9\xbf\xc1\x88y{\xe7os\xac\x9b\x97\xdb_c\xe6\x88\x91\xd7NW\xb5YU~qq\xec\xab\xb2D\x13@3\x00\x00 \x00IDATx\xda\xcc\x98\xc1o\x1aW\x1e\xc7#\xcd\x8cF\xbc\x83gn\x1c8\x04\xcbcY\xb2\x17\x8c\x9c\xb1\x83\x92\xc0:\xa6\xb1\xe9Z\xa9\xedQ\x06pK\xe3u\xc1$\xa97\xdb\xac\xb0\xe8\x061\xc4\\l\t\x14\x91iB\x8aU\t)\xe6\xe0U\xa4\xa4\x85F1\x8b\xc08\xb6\x8c%Z\xadZ9RV\xaa*9\x8dV\xd1\xba\x91z\xe9eo\xfb}\xb8\x7f\xc2\x90\xdd\x87\r\x06,\xf1\xf1\xf7\xfb}\xdf\xdf\x1b\x9f8a\xd02\x99L\'\xfe_\x96\xe9\x18\x88\xdeY-\xc9\x8a\xc5\xfa\x1b\xdb\xff\x8e\xd0zPX\xb3\x14*\x16KW2i\xb1V\x1a\x87\x8djmm\xdd\xb2v\x004\xab\xe5X\xbc\xb7O\xb7\xb6\xb3\xf3\xa4Y\xde\x06\xc9\x93\x84^\xde\xae\xcb\x12\x91\xf4\xf2\x91\x16+%\x93\xdb\xdb\x07VKe\xcd\xf2\xf6m\xad\xd4\xba\xd6\xd7v\xb4rm\xbb\xa0i\xfaN.!\x11\x96\xc8\x92$\'$\xfdU+\x9bmT\x81m\xb1b\xbdM4ka\xbb\xd2zUW\x14Y\xd7\x95\xbdX\xa2$\xc9\x84\xf0,\x96@\xa4\x84\xa4(ZB+$\xb5Z\xa1\x91\xddy{`&amp;K\xe1Ua/\x91\x8f)\xb2\x94\x93K\x92J\x08\x91U"\xb0\x84\xb02/\x90\x04\x91\xeb\xe5j\xb5\x99U\x95\xc6\x9e\xbe\xf5\x96\xcc\xb4\x16\x1a\xda^)Q\xdfS\x04\t7Y\x80R&lt;K-\x94\x05\x91\xf0D\x92\xf1S"\x9f\xad+r)_\xaf\x97+\x9d\x17\x8c\xfe\xe5\xd6F\xa5*%\x80\x91\x10\x05\x99H\x92(J&lt;\x16+\x08"\xc7\x0b,/)\x82\xbc\x97mBEOS\xc9\xea\xcdZ\xc5d\xe9,\x98\t\x8d\xb0^\xd8i5\x14\xc2\xb2\x92\xcc\xca\x02/\x11^\xe48\x8e\xe0\x8b\x08"\xd4\x13\xb1\xf2\xb2\x9c\xab\xe7eEV\x94\xac\xd6\xd4\x93\x9d\xc52\xad\xaf\xb7\xb4lVQ\xf22\xe1XV\x15\x88H$\x96\x15\x05\x9e\x08\x0c\xc7\xf1"\x04\x13\xf1\x05\xd1\xa0eL\xae\'T%\xbf\x17\xdbIZ\xbb:JU8\xdak*h\x03\xc4\x89\x95x"\xb2 \xe1E\x86cy\xfa@\xc9x\x8e\xc3v\xe4\x11:IP\xf5XL\xcd\xc5\xf4\xc3\x83.K\x07\xf5ZodeEC\xc6Y\x81\x97Y\x91#p\x0f\x84&lt;\xc3\x98E\xc21\x0c\xcf\xd1\'\x1cp\xd1bp\x14\xd9W%OL\xdb\xd9\xaa\xd0\xc1\xd4\xa9\x1d\xd8*7\xf3\tIbe\x91\xda\xc6J\x12\x02\xc5\xf1\x9c\x99e\x90r\xfc\x80GH\xc63\x10\x92\xa5\xbcD\xa5\xdf\x9e\x98\xbe\xbdV\xb1\x98:\xc4\xb5\xde*\x97t\x99E\xd6i\x88 \x18\xe2\xcd1f,\x0e\x94\x8c\x99%"\xa3\xc2B\xd8\xa8\xc2W\x8ea9\x1a5\xc9\x93\xd3[U\x8cK\x8b\xb5#\xf3F?\xac\'\xca2\x91Y\x84\x1d\x1e\x1d\x03\x98\x19\t\xb61Xf\x9eMph-"\xc1Y^Q\xe8\x8b\xd8\x0c\xa2$\xa9\xb1C-Y9X\xef\x04\x96\xb5\xa9\xd5\x1b\xb9\x18F2\xcf+2&gt;Ya\xe1 M9\x07\xbd@`\xe6\x19\x05\x96BE\x86!\xac "\xfc\xb4\xd1\x88 \xc8\xb1\xd2\xc6Q2\xd9\x11\xacd\xad\xa95\x155!\xb2,O\x80\xa5B%\x9e*\x02&amp;s[-\xa4\xcaL3\x05c\xf1\x16\xed2\x98\x8c\xdf\xa5\xa9\xcf\xeb\xb5\xad\x8a\xa5\x03\xddp\xb4\xad\xe9\xf9D{\xcc\xf0\xc8\x16\x15\x05\xa1b\xe8\x8d\x92\xf1\xb0\x95\x8a\xc6\xc5\x08\xf6\x80\x99\xe1\x88D\xa8\x8bh0\x01\xa3[\x96b\xcd\xe4z\x072_[\xdb)\xc9\x88;K\xe7\x0c\xc0\xcc\x88\x95\x99\xa7\x8e\xb5S\xcf\x88l\xdbK\x14\x85\xb9\xfd\x9c\x17\xe8\xa6DM\x10U\xf6(rN)\x95\xb5\x9a\xe16Z\xab\x85\xb2\xa2H\x98\xc4\x14\x8a\xa5\x91bx\x1eS\x9aJCy\x8e\xe1\xdav\xf2\xedW\xe8\x88D\xb0\x04\x81\x08\x92GV\x13y\xadU-\x18\x8eU\xc9*8\xb8\xa0Cy\x91\xfa\xc8R\xf7p`\xc0\xa6c\x904N\xa0b\x99y\to\xd2\x9d\xc9\xd3\x97dU\x15$"b\x9a{&lt;B,\x16;l\x1cv\x19\x8e\xb5\x87\xe1\xc7\x03\x8b\x15ik\x11N\x84\x16l{\xda\xa8\x12\xc7\xcb\xb4\xa98Q\x81L\xc8\x14I\xb0\xf0\x98N!\xc2r\xaa\xd0\x17\x05V.\x97\xd34\xab\xe1\r\x9f\x03\x16+"\xc38\x862\x1c=&amp;0,\x7f\xec\x9a\'\x91\xc3\xd0\xees:Q\xabH\x19\xc6\x0f\xaa\x81\xa3\xf5&amp;\xa8\x84\x1eX\xedvO\xd0\x93\x8biI\xc3M\xac\xe5\x05P!\xc3\xf8&lt;\xe8\x80\x13\x03\xc3\xc8\x84Rq\xe8W\x95\xe7z\xcez\x17x\xbb\x8d\xc6J\xa2g/\xaa\xa5\x88\x99\x883\x86\xa0\xaa\x1eO\x10jU\x8c\xa6\xb2h1\t\x1e\xc2?\xcc&gt;Z\x07\x12}\xa0\xbbQ\xe4\x19\xc2\xf1N\xe7\xd3\xc5KEw\xef\xa5\x053=D\xd0\x89\x88\x86c8:}T\xb1O\xed\xf3x\xa2\xf5\xf2\x9a\xc1&amp;vm5\xd1\x0e\xed\x0eo79\x84\x131\xa2!\x9c\x99k\x1f\x03\x9d\xde\x95%\xafw\xf6\x92\xab\xe8.\xba\x17h\x00YU\x169F\xc4\x99\x02b\xa9j0\x1a\xd3wZ&amp;\x83\xc5:\xca\xd2\xa9\x83\xb8\xd0\x90#B\xb8\xa7\xfe\xf1J\xfb\x90\xc5q\xb6\x957\x91Hdeww%\xb2\xbb\xbb\xd8\xeb^p.8{\xddm.\x968\x9d\xaa\'\x18\xdc\xdc\xd8:2V-\xebA9!\x10\xb6\rp\xac\x18db\x9c\xf8h\xe4\xcc\xb9`s\x9f\xcd\xa4\xe3\xbex\xfc\xe5\xcbT*\x9e\xce|\xf4h\xf6\xfe\xecl\x0f\xd8\x9c\xaa\xdd\xd9\xe7\xb4\xc3B\xbbgs\xa3\xb6m,\x96\xa5\x9aWhurT%\x8e\xf6\x82\x93w\xda\xdc\xee\xa2\xcb\xbb\xb0\xe0=sjd\xc8\xef\x98p\xcc\xcf\xfb\xfd\x0e\xc7\xf0\xf0\xd0Pf\xe4\xc6\xd4\xfb\xb3\xf7\x8b6\xfb\x95\x1e\x9b\x1d+\x18D\xb6\x9e7Z\xc6\xce\x1f\xd3AU\x97\xe9\xa1\x00g*\x9a{\xb1\xcff[\xe8\xe9]XZ\xbdx\xa6x*s:\x95\x8e\xcf\xc7\xe3\xf3&gt;\x9fc\xce11\xe1pL\xcc\xcd\xdd\xc8L\x9dZt\xbb]=\xbdv\xfb\x8c\r\x05\x11\r&gt;\xd8\xa9Z\x8c\xedS\xcbA\x13X\xc89F\xa2S\x84P\xbd\xc5^\xef\xe2\xd3\xd5\xd5K\xabS\xa7\x1d~\xe8\xe4p,\xfb|\xa1\xd0\xf8D\x7f\xff{\xd7\xdf\xbb~}\xe8\x9d\xc8G\xb3E\xb0\xbb\xdd3Wf\xec\x1e{4\xb8qXm\x19\x8b\xd5\xb5\xae\xcb\x04\r\x8a\x0bz\'\x94r\x17\x8b\xae\xc5\xa7\xa0\x9aZI\xc7\xfd~(\xe5\xf0/\xfb\xc2\xa1\xf08V\x7f\xffW\xc0\x9a\x1b\xcaD\xa6\xb09]Wz\xce\\\xb9\xd5c\xb7\xab\xd1\xcd\x92fp\xe6\xbb\xd6\xb22\x06\tl$}\x80\xf2\x16\x8b\xde\xc5\xc5\xc5\xa5\xdd\x95\xfdH:\x9d\x8aD\xd2\xa9y_h|&lt;\xd4?&gt;~\xbd\xff\xfa\x87\xc0\xfa\xe7\xdc\xe9Tje\xf5\xe9b\x8f\xeb\x03\xd7\x07W\xec\x1e\x8fg3\xa7\x1b|\xe4\xb2&amp;\xf3\xa8\xebv\x9f\x02\xcb\xdb^KOW\x1f\xa1\x10\xb0\xf6\xd3\xe9x\x1c\xc1Zv\x8c\x8f#Y\xfe\x89\xb9\xe1\x1f\xe7\x1c\xc3\xa7ieL\xbd\xff\xfb\xb3W\xbf\xbfe\x9f\x99As\x95\x0c&gt;r\x99\xb6s\x02\x98p)\x0f\x0f{\xbd./\xc4\x82\x89\x8f(\xd7&gt;\xf2\xee[^\x0e\x87C\xa1\xc0\xe0\xe0x\x9b\xcc\xe1\x1fv\x0c\xa5 c$r\xe3\xd3\xbf\xff\xf5\xe1U\xec\xc6\xcd`\xe9A\xc1X\x13M[\x7f\xa3X\x98\x88\xce&gt;\xf71\xd6\x12\xcd\x16\xb0\xf6\xd3)*\xd5r8\x10\x18\x00\xd6\xf9\xf3\xa1\xf0\xb2\xcf??\x84[*\r\xac\x91o\xbe\xb9}\xfb\xe1-\xd5\x1e\xccE\x8d\xc6\xb2&gt;Q\xe8?\xb0\x10z\xa7\x1bX\x8b\x10\x8bb=\x82V\xfb\xe9\x97h\x06_8&lt;080\x188?\xd0\x1f\n\xfb\xfc\xd8\x06\xf3\xa9T*\x03\xac\xcc\xcd\x9b?}}\xfb\xdb \xc6\xcf\x03\xbdj\xac\x89]5\t\xd3\x19X\xe8\x06dk\xd1\xe5:\xc6Z\xd9\x7f\xf3\xb2-\x95/\x1c8\xd9}o\xf0^`&lt;\x14\n\x87a)\xb8\xe6S\x99L&amp;\xf2\xe9\xcd\xbf&lt;{\xf6\xd3\xf7\x9b\x18?\x0f\xf4-\x83\xb1\x1a2\xa63\xb6"\xda\xc1\xe6v\xb5\xb1\x90\xac\x95}\xf8\x87L\r\x06\xc2\x83\xdd\xa3\xf7\xee\x04\xbe\x84n_|\x19\x02\xda\xf2\xb2\xff\x98+s\xf3\xebg/~\xfdn3\xa8FK\xf5\xa4\xa1X\xd6\x8a\x86I\x8d\x8a\'\x14\xab\xd7K\xa3E\x1d|\x13\x8f/\x87\x02\xfd\x83\xa3\x03\x83\'/\x8c\x06\x02w\xbe\xc0\n\x07.t\x9f\x1c\x18\xec\x0f\x85\x96a$\xb0\x9e\xfd\xeb\xc5\xc7\xdfmFs\xd1\x8d\x9c\xb1\\]\x85\xb2\x80}\xf8\x9bX\xe0\x82\x85\xab\xbb+\xb4\x16h\xa4&amp;\'G/\x8f\x8e]\x18\x1d\xbd|\xe7\xf2\xc0\xbb\x93\x93\x93cc\x9f\x8f\x9e\x1c\x08\x84`\xe5;#C\xa0\xfa\xe1\xd7\x07\x9b\xb1\\4\xaf\xb7\x8c\xcc|Wk\x8f\xd0\xd6b\xfbl\xf4\xd6\xebZ\xba\xbft\xf1\xe2\xd5\xcfn\x8c\x9cv\x0c\x06F\xa7\xa7\xc7\xde\xfdd\xf2\xda5\xe0L\xff\xf2\xf3\xcf\xe7\xce\xdd\x9d\xbe;\xf6\xbb\xee?\xf6\xb7\xb7\xe4\xd0\xb3\x17?\xbc\xfe\xcf\xf3\x8d\xa8\x12,i\x07\xc6\x9e\x02q\xe1*\xb4\xbb\xd4\xd6\xe7t\xf7..\xb9f\xfaT\xcf\xcc\xcc\xe6\xb7\x0fG\xfc\xdd\xd7&amp;G\xc7\xae\x9d\xc3\x9a\xbc\x0b\xaa_\xa6\xcf\x9d\x9b\xbe\xfb\xa7\xcf\x1f?~\xfc\xe1\xd0\xbcc\xf8\xc7\x7f|\xfc\xfa\xdf\xaf\x9fGs9`\x19Z\xf3\x96#\x85\xd0\xc3\x03\xba\x14\x17\x12P\xcb\xed\x14\xe9\xf5\x06\xc1D\xf9\xc3g\xc3\xdd\x17.|\xf2\xe7k\xffe\xd5\xfc~\xd2J\xb08\xbe\x0fM\x1a|\x18\xfb&gt;\x0f\xad\xb9%\xb8\xb6\xfe\x88\xd4J.\xe2E\xf0"#\xd1\x8b\r\xf2SA\x81R\xad\xca\x0f\x8b\x16\xc8\xec\x14\x1a*\x045C\x05\xe9n\xac\x83\x8c\x01\x12F\xa0\x1d\xa3\xaeK\xa7[k\xba\xa5[c\xd4\x9aL\xb1\x9a\xad\xb3\xa9\xae\xa9\x89\x98\xedL\xd3\x97f\xcf5\x93\xfd\x0b\xeeMx\xe1\xe9\x93\xef9\xf7\x9c\xef\xf7\xe4\x06H\xb0#\xf8y\xef=X\xb2\x8cn\x8e\xac\xac\x8f\x8c\xbe\x94Uh\x96\xde\xec\x1f|\x1a\xe1\xb7\x0e\xf2\x07\xdfR\x8b\xf5OrQ\x17\x9eb0\xc8x\x03F\x8b\xc1"c\x10\xa3\xad\xb5\xacL\xd5h\x93\xc9\xd5a\xa3\xd1\xe8\x8d\xc1\xd3\xdd\xdd\xddaY[Y\x89\xdf\x00/\xb3p\xabq\xcc\xdc\xbet}\xdf\xbd?\xd26\xf8\xf5\xa5qj\xb1h0MA\x1b\xb2\xb5\x80\xab\x96\x8e\xa0\n6\x07EU\x1cT\x85 \xaaF\xa5\xd3\xaf6FM&amp;/@\xe5\xa2\x17-0&lt;\xdb\xc6/\x8d\xf3a\xb2\xb3W\x12s\xab?\x1fd\x0f6\xe3\xf1\xb6+\xe3\x9f)\xbd\xbd\x9d{|\xe2\x1f\xce\x80Z\x8c3\x0c:\x8a\x11Z%\xa64\xd7[\xec\x8b\x98D\xd2\x84\r;\xe5\xe1p\xd8d\xf4v\x1b\xc3\xea\xca\xb1\xc6[\xd7\x10\xa4\xad\xa5\x05Q\xa9\xd6m]\xa33\xd7\xf7\xf7\x0f\xf6"q~\xeb\xf8[J\x97\xcf\xb9\xc7W\xc0\xca\x9f"\xb1X\x05\xb5!\tPI\x80\xaa*\x95\x9a\xb1\x13\x84\x92 \x86\xf5A5\xde-6F\xa3\xea\xf2\xea\xfa\xaaJ\xbb\xdd\x92Z]\xb5\x98\xcd\x97\xeb\xcd\x8bs\xd7\x0f\xdc\xfb\x1fA-\xfe3j\xa3\x0f\xed\xf1\x9f\xcf\xff\x8eu\x86EW(\rJ\x85\x04\x93`\x8b\xf6%\xe0\xd2*\xb5\x04\xe1\xd3\xfb\xf1XM,\x17\x86u]\xf7\xa0\xbd\xaf\xd2\xferfi\xc6Re\xae\x86\x9e\x7f\x97\x05,\x98[\xe3\x83\xd4\xeeD\xda7\x97\xce\xc3\x8b\x08\xf6\x81u\x86\x81bZ-\xd9Z\x1cU\xe3\xc8\xdc\xd2\xea\x8c\x19\xa8\x92\xcb&gt;i\xd0[\xe3\r\xab\xfd\xfe\x92\xba\xf6z-a[O\xec\xcd\x82\xa0\xc3\xd5\xce\x92\xdbnwvoa|\xf0\xe1C\x8aO6_~\rX\xa4Z\xac\x8226\x13\x9c\x1d\x9d^\xdbR\xca\xe0?\xfc\x9c\x98Y2\x13I\xa6gy7\x8d\x1b\xf3y\xbf_/\xab\xd2j\x99+\xf1Z:\x9d=f\xb6hd:\xc1\xed-\xf7\xc1^|p0~\x97\xe2\xb4\xff\xc5\x8f\xbf\xf7\x16\x8bEgcL\x05\xbd\xb4\xe5\xee\r\xfa\xf9?-\xb8\xb3/S/\xcc\x1e\xcf\xbcghW\x1e\xdc\xd8\xf0\xeb\xa4\x9a\xcb\x86\xc5\x0f\x8f\x16j\xef"\xf1o\xd9\xb332\xa7\xa0w\xcb\x9d\xd9\x8bG\x1e\xc6?Sm\x9a\xff}\xa2\x16\xab\x90U\x08Xl\xb4\xb4\xad\xf1s\\HGF2\x99\x81\x9b}\x1a\x8f\xd5jM\x1eN\xa4\'&amp;\xd2N\xfd\x0f\x9a\xd5\xd5;oTt\xbep\xe5\xd3&amp;:\x9b:\xc1ro\xde\x88D"\x7f\xa7\xf8L\xf9\xc5\xdfH\xacS\x05\x85\x05,$\xa4\x08\tk9\xd8\xe8^\x9c\xbd\xf2\xf3\xed\x06M\xf5\x90l\xd9j\xedI\x1e\xea\xd3\x13\xd2\t\xa9\xb4\xc4U\xe1\xaa\xea\xdf\xe4\xb0\xd1\x0f\xfb\xef\xd8c\x95}\x82\xfe\x0c`\rF"?Q~Hzrr7-(d08\x8aP\x0fG\x88(0\x8ci\xb3\xdbW\xfb\xfb_h.K\xac=\x80\x05\xa6\x06\xec\x96\xb4\xe1\xc1\x0bx?g\x13k\xa3\x95.\xcb\xa7\xc5\xfa\xbe\xe6\xebn7\x8c\xd3\xc8\xb7\xff\xa0\xfc\xd6\xfc\xcd\x95\x13\xb5\xc0oq\x14`\x1f\x14\x8a&amp;\tF\xc0&lt;M\xb5?x\x90"\xe6\xe7!\x9c\xed\x92E\x04,\x01\xcc\x87\x9d\x1d\x8b\xc5\xae\xa9\xaez\xd1\xbfS\xa5i\xee\xcf\xba\x0f"\x91\xcd\x08\xc5)\xf1\x0f4\xda\x1f\x9f\x81Z\xa7\xcf\x142jQ\xf2\xec!a\x12\xda\x9b\xc3\xd5\x95;;\xaf\xfbv\xb4\x1e\x8f\xb5\xc7\xfa|"\xbd\x91N\x03\x99^\x00)\xb1j\'\xd5\xd7,\x1047\xf7i\xaa\xda\xfb\x07\xdc\xfb@\x15\xf9\x8e\xdao8^}\x8cl\xfe\x04~\xebtAa\x19\x9d\x13b+\x9a`\xfb\x0c\xd7W\x83]\xaf\xa8\xa8\x1e\x1aJ\x02\xd6\xfc\xe1\xc4\xc6FZNv=d\xeb\xd7\xaf\x1b\xfa\x8a\x8b\x8b!\x9e54T\x02V\x06\xd4\x8a\xece?\xccf\xa8\x13\xec\xcb=\x95\x8aC\x07+s\xba\xb0\x15\xb0PT!!\x94Zp\xe9.\x97\xac\xa2\xf3\xb9\xe3\xf9\xb2\xc7*$\xb1\xb6\xfd~\x10\x0c\x86D]\xdfk\x9d\xbc\xae\xb8\xbcD\xa0wvj\xda\xfb\xa7\x00k\xed\xa6K\xf6\xaf\x99\x01\xca| \xed\xbbu\x94\x13\x02\x8bUp\x82\x85p8\x8a$\xa1\x1d\x82\xa8U\xa9\xd1t:t\xce\xc3\xe5\xf9\x1e\xce\xfcsPk\x03BFz;\x8f\x97wt\x94\x08J\x80J\xa7\x93ujR\xd7\xa72\x99\xcdwr\x7f\xb0\xe3\x87\xce\x0ce3kk,$\xe4\x84\xe8\xe0\xb1\xce\x97\xb5\x94!\xc0\x08\xe9b\xc8\xe0\xab\xeak\xa8\xd0\xcb\xcbu\xbe$\xe4F\xcf\xe1\xc46\x14Q7\x91\x0e\x9a\x8c&amp;uQQ\xc7\x7f\xea\xca\x05\xa4\x9b\xafJ\xbd\xc9NN~\xbc\x83\xe3\xbc^S\xf0=ejm\xddl\x82A\x85\x801\x05\xd7\x07U\xe4X!^\x18|\x0e\xbd\x1c\xa2\xd8\x85\xb3%\x06+$\xa1ei\x1a\xb0\xcaK\xa4\x13\xfe@\rx{Q@t\x8f\xdbQ,\xd79+V\xdf\xb8\'\'\x0f\x02ac\x8d\xd8\x1b\xfd\x8d2\xb5&amp;\xed\x98\x10\xac_)\x8bA\x1e\xf6\x10N\xcf&lt;\x19[\x1dN\x08\xf5\xfe\x0b\\Q\xc7P\x8fP\x08/\xe2F~{C]\'\xd5\xfbEG5b\x93H\x0c1\x83\xc7\xf5\xcb\x05\xed\xfd\xfb\x99\xc9I77*\xce\xd5\xc4\x8e)\xc3\xa2M\xda\x99B\xe14\xbd\xb4\x80U\xd6Z\xd6JGI\xb1\x0e\xc9[\xe9\xaeS~A\x14h&amp;\x84\x1c\xa1g\x17zj{\xdb_\xd2)\xf5\x1b\xc5\x81\x80\x98\'\x12\xd7\x88Lx\xd0\xef\xef\x18\x00\xb1&amp;\x07\x8a\xa2\xb1c\xf1\xd1\xf1\x7fi\x94\xb5\xbc]\xc2\x81}S\n\xee\x94T\x0bU$\x87\x0c.\x97\xc3\x05e\xd4\x15\x05z5M\xf3\x1eR\xac\x9c7\x9f\xdf\xd69\x1c\xc1\xee@@$\x86\xb4\x188\xc1R\x7f5\xb559\x99\xb9\xcd\x8b\xe6\x8e\xbd\xbf\x1e\xbf\xa2lr\xbd\xb2[C\x9e\x1e\x88\x15PE&gt;`5\xc1\xd0r\xf9\\\xbea\x97S\xce\xebM\x81\xa9I&amp;w\xd3\xf9\xa3\xdf\xc4\xc7y&lt;=\xa1\x87\xf2\x81R&lt;\x9e\xa8\xdb\x14\xc6\xf3\xb8h\n\xc4\xca\xde\xeb\xe0\xe6\xbc9\xaf\xf7{\xea\xe6\xd6/\x9c&amp;,4Mf\xb1\xb2\xb2\x96k\xa4g\x1e\xf6\xb9\x86\xcd\x06\x9f\xb3\x9c\x97\x92x\x0c\x06b\xc8\xb1\x9d\x8b\x1d\xbd\xcf\x1d\xe7\xa2\xd1\xbc\xa9\x06\x92"dG\x91\xd1\x18\rG\xc3$Vf\x80w\x96\x17;\xf2\x9a2\xd4\x8dy\xda#\x15s\x14\x85\xe6"\xe5j\xb9\xc6\x86a:d\x186h\r\x0e\x1d\xdeqSh\xa8\xc4P\xc2\x97\xce\xe7\xe0\x89\xaa5\xc1\x1c0\x81`\xa6\x93\x07\x82G\x00\x8a\xe8\x1e\xe0\x85\x8d\xb1\xa3\xa3\x00\x85\xa9\x9a\xf6\xd7\xc8l\x02z\x1e\xca\x08U$\xb1\x08Bk \x92\x06G9\xde\xc1\xec\x91\x95\x84N_e\xea\xf1p4\x17\xb6#\x885\r\\ \x96\x1a\xe7r\xa3\xd1pX$\xcenme\x07\x02Qq,\xf6k\x86\xcae}\xee\xe3KL8=]\x0b)\x91\xc4\xc2\x98\xb0{\x08f\xd2\xe0\x0c\x86/*\x85RS*t\xf5*VQ!\xafk\x9e[3;\xfc\xd1\xeeXM\xb7\tW\xab\x83P\xc2\xb0\xf1\xfe\xd4V&amp;;%\xca\x89s9/\xa5\'\x08\xda\xa3E\x12\x0b\xe4:\xc1\xeabB\x08cJH,\x93ZG\xcc\xeb\xcfj0tZa\xb3\xf4\x8b\xbd\x00\x84\x17\xc5 \x03\x99\xd4\xea\x0bAP\xd0h\x14\xc3\xea\xc9N\x19kb\xf9m\x13\xb5\xce\xe6\t\xa6@\x85\xb5\x08p\x95\xf1[\x00KI0%\n\x8fA_\x8e\xfbu\xf2\xcbI\xc30sl}t\xa6\xff\x97\x19M1\xfc\x011\x16\xb0\xf0\xa2\xb3\xff\xc7r\xbb\xa7 \x16mo\x88\xa9\xcdc\xdf\x8f +\n\x14EjK[\xf9-h\x97M\xc9\xc4B!PK^\xa2\xd7K\x1d\x06\xa5\x04e7\x8e\xce\xce\x8d\x8c$\xec\x15\xf2 \x8eG!^\xc3\x06T\xab\xc3Q\xd3\tV\xf6&gt;nl\x10\xc8\xdfS|\xff~{\xe3VS\x13*\xa4\xd7\x02\x96\x8a\xc4j\xe2\x84 \xe2\xebd\x0e\x9f\xcf\x80\xb1\x11\x84\x9d\xb0\x8c%\xe6F\xd6\x13\x8b\xd5:\xbf?\xc8\xf5\x9a\xf0\xde;\x17\xd5x4\xca;Q\xab7\x983\x89\x03\x94\xb6\x16`=\xe5/t5\xa2*:\x1d\x8ax\xad\x91i\x03\x12\x0e6,s\x19\xb4\xd0e\x8dP\xdd\xf5\xd1\xb9\xc4hb=\xb1\xb2X_Y\xa1\xd7\xc9\xc3&amp;\\4p\xbb\x08\xd4\x12\xdd\xcf\x82Z\xf7pc\xf7\xd4\x00\xd5\xdfg\xfce|\x01k\x02\xb0\x08\x1f\xb0\x14\x18\x13\xf2+`]V\xdalL\x9b\x02\xb9\x85\\c\xaf\xad\xd9lc\x89\xb1\xae1[}uu\xa5\xb3\x1c\xe7\xf6N\xdd\xe1\x86\xc3\\\x1e\x89u\xa7\xfb+\xaeq\xc0Mu\xc2\xa0=\x8d\x8c\x8c-\xae=y\xfal\xbc\x05\x81\t!\t\xd1\x11\tt\x18\xb3k\xbd\x0bQ\xa9\x10Tb^$\x98\xff\xe3\xdd~c\xd2\xce\xef8\x807\xe6b\xc6\xe6\xda\xf3z%\xbdk\x13\x8aHE@\xa8r\xe8\rb\x91BK\xf99~\rJ\xd3C@\xa8[\x07%\x90\xca\x8fRa\xbd\x96\x1c\x93-\xae\xa0W\xceI\xdb\xd0\xce5.N \x06K\x99\xa5W\xb5v\xf6\x0f\x87\xa2\xa6\x97h\xea\x19:\xd4\x9e\xddrOL/\x97{\xd0d\x9f\xaf\xf6\xb2\xe7w\xe27Q\x9e\xbe\xf2\xfe|\xbe\xff\xc2\x17^\x9b3\x8c\xcd\x06\x9c\xad\xe9t\x15\x97Z\xef\x08\xc9\xff\xfa\xf7:H\xab\xbd\x9d8]/\xaf\xef}\xba\xd9,\xb8(\x8e=\xff\xfa)\xe9\xe2\xc8\x15`\x99D\n`)\x14\x98\ts\xbb5\xd0Xga\xf3\xfe\xd7\xe3\xc7\x9f\xcc_\x92\x06\xfc\x81@ \x91\xb0\xe9\xd8\xf5\xbd\x8eC\x87\x0f\x9f\xf18\x9e|\xfe\xecF\xe8\xf4i\xc7\xf5}\x9b\xceB/;\xd1\xdb\xce\x0b]\x12\x9a\x00X\x02\xbaQ!\xd4\xf4\xdb\xedn\xb7@\xfd\xa7ci\xdb\xe2\xfc\xea\xeajj\xf5\xe4\xa5\x96d8\xec\x9bId,\x1e\x87C\x0e\'R\xaf\xa3\xbd\xfd\x06i\xcf\xe8\xb3\x8byP\xfd\x80\x1b\xeb\xd2\xc2\x11B\x05,\x9aP\xa3\xb4\xbb17v\x96\x97L/.\xba\x16\x97\x97\x97WS\xa9\xcc\xc96\x97\x7f\xc673NxzC\xf2\xc3\xd4\xa0\xb7\xf7\xc9\xe7\xa8z\xa4|&gt;\x08\xbf\x0f,\x8dZ\xa5\xe8\xa1)\x85\x1a\xad[\x08\x05mjkse\x17\xb3\xf3\xcb\xcb\xf3\xcb\xab\xcb\xab\x83\'k\\&gt;\xdf\xcc+\xc2\xe2\x08\xb1\xa9l\x8b\xa3\xb7\xfd\xd9\x9emy\x1e7G\xb4J\x8dZ\xa1\x10\xd2\xe8\x02\x9aR\x83\x01*\x9dn\xcbf\xb3\xbf\xcbf\xe7\xb3k\xf30\x06\xadV\x9b\x7f&amp;Gx`\x81\xa0 V\xef\xf5\xfc?\x1e\xbe\xa5\x85\xa3\x8dB\xa16\xd25J\x9a[\xc8\xf3\xa7\x93\xe9\xec1\x98\x93Ig2l\xfa\xe7cp\xad\xeam\x89\xdc\xab\x15\xef\x02A\xa1\x06\tG\xef\x93\x1b\xf9g\x8d\xfde\x9d\x85\x9aK\xa9\x11\nE\x01\x05\xef\x8f\x10\xd6b\xc6l^\x19O\x9e}\xbc\x06]6\xe8\x8a\x8e\xafx\xbc!\x0b\xdb\x10\xf3\x00\xebb\xbeU\xdb\xf6\xdd=\x07+\x04b\xd1h47\xa6\x11\xce\xf6\x88\x92\xd9\x7f\xbf^^\xcbf\xd7^\xbf~\xbd\xb6\xb6\x9a\x1a\x8f\xdal\x19\xb3\'\xe4\xb5\xb0\xd9\x16\xaf\xe3\xeb\'O\xf3\xce\xda6:\xa4\xa4i0\x85ZHS\x1a50\x84X\xc0\x99\xce\xae\xa1\x01*\x98\x8c\xe6\xccxF\x17\x1d7{C\x1eK\x84m\t9\x1c/\xef\xe4]E\xba\x89\xa6\xa2\x10[g\xb91\xa1P\xa8\x98\r\xa4\xd1\xe2\xb0\xbcZ\xefMyR\xab\xa9L\xcab\t\xae\x84B\x0e\xaf%\x18\xf4x\x81\xb5\'\xffi\x91n\xd9\x95F\x81P\x88\xe6\xa1\x10\x13\xaa\x15&amp;\x15\xaf-\xbb\x9c\n~\xf6\xed\x7f\xbf\xad\xaf\x03]$h\xf1x=\x90\x92\xd7b\xb1xB\xa1\x85\x97[\xf1\xeb\x82\xe7\x0f\xb5F\rbA-!+\x91\xc8\x14H\xb6}\xb2\xf6\xdb\xdf|\xfa\xd5W\x1f}\xc4e\x8a\x19\xec\xcfB^H)\x14B,\xafy\xe1\xc9\x16\xb0H\xf7\x86\xecF\x8d`\x83\x85\xc1I\x95\x170\xcd\xce\x86\xc3\x93\x98\xcf\xefO\xdb\xf42&amp;\x85\xed\t\x11\x90\x16\xd8\x90\xca\xbc\xd0\xbe\x15\xac/\x1a\x1e"\x97\xc0H\xa3\xc1\xce\x03\x07\xe8\x96\xa4\xd3\x14pk\xecn\xdfl\x9a\xcf\x94qYA\x08\tX^\x0f\x0c\xc4z\xb6\x055\xdc6*97d\x04\x17\xb0\xdc\x93\x98)\xd0\xd2Z]]]\xe3\nL\xfamz&amp;\x8b\xcb\xe5\x8a\x83\x1e\x0b\xac\x0b\x88\xe5\xb5\x98\xe7\xcc\xe6\xad`\xed\xbb(9&gt;\xd4\x0f.\xa3\x12\xf6\x1eH\x0bX\'\xd1W\xd2i\x9bXLm\xee\xee\xe6\xe2\x11K0\x82X^\xaf\x99X\x99#\xcc\xd7\xb7"\xad\xab\x922N\xff\xb0\xd1\x08,\xf7:\xeb\xd2\xefO\x9c\xa8\xe1\xeb\xa2\x83\xc1Cg\x0ews\x9b#x$\x16!\xa0\xb5\x8057g\x06\xd6V\xcc\xc4\xa7\x12\xb8-\x0e\x83\x8b\xcey\xc3\x82\xb0N\xca\x18\x06\x03\xbb\xfeL\x9d\xbc\xb9\xdb\xa2;\x12\x8b\xad,\x00\x0b\xf6#3a\xd9\x9a\xb4\xee4\x1c/+\xab\xb0\x0fCZF\x01\xa6:\xd6t\xe9\xd2\x9f/\x9d\x90\x19t\x8c:*;\xc2\xe8\xee\x0e\x0e\xf2\xf5\xe8\xe9C\x08T\x04\x11$\x16\xb6$\xad\r\x16g\xd8\xae\x94(\xddn\xb8\xf8\x1fk\xa9\x96\xf2\x0f0u\xb8^\x17\x8b\xe8\x98\xccA\x1b?\x9a[\x99[0\xcf\xadd,\x91\x14\xb1\x15-\x0f\xa7_-\x07}7\\a\xb7K\xb4F8\xa8\xf2\x9a\x9c\x81\xa4k\xf0\x84\xac\xaa\xd5\x15\x1dLW\xe9\xf9.}&lt;\x07M\xb52\x1e\x8b\x04\xb7\x86u\xf3\xc1\xc8\x88\x84SQv\xeaTE\x85]\xab\xd5j0\x13\x0c\xa7\xcd\xa6\xcb\xd8l\xfeD&lt;\x9av\xb9\\Q\xd8\xa8\xe7^\xcd\x8d\xeb\x0c0"\xc4\xdc\xb3\xedy\x8e\xea\xe6\x85s]C\x12\xce\xc1\x8aS\x08\xa6\xd4\xdaa2\x9af\xc3\x81p4\x1aM\xf8\xe3\xd1x\xc2\xef\xf7\xdbl\xb9\xdc\xab\xef^\x81\x8a\xca`1"1\xf3\xcb\xdd\xbf\xce\xe7\x8f\xb5Hw\x96n=&lt;\xd7\x00,p\xa1\xbc\x94v-\x9c"\xdc\x93\xbep\xdc\x16M$\xa2\xf1\x19\x7f&lt;\x9c\x88\xdb\xe2\xb9\x17/r\x838\x83J\x11\x8bc)`\xed\xda\xbd7o\xa7\x08\xd2\xd3\xa5\xa5\xa5\xae\x86\x0f$\x1c:\xfd\xe0\xa9u\x97\xd6n\xd7LN\xfa&amp;\xc33\t[\xc2o\x8b\xfb\xe3\xf0\x99@\xaa\xf1\x0cn\xa0\x80\n\xd7\xa5\xcc\xdf\xdf\x1f\xbd\xb1\x7f\x179O\xcb\xfb\xd5o\xbe\x99\x9e\xea:~\\B\x07V\xc5\x86\x0b\x16\xb0I\xf7\xec\xac\xcf\x17O\xf8\x12\xb9\x99\x04\xc4\x15\x8f\xe7r/21\x94\x15\x85\xc1\xb5"\xd6\x83\xbb\xb7o\xdf/\xcfO\x87!U_\xdf\xc3\xd2R\t\x9dF\xfb\xbf\xcb&gt;\x0cE\xec\xf7\x85g&amp;\xe1\x166\x83\xfe\xe2\xb9\x84\x99\xd0\x89\xa9\xd4\xc3\x0c\x16\x97\xa9#\xcc\xdf\x8f&lt;zp\xef^QA\x1e\xae\xaf\xfb\xee/-M\xf5ML \x96\x92F;\xfa\x83\xeb \x07\x02s\x0f\xf7\x03\xea\xcd\xf8r&amp;CxS8\x97RGmfA\x11\x81\xd5\xf5\xf0\xf2\x85\xb1\xf2b\xf2\xa6\xf7=\xe9\xee\xd2\xd4\xd4\xf4DG\xe7\x95\xd2R-\xcdX[\x8b\\h\x1c\x84AW\xc2\xae\x8d6o\xa3f\x12\x0b\xc73pRNYY\xcdT*\x8b\xc5D\xac\x85\xcbW\xaet=z\xb7\xa4\xa8p\x93U{\xa6\xc7\xa6\xa7\xa6\xfb:+;\xfe\xb1c\x07\xb0\x04\x82\xdaZ\x1aj10\xd1\xd1Wy===\n\x95\x88\xe7l\x95\xf2qth^gQ(,\x1c\x87\x99\xb80r\xe5\xe3\x8f\x1f\x95\x97\x94\x907\xf7=\xd2\xcd\xe9\xa9\xbe\xbe\xe9\xbe\x81\xf3\xef56\xbc\xfd\xb6\x1dT\x02\x04\xab=z\x94\x86P\x025\x88\x8e\xb5J\xab\xf8z|}\x05\xb5\x10\x11+\x97\xc2`\x89\xb9L&lt;F,,\x0c\x95\x96~\xf0\xa8\x9c\\B\xdeL\x17\xe9\xce\xd4T\xdf\x00\xb0&amp;\xf6\xef\xfaU\xc3[o\xd9\xe1h\xda\xa3V\xab!\xa1\x1et[\xd4\xa8U\xce\x96V\xa9\xd5`\xa0\xb2\xa9\xf0\xcf\x10\x89Db\xb8\x98\xc5b4s\xb9\xa8\x88f\x9ff\xc7\xcf\x9f\x17\x91\x8bv\x92\x8b6\xcdE\xba\x8aT\x03}}}\x9d\xbb\x7f\xf6\xde\x06\x0b.&lt;h\xa8\x14jA-\xec\x8b\xbc6\xa9\x94/&gt;t\xe8\x90\x9c\xcd\xa6Rp]$\xa2\xc3\x19\xacf\n\x0b\x15\x91 \xe6|\x98r\xc7\x03\xc4\x02\xd7&amp;-\x13\xa4\xd1)4\x03\x815p~\xd7/\xf7~\x0cEtc R\x89D"\x1e\x8f\xa7\x10\xd4\nT\xce\xea\xaa*&gt;._w\xc1\x12\xaa\x8b\xc5p\x9c\xd1\xdc\x0c\xcb\x03\xae\x8b\xa5\x88\xf1YLY\xf6\x1f\xc8\x8a\x0c\xac\xa2\x9d\x9bR\xc0\xbb\xd0\xea\x13\xd7\x10k\xa2\xf1\xfdw~qn\x83\x05\xcd\xc4kjjiiq*\x04BUK5\xb4\x95\x8e-\x87\xc1\xa62\x0c:\x9d\x8e\xc9eAoqq\xe4\xca\xc4\x81\xa5\x1c\x05\x13J\xab\xa8|\x13\xd6\x89\xab\x80\x1a\xb8\xd6\x89X\x03\xc0*.\xff\xdb\x87\x1fja{\x86\xa4\x9a\xe0\x10/\x95\xb6\xf2\x84jQRZS\xa3\xd7\x19\xd8rv]\x1d\xec8\xb8\x0eg\xb2(\x94f\x86\xd8z\xc4:8\x18\xf5\x8b0z\xff\xd5B2b\x81\xab\xf8\xa7\x16\x92\xb4\x07i\xaeutt^\x1b\x18\x18\xb8\xd6\xb8\xb7\xa8\xe0\xcb\xb2\r\x16\x0f\xba\xbc\xba\xa6\xaaJ\xda\xa4P\x88Z\xa4|4\t\xd9\x06y]\x1d\x95\xc1\xc0q\x19\x97J\xa1\x1a\xc4L\x99\xccj\xd5\xbb\xfc"\x13\xe7\xf2\x1f\nQZ\x10WAq\xf1O\xda\x87H\xdb/~1\x01\xa8\xf3\x8d\x1d\x9d\x13\x88U\xb9\xb7\xa0\xe8\x05\xa7L\xb9\xce\x82\xb0\x00\xc3\xafiS)xM\xd5\x1b,*U.\xa7R\x18\xb8U&amp;\xa6P(\xc0:"\x93\xe9\xab\\\xc9\x80\x893VT\xb8s\xe7zZ\x05\x05\x05\xc5\xef\x96o\'\xfd\xd8\xa4:\xa6G\xeeuv4\xc28\x0fE\x9c\x98\xe8\xac|\xbf\x98\xfc\x1d\xbd\xe2\r\xab\r\xbd\xaf;P\xd3&amp;R9\xdb\xaa\xf9\xfa\x03PDv\x1d\xc4\x05,\x99\x0cvD*\x03g\x1e\xb1\xca\xf45\xd5\xce\x00\xc6\xb9O.,\\g\x95\x94\x00\xeb\x9d\xdd\xbb\xf7\x96\xff\x98-\xb2\xfc\xf6\xf4\xf4\xd4\xe5\xdb\x8d\x95\xfb+\x1b\xcfCZ\x10[g\xe5\xaeb\xf2\x18\xed \xdd\x8dA\r\x81%=q@\xc6\xaf\x16\xfd\x8f\x92\xf3\rm\xe3&gt;\xe3\xb8\xac\x17B\xe6N\x02Iw\xe2\xee\xac\x8b,\x85\x08\x9d$\xd0\x1fW\x16\x97:X\x12\x8e\x85\xa2\xab\xeb\xc5\x81\x90\x04\xc7N\x06K\x04\xb1\x93\x0c6\xbb\xc8v\x19zS3P\xd6\x84U\xb6\xe8\xb2?\x8c\xe0,\x102\xc7c\x89q\x1c/,~\xe14\xcb\x8b5~Q\x86\t\x186\x9a\xe21\x08\xa4!\t\xed\xbe\xcf\xefd\xa7\x1dlt?I\'\xeb|\xc2\x1f}\x9f\xe7\xf9&gt;\xcf\x19\x9f\x0f\xbd{\x8eR\x1eT,\xe9\x03\xe1\x91D$`&amp;Yoo!\x9d\xea\x1c\x1f\xdf\x8b\xd4bjQ\x10\x83 \xf3\xc9\xb2,\x19|\xfb\xffi\xeb\x0b,\xd5\xb7\x96uY\xd6\t\xab\xf1\xe7Fc:)\xba\xbdk\xfb\xf6\xec9v\x80\xeap\x8cl=\x9d\xee\xec8\xd4\x81\xaf\x86F\x86\xeb\x8c\nX\x85D\x1cX\xb1p\x98\xa2\x98N\x9d\x1b\xef\xde\xfd\xa5\xe6lb\x91^\xe0r(\xb2\xae\x87D\xed\xbb\x8f\xad\xad\xce\xe4\xc3\x87Wk\x03\xb2\xb4\x99\x94$Inb\xd5\x80\xe5\xf0V\x0f\xecfXP\xab\xb3\'\x93H\xa4:\x8fvw\x9f\xcc\xa4\x86\xfa V\x1e\xd6U\xf4#\x86Q`\x05\xfa\xc2\x94\xf3\x84u\xfa{O\xbd\xcefn\xb18b\xeb\xb0\x8b\x12\x14\x93\xaa\xdf\r\xac\xd5)\xa1\xcf\xd4\x14N0\x06&amp;C&gt;\x9f(\'+\x95\xe9\x06\xa8*IQ\xf0\xda\xbe:\xb5g\xdf\x11\xb3\x10{zR(\xc5\xb1\x8e\xee\xa3=\xe9\xa1\x91\x1b\xf5z,?\x9a/\x86#\x85\xdeh \x10\x0b\xfb\x99ZC\xc0z\xfb\x8fS\xb6\x1d,l\x82\xde\x16U\x83\x83\xa9v\x15\x9f\xfb;\x0c\xfa\xad\xedIxBM\x14\xa1R\xa81\xb9\xecS$$\xd7@\xad\xd6\xa8U\x06t\x91\xe3=K{\x81u\xa8c|\x0cX\x99t\xeaD\xcf\xd88*\x11A\x1c\xbc\x86(\xe6\x8b\x81\\o\xa27\x9aEwdAL\xa4\x91\xf2\xa7\xbe\xda\x89!n6O\x10Z\xf9|v\xa0Y\xed\x92\xa4\x87|\xff\xd3\xf9[-\xb7*W\xafN\x87Dy )\xcb!}zr\xc1Nj%+\xb5\x1aJ2\xa9Kj\xd0\xb6rd\x1fa\xdd\x1e\xeb\x04V&amp;\x93\xca\xd0\x9f\x9d\x9e\xcb\xa4\xd1n\xae\xa1#\xc6H\xa1\x88?\x1b\xf3\x13V\xae\x90H\xa5:/\xee^k\xc6\x90\xc9\xb5\x8d\x050\xbb\xc0\xab\xf8\xe0\xba\xaex\xff\x0bQk\x1bo\xc8:\x8e\x95Pz\x03H\xc7P\xa8\xb2\xb5\x88\x0c\x90\xf5de\x1a\xe65\x90LJ\xaa\xd5f\x9c\xfe\xe8#\xc2b\xbf&gt;\xa2\xd5\xd3y\xf2\xdd\x93?\xcd$\n}\xe1\xe1\x18K\xa7\xde\x9c?@\x83|\x0e/\x12\xa9\xcc\x83\x03\xbf\x9eu\xbe\xc1BIz\x83*\xc3\xa2\xa5i\xaa\xa2\xc8I\xfd?C\xd9\xda\xde\xc6k\x86a(\x8a\xa4\'\x93d\x07\x95J\x12X\xba^\xb9{\xcf\xad*\x84U\x19\xa0\xef\xe8\x92\xcf\xe5\xb1\xfd\xe1\x9d#\x98dn\x83\xaa\xa7\xa7\xc7\xe4\x1a\x1b\xfb\x01,\xa2P\x88\xe4\xfa"\x91Ho\xc4\xef\xc7 \x01*8D!\x9d\xb9}\xea\t\xbfME1\x84ZV\x86e\xc7F\x11\x15\xcd\xe1P\xed\x8a\xa4\xf8\xaa\xde7\x86a\x18\xc8\x1f)\x04\xcf\xac\x90"\xe4\x9e\x03D\x15B\x18\x1fm\xf2\xaa(#\xb9\x92\x84\x95\x0c\xc9J\x8b\xc7\xf6\xa4\x9b\x1a\xf5\x18a\xb18\xa62\x19\x12.E\xe6\n\xa5\xc0\x15o\x8a\x85(\x8e\xa0\x12/\xbe?\xd5\xb6\x83\xe5\xf18\x9d\xde\xa0\x0bXvvW\x90\xc6\xa2\xe0BC\x12T_H\x17\xb6\xdbR\x03\xf6]C\x90LE\xbe\x85%_\xdd\xf2\xaa(c\x88H\xbbt`9\xbc\xb6\xb5\xdb\xdd\x87\xbaY\xc6\xf7\x10\x1a\xbc\x8b$\xc3\x13]4\xd9\x1b\x89\xe7\xd0x\xa0U\x94r\x0bm(\xfd\xe0\xedf\xc2{\xbd\xcf\xbc\x0c\xcb\x13lQM(\x1f\xc3\x92dIT|\x9c\xcb\xcaI\xba\xdc\x0c&amp;\x0c\t\xb5_a4&amp;\x16\xb6M\xac\xc6\x96F9\x8fx\xea\xfar\x08\xd6\xaap\xbcmj\xechG\xc7\xc9sh\xd4\x0c+CWo\xa6RP*R\x88D\xa2Q\x7f\x0e\xc3\xc3\xb0?\x1c\x0e\x0f#\x8c}#\xe9\xf1\xddk\x1e\xc2\xf2z\x9f?~\x8e\x18"\xcd\xf8\x16R\xcbGw\x1fa\x11\x17\x96b\x174\xa1*\x8a\xd5\xb66K\x83\xa4bD\x84cn\x19\x15&gt;AeuV%\x8b\x08\x85\x96_\xbe\x04\x96$\xaa\xe8\xb8\x7f\x1a;\n\x8b\'\xb5\xb0~\x92I\'\xd2it\xa1\x91\\\x143\xd6q\xcc\rQ\x8c\xf3\xe1p4Lc}\xdf\xc8\xf9w&gt;\xad\xb69\xc9\xdd\xf9\x17\xeb\xcfW.\x13\x96\x97a\xd9\x19\x9aB@ \x93\xcc\'\xd1\'\x08\x82O\xb1\xd4\x08\x8a\xe4`\x1b\xb6BMxe`k\xd9\x81\x02\x96\xa7\x17W66\x96\x81*\xda]6\xdb\xe7Hq\x06\x05\xa9\x90\xf4\x87\xe9\xb2RJ\xf7\xa8\x1f:QV\x05b\xc3\xb9x\xd8\x1f\xab\xc7n\x0c\x8e\x8c\x9dZ\xe2\x91N\xd6 \xff\xd7\xc7\x8f\xf9;?\x9er\xdal^\x87JR\xb1(\x9aa4\xa9D2~\xa6\x88\x85\xa0X~S\xf1A\x17\xec\x94\x08\x89Vr\xf3\xa9K\x85c\xcc\xfd\\\x7f\xbd\xf1\x85\x89\xe5\xb1]~\x8f\x05/\x95\xca`\x93I\x1d\x96\\\\\\\x00\x00\x07\x03IDAT.\xf4\xf5%\x90\xea\xd1p\x94\xb0\x00\x86\t5\x0c\xaaX\xac~\xe3\xc6\xf9\xd3\x9f\xcc\xda(\x9d\\\xd6\xaf\xd7_-O\\\xb8\x05*`\x99\x95\xc8\xb2\xcb\xa7\xec(&amp;K\x0cDOZ\x06 \x8eL{d\xca&amp;z z\x8a\xe9)\xa1\xbbK.;\xdet\xe1\xad\xa5/6^\xc3\xf7%\xbb\xdb\xeb\xe4\xff\x02\x91\xa8\xef\xa0\x063\xe9\xc3\x87{\x87\x87#T\x81q\x9cT\x00*\x80!5FT\xf5X\xbd&gt;\xf8\xe0\xd8=\rX$\xd7\x8b\xf5\xaf\xefM\xac\x92mY\x1dM*;#{\x83\xc5\xc4\xa2\x02\xb3\xe8\xa1\xed\xb0J\xacuJT\x15La\xbb]~\xb8\x89\xbe\xa5(\x9b\x07\'\x97\x11E@\xfb\x80\xe5\xfc&lt;\xc5*\x8f\x16\xa5z\x0e\x14\xb0\x85\\&lt;\x1e\xa7S\xe9@\xb6Hg@\xc5b\xfd\xcc\x99\xfa\xf5\x8b\xef_\xe6\xdb\x80\xe5\xb1j\x8f\xd7\x9f\xcdO\xac\xc1\xe4=.\x87Y\x89M,\x93\x0b?\x98a\xb1\xfc\xb6\x80\xc4\xa45\xc9(\x80;\x9fD~\xb4ZU\xa1w\xe5\xe0\x8c\x0fQ$,\x97\xd7\xe6\x9c\x1d\xc2\x89N:qx\x08+\x91\xe8\xcd\xc5\xf2y\x84\x8d.O\x04V6[\xa4k\xc8\x8a\xf5\xd2\x99\xd2\x99k\xe7\xf7~)\x90X\xb0\xd0g\xeb\xaf]\xf7g\x0c\x1a\xe8]-\xc4e\xff\x86\\;\x04\xc0\xa2\\\xb2H\xcd&lt;\xda\xfe\x16\x05\xd0&lt;\\\x05\xd6\xa4\xdc\x02.\xfb\x85\xb7\x16\x11EQ\x96\xecV`\xd9~\x98@\x8fN\x90\'D"\x85\xbe@\x91\x9d \x86\xfd\xd1\x9f!\xbb\xb2\xd9\xfc\xa5K%&lt;.\x95Jg\xae\xff\xee\xd8\n\x8c\xca\xd9\x8e\xea{\xbe\xfeB\x9a\xb8\x83\xc1\x81\xf7\xeer\xb7\xc0\xd9\xcd\xb5\x13GE\xd9V\x06\xd2XD\x96u\xac$h\xed(\xa5\xaa\x06\xb0\xe6WZ\xe8\xbd[\x07\xe7/ol\xfc\x02\xa3.\xa9\xe5\xfc\xecD&amp;s\x02\x15\x18\xe9\xcb\xf5\xe5\x86\x03\xf9r\xb9\x843\xb1@\x94,\x02\x90%0\xd1\xc5m\xc5\xc1\xf7\x0e\xfc\xbdJohw:\xdb\x90\xf1W\'&gt;\x84\x9f\xbb\x08\x0b\\M\xb2oE\x92t!\x00\x8b\xcfg`\x9f\xb1\xd3:\x19\x91\xaar\x06\xc7\xd9C\x8f\xe6\x17\x05z\x85(\x8a\xaf7^\xe1#\t&lt;\xd5\xd5uv\x1d|o\x1c&gt;0\x1c\xcb\x97\xfa\xcb\xe5Q\x9c[D\xb1\xfcx\xddO\x0bb\xc5\xd2\xe3{W\xf8\xe5\xc5\xa5\xc5Y\xc3\xe3|\xf5\xcf\xe7\x0f\'V=\x9e\xa0;HX-n\xf4BNulkf\n\xc3\x00\xf0\xd3\xd1\x13\xcde7\x00d\x10\x12GP\xec\xd8\xd0\xa3\xc9{\x8aX\xc5\x8e;\x07\xa9\x16\xe16\x1ca\xd9~\x85\x08~\xbf@\xc5\xe7\x8f\x15G\xcb]\x0c#\x0f\xcb\xf2\xe7\xc2\x81RW\x17\xfd\x85n1\xd6\xd7y\xe4\xc9\xf2\xfc\xdc\xdc\x85\xc6@\xad\xd1XX\x98}:\xb9\x82\x88\xf2&amp;V\x0bE\x92sp\x82C\xe0\xb6EkJ\xe2\xd0\xa8U\xe3\x86\x17\x86\xc9\xcdq\x9c\xc0\x11\t\x8e\xd4\x1fMnM\x1b^\xb7j\xbf{\xf0\xc3\xa9\x8d\x8d)\x8ecAt\xce\x8e\xb0\x96\x1c\x8fR\xd0J\xe5\xfe.\xdc\xfaK\xa4X.\x1a(\xe1\x05\x82\x9a\x8d\x15n\x1f\xdb\x9c\x99\x9b\x99\x9f\x85m\xd9C\xd3\x18\xbc\xa7\x93\xb2A\xa9\xe5f\\\x0esql\xc3q\xa6 \x0e\x07\x80\xdd\x16\x1f\xd3\xaaZ\xad\x82\x85\xab\x82j\xe7\x10\xce\xd0\x7f\xbb\xba\xb5D\xa7\xc3|\xe8\xce\xa4\xf6\xea\xc53\xab\x0b\tk\xc3&lt;\xf01\xdc\xe0\xf8qxg\xb1\x88\xca\xbb\xd2\xd5\x7f\x05\x12\x95G\xb3\xc3\xf1\x08\xb0.\xe5i\r\x9f\xffdnnnf\xf57\xad\xad\xad\xedN\x0f\xd5\x0e\\\\t5\xc5r\xecp5\xb1\xe8\t{\xc1\xecrY| 2\x0c\x0e\x9d\xa8\x8a;\xc8\xb8\xaa\xc0\xb8\x00&amp;5\x1e\xde\xa5_\xd7,\xb0\xb5fn\x9f.~\xfc\xec\xd6gH#\x98A\xe0l1{v\xb4\\\xbeR\xa6\xab&amp;\xa1\x11\x0c\xcc?\n\x7f\x80e\r\xde\xfc=\xa8\xee\xdf\xa3\xff\x08\x89J4O\xaa\xd9\x99\xcf\xae]--&amp;\x18#\x12L0\x01Qu3&amp;,\x8b(\x80\xcb\x07,M\x10X\x9c\x81\rFz\xe6\x0cyza\xa19a`\xc6\x08a\x88\xc4hV\xf9\xc7\xeb\x97/\xfev\x1c+\xbb?\x9b\xcd\x8e\x96\xfa\xfb\xbb\xca\x1f\x80\xab\x9c\x0f\xe4"\xf1\x00\xec"_\xbfv\xf3&gt;Iua\xc5I\xff\xd3\x90Q5\xb1\x82M\xb5\xbe\xa9\x15\x96\xd6\xd4\t\xf1\xe0\xad.\xcb\x14f\x89\xeal\xd5\xa1i$\x17\x1e\x88\xa3\xc0D\x05\x1e\x87\n5(\xdf\x88\xba*\xf0.\x07\xcf\x075\xf1G\x1b\x1b\xeb\x8f_\xfe\xebx`\xff\xfe\xec/\x91\xf1]W\xae|0\x8a\xc7Y\x7f&lt;\x12\xcd\x16c\xe1\xc1\x9b\x9f\xce\x10\xd5R\x95\xbc\xc1\x9c\xb6\x82\xc4\xc5\xce\x11w\xb9\x9b\\\xa6`n\xc4Nsh\xa0rQ\x92\xd0rY$A\xabV\x15C\xd04\x8d\xb0H\'\x08JY\xcfb\xadi8\xd8\xca[\xe9XM\xfbw\x1b\xe6\xef\xda6\x10G\xf1Z\x83\xa7\xf3p\xb2*\x1cd\x946\xdbY\x85\xfc\x03\x1d\xb2\xa4]\xb4\xa7S)d\xcaP\x89\x8c\x05\x93\xe5\x16-At\xab\xa7\xd2\x0e%S!\x99:\x14\x17\n\xc9\xd05V\xff\x89\x82 \x88\x04#\x0f\xed{\xdf\x93\x9b\x1a\xfa\x95\xf1\x0f\xb0\xd0\xe7\xde{\xdf;\x9d\x94\x0e\xa3ph\xd2[p\xfd\xac\xea\xf6\xfd^\x8e`\xd1\xbf\xac(\x8al?\x99L^\xe6O^\xbfY\x9cOAu5#R_\x94\x92M+\xdf\xe25\xd4\xdaF\xb6\xa4\xb8\'R\xe1B\xa1\x82\x89#\x0b\xac\xd9,\xf0!\x97\x0b\x98\xf0\xe0+M\xef\r\x80\x85Ax@S\xc6b\x07\x855M\xa5\xe3_\xc0BU\xedM\xf1T\xea(\xcf\xb2&lt;I\x9e\xedn\xbf:^\xd0\xbf\xb3\xb7s\x81\xe2\x1a\x18\xe2R^\x1c\x93)\xd6\xfe\x06\x96\x14\x952\x9aj)\xad\xd0`\xbe\x02\x96\n\xec\x18p\xc6q9\xb9\x981\x0b\xac\xc0\xe0%!\xbc\xe7\x8aBm\xc7M+XUU/?\xc1Cta\xbe\xb7\xbf\xfb\xe2pr\xbc8?\x9bN\xdf]\xcc#.9.\xe3\x9eG \x94\xcf\xa3w\x8f\xd5A\x19\xa7\x95O\xb1\xf0\x7f\x88\x06,\xdc\xdd\xa7\')T1\x01\xc9,\x04\x13\xb5\x02\x97\xc4\x81\x91s\x88\x85\x01\xd0\xc7~\xe8ik\x9bU%\\U]/\x8b\xa3\x02T\xc9\xe1\xc1\xe9\x87K\x84\xaa\xfc\x8aM\x05\x83.7\xa5;1\xb4\x8e5\x0e\xfa\xb7\xc1\xe4w\xdd\xd7\xf5\x1f\xa7\x1f\x8c\xc2\x10+%\xd6\x16\\\xf4;\xb5\xa0R\x8f\\\x82\x87\xcf\x01G#\x1d\xa2\x90{h\xb7\x03\x1f=\xcf\xa8\xeb\xbbU[u`7\xd9\xe3\xe4\xf9i\t\xa8\xf2\x1bWg@ayf\xa4h\x9fX\x079z\x1bXb\xa7#\x13?4\x1d\x1cR\xac\xf0\xc1C`\x99t4\xb2&gt;\xd3\xb56r\xe0\xb80\x99\xf0\x07\xb1\\\x8b \x87\xf4\x14\'{J6}_\x9a\xdf\xabe\xcdj?\x97\x97\xe5\xc5w&amp;\xea\x91@Q\xaaP\xf11\x9b\xb8\x07\x8f\x9c0\xffP\xad\x8bH\x9av\xa0YU\x87e\xb4\xb1\xa3-\xe7b\xe0\xb0\xd8\xba\x9d\\\x0e\xcb\xcd\'\xa2W\x00\x1f}\xcf=\xe5@\x97E}PD\xd7\'\xcd]\xf3c\xfe\x91\xd3\x81\xcc\t\x91@9*pQ\xaa\xbf\xf5\x1f,\xd7S\nC\x1dJ\xea\xff\x00\x95\x06\x91W\xfa4T\xe7\x00\x00\x00\x00IEND\xaeB`\x82'</t>
        </is>
      </c>
      <c r="M18" s="3" t="n">
        <v>45492.67763888889</v>
      </c>
    </row>
    <row r="19">
      <c r="A19" t="n">
        <v>33106</v>
      </c>
      <c r="B19" t="n">
        <v>1967</v>
      </c>
      <c r="C19" t="inlineStr">
        <is>
          <t>Thiago Heleno</t>
        </is>
      </c>
      <c r="D19" t="inlineStr">
        <is>
          <t>T. Heleno</t>
        </is>
      </c>
      <c r="E19" t="inlineStr">
        <is>
          <t>ZAG</t>
        </is>
      </c>
      <c r="F19" t="inlineStr">
        <is>
          <t>ZAG</t>
        </is>
      </c>
      <c r="G19" t="inlineStr">
        <is>
          <t>ZAG</t>
        </is>
      </c>
      <c r="H19" t="n">
        <v>185</v>
      </c>
      <c r="I19" t="n">
        <v>44</v>
      </c>
      <c r="J19" s="2" t="n">
        <v>32402</v>
      </c>
      <c r="K19" t="inlineStr">
        <is>
          <t>Right</t>
        </is>
      </c>
      <c r="L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a7d8e90-a796-411f-9350-c01323fa6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(\xfc\x98\x00\x00\x03\x00PLTE\xf2\xf2\xf2\xfa\x191\xfd\x1c3\xe4\x0c!\xfe$=\xfd\x1e7\xeb\x0e%\xfe&amp;@\xf2\xf1\xf1\xfd!;\xf1\x13*\xfe(C\xfd\x170\xf6\x15-\xb1cL\xfa\x14,\xb6fOh(\x18\xb9hRa&amp;\x19\x8b&gt;*\xa1WC\x80=+\xf1\x0c#\xf6\x10\'\xa8V&gt;\xa3S:\xbckV\x15\r\x11y:)\x859%\xbbfN\xb1`FT("\x1c\x0b\r\xfd\x10*\x1f\x18\x1cs-\x1ba:6\x10\x08\x0c-%*\xac`J\x95Q?\x9dM5[\' n*\x19\x16\x1a+\xab\\BX1-\xb6cJ\xc2s`\x823\x1e\x9bUBI)(r4&amp;6&amp;\'\xbfoXG \x1ex/\x1c\x9bP;* #\'\x0f\x10\xa5ZFM11N$ w4\'\xfe\x1a5\xe8\x08\x1d\x89B2c4.\x19\x13\x17\x91@+\x99H1\xfe\x1f:f1&amp;\xfa\x0e&amp;Y&gt;@j."_0)3  \x98M7Y,\'\xdf\x06\x1a\x94I4q9.\x95D.\x85B.a,#Q-*\xf0\xef\xf0\x8cM&gt; \x14\x16q&gt;66,2Z73\x85H8\xe9\xe8\xe9z@2v:1\x90D1qE@\xd8\t\x1dl4+)\x1a\x1b\xc7\x04\x15\xc7\x86\x81mblR\x1f\x19$\x1d!\xa7^I\xed\xec\xed\xf7\x80\x8ceCDR78\xc5zg\x83|\x87wkt\xdc\x15(&amp;+&gt;\xe6\x15+\x8bF9\xb1fV?\'\'&lt;\x19\x18B./|/\x1b\xf8\x86\x94\xd1\x10"\xb7l[\xd0\x04\x15h&gt;;}4"j82{C9\x81A7tfp\xbbpb\x91L9\x9fB)Z#\x19\x9eT=fJM\xd7\x03\x15\xc2}p\xc5\x81ziQV2\x15\x15\x92:!\xa4F.\x7f5)e[d\xb0lb[MU\xaeN5\x896\x1f\xa4M6M@G\xa7`W\xbd\x03\x13\xe1\xdf\xe1\xb9[D\x7fH@\xc0sk\xcc\x81p\x99&gt;%\xacH0&lt;! \xafZF\xfd-H\xcb\x90\x8e\x95UGmY`_T]\xb3\x04\x10\x8a\x84\x8e\x8391\x9e\\L\x85PH\xbb\xb9\xc5\x8dG0\xe7\xe3\xe5\x8e\x89\x94zp{\xc3gS\xb4V&lt;\xcc\x99\x98r+&amp;\x1f"3\xc7\x8b\x87\xfc\x08 UHP\xcf\x88ww^dF8;\x9b&gt;&gt;\x95\x8f\x9d\x7fv\x80\x96d^\xc8\xc6\xcc\xcdscg%!\xc0]H\xe9!6\xf3#;\xa9\xa6\xb5\xaf\xac\xbctQQ\x92XP\xa3\x9f\xac\xee\x06\x1a\xd9\xd7\xd9\x9b\x97\xa5\xbdzx\xb6rk\xe1\xba\xb9\xc9kY\'(8=4;\xbaK?\xd6\xa8\xac\xcf\xcc\xd3\x8c98\xe7\xd0\xd3\xd44&gt;\xcaLR\xbbT\\\xb9cc\xe35C\xc5\xbb\xbd\xa6HJ\xc1\x1a*w\x1a*\xba@M\x9aLF\xb1\x1a)\x95\x15#\x85YW\xe3M[\xad\x97\x95\xa1qk\xed-@\xc3-7\xae19\xa8\x87\x86|\x07\n\xdb\x98\x9f\xba\xaa\xaa\xf6\x8f\x9c\x8aqq\xd6\x86\x8d\xd4\x7f\x82]\x10\x17\xdaer\x9903\x93~~\xe9z\x87&gt;6\x08\xab\x00\x00 \x00IDATx\xda\xcc\x98\xdfOZi\x1a\xc7{y\xae\x88\x086\xb1N\xa1L\xe4l\xad\x10\x11\xea\xac\x83\xbb\xe2&amp;R\x88A\x94X\x05\x7f\x0c\xda\xd1\x8c9Z\x08r\xb8\xc1\x96\x84\xc0\x18\xa8H\x80\xd1\xf1\x17cPVK\x00C\x10\x85\x95\x8486 \xe9$\xa0D\xf0bS\xaf6{\xbd{\xb1\xff\xc0&gt;\xef\xb1\xf3\x17,\xd8}\x029*&amp;~\xf2}\xbe\xef\xf7y^\x1f&lt;\xf8\xdf\x0b\xd3\x9f\x04\xee\xeadJ?\x8a=\xf8?(l\xf4\xe46\x9f(\x94\xa0\xca\xe5r\xa9\x98\xc8\xdf\x06\xf4\xd8\x17E\xc3\xb0\xd1\xa9\xdbB9\x16#S\x8e\xf3\xa8\xcf\xed\x8b\x9e\xa7b\xd9l\xb9\x90\xb8\x9e\xfab\xa2a\x186u["Ss&gt;\xb7V\xc3\xe1\xcc\xcf\xbb\\&lt;\x9e\xd2vi"\x93\xd9l)\x0fd_\x86J\x9f/\x93\xa69\x9fV\xa0\xe41\x18\x0c\x97\x8bA\x87b0\x94\xb6h\x8e\x8c%\xb3\x85\xfc\t\xf6\xe0\xde5\xd3\x07\x8a1\xe8\x9d[\xab\xe2Q&lt;t&gt;U\x88L\xfd\xa3\xfb\xdc\x94#\x93\xa5|`\xf4\x9e\xa5\x9a\xca\'S\x0eG\x14W1\x18t&gt;W\xcc\xa5J\x8c^\x88\r$\xbb\x8c\x9e\x9b\xc8l~\xea\x1e\xed\x8f\x8d\x06\n\xa4#\x1au\xab\xa0s|\xbeX,\xb6\x88-\x16\xf4\xb0\xd8\xe1\xc1\x05.\x86Zj\xc3\r\xbe\\!p\x7f\xe6\x9fJ$Mp\xf2@*\xe8\x1d(d\xb1XDP\xf0\xb0\xd8\xe1\x01`\xd0K\xb5R*\x95\xda\x1c\xd9\xbc\x1e\xbb\x9f\x06\x9e$H8~\x06\x01\x8fAAqA%\x11\x8b\x85\xc0\xec\xf6\xcfX\xa8\x93j).U\xe2\xe7\xc9\xc4\xd4}8\x7f\xf4\xbaH\xae\xfb\x0c8\x9c?:@!*\xb1X\x048"&amp;\x13\xc1\xc1\xdb\x02\\\\\xfe\xc7&gt;\\\x81\xe3\x06S\xac|]\xfbF\xea\x81j\xd3\xad\x10\x08T\x8c\x8ft\xee\x9d\x9f\xec\x08f{\x9b\x89\xb8\xb6E\xf0\x12\x89\xc0\xfdp$\xa5\x06\x85\xc1\x972\xc5\xaek\x8d\xa5\xcf\x17c\x87\x14\x15\x84\x15\xc2\xb2[,,&amp;BZ\x85\x92\xc1W\xa2mx\xdb\xc1]w\xc6\xc7\xdd\x8e\\4Vc\xbdN\x80j\xdd\x07T\x02\x1e\xe4\'_\x0cBYD\xdb\xcc\xd5\xed\xd5\xd5\xe5\xe5}D\xb6\xba\x8d\xb0,b&gt;\x1f\xe9Eq\xa5L\xd1\xe4\xf5h\r\xcd\x1eH\x94\x92\xeb&gt;\\\xa5BZ\x81\xe1)\xabo#\x98\xfd\xe5\xb5\xb5e\xa8\xfd}\xe0\xa2\x8e%\x97\x8e\x02\x8c\xa1\xc2q_\xcea*\x07j\x87\x15H\x14\xc8\xf5M-\x0f\x8a\xcaut\x02A\x1b\x8aim\xed\xe0\xe0\x00\xd0\xf6\x01\x0c\x91Y\xb8\\\nK\xad\xc4\r\x0e\xd2\x91+\x9d`5\x8b\xab\x129\x07T\xae\xcfX\\\xe8\x1f%\x15P\xf9\xb7\xa0N\xb7\x0e\xd6\xee\x14[E\\b\xaa\x8b\x90\xab\xd1\x14\xd8&gt;Q\xa3\xfc\xd2\xe7\x0b\xc9\xb9C\x05\x87\xc7\xe3\xb8\xa0\x83\x14\xd5*B\xd8_;X\xdb:E\xb5u\xe0\xf7\xfb\xd7~\xe7\x12\x8b)\xb9\xd4\xb8/:g"k\xd4F\xec\xba\x905\x1d\x9e\t8\x1c\xea\x10\xf2\x11\xd5&gt;\xaaeh\xdf\xd6\xe9\xeeo\xbb\x80\xb5\xd5\x08X\x94b\x88\xcb\x82\xd2\x9e\xc1S\x1a|\x87\x8e\\\x16b\xb5&amp;-,\x93\x87g\nU\x0f\x07\x8dg\x94W\xa2U\x04\x05\x1d\x04\xa9v\x7fc\x03\xd7.\x80m\xf9\xfd[\x94`\xe0|\x90\x0b\xb0xZ\x83;\xea K\xb7\xb5\xe8\xe2u\xa1\x9c\xdaTh9\xf3\x1c\x88w1\x9c\xb5\xedU\x84tp\xe0\xdf:mg\xffM\xd8\xd9\xc4f\xd7\xb3w\xd9M\xec\xf6\xdd\xd3\x835\x8a\xcbB\xd9\x9e\'P(\x0cQG6\xa1\xaf\x81\xb3\x12\xe0,\x85B2\xcf\x99w\xd1\xb9v\x11KD\x1d@h_(\xc4nj\x12\n\x83\xc2&amp;\xab\x13\xbe\x08\x06\x83\xff\xa8\x0f5\xfa\x97Q\x82Y\xd06\xc1Sj\xb5\nw\x94,\x04\xb0\x1a\x88U"7\x17$\x1d\xb0\x1d3\xa8d`\xc9\xc0B[\xbb\xa7\xec\xba\xfa\xce\xce\xa0\xc7\xfbW\xe0\t\n\x85Ng0\xe8\xb4\xb6\xd0\x1a[\xe5L\x98\x90v\xca\xf5\x02\x81\x16-9\xb7U\xcf\xd4\xd1|!;\xf7\x8b\xa4C3Oa\xd9YL\xe6\xb0\xdc\xef\x0f\xd1\xcc\x88#\xe8%2^\x8f\x97\xf0z&lt;\x1e \xac\xdc\x98u\r\xad\x83C\xd3,\x96\x1d\xd9\x8b\xa7\xe2\x08\x0cnS\xb9Xm\xd3cS\x90\xa4H\xac\x9ey\xd4C1P1e\xf2\xd6\xc6\x90y#X\xa9x&lt;D8Lx3\xe1p8\xe3\xf5z\t\xa2\xb2\xb1\xd3\xdd54=\x0cz\xc1\x14\xa2\xf38\x1c\x01\xb8+Y\xa8zF\xc0\xd8\x99[@X\xe8*\xc1\xb7\xb3z{e\xc3r\xb9\xbf\xd1|S\xf1\x82F@D\x10\xe1t:\x1d&amp;2\x15P\xebfG\xf7|p\x08u\xd1B\x99\x9e\xa7\x82U\x95,\xe5\xab\x8d\x95/\xc4\x90X\x1d\xf3(I\xf9\xf6\x9f{{\xa7\x87\x06\x87\x1av6nn*\x04\x08\x94\tg2\xe14\x02K\x13\x95\x9b\x8d\x8d\x9d\x9d\x06\xc0\xda\xa6f#\xb8\x8b\xa7\x02\xd3\xa7J\xf9j{&gt;QJ\xfd\xa2\xe9\xe8\xf8v\x1e\x89\xc5\xb5\xff\xccbN\x0fvu\xc5uf\xf3\x064\r\x94\xca\xc0\x9b\xa2Jg\x00\xcb\xbc\x13\xef\xee\x1aFX\xc8\\\x0c\x17\x84\x04\x0e\xe6\xaav\xa2\xea\x13\xe5\xf5\x05\xa0\xfa\x8c\x05\x96\x971\xa7\xbbZ[\xfd!\xb3\xd3S!\x88L\x06$\xfb\x15\xe0\x80\xc9ZG\x0b\xb5u74\x0c\xc9(\xb5&gt;\xdf8\x94\xb0x\x95\x8b\xd7U\xde\xb3\x8a\xd9M\xc9\x9dX\x0c&gt;\xbaz\x81\xe7\xe5\x8f\x1e5\xee\xb6\xa3\x93\x08g\x90\xf8\xd5c\x0cz\xc0\xec\xce\xba\xd3\xdd\xf6\'\xa1P\xa8[.c\xdd-8\xd4\x04RK\xdd\x8el\xb1\xbak*v]\x8a\xfd\x8eE\xddS\x01K&amp;o\x0c\xd1\xd8l*?=D\x06\x85\x837Cx\x9a\xea\xad\xd6&amp;\xab\xd5\xdc\xd2\xd6*cQ\xf74:\x8c\xf5\x8fh\x81FX\xd5M\xae&lt;d\xa9Drgx\xfa\x1d\xd6pk#\r\x85\xba\xd1(tRXp$\t/h\xe7%&lt;\x90\xa8\x90\xa72H-t\x07A\xfb\xa0\xfa\x0e+_\xd5\xf9\x83\xe5\x0b98\x88\x1c\x97\x0b\x16-j{`\xc9\xe4\x8f\xda\xea\x84\x1ep:\xe8D@\x17\xd1\xcb\x1b\x14\x1a\tH\t\xaf\xc7in{\x04]\xfc|\xdd\xe6\xf6\x7fDML\x16\xab\xeb\xf9\xd1|\x11\xc6\xb4\x04\x85\x16\xaa~\xae\x9d)o\xbd\xc3\n\xa7?AX\x81\\(%2\x15\x0f\x91\xfe\xf4)\x9d\x01,Z\x9b_\xce\x14##\xc2\xbb\xbf\xbf\x0fw\xcf\x91\x85\xaaba\xfaD\xd1qx\xa6\xe9\x81\xbd\xd4\xe5r\xc1\xb6\xfcp\x1a\xa8\x9e\xd4u\n=\xde0\xe2\x80p\xf0\x12i\x08y\xea\xbb\xb0\x17"\xe2\xce]H*:\x1f\xa8\xa46\xf79Y\xc8W\x1dkS!\x80\xad\x94\xe7\xa2\x16\x08\xe6\xd0\x8aNG\x83\x95Ah\x04\xb0O\x9f IQ\xf3\x80\n\xb1U\x9cV\xe7\x86\xb9E\xf7\xfc\x18\xcdD~?\x8c\xc5\xbe\x1fa\xe7J\x15n\xab\x8de\xdaTh\xc0[\xb0\xd60\xfa\xfb~\xf8~\xf2Y&lt;\x1eo\x01\xcf[\xad\xc2 \x91F!\x0fA\x8a\x82\xb5\xe2\tZ!N\xaf\x8e\x8e\x8e\xf6\xbe\x7f\xd9\xa7F\xc3\x87\xae\xee\x93\x1a\xdcnS\xe1V_m\xb5\xce@-\x8e\x0b\x16\x08\xce\xb7?\r,J\xb4Z-&gt;s\x14\x89\x9b\xcd\xe6z\xab\xd1\x08c1\x9d\xf1\xc2\xa1t:7v.\xae.\x150@aX\xbd\x1f\xf8\xe9\x8d\x0bB\x1e\xe5\x83\xcfG\xd6@\xad3\xd8La\xd9\x9a\x7f3\xfeb|\xbc\xb9y\xfc\xc5\xeb\xa7\xdf\xbd]\x989:\x1a\x8b\xe8\xea;\x85N"\xec56\xc1\xd0\xb9\xda\xc3\x17&gt;\xfc\xfd\xbb\xa7\xaf_\xcf\xfeiv||\xfc\xeb?\xf7\xf0\xe0\x9e\xa14DMU\xc6\x1a\xd5\'\x12\xb9\xb3\x05\xc0\xea\xe9y\xf3\xf5\x1f\xbe\xfa\xeaE\xf3\xeb\xa7O\xe1/77\x0fth\xf1\x89HKg\'d\x97\xa7\xb3%\x1e\xd9\xd3v\x0c4S\x9f\xa3\x8f\x81\n\xb88@%5\x9c\xe7\xc8bu\xd5\x9aJ$b\x87\x0b\xd0DN\xc7\xec\xf8\xec\xfb\xc5\xc5\xb7\x1f\xa0\xfe80;;;\xf0V\x82O\xc6i\xb4z\xa3\xd7X\xd75\xb6\x87K$\x8b\xf0;\xb3\x8b\x1f\x16\x14\n\xb4s\xbc\x1f\x98}/P*mnS.Y],\xb8\xf5$\xb2s\n\x89\x8a#y;\xf0\x86\xa3\x94N,\xed\x81\xa3\x8ffp\xad\xb6C\xd2!Xz\xb6\xd2Fsz\x84\xb4\x951\xf4#p\xdd\xc4\xde\xd1\xd5U&lt;r\xb4\xb7\xb4\xf4R\xa5\x01E\xb56w*V.V=\xb7\xca\x0e\xdf\x82F#y\xbb\xc8Q\xf7?\x1e\x19lh1o\xc0Z\x15\x8fL\xbez\xd9\xf7\xc3\xc8\xe0#\xc0\xb2\xb6\xadL\xbe\x9ax\xf5j,\x12\xd7Y\xd1X\xd4\xad\xbc\xeb}\xf8M\x9fT\x8b\xdbl\xb6K2Y.\x15O\xd0\xbf2\xaaf\xaeD1\x0b\x17j\x8dfaA\xd3\xc3\xfb\xcb\xc8\x10P9ao\xf7\x18\x9du\xba\xae\xe3\xc7\x8f\x8f[iAcS[\xeb\xf1H\xef\xe0J7\x9cM\xc8\x083\x805\xbc{\xf8M\xbf\xd4f3\x18\x0c\xe7$\x99\xcc\x96\x02\x18\xa6\xd7Wq&amp;\x96S\x87g\x12\x89D \xd0\xa8G\x8e\x9f\xeb \xb5.\xfe}\x11G{`K\xc3\xf1c\x96\xfc\x890\xd8\xde\xd8:&lt;\xd4\xd5\xd0\xad\x8bG"\x17\x17\x17WWW\x91\xc8\xd8\x08\xa85113\xe3v\x90\xb1\x18\x99\rL\xfd\xf3?\xff\xaa\xce\xc5\x0c\xc3F\xf3\xe5ln\xfd\x0c\x1c\xacQ\t\x94\xaf&amp;\'\x97\xf6\xf6.\xdd\xd1\xf3\xcb\xa3\xc9\xc9\x88N\xf7\xee\xa1}8\xe4\x14\xb6\xfb\xe5\xb2\xc1\xee\x95g\xf0\xe9\xe5\xa5\xcf\xe76\xcc,AK\xfb\xd4}/\x81\xeb\xd2D\xc6H\x13\xf9_V\xcd\xe7\'\xad5\x8d\xe3[V\x84a\x80\xe4@\x0f\x94\xa6\xc3-\xda\x1b\x81\xe8\xd1\x0e-?\x12\x14C\x00% X\xae\xa3E\x08&amp;\xa7c\x83S\x16P]\x10\x94\x1f\x12X\xd0\x02B\x90\x0c\\\x7f\x90\x01\xa2\x12Z ]x\xedT.\x97\x8d\xde\xb45N\x9bn\xe6\xc6\xbb01\xbah\xc68w\xd1\xccs\xbc\xf3\'\x1cv\xac\xf8\xe4\xfb|\xdf\xe7y\xbe\xef\xcb\xe7\xcb\xeab\xe1\x84\x8cK8\xcaC\n\xe5\xdd\xd6\xd3\xa7x\x1a*\x08=\x82\xaf\xd7\xeb\x05\x93\x0b3Cw\xee\xdf\x9fsX\xad];]\xac\xc5\x17\x88D\x92\xcf\x8e\xa9\xa3\xcceUpb\xb2\xff\xf6\x9d\xbf\xde\xb8\xbd)\x9a\xd4;\x9d:\x0cE\xb1\xa5\xb8\xbb^w\xa7\xf0+\xcf\x8b\xf5\x0b\x12\x96A\n\xe5\xc7\xf3\xcbw/\xb7\xf0:\x0eS\xd1\xa2\xb1(\x14\x8a{\xf7\xa05}sc\xf7_C\xab\x82\xa5Rn\xa5\x84.\xbe\xc8\xf0x\x99\x88\xba&amp;\x9b\xed\xb5:E\xf1\x8f7&gt;\xfe\xe5\x9b\xdboF\x1e\xdc\x1b4a\xa8\xd9\x8c\x02V\x08\x0f\xa5\xfc\xdb\xc3\xeb\xd2\xf3G$\x88\xf5\xe8J\xb9\xdd:\xd9J\xe1\xe0y\x91\x0e\x8ar\x97\xbfy\xeb\xd6\x9b\xd5\xa1\x1b\xb7\x87\xee|\xbd\xa8\x16\x0e\xc3;\xe8\xe2\xfaF\xbe\xb9\xb1\xce\xa8Q\xc3\xa5@\xa1u\x9e\xba=4t\xeb\xe3Ul\xfe\xb9\x02Ck\xa3F\xd6\xc4A\xc8\xbd\xe7.\x17\xd8\x89\xe1\xea\x17\x12\xb0(\x8f\xaeT/\x18AW:\x95\x02\xb5t\xe6\x9aY\xf7x\xfe9\xff\xe0\xea\xe3\x83\xeff\xb4\x17`\xecB\xef,\xba\x18\xc9t\xf2\x1b\xeb\\\x15\xcd7\x05\x1d\xabu\xd67\xf2\xe0\xb9\xabU\xd0&lt;~\xac#\xb0\xcc\xd3\x07\xe52^\xdf\xeb\xca&amp;&lt;\xa6\xafd`=9\xaf\x1a\x13c\xaf\xb5\x954\x0ck\xacf\xe4~\xfbG\xc5=M\x00z\xa9\xff\xe0\xac\xd5\xca\xad\xacx\xbb0nd#\x9f\xdf\x880\xb8\xb2\xf0\n1\xaa\xcf\xce\x0e\x0e&amp;\x02\xc1\x80\r\xc3\xa0\x9d\x8c\x8e\x02V,\x8e\xd7\xcf\xd8\xd9\x92\xc3D\x8aZ\x0f/\x1d\x85l\xd6.\xa8\xec\xae\xce\x19\x94F\xe3"\xa6\xd3Y4\xd3\xc1B\xb5uqt\x91\x83\x00;\xcb\xc2\xb8\xeb\x91Ls#\xc1X\xb4{\xbf\x87\xe8\x9a\xbb\xb8\x80\x0eQ\xda)Y\xa7P%\x8ba4\x9aM\x8ex\xbc\x1c\xaa\xb2eg\x0e\x0f9X\'\x01guxl\x02j8\xc7\xc7\xc0\xbdJ\x94e\xb3\x05\xad]\xa5\x1d\xf8\xfd\x15\xe8\xf4\xf6E%\x97\xb8\x12$\xd4bHA-a\x8e\x88\xd5;\xbd\xbd\xbd]\x1e\x16\x86\xb2\xcc*\x96\xc9A&lt;\xce\x06F\x0f\x1d\xc1_\xc9\xc1\xfa|\xf8\xda\xe5Q\xdb\xe2\xbbss|\x1d\x86a\x8bf\xe3rWWo/s\xd6\xeb;\xfap\x943rQ\xc0\xda\xd8\xc8lD\xd4\x0cFdv\x85\xd8\x98\x89\xe1C\x152\xa3\xc4\x08@\xb1 \xea\xf4\xc7\xe2{\xa1\x80\xb5\x9a,\xe5\xce\x9f\x90\xd1 \xde\xe5&lt;K\x01\x15\nXr\x98\x87:\xac\xd6-\x85\xc9L\x87\x859\xfc\xfd\x87\x0f+\xec1n\xf2\xcf\xdc\xf5k\xb5\xd4\\F$S\x04.\x9f\x0fB\xed\xdf\x06hBDZc)1\x13\x06\t#\x8e\xbb\x1d\x05\x9b\x9ayqIJ7\xfd\xfb\xd1)\xea\x0c\xa0\xf1\xf4\xaa\\q\xd7\xf2\'\xd6(\xd2#\xa4q\x06\x068t\xba\xef\xe8\x88\xdaT/*\x95\xff\xc7z\x91d\xa93M*T\x16\xe4\x92@\x82\xf4Qg\x99\x04\x97\x0e\xb2~\xd9\xedv\x04\x18Y\xf6\x05)\x17$\x94G\xe7\x87\\\x9df)\x9e\xde\x9dS\xf0-\x8bj\x08b4\xfa\x00\x8f\'\xbeI\xf5z\xc5y\x84\x05\xa7\x8d\xc0JD"\xeb\\\x94\x9b\x15\xf3\x08o\x85\xc3\x1c\x82+L\x9d\x95\xda\xcdJ\xc0\x02\xb1\xdc\x0en\xa2\xc9\xbe %\xf1\x83\xe7[c\\\x9d&gt;VI\xcf)\xee\xea\xb8\xc3\xec\x9bt:g\x80\xc3\xa1Q\xbdB\xa4)\x1e\xc5tJ\xae:\x92\xf9\x94\x012uRY\x13J8\xb4\xf0\xd1Q8,\x91H8\x1c\xef,s\xb4\x86BL\x8c\x87\xea\xee@"\xdf\xe6\\\x904\xa9?\xb7\xb2Y\xb3&amp;\x96J\xcd\xf1\xefb\x8cn&amp;\x04D\x9f$\xec\xa3Q\x85\xd9\x0c\x8f\xa6\xd2a@\xb5\xf1)\xff\t\\\x1fa(\x932I\xbb\xc1\xf3\x86}\xbe_@1\xba\xcf+\x8b\xd6`\xe9\x12\x94a\xaa\x96\xf2\xed\x1f\xd6\xbe\x90\x84uR\xcad\xd8\xe68\x9e\x9a\xe4[\x945i\x14\xe9\x11s$\x12\x9f\xb0\x98I4\x1b^\x9bN\xa9\x8e$2\x80\x95\xd9\xc8$\xc6XJ\xa9d\xed\xb8\xc1\xa3\xd3\xbd`1\x1f\x87N\x95E\x97\xa7LN\xff\xde\xab\xa7{\x87k\xed6\x87\x8c\xfep\xdd\xe6\x99\xf9&amp;\xb2\\v\x87&amp;\r\x1aT5*e\x17\xc5\xbc\x01\t\x1d\xc9d\x9a\rI\xce\xa4d\x80V\x9d\xc6q\xa7\xf3\xa9\x99\x19f$\xa5\x92v\x1b\xb8h4\x1fPq|\xd7X\xa8\xc9\xe1~\xbbU\xae~\xdf\xe9\xf4\x9cSH\xb2|nM"\xb6\xc6\xdcn\xad\x81\xd8\x97\xa5l\x04\xb084$\x9b\xe9\x1cK\xac\xd8\xb6\x11\xf9\xd49\xfe\xed\x1f\xbf\x01\x8c\x18\x19\xe3z\xc2\x80\x95\xe75x\x9c0q\xa5\x04g\xb1\x8b\xc0\xfa\xfa\xfei\xbc l6w.)$\xa9\xb5#i\x1fY]x\xddE`\x19\xbb\x91\x1e\x1a\x9dN\x13\x17\x91fG\x92K&amp;U\xbd\xc5|\xa3\xfd\xdf\xff\x00\x16\x94L\xaa\xde\xf6\xae\xb5\x8f;\x8d\x06\x9d\x13\xa6C\xb8\x15\xca\xa0\xd7\xdb\xa6\x0f^\xfd\xbc\xef\xb22\x13\xd9\xc3\x13\x92\x96\xf9\xcb\xc3|\xdeku\xe0\xfbq\x91\x05c\xd5\xa2\xc8\xec\xac\xd0K-\xf6\x00\x8d\xe44\xc9\xf0t\xf5\xb2\xf3\xc7\xedv\xa3#.\xcav\xa2\xc3\xc9\x9d\x1f\x80\xeb\xb8\xc1\xe1\x0c\x10\x9d\x1e\xa8\xacS6\xdb\xc1\xdb\xb7nW\xc1\xac*\x91\xe4\xf8\xdfOb\xb7\xc7\x91\xaaW\x08,\xcf\xb24\x1a\x95Q\x8b\x08\x92\'j\xa8\xdc\xd6\xf0EK*\xf8R&lt;\x9d\x16\xf5\xf1M\xcb\xdb\xa55\xc0j\x10r\xd1\xa9\xc2\x1ef\xafu*8=\xb1\xf7\xf6\x95\xdb\xa5\xe3\x1a[\'$\xbd+&gt;|y55\xc5\xc0\x06a\xbf\x9c\xb4\xa0fOm4\x1ae\xca\x90\x9e|\xa7\xd1\x96x\x94\xd3w\xe7\x1f&lt;\x987y\xba\xa6\x0c\xf3\xf3\xf7\xf8\x9a`\xf2\xf4w,\x1e\x8fF\x17\xcad] V`\xda\xb1\xff~?\xe4W\xb2{\xbe\x90\x96\x14\x1f\x9e\xecUkJ}\x1c\xdf\x8f\x19L6\xf3\xf2\xb2\x11\\\x8f\x14\xc5\x80\xc51\xff\x14,\x95\x9c|\x85b\\d\x18\x0czd\xde\xd3\xe4\xebh\xfb\xfa(\xf2\x08\xb1\x98D\t\x83`\xad\xad\xf7!\xdco\x17\xe7.\xc9K\x89ONZ=FK,\xe5\x8e\x1b4\x98y\xaaV3v\xb3\x91"\xa8u,\xee\xfe\xf6\xa7m\x8f^\xe4\x17\x08\x04\xfej5\xe8\xf9\'\xe3\x0f\xc9b\xe3\x18\xac\xd5\xe1\xd1iE\x84\xb9L\x18\xeb\xba\x86x\xd9\xaf\x8a\xb6H|1 zDT\xa3\xad\xe0\xb8\xc8\x89\xc2\xfaT\x03\xb9\xd8\xe0\xa6F&gt;\x93\x95\xdaM\x9b3r\x97\xeb\xe0\xcc\xe5r\x88\x14\x9am;\xd2\xc9wxPC\xb1\x98*\x93\x12b\x15l&amp;\x07\xbe\xf5\x14O\xf9\xa7\xcf\xbe\x90\xf9\x92N9i\x05-\xdat\x05\xd7:Q\x1b\x8b\xe0\xea\xeeF\xf2\xbc&lt;\x92\xc8fU\x86\x99\x99&gt;-q\x0f\x02X#\x9b\x86i#\xd2l6\xa1o\xe5o\xde\x94\x8d^;\xcb6\x11\x0b\xed\xe3!\xb7\xcbq\xf63\x99\x0f\xe9\x94\x1f\xf7L\x16-^Ii5\xa6k\xb9\x88W;$\x9fMt\xdb\x9d\x8a\xe73\x9b\xf29\xed\x9c|A\xeb\x12\xf4\x8d\xccl\x1a\xb6\x8d\xd9L\x06)\xc2\xa7\x87-]\x06g\x11\xe1\x15O\xe1\xf5\xd8\xc4\xd9\t\x99\x17\xf3\x0f?\x97\x97\xf4\xdaT\xba\xb2+\xd2\xc0\x12\xcc23\x18c\x08D{\xbbj\x10@\xfa\xa1\x86\xb19\xb9\\\xee\xd2\xf6=\xeb\x1f\xd9T8\x93\xf6\xe1\xe1,\x1b\xe9A\xd8\xa3\xcb\x84X\xaer\xa8\x9c\n\x85b\x8e\xaf\xa4&gt;\xc0R^^\xf9\x97\xb4\xe9\xdd\xdd\xca\xa4Es\xbd\x9c3\xc6\xd8\x9e\xe0\xb4\xbeo\x84\xa0\xf2\x1f\xb8\\\xda\x85\x859\x87V.\x1f\xd9\x1c\x19\x19\xd7O\xd8\xcc\x0c{7\x1b\xc4R\xd9\x02\x13\x80U.\xa7\xea\xb8\xff\xec\x84\xd4?CP(\x97\xb1\tA%\xbdZ\xd1\x1a4NB/\xae\xddl\x12(6\t(\xf9\xa4\xa3\xea\xf0\x8b\xe4\xcfD\x85\t\xc1\xe4\xf8\xe63\x00\xeb\xef\xd3\x9bX\x0c\xbb\xd1X3\x03\x96\xdf\x15\xaf\x94Cu\x9cd\xb1\x88\xb7\xa8s\x87 \x95^\x85\xa8h\x00{\xb1\xd0$kp\x1c\n62\xb20)(\x94Ne\xa7\x9em\xe5\xb6,W*\x15\x96\xc6\xfb\xfb\xef\x7f7\xd3\'\x1a\x04U\x19,\xc0\n\xf8]\xbb\xe9J\xa8\xbe\x17\xbb$\xfd\xb1\xfa\xe5WW(\xb5\xba\xaa\x1d\xe7\xeb\xc1\xf5\x18f\x00\xa5\xee\x8f\xf4\xcb\x01*W,\xfe\xfb\x97\xeb\x8f\xf0\xd7\xdcJ\xae*\x90/\x80\x8ao\x16\xf4\xa0*\x8be\x0b8\x1c\xff\xa3\xdd|C\xda\xda\xcf8&gt;(\\Bi){adC\x07\xd1\x10\x0f!/\xf2\xc2\xe3\xe1\xe0\xb1Ih\x12F\x1a\x13c3s\xcc?MLO:\xcd\x95J\x95\xe5\x9e\x1c(\x86$R\xda[VA\x11v\xac\xe8\x8b\x8c\xf5\xdaF\xa9\xed\x0b\xa1\xd2x\xed\x90\xc1j\xdbuB\xf0jk7[\xfb\x8fQia\xfd\xc7\xf6\xfd\x1dK\xd9\xde\x8c{\xef\xcc\x0fL"\x84\xe4\x93\xef\xf3\xfc\xbe\xcf\xf3\xcbyr\xd296\xda\xbd4\xd4\xbf\xf7s\\\xed\xf7\xfa\xbb\xa7\x8b\xb2\xd3\xc8\xbb\x84\x06\xa1\xd9\xc5pX\x8c)\xb6\xf2e\xc5\xd6\xe2\xe2\xe2\xd6\xd6W_m-\x16\n\xeb\x8bO/\xadL\x86%)\xc4P\xb4\x03\xb2V{\x83\xc1\xb4\x13XCKCw\xf6~\xcc\xa6\xbd\xf7\xdb\xeeQ\xb9X\xe4\x8dF\x97\xc3\xe1\xe0\x19\x8a\xa2\x90\xec\xb3O\x17?\xad\xf5\xf5\x02\xa8\xc8\xad\x7f6m\x92B!F\xf4Xp\x16\x0bf2\xba&gt;Y\x1e\xeb\xbe\xde\xff\xc7\xbd\x1f.\xc3I\xa3{Z\x96\x8b4mr9|&gt;\x91\xc1\xdb:Ofs\x84d\x1dP#\xf3X\x05\x826?\x1f\x8d\xa5%*$\x8a\xc6j\x8b\x90\t\xeata\'\xa8\xbaGOM\x94c\x9a\xe5\xbb\xfe\xb1\x05\xb9(2\xa2\xd1\xe7\xe2\xf3\x12\x0c\xe1d::??\x12%@O\x96\xdf?y\xf2d~~yy\xd9p\xd6\xe0\xe1%&amp;$\xd1\x9e\x86jH\x156\xd2}\xf2\x02\x8ecw\xca0\xcc\x02\xef\xba\xb2\x00,\xc9\x9d\xa7=F\x9a\xee+J&amp;r\xed\xda\xe0[\x9e\x7fR\xf8\xb8\xb3\xb3\xb3\xfdp\xe7\xe3\xc7\xc2\xb2AcfS)Q\xa4$\x93\x11X:\x9a\xe7\xa5\xa2&lt;\r\x93\xffs9\x06\xf1T\xbdw\xa6\xa7\x17\xe4\x10L\t\xf9e"C\x11\xc02{|\xd1\xf5\xc5\xed\xed\xed\x87dmo/\xae\x17\xa2\x19\x9b1\xdc\xd7\x17\x86L^o:,\x8a\xb4X\xc4F\x1c]*\xcbD\x12\xeau\xf7\x98\\\xa2\x18\xb8B\xd8\xc8\xa7c\xb1\xb4.\x98\rFA\xb5\xb5\xb5\xb9\xbd\x89\xf5\xe8\xd1\xe6\xd6\xc7\xf5\\6\x9bEB\xc5\x82i\x8f\xc3\xd6\'\x89\xe4\x9a\xc7\xf4\xe8\xe8\xe8\x952\x8d\xe1\xdd\x1b\x92\xe5\x10E\xb9\x99\xbe&gt;#\x9c}v2#Ds\xb9\xf5\xe4\xd3\xf1G\xf7\xef?\x02\xd6\xfd_O\xc1,\x92\x93\xe8\x913\x99X:\xad\xf3\xea\x8a!7#\x92\x18Nw_)\xcf\x14\x9ej\xee\xba\\\x84\\TH\x96\x8d\xbaXlr2*x\xa3\xb9\xe4\xd3\xad\xad\xf1GSSp\xd3)\xa8\xb5\xb8\x9e\x8bF\x83\xc1h0l\x92\xc2\x82Q\x82\xb8LI^\x18\x1d\x1d\xbaV\xa6\xe1\xc0\xceS\x0bT\x08~\x14*I\xa2\x84J\x98\xcbE\xbc\xdeh4\xb7\xeb[O\x81\x07\xa8\x82W\x10\xa2QouDg\x12i\x17\x1fbP\x8aB\xf2\xc2t\xf7R\x99\xb0T\x9d\xa7\xa6K!D\x91\xa3\x90\xf7"\xed\xb5\xe6\xda\xd4\xd5^\x9b\xd1f3b\xef\xe1|\xc1j&lt;&lt;\xcd\xdbHK\xa6\x06\x16\x93\xe7\xa5\x10\xe5\xe6\xb8\x12\xf6\xcah\xd9\x82\xd8yjt\xa1\x14J\xc49\x0e\x1a\x88\xbc7R\xdd\xd6VP\x0b\x1e^\x8cW\xd5UU\xd5\xe1O\xebF\x89\x8e\x82\n\xb8\xbc;/\xa2\x06q\x14U\x1c\x93e`u\x96\rk\xac\x14B)\xa4BT&lt;\x9ew\t\xd5\xbfh\xb3Z\xad9/\x1f\x0f\x04\xb4v\xbb\xd6^\x15\xd7\x08Qo\xb4\x1a\xb1\xcd\xd8\xe8\xb8\x9bA\xc8)\x86*-\xc8\x0b\xfd\xfde\xda\x89\xc0\x1a\x1b\xc5V\xe4\x12\t\x8a\x8a\xbbi&gt;\xe3\xb5T\xab\xad-\xbfk\x9c\x0c\xd3\xe8\xb1\xdc\x0cP#\xd6\xa4\x15Z58\xd0\xf6\x04\xb4\x1c\xc9\xc5P\x08;\xb1{\xe9\xfa\xb5\xb2\xa9%\x8f\xc9T\x02\x8b\nqqw&gt;ls4\x8cX[~vx%\xe3\xca\xb84B\x86\xa7c3\xf5\x8d]\xc88\x87\xc6\x1d\x8f\x7f\xc6*\xc9cC\xfdCe\xc2j\xef\\r\x16\x8b!\no\x86(\x06\x02n\xd1lhVw\xfd\xfc\xf7h\xfd\x82\xd9\xa4\xff\xcbK\x19\x8fme\xfc\xb0\xbe\xad\xdaa\x86V\x08l\x82\xc4\x1b\xb9%\x8f}\xf3M\xb9\xb0TsK8\xde\x94\xa8\x04\xc9.J\x1b\x88\xbby\xde\xa1\xeej\xac\xf7\x07\x83A\xff\xf8\xf8\xf8\xcc\xac\xdf\x9b\xbd4\xa3\xb7z}\xac(j\x15\xb5JHF\xaa$_\xf8\xfaB\xb9\xb0~\x02,\xb3()\x93\x04\xb8\xb1\x07\x18\x89\xb6\xc1O#\x99\x8c-s\xeb\x1f\xb7^\xbcX\x99\xf1\xa3E\xceF\x04\x17M\xe7\xb1\r8\xc4\xaf\x84d,9q\xbc\xbdY&gt;\xb5\x9c\x1a6\xcfpZm&lt;\xc1%\x02\x01\x1c[u\xbc\x91\xf7\xd8\x82\x99\xd9[\xb7n\xebb\xb7V&amp;\x83A\xfck\xa3y1?\x8c\'AU\xa4!U\xec\x0b\xa7c7\xbf-\x93Z\x13\xd7\x9d\x1e4-qx\x81=`\xd7"y\xdc\x12\xb9\xb0\xef\xcaNN\xce\xce\xea\xe8\xf4\x0b\x94\xc1\xb0\xc9\xa8\x13q*\x1bF\xab\xcfi\x13d \x821\x19m\x19`\x95\xc9 &amp;\xae\xeb\x08\xd6p\x00XpN{ \xce1\xe8\x0fP\xb6c:\xf4\xa3"\xb9\x0b\xa3,\xe1\xf0HF!\x90}v\xadV\xcb14\xef\xca\x08\xb1\x9b\x7f)\x1f\x96\xcf\xe31\xa7\x90\xcb\xc0\xaa\x02\x9c\x96\x03\x811\x1c\xd6\xf59\xa5\xb8H\x9a,\x13*3\xb0\xdc\\ `\xaf\xb2W!\xde\\^\xe3\x12\xbc\xde2\xaa\xd5\xaf\xc3\xe1\xc2g\x86^U\xa4\xd6\x80-\x10g\xdc`1I\x12\x93(\x16\xd1H3\x1c\xc3\xe0\x06\xf9G\x9e\xa3H\xca\x1a\x84(\xf9*\xe9\xdaD\xf9\xb0\x04A0\xb0\xa9\xa6\x9a\x9a\x9a:e\xd6\x86c8@\x89\xa8\x92\xc49%)\xa1E\xc7\xc0%\xb4\xf6]\xac\xaa@SJ\xe3@W\xe6\r\xde\xber\xaf,?s#XBC\x83\xc5\xa1a\x87\x9b\x9aj W\x9d\xdd\xce1q\x94mh\x14"&amp;+1\xf1\x04\x05\xa5\x80\x05)\xeb\x08\xd50k\x03\x95\xba!x{\xe9\xbb\xdev\xd5\xde\x93\xb5\x03\xab\xb9\xc1\x82z\xe7a\x9b\x9a\x9aH\x1c\x91;hsP\x929R)\x13D((\x85GZ%\xfbj\x08\x95\'\x98\xcd\xa1H"\xb9\xfe\xfavmc\x0e\xdd\xcd\xde\xb2\xa9&amp;\xfei#3\r\xd5\x82K\x93\x1an\xfa\x94;\x84\x01.Fp\xc0H\x11\x9f%\xfbO\xab\x04px8e\x16"\x1dV`\t\xe9\x9b\x8b\'\x06\xfe\xf6\xf2_oV7\xf6\xf07\xbb*\xd5\xdc\xdfo\x12,\xb5:\xeau!\xed\x9bHz\x11\xab \xea\xd8\x89\x97\xd9\xed\xca\xcc\x96\xe2\n\xf6]\xac\x14\x9f\x89t\xa0\xa7\xb0\xcc\x0b\xba\xb1\x9b\xcf/\x9f\x18&lt;~z\xe0\xc1\x87\xb5=rV\x95\xaasuj\xe5\xb6\xad\xb9Z\xdd\xd6\xa6\x8e\n\x06s\na\xacS\x9a?{\x80\xccj(\x11M\xc0\x14\x14@2O\xa6h\xe5\xcav$\x15,\x87\xd19}r\xf9\xf5\xf3\xcbd=~\xbb7\x97\xa3\xda7\xa6\x9e=/\\p5[\xd4\xe8\xfb"Q\xc1\x93\x1f\xde\xcdz,\xf8\x93ro\'\xa1\xab#\x8e\x06\xa5v\xa9l\xc1\x0e\xfd\x99dRmA\x03\xc6\xf79M\x86\x9f\xbeV\xd6\xab\xb5\xff\xfb\xeb\x08\xe4h\xef\xea\xe6\xf3\xd7\xef\x9d_\xefbY;"\x11\x9bY\xe1"\x81\xac\xab\xab\xa9\xdb\xe5R\xdc\x8cP\xd6\xd4\xd54\x01\x8b5\x06\xfd\xfas\x8dg\x92\x05`i\xcc4O\xd3\x1a\x9f\xa1\'\x95z\x7f\xfa\xe5F\xbb\xaa]\xf5\xe3g\xb9\xb0m\xda\xe7\xd6^\x81\x8a\x95\xc2.\x04\xd1\xda\xd5e%\xdfO\x9a\xf3\xc4\xbdjv\xc1&gt;\xaf*D\x8f,P\xa5h\x97\xb7\xa3\xbe\xf1\x9c&gt;IR\xbe\xd9`f\xcdf\xb3\xc6a\xb14\xf7\xbc\xfe\xe2\xf8\xc37\xab\x13\xed\xe4\xd5U?\n\xaawn\xf5\xcd\x87\x9d\xd7\xef{X\x91\xe5}D\xad\xae\x16k\x87\xbf\x03\\\xc4\xbd@\xf5_\\5\x01\x85\x89PA\xab\x0e\xbd\xbe\xfe\x9c\xd2\xae\x02\x8b\xdd\xc5\xc2\xa6\x199}\xe4\xfc\xf9\x81?\xbd|\x07\xc7\xf8\xc1\xbfW\'\x9f\xa4wc\xed\xc3\xab\x81\xfd\x8f{\xccxQ\x16\xdd(\xb0\xae\xb6\x9c\xf1\xfb\xfd\x11%\xbd\x08\xd8\xaeh\xc4\xa6\xea\x94G\x01B\xd5\x94b=\x99\x9c\xbe\xbe\xbe\xbe\xb1\xa5\x0b\xe7#\x82e\xd6`9,\xea\xc8\xc7}\xad\xad\x957\x8e\x1e\xddw\xf1\xd9\xceoW\xe7~\x88b\x88]\xfb\xdc\xea\xdb\x97\x03\x83\x83\x957~3\x8f\xcf\x89((X\xc9cg\xea\xfd\x90\xcb\xc6\xa7\x86\x15\x82O\xc1\xfc\xbc\x90U\xd0J\x93\xc9\xf9\xf5\xf5\x15\xf5\x8d\xc7\x90\x8dP\xab\x87\xd5\x18\x0c\x062Xh}u\xf7n\xe5\xa1\xdaC\xb5\x07O\\\xbe|\xf1\xf1\xe6\x1b\xe4\x99\xea{n\xbd\xce\x8d\xb5w\x9b\x0f\xf6W\x1e9\xdfz\xa4\xf2\xf4\xb2Fc\xf0i\xd8\xb3\xc0j\x03\xd7\xb9\n}G6h\xd3\xe0\xcc:\xfc\t\xad\xe9?\xa8\xc8Q\xd6\x03\xc3\xd2\xebg\x0eW4\x1e;s\xb5\xcd\xd2\xbc|\x965\xf8|\x0e\x18_\xdb\xaf\x06\x8e\x1e\xad\xc5:thP\xb1\x8bg\xdb\x7f\xf8&gt;\x0eK\x92|\xf5\xdd\xc3\xc7\'.\xee\xab=Z\xd9z\xbe\xf5\x8bg\xf8\x98\x0e\xc1\xa3`\xa9\x0b\xc9\x96\xc6\x8a\x19\xffd\xd6\xebR\x0e\xd3\x04\r\xf2|\xc2#Bai`\xee\xfeK3\x15\nVW\xdbH\xf3r\x0f\xeb\x13P\xbb,\xea\xab;\x07kk\x0f\x1c8p\xe8\xc0\xc1\xf3\x17/*`\x97\x01\xd6\xfe\xbf\x7f\xe6\x0c\xa8\x8d7\x0f\x1f\x0c\x1c\x1f\x1c\x1c&lt;R[{\xe3nk\xeb\x91g\xcd\xcdxE\x07\xdb\xb3\x0c\xac\xb6d\x0b\xb8\xf4\xfe\\\xd6\xc6\xb3,\x810\x9bS,\xcd\xe6\xb1p\xc3\xb2\xb4\xd9\xe0qE;\xfc\xf5\x15d5\xb6\x1c\xb3\x16F\xb0\xfd\xcc\x0eK\x03\x11\xfb\x97\x0f\x0e\x11*p\xed?~\xe2\xdf|\x9coh\x1b\xf7\x1d\xc6}\xa7;\xa9\xa7\x7f\xa7\xa9VN\x92i\xa4 6&amp;)\x8d\xabD+\x06\x81\xa8%\x1bK\x11\r\xb6\x1c\xb9\xa9p\x11\xb1\x901\x18\xf5\x9d"QV\x14\'\x8e\x99\x881{\xe3\x17#\x90-/JF \xb4\xd0\x17\xa3\xce\xfc\xde\x95^\x19F\x18*\x8bS\x0c\xae\x9b\x10\xb0\x03y\xd1\xd1\xb1=\xcf\xef\xe4\x86\xb2\xb1_\xac\xf8\xac(\xba\xcf=\xcf\xf3\xfd\xfe~g\xdfy\xc9\xe4\xba\xfb\xec\xf0\xab\xffs\xbf\xbaH\xf9\xab\xa7\xedZ\xbb\xbd\xb2\xb4\xb4b\x00\xcb\xd8-\xee6.\xbc\x8b\x02Z\\^\xde\xd9\xdad)vx\xb1Q\xb9|krFT\xfd\xcc\xcc\x95+X\xd4\xe3\xf1\xce\xcc;3g\xae\x9c]\\\xbc\xbc&amp;r\x95\xf4\xad\x03\xab\xfa\xf9&amp;\xb2u\x86\xdf\x9b\x18\x9e\x98\xfd\xackR9%kmc\t`\xa6d\xcf\xbe\xfd\xe6\x8f\xff;c\x02\xea\xaf\x87\x07\xb5Z\xa3\xbdt\xd7\xc4\x82\\\xd9]\xfb\xbf6\x91\xd4\x05`\x8d\xdf\x14?\x9c\x98\xf6\xf9\x92\xb1Ne~\xf2\xd2\x0c\xaak\x92\xf7\xc1\xaf\xde\xb81\xf9\xab\xc9\xd5\xc9K\x97&amp;\x17//TP\x84\xbcji\xfd\x04kq\xf9\xcc\xc2\xe7\xa7x\xd3\xd2\xb1\xd3\x99\x11C\xb2\xd46VL.\x81\x06\xb0\x8f\xff\xcb\xc97\xf8\x0b:\x1e\xff\xfe\xf0\xa0\xddn\x90\xea\xee\xd2\xca\x86\xe1t\x92k\xd78\x9e\x98ku\xae\xbe\'\xb0\xe6\x80\xd5Ah\x92\x8c\xfdE`\\Z\\]\xbd&lt;\xbf:\x7fcu\x15\x1f8G\xbbzu\xed\x01\xb4\xfa\x9eZ\xa5\xa6\x05\xd6\xf8\xe2\xf2\xd9\xb7&amp; t\xbc\xdf\xcddT\x8cL\xc6n)n )K\'d\x0f\x1f\xbe\xfc\xdb\x93\x9f\x7f[\xc7\xecQ\xdf\x1e,\xad\x08*\xbeje\xa3\x08,\xc1\xb5\xdd\x98\xed\xa4bk\xef-\xbf\xb9\xc5{\xed\xaa\xd5\x14S\x93,W\xee\xcd\xaf.^\xc4J}\x01\xe7\x87\xf7\xee\xdd\xbb5?\x8f\x8d\xabk\xad\xd8\x17_\x88d\xad\xaf\xc7\xa7gg\x87Om\x8e\xef,\xe3T\xb7:\x9d\xba\xb3\'g\xf2\x18\xaa*\x1bY\x81%\xb8\x04\xd8\xc3\xbb\x0f\x0f\x7f6Y\xbe\xf1\xe1\xc7\x8f\x7fx\n\xa1\x08e1\xb5\xaa\xa13\xc82\xc1\xb6w\xa5\x97\xd3\xa9\xd4\xda\x99\xe5_\x08,\x98\xb8\xbe\x9e\xae\xf3\xe7\xd0ep\xad^\xbe\xbaV\xa9\xa0\xf0\x1e\x94\xd7\xb0\x81/\x90\xf6d2]O\x83\x8b\xf7\x03\x0eon\xbe\xff\xe6\xd9\xc5J\x07\xff\xad\xdfs\xaa\x9a\xa6\x01\xcc\xb5\x0b\xael\xb1\x08\xcdL\xd1\x10\x9b\x83\x83\xc3\xc7\xaf{\x05\x94\xfa\xe7^[\x8c\x1a\xb4z\x88u\x11\xa8,Y\x03) \xd6vd/\xe8\xf3U\xceB\xadM\xaa5;\x1d\x0c\xfa\xb8\xd7X\xac|k\x01\xa6UZ\x9d\x07\xc9X\xacUi\x95[\x15\xf4\xabu\x9f/]\xaf\xd7\xd3T\xab:&lt;\x8cB\xdc\xd9Y\xe8\xa4\x82\x81\xfb\xfb\x99\x8c\xa6\x08.\xc90v\rk6k\xa9q\x9c\xb8yp\xf8jp\x86\x84\x15\xde\xab\x17]K\xad\xbdD\xad\xe8\xe0R\xad\x86\xa3\xc8Zwu5#\x0b\xaen?\xedk}\xf0\x1a+\x15\x0c\xd6\xa3Q\x04\x0c\xf3P\xa5\xb2\x86EU\'\x16\xeb\x98#\x86e\x83\xaf\x1e\xadCO\x04\xbeZ\x1d&gt;\xbd\xb9\xb5\xb3\xb3\xb8\xd6I\xa6G\xf7\xb4\x8c\xaa\xd9\x14\x8c\xbc\xdf\x0f(+\x86\xdd\n\xb8bm\x90\xff\xa5\xbd\x7f?\xf9\xd0\\L\xfdx\xd4k\xd6L\x07\x1b\xf8\x07\x08\xc5a5\x0c?\xb3\xe9\x8c\x14\xb6\xf5\xbd\xd1t\x19X\xbf\x84\x89S\xd5\xd9\\&lt;\x18\x18u{\xb0\xebX\xab\\\xee\x94[\xad\xb9\xb9\x89\tq\xc9 D\xc3\xa7t4\n\xb1|H|u\nX\xe3[\xef\x8f\xb7b\xbe\xe8\xd7G\x14\xcbA.\xbd\xe0\xc7pa\x00\x0b{\xab\x15\x07\x9a5{/\xbe\x11\xeb\xce\x17=\xb5G\xa9@\x05\xc9~\xa2"\x96\xac"\x9c\x99H!\xd2\xeb\xa7\xcb\x17O\xb0r9P\x01\xcb\x83\x9d\xc7\xc4\xe8\xb4&amp;\xa0\x17\xdbFl:\x06\x7f\xa3\x1ewt4\x10HM\xe7J&amp;\xd6\xbb\xa7:\xc9zb_\x93\xf3\x8a\rT6\xb5P(\xe8\xba\x0e2;\x86\xd5\xda\xb46\x8b\xc4\xdaXi\xf6\xa4\xfd\xa1\xa1\'?\xec\xab\xaa\xd6\x05\x93p\xb0]#R\xd3*\xa8\x8c\x82S\xcdky\xd5Y(8\xf7F\xbf_4+qj\xaaD\xb1\xc2nO\xc8\x1du#\xdcb@"t\r_\x12&amp;\xfa@\xe5\xf5\x84\xef\x07\x82\xf1T\xaeD\x13o\x8e\x8fO$\xeb\xee\xa76UUl\x0e\x1b\xc0`\x81_\xd7].I\xd2%\x17\xb8\x9aM\xee\xb7X,n4UM\x1dz\xfc\xe3\x11\x8c\xd2\x9ah\xa1\r\x81\xd5\xb04\x81d\xa1\xe7v\xbb_G\xd9\xe4U\x19m\xb5\xd7O.,\xdf\xde\xe2\xbdv\xd5R\xce\xc4\x1a\xf1B\xb04{\x05&amp;\x19P\xa5\xf1\x81\x12LC\xc8P8&lt;\n\xac\xdc@\xad\xf1\xcdYZ\xa8!X\x0e\x07\xc8\xa4BD\x97\xd4\x8c$I.\x83r\xc4\xa0\x86\xd7\x00\x00\x08&lt;IDAT\xb9\x88f\xb5\x14\x91i+\xfc\x19\xda\xe7nU\xad1\x18\xa6{v\x01\x05\xbd\n\xba\x84\xaa\xd1`cD\xdaO-\x9c\x01\xd6\xcd\xe1\xa9\x92\xa9\x96\xc7;2\xc2\x0bV\x9006\x03&lt;\xccD\xd5\xc3\t\x8f7\x94pS\xadRiJ`\xbd5\xd7I\xbb\xf7\x95&lt;-\xb4\xd9\x1c\x9a^pf\xf2\xb2\x8b@v\x97\xe4\xd2\x190\xa1W\x96X\xf9!\xa6\x8fj5\xbb\x8dF\xb3\xd1l\x92fP\x1ev\xab\xe1\xd7\x9d\xaa\x82zF\xec#R\x7f\xe1\xecm\xde\xc8\t.\xa1\x96g\x84\xc3\xe3v\xbb\xa3\xa8\xca\x93\x81M\xb7;A\x13\xa1VN`\xa1\x9d\x9ej\xa5\xee\xef\xd9\x14\r\xa9\xa2\x8b8L]\x96\\~\x18(\xd1C1D\xf6\xb3\x16;\xb1\x14-C\xb5\xbaM\x8059\x84L\x03\x1b\xadV\xbf.\x13K\xc8\xd5\xfd\x07\xb0&gt;\xbdp\x9a\xf7.\xb3\x10\xbd#cc\xe7\x7f\x07#!X\xd4\xedA\x05\x98[\xdc0\xb1\xe2\xb0\x10cxbn\xa2\xe3{\xda\xb3\x91\x8ab\xa9N\xa4]\xd2\x7fB\x12\xf5\xc8\x80\xa1UX\xed\xb0gH\x93$\xcc\x9aj\xcfd\xb27\xc9B#-\x83\x1e\x81t)\xf4Y\x02\xd7\xf1\x07\xb7\xdf\xbey\x81\x99\x17X\xbc&amp;\xf6\xfc\xd8\xd8\xd8u\x04\x9f\x83X\xe2\xf3\xf5\xeb\xc8\x9c\x9b\x17g\x94\xa8\xd6\x14OJb\xfd#\x16 \xb9h\xa1\xee\xd4E\x9c\x06&amp;\xba\\0G\x90e\xdb\x076`Ib\xde\xd4\x06XM\xb3\x1a\x8a\'XY\xf4\x08\xa7\xe8\xca2\x9aD\xf7\xf9m1\xf9\x00+\x1e\x04\x16\xe4:O.A\x13\r\x87=\xe4\xf3x\xbd#^(8:\x1a\x14X\xa5j\xa9Z\xfd\xb2ug_ \x91JAa\xfb\xe9\x18U\x92$S,\xea\xd5\xc4s\xed\x9d\xef\xf0\xc2\xa1\x8c\x9a\xcfc\xaf\xdd.\x91\x1a\xe8h\x1bl\xf0h\x10\x16\xd1\x81\x81\x15\xc9\xd0\xc6\xbc\x13\x87\xd8x{\xeb4\xc5B\xb8\xd6\x03Q\xe1\xe2\xd8\xd8\x08mt\x871\xa2\xf7\xa3\xa4\x82T\x9eD\x18Xq$\xbe\x94\xcb\xe5\xa6\xab_\xce\xee\xd9\x06\xc3!z\x83\x1f\x1a\xb1\x0c\xfd.\t[\xaa\xe4\x1a\xc4\xbf\xf1\xdd\xb9\x99\x9e\xa2\rq\xde$\x96)\xd4\xc6\x06\xe7\'\x16#\xb2E\xd7E\xef\xca\xdb\x18/\xa4^?\xf8t\x13\x81\'\x96\x90\x0bj\x81*\x14\x1a`\x91,\x9c\x10\xc3=h\x0f\xb9\\&lt;\xce\xd9\xfa\xb8G"\xf1\x90\xf5\x08&lt;\x94\xd1\xb0\xa0\x95\x0c$\x86\x8c1s\xd9%P\x9d\xbb\xd2\xd5\x94\xa1&lt;f\xa7\x01V\xb1F\xa8\xa2\xd9\xe0\xd9!\xfc\xec\xc2\x86\xbf\xe0d&amp;\xb4\x0c\xa6F\xd73b\x91+\x1e\x0f\x84!\x17&lt;\x04V(\x81,\x85\xc3\x890\xf0\x12\x9e\x10C\xc6\xc0C,@\x05a\xe6q\xcf!\xd2\x8e\x87\xaa\xa3\xbdci\n\x12\xa4G\x02\x98\x18*&gt;\xbb\x9a\xa0:\xf7\xdb=F^\xd1L,NK\xf4\xcfb\xb6\x07CPqz\xc0\xbb\xc8L\x17\xb9\n\xdd\x97\xc3%\xb6H\xca\x15`\xe7\x82Z\xe4\n\x81j\x94ry\x12\xbc\xfa\x93\x97\x7f\x06\xa9V\xfcN0\x18\xf0\xf5\xbbB)\x0e\x95\xa7&lt;\xc4`\xfd\xe3\x0f\xd8\xb0%\x89\x80\xdb\x9f?:\xf7\xe8\xdc\'\xc7\xc0RD\xfdk\xbd\xa6Y\x80"N\xb4\xcf\xb0\xfb\xfd\xe6\x9c\xe5\x87\\\xacF\xe8\xb5M\xae/\xa7Q\xf7\xc0\x8a\x8b\x8e\xea\xf5\x86\xf8[3\x04\x17\xc0\x90\xfd\x04\xd4\x82V\xf00\x8e\x17\x05\x03\xe94\xa8\x84\x83\x10L\xe3&lt;\xe6\xcc\xa829\xd8\xc6\xf8\xbe\xe8\x9c,*\xfb\xf3_C\xacG\x1f\x1d\xab\x8a\x89\xa5)=\x17\xa9\xb2h\x08b\xa6\xc2\xcc\x0e\x1c\x13\nr\x15\x9cT\x0b\xef\xb9\xbd\xadw?\xc3\xb2@`A\xae\x84w\x006\x10\x8cX0q\x10x:\x18\x18\x8d\xf6\x8f\x1cB+\xeeJvR|9#\xcb\x03,\xd1_!\xa2\xa6\xda\x9f\t\xaaG\x1f=S\xa9\x96\x88\xbcC\xb2\xa3\xc3\xb2\x1f\xe8\xe2\xa4\x049\x14P\x03\xb9"*\xbdV\xf2\x88\x97\xbe\xff\x07\xac\xa2\x98\xe5;\x81\xd1\x04\xe6\x1f`\r\xc0\x12a\x11x\x8fP+\x18\x84\x7f\xa0\xaa\xff\xe9\xc8\xf6g\x879?k(\x1b\xf4\x06\x89PyJ$\x984&gt;TIP\x11\xebe^\xa5Z \x83Z.{V`aB\xd0%\x1c\x8d\x9ca\xdeY\x8a(F\xa4^p\xc9\x8c}\xb7\xbf\x9e\xca\xcd\x8ab\x0c{\xd9\x0f\x12\x02\x8a\x17)&amp;L\xae\x84\xc0\x02\x14\xa8\xfa\xfb\xda\xeb`\xe9\x9c\xa1%\x99\x1e\xd2#M\xb4}\xec\x1eT\x07\x9f\x98T\xd7\xfe\xfe\x1c\xd9\x12+Ex.\xbb\xb0DD\xab2\x04\x96\xc4\x03\xc2\t\xa6\xdf\xd8\xc5\xb3\xd9]\xa3 \xd9llp,\xc7H\xb7\x8f\xb3\xac\x92\xe0J\x00+\x11\x0e\x85\xd0\xc1\xfe2"ZC\xc8\xc3g\x88\x85\xec\x85\xdd_\x1f\xd9\x1c\'TJ\xc6\x89\xd5\x0c\x8aN\xc5\xbb\xe75\xd5l\xfb\xc2[\xbd\xfd\x9b\x01\x15\xb0\\\xea\x90\x10\x17X(ONH\xec\x9f\xec\xb8\xe6_~\xc3\xc8\x82\x16gd\x85\x82\xac`\nU\x94L\x01&gt;\xf6\x8e\x83\xf41\x9e\x12\xc5\xe8\xf5\x90\xea&lt;\x1a&gt;\x92\x86\xfc\x0b*d&gt;\x1c\xf6^\'\x95\xcd\xec\x0c8t\x1c\xa7N\x0bQ{\xc4R\x06\x81\xd32z\xfb\xac\xa0\xbav\x8dXYc\xc8f\x8a(i\x0eE\xb2\x9b\x85\xc8\x05\x90\xc1\xcd,\xab@\x0c\xf4\xfa\x82l\xc3a*\xac\xf0\xedHo/\xb0\x9eb\xa2\xc5\x84-\x9a=\xef\xbc\x00\x97GD\xec?]\x98\xbfj\xdbP\x14\xc6\xad\x1b\xdd\x8a\x9b+\xa3\x90\xc9\xe0!\x05gvI\xa6\x14:\xc9\x93\xf0\xe6\xa7\xc8`\x08\xb8\xd4\xa3i^ \xce#\x14\xbch\xcaV2x\xf0\xe8\x14MY\x1ao\t\x18\x1ah0\x04B\xc9\x90B\xfa}\xe7Hv\xc9\xb1\xa5X\xc2R~\xfa\xee\xf9\xeb\x0fL\x16\x07;\xcd\xbbG\xe7}\xa5\x16\x960\xe1\x12\x9ar\t\xa5\x16\xe1\xe5L\xf0\xe5\xaa\xbd\xc1\xba?\xebP\xad\x101f\xa3&lt;\x8f\x82\xed\x86v5[ b\xcf\x8f7\xad\xd7\xeb &gt;[&amp;\xb4)\xda\x9c\x0c#G\xcb.1s\xc0{\xe0]\xcd\xe6\xe5\xd1\xcd\xd1\xbc\xc4\xda\xdb\x95e\x95L\xbfsW\xb8\n\xca{G\xa7\xa8+\x95\x15$\xe9\xe9!I"i\xb4\xa2\x1a\xde\x9f\xf6j\xbc*\xf4&gt;\x07U\x14\x99:\xb90\x86 \xe1\xcbd)v\xc6\xdf\x92\xb0\xb8]\x1b\x81K\xcaP\xb7\x95\x16\xb7\xdf\xd0\xad\xbfg,\xaaV0\x16H|n\x12m\xb7\xb9w[\x84\xa4\xd2n&amp;L\xb4GV,F\x1f\xb1\x9c\xb5\xf5\xc6\xd6\x7fT\xc3\xe1\xf4\xea\xf8\xac\x16\xca\xd3\xf8\x1cO\xe3|\x14$H\xa6\xa4R\x99h\xa7\xdcu\xd4\xc1\xac\xcf\xc8\x95\xa1\xfbj\xc5nyw\xa0]\x84bM&amp;\xd4K|L\x1a\x9e\xcbe\xc1\x05\xf4ZtB#=\x16\xa1\x90\xbd%\xac\x19\x89(\xd2,\xcfB\xb5(\xb1^\x80\xa5~\x07(~\x1bzqx\x93\xde\xa6W5]\x1d\x1e`\xfe\xbd\x96x\xb4\xb1a&lt;#\x01\xc5i\xb1\xfc\xb1\xf3\xf5\xf0ppH\xad\xc6\x13\xe1\x1a\xa8n\xe3\x01\xdd*_;Vhcd\xc2\xd8\x18\x15\x8b\x19\x02\xf1\x18\x18\xc4U\xb5\x82\xd3\x92k\xf1r|Z3Y\xa4j\xe1\x7f\xa5\xd0\xcb\xd4%S\xb1&amp;\x96\xe1\x88\xa3\xeb\xce5\xb3\x04\xd61\xc8\xd03\xe2\xd93L\xdb\xa8!\xc5\xf2\x86\x08\x94j2\x9b\x91\x0b\x1f\xc7\x93\xf1`\xbe*\xe0\xad\x82%\xb1n\xb483e\x19\xd9\xb8\x93\xe6\xf4\xddC\xbf\xad\xb6\xa0cA\xad\x8f\xc0\x8aE.\\\x9cC\x888\x83\xe6Z\xd2)\xb6cN0\x92\xc6\xd8I$H\x86\xdd L9\x17G\x8e\\\x81u\xf9j~~.P\xc4\xa2\xcd&amp;\xb3\xf1\xcd\xa3\xb8\xebF\xab@J\x07\xf5Q\xb9\x8c@qtEyF}\xeec\r\x17\xc3\x05\xb6\xe1\xf4\x13\x161\x891\xe4:\xde#G\'\x94\xda\xc8\x97\x16\x89\xb7\x96\x89\x05o&lt;/\xdc\xa3\xdb@\x8fme\x04\xc5\xb8\r\xae\xd0\x03lV\x9ab\x9d\xcfW\xb9\x98/+\xb4\xa34\xe8\x92U&amp;c\x94N\xb4jh\xc9i\xf7u\t\x05\xab\xff\xbbWK\x92\xcc;\x13\xe2\x1ey\xeeX\x0emX9DF\x12\xb8\x003\x0c\xe3\t\xf3"b\x10\x95\xd6*Wf\xd3\xd4p\xf0\xcbW\x7f+.n\x15T\xa9\x14\xfd\x9a5#a~\'\xcd\x06\xab\xbe\xfd\xebc\xbb\xbd\xbf\xbfv,A\x9b&gt;l\xd5NNF\xa3\x91\xec\x9e\x9f\xf1\x976\x12;)\x8f\xd6\'\xe4\xe4\xdb\x13z)\xae\xfd\xb9\xb</t>
        </is>
      </c>
      <c r="M19" s="3" t="n">
        <v>45492.6764699074</v>
      </c>
    </row>
    <row r="20">
      <c r="A20" t="n">
        <v>33132</v>
      </c>
      <c r="B20" t="n">
        <v>1981</v>
      </c>
      <c r="C20" t="inlineStr">
        <is>
          <t>Rafael</t>
        </is>
      </c>
      <c r="D20" t="inlineStr">
        <is>
          <t>Rafael</t>
        </is>
      </c>
      <c r="E20" t="inlineStr">
        <is>
          <t>GOL</t>
        </is>
      </c>
      <c r="F20" t="inlineStr">
        <is>
          <t>GOL</t>
        </is>
      </c>
      <c r="G20" t="inlineStr">
        <is>
          <t>GOL</t>
        </is>
      </c>
      <c r="H20" t="n">
        <v>192</v>
      </c>
      <c r="I20" t="n">
        <v>23</v>
      </c>
      <c r="J20" s="2" t="n">
        <v>32681</v>
      </c>
      <c r="K20" t="inlineStr">
        <is>
          <t>Left</t>
        </is>
      </c>
      <c r="L2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91c9d50-a476-4c9d-b9a4-58c027cd92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1r%\x9f\x00\x00\x03\x00PLTE\xff\xff\xff\x1a\x1e*\x1d\x19\x1c\x1d +\x074_%o\xa8\x0f\r\x11\xfe\xfe\xfe"k\xa6\n\t\r\x18\x15\x19&amp;r\xab\x088c*t\xac\x14\x11\x14!g\xa1\x05\x04\t\x19d\xa0 \x1e"\x1af\xa3\x1ec\x9e\x1di\xa5\xd0\xb5\xa9\n/Z&amp;\x1e\x1f-&amp;(,x\xaf\x17^\x9a8\x82\xb6\x19\x1c&amp;\x1c_\x9a&amp;"$\t=i2|\xb2\xd4\xb2\xa44\x7f\xb41w\xac-p\xa7\xcc\x97\x84\xcd\xb1\xa5=\x86\xb97(\'/"!\x11\x10\x18\xfb\xfb\xfb\xcb\xad\xa0\xc8\x94\x800+0\xce\x9b\x88 n\xa9\x18R\x88\xd4\xa6\x99G42-{\xb1\xd3\xa5\x94\xc7\xaa\x9c\x16a\x9eA-+\x18Y\x93\x0fBp\xc7\xa4\x97\xc0\xa5\x9a\xd2\xaf\xa0\xcc\xa8\x9a\xd8\xae\xa1O62\xa4|o\xda\xbd\xb0\xb5{g\xc4\x8cw\xd7\xaa\x9c\xdb\xc1\xb4\x13T\x8fC\x8a\xbc ^\x93\x17\x19#\xd2\xb8\xad\x1d"0\xbe\x9c\x8f[A=\xbe\x89t\xc4\x9f\x92\xc8\x91{\x1fX\x8c\xd7\xb5\xa7\xc2\x91}\xd2\xa1\x8c/\x1b\x1a\xd4\xa1\x91\x8b^R\xb8\x81n\x9esh\x0e5n\xb5\x8e\x7f\'\x17\x17pMD\xda\xb9\xad\xd9\xa6\x95?32P=:\xb5\x97\x8bgNI\xb6\x9b\x90\xbb\xa1\x96eC&lt;qTM\xa4\x84y;6;\xc0\x97\x88\xf6\xf5\xf5\x83UH\x8efZ\xbcxa\xaenY\xa7oa\x11Gz\xb9\x94\x87\xde\xc3\xb8\xad\x8b\x7fcHA\xd1\x9b\x8d\xd0\xaa\x9exUK\xdc\xcd\xc7)l\xa2\xb3t`8.."b\x98\xc1\x82m\xe1\xc7\xbe\xd6\xb9\xabX;6\xc7\x85s\x9dl^D&lt;&gt;(&amp;,\xd6\xbd\xb3\xad\x82r(f\x9c\xe5\xd3\xcc\x9cyo\x83bY \x13\x15\xcd\x9f\x94\xbe\x8c\x81\xae\x85x\x87jb515\x17O\x80\x81\\Q\xa1\x8a\x83\xd9\xc5\xbcwA4\x142e\xad{o\x11[\x97\xabwf\xf0\xef\xf1\x14?vA"\x1fx\\T\xdb\xb2\xa8\xbd}j8\x1f\x1d\x10J\x85oF&lt;D?KzPC\xaa\x90\x88\x94pe8|\xaf\x96bS\\1*\xea\xe9\xea\xb1\x93\x86\xe3\xce\xc7l&lt;2\x95WENIQ\x91kb\xa1\\KN+\'\xc8\x99\x8d\xb6oY[SV\x1cIx\xd1\xc0\xb9b&lt;5\x8cO&lt;\xb4\xa6\xa2\x92xpygdZJH\xe3\xe2\xe5e4*\x1bH\x81\xa0eVjYW\x7fH8\xbd\x81x\n%N\xcb\x8f\x80M!\x1c\x85sn\xd5\xc7\xc2OED\xc7\x91\x8b\x99\x80{\xaaeS\xce\xce\xd5U) \xdf\xa9\x9c\xa8\x97\x93\xc3\xc2\xc9*T\x83\xb3\x7ft\xb5\x88w\xc9\xb9\xb3\xdc\xdc\xe0\xe2\xb8\xae\xd8\xd5\xd6\xe1\xb2\xa4\xc1\xab\xa3oo{\x18;m\x12"@8d\x90\x8d\x7f{\xc2\xb2\xad\xbbln\xbe\xbb\xbf\xa1\x9d\xa2\xa7\xa6\xaf\xb5\xb2\xb6kei\t\x163\x1c1R!:]+.=\x98\x94\x98\x90\x89\x8d9\x11\x0e\'Djm\x85\xa3\xe8\xdb\xd7S\x92\xc1\xc5\x86\x81CX{b^e\xd7\x97\x85~\x93\xb0Sr\x98@\x81\xb0\x81~\x86\xac\xb5\xc7\x8f\x9e\xb5\xc5\xea\x99w\x00\x00 \x00IDATx\xda\xcc\x98\xdfO\x13\xe9\x1a\xc7\xc9K2\x93y/&amp;\x93\xb903\x17f\x12.\xbai\xa7v\x9a\xb4\xe9\x86D\x0f\xa0\x85\xbd`\x17\xb09\xfc\x10#\xb0S\xab\x81\xda\x95\x1aW\xea\x1a&amp;$\xe2\xf4\x98\xd5\xd6\xa5\x81c\x08\r\xbf\xb2=\x1a\xad\x81\xaeh\x83\xac\xb4\xc6\x9a\xe8\xda\x1c!Kt\xbbd\xb9\xd0\xf0\xebB\xbc\xe4\xc6d\x9f\xb7l\xb2\x7f\xc0f\xba\xfb2\xb4\\p\xf1\xc9\xf7\xf9&gt;\xdf\xe7y\xa7\xac\xec\xaf\x1d\xdaj-\xb3f\xb7\xb2\x85U\x9a.\xfb\xe7\x9c@2N\xaf\xe4\xf5\xb7kK\xf1@\x91\xeb\x9fA\x17_\nX? !\xaf\xeel\xafl\xd1\xb4\x95N\xd2\x7f;\x18P\x14V?\xec\x86\x11\x8b"\xba\x96Nod\xd7\x93\x9b\xc9@\xc0\xfaw\x8a\x96\xb5\x96%\xb3\x9bkXb0\xc3p\x0c+\xc5\xd0\xee\xee\xce\xdaj&lt;\x1e\xb7Bq\x81\xb9\xb4\x1a\xd1E\xa1\x02[\x01zkMW$\xcc1\x80\xc518\x86%MT\xd6\xb6\xb2\x9b\xeb\x01\xeb\xcaj!YR\xae@\x96\x0e\x14\xac\xd9\xf8f|]\xe7%%\xc6\x01\x12\xc3"J\xf0\xf3\x82\xee\x95\x10\xaf\xef\xee~(\xaco\xad\xad$\x03%\xc4\xb2.\xad\'\xd7\x0b+\x85\x95\xd5\x04F\xbc"\x01\x15\xcb"\x81by^\xd5}zL\x91b\xba?\x95\xdaNm\xaf\xc7K\xdb}[\xeb\x1f7?\xa6\x132\x92\x91\x8e9\x8e\xc2\x1c\x161\x85$M\xadq\xfa\x13)E\x92\x90\xa8\xc4\xfco\x97JY\xc6\xb8u\xe7c*\x8d(\x99\xe1\x19&gt;\xc5\x83Z&lt;CI\x02\xa8%\xa8N\xd5"\xf8u\xc0b\x91\xa6\xa4W\x02t\t-\x9f,l\xc7\x10fd\x99a\xa4\x14%s\x8c\x828\xa4!\x7f\x0c\x99\xbd\x16\x0b\x12T)\x16\x13\xb1\x90\xd7?\xac\x97\x14k\xc3\xaf\xc8\x14\x1c\x8eR\x12\x94Da\xde\xcf Q\xf0\xfb-\x82\xb7\xc3\x12\x11E\r\xb1\x12\xafhzf\'P\xb2\x00\xa3\xb3)\x05\xf3a\x8e\x82T\xa0\xc4\x18\x8e\xc9&lt;\xf6S\xb2"\xf8c"\xafjf\x0b\xea\x105\tc$jB~)^\xa2\xf8\xb2n*\xb2\x84\xa8\x04G\xa8(1\x8cb\xb2\xc2\x84y\x16\xe4RxdQ\xf5&lt;\xcb\n\x8a !\t\t\x82\xb4[\x80\xd4-\x81T\xc95\x99\nK\x14\xe5\'T,\'\xf1\x14\x1f\xd6\x19\x8cb\x14F\x08cVU3\x1a%\xa8,\x83\x04$I\x82\xb6\xbdY\x02\xdb\xd3\xd95\x99Aa\x05:\x0fRT\xc6\x1cOQ(\xa6s,\xcb\x92\xb2\xb1\x0c\x83T\'\xc8\xa5K\x0c\xf4\xa2 )j&gt;\xb7j-\x01U9\xc5\xf8\x95\x18\xc3!\x8e\x91)\x04X\x1c\x8fb\x10\xa8\x0cCah\x02\x86\x125\xa7\xc8\x08\x1a\x16x,\x88\xfe|:\x0f\x93\xc8`\xbd\x02\xa9\xf0~F\x8a\xf1\x90U\x14\xc7\x859\xcc!\x8a\xc3D9\x8aLk\x8ab\xe1S\xb0\x981\x83-\x08\xf1\x8c\x92\xca\xa7\xf5\xadl\xd2X\xbd\xe8\x0f\xe5\xe5&lt;\xe47\x198\x00\x11\xe6X\x0e3\x80\x85\xc9T,\x8e\xc6"]\xc4b\xa6$V`!\xc7Ri\xbf\xbe\r\xddh(\xd6R\xe2\x0b\x99\xe7\x15\x1e\xbc\x05\xc6\x92\x01\x8bA\xa4~\xec\xde\x0eA\xd8\xe0\x0f\x86\x8dX\x04\xb0VDI\xe9i]\xf1\xa7v\n\x86\x86\x97u\xfb}\xbd\x8c\x90\x82Q\x18\xf4AL\x98\xe3\x89Z\xe0\'B\xc4\x10g\x15\xbf\xd9\x0e\x90\x0b\x9a\xd2\x9cJ\xf9\xa5X8\xb1\x9d5\xd2\\t6\xe1\xaf\xc72\x92\x00-,C\x01\x8b`\x90\xf4,\x0b\xa6\xc2lD\xb4D\xa0#\x81\x92\xb5\x98\x05F`\x85|Z\x94\xf8\xb0\x7f\xb7`d\x11\xe9\xa5\x84\x1fv\x06\x8c0\x8b\xc3\x12\xa9\x1a\xc5S\x081,\x86\xd8\x14\xcd\x9a\xd3\x9bq\xaaN\xb3Y`#\x11\xb3\x13\x9b\x85\x0eg&amp;\x8f\xc1\x89\xa9\xad\x80\xa1\xf1\xfe~\xbf\xcc\xcb&lt;\x8ba\xe9\x832\x92\xd6\xc3&lt;\xc4\x80Y\xd34\xa7\xea\xcbM\x0c-\xe6\x1e/\xe62Nskk\xa3\xd3\xe9\xad\xf4\xaai\x85\x8f\x85\xf9\xb4\x81\xd1E\x17\x12\xef\xcb\x19^F\x98"\xcb(\x0fa\x00\xb5\x13,\x90S^o\xa3\xd7\x97\x1bz\xdc\xd3s\xe1\xc2\xadS\xb7\x1ew_\x9e\xab\xf1\xf5-vv\xf75\x8a\xaa$\xf1\xfa\xaaa\xde\xa2\xad+_\xbc\x97eL\xc9$\xcb)\x98\x80\x82 \xea\x9aV\xe9l\xf4M\\\x9f\xe8\x9e\x18\xeai8z\xf0hCU\xd5\xa7\x07\x1bz\xce\x0e_\xff\xe1\xda\xb5\xdb\xc7\xbe\xa9\x84\xff\n\x8bkq\xc3\xa8\x02k\xe5@%C\x87\x81\xbda=\xd0uo\x9f\xaf\xcf\x07&lt;\xd7zF\xee\x9d&lt;u\xf2t\xd5\xc5\xaa\xaa\xaa\x8b\x17\xc9g\xc3\x89\xc3\xa3W\x8f\x8f^9VS)\xc11P\xaelb?E\x06\x0c\x0b\xb3\xaf\xc3\xa2\xd6\xf4\xf9\x86\xcf^9~\xf8\xbb\x13\xe7\xcf\x9f9s\xa6\xa1\xe1\xe4Q\x87\xc3\xe1\x8a\x02\xd6\xc5hU\xd5\x83\xf3\xa3W\xc7\xc6\xce\xdd\xe9\xbcl\xd6x&gt;\xbci\x14\x96u\x05\xc4"\xab\x1f\x8aX*+/?\xea\xfc\xea\xd8\x9d\xa7\xc1\xb1\xf6\xf6\xa6\xe6\xe6\xe63\xd1\xe8\xd1\xa8+\xear\xb8\\\xc0\xe6\xb0G[\xa2\x0f\x9aGG\xc7\xfa\x9f\xde\xe9v\xaa\x88\xe7\x8d\xaa"\x1d\xd8\xa8\'\xb3\x05\xd6\x17K\xcd\xa3\xce\xef\xff\xb7pg\xf6\xfe\xab\xa0\x1b\xb0j\x9bmv`\n\xb9\x08\x95\xcb\xd1\xe2r\xb5\xd8\xedv\x93\xad\xa9\xdd\xdd\x1f\xbcr\xdd\xeb\x14\x90\x98\xce\x1a\xb5g\xed\xca\x90\xe6\xd0\x82\x96\xb9G3\xdf?{\xb60[\xc4\x9a\x1a\xa8\xad\xb5\x99\xec-m{:\xd5\xc1\x8f\xc3\xd5\xd6b7y\x9a\x07\xa7\xdc\xee\xe0\xb9+\x8d\xaa&amp;\x88\xe9\xa4QYZ.\x93\xb1\xc7F\xa6\xef&gt;\x9a\xb9\xf9laa\xe1\xfe\xfdW\x0f{\xddS\x83\x1e\x9b\xcd\xde\xe6js\x11(G]]uu\x9d\x8b`y\x06\x07z\xfb\xddc\xc7;kTAPW\x8d\xca\xd2\xfd\xb8\x18\xecx\xfc\xd1\x1e\x16\x11\xeba/\xa8\xe5\xf1\x14\xe5\x02\xa2\xc9\xea:\x90\xab\xce\x11\xb2\x9b\x9e\xd7\xd6\x0e\xf4N\xf5\xba\xdd=\xc3}^\xb3E[1\x08\xebc=&amp;\x93\x98\xea\x18\xbf\xfb\xe4\x0f\xb5^\x05\xfb\xdd\x03M\x1e\x93\x89`9\x1c\xd5\xd5\x93\x93\xd5\xae\x96\x16x\xec6"\xd6T\xefT{\xff\xe1\xb3\xbeF\xa7Y\xdd1\xa6\x15\xe9\xcdzD\x91\xa5\xa5\xb5\xf2\x8f"\xce\xce\xbe\n\x06{\x07\x88\xb3\xe0\x01(\xa0\xaa+\xba\x9d\xf8}\x10J\x08\xa7\xa9\xfd\xbb\xb3\xd7\xbb3\xaa\xfa\xd6\x98\xf1c\xdd j\xc1\xb0\x99\x1e\x9f#j=+z+\xd8?\xd5d\x83\xf3\xfc\xb9\xa3z\x12L\xd5\x162\xd9l\xf0\xd8\x8aZ\xf5&gt;t75\x1d\xbd74\xe1\xf3\xeaic\x12\x82\xde)b\xe1\xd6\xf1\xf1\xb9\xbb3\x84\x8bt"x\xbe\xd6\x06\x96\xb7\x85@-\x07\x91\xca\x04\xe5\xf3x\xc0X\x84\xeaa\x7f\xd3\x8d\xaa}#C0\xbd\xf3\x86\xbc\x8e\xa0\xe9\rby\x86\xb5\x80Zw\x9f&lt;\xf9\xd3\xf3\x10\x10\xb5\xb5\xa6\x90\xc3\x01\xcdh7\xc1!\\\xb5\x03\xa4\x84\x80\xd5~\xe3\xe0\x81S\xb7\x17}\xde\x8c1\xe3\x87^\tc\xb2x\xb6\x8eO\xcf-\xefq\xfd\xd9\x8a6\x13\xc9\xd26\x93\x89\xd8\n\xd8\x80\xcb38\x05Xn\xc0\xfa\xf4\xf3\x9f\x87\x862\xf9\x1d\xab1\x96\x0f\x937!\x11\xc0z1\xb7\xbc\xfc\xe4&amp;Q+\xf8\xb0\xbf\xb7w`\xb0\xd6\x03\x96w\xb8\xc0\xf9\x00\x16\x82&gt;l#\xb5\x1c\x04\xac\xa0\xfb\xc6\xa1}\xf3/o\xfd\x94\xcb|\x0c\x18cy\x9e\\\x03#\xd3\xe3\xd3\xe3/\x08\xd63\x10\x0b\xa8\x06\x06 \xb6j! \x88P\x1e\x0f\x89\xfb/\xeb\xc0e\xc05@\xe4z\xd3\xf0\xf9\x7f_\xfe2\x92K\xa7\rye\tX0|\xd8=\xac\x17\xcb37\x17f\xf7F\x0f\x84\x83\xdd\x14\n\xd9C\xe4\xdb\x14j\x83\x94\x9f\xacp\xb8\x1c&amp;\xcf\xc0T\x7f\xff\x9b\xd7\r\xff\x99\x9f\xbf\xf4\xf3b.W\xa0\x8d\x89S\x19v\x9a\xd6\xe9\xf1V"\xd7\x0c\x88\x05s\xba\xa9\x19\\\x05\x0c!\x98=\xa1\x10PAC\xfe\xda\xd5\xd5U\r\xcb\xcd\x83\xe6\xa61\xb7{\xf4\xd0\'\xf3\x97.\xbd{\x9bK\x1b\xd2\x8a\x81\xb5z\xd8k"\xd3\xd3\xd3\xad\xad\xe3/\xee\xde\\\xb8\x1f\xec\x07*\x9b\xddE\xe4\xa9\xae\xabv\x84B\xa1h\xb4n\xf2\xb3\xcf\x8et\xfd\xfb\xe0\xa1\xd3\xa7.\xf4\\\xef\xec\x1c\xbe\xda\xf0\xdb\xbe\x97\x97\xe6G\x16\xd3[\x86`\xed\x02\x16\xdb\xb1\x87\x05\xd6\x9a}zn\xec\xf5\x9b\x1b\xcd\xa6h]\xd7d\xc5$\x8c\x1d\x98\xd3\x8e\xea\x8a#G\xbe\xfe\xe4\xb7\x9e!_.\xd3\x97i\xf4\xf5\xf5}\xd3s\xe8\x17\x90kd1\xb3a@+\xd2\xc9\x04\x0f+sG+P\xb5N//\xcf|ul\xf8\x87k\x87\x0f\x9f8\xf3 \xfa\xaf\x8a\x8a\xae_\xbf&amp;\xb3gr\xb2\xeb\xc0\x81\x93\xff_\xcc\xc0\x95#\xe7\xf46\xfa|\xdd\xbe\xee{\xef\xe6/}\x0b\xe62\x02\xab,\x99\x00\xb1\x10\xc1\x82\xdf\xf1\xe9\x1a\xa7\xd3Y\xd9\xd8\xd8=t\xfb\xf8\xeb\xf3\x0f\xa2\x15\x93]0}@\xb6\x8a\xd3#\x135pWT\xe1\xe6\xd1=&lt;t\xed\xf6\xd0\xc4\xedw/_~\xfb\xe3O\xb9\x1f\x8dP+\x9b\x80\xdbE\xa4\x03\xb4\x12\x08\x99%b\xf9\x9dV\xb3\xf9IkO\xe3\xf8\xa4\x93\xd4\xc4\xc5]\xb8hd\xd5\xc4\x05\x8d\xb4\x83$\x1anHZ\x05z\x0e]\\S\x90\xc8\xdb!\x80\xe8\xed-*=\x16\xe2\x0bB0P\x0e\xadF\xe5EC%\x84\x06\xc5 50W|\x01\x1b\x11\xdb\x12*\x01\x1dj\xc1\x84z-n\xda;\x93\xdb\xcd\xd4\xc4\x98\xb8\x98d\x1e\xfc\x1b\x8e\xbf\x05,\xf9\xe4y\xbe\xcf\xf7\xf7|\x0f\xa7^\xd9(a\xb1zl*\x8f\\\xe1d\xf3\x18\xd2\x05P\xfa\xc3\xbe\xdew,\x9a\x84\x95\xf4,s\x15.8\x0f\x87wN\xa0\x89\';\xdf\xaf\xc4O_\xbd\xf9\xa5\xb6VYO\xa3\xd5\xd3\x94\x0e\xa5\x926\xd6H\xa3\xd1\x1cJ\x07\xad\x91\xc5\xf7\x0c\x0c\xdeM\xe4\x0c\xa0\xaf\x0e\xeeN/\x87c3\xda\xdd\x8a\xcf\xee\xcfY,\xeb\xd2\xde\xbd\xd4\xd6\xb7\x8fo\xafD\xf2\xaf\xd6 \x8a)oR$\x94z\x87C\xd2\xc8zd\x9c7j\x02\xd5\xc2I\x16m\xc6\xa9A\x91%\xc7f;;`\xfcd\xf6\x89\xcf\x9f\'|\\y&amp;\xe3\xc7\x04.-\xb8\xfc\xbe\xe9\xe8\xe3\xde\x97W\xef\xc9\x07{\xf2\xfd\x97\xda\xdb\x0eJ#\xad\xa9\xde\xa1\xe4L\xef\xb8\x87\x15\x83\xbf\xf7\xad{4\xd1x\x9c\xc3_v\x97\x83\xe7\xbcfgbP\xa1p\r\x0eN\x94\xcbew\xd9\xed[\xcd\x98\x05\xda\x1bs\x80\xb5\xf5\xf5\xa5)\xa3;!\xbd\x8fw\xfe[\x07XMM4\ne\x91\xd3\xbb\xce\xe5N\x94\x15\xee\xbe\t.W\xbe&lt;\x10\x0ey\xecv}\xb6`\xa0\x17\x12Z\x97\xd6\xa5\xd7\xeb\xe5\xeb_\xf7\xd6\xedz\xbd\xdf,h{`\xda7\xed\xbf\xfc5\xf3\x94h%}\xe9\xaa\xf9\xeb\xef0\x89\xfd\x14JS#G\xe3\x81_\xb4\xcbp&lt;"ws\xe5r\xeez8\x16\x8ed\x90\xdc9\xec\x12.\x0cC\xf4rc\\B\x93t\xdb\x06\xdc~D\x90h\x9f\x9b3\xed\xbf&gt;\t\x12j\x1e\xf9\xbb`5\xbd\xd6.Q(\x8d,\x98\xbdHD\x16\xf6\xaa4#\xbdo_\xbf\x1e\x96\xdb\xf1t\xd4\xbbz`!\x82\x16\x81\xc0\x95\xc5\xf4\xd3?\x8a?\xfd\xef\xf4\xc3W\x9b\xd1\x87\xb9\xb4\xed[U\xacv\xaa\xa1T"\xbfZ\x9f\x9a\xaaX4Z#\x87\xaf\xc2#\xb2\xa4\x86\xd3\xa8T*\x03\xdf\xa7\xdd\'\xf7\xfa\xd2\xc5\xa8wc\xf3\xcf\xa7pK6\xd3\xb1\xec\xbd\xc3\xa4RR\x9cI-\xc7\xb6\xcdYm\xdb\xf8\x9ci\xebq;o\xa1\xb9DvZ\xfc\xe7\x97Won\xdf\xae[\x03?\xb0\x8d\xa8\xc2\xb2P\\\xf2\xeeM\xa0\xf6\xbb\xed\xe5\t\xf7 \xab\x08\xe5\x8b\xe9\xed\x83\xea~\xf54x^\xf8S{o:\x9a\x0e\xbd.\xdb\xfb2\x18"\xa0\xdf\x80j\xdd\xeb\\`KK\x935\xe4\x96\xca\x16o\xa1\xdc\xbe\xfeb\xa9\x11\x94e4\x86\xc3\xd1@|\xefm\xfe\xf44\x9a\x1am/dW\xd3\xf9|z[W\xdd\xfb\xccH\xc2\x85\xe8\xfd\xf2\xf5\x01\xaeO\xef\xd7b\x98@ j\x1b\x07?\xed\xea\xba\xb8(\x1d\x93\x8aug/\x99\x8e+\x7f\xba\xde\x04X\xc9\xb0\x07\x0f\x01FT5?\x92\x0c-\x0f\x0f\xfb\x14ny\x14\xaa\xb5{\x00\xeb\xbbYgve\xe1\x94\x07\x15\x1d\xa02\xac\x8a\x05\x1ea\x9a|&lt;\xd4%$JjR\xc5\xf5\xe4Q4\x16]T\xde\x06,\x96J&amp;\xdb\r\x85T\xa10\x8e\xcbd\xeb\xaf\x1f?\xee\xd0&gt;\\\x8eF\xa3i\xefFu\xaf7\xc3\x9e\\8/\x14\x9c\x89\x02J\xc0\x04\xc0AE\xb7L\x93\xa9\x07\xa3\x0b\x17\x17\x17g\xa4b\xa9\xf2\x81x@ymvi\x8c\x030x\x08\xa0V#v\xbd\xaf\xac\xbd;\xdaq\xd7\xef\x8dU3\xdaA\x90 \x84\x88\xd9\x9c-\x14\xce\x9d\xcef\']\x88\n0L\xa4\x15\x88n\xcdM\x9e\xdcgTJ\x17\x17\xa4\x8a\xabf=\r\xbb\xb2\xc4\xd1\xb44\xd6\x13\x96E\xf0j\xa9V#\xb0\x07\xba\n\x85\x84\xcb\xb7\xbb\xebM{cP-"G`\x90\x0f\xb3\t\xd7y"Q\xa0\x8bD(\x94J\x84\xa2\xa3sg\xa9Vi\xa5\xa26\xac\x90*\xae\x8f\xde|\xfeT\xe2\x98]\x1b\xe3\x84p\x19@E"\x91\x8c\xdelF\x82\xc1\xa0n{{\xdb\x1b\xdb\x05\xacM\x0bAd\xb3\x04\x81\xa2.\x11\xdd\x99`$\x12"*]@GQ\xe7\xdc\xd9Is\xa9T)\xa9\xad\xe4c)\x95\xb3k\xdd\x1cMX\xe6\xc1\x81)\xa3G\xcc\x08\x12\xd4\x1dlll\xac\xee\xee\x86b\xdeU\xc0\xb2\x08,\x82\xdc\x85\x81\xe9\xcc\xe5r\x10\x89\x00+A\x15\x8a\x12P\xadQf\xa9R!y\x14?\xa6\x03\xf9\x80DI\x01,\x9bQ\x86\x83\xac\xfcz\x1d\x98\x81\xd9\xac\x83/\xdd\xea.\xeeM\xc7Vu\x04a\xb1d\t\xe1\xc5\x05dYH\xb3\xb9*[5&lt;\x8eZ\xa1\x89\xc7\xc7 \xae\x05R\xddt\xb9\x18\x8f\xc6O\x1d\xf5kc-\xb60\xa8K\xef\xf7\x83\x15\x98\xb1`\x101?5\x1fl\xac\xe2 \xfaj\xb5\x08B bH\xd5j\xb5\x14\x8eAj`\xe4 \r9\x1bV\xceRmCV5A\x90[\xad\xf5|:\tX\xd7\x96fY\x9a\x90\xd1\x03=\xd4!\x08\x86Y,\xc1\xcd\xaaY\xf9#x\xb4\x18[5\xa3\xd4\x1c\x81\xd2\xc5\xa5\xe3je*&lt;\xb5T]\ri\xad\xa3\x9d+\xa6T\xc3P\x85\xd8\xcc\r\x91:\x89;\xc5P\x0c\xb0\x1ck\xfd-\x1a\xd5%\x96\x0f\xd2\x18\n\x93g\xb1\x10B\xd4\x1f\t\xc7\x8b\xde\x8d`\xce`\xc8\x11.\xba\xb8R9\xb6\x0e\x1d\x1f\xb3\xd9%\xb5\x94*ew\xde\x9f4\xa5\x9e\xdd\xb7lb&lt;6\xa9X\x87I&lt;\x06\x9aw,\xf5w\x03\x96\x11\xba\x88dQT(\xa4\xe6\xa8\x90\xf3\x05v\xdc[,n\xeb\x08\x03\x8fm\xa0\xbb\x10\x14\x9axl\xb5Z\xa1d\xc0\xc5d\x0f=0\x99R\xf7\x13\x1bO\x99&lt;R\xb5U\x93\n\xe1\xa1K\x87X\xea\xb6\xc1\x95(\xcb\xe81T\x04H\x90\xf2\xa5b\xba\x1e\x8c\xab\x98\xde@\xd0\xe6\xe3\x95f\xc3(\x86P\xd5\x8c\x0b\x00\x03,\x00dvZWL\xfb\x87]\xaeM\xe9\x03\x83\x95\xdceK\xe3\x8dV\xb1\xea\x96\x9e\xf7\xa8B*Y\xc6\x97\x15\xd1\xa9\x0c*\xe8Z\xcd\xc0vc\xbb\xde\xa8\x17\xf6@\xde\x90Uj\xe8\xea@Q\xb5XH\x95\x82\xc0.\xb9\xba&amp;\'\xe7\xf6\x0f\x9f\xb5I+CNr7\x9b\xf7\xf1X\xf1\xf4\x144\xdf\xbf\xd4\xc3\xd7\xa8\xf0\x0c\x02X\x86*\x14\xafY\xe8\x07o\xc0c\xa1U\x84\xce[\xe01;:\x9c\x89*\x16AW/\\R\xf1\xaaX[\xa9\xf1\xd6\x85\xcaP\x17\xb9\xcb\xfc\x13~4\xb9\xa8\xbc\xee\xb8\xd6\xf4|\x8dcS\xc9\xf4\x88\xe0\x12\xab\x99\xc7c\xa0\x99b\x1a\xaf\xde\x93\x91\xcfN\x9e31\xe1\xf3\x95\xa9b\xb5T `\xb0\xd9\xd5a\xe4\rM\xae\xec\xa7N\xc6y\x0b\x15\xeb\x19\xb9\xd9\xa7\xe60\x1ao\t8\x94\xd7\xea\xfa\xd7Z8\x80\xe5\xc7D\xa0u&amp;\xb3\x99!\x14\xe8\xbc\xf9t4\x1a_\x8c\xda]\x1dZ\xaeL\xafw1\xc4 ),(\xe6\xf1\xd4b1\xdb\xba\xb2\xbf\x7fx4\xced\x97\xac$?z\xab\xf9\x14\xcbs8\x12Im]\xd3sP\x97\xac\x9a\x00\xe9\x0c\xb1\x98\xc1\x10\xa2As\x06\x0f\x87\x92\xf1\xc0it\x80\x0b\xb5\x9a\x80\x0f\x91\x81\xc9cc\x88T\x0c\xa7s\xbc}k\x0b\xb0\xd8\xec\xe3\xb3\xbf\x91|\xee\xcc\xe7m\xb6\x80\xe4Z-ev\xa9G\xe3\x89\xe8\x01\x8bJG\xe9t\x14\xf3C\x082\xf2\xf96\x8eM\x13\x1e\x98\x9a\x9a\xd6\xf0\x07\xe4\xcb\xbe\xc1D[\xab\xc0\x02\\\xcc\x86\xcev\x90\xd6\xfe\x8dg]+\xa4\xc7\xc4\x9a\x7f\xc7m\xc9\x80RY\xf7\x82\x02\x8ej\x94\xd9\x01K\x10\x84\xbbx\xc2&gt; \xd3h\x1e5\xd2X-\xef\xe6w\xf6&gt;\xbc{\xce\xe2\xf7\xf6\xf6\xce\xcf\xf7\xfdv\x97\x89\xa1bqkC\xc3\x8d\xado\xa9\xb3W+gW\xf0\x10\xe2\xc9\x87w\xc9\xbcDy\xf3\x05\xa5\xa9[\x03&gt;\x8f\x88Df!\xdd\xcd\x9d\x19Ijl\xacF\x16\xe4\xff\xb1\x0f3=\xf5\xb4\xb1\x7f\xf1{\xe6\xf9\xf3\xaa\x91\xbd\xdf\x1f\x8a\x11&amp;\xb3\xb3\xe1\xe7[G\xa9\x1f\x7f\\\xd1\x0b\xb2\x7f\xbc\xd5D\x03\x8bM/\xeaov\x8fxp\x99\x9f\x8e\x08\x04\xdc\x99G=-q&gt;K\x12\x08\xb4\xb0X\xac\x9e\xe9G\xb4\x96y\xcd\xf4\xf4\xd4\xc0\xf4\xcc\x08\x7f\xe6W\x06*\xe6u\xb5\xde\xba\x91::|\x7fU\x7f\xbf~\xea\xd5p8\xd5\x97$Y\xfci#\x8e1\xcct\xf7L\x0b\xd0p\x8c\xaa$\xdc\xdf\xaa0\xf4\x96k\\v\xbb]e\x97ojj\xde\xd6\xf3\xf2\xae\x10\\\xeb\x1f?\xdf\xfav\xf4\x9f+\xfa?\x11\xe4\xf5\xe5\xc7\xde_\xef\xfbg)\xdd\xfciO\x18\x13\xebD\x8a\x1eH\x8dq[x b\xf7\xfb\x90r\x19\x82E[[\xa20\xe8*\xcbwq\xc5\xb2mf\x98\xa1f?\xfb\xf9\xb7\x93\xad\xa3\x1fW\x86u\xf9fu\xcd\x9b~\xca\xd8\xffy7\xff\x9f4\xf24\x8e\xb7t\x8f99Kz\xdc\x05\x98\\\xaelHn\xc9\xa8,\x1bw"\x99\xea\xa8\xa0\xd5\xa6W\xe1\xbcj[\x8f"\x9e\xc0\xf0EN\xae\x96\xc2\x89Y[%\xa8l\xe1*(x\x12\xbbgv\xb5\xc25u\xd3\xd2\x9aj#\xd8\xb4\xa6$\xa8t\x13Z\xb5i\xacFm\xbb\xb5k\x9b\xda\xd4\xa6\xcdv\xef3\xdc\xfd\x03\xbb[\x1c2\xf0\xeb+\xef\xe7=\x0f\xcf\x07\xde\x8f\xd2\xd5\xaf\xe8;\xd3 qbj\xa3q\xf0\xda\xbf\x86\xaaB2\x99\x7f\xb6\xf3\x158\xf1\xcc\x98$\xfc\xb1\xf9\xf9\xe5\x7f\xfb%\xa1\xb08\xa7\x90\xcb\x1c\xf6\xe1\xc0[)\x0e\xc6&gt;\xafkGD:\xb5\xe5|\xa5]\x1e\xd69%\xe6+W\\U\xe3\xe3\x9a\x15\xf3\xb0\\%\xc7W\xc6\xee75\xddo\x9a\x8a\xdb\xcbU\xf1\xb0\xbc\xb2 /\xa0\'4cc\x8fR\x1b#\x86\xbe=\'@l\x16\x9de\xc8a\x97\xc5\x83z\xf7\x9c\xecZ&lt;\xbc\xf2pej~\xaa\xa9i\xac\xe9\xe5\xfd\xd3MS\xf7\xe7W\xfc#y\xc3z\xbd\xa9\\b\x8a\x0f\x13\x0b+\x89oS\x1c,{xI\x80(-j\xa9\r\x14N\x1fv\xea\xdd~\xbb3\x96\xf0i\xc6\xf1\xb1\x8e&amp;\xe6\xd4\x18\xa0\x1a\x1b7\xcfv\x9e)\xc8\xd3;Mr\x95/\xa0"\xe6\xc7\x13\x8f\xa1\x14c\x9dk\x871\x8b\xce\x86\xda\xfa\x83A\x8fY\xeeh\xb8y\x13\x10\x12\xf3\xbc\x97\x07^\xf2_\xf641;WWWo\xcd\xe4\x94p\x85b\xb7^O\xe8\t\x02_\x19OuZ\xf7\xce%\x0e\x1b\xd3\xeat(f\t\x19\xc5\x12\xc3\\\xdf\xcd\xcb\x17/^\xbe|{\x15\x1c\xa5o\xddZ%\x99V\xbf\xdc;\x92S\x92/1\x8b\xcd\xfaa3\xe1\xd3,$\xee\xa4\x1c\xab\x0bF\xc0\xd7\x0b\x96\xa1\xec7\xca\r\x95\x7f\xf1\xdbo\x9e\xbf|9\x89\xf3j\xa6\x80\xfb\xe9\xcc\xab[\xaf\xc0q\x87\xc4\x92\xcb\xcdN\x95Y\x15\x18\x1f\x7f\x94\xe2(8\xf4M]\x9d\xa0YdQ\x8b\x10Ta\x15\x9b\xe4\x0eG\x9f\xdd\x0e\x0eB\x00\xeb\xd5\xccHc\xe3\x19pp\xfd\xf8\x1f`\xe6),,7\x99\xf4\x01\x13\x8e\x074+\xcf\xee\xa5X\xad\xfb\x82s\x02\x01\xaa\xb4(\x94R\xa9.(\x9fs8\xfc\r\r\xe2\x06\xff\xec\xad\xce\x99\x112\xf7\x9373\xf2\xc9\x112CR\x92g0\xa9\xccy\xc0\xf4\xe3+\xe3)N\xeaB\xd7\x05mu0&amp;\xb2\xb8t\x16\x9b\xc2e\x14\xfb\x1ds}}~\x99,\x18r\xfa\x9c\xf1x8l\xf6W&amp;\x03@99\x05f\x93* \t\x84\x03\xf1D\xca\xf3\xe9g\xbb\xe0:\x01x\x14\xd5:\xadM:\x18r\xf49\xe6\x1c\xb3\xb3\xfez\x97K\x1dQ+\xd5:uH\xfci\t\x18\xe0sr\xcaM\xcea\xbd\xd9\x97\x88\xfb\x96\x13S)\xa6\xda\x96u\x8e\r\xcc\x85J-\x16\x05\x90\xcb\xe8\xe8\x03\\\x7f\x9a\x9bs\x18\xb5j\x1b\x86J\xa5^\xff\x99\xbf\x02\xacC\x87&gt;28=zg\xdc\xe7\xd3\xf8|+\xd7S\x8d\x05]b\xc3\x82\xe6Z\x91R\xaa\x18\xd4j\xbd2\xbf\xbd\x81\x0cpU\xce\xca\xbc\n\x91E;$/L\x1ew\x0e}b0\x84\xe3\xa0\x97\xfaT\xbe\xe5\xe7=\x17R\x8d\xb5\xedj5\xa5\x1d\xc8\xa5\xb3Z\x15"Ta\xec\xb3\x83\x89poe%\x98Se\xae\x90\xc1\xd0Xr\xe4\x08\x99\xb11\xb8\xc5\xe1\x98/\x10\'\x02\xcb\x91DS\xca7X\xa0\xd7\xd5\xffd3\xc0p\xa3V\x8b2\x10\x91\xd5h\xac\xbfX|\xaa\xb8\xb8\xb8\xa1\xc1!\x96\x1b\xe6:++\x8b\xf7~\xfcQ\xa5X\xdf\x7fu9\xe1K\xf8\xe2\xb1@\xcf\xe9\xd4\xef\xfb&lt;\xa9\xae\xae\xe6\x08\x00\x97\x12\xe1\xb0\x11\xa5\xda5To?\xd6p\xfe\xbc\xcc\x1e\x94\xe9\x9d\xe0\x15\x949\xdcN\x99G\xf7\xa4-\x12\x89,\xc7b\xbe\x9e\x13\xa9\xc7\x82\x1e\x1c\xae\xaef\xb3\xdb\xdba$\x83F\xa7\xb3\x9b1\xd468dU+\\:\x8f\xc7\x13\xf1\x84=.\x9d3\xac\xeb\x9fP\x92Q\xf9\xc9\xc8\x93\x18\xbf\xa5e\x0b\xd4\xfa&gt;#\xc9E\xa11(t:\x95Na\xb3\x1108\xa3\xe8DD=119\x19\x9bTO\xc6&amp;\xd4\xa8\xb2\xae\xab\xadm:\x12\x89\xf3\x8aNl\t\x16\x82|U]\x9d\x01s\x18\x14r\x97\x80NF\x9a\x81r\xa2Zem3:=\xad\xacE\xd0\xb6\xe6\xb66\xd0\xdd\x04uW#\xb1\x85\xa2\xd2\xd2-(\xe2\xb6\xe7\xd8\x15\x0c9|\x18p\xc1\x94\xb4\xe4JA\x1a\x87B\xa1!\xec\x0c\xa4K\xd0\x0c\xd7\xc1\x1c\x04\xaeEj9\x9c\xf6\xe6\x89X\x9c`\x16\xb5\x16m\x05\xd63L$\xba\x82}\x95Are\x92\xd1)\xa0\x18\x9dFg\xd0@a\x81\x84l\x06\x87\xc2\x01\x9f\x9c.\xc1\xf4r\\\xc3,\xaa\xa8\xd9\n\xb5\xa0g"\xdb5\x9b\x88\xfc\x03]\x00Sh\xc9\xd4&gt;\x95J!\xdf\x18t\x1a\x95BaP\xc0\xc5a\xc0]\x13\xb1\xe5\x00\xde\xda\xdaZS\xb35X\xd7\xb4\xda$\x17\x0c\xc3\x0cZ\xe6.*\x9d\x96F\x03\x0eKK\xb2\x01\xd9\xe8\x1c:\x83!\xa8\x8d\xf9\x128\xbf\x95\xcb\xcdo\xdd\x02\xcbC\x8f\x00\x96\x82&lt;\xdf\x93\\\xc0U\xd4]\xe4\x8e\x085\x89\x94\\\xc4\xa0S\xbb\x18\x0cF\xd7D\xc4G\x10L&gt;\x97\xcb\x05\xde\xca\xda\n\xacA\xc5\xa0T\x84\x00.\x0e\xd0\x8bA\xa7\x02\xa9\xc0M\xe6\x9d\xa9i4*\x83\x02\xb7\x0b\xea&amp;c&gt;B\xc3\x13\x02*nk\xea\xb1\xa0\xebWEZ\x05\xb8\xb4\x18\xd0\x0bf\xc3\xffk\x14I\xb5H0:\x99\x0f\'W\xa1\x96}\x01\r.\xe4s\xc9\x00N\xca\xb1\xa0\xebuu\xe8\xb5!\xeb\x90B!E1 \x17\x9b\x9d\xc1f3\xd8l:\x8dA&gt;\x8fT\xd2\xf3\xf0t$\x1e\x0f$\x08\x9c\xcf\xe32\xf3\xb9\x15E-\xa7\xe7S9\x9dBY\xcfw\xec\x12\x00\xac!+\x98\x1f\xa4(\x02\x90`\x0e`\xcb\xc8`s@W {?\xa5vb2\xe6\x01R\x11\x12&gt;(a\x05\xc0\xaai9m\x12\xa7jk\x18\x82\xee&lt;X\xcf\xcc\xdc\xc5\xc1\xb4C^\xaf\xcbk\xd5iQ\xd2\xf7\x19\xa0\x8fbX3\x82\xd6\x8a\xa4\x16\xa5r:\x12\x0e\x07\x02*\x9c 4\x1a\x1e\x97\xc7\xe4\xe6W\x94\x9e\xf8\xba\xfcfU*\xd2\xc3\x10\x80\xda,\xfb\xe3\xda\xd2Z\x1a\x05\xd3Z\xab\xaa\x8c.\xabUgQ\xa2\x80\xa8\x16\xc3\xc8\x1d\x91\xe4\xfa\x83+\xec#y\xc0M\xa8\x08 \x16\x0f\xf4\x07nQ\xcb\xd7y\r\xb7E\xdfC\xef\x9b\xe9\xec\xbb\x8d\xcd\xde\xa5%\xd6bo4\x8d\x86i\xeb\xab\x8c!\xa3\x17\x80YD\x08\x86\xa2"\xa5\xc8bQ\xf7{\xc8\xb1\x8f\xd005B\xbeJ(\xd4h$yB^\xe3\xff\xb1\xca?\xbb=\xb8\xfe\xe8=\xeeFA\xd0\x85\xc7o\x17{YG\x17{o\xdc\x18\x1dee\xd2\xb1\xc1zp\xba\x0f\x1a\x8d^\x9dZ\x8a\xa26))\x94\xcb\x13\x8c\xeb\x87\t\\\xc8&lt;\xb0\x80\xe3\x1a\t\xaeQ\xa9\n\x00V~~&gt;\xb7\xa6\xa5\xa5\xf3\xd8\xdf\xeb\xcb.\xbd~\xfc~\xa2\xba\x10\xf4\xb7wo{Y\x8b\x07G\x8f\xdf\xe8\xee\x1e\xe8\xee\xeeN_KC\xb4^\xa3L&amp;\x96\x05\x83\x1e\xb5ZJB\xf5\xbb&lt;a}\x80\xc0q\x1e\xb3\xa3\xe7\x00\xae\xc1q\\B\x10*&gt;\xaf\x02t\xad\xfc\xfc\x9a\x96\xb1\xe2c\xa7\xac\xed\xeb\xeb\xe7\xd6\x1f\xfc|\xebCY\xdfl\x00\x9d\xa2_|\xde\x9d\xbe\xc8\xfa\xe0\x8b\xec\x83\xd9\xd9\x8bK$VP&amp;\x16;\x9c\xce\xa0Wg\x91\x02K\xb9&lt;N\xa7^\x05\xfa\x01\xb3\xa3\xa3\x83\xb9\x00\xbc\x05\xb4\x02\xd6\x02=\xab\x82\xdb\x08\xba&lt;\xff\xb3/\xff&lt;Q\xb6^\xb6\xbe\xbe\xfe\xf6\xe7m\xdfA\xd0\xbd\x1f6{\x8f\xf6F\xa3\xa3\'\xff\xf0\x9f\xec\x81\xec\xe3\xe9\xac\x0f\xbb\xb3s\xa3\x00\xab\xde.\x16\xbb\xddn\xb13\xd4\xaf\xeb\xb7\xe8\xbc\xa1PXo&amp;\xb1\x0et\x94\x96\xf2\x16\xf0\xa4\xe9\x87\x1b[\x1bA{\x00U,:Q~\xfb\xd4\x08\\\x96\xbc\x9enl\xbc;\x0b\xfd\xe4\xe2=|\xbd\xc4:z\x94\x15\x8d.\xbe\xc8\xdd\xff\x9b\x81\x81\x81}\xfb\xf6t\xa7\xa7\xe7\xa6\xa7\xc1\x00\xcb\xefp\x0f\xcb\xdd\x0eq\xa8\x9f\xbc&lt;a\'\xe8\t\x9a&lt;&gt;\xaf\xa3\x94\'\x14\n\xc9\x1a\x9a\xcb\x81R%\xdcB YE\x87\xe1\xd8\xde\xd0\xef\xcbvl\xdf\xb1\xa3l}s\xe3\xc5\x8b\x1f.\xfc\x04\xc9\xa0\xac{o\xbe[Z\x8b\x92RE\x9f.\xee\xff\xbc;\xf78\xa0\xda\xb7g\xff\xeel\x16+\x13\x96\x02\xb5\x1cr\x93\xc9$7\x8b\x8dV\xaf\xcbc\x0454\x9bU\xe5|n\x07O\xc8\'\xbd%Q\x99\n*Z+\n\x0b\xf3I\xcf3\xe7\x8eU\xa2;\xb6o\x07\\eew7\x0f\xde\xbd{\xf7\xcd\xf5\x1f\x07Fv\x83\xcd^\xd6\xd2\xda\x12\x8b\x15e=}zt\xf7/w\xee\xdc\x93\xfb\xc1\x87\xd9{v\xff\xee\xe4\xc9\x83\xb9k\x1c\x1b\xc0r\xcb\r\x92$\x97\xcb\xe52\x06\x9dz\xb7\xd9&lt;,\xc9\xe31\xf9\xa4V\xb8D")o\x04\xed\xbd\x02`\x81\x87Q\xd87gd\x00\xac\xed\xa0\x88K\xfbGo\x0c\x8cn\xde\xc8~\xf3c~\xa9\xcf\xba\xb7\xf1\x82t\xd4\xdaZ4\xca\xfa\x8e\x05d\xfa\xed/v\xfe\xea\xd7\xfb\xf6e\xe7\xfe\x97q\xf3\rm\xe3\xbe\xc3\xb8\x8d|\xf8@\x12?\x14\xddI\x9d\xcf\xbe\xc8\xb1\x0ee\x90\xa3\xdc\xb1 !\xc9&gt;f\xc3\xec]e\x17!\xbf1\x96Y\x18^\xbce\x06COv\xf0"\x10\x16dS\xae\xe9\x8b\x0c\x05aT\xc4\x06f4\x1e\xb5_\xe4M\xd5\x17\xdd\x0b1\x08\xf4U_T$0\x1aG-\xecO\xe3\xbd\xb0_\x14\x9c\x90\xec\xf9\xfe\xceI\xd3\xad\xdbzRl\x8c\xb0\xf2\xd1\xf3&lt;\xdf\xe7\xfb\x93\xc0\x99B\xc5\x95*\xe6\xc1\x99\x1fzX\xabs\xab\xa5\xa5[\x8b\xb7\xdf\xb9\xbb\xb6\xb8\xb7\xf7\xde\xc6\xde\xf2\\V\xcf\xea\xba\x0e\xb5\x96W\xad\x1fU\xe7\x7f??\x7fnb\xd3\xb2Jo\xdd\'\xb1\xfaI\xac\xc7\xbb\xf1\xee\xceN\xa7\xdb\x03\xd8w\x9c\xca\xc1\x0b\x9f~\xb5\xbd\xbd],\x82\xea\xcb/\x1f\xdd\x8b\xa5gv\x14\x88e\xa4\xd2\xcdts\x06`L*\x98\xfd?\xf8\x15\x99\xb8J\x7f^W\x82\x8d\xe8\xd6\xc5\x8d\xcb\xcb{{+\xd0(\x99H$\xc6\x93\xc9\xb9\xec9\x82\x9a\x9f\x87ZV\xfe\xc6\xf5\xc9\xd7N\xb1\xfa\xbb?\xde-k\xf1\x8a\xd9\xe9u;\xdd\xe7\xdfa\x83\x0f\x0e~\xe2A\x15a!\xa8\xa23,5\x93f~\x7fP\xe4XM\x15`\xedv\xe6\xd1O\x7fr\xfd]\x8e\x95\xcd\xce\xedm\xdcY\xbb\x0b\x13\xf7\xd0\x08\xe3\xe3\xe8\xf5H.\xa2\xeb\xe3\xd9\xcdyX8_\xc5 Z\xf9\xd5\xeb\x93o\x8ep\xacY\xdf\xa3\xddxP\xd2vww]\xb3\xd7\xebtz\xcf\xfe\xdf\x91g\xf0/\x0f\x1f\x13S\xb18p\xef\x11R\x15M3\xd6LK\xa2\xe17d\xa9\xd9T\x9a\xcd\x94\xc4l\x07\x81\xfb\xfe\xd5\xb5wab&gt;\x9fM\x82kqam\xf1\xe6$\xb0\xe6\xf4\x04\x9a+\x97\x8b$\xf4l\xf6\\u\x8a\xb88V\xe9\x8f\x8b$\xd6\x08\xa2\xd5\x7f\xb4\xabi\x92Z\x8e\xc7\xb5\xb8[xR\xe8t\x9e\xfc\xcf\xcf\t\x07\xdf\x7fx\xe8A\x15\xb7\xa3\xd1hq{;-\xca!E\x91\r\xc1o0\x15XJS\x91B\x8c\xd9\x99\xd8?\xaf.\xbcu\x9f\xd4J\xea\xc9\xfc\xdc\xc6;k\x8b\x93W(Yz\x82\xb4\x02\x95\x05\xb1\xaa\x97\xf0\xde\x02jmf\xf3K\x0b??\xe3\x1b\x19\x19\xa1~(\xc7\x83\x02K\x85e\xe6je\xd7\xee\xf5\xccN\xf7\xe4\xbf\xd6\xd8\xe0\x85\xe7G\xb0\xaf\xe5Qm\x17\x9dbq\x86\trJ\x91d\xc30\x80\x07\xa9\x14\x85\xb0D\xc9.\xb4\xdf\\X\xbc\xbf4\x97\xcf[\xe0\x9a+\xdd\xbc}g\xf2\xd6\x06\xf6\xa1\x1e\x89\x10V$aY\x13\xd5KSS\x97x\xb4\xb2\xabK\x0b\xaf\xf98V\xbf\xef0.\x0c\x89,\x94\x12\x83\x82T\xa9\xb8j\xe1\xd4\xc9o\x05\x1b\xa4\xa4\x1f\xb4\x88\x8a\x98\xcc\x9db+-jb8\x15\n\x1b\xc2)\x96\xa26\x95\x94$\x89\x9am\xbb\x7f\xb8=\xb9T\xa2hY\x16\xb8&amp;\xd7\xd6\x16\x81\xb5LX9.\x97\x85\xce\x02\x15\xd4\x9a\x9f\xd8\xcc\xaf\xde\xba\x8av\xe0T\x10\xab&lt;$3&lt;1\x06\xc9\xcf\xf0T\xe9N\x97\x9c\xfc\x96\x0f\xa2\x07\xdf?F\xa8Z\x9d\x16\xdc\x1b (\xa7\xb5\xa3\x8a\x9a&amp;\x87BaY\x10\x041\xcc\xd5R\x9bj(\x0c\xb9l\xd7\xb6\x7fvsi\x95\xa8\x92\xba\x95Ln\x00\xeb\xcaF\xe92\x16u5W\xa5hmb\x0f\x12\x15\xb0\xcem\xe6KW\xbe\x87"\xe5\x16\x1e\xc6\xcbA\x8dq,!\x18\x17\xc4\x90RQg\xda\xdd.\xca\xe2\xdf?\x01\xbb\xf0\xec\xe8\x10Ju:\x07\xdb\x80\xda\x99\xa1=\xa3\x8a\x9c\x86\x89\x06\xc7J\x9d\x9a\x18\n\x85$\x91\xd9\x15\xb7{gc\x0e\xd1\xb2t=\x9bH\xce\xdd\\X\\\xbcU*\x8dS\xde\x91x\xdd\xd27!\xd6\xd4\xd4\x04z\xfe\x9c\x95_\xfa\xc5\x19\x1faA,Wc\x86\xc8\x18\xbd`&amp;\xf8\xb5r\xc1A\xe9\xd8\xce\xe1Q\xfb?\x04\xc3\xfc\x1d\xb4\xa1\x15\x1c\xe4+\x06TJY0DH#\xcb\xc03\xc2\x1eVJURd\xab`k\xb6\xf6\x90\xfe*X\xb7&amp;\x90r}e\xe3.\xc2\xb5wy\x05\xed\x80\x9b\xae[\xd69$kj\xba:U\xadNXsW\xceR9@\xad\xfe\xc38\x13E9,\xca,$\xa1\x983\x81\xc0\xc0\x00\x1cjw3\xd1\xe8A\xf7\xf97\x04{|\xd0j;\xadL\xb1\xd8"(\\6\x93EC\x0e\x87\xe1\xa0\x1fb\t\xe1\xd0)V\nj\xc1W\xc9-\xbb\xe5\xcf/\xa3\x1d\xd0\x07h\xcfd\xe9\xc6\xe4\xe2\x8d=\x84\x0b\x13\xa0\'\xad\xacE\x16NOO\x03\xad\x1a\xb1\x96\x7f\xe9\xe3\x9d\x85z(\xf4*e\x91\x86\xc6t\x9cX\xc0\xbb\x06\xe8jw\x0f\xb0}\xbf!\x18\x0c\xa4\xb0;;\xa6G\xa5\xb8L.\x83\np\x82\xdf\xef\x17\xe4\x17X\x8a\x02.\x16\x92\xb5\x8a\xe0\x96\xb5\xf7\xc6A\x11\xa1\xb9K\xac,m\xdc\xba\xb1\xb4\x8c#D6\x8b2\xd3qL\x9e\x9a\xf6\xb0\xa6"\xf9?\x9f\x99\xf5\xf1\xbc\xfb\x0e5\xbb^Pl\xd3,`\xe9\xab\xd8\xaf\xc4\xc6\xb1\xa2\x81v\xc1lE\x8f\x9e\x7f\xdd\x15D\xd5r`\x1d\xb0\xd2\xe9\xb4\x1a\x92\x18\xfes\xa2\x12\r\xc3\xf3\x10X\xc8\x95\x9aJ\x85I-\x91\x95\x05W{\xb2\x82\x13L\x82\xb8\xb0\x04\x97\x96J{\xcb+(\xf9dR\xd7\xb1\xa2O\xb1p\xd7\xffD\xc1\xc2\x1c\x8e\xcc&gt;\xaahLV\xedB\x9air\x99!b\x153\xf6B\xafh4\x060g\xfb\xabO/\xbc\x82\xd5\xd9\xf1\x98\xd2\xaa*)\x92\x94\x92\x08K *\xd8\x19\x82\x7fd\xa0\x02\xac\xb0\x04o\x193\xfc\x15\xedx\x85VM\xa4\x96\xcbYz\xbe\xb4\xbc:7\x9eD_$\x12\x13\xf3\xf3\xf4I\x1bqM\xd7j\x1f\x9f\xf1,\xf4\xf5\xcf\xda\xaec\x8bp\x811\xb7b\x17\xea\x99\x18\x17\xca\x93\x0b\\\x81\xb6Y(\xb4\x0f\x8eO?+\xe7Jq\x9d0k\xaa\x8a\xfbu\x0cV\x00\x00\x06?IDAT\xaf\xc0\x08\x850\x84d\xa1 \x8a\xa1\x94TQ\xb9Z\x98\x82\x14q\x95\xf1\x80\xab\x1d\x8fs\xac\x1a\r_\x9e6Q\xd2JL`\x1a\xabU\x8eE`D5\xcb\x83\xd5\xef;z\xaaIN\x1dQ\'"h\xe4\xddN\xc1\xb0X\xa2\x03\x99z\xda.t \x189\xb9\x03\xa5\x00ED\xc4\xc4/)\x84\xc2\xc2\x8e\x0e\n\x82,\x87$z %\x11\x16K\xa9R\x18\xa5\xe37\xfc\xaev2\xae\xe7r\xb5\xdaT\xad\x96\xc01\x8b\xfc\x8bxT\x97\xa6\xd7\xe9\x9a\xfe\xf0\x1f\xd0j\xd6\x13\xebq\\\x13E\x86B\xc8\x04^U\xe9U\xbd\xa2\xd1\x8c\r\xb0\xee\xc9\'\x00#*p)\x04\xa6\xf0\x9b\x94ba\x8e\xe5\x0f\n\x06O&lt;\x1e\tK\x85L\xccq\xeaf\xda\x9c\t\x13\x96P\x8e\x9f|\x86S2\x94Y\x9f\xce%\xf4\x1b\xab\xd0n\x02E_\x85\x89\x80j4&gt;\xfc\x00i\xc7\x05\xa8~\xf4;\x13e\xb1\x12 Y\x02\xb8\x07\x02\x9eX\xd1\x17P\x1e\x17(*\xee\x93\xe3g}|\x00\xb9ZX0\xaa\x84\xc4\x87EQ\xf4kA\x88\xe5\xf7\xa3g$`U\x9c\xc0@\xc6Te\xca|(]75\n^y\xf7\x04o*\xd6\xa7\x1b[[5\x94;\xcf\x7f\xc43q}k\xab\xf1\xd9\xaf\xdfx\x01\xe5\xeb\xef\xed\x96E\xd4 \xcb\x10\x16\xd7\x88\xb2\x1e\xf8\x1a\x8b\xa8\x02\x19\xd3\xa6 Uz\xbd&gt;\xfa\xa9\x93\xc6\x81\x8a\xa0\xe8\x8c\x80.\r\x06\x83\xf1 Q![\x88\xbcbF\xef\r\x14R0\x11X\xd4^i\xd3d\xe0\xd2\x9e\x9e&lt;\xa8\xad7\xb6\xf6\xb7\xb6\xa6kT\xf0\xb8\xd3Z\xac\x82\xb4\xf1\xf9oF|\x1c\x8b&lt;l\x9fGHEY\x10\x9dS,b\n\xbc\xf4\x8f\xff\x0b8\xa6g\x98\x92R]\xa8\xb5\xd3B\x04[u\x1b3\xc8\xc4\xb2\xe8\x0f\x0e\r\x8d^\xbc8\xc4\xb9\x0c\xb4\xb2\x94\xc6\x1b\xa0\x80B\xf3\t\xae0\x95\xaa\xc8\xcc\xba\xe4\xf7kO\x8f\x1f\xd4\x1a\xd7\xf6\xf7\xf7\x1b\r\x8c]\x8e\xe7\x1fd\xb5\xc6\x17\x1f\x8c\xd0\x1b\x1d\xbeuF\xfa\x8f\x86!;\x81\x89;\xc0\x89q\x9d^v\xa9\x07\x16h\xa7\xa1\n]\\\xaf\xbe\x02Y\xd8L\x9bN\xcb)HX6\x10\xea\xe2\xee\xd8\xd8\xd8\xc5\xd1!\x92\x0bO\xc5\xea8\xd7\xd7\xd5\x10E&gt;\xccm\xc4\x02\x11D\xb3\xeej\xe0\xfa;\xd4\xda\x7f\xfb\xed\xfd\xfd\xf5\xc6\xfaV\xc3s3\xf1\xf1\xd9\x11\xee\x1e\xad\xc2~P\xc59\x95\x86\xe5l\xc3\x95f=\x13xyq\xacX\xbdB\xf1a\x12C=\xd1\xec\xf5y\x85\x85=\xccX\xc1,\xb8Z|httlxllt(&gt;\xc4\x0bBtc\xd1\x013E\xe6\xa1\x1d\xf8\x85\x94P\xa7\x99\x8e\xed\xba\xbd\xbf![\x1c\x0c\xaa\xad\xe7h(?z\x9d\xce\x0b&lt;S\xa7T\\)Q\xc0aI\xa2B\x14m\xf8\xc3\xef\xb1\x18}3A\xc4\xf0\xf4@s\tKQ\xfb8\x93J\xfeA)\x01G\xa08\xb4\xe2XC\x10\xcb\x90E)6P\xc7a\x84\xf6\x11yH_\t\x0b;\xc0\xcf\xea1\x1c\xef\x8f\x1f\x00\x0b\\ \x9bNd\x97\x7f\xfb\xfa\x1b\xdc&gt;\xde\xee k\x9f\x07\x95\x8c\\\xa1\x9b\r\xfe\xab\x86\xc8\xd5\x8aq\xaaX\xc6\xc6\xa2\x949\x17#\x13QE\xaa\xd2\xa7P\xa4\\\xc64L\x1eR\x15\xd7 \xd8\xf0\xf0\xf0\x18\xc5\x0b\x1e23Vge\x91F\x0f\xbf\xcb\xb5\xc2\x93\xf0\xb3\x05U\x88\xe4\xc4\xda\xed\xde_O\xf5jD\xf6~wv\xc4w\xaa\x147p\xb6{\xdeu2\x8e\xe9\x96y\xe8\xf1\x92\xd0\x13\x19/\\\x04\x15+xQ\xe1\xa7\nF&gt;Jj\xba`\xf6\xc1R\xd2W\xd0\x005:zqtx\x0c\xef\x02vG\x87G\x11z\xa1Rwf\xf0h\xd9x9\x97\xb2\x8c\x17,{\\\x06\xb8\xfc6\xf4\xaa?y\xd0\xd8\xbav\xed\x8b\x7f5a\xf6*\x8e\xc3P\x14vv0\x04\x821\xec\x04\x06\x84&lt;\x8c\xb1\x04jcP\xe5\'\x90\xc3T~\x94i\r*\x17\xa66\xfb\x10z\x83T\xfb\x04\xd3\xa6\x9f\xa9\x13\xd8\xc6]\x8a=\xe7*\x03+\xe7?\xb6\xf3\xdds\xae\xae\xae\xf3\xfb\xe3\xc7C\xfe\xab\xe1\xe15\'\xfb\xe7\xc0\xa2NM&amp;\xd8q\x90#\xebA\xf2]\xa8\xdef\xa5\x90\xc3\x07\xfcF\xfdX\x13\xecy\xecO\xc3K1K\xa3P!\x93|\xcb\xacr\xda9m\xac5f\x9e\x96~\x8f\xd80\xb1\xd1K\x1a)\x19\xd4\x8cL\xf8\x18m&gt;\xb1\xd0\xfbb1;\xff\xfd\xf3\xf1\xeb\xd84\xa0Ba\xcf\x1e\xa2o\xb8\xdeV\xc8\x8fz\x82\xf2~\x8at\xbe,\xf7\xb9\xa7\xa1\x83CT\xf0\x04\x83\x11?b\xf5\xae\xf7\xe3\xc2\xb5\xf2\xa9\xb0 @E\xa0J\x98\x7f\xc0r!8\x97\xec&lt;\x8e\xe8 \x0fL\x89\xb2\xb2\xc0\xf6FId\xe5A\x16\xf1C^5YtQ\xc1\xe2\xe7\xb1\xe1\xc6\x06\x86\xfd\x02\x087\xcd\xeb9\xac\xad7\xd5\xcenk4\xa2\xa7\x88$Q\xf1\xe5[\xa9a\xac0\xdd\xbd\'\xd9\xce\xf2\x87xa%\xd5\xfe\xa9\xa00m\'Y\xdeA,\x9d\xb94,\x04C\xc5F\xd0\xa2\xbfEyUj\x9a\xac\xf1R6(TI\x99\xb9\x13\x1e\xbc\xb96\xcd\xcf\xe6\xf8\xdfh6\x97\x14B+\xb9\x80\x13X;\r\xcb\xdc\xa6q\xb8c\x01\nH\xc8\x1a\xb91\\\xd4\xb6\xedt/\xf8\x85\x99mr\x8e\xd6Q)&lt;\x87@,\xd4-_qgkKB\xc1\xc4\xc8\\\xe8\xdf\xc5L\xdc1#H\x05\x19\x13N\x7f\xa5@"\x930\xa1\xbf:\xbb\x95\x13\x9auYt\xb6\xfd2j\x03\xd5\xa8\xd4\x12\t\xe5[(\xd1\xcaPy]\xb1\xb1_`\xf8[\x91R\x10\x10\x0e\xe2\xe8L\x95\xeb\xfc\xee\xae\x16\xb1\xac\x08\xff&gt;\x8fS\x84/;\xe5\xbbV\xe6.\xecG\n\x00\xeb\x98\xb1\xf8\x02\xc5\xea\xb6\xae\x08\x92e\x19\x1b\x8d\xe8\x8c\x9d[\x8d\x8b\xe9\xbe\x8f%\x13\xb9#\x16\\\x12\x9f\xbc\xea\x10\xa1"[\xb5\xad\xf7E\n\xabP\xf1\x16\x82\xeeD-MiEX\xe9\xe7!\x8e1=\xb1"\x12\xb0\x152\xe0h\x8d\xb3s\x92\xe0\xa8\xeb\xf1\xae\x12\xafS_\xaf_\xb7\xdbl\x02\xbfa~h\xc9\r\'\xcf]K\xedH\xc4\x0f\xf3\xbdc`\x8c.[\xaa\xaa\xba\xb8\x11\xcb\t\x93\xc8\xc4\x17\xaec$\xcc"\x81\x12*O\xac\x85\x9aw\xc9\xab9\x8e\xb3I\xb7\x94\x0c\xb6\x04\x87/\x9b&amp;cm6\x97\xafUF\xb2!\xa3HjH\xe0|\xcbsg\x03\x85\xd5}{\xa5\xb5\x9d5\xa7\x1e\xf8\xb6\xff\x00ql)\xc5\xe5\xa9\x17\x86\x00\x00\x00\x00IEND\xaeB`\x82'</t>
        </is>
      </c>
      <c r="M20" s="3" t="n">
        <v>45492.67652777778</v>
      </c>
    </row>
    <row r="21">
      <c r="A21" t="n">
        <v>33238</v>
      </c>
      <c r="B21" t="n">
        <v>1961</v>
      </c>
      <c r="C21" t="inlineStr">
        <is>
          <t>Germán Cano</t>
        </is>
      </c>
      <c r="D21" t="inlineStr">
        <is>
          <t>G. Cano</t>
        </is>
      </c>
      <c r="E21" t="inlineStr">
        <is>
          <t>CA</t>
        </is>
      </c>
      <c r="F21" t="inlineStr">
        <is>
          <t>ATA</t>
        </is>
      </c>
      <c r="G21" t="inlineStr">
        <is>
          <t>CA</t>
        </is>
      </c>
      <c r="H21" t="n">
        <v>176</v>
      </c>
      <c r="I21" t="n">
        <v>14</v>
      </c>
      <c r="J21" s="2" t="n">
        <v>32143</v>
      </c>
      <c r="K21" t="inlineStr">
        <is>
          <t>Right</t>
        </is>
      </c>
      <c r="L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67c7a02-bc6e-445a-8f53-7a1d58819e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01\xf34\x00\x00\x00\tpHYs\x00\x00\x0e\xc4\x00\x00\x0e\xc4\x01\x95+\x0e\x1b\x00\x00\x03\x00PLTE\xff\xff\xff\xfe\xfd\xfd\x12\x12\x15\x16\x15\x1b\x87$2\xabz`\xe0\xb1\xa5\xff\xfe\xfe\n\n\x0c\x0f\x0e\x11\xb0uZ\xde\xac\x9e\xabqX\xcf\x8c{+%%\xdf\xae\xa2\x1a\x1a \xf5\xf6\xfb\xea\xe9\xec\x17\x15\x16\x1b\x19\x1a#\x1e\x1f\xdc\xa9\x9b\x91"8\xe0\xb5\xa9\x01__\xd8\x9b\x8e#")\xb2z]\xa7mT\xc9\x88x\xe3\xbe\xb4\x07??\xd1\x90\x81\xe2\xb8\xad\xe3\xbb\xb1\x8d\'3\'&amp;.\x8b 61+*\xd5\x95\x89\xac\x80e\xee\xef\xf7\xd1\x87w\xcc\x85r\x0fXS\x02[[\xda\xa1\x93\xd2\x95\x85\xd3\x9b\x87\xc1\x8cs\xdd\xbb\xb0\x92\x1c0\xd8\xa0\x8f\xd7\x98\x8c\x1d\x1e%\xc9\x8fw810\xd9\xa5\x96\xd4\x9d\x8d\xc2\x87m\xbf\x83i\xd8\x9c\x93\xeb\xeb\xf3\x02WU\xc2{f\x97#:\x08OQ\xce\x96\x83\x9b\x1d2\xca\x91~\nSY\xba\x81c\xfc\xfa\xfa\xb5~`\xa4sY\xaav\\\x1bXV\xf2\xf3\xfa\xd6\x9f\x99\xcf\x95}\xbe\x85s\xbc\x88n\xa1kS\xa6w]\xc3\x8cz\xc7\x82k\xda\xb8\xac\xdd\xa7\x97\xbfw`\xa7cT\x1aQO\x9bgP\xb9{i\xc7\x8aq\xb9\x89z-,5\xfa\xf6\xf6\xcd\x7fq\x9foY\xc6{k\x11QT\x9a_K\xa7cJ\xb1\x81i\xb9{b\xcf\x98\x8a\xba\x83h\xd6\x8d\x7f\xa2^O\xb1lX\xbbm]\xb8t]\xb4ue\xd9\xb2\xa6\x84RF\x88\x1b1\x87^S\xc4\x94\x85\x9cwa\xca\x8a\x84\xe4\xe2\xe5zI&gt;m&gt;6?69\xa4}d\xd1\xb6\xae\xcb\x9f\x8fE=A\xa5*E\x9a5&lt;\x7f$6\xa6"&lt;\xc4\x7fq\xd8\xa1\x9f\xb9\x7fo\x90^K\tLI\xf8\xf2\xf2\x97VI\xd9\xdd\xe2\xa9pfM44\x9e*C\x89*;\xc7\x9a\x8b639\xb0eR\xa7{m\xc4\x81{\xa7j]\xad\x81t\x90/=\xce\xac\x9e\x11EF\x8fc]\xd0\xa5\x94\x93fRbGF\x17`Y\xc7\xa6\x9a\xd6\xbc\xb3\xe3\xc0\xb8rRH\x90RI\xd7\xac\x9e\xd1\x97\x92\xd1\x9a\x99\xe4\xe4\xef\xc9xg\xb5\x87pZ@&gt;\x97n[\x93-5VRU\xc3pb\xf3\xef\xef\xdb\x95\x85\xd5\x90\x8c\xbf\x90\x7fb`d(^\\\\52\xcc\xae\xa7\xb1n`B*&amp;\xa39A\xda\xa9\xa4\x8aI&gt;}WP\xd9\xc8\xcf\xcb\x91\x8e\xf3\xe7\xe5\x1a;&gt;\xcf\x83\x80\x1agb\xb4`pssq\xba\x94\x87\xde\xae\xaf\xa9&gt;M\x7f`]nQT\x9cd[KGLM{}\xed\xdc\xda\xc5ss\xd2\xa6\x9c\xda\xd5\xd9\xcb\xce\xd1\x93ql\xb0qq\xe8\xcf\xcf\xc1\x9e\x94\xbc\x8b\x9b\x9cKY@hg\xa7Tb\x9bN5\xe7\xc9\xc3\xc3\x9b\xab\xb6\xc5\xcb\xae\x8d\x82\x89\xaa\xab\xb3aa\xd0\xb4\xc0\xa0\xa0\xa1\xe4\xd6\xe5\xbe\xbe\xbe\xb0\xae\xae\x95BM*OP\x82\x7f\x81\x9e\x7fy\xc1r|\xb6JN\xc3}\x89{95\xb6~\x8d\x8d=$\xbaXc\xa2\xb6\xbc\xb5{z/mmo\x94\x97\xa2Y?x+\x17\x9b3\x1b\xc4eT\x94\x96\x97\xd3\x82\x90a\x88\x87\xd7\xc1\xc2\x9c_l\x90\x8c\x8c\x0b\xd4(\xfd\x00\x00 \x00IDATx\xda\xcc\x98\xcfK[{\x1a\xc6\x9b\x13\x86\xe4\x889\xf7\xe09\x99\x85g&amp;\x90\xc5!\x01\x85\xc6\x01sn\xae\xad\x10\x10!(\x88h\x04\x07m\xe2\x8d\x94\xdbP\x7f!\xb1\x8d\x06\x9aM\x9b`\x9b@s\x1d\xb3\xc8$\x1b\xa5eH\xc8\x08\x06\xd1E\xb8\xab\x14\xf2cq\xd52\xdb.$\x82\xdd\xce\xceM\xe7y\xbfq\xe6\xfe\x03\'\xdeyMb\xd4\x85\x1f\x9e\xf7y\x9f\xef\xfb\xcd\x83\x07z\x95\xc9d2P\xe1\x9b\xe9\xc1\xffC\x99\x18\x92\xcf\xb7\xb4{t\xd4\x87:\xf2\xfd\xfe\\\xa6\xa5\xbe\xe8\xf9\xc5\xc5E\xbb}}u{S\xabU*\x95\x9b\xeb\xf3\xe8\x91\xe1wT\xe9\x81/\xda\xfeV)\xc73\x99`0\xe8\xc98\x04\x07J\x10&lt;-\xa0E\xa1\xd9\xfd\xab\x06\x07\x19v\xcfo\xcb1\xab,\xcbV\x94 \x10\x94\x07T\xb2\x88\x9fb\x95\xdb\x8b&gt;\x18\xed~\xa1L\x86\xa5\xbe\xf6\xb7\x96p\x87\xe3\xf18&lt;1\x0f*\x86\xb7\x82\xa2\xe0\xd7\x8eL\xab\xd6\xee\xf3\xdd\xa3\xff\xc9\xe0\xef\xaekq\xe5\x0e*\x98\x89\xc52\x99X\x1c\x15#\xc4X\xccC\xbdt8\xe2\xb5\xf6\xd1\xfd)f0E\xaf+\x19U\x85,\x82\n\xa6LP\r\xaa\x82\xea\xc9\x00\xcb\xd3Q\xed\xae\x9fB\xbcv\xe1\xbb\'.C\xdfu%\xaeZ\xad\x8a\n&amp;2\xbb\xaah\xa2\xd1h\x1455\x86"6"r\x08\xccr\xad\xdb\xe8\xbdL\xa5\xe1\xbc\x06\xa5TE\t2$MSP\x9a\x91\xe38\x80)\xac\x97\xd4D\x9aI\xab,Y\xad\x8e\xda\xb9\xaf\xfbT\xbe\x8bJ&amp;\xa8h*\x90\xd0&lt;\x15\x92\x89FM3\x8a\x1c\xc7sF#gT2\x19\x0f+\xd2\xcc*\x93\xfb\xca\xed\xee\x06,\xd2\xdc\xd7.\x13M\x87J$}\x14\xe2\x12yt\x91q\xf1\x1aL\x07\xbb\x0b\x1d0zgm\xb5\xbb:\x90&amp;\xd3\xeeu\x8b\xbc\xa4h\x1a#\xd3\xcc\xbc(\x8a\x8a\x91\xef`\xf1F\x11/\x1aZ*\x92J \x03\x16\xfc/\x94/\xba\xc8\x85\xb0\xba\x8e\xab\xe4p2\x13\x94\xd1\xc0e\x86\xd7E\xf2\x15\x842\x13\x96\xd9\xa8)2\xc7Q\xc8\xca\x0e\x07\xbcEF\xabE\xbb\xc6\x85\xb4j\xb7\xe0&amp;\xc8\x83\xa1S\x8cf \xa9\x9c\xd9LS\xc8\xd3,rf\x8e\xb0\xa0\x99(\xf3\x1c\xec\x0e4\x01\x0f\xb4\xd1\xf1\xed\xa8[X\x06\xc3y\x85\xa4B\x035\x8e7j\x1cq\x89\x0c\x03]\x149\xc8\xc5\x93d\xe8\'IGP\x12\x87a$69s\xdd\xb5q\x8c\xd6X\x03\x11\x9eA\xd5\x08"3q\x81\x03\x1a\xc1\xec\xbc\x08,&lt;`7\xc8\'\x99%\xab$J\x1c\x12B\xe2\xc0g-_tI.\xdfUF\xe9h%\x02\r\x1d\xe3\x81\xc5\x11\x96\x0c,\x91\x03\x16G\n\xf2d5\x99\xe7EI\x96x\x8e\xb0xQ\x96\x84\x9b\xdd\xeeX\xeb\xbc\x02ca\xc8T\x15\xca\xa80;\xd7\xc1\x82\x8dD\xa3,s\x1a\x89EXH\n\xd9\xca\x99e\xfc\x92\x87hDh\xe5\xe4\xf2yW\xe4Z\xba\xcd\x90\xdd\x8df\x0eR\xf1\xa2F\x04f^\x86\x91`\x1e\xc8!\x81FB\x0b\xcd&lt;Y\x9f\x80`+\x9a\x084\xdb\xa8HR\xbcm\xe8\xca\x99S\xc6\xf4!\xd093\xaf\xaa\x1c\'J\x80\xe2\x8dV\xc5\x8a\xf4\xf4\x08@\x80\x91\xc8\xf0\x08U\xc2\x82\x90\x1aGX\x92\x15mVd\xc9s\xb5\xd4\x05\xb9v\xaf\x82*\xa2\x93\xc5\x13\x17\xd4dE&amp;\x00\xc5A\x873\x9e\xec`\x86d\xe8)\x9eH\x07\xe61\x89\xb0\xa0\x1609\xa1\xa2\xff\x99m\x82X8\x91q\x04j\x94\x03\n\x92\x08}\x91\x15O\xbaX(4\x1a\x85b\x1a\xa1\xe99\x03\x1b\x96U\t\x96\xa7\x16\xcb4\x0ff\x88\x87\':\xed\xd1\xff\x082\xf8\xae\x82\x1a\xa4\xc2!H\x1a\xc8\x0e+\x0b\xf0X\xa1Q\x8dD"\xb9:\xc0\xa8N\xd2\xe93\xb0\x19\xc9d\xc0BZ\x98\xd9t\xd2\x0ch\xd6\x9b]\x9d\xb9L\xa6h\x85\xe58\xa4B\x1b%\x19\xb7\t\xec\xc9\xf1Bd?\x95J\xed7\x9b\xb9Husss\x1b\xb5srBN#"\xa93\x15l:et\x18\xb3\xa83\x96\xe1:\xa3\xc9"B\x0b\xe1d\x15EZ\x0f\xe2\xe9b#\x97\xda\xd8\xd8X\xdc8M\xed\xef7WVV\x9e\x1e\x1e\x1e\x02\xae\x98&gt;CX\x99y6\x97\x9dx\xe3i"&lt;\xd7:c\x19\x8en(D\xb1\xf2!\xb8e\xc1\x81]\xafX8\xa86O7\x16\xbd\xde\xd7\x8b\x8b\x1b\x1b\xa7k\xa7\xa7\xa7\xab++o\xdf\x1ev\xb8~\x1bL\xbeC\xc5#Qu\x9eE\x1f\xa5\x83B]\xe4yY\x88\x91\xcf\x0b\x079\x82Z^~\x8dZ\xf6\xa2\xfe\xb9\xb6\xf63$\x03\xd7\xceI\xfa\x8cVSl\xac\xdc\x1d\x16\x10%k\xa5Ogs]\xb4\x80e\xc4\xe1g\x94\x85t\xa1q\xd08\xa8FR\xcb\xaf\x19\x93m\x10\xf5\xe3\xf2\xf2?\xe6\xd7\xd6V\xffJzm\x13\x97\x03\x0e\x93\x88\x8d\x04\xa3\xc3@\x92\xcb:\xaf7\xbe\x0b\xdah\x80%*B\xac\x80\xe1\xcb\xe5r\xa9\xc4k\x9b\xc5f\x1b\xb4Y,x\x0c\xfc87\xb7\xec\x9d__\xfd\xf9\xe9\xd3\x95\xb7\x9b;\x98H\x8a\x0b&lt;%v|\xd3\x04p\xadw\xfab\x99\x08K\xc5b\xa08&lt;\xc5j$\xd7L\xedm$\x00c\xb7\xdbmx\xb1\xa0\xa0\xd8\xdc\x9cw~\x1e\x8dd\\\'\x04\xc6\xd8\x98\xc5($\xa4r\x17\xb0\xb0\xb3s\xa2\xea\x89\x1f\xe4\x9a\xcd\xfd\x8d\xe9i\xbf\xdd\xe5r:\xddn\xa7\x93a\r\x0c\x0c\x00\xcc\xeb]\x9f_]yJ\xbe\xdfAT\x9c\x9c\xa4\x1dV\xcaW\x86%\xeb\xad\x16e&lt;Vt,\xa5\x9eb\x04\xa1\xb08\xfd\xfd\xf7vw\x7f\xff(\xd5\x88\xcb\xce\x04cX\xf3\xa8u8la!\x89 ;\xd8&gt;9\xeb\xe4&gt;\xe5\x97\xac\xb3Z&amp;\xc3\xbb2\xbb\x1a*j\xac\x91J$\xa6m\xe3\x16\xcb\x10\xa0\xa6\xa6\x80\xe5v\xba\\\xf6\xe7\xf6\xe7\x90\xeb\x0ek}\xbd\xe7\xb4wff\xe1irs\xe7\x0c\xabi\xe7@\x92\xad\xbacE+tI\xc5-\xbaP\xdf\x9b\xf6\x8f\xbb\x00\xe2bZA2\xa7\x93\xe4\xb2\x93\xbd:X\xc4\xb5\xde\xd3\xdb\xfb\xe7\x99\x85\xfc6\x8b0\xcc$\xa6\xb2\x1bX\x18B\xdc\xc1\xe2\x8d\x1c\xa8\xecCn\'\xbe\xfa\xdd\xe4\xac\x0e\x93\xdd2`\x19\xc4,z\xff\x87uJ\x8a-l\x16\xcf\xd8b\x81\xed\x19\xf72\xbd\xb1\xfa*\xb4)3\xb1\xfccc\xae\x91\xe1\xe1\x0e\x13\xcan\x07\xd8s`\r\x0cR\xaa\xdeQ\xad\xf7\xa0\xa0W\xb2\x90F\x17\xc1\x85s\xd4\xa1;\xd6Q\r~\x0f\x06\xe3\x85zv&lt;&lt;44\x0c\xac!g\x7f\xbf\x9ba\xd9\x07XH\xc0Zs\xbf\x99k\x95\xb8&amp;f\xf2\x074\x8b\x84%\t\x82\xee\x01\xb1tCcH=\xcc\x8e\x8d\xa0\x86GF\xdc\xfd#\xfdN\x17\xc3\xa2\x80\x80^\x83\x9dD%\xac\xd5\xd5\xd5\xde\x9e\x9e\xc9\xde\x99|\xa4\x10\x13(#$Y\xa0EP\xdf\x800\xdcb\x8dW\x83\xad\xfae \x1c\x1er\xb9@\xd6?\xe4fX\xce\xbb| \xb5\xa8\x89k\xff\xc5Z\xed\xed\x9d\x9cX \xb9X\x1beE\xa8\x1d\xe9\xac\x96\xe1\n\x1b\xb3\x02k]n\x85\xc7\\0W\xff\xf0\xb0\x8bL\x8f\x91$\xb7\xe3k\xc0b\x1b\\F\x17;m\x84\xb1 W\xefD(_-z\x90\xf4\x12\xddb\xbf\xf9\xf4\xde\xb7\xda\x19QSb\x8dz\xf6}8&lt;\xc6\xb0\xfaY\x9a2wA)K\xe7\x00\x9ac\xf6\xf2z\x9f=\x03S\xcf\xe4\xe4\xe4l\x88\xc9\xc5&gt;\xf8u\xdc\xea\xbe\x06^\xb44\xca\xd2\x1cz\x08\xb9\\#\xee\xd1\x87\x0f\x91\xa6S\xa3\xfdw\x87\x0fu\xd2F\xc7\xa2\xd7\xfb\x18\xf5\xecO4\x89\x93\xb3\x13\xb3%\xc8\xe5\xe8`]\xe9\x8eE1\x0f\xc7_\x1e3\xb1\x86\x86FF\x1fNQ}\xbc\x1bF\x16\x15\x166\x8b\x8f\x9f&lt;z\xbc\x08\xb9z\xd1\xc7\x89Ph"RH\xdf}`\xa9;\x96\xa9\xaf\x82\x88\x8f7\xbe\xbez?6&gt;&gt;\x16\x0e\xbb\xc2\xa3o\xde\x10\x17\x1a\xd9\xef\xb4\xb8\xdc\xee\x0fn\'\xe4\xb2=y\xf4\xe8/\x8f\xb1\xae\x82\xa9\x97z\x18zQ:Hw\xb8T\xfd\xb1\x96n\x82\x99L\xbc\xfe\xe9\xef[~\xff\xf8\xd8\xf8K\xff\xcb\xf0G\xa2z\xf3+\xa1\xd9]\xb4J\xb8\xd0F\x9b\xed\xc9\xf44\xa3\xc2\xd1331\x11Z\x08\xbd\xc8\x15\xd2\x1e\xc2\xd2\xbd\x89\xb8\x90}\x0bfb\xad\xcb\xf7\xaf\xfcXi\xfc\x7fK$\x02/\x7f\xf9\xe5\xc3\xc7)\x92\xec\xcd\x14NH\';\x81\x805\x9dH\xfc\xf4\x07\xe0\xe4\x93\x91H2_\xca\x97B/"Ev\xbd\xf5t\x01\xeb\nb\x95\xd1\xc3\xc0t \xf1\xd3\xe7T\xeasv/\x9b\xfdw`\xebU\xf8\xc3\xd4(\xb0\\\xe4\xfbq\x9b\xcd\x9fH\x95r\xb8;VYE\xf2\xf9|\tm,\xd2\xc7\xa8\xfac!!\xe2\xb1V\xe5\xcb\xfb\xe3lv\x0f\xff\x17U\xa7\xca]f\x03[\x1fF\xc2\x16;\xb0H\xaa\xe9\xcf\xb9*\xae\xb2\x05\xba\x83\xa0\xc0\x07\xb9\xc8\xf5\xe0\xd2\xfdB\xc6\x12"\xde\xaa\x7f\xda\nd\xf7.s\xb9j\xb5^mPU\xeb\x97{\x81-\xb7\xcb\xe2t[\x9e\xcc=Jl\xa4rU\xec\xcbi\x02#,\xd2+4\x11\x82\xeb\x81\x15\xd3\xff\xb6o:/\xa3\x87[\xc7\xd9=`\xd5A\xf3\xf5\x12x\x11\xec\xf5\xa5=\x7f\xd8\xe5z\xe8\xb6\xcd={\xb6\x11\xca\xd3\xb6\xbc\x83{\x11\xfe\x18\xa9\x92^\xf9\x10*RD\x13u\xbfU\x03\xeb]%\xde\x08\x1cC\xac\xaf\x00\xda\xcb~z\x7f\x9c\x98l&amp;\x0f\x93\xc9\x85\xfd\xe9\xf0\xc8\x0f\x7ft\r&gt;\xc6\xf4%\xb7\x89j3\xd2\x0c\xed\xcf\xce\xbe(E\xa0\x17a\x95\xf2d\xae\xda\x91\xeeM4E+\xf1z\xc0\x1f\xc8~\xf9\xf2\xf5\xcb\xa7\xe3\xad\xad\xc0\x1e\x84\xd9\xde\xd9N\xe2\xbe1\xf6\xc3w\xdf\x8d\x0c\xce\xf5\xcc$\tj;\xd2l6\x0f\x0f\x93\xf9\xd0l\t\xde\x8a\x94&amp;B\x13\xa5\x82\xc7\xe1\xb8\xf2\xe9\xfdI\x92\xe9A\xb4\xd2\xba\xf4\x07\x02\xc7\x9f\xb2_\xfe\xf5j+U=)\xb6\xce\xceN\xfeC\xab\xf9\xbd$\x9a\xefq\x9c.T\xd0Z/\x96\r\x89|\x86\xa9\x9bB\xc12\x8aF-\x10B\xa6\x14:\xf6\xa89\xe2c\xa4\xf2h\xf5\xa8\xa3\x92\xe3\xb1\x9dunLI\x1c\x10\xd3a\x98\x1a\x983V\xd8\x1c\xc6Q\x97pH\x98\x90\xd9\x8d\xc9C\x05[\xbb1\x06\x87\xf6b\x86\xddf\x9a\x0eA?Xv\xcf\xf9|\xeb\xe6\xfc\x01O\x1f\xbd\xf3\xc2\x17\xef\xcf\xe7\xfb\xf9\xf5\xfdN\x1d\x05\xd2\x06\xa7Z\xc4\xe4\x8a\x00\xcb\xe8ERA\xe8ml&lt;\\\x99\nx\'\xe1\x10N\xa2\xe0\xd2(\x9f\xdf\xba\xf5\x80\xee;\x03V\rR\xeb_\xb3\x80\xe5\xfb\xf1\xc7\x9f\x7f~4\xf9\xf4\xe5\xb7\xdf&gt;\xf8\xfa\xab\x95\xa9\xa9\xa3R4E\xb4s8\x9dBy-\x12\xcb\x9b\xf6z7^\xbe\xfc\xfa\x9b\x07/\xa6\x02\x81\x88\xe5\x9f\x91\x08`\xa9&amp;\x1f\xde\xfa\x01\xad\xddX\xf4\xf9\x91\xd5?\xd3\x0fX/\x1f\x81Xq_0\x1e\x9bZy\xf7\xe1\xb7\xd703{\xd3G\x80U$\xda\xf4\xfa\x16\xf3\x9dD$\xb0\x12\xf0\x1eyw~z\xf8\xd57\xaf\xbf\xff\xed)H\x16\x81\xbcj\xd1(U\x10\\\xffEW\x9e\xa3\xa3\xb49r\xe6\x1fK\x7f\x8e\xfe\xfd\xfb\x8d\xe5\x11\xb5/\x1e\x8f\xdb\xbd\xcf\x9f\xc4\xbe\xfc\xfe\xf4\xc5\xcaT\x1a\xb0\xd2)w\xa8\xad=w\xd3\xea\xb2E\x01k\xca\xfb\xd7\xc9\x97\r\x18\xa97~\x9a\\\x01O\xce\xe3 \x96Fcy\xfa\xf0\xc3hM\xff\xe6\xb3\x8e\xfdQz\xb4\x9a\xe1\t]n\xcfw/\xdf-/\x8f\x04\x83&gt;\xb1\xaa\xf2(\xee;\xd9\xd9\xf9\xebI:Z*E\rD\xd8\x842|\xc6\x95\x88\x96 \xa0*1\xf8i\xd2\x1bHG*\xe0\xd4\x80\xd7\x88[4\x1a\xa5\xf2\xf9\x83\x0f\xa33\x7f\xda\xef\xde%vi\t\xb1\xfe\xfd\xacY`\xb5\x867\xde-\xabG\n\x05\xb5;\xe6\x0e\xfb\xa4\xe3\xfed,\xe5H\x97\xd2)B\x1d\xba\\\xd9d]\t2\x1d\x08\x90\x95T,ep\x80\xa54\x96\x08\x1cVod\xdeh\x01\xac\x17\xff\x1e\x8e;N\x13N\x9b\x87\x8e\x03\xc9\x1a\xad\xff\x94\xcd\x89ru\xef\x9e,/\x03\x15A\xa8\xa1Z+\xc6\xc7\xb5D\x11\xc4r\xc4\xd4!+\xa2\xcad]6\x92\xf4\x06\xbc\xf3\x95\x94\x01\xccYt\xab,\xf3\x97#?p\xe1\x80\x85\xdb\xaaU[\xe2\xf4|\x8e\x1e,\xfd\x85 \xc7\xe14&lt;\xb9\x07\x11\xafV\x8bQ\x07\xa1\xd5bI\xf5N1\x95J\xc5N\x92B!\x8c\x88\x80\x95M\xa0\x9d[z&gt;\x062:\x00\x0c56\x16\xdc\x08\t\xd7\x08ry\x9f\xe36\x87\xcdY=?\x97\xd2\x83\xc5\xb9\xa0r\xcc\xe6\xfa{\xf7\x96G@\'\x80\xc20?\xb2$\xb1\xb3s\x92L\x02\x14E\t\x04\x99l\xc6is\x90$i\x84\xd8\x8a\xa5\x90\x15\x8b\xd0v\xe1\xc0d\x9c7\x02\x16\xbf\xb6v`\xec\xfc\xfc|\x81\x16\xac\xfe\x1b\x17\x02\x8a\xd3\xcc{4\x8b|\xa8\x16k1\xe0\xc2\x92\x80\x05L~\x7f\xc8LQ9\xe02\x9b3.\x90\x03d\xaa\xa4vv\xdc\xee\xa2\xd3\tS\xac\x13\x9aA#~\x89\xe5m\xe4\x9f6N\x9c\x9fW\xf7\xe9\xc9\xaa\xbb\xe0D=\x8f;;\x8b\x02^\xddc\xba\xa9\xc0\x92!\xf8\x80\x85\xe4V\xab\x90\xa2\x10\x98\xc0lu\x19\x90\xef\x90\x15\xd1~\xd7\x05\x96\xb0\xd9\x8c\x97\xa6\x8cD\xd8\xd5j\xe3P\xf5&lt;\xb1FOB]\xcbdr\x10\xf3\xda\xe5\x82\xaf \xee\xe9\xc1nbw\\\xae,\xfa\xd3\xac+\x9b\xb1\n\x10T.\x07nDX \x17\x8c\xae@cK8\x13\xe8k#!C@\x8e\x98\x8f\xd8ll\xb1\xb8z\x1e\x9f\xa1\x07\xab?w\x01j\xe9\xbbG\xa0@ke2\x93\xce\n8\xae\x04\xc2\xcaX\xadf@\x02\x03\xb5 q]\xaaUt\xb9\x80\xeb\xd4\x86\xd8\x10\x17_\t-\xbd\xc6R=&gt;m\x1c\x1a\xaaVw\xe9J\xf3\xfb\xd9\xce\xa6\xa6\xbaD\xb8\x10\x0f\xf6\x99L\x97I\xcal\xb6\x02\x11X\xb9\xa5A$j\xb8\n.p\x99\xc1\xc078\xefX\xe5Y\xa4f"\x91\xb8\xebd7\xb2\x95|%\xae\xd1T\x8f\xab\xb6\xdaF[\x98\xb6\xdb\xce5J\xa4\xd7\x0b]#\x08\xebo0\xdd\xe7Z\xd0\xd1\xa3\xea\xcaT\x99\xca\x03\x95\xa8+\x97\x070\xb3\xdc\t^t8\x12w.\x913\x99\xab\xe5\xcd@c-\x8e+[\x19\x80uzjc?\xa3\xadT\xd7\xdc\xd0S\x94N^\xf0\xc5\x83s\x9d\x9d\x9d\xc0\xd1\x9b\xcf\xe7)\xaa,@\xb9\x81\x12P0\x8du\x81\\\xf2\xbb\x062\x1a\x8d:\\f\xab\x10\xc4\x030\x9d\xee\xf6\xd8\xc0\x00[\tX\xf7\xc9\xe3c\xf0c\xfc\x15}\x8d\xcd\xa6\x1e\xfe\xa2.\xe8\xf3\x05\xe78\xf5\xf5\xfaz\xce\xea\xf4`o\x1e\xa2)c.\x97\xcdY3\xd5\xd0{\x85\xe5$\xd3\xc0\x95\x08\x99\xcd@,\xd0et&amp;\xd3\xc4\xed\x81F\x86\x12\xd4\x02\xac\xb33|\x9f\xc6\x96k\x86\x97\xb90w!\xacm.\x93\xc3\xe1p\xd7\xd7\xa7\xbb(H\xec\x80e6o\x95\xa9\xae\xde\x86|\xd9lu\xbb\r$\xba\xc6p]a\tt:a\xb7x\x88\xc1`(\x19\xad\xad$P\x1d\x17h\x14\x0b\xaau\xe6SV\xa0\x00\'n{x\\\x0e\x97\tX-\x90\xd7\xb3\xd9\xadr&gt;\xdf\x92\xef\xea\xed\x9d^_\xc4Ba\xa2\x08\xa9\xddP\xaa\xba\x04 \x9e\x00\xce\x06\xd6\xad]Vi\x10\x96\xb2tvvV}F\xe7*\x89\xb5\xd6p\xf1)+D\xb1\xe5i\xe2q\xc18\xbd-B\xa0\xca\x94\xf3\xab\xeb\xdc\xe9\xd5\xd5\xd5u\xc0\xc2\xb40\xe6\x13\x84\xb3t\x14\xb5^]\x1f\x08\xbb\x15\xdae\xa5\x92\x01\xa15\x7f\x04b\x11\x9b4\xf6\xcd\xac\x9a\x99\x1bm\x17\x17:E&lt;\x1e\\hj\xe2\xa2\xf8j\xa02.\x97\x15\xb4\xea\x1d\\\\Zmn^\x1f\x84\xe9\x15\xa8\x8a\xe0\xc4\xd2Q\xc9)D\xb7\x07B\xa1I\xab\xb5\xe3\x90\x1dZ\xf1\xd2\xd1Y\x89\x1d\xa4\xd3\x87P\xae\xf7\x99\x926L\x0b\xad\xa9\x84\xd9\xc4\xd5\xeb\xeb% \x16\xa2\xea\xca\x97\x93[\xc5\x9d\xc5\xf5\xf5.\x0c3\x11\x864\xb2R\xa9d\x08\xd5\xa1\xad\x92L&amp;V\xab\x8cF\xc0*\x1d\x936\xbe\xe1\xbb~z7\xcd\xbb\x94\x88\xa7\xef\x8b\xfb|s\\\xc0\x12I\xa4uV\x97\xdc\x9f\xef\xed\xed\xcdC/\xf1\xd9?=\xdd\x16\n\xf5\xa4\xa0\xb7\x8aD\xa2\xd0\x1c\x1a\xe4BL\x08T=C\x04N\x1a5\xf7\xef\x93\xc6\xc6\xda\xaac\x97\xe6\xdd\xe9\x1ae\xd6s:\x83q\xdfx=\x8f)\xe9\xec\xec\xc3\xe4\xf2\x90\x7f\x11\xed\x03\x17\x17\x97\xc0\x161"\x0cT0\x1dBo\x13\x8d\x1a\xeeXu&amp;\x99I\xd63Vk$\x8d\x90\x1eT\x03\x03\xa7\xc7\x85\x19z\x07\xc5\x9a\x19}\xa6M\xd4&gt;7\x17W\xcc1y\xf5\xedm}uu\x18`\xa15\xd2\xd2 @-\xfaC\xeeT\t\x1a\xe4H\xa5\x82W\xc8\xa8\xe3\xae\\\xae\xeb\x91\xc9&amp;\xd88\x191jZ\x95x-\xbf\xea\xd8\xa7}I\xb9/\xb8\xd9\x06XAE\x90\xb3\xd0\xd9\xde\xd76\xeeW\'\xdf,\rN\x0fN\x83--\xfa\xb1\x10\x91"\xa3\xd0\x88\xc2\x98o\xa9D\xc9\x94\x9c\x90\x03\xd6\x18\x9f\x84\xeeT\xc3\xc0\xa1l\xdb\xe8\xea\x1d\xfeo\xd6\xdfl\x11P\x9d\xdb\x8f\xe7\x14}\xf5\x92N\xa9T$M\xbaG\x16\xaf\xb0\xc0\x8fo\xb0$\x16\nA\xd6\xba|\x7f\x00\\\x95\x14\xd136&amp;\x93\xdd\xc6\xc1\xa78C\x83\xa8\xd8\xbb\xf4\xbfx\x1be\xe6\xf4L\xcf\xe3m\xadB*\x95p8\x92\xf1p\xead\xe9\xd2\x80\xca\x9f\x0ca~\xcc\x9ft\x17\xdd\xee0\xe1\x064K\xccN \xac\t&gt;\n-\x86\xd2\xc6g\xb3\x1f\xcf\xd0N\xc5\xaa\xd9ln\xbe\x01X\x8an\xe9\x1c\x14 iav\xb6\x10\xdc\xde\x9eFT\xf9\xf2\xd6\xd6V6\x1b\xca:a\xdc!\xc2\xe1\xb0}66\xdb\xcap\x8f\xc9L\x13\xb8\x91\xc4\x95\x0c&gt;\x9f=\xe1\xdb\xbc\x8e\x17I\xfdk\xfb\xcd\xbc\x85\x85qY\xfb\x02\xd3\xc3\x19_\x9e\x1d\xf1\xc5!\xbbO/\xbd\x81\xcc\xb5\x954g\x0f\x0e\x12\x89\xcb9\xccmw\xb7\xda\x1f1T*\xb6L|\x1ba\xd5\x8e\xc4\x87\xc4\x8a\xfdky\x85\xc7\xea\x7f\xb5\xb6\xd6\xe1\xd96\xf5y&lt;\x8052\xa2\xb6\xc7N\no\xde\xf8QO\xbfux\xb8u\x90x\x8fzS\x87\x83\x8cz#\xb1V\x86\xa6\x96\xdd\r)\x1e|\xa8z\xfcjss\xed\xba\xde\x06\xb2X\xfd\xbb\xc3\x9e&gt;\x85\xa7\x83\xc7\x9d+\x14\xc2\xeeh)\x90\xde9\xfc\xfc\xf9\xf0\xf0\xf0\xed\xdb\xb7\x07\x0e\xc7{\xc7^\xda[:Zy\x1dH1\xecv\x06\xa1\x00\xac\x08\xaej\x85Y\xa7\xe6\xfa\x1ex\xb2j\xd6\x86=\x12)`y\x16\xe6\xa0\xad\x0f\xb9\xd3\xa5\xbd\xf7@\xf4\xf6=\xd8\xde\xc7\x8f\x1f\xd1\xd6mje*\x9d\x9a \x86\xc4Cj\x85\x9a\x81\x93JUa\x8d\xc5\xba\xceg\xe0P\x1b=\x9e\x85\x85\xe1\x8e\xe1\x05\x89\x142j]\xf2\xe0\xe0\xed!\xe8\xf5\xcb\x17 \x83\xef\xde\xde\x1eT\x1e\x92=&amp;\x13k\xb5CZ\xb1\xdd\x02\x05\x91\xf1l\xf4z\x9f\xa6C\xfa\x1a\x06\xae\xe1\x8e\x0eO\xbdD\xd2\x8e\xee\x08\x92[\xe5?\xfe\x98\xfe\xf5\x17\xe4\xc7\xff\x1c\x1c\xa4\x0e*QGql\xac\xa7\xbb[\xdc#\x9e\xd0\xa0\x81\xdf\xbey\xcd\x0f\xe6Y\xacW\xc3\x1e\xf8\x0cw\xf08\xf5\x1cQ\xdb\xffx9\xbb\x906\xd3,\x8e\x13H"$\x19Br\x91\x04\x89\tM\x82\x98\xb0\xa0I\xb0\x84|4(\x12b\x94\x8c\x8d\x1fq\n\x8d\xb8\xc8\x90\x18\xb6\xb4Y\xb0z\x91\x88\x06[\x90\x19\x92\x82\xb6\x86\xcdB\x14\xb4\x12,#\xedE\x96\x08\x89\x0c\xa2\x81\x01\xab\xbb\xa3\x96R\x91JA\x18\x14\xe9\xf6r\xb7e\xff\xe7ym\xcb.3\xc3t\xa7z\xdeV\xdb\xbb\x1f\xff\xf3\x7f\xces\xce\xf3~\xd4\xa1\xff[x\xfc/\x04e\xf25\xb0^\xde\xfa\xdb\xfd\x1b\xb7\x80\xe5\xb4D\x9d\x16c\x1b&amp;\xc4\xb6\'\xab\xe7\x8e5i\x9d\x0f"\xacA\xf4\xa8\x8a\xea\xba\xcb\xd5\n\xe1\xc6\xca\x1dV\xb8XL\xa3\xe7\x8a\xdc\x8cx].g\xd4\x12\xa5\xfbv\xed]\x9fs\xaa\xf8\xa5;R\xd6\xad\x18\xa0\xac\x90K*\xb6_\xbe\\/\xd5i\xe76V0\t\r\x7f?|\xa9\xa1\xa1\xa1\xc5\xe6\x8c\xdc\xf4F\\.\x97\xcd\x12\xeeB\x08\x04\xbb\x93\x17\x80\x95%kY\xb5V!j\xbd\xbd^!\xd4\xcd\xcd\xe97\xeeP\x1718\xb8\xe0\x18l\xf18\x91\xc2\xa8\xcb\xeb\xb2\x05\x8c\x802\n\x8c\xb9\xf3\xc7\x9a\xb4f\xb3\x90\x0bX*\xa1J(\x14+\xa4\xfa9\xa8\x05\xac\xf2\xc2\xc2\xa0\xc31\xe8aX\xce\x88/\x1a\xf0\n\x98Z\xc6\\\xff\xf9c\x05\xb3\xd9\x0c\xc9e\xb5\x06\x85B\x9a\x82T:\xdd\x06mA\xd3\xc3\x83t\xbf\xd8c\xa3[\xc2Q\x91\xc8GT\x82.A\\\x90\xb9\x18\xacl\x8c\xa0`/)\xe4\xa2\xe9\x0cb-\x94\xa7\xa7\x87\x1b\xea\x1a.yBp\xbb\xcb\xa7V\xfb\xd4\xed]F\xa3 \xdeu!X*\xfb|\x8e\xe4\xa2BA\x83\x19&amp;l\xc5\x97_^Y(\x0f\x0f\x97\x07\xeb.}\x11B\xff\xeer\x81\nC+\x8c\x15\xc7\xcf\x0b\xc2\x9a\xcfA.T\t\x95P*\x16+\xecW.\xd7=\xc6B\x84\xb7\x1e\xb3{\xe8.\x17\xc6{\x9f\x91\xccn4v\t\xda/\n+\x96\xc9\xb0\xdaE5\xb5\xb7\xfeJu\xddc\xea"\xbe\x1f\xd6\xfcq\x80\x9e\xfd\xe9\xf1\xaa\xd5a#\x17q\xb47\x17\x83\xd5\x98\x8d\xc52(\xf4\xb3\xb3H\xa4\xd8^]M\xc7\x0f\x13\x03\x14\xdf}\xd7D`\x11\xb5/\xcfq\t@\xd5\xde\x9e\xbd\x08\xacz\x94\xf9B&amp;\x11L\xcc"\x93R\xfb\xe5j\xfb\xca\x02\xa95101\xd040\x81\x0e&gt;\x12\t\xe7\t*\xcc\xb0$\xed\xd9\x0b\xa8[:$\x11\\\x85Dbvv6\x18S4\xd6\xa3C\x85\xe1\xa7\x871\xfc\x0cL4a\xe7\xf1\xf9\xc2\xc68aq\\\xed\xa3\x17P\xe5\xf5vq\xcc\xaa\r\x16@\x95H$\xa8\xcdY\x89Q\xd9\x82\xe5=\x1a\xd7\xf5\xeb\xd7\xa3&gt;u8\x1f\x8f\xc7\xcf\xa8$\x12\xc9\xb9\xab\x85\x01HkW\xa8P\xe3!V\x82\xfe\x16P\'V\xb6\xb6\x1e\x96\x87\x80\xd5}\xf5\xee\xd5\x00h\x8c\xf1\xdb\xb7\xe3\xe1|X\xc0a\x8d^H\x12\xc5*\xec\xceV\xcaa\x82\x02\xbf\xc05Z.\x0fy\xba\x9f&lt;\xe9\xcb\x87\xc3SDe\xcc\xe7\x99X55\x17\x81\xb5*T\x88\x85*\xbdV\x1bdX\x85\x02~\xcd\x16\xb6\xb6\xcaC\x88\'}\xa02\x12\xd5\xedx&gt;O9l\xab\x81ZC\xe7\xde\xd8\xf06{\x15\xd8nt\xfa9+\xb8@\x95+\xe0G,\x93\xbb\x07\xaa\xbe\x07\x08\x82Z\xfa V\r\xc4\x92\x9c\x7f\x1b\xd8:g\xa7\xa3S&amp;W\x90\xc9\xb5\x9b+\xe4r\xb9\xdd\xf5\xbe&gt;\x10\xc5\xa7\xa6\xe2KK\x84\xc5\x9c\xd5\xdeV\xd3\t.\xcbyc\xb5n\xce\xdb\xc5\xd8\t\x85\xe4..\x8d\xb9\xf5]\x0e\xeb\xc1\xd4\xd4\x14\xb2\xb7\xf4\xd7%rV\x98Kagg\x8dD\x14}q\x9eoMV\xf1L\xdb93\xb0\x84BdQ\xab\xb5\x06\xc9\xf1\x85\xd1L&amp;\xb7\xbb\xbb\x0e\xaa\xf8\xed\xa5%z\xd0\xe7Cqh\xab\xa1$\x8a\xd4\xa3\xab\xad\xe7\xf7\xba\x9d\xff\x9b\xc3\x83\xbb\xc0\x12\n\xa5h\xb2\xf4\xb4\x1a\xc9\xf3\x19\x18l\xfd\xe0\xe0\x01I\x05\xae\xdbDE{\x0f\xadB\xc6%\x12y\xb3o\xcf\xe75\xc0*\x9el\xf1\xf0\xe0\xdbo\xaf\x9a{\xc5\xe0R\x91\\s\xe0*$2\x10\x0b9&lt;x\xc0\xacNP\xf18I\xc5j\x03SK"\xf2\x05\xf2\xb3\xcb\xbcs8\xaei5\x95\xf6\xfeq\xff\xfe-\xa7YAXB\x95\x8a\xb0\xb4\xc1\x0c\xa3B\x10W\x9c1Q\x81\xa7\x16\xbe\xfd=\x14\xb2\x18\x8d\xf6\x95\xe4\x9fu\x86\xa5o*\xf8\xdd\xa6\xbf\xff\xf4\x97N\x89(\x12r(\x98\xb7Tg\\\xb1\xf7\\\xcc\xf3q\x8e\x0cJ}\xc4\xa2\xe7&lt;\xd5^\xafzwD\xfe\xf9\x1e\xcc\xa0s\x07\x99\xdf\xed.\xfd\xf4\xf55P\xb9l\x0e\xaa\xa6*\xe2B\xedB\x1a\xc1\x95\xcd\x8d\x8e\xde\x83Z\xa0B\x12I(\x81@\xcdr\xd8\xc9\xd4\x12\x89\xd4&gt;\xaf/^Z\x96/\x7f.0\xde\xe4\xab\x11\x93_\xf6\xea\xe0\xebk7n\xdcl\nu4\x02K\xa7\x13JU\x1f\xb8\xe63YP\xf5\xe5\x1f\x18\xe3\x18V9*\x04Qu\x12\x15=\x7f\xea\xf3z\xdb\x12\xf4\x05\x8b\xc9\xcf\xb2$\xfb\xb7\xf7\xf7\x17e2\xd9\xe1\x0fD\x15q\x85:\xea{\x81\x05\xb5\xc0\xa5c\\\xc1`l&gt;;\x8a}\x07U\x9dfU.\xd0f\x91V\xc0R\xab\xc1\x85,J\n\xf2e\xb9|d\xe7\xf7.I:6\xda\x7f\xb7GT\xfe\xfd?\xd1m\xfa\xa6\x1e\x9b\xd9\xde\x8b\x9d\x1aX,\x8d\xb4\x1c\xb5V\xeb\x19WX\xd0\xd6\xfe\x9e\n;ag\'W\xb48,\x97:Gj\x8d\xec\xad\xef\xf4\xff\x8eS\xa5*\x1eo\xf2\xf0]\xfa\xa8$\xf3\xcbd\xa6\xbdk7n~\xf5UO\xa8\xc3\xdc\x08,=\x92\x08,\xa2BU\xd5\xea\xa1\xd7\xd6\xe8\xbd\'\x01\xdan\xe0*V\x1b$\x923\xc7\x13\x16J\x84\x97\xc3\x92\xef\x1e=\x7f\xb89\xc9\xfb\xff&gt;\x93\x82\x8a\xb0\\:=J&amp;\xdf\xbd",\xff&gt;\xa8\x9azzl\x84%\xd5\xe9\xc9\\\xb4\x03\xe9\x89\n\\*\xa6W7\x1a@\xb5\x1a\\j\xc2\xaa!\xc7S\xcd\xf2\x91\\\xf0|\x81\xc4\x92\'\x8e\xc6+/O\x0b;\x93\x9f\xac\x18\xbd\x98\x0f\xa8g\xe9d:\xf9n\xd1OX\x87\xb7"\xa0\n\x01\xcb\xdcK4:\x9a\xc5\xa4L/\n\x86\xd5\xe2\t\x80\x0b\xea\xb0\x14\x8a$\\uP\x7f\xc0\x9aej\x1d&gt;\x1b/\x16\xc7\xc7\x9fo\xad\xb6~\xda\xf7+\xc8S\x87o\x9e\xcd\xa4g\x92\xc93,\xd9\xf6]\x88\x05*`!\x87Z`\xbd\xb7\x17\xc3\n\n\xe7\xb3\xe6\x16\x8f%\xe0\xa5\xb1UMX\xe4x\x96A\x00\x91\xb9|\xe1\x12\xc3z\xfbl\x1c\\\xc5\xf1\xca\xd3\x95\x9dO9\xa6\xafj]-\xfcx4\x83H\xf3\xd3\xfcg\xaf\xfc\xc4%\xdf\x8d\xf4\x84\xfe\x00\xac\x8eF\x86Era\x07\x92RC8\x07J!\xddo\xf1Xhn\x856\xed\xc4E\xfd\x9f\x88\xa8\xbc&gt;6\xf9\xafosj\x1d=z\xc4\xf4*V^No\xfc\xd6-\x9c7\xb9YX;\x1a\x07\xd4#\xa5\xa1\x16X\xcc\xf22\xff\xdb\xbb\x13\xa1/@e\xb6\xb3\xe6AO\xf6bz\xb1\xff\xa9\x84b;\xb0&lt;\xce\xa8\x0f\x0c\xf4\xe87\xbd\x1eBP\xa0\x8a2,_a\x84a\x15\x8e\x0c\x06\x80\xb1(V~\xdcX\xe5\xfd\x06O-\xef&lt;|&gt;33\xce\xb4\xaaE$g\x0ee,\x8b#\xf7&amp;4\xa0j0+\x84\x9c\x9f\x98\xbd \x98\x8a\x16\x80J\xaa\x00\x96\xcd\xe6$\xb5D\xe4(5M\x8b\xc4\x84\x0br\xf9|y.\x87\xf2\xbd\x99G\x1f\xb8\x8a\x90\xed\xcd\x8b\xfe_\xb7\x18\x86\xad\x17\'\xc7\xc5t\x9a\xa0j\xd3t)\xd3\xe9}\x96D\x99i\xf6\xaa\xc6\x03\xb1\x1a\x15\x9c\x9d\xf4z=\xb7\x1aa{\x1d\x89\xe5h\xe9\xf00,R)\x1a\x8dz\x81\x05*\x16^\xf8+7\xb2x\x86e\x00\x16\xc0\x88\x8c\x99\x7f\xe5\xd7\x9e\x91\xe5\xf1\xfa7\xcb\xcf\xc7R\xe3\x0c+\xcd\xb4R6+\xd3{\x1c\x96\x7f{\x08\x8eop\xd4\x9f\xa9\xa5\xe7V\xa3T\xcc\xb8\x84\n\xbb\xc3LX0\x17V]4\xe0\xc4\xbf\x08*\x10\x08p\\\xf9\x12Q\xb9\x81\x95\xe6\xb3H\x1bf\xc8c\xc5\xe6\xf1\xca\xc9\xe6/=\xcf\x85\x92\xb0\xba\xb16\x96B\x10SZY\xabD4\xe3:5q\\\xeeB\xb7\xc6\x03,x\x8b\xe4\xd2[\xf5z\x95JJ\xa7[T\xf4\x15\x8d\x0ex+\xe4tb)F\xa2N\';Mr:-gXQ\x88\xc5Q\x01+\xc97\x18\xd2\x06\x03K%\xb8R\xc5\xe2\x9a\xf5\xe7\x05\xab\xe2-o\xacUR,f\x909\x82jf\x91:u3,\xbf\xac4\xa4\xd1t\x98\xeb\x15l\xbc`jQ\xf2\x08\x8brHX\xb6\x104\x8ax]N\x9b\xcdf\tY\x9c\x16K\x80q\xe1O_\x89\x90\xdcn\xf9\xe2~:\x99\x04\x12\x9f\xcf\xf2X\xa9\x14)*\';?\xb3$\xab\xfawN\x08j,56\x96jnV*\r\x00RR\x0e\x9bS{(\\\x8c\xcb\x9d\x0bil\x1e\xf45\xac_\xd6\xb2\xe2\xc5\xb0\xb0m\x03\x8b\xa8\x80\x85\xdc9C6\x8a\x90\x85\x02P\xc0\n\x17\x88\t!\x1f\xd9\x9fI\x02\x89\xa4"\xac\x93\xc3\x93\xe3J\x11\xd7\xcb\x8d\xff-bU\xccTg\x91J5+\r|\x83\x92\x9c\x05\xc1R\xc0\xe2\xb2\xe8\xf7\x97\xba5\x1a[K\xe3|,h\xe5j;&lt;E\xc3\x19\xa8\x98\xb5\x80\xc2\x0e\x02\x9d6\x0faY\x9c\xd0\xcaBrY\xf2\xeb\xdbn.F\xe4\xc0\x02\x17\x9fs\xfd\xa3\xf2\xb2\xbcT~}\x0c\xbd\x8e\xcb\x9b\xffu\x07\xad\x7f\xf3\xcek\x08u\x16\x95#X\xb2\xb6\x96OT\xb5\xc4\xb5\xb7HY\xa4X\xdc\xd5h&lt;\x9e\xc1/\x89\x0b\xceB\x1ei\x07B\xfb%Ey\xa0jJIt\xb9\xa0\x15\xccOT\x01\xa6W\xb7%\x1f~\xcb\x98\x96M\xd8\x13\x91Dr&lt;K#\xdf\xf0f\xc4/\xf3\xef&lt;\\;\xaeT*O\xe7&amp;y\x1f\xbf\x8c\xf5\xf0ue\x8cy\xbdRY;\xd9/\x9d\xd2JI\xf2k\x95\xb5\xcc`\xa9=7\x93\x0ba*\xf5\x01\xab\xc5\xb1\x05.\x1d\xc0(\x8bR\x05Z{\xa9\xb4\xb7\xb1\xd1\xdc\xd0\xc1\xb0h\x87\x82p\x90\x89\xb8\xbaq]\xbd\xb5;br\xbbM&amp;7a\xc1\xf2L."K\xf3\xff\xfc\xef\x7f~c\x92Mnn&lt;=&gt;\xae\xbc^\xd8\xfc\xb8MVH\xa9\xca\xda\xe9\xfea\xe9\x95\xdc\xe4\x06\x16*\x16\x9f\xd5\x87\xb4r\x86\xb0\xc0EI\x84\\\xdd\x9e\xe1AG6\xbb\xb5\xf5\x9f*\xce/\xb4\xa93\x0c\xe3\xbd(\xecBD\xccEbr1\xd2\xd9\x85pXN\xa2\x9c\x94\x91@\x13N\x92\x86]\x9c\xd4\x08\x85\xc2\xa1s7\xe7\xa6\xde\x8d\\\xacS\x98\x92\xcer$\xb4U\x06\x1b\x07\xf1\x8c]\xb8\xc3\xbcX\'\x1ewQ(\xc64\xea`\xf1O7\xb7F4\x06W0\xfe\xc1a\xd6\xdc\xb8\xee\xcf\xf3\xbe_\xea\xdc[\x08\xa5\xf4;\xf9\xe5y\x9e\xef}\x0f\xe5|]\xfep\x0f\x0flR\x0b\x05\xac\xa4\x08\x17i\x95\x05\x17\xc4:|\x90\xa4\xda_\x9c;\xb4"I\x04\x05*\x87\x1b\x04\xa4\x1a\xe6\x80\r\x1f\xe9\xb8\x8dvkF:y\xf9\xab\x8f^&lt;{vs\xef\xe5\xed\x7f\x8cu|\xe1\xfa\xea\xaf\x0f7\xe8\xd3\xa4\x9cJ\xebo_h\xd0\xe7c*V\xebw\xfai_\xae\xbf\x0e\xc1\xc4i:\x06x\x06V\x8a&gt;Jr\xe1%\n,\xc8\xf5&gt;\x8bu\xe0\x00Q\x1df\x13\x8bss\xdf\xb3R\xd2R\xaau\xdb\xe3\x90\x1b\xc3\x14-\xb4\xae\xc1\xd0\xf3\x8e\xa6\xb9\xcd^wm\xa6\x80\x01s\xf3\xd9\x8b+\xf7N\n\xc5\x88I*H\xceZ\xab\xdb\xde\xdal~\x1c\xa2l\x95|\xa2s\xf9\x16\x9e:\xa9J\xd7)\x90Z\x92\xf3Kq,\x9b\xcdN\x9fC}}ky\xcf["\\\xdeI\xef$\xd4\x8a\x1d\xa0L\x81\tjQ\xd2\x0f\x1e\xde?Q,\xceM\x9d\x9a)H\\k/+\x02\x8b\x95\xe2\xe0/v"\xaek\xd76\x1b[\xedV\xc5s\xe3\xda\x95\x17/.\xd0\x8d\xc5\x1b\x03\x1b\x88\xb4\xd3\x02QM32\x19\xe3yh\xb0\x040U\xedg~\xd5\x91*\xbdV?\xf5\x9c\xae1pA\xb0\xd1\xc4\x0e\xee\xa7\xa4U"\x01\xb5\xf6\xc5\xb2\xd9X\xf6@v\x1f\x9b\x88\xfa\xa6xpnjjbE@I\xa9\x97\xf5\x8ag\xe6\x8f\xc1~\x91`\xc3\xc3\x9d\x88\xe6j\xb5\x9a\xad\xb9\x9b\x8d^\xb7r\xf9\xce\xf8\xcdo/\xdc[zo\xa0\xe0\xacu\xb76\x8d|&gt;\x83J\xeb\x8b\xa5R\xb9\x14*\x85|!!\xd8\xea\x86Ti\xf4\xa8y\xed.T\xda\xf5\xa97QC\xb1\xe9\xe4\xb9\xe9\xe48\xc2\x0e\xa8I@\xc5)\\T\xb1\x18\xa9\xc6\x99\'\xff\xa6\xa6\xe6\x1e\xacI\xa4VAj5\x1b\xc0\xfa\xf9?,\x12\xedXDC\x01\x0bf\xba\xc8\xd9\xda\xcc\x8d\xbd\x7f\xde\xbcrm\xa0\xdbkj\x86\x01,\xe2\xcaw\x16C\xa5R\x89\x92\xd5\xc7\xba\xbb!9\x8dN\x17T\xa9VC\xd6\x7f\xf8\x94\xb8\xc6\x86\xb2\xd3\xd3\xd3\xf1\x84\x97\xa4\x9a\x9c\x8cF\xa3\xf1\xa4\xc0\xe2\x82\x9bc\xefN\x1c\x04\xd3\\\xf1\'\xb7\xd1M\x11We\xab\xfa?,N\xfd\xe0\xf9\x08\xb8l|\xe9\x1d]\xd7\xd3\x91Z\xaf5\xb3t\xe7\xc4\xd3\x01\xdb\xc8\xe4\xf3\x82\xcb\xc8\xcb?\xfa\x18KLD\x1a@woK\xceV\xb0Q\xd9\xed\xb47e\x19\\E`\xbd\xb3s\'\xc0\x92\x02\x8b\xe5\n\x00+\xbc/@gb\t\x0b`\xfb!U\x11T\xb2\x7f\xb3\xed\x14\xa4\xd4o\x9d\xe0\x16\xb0V9Xb3\xe2\xe5\x88\x9e1"\x91\x88.\n\xdfE\xecF\xb7\xb2ty@\xceS\x19\\\xf9\xfcYUp\x85\x18\xcb\xa7\xe6\xd6W\xa4T/\xa8\xb5+\xbd\x9a\xdf/\xfb\xc15A\xe7\xd7v\x0e\r\xc5\x80\xe5e\xac(\x9df\x0e\x87\xc3#\x81@&lt;J\\\xd8\x17\x13\xfb!\x16Q\xc9\xb2\xbf\xd6[K\xb5\x9aVpk\xc6\xb3\xb1J}\x81\xb7"U\xa9|\xda\xca\x80\xc5x\x85-H^@\x00\x00\x03fIDAT\x95\x8eDj\xe8\x19\x02\xcb04\xcd\xd0\xf2\xf9NyA%,!\x18\xcd\xea\xeb\xc0j[A\xb7\x01*`\xf9\xfdZ}"\xcb\x87\xd8\x18k\x99\x02\x1f\x18\x01\xd5w#\xe1\x00=\x93*b\x96\x1d\x9b(N\xcd\xd5\xb5t:M\x8b\x1a\xed\x86eY=\xc7\xb3qwx0\xc4-\x8b\xe6\xa2\xa2\x94\x8fZ\x19pi\x04\xa5\xe9\x9a\x06.\x80i\x9b\x03B,!W\xe6\x98z\xbc\xcf\x15R0\xa8\xd5\x9cz\x1d\x83\xa3\xab\x07\x83V\xde/J\x8e\\&lt;\x14\xcb\xc6\x86\x86\xc2I\n\xd7.R\x8b\xce\xc7\x03-\x10\x0f\xd0\xa3\xb2q\n\x1a\xb8&gt;\xbb\x88\xf7 \xb5P\xae\x15\xb4\xcc\xb6\xe3\xb9}\x97C%\x8c\xcc\xe5\x94\xf2|\x95\xd4\x02\x92\x8e\x90\xe9\x1a9*\xcb\xb6\xcdXF\x06L\xbaaX\x97T\xb4|\xd5\xa7\x94\x14\x85\xb1\xd4\xdc\xf5\x87\xa9T\xcb\r\xbe\xc6\xe5\x8f4?G\x83\x18A\x8e\x12\x93\x9c\xae\x04&lt;\x8c\xc1\xc1\xc0\xc8H\x94\xb6e"q&amp;\x99\x9d\xf8\xa9\x19!\xad\x98\xca\xb0\x80e\xb5=\x9e\xdb\xeb\xa2\xc5\xa3\x0b)J.\x97\x0b\xcdWM\x93\xb2E\xb12\xc0eS\xbcj\xb5\x81&lt;\x90\xb0\x07M\xf4,\xa3ZV1\x8afgs\xa5\x92\xe2\x03\x97\x82~\xfa\xd0I\xad1\x96.\x0b\x17\xfd~\xdb}r*I\xaa\xc0E\xceV`(\x1c\x0e\x10V \xcaT\x89\xf8\xf4\xa1\xba\x9b\x16\x0e"\x90Z\x90\xca\xea\x12\x96\x98\xd3\xc3\n\x15c\xe9\xe0"\x0b\xc1\x83\x1e\x86Va\xdb6\xb0\xa81\x18\xcce\x9d.\xab\xcc\x95#\x1b\x91y\xb4\xfb\xc5\xfbh\xf3M\xbe*6j\x9f\xcbo\xd7\x1f\x8cC\xa5I/\xcdj\xef\xe4\xc8P\x98\xcf3\xb3\x87\xa0J|\xf2\xa4\xc9P\xa4\x95\x9c\xd6\xadWX+\xebl\x9f\x92S\x94aR\xcb7_\xb5L\xd3\xd49V\xdc\xc3l\x17X6c\xb1\\\xa6Y=Z\x9eE\x81\xcb\xa7\xc0G\x9f\x0fp\x8c\xd5\xc8\xf0uu\xa3\x9f\x14\nK\xfd*\x80\xf8nk\x877\x1a\r\x90\x87\xf1\xd1(\xd5x\xf4j_*\x99\xb3hU\x83by\xd7\x93b,\xa6b\x0fs\xbeK\xa7u\x8b\xe5\x82w\xb0\xd1 \x07m\xdb\x15j1\x95^\x9d_\x9c\xe5ZPs\xbc\x10p\x02\xcb\xe4\xebV\xadL^\xde\xb6\xd2n&gt;\xbeJ\x7fuF\xa7\xa7~J\xc1\n\x04\xa2\xd1\xd1x\xfc\xdc\x13NU_+\xb3*\xa8\xcc\xa0\xde\x02\xd6#x\xa8\xa8\xcc%\xb0\x8ev4\xf4\x07\x8a\xba\x1d\xa1fo\x13W\x8d#OT\x19\xd3\xaa\xce\x7fq\x9c\xe5B\xbah]I\xc1$\xba\xbf\x01,v\xa1\n\xac4\xb8\xfa\x92\xc9~\x80\xdd\xe2\x07\x89\x13\xd1Q\xde\x89\xa4T\xb2/\x95\xe0\x8a`\xa5I\xabM\xc2\x92\x96V\xd6qKNDJNe\xac#G;\x98\xc6:\xb8d2\xcf\x85\x99\xe0\xeac\x81*cV?8\xff\xe8\xb8\x90\x0bXB.\xc2\x92\xfaXP\xcb\xc4D\xe0\xb7\x13^\xca\x9b\xf5\x07\x00[\xf6z\xc7c\xa3\x14\xaa\xf1\xe8\xa9\xc7B*\xfa\xadt:CRYV\xdf\xc4\x96t\xf2\xce\xba\xaa*\x8c\xc4T9\xb5&lt;\x7fq\xab\xd1\xecttC\xeb\x0fF\xc4\x9e\xb12&lt;\r\xf3\x99\xea\xe9\xb3\xafa)\xaf\xb0\n\x0ecY\xc1*z\x0f\x0ftD\x7f\x9b\xac\xd6\xf8\xe7\xcb]\xcb\xcb^:\xf9}\xe2\x04\xa2n\xa7eA\x95N\x9b\x10\xf8\xed\xea6\x15a\x15\x08\x8b\x88\xf8\x83\xe3uv\xf1R\xbd\xddn\xf7\x9a\x18\x89Z\xc7u;\xcdf\xd3\xedh\xb5\x7f\x01\xf4IwZV\xea\xe4\x85\x00\x00\x00\x00IEND\xaeB`\x82'</t>
        </is>
      </c>
      <c r="M21" s="3" t="n">
        <v>45492.67670138889</v>
      </c>
    </row>
    <row r="22">
      <c r="A22" t="n">
        <v>34152</v>
      </c>
      <c r="B22" t="n">
        <v>1961</v>
      </c>
      <c r="C22" t="inlineStr">
        <is>
          <t>Renato Augusto</t>
        </is>
      </c>
      <c r="D22" t="inlineStr">
        <is>
          <t>Renato Augusto</t>
        </is>
      </c>
      <c r="E22" t="inlineStr">
        <is>
          <t>MEI</t>
        </is>
      </c>
      <c r="F22" t="inlineStr">
        <is>
          <t>MC</t>
        </is>
      </c>
      <c r="G22" t="inlineStr">
        <is>
          <t>MEI/MC</t>
        </is>
      </c>
      <c r="H22" t="n">
        <v>185</v>
      </c>
      <c r="I22" t="n">
        <v>20</v>
      </c>
      <c r="J22" s="2" t="n">
        <v>32180</v>
      </c>
      <c r="K22" t="inlineStr">
        <is>
          <t>Right</t>
        </is>
      </c>
      <c r="L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ddecfeb-8ba1-4e1d-977f-3ccee0c4b3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\x7f\xec\x00\x00\x03\x00PLTE\xff\xff\xff\xa9tZ\x1e\x19\x1c\xd9\xaf\xa0\x1a\x15\x18\x14\x11\x16Q74\xff\xfe\xfe\xfe\xfd\xfd!\x1c &amp; #\xeb\xeb\xf4\xd8\xab\x9b|\x1f.\xa1lS\x01SS+#%\xed\xef\xf9\xacw]\xb7\x81h\xb3~d\x95hS\xb0za\xb5fT\x91bO\x9dhP\xa5pW\xe6\xe5\xed\x82\x18-\xc6zj\xd6\xa7\x97\x04NM\xd4\xa4\x94\x80#1\xd2\xa1\x929&amp;(0(*\n9:\xb9\x83m\xce\x82uX;7\xc9\x96\x83\xbcm[k\r%\xc3\x8bwp\x16+\x0f\r\x11\x0634\xc5\x90}w\x1d.H20\xb2aP\xfa\xf8\xf8w\x15+C,,\xcc\x98\x86\xce\x9c\x8aM03\xce\x9e\x91\x81WH\xbe\x8az\x18\x16\x1d)\x1c \x9caH\x85)6\xc2vk\x96\\D\xab]N4#$\xb9\x86r_C&lt;\x9dZN\xa0VE\xda\xb4\xa6@02\xb5}j=*,vRJ\x8eSA\xf6\xf2\xf2\xb9hW\x9blWgI@\xa1q]\xbe\x88q\xca\x93\x7f\xcb}q6-/\x98cP\xa4dO\xd3\x9e\x8dtVW\x90WH\x0c?C\xc3ucpKG\xc1\x7fk\xb7k[\xbeq_\x02\\Y\xc8\x80o~\x11*\xa5ZJ\x9d[G\xd0\x86{\xd2\xae\xa3\x81J&gt;[&lt;=\x04./\xd9\x96\x8d\x10DG\xbclb\xb1vd\xd4\x8b~\xd4\xa9\x9d\x96RCfBE\xc2\x84s"WT\x1aLM\xd7\x91\x85\x8ea\\\xabfUnPQwE=eKM\x8doj\x85ec\xbcte\x89bP\xeb\xe9\xeb~LH\x88\x1f7WAC\xf5\xeb\xea\x96ha|a^\xc0zwG9;\xacp`q\x11(\xdd\x9c\x93\xcd\xa5\x9b2\x1d\x1f\x89ZQe;8\x80RS\x8d.6\xa9l[\x923@\xdf\xde\xeb\x9c:=\xdc\xd7\xe6\xc4\x91\x86\x8f$&lt;\xc2pe~[X\xe3\xe1\xe3\xcbyl\x9fohn@7\x8bK=\xcb\x8dz\xd0\x8f\x85O;&gt;\xb3\x84y\xa9xg\xc8\x9a\x8e\xda\xd1\xda\xb5vq\x9ee\\\x9awq\xc6\xa0\x97]FIKBH\xbd{i@$"\xb6\x8f\x83\x1a&lt;?&amp;\x16\x16\xeb\xda\xd9P,(\xc5\xac\xb4\xbd\x97\x8d\xadpQg``\xd2\xcf\xd0,bc\xa4R`\x8f\x1b\'\xd2\xc4\xcf\\2,\xc9\xbb\xc2\xa9{p\x9b@N\xe2\xac\xa3!a\\\xbb\xb7\xb9\xe5\xcf\xcb&gt;5:\x99\\h\xb4s\\\xde\xa3\x9c\x8a&gt;W\xca\x90\x93\xd6\xb8\xb8\xb6\x9f\xa5\xabkl:ij/ro\xe0\xc2\xc0\x99QW\xa4\x83{\x8bMK\xc4\x82|\xf0\xf2\xfbw\t\'c\x07\x1d\x97\xa7\xae\x8aU]7US\xa4lx\x7f=1k\x91\x92\xaew\x89\xb7o}\x12.-\x9f\x99\x9a\xc1~\x8a\xc5\xc6\xcbUXW\xc9\x87\x83\xd2\x99\x9d\xf1\xe5\xe1\xbecu\xb2^lumo\x85\x80\x80\xb4\xac\xb0\x9b\x8a\x8c\x84\x98\xa0\x9f\xb6\xb9\xabEP\xce\xd5\xdd\xe6\xb7\xad\xb5Re\xd2\xa6\xae\xb7\x8a\x99Kswq$\x1bW~\x86\xd6\xdc\xe2\xac\xc7\xc9\xc8c^\xd1\x8a\x9c\xe4\xbf\xdcC\x11\x19&lt;\x00\x00 \x00IDATx\xda\xcc\x98\xddK[k\x16\xc6Kf\xe7c\xef\x81\x92\x9b\x12{\x91\xablNB(R4\xe44\x8d\x89DS#9\x89Z\x87\x9aXC\xa3!D1\x94\xd41B\xa3\xa6Z\x83\xa4\x8d\x17F\xf1F\xfc\xfe:S-\xe6\xb48\xce\xc1\xdcX/D\n\x9d\x16\x86\xda\x8b\x19\n\x03\x9e~\x1c\xd0\xf6\x0f\x98\x9by\xd6\xbb\xb5\xcc\x1f\x90mge\xfb&amp;Q\xd1\x1f\xcf\xf3\xac\xf5\xbe;\x17.\x94\xa2\xd4j\\\xffS\x17\xfe/J\xa3\xb1\x8c\x14\xbf\x1c\xb1z\xbd_\x1c\xb1h\xbe?\x98\xa6q\xae\xf8\xe5\xe4cN\x14\xc5\x80\xd7\x1b\xf0\x166wN\xf6\xe7\x1a5\xdf\x8f\x08vi\x1a\x8bG\x1f\x03\n\xa5\xb2\\\xc9q\x9c\x82\xd7\x12\x9b\x98\xdb9*6~\'3\xd5\x1a\xb5\xba\xf1\xc3IA\x14x\x9e\xe78\x9eW\x10\x99\xa0\xd5\x8a\xa2W\x14\x0b\'E\xcb\xb9sA&amp;\n\xd4&gt;\xa0x^\x10\xc0B+\x13M\xc1\t\x81\x00\xaf\x10\xc4\x8fGs\xe7\x0c\x06\xa8\xc6\xb9\x0fG;\x01\x9esp\x9c\xc3\xc1k\xb5Z\xb0\x89"\x91)9\x81\x17\xc4\x00j\xe7\xcb\x88\xe6\xfc\xc0\xd4\x889\x98\x0e\x04NY^^\x0e\x0e\x87\xc2\xa1\xe0A\x158\x08h\x05\x05\xa7\xa0\x88\x89\x01\xa0\xe6\xe0\xe4\xb9u\xa5\xbaq\xff\xf8\x80W\x12\x13+%\x95\x03\x01\xd3\x06D\x12\x0c\xaf\x04\xb8\xc8\x83N[8\x9a;\x1f,\x8d\xa5x\x1cp0\x9d\xbea9\x88\xca\xa1\xe4(`\x02\xd0\x105\x8eSR\x17\x08\x07\xc7E\xcdy\x188\xf2\xcf\x82\x04\xa5\xa4\'\x87\x83\x94r\xd0U\xaeD\xcehJ\x10X@\xab\xa0\xe6T*\x15\xe2\x8e\xfc\\j\xf5\xdc\x89\x08\x0eP!\xe8\xa0\x11x\x07\x15}\x8b\x8cd3\x82\xc8hNh\xe9\xadR\xe9\xdcy"s\xee\xd5\x9a\xff\x1ck\x95\xdf\xb2D!\x12\x94\xcc\xc3S;\x15(\x8e\x9aQ\xc1\x9a\x13\xf1B\x0bh\x8f\xe7d\xcd=Q\tL\x1d\x07B\xed\x80&amp;\xf8\xc7\x1c\xc70\xa5\xa4A=z/I\x06,ih\x88_\xe5\xdc\x8b\xd4\x9a?\x9e\x88\xfc7,("8iU(\x1c\x0c\xa5\x9cD\xe29\t\x12\x97\xa0\xa5\xf9/ \xfe\xde/\x16\xb5\x8c\xc1\xda/\x08\x0e\xc6\x05w@\xe3tj\x9dRA3\x85\x13\xfe\xe1\xe9T&lt;\x14f\x04~\t!\xe3\x15\x1f\x9f\xc8g\xa3z\xe4X\xe4\x95R\xc0y\xadS\xeb\xf6\xf9\x0c\xb8\xdc\x06\x9fa\\\xebt\x1b\x80\xb7\xc5I\xc5\xb0\x9c\x98\xad\x18\xf7xh\x85\x93F\xd9\xb0,\xfb\x07&lt;\x1a\x0e\x03\x89\xe3\xddV\xabM\x15\x8f\x9bT&amp;\\q\x93\romV\x83{\x9c\xd0\x98j\x10\x0c\x9b\x10\xcfvn\xf4d\xee\x83l\xe9\x1aA\xdeI\x06\xcei\xb0\xc6\x93\xe1L&amp;s\x989[\x06\'\x92\xc98\xc8P\x047\xee\xdc\xda"|\x05\xdb\x940^\xb5\'\x8dr\x8d\xf7b\x81\x8e\x08\xe5J\xa7-\x9e9\xf4\x9cU\xbd\xc7\x13\xc3S\xe8\xf003\x88Z\\\x9c\x98\x980\xa9T\xb6\xedg\xe3[[\xa4\x1b\xcf\xa2_(\xca\xe4\xa2\xe5\x88\'\xad\xb6\x0c\xa6L\xc8S\xdb_\x8b\xaa\xace\x15\xab\x8d\x81\xac\xb7\xb7\xf7\xb0\xe1p\xa9\x9b\x15\xf8&amp;v\xb7\x9f\xb9\xc9R\xda!\x15\x81#\x8bL\x1e\xeep\xd4^\xd6\xe4\xa1\x07@T:\x1d\xad\x84\x85\xafX\xac\xb7\xbe\xbe\x1elKK\r\xbd\rK\r@\x9b\xd8\xdd\xdd\xb6\xba1\xde(c;\xf2\xec\xd9\xea\xe2\x01\x1aLi\x88\x1fzb\xb5\x00\xc2C\xd7t\nVI\xc2\xc5b\x12\x16UCC\xa8a\t\\\xa8m\xb7\x82\x81\x1d\xbc\x90%\xf4\x9a}:_\xf1\x15a\x8f\xa7\x16L\x95\xba\xa6\xa6&amp;s\x93\xeeL3\xa6Z\xbd\x04&amp;\xd1\x81k\x91jw\x1cS\x163\xff\xab\x1c3B\xad9R \xf1NU\x06TMM\x95\x95f3\xb8 \x97\xb426fe=S\xad\xbe\xb3\x93\xb8\x06\x17\xd1\x03\xdb[4\xfe\x85\x9d99&lt;\xb4\x9c\x08\x02\xa70\xc4C\xfd\x10J\xd7d\xbes\x87q5\x99#f3!v\xe8:\xc0&amp;\xb5\x00\xe3"\xbd\xa8\x01\x06\x17\x9f\xd1\xa4\x83\x8br\x1c$,\xc7Z\xde\xc1\xfb\x92\x9e~\x9d\xd9\xac\x03\x15\xe1D\xcc\x91\xc8\x1d\xaa\x08\xbd\xee\xe8`\xaaI)\x8b\xd5\xd7 b\xa8\xeeA\x95\x82\xe4\x12\xbf\xca\x81\xd5\xb8#\xe0\xcc\xe0\r\xb7\xeat\xc4s\x87\xf1\xe8\xe7\xf1\xc0K\t\xb1\xa3C\xb2\xf3T\xb0\xde\xdeP\x08X\xa1\xeeE\xb7\xe4\xe2\x88\x0c\\#\x1f\xa9\xcdm\x993,=\x98Z\x8c]]\xc6\x16\xbdk\x86|\x04\x1bs\x95\xba\x80\x14\xeb\xec\xec\xac\xa9!\xb9\xec\xdd\xdb4T\x85B\xb1\xe4\xfb5\x8e\xa5\x1fq\xb2\x13U\xc0\xea \xaahK\xcb\xbc\xb1\xab\xa7\x87\xb8\\\xae\x99\x08\x89g6\xe3GRs\xd6R\xf4\xc1\xc5\xf4j\x98p\xd3m\xed\xc1k\x8d\x1cj\xe1/\x07L\x99~\xfck\xf3\x1d=\xb0\x8c==+++]\x9f\x18\xd7\x8c^\xaf?M\x1832F\xcdHz\x85\x1aB\xa1A\xab\x13g\xe8\xc0I\xc9O\x83\xa4\x16\xfe\xb2\x18\xcfOA\x98\x88&gt;\x1a%\xaa\xae\xae\xae\x9e\x95.\xa31\n#\xa3Qp\xb1\x9eD\xa3V\xb2p\x11\x16\xc0jj\xec*\xb7\xd6\xed\xc6\xa0/=V\xb1@74\x9b\xf9\xa9aD=\xaa\x9f\x8f\x1aa\x9f\x91\xb0Z\xa2z\x97\x1e\xa0zW\xa4\x89&amp;\x1au\xe3)\x15\xb0\xaa=\xc1\x9aP\x1dNe\x06\xf7f\xe9\x0f\x83\x9a\x179\xdc\xbe{7\'\xa7\x90vVw\xe6[ZZ\xa0WWK\x8bk\xc6\xe5\xd2Ga\xa24YO\xc5\xea%\xae\xce\xea\xea\xea\x1a\xbb\xc9`\xf0\xfa\xc4\xc2\x87Rc\xe1\xc0\x9c\xf3\x06D\xef\xa8}j\x98\x00@%\xe5\x0b\x8a\xb5\xb8\x12\t\x92\x0b\tKP\xb2\xa8\x19cgrUW\x07\x830\xd1`\xa8\xf0\x06r/J\x8e\xa5\xd9/0\xac\xfcp;B\x14%\xb9\xe0\xa3\xf1\x0c\x0b\x89o\x87\x89\x89\x84YG\x03\x1f3\x95aA\xaajOu\x19\xb2\xe5\xf6Vxs\xfbr`\x1d\xc0\xc4\xd1l\xfb/\xedQ\x8a7\x16\xc4\x0b\xf3\xc1h\xd4\x13\x96K\xefr%H.\x8c\tXYKT\xb1V@\x05\x83e0\xf1\x14KSr\x13\x0bp\xd1\x9b\xfc\x99a\xe9!\x14\xd0Z\x8c\xac\xe6g\x12\x08WT?\x9c@\x81\xabC\x9a\x10\x9d\xb1\xea\xce\xea\x1a\xe8Uf\xaf\xb3\x1a*V\xbd\xb9/\x169\xb0\x0e\x0eVg\x7fjoo\x8f\x02ly\xd9\x18\x9d\x9fg\xe1"\x13\x133\x00#\xac\x8e\x84\xa4\x96\xae5\x06\xad\x00\x16\x0c\x06C\xf6\xba\n_\x85\xaaB&amp;\xac\xd5\xdc\xe6\x06\xa8\xfa@e\\\xee\xc1\xd822*=e=\x91\x18&amp;:\xf0\rG\xd8\xa6\xdd\xdf\xdf\x8a\xaa\xae\tV\xc3\xc4f\x95\xd5\n\x13_\xcb\x83\xb5\xda\xf6\x13&lt;\x84\\W\x96\x97Wn\xadP}\xea2F\xa3\x8f]\xac\xd6\x87\x87\xd7\xf14\x8c\x8atHX\xad\x10+X\x96\x0f\x9bd\xc3\xda\\]\xdd\xcc\xb6KX\xa0B\xbd\xfa\xfc\xf9\xd5\xab\x95O\xefX=f\xe5b\x0b\xd0^\xbe\x9c"\xae\xcb\xad\x0c\x0b.Z\xe51\xf1\xc3\xce\xe8\xe8\xc0^__\x1f\\$\xaa\x1f\xaf_\xffL\xf5j\x1a\\\x8f\xcf\xb0\xd6\xd9\xda\xf7\xf8\x97{\xf7\xc6\x88\xeb\xe2\xe5\xcb\x97\x83eey\xbfJ\x1e,Mqgts\xe8\x06a\xf5-\xc3\xbf\x1f_\xb1\x9a\xfe\xed\xb7\xb5\xb5\xf57\xa0y\xf7\xd8\xb5\xbe\xfe\x06\x85e}}\xfd\xde\xd8\xd8\xd4\xd4\xc5\x8b\x977\x18\x16z\x11\x91_\x95a@\xcc\x1d\xa7\xd3\x0c\xeb\x07\xa2z\xb7\xf6\xfe\xdfo\xdf\xbf_H\xfdk\x12\x95\xca\xbeY\x07Vb,5\x99\xcf\xa6&amp;\'\xf3\xa9\x85lvcc#\x18\x84X7\t+\xd4\xacR\xa9Fe\xd8|F\x1e\xa47\xb37\xfa\xae\xf4\xf5\xdd\xbauu=;444\xdb6\x90\\U\xad\xaaT\xc9\xe4dv\x016v\xb4\xe6\xc3a\x7f8I\x1fM\xc4\xe3\xc9\x01\xbf\xdf^v)\x18\xbc\x04\xac\x87~\xdci\xa7e\xb8\xb3n&lt;I\xa7\x17~\x00\xd6\x95[U{\xb3\x03\x03\x03\xe9\xd1\x9c\xd7g0X\xe3\xf1\xd1\xe4djoz\xe5\xddK\xcfd8L\x9fE\xf8\x0cn\xe7\xb8\xa1\x02p\xcd\x00#\xac2\x7f\xdcdj{R\xfa[E\xcb\xd7\x81\xb6\x85\xbe+W\xaa\xaa\xd6\x16\xda\xd2\xe9\xf4\xe6h\xce\xe7\xf3Ymq\x10\xfaS\x0bU\xd7\xae-\x0f\x07\'\xfd\xe1\xe6\tS\x85\x01\xe5v\xbb\r\xd6\nU]\xd8~\xe9&amp;\x85+\xae\x1a}T\xf2\xf3\x162\xff\xba\xadm\xa1\xea\xea\xd5\xaa\xb5\xacD\xb5j\xb3\xc5\xc3\x19{&gt;\x9f\xca.\xec\xadM\xdf\xbe\xbb&lt;\xbc\x81Q\x90\x19\x9c0\x99T\xb6\n\x1fNX&gt;k\x05\xc0\xec7\xa1\x97\xbfn\xd4t\\z,\x8d\xe6o\xb3\xb3\x0bU\xb7\xaeV\xed\r=\x9amkk\x83F\xb3\xf92L\xa5\xd6\x8d\xa9\x9f\xab\xa6\xaf\xdd\xbek\x1c\xee\xc7\x88\xea\x1e\xec\xced2v\x7fRe\xb3\xd9T*8\x19\xbe\xc4\xb0Lu\'#\xa57Q\xf3\x82\xb0\xa6\xaf\xae-&lt;x\xfb\xfc\xed\xd3\xa7\xd9T*\xef\x0f\x873!Ok\xebT\xdf\xed\xbb\xb7W\xa2\x11`u/\x0e\x86\xcaB\xf6|*?\xe9\xf7\x0f\x0c\x84\x9b\xebL\xcd\x0f/\xd1\x84\x88\xa7K\xfd\xc9\xae\x06cP\xfd\xe4\x11\xc3\xda\xdb{\xfe\xeb\xaf\xcf\x17R\xa9\xd4P\xdad2M,v7\x84&lt;c\xb7n\xdf\xef\x8aFt\xad\xa1\xc5\xdd\xc5\xee\xc1\xc9\xa1\xa16\x105\x87g\x87f\xfd\xfe0\xb0\x1e\xda\xeb\xea\xc2%\xfe\x14\xc2\xf2\x8f\xeb\x7f\xf8k\xe3\xef\x0f\xfc\x7f\xaaB\xb4\x9eO?\xdfK\xa5\xb2\xb3u\xb9\x02\xcf\xb9U\xbb\x13\xdd\x9e\xa9\xb1\xbe\xfb=F}D\xd7\xb9\xb4\xbb\xbd\xbb\x1b~\xd4\x96.\xa0GM\xcd\xcd\xfe\x87\x0f\xed~;\xb0\xfc\xcdu\x03\xb8!+\xe1\r\xac\xe6\xf7\xfb\xc6y\xfd\x9f\xff\xfe\x94\xb0nT]\xff\xcb\x8d\x8d\x8d\xff\xd2j\xfe?I\xef{\x1c\xcf[\x03ww\xc7\xeeJ\xd4\xdalM6\xa1\xe6\xce\x1a:\x14q\x9e)\x1c\xb0\x10\rX\x1e\x11\x16\xe0\x9c\x92\xec3!d\x03D\xa0\xcb"\x8d\x91\xc0\xe1\xae\x1c\x0e$S\x03*p\xa6\xde\x9a\xf9%\x96G8\xa5[i\xbf8Y\xedt.Yg\xba5\xbb\xcd\x1fr\xf7\xf5\xb6\xf3\'||\x01?\xf0\xdbc\xaf\xd7\xeb\xfdz\xbd\x9e\xaf\xf7\xdb(\xbav\xe3\xef\xbf\x1e\xf9\x81\xd2\xed\x993G\xf8N\x85AE-8\x93\xd7\x06X`=\x8f\x1f\xfe\xf7\xc8\x0f\xff\xbcA\xe0z\x86X,\xd6UH.\xc0\x12\xccgg\xe3XO\xb3_\x05\x0c\x98\xd6\xef\xb7\xb9\xc5\xfa\xe2\xca\xd3\x15\xa7\xf9\x91|\xcfdOw\x1d\xa5\xbf\x9f)\x1f2\xafE\xf8\xc9V\x18s\x00\x8b\rX\xf1~\xa6\xf4\xcf\x87?\x1f\xf9\xdb\xc3\xc77\xfa\'i"\xd6UT\xbaX"n\xef\x93G\x8b\x8b\x9bx\xa5\x17\xb1t\x87\x9aJ\xa5\\\xda;d\xb1^_\\Vq\xd6\t\x83\x9d\xdb\xeb\x95J\xe5h[\xda\x11\xd1hl \x1aQ\x10\xd9\xba!p\x97\xc7\xbb.}\xc0\x84\x92F\x88\xc7\'\x87\x10\x96\x10\xb0\xec\xe2\xb1\xa2d\xb2\xf8\x11^\\\xa5\x89\x00\xe6J$R\xcdbqL_|\xba\xacX\xe3\xf3\xf9\x9cN\xe7h\xb0i\xad#\x1d\xe2\x99\x9c\xc9\x02-\xca\xadK\x17\xd8\xed\x1d\x9e\xb9I\x8f}\xdd\xe8\xb6\x9b\x87\x86\x86&lt;ssCv\x08\xa2\x90\xec\x96\xb3\x9ax\xed\xec\xb6[\xe7J\xf1\xf2V\xe2\x9b\nK\x00\xd7\xa8\x13\xb0\xca\xca\x8bc\xfcXQQ,\xa6\xd0\xf0B!\x9eD\xa9T\xdaT\x18\xa6\xa5\x06\x10V=\xda\x98\x0eu\xac\xc9\xc0jd,\xb4}f\xb1\xf2\xa1\xa0\xdae\xb2\x1fM\xa6\xda[\x15x\xadv\x1b\xb0o\x8d\xdaT"q\x98\xafQ\x14\xeb\xcb\xca\xa0[+b1[\xccf\xe2\xf1L\x9d6\x98\xe0\x0b\x0c\x98A\xab\x02\xac\x926Y}\xc7\xd0\x90\x19-\x9bC\xf5\xf52\x19\x0bY\xbePx&lt;\x9f\x95Or&amp;M\xb7\x9e^\xc4\xa9J\x10\x1dT\xc0r\xb9\\\xa9\x9f4\xd0\x13/^\xbcS\xac\x88!2\x9b\xd2\x16\x83A\xb4Si\xa3B\x08\xa9\xaaF?`\xd5\xe8\xd0\x06\xb0\x9e\xc7\x93\xa1u\xb3\xac^\x96\x9fO\x16g\xedc\x99\xfe\xa3\x01,=^\xc5\xcb\x11\xf8FEX\xcdE\x1a\xfd\x9db\xa0\xd2#\xebk\xd5\xa3\xb5C\xa7R\xd9\xd2\xa8\xd56\x828\xdb\xc7\xe2\xa1\x95)`\x99Lh\x98\xe7\xc9dM\xa4\xa3\xb9\xb9b!\x99U#\x91$M\xbf&lt;\xb59p\xc1""oQ\r\x89\x84\xea\x82f\xdf[w\xf6m\x18\xe9\x9ejP_-\x90\xee\x06m#\x88\xb3\x80_Y\xc2n\xaf\xe1\xd5\xd4\x87B:\x9e)O\xd9\xd2\xa2\x94\x98|\xa4,\xc0\x12\x1f\x97\xd5\xb4\xb7\x9b\xd8\xb8a\x1d"6\xb8\xbe\xa9\\\t\xec\x02\xdb\xc7\xbf\xa3G\x9ag\xd8\x80a\x06\x15`\xf8\xfd\x81F-\xfa\x03\xc5\xb41\x00\xb2,O\x82\xee[\x8eK\xdaAQ\xb3\xf3\x94\xcad2\x99\x93\x93E"\x9d8q\\&amp;k\x97\x98\xda\x9e\xe2\x87\x95\xbd\x18P\xb9\xb0@K\x81\xa6\xf2b\xf1\xd9\xb3e\xe5\xcd\xcd\x90\xe1 \x10\x03\x8d*\x03:\x82\xfb\x8b\x1b\xf0\x9d\xdf\xaf\x84S \x83\xe6\x8dB\xc8f\x97\xe4)\x939\xc7\x8e\xe5\x92\x8ege\x91d\xf5\xf5\x12\r\x04\xb1\x0f\xaf\xdc":\x0cT\x0c\x05\x92\x0f\x9dz\xe0tys!P\xed\x1b@a\x06H)e\xa3J\xab\x82\x94\xff\x8e\xd5Q_\x03\'\xb4E\x89\x96\x99 \xdf\x8e\xe5\x1c\xcd:\x9aE\xaa\x91\x85B\x12H\xf9\xb1R\xdc\xca|\x82\xaa\xfdv\xc1\xe0\xe2\x8f\x0c\x0c\x94\x97\x17\x16"g\x19\x0c\x88I\x8bv\xba\x05~?U;\x0c\x81\x84\x03\x00QD[\xc9\x10O\xb9\xbf\x17\xbf\x04\xea\xedXNNnN\xee\x89\xa6\xa6\x1a(\xbd\xb5\xbf\xbc\xc4m\xb8!.\x1a\x02%\x9d\xaeT\xe5\xc2\xc0@\x05\xa2\xc2\x10\x94\xcbe\xa0\x02\x10\xf0 \xb7\x19\\)\xc0\xf2w\x9aPv\xe9\xd2!\xf6\x99K\x01\xb4\x03S\xe8\x1599\xfc\x9c\\\x12\x88\xa0P:T[\xbb\x88[\xb3&amp;n\xba\x02\x9fK\xb0DYpa\xa0\xf0da\xb3\x0b\xfc\x04\x05\xc3\xd0x&amp;\xaf\xb3/\x93B\r\xc0\x05\xddIUPP\xad\xe0;\xa1/\xe9\xd2i\x9d\xc9\x1f\x08\x04\x90\xbb\x14\xc7\xf8\x90_\xc2&amp;\x12I\xb7\x9b\xd6\xf9\x1e\xe17\xc77$\xa8\x9f?\x17\xb8N\x05\x83\xe3\x15W\xae\x14\x02\x12\xf2U\xe0L\x89\xb2/\x93\xc1\n\xc7*\n?\xa4R\x18\xb5\xba\xa0\xb5\x95\x0f\xfd\xd2\x14J\xa7;x\xca\x82\x00\xf8\xab:\xa6(**\xca9J&amp;\x93$\xe9\xdd\xdd[\xe1M\x1c\x87\xd3\x04\x16\xb8PR\xfd\x8f\x85\xe0\xc8\xd8\xe5+\']\xa8\xe4c\x8dg\xda\xd8\xd5\x99\xe1L&amp;\x1c\x89\xac\x843\xd8pku\xab\xc2)\x83\x0emN\x83\x85\xd8h\'^`\x03,&gt;\x7fTL&amp;\x9f\x08\xed\xee\xee\x86~r\xe0x\r\x95Ra\xd4\x92\xbcs\xe3\x96\xd5\xe9\x9b\x97\x0f\xc3\x94\x93r\xa9:ku\x9do2\x99\xcc\x9b\xbe\x95\xa5u\xafu#\x0cC\xc5\xda\\&lt;\x1e\x87Nm\x87\x06\xb4fB\x1bV[,\xc6\xd7\xe4\x8e\n\xaf\x92\x9b\xc0Y\xbb\xbaJ\x1c\xb1\xb2w\x02X\xca0\xbc3\r\xea\xe2\xfe\xcd\xc3\x89\x14\xe62T\xd7\x86"}o\xde\x84\xc3\xe1\x95uo\xd7\xdd\x07=\xa0\xa7i\xfd\x13\x13\x13\xfdq\x8f\xd9n\x07\x01$C\xa7\xb1\x1a\xa8\x8ef\x89\x85,\xb2\x0c2+T\x8b\xa7\xb7\x88\x8f\\\xa9\x1d\xb0\x8ahtd\xfa\xfe\x95\xc3\x90\xf3Tv\xda\xbb\x11^Y\x89\x18\x05]\xea\xbb\xa0\xae\xeb\x98]]t\x84\x05\\ &lt;\xccf\x90@J\xff%\x9bM\xe3\x14\x8b\xc5B\x81\xb0)\xad\xb3\xf9t\x958\xde\xf0\x13K_\xed\x9f\xb5\xc2(\xb8k\xec&amp;`\r+\xd3\x9e\xc1\xeb\xc6\xf5A\x81\x87A\xa1\x9f\xe7TUUQ\x98\xd7\xe8\x1c\x80\x82/cr\x92@\xa0y\x80\xab\xc5fs\x8a\x85B1Y@\xf6\xf9\x921M\xedM&lt;o\xd2\xb3\x1d;\x06C*qr\x01\xb0\xa6\xc7\x0e\x9f\x1a\xae\xee\x98\xec\xea\xe9\xeeQw\xa9\x99\x9c\xaa\xba\xf3\xe8\xc5H\x7f\x1d\xf3&lt;L\xf7\xc8\xe2\xc8@\xe9{\xd6\x94\x80%$\x93\x85W\xe5\xb2\x1f%\xa6\xa4"\xf6\nW\xa9H\xdcDA\xdc\x19\xb7D\xc7\xc7\xa7\xaf\x14f$\x93\x8ck\xd7@\xef\xab\xbb\x08\xf4\xba\xba\xbb\xcc:\x0e\'\xce\xa4\xa9\x99\x8cI\x02\x92&gt;\x08\x8bC\x81\xec\xe7\xb5\xd8|M\xf9 \x13E!\x9d\xae\xddd\xbb\xb8y\x08_+mp86\xef[,\xd1\xd5\xe9S\x15zs\xfc&lt;\xfd\xc6\x8d\xbb\xdc\x9eA\xa3q\xdd\xbb\xben\xf7x\xeckk\xaf\xd7\xcc\xe8\t\x89\xd7\xee!\xd0\xbf;\xce\xe3\x8c9\x91J\x94\x8b:j\xdb\xdaL\xb6sx\xbf\x86@Or\x1d\x97-V\x94]\xe5\xe19J\x1d\xa5\x8e\xfe@:\xb8\xf1\xfe\xfd\xfbw`+K\x9f&gt;\xcd\xcc\xcc\xbc\x9ey\r\x16q{\xb9(\xcf\xaa\xfa\xe3M\x80\x05\xdaU\xc4\xadG\x83N\x85\xe3@\xee\xab_Zz\xc1_\xd3ca\x0f\x87\xd3O\xa1\xab\xbdKo\xf7\xa1\xc0\xbeS\xfden\xb7]\x1d\x9f@\\n\x9b\x0fIW\x91\xe5\xfe@\xe5\xd8KG\xf6\x81&lt;:X\x8cZ\xa3\xd6\xde\x912\xbe\x99\xc2\xa1\x10&lt;\xcc\xc99\xef\xc6\xdb\xaf_\xdf\x7f}\xbb\xf1\xf6\xed\xc6\xd2\xc6\xc6\xd2\xd2\xc6\x92{\xbd\xc3\x0c\xfa\'\xde\xdf_5\xc1qk|\xa0\\E\xdd\xcf!\t\x1a\x0e\xe6q,\x91\xb8\xb9j\xb5\xf4J-\xe3#F\x02\xa5\x8e\xe6]\xf7\xc4\x1fo\xcd?\xb97{ovjvvjy~~k\xf9\xf9\xf2\xf6\xef\xd6n&amp;\x94\t\x02\x1cR:\xd9\x99\x0fT\xa2\xee\xf9C\x88\xe8\x80\x9e\xff8\xa6\xad\x16\x8b\xb4wu$(\xa7P\xd4\xc6\x85\x88Y\xba\xf5\xc7\xbd\xdb\xf7n\xdf\x06\xb2\xd9?\x9e\xcc\xce\xcf\xcf&gt;\xdfz\xbe\xfd\xe7\xf9\x898WN\xa3p\xd4\x111\x8bF\x13\x89\x06\x9f\x1c:8\xcb.\xbdl\xb5F\xa5\x83\xd1\x85\xa0\x97YG3.\xf4\xad\xccl|\xfd}\xea\xeb\xf2\xd4\xf2\xd4\xd4\xd4\xd6\xf3\xa9\xe5\xed\xe5\xed\xedm\x8bt\xcec\xf7\n\x08\x1c\x86\xc8xU\xc4$\x88D\xbd\x8f\x0e\xf0\x91\'\xb1\xf4%`Y\xc1c\xc1A5\x83\xe0\r\xf6\xbd\xe9\xfb\x02\xa7o\xe6\xcb\'dKK+3\xcf\x9e\xfd\xfb7\xbb\xb9c\r\xb2^N\xe7\x10\x04\x83r\x1a\x9d&amp;\xe2Z\xfeu\xa0X\xaf\xe0(F-\xbdV\x8b\xb1\x8bA\x10D\xc2\x99L\xdf\xc7\x8f\x1f\xbf\xa0\xdf\x97\xcf\xdf\xed\xd93(`\x91\x08`1(j\x81\x80K\x07,\xf5v\xc3A\xbe&lt;-}\x15\xed\xb5\xacZz{-V\x01\x9d)\xb8&gt;\x1a\xce\xbc\xd8\x83\xca\xb5\xb7\xb7\x87\xc0\xbe\xdb\xccL$\x82\x96\xbb"\x06C$\x101\xe9\x04\x1a\x97{P\x8f\xca\xfe\xf2\xd6b\xb47\xbaj\x19\x94Z\xaeK\tL\xaf\xf1z\xb0\xf2\xc5\x87\x0f{{\x1f\xfe\xb7\x07^\xfb\x84&gt;\x9f:W\xc2+\x91|\x96@\xcee0\xb8"Z\x9c\xc0\x85\x9c\xdf:\xd0w\xba\xa5\x8b\x0bR\x14\xc4A\xab\xa5\x9bF\x13\xb8\xafGF+\x07^|@We}\xef\xdeA(?V\x87\xd1\x04f\x14\xc8\xe5"t+F\x83\x9f\x88\xcb\x95&gt;9H,\xf0\xd6\x88\xd4\n&amp;\x95\x0e\xf6p\xbb\x04\xee Z\xc9\x8f\x8cl\x04\xa3\xff\xa7\xe5\xecb\xd2L\xb38\xbe\x14\x83\xa8H\x14\x81\x11H\x08\xa010\x95\x04\xa9\x1f\x88\xac\x12\x83$"\x8e\xebW\xb0r\xc1L\xef\x887\x13\xc2^\xb8\x84\xba%"\xack\x18c\xc7\xafF\xe3\xa6A\xb0\x15;1!b\x1ac\xd4\x0b?\xd2\xd2&amp;N\x93^4\x9bL\x13/\xb6\xdb\xbd\x9a\x0b{\xbb\xff\xf3\xbcv\xba\x9b\xec\xec\xcev\xca\xb1\xe0k\xaf~\xf9\x9f\xffs\x9e\xf3\xf2&gt;\x87\xb5\xf1W\xafNOOi\x7f\x1c\x1f\x1fo\xf3a\xbb\xd1\x0b\xccfs\xb3\xd9\xe9\x1b\x18\x8b\xaf\x16\xf2\xb45\xca\xbcm%&gt;\xe1\x8d\x87\xc2^g0\xec\x1b_\x1b\x7f\x98Z[\x8b\xad\x84B\xc1\xe0\xd8Xp+8\x86&gt;\xcb9\xe0\x1b\xf8\x0b\xa8\xf4\xfaf\xb7\x9b\xb0\x9c\x82\x7f\x14\x1c+\xe6\x8d\xc7\'\xe2\xe1\xd0V4\x14\x1a\x8f\x01+\x86\x06\xd5\x17\xd4\xd3c\xdf\xd6V3\xde\xc9\xe2N\xa7\xde,\x10\xd01^3.\x05\x05\xad\x0f\xbf\x11\n\x8fM\x87^o|b\x02T\xd1\xd0J,\x16{\x9e\x8a\xc5f_\xa1q\x16\xd4|\xe3`\xc7\x89\x9b[\x05z\x81\x9e\x9eN\xa3\ts7\x0b\xc6\x04f\xc1\xe6Tqa\xbde\xb0\xc5\xc3\xf1\xb8\xd7KjML\x8c\xc7\x1e&lt;\x88\x8d\xcf\xcd\xfa\x82A`}\xd3\xee\xa0\x87Pf\xf6HE\xe0\xaeqT\xd05\xfaD\xfd\x8b\x02c\x9d\x1bl\xb1\xad\x10\x04\x8b{\xa3\xc0[\x19_[{8&gt;\xd7\x1b\x0c\xa2\x1c\x80\x0bw\x1a\xd0G\xaf\x07\x8c\xc0\x8d\x06\xbf\xa6Y\xd0lv\xb9}\xdb\x05\xc5\x126\x9e\x9bl\x87\xa1h\xc8;\x01\xacd\xd8;\xb12\x1b\xa3\xc7\xadA\xdf\\\xd0\xdc\xecp \x81\x02A+6\x1b,\xc2fG\t\xb0\xd0R\xd7\x08\xaa\x0b\x8d\x95\xa7\x07w\xc9(\xa51y\x12\x05\x16\x9a\xe69\x14\xa9\xb9^\'\x1d\xb4F;\xaf\x17\xb4\n\x9c\xc0r\xd1\xed\x90\xc7\xec\xaa\xa9p\xf8\xfa\x0b\x8c\xd5\xd7]_oZ\xf7&amp;\xa1V(\xe9\x9aF:C+\xb8Q\x0c\x06{\xe7\x82\xad\xf4\xa0\x0ej\xb5\x12\x9b\x99\xee\x86J\xda\xddfGE\xa9kVl{SPo\x01\xcbdX\xde\xdc\x8a\xa2tEO\\\x8f\xb6\xc2\xc0Z\xf1\xa1d\xf9|\xad\xeeV\x01\x87\x06o\xb9i\xa4\xe6Z\x85\xdb\x85;5\xa7L\xdcU`\xacD\xfd\xb0ay}b+\x1a\xa6G\xd5\'\x8f\xb6B\xa1\x95\x95\xd0\xd8X\xd8\xe7\x1d\xc3\x8d5\x9d\xe6GA\x15\xb8h\x02\xa9\xa4\xa4\xa2\x16\x89t\xb7\xf5\x8b\xbb\xb2\x05\xdd\x13\xa7t\xf5\xa6a\xd32V#\xdd%\x9exN\x1e\x85\xc3^oxk+\x14\x0c\x07\xdd5\xcd5\x845&amp;pyh\x98\x86\xc6}\xda\xaf9\x06d\xfdbi\x81\xb1,\xa4\xd6\xb2a{%\x9aLN\x9fx\xc0\xf5(\xec\x85v\xa1\xe8X\xd2\xe5v5\xa3J\xb5\x12\x15\r\xda\x14\x15\xd1\x18\x89\xbe\xba_,\x96\x1c\x17\x12K\x08,CK\x8b\xc5\x92^\x8fG\xa7ON&lt;\xb5\x1e\xcf\xf4\xa3\xadhr\x8b\x9e\xa8\xbb\xa0\xd5\xb4\x19e\xcaS[J\xc7\xb2\t\xac\xd4\xdc\xd6/S\x88\x95\xe7\x05\xed \xdeX\xea[F-\xa3\x16kz\xfdvx\x9a\xb0jk]\xd3\xb8\xbdN&amp;\x81\xe3\xc0\xce\xe3r\x91\xaf\xd8lTQQ\xbb\xdb\xd9[-S\x8c(\xc4\xfe\x82\x0e\xfa\xbc\xb1\xdco\x19\x1d\x1d\xd5\xe9\xac\xe9\xed\xcd\xf0\xf4\xb4\xcb\xe3a\xa3)\xb5\x1e\\\x01\xa7\x96\xce?\xb4_+\xa5Y\xa9\xa2R\xb7\xde\xd7&amp;\x93\xc1ZJq\xa6\x80\x83\x9d\xc5B\x86\xa5\x03\x97Zc\xcd\xdd\x0eG\x93\xaeZ\x9a\xfd+-\xa1Y6\x1a\xe8\xach\xa7\x19Xr\xd65\x87`\x80\x1e\x07\xcb\x90C\xb1x\xb9\xaf\x90X\xd9\x16N-\x8d\xda\x9a\xb6no\xde\x9e\x08\'=\x80\xa1Y2\x9a\x80*\xa1\xc96\xa4\x0f\xbf\xda\x9b\x9dm\xec\xf9&amp;\x02X\x85,\\Bav\xf8*\x89\x1a\x96\xc7\xed\xed\xcd\x89\x01\xf2R\x05a\xfd\xb6\x88\x06L\xd9\x1cs;\x93\xea\x8e\xac\x9a\xa9%\x13+R\xd9\x02:^\x985\xdco\x81\xe3A\xa5\xd1$\xac\xb9\\&amp;\xb3\xbd\x19\x0fO\xc3W\xb5$\x19M\x97\x96\xb4\x97T8\xcct\xd2\x80\x1d\xfa\x01\x94\xa2_!\xe6\x1d\x17\x17\x12\xabe\x18ji\xd4\x08\x8d&amp;\x9d\xce$\x12\x99\\\xeeE\x1c&amp;\x83\xcbH\xb5v\xb4\\.\xbd\xb3\xf7\x8e\x8clU\r,P\x89\x15\x8a\xc1|\xe1F\x01\xd1\x9c\x0e\x0f\x13\x95H\xa4\xd1h\xe0\xae\x04"\x03\xc5^l\xde^\xe9\x1d`\xcd\x9f\xd39\xd0\x8b\xf4!dt\xe2g\x04TJ\xb1\x98*D\xe1\xd4\x8a\xf8\xef\x0f3*\x88\x05o%\xac\x99D&amp;\r.h\xb6~\x18\xbb\xd3\xdb6\xdb\xd6v\x05u\x87\xcedT\x8f@*\xb1R\x89,\xe6\nv[-\xec\xdb\xe9\xba\xc2\x82\\\xbat:\x9d\x00\x18\xa0\x12~\xc6\x95\x1a\x1c\xec\xaf\xae\xbe\xc3lN\xce\xaa&amp;,q\xbfrP\x89,\xa6\xce\x1b\x85\x05\x99\xe2/\xee;8\xac\x02\x16\xa8\xf8|&gt;\n\x17\xb0\x02\x89\x8c5\xe1\xf73.[\xd7zW\x8a}\xd8\xcd\xd2\x07\xb1FF\x80%V\xf2xJ\x85B\xb9~\x1e\xa1\x92\xfa\xc9\x0f\xccG\x9e\xad\x89\xeb\xe0x\x12\x8b/\x12\xe9\xac\x08\xc8\x95\xf6\xb3\x08X\xd3\xcb\xcb\xb6\xba\x1e\x92\xac?\xd6/\xeb\xef\x97\xd1yE\x12\x8b\xb0@\x97\xca\xedd\xfb&gt;\xf1\xd6(l,{&amp;\xeb\xb8Y7l\xd1\x10\x14\x9f\x8f,\xa2z\x05\xfc\t\x12\x0b/\x7f\xc2\n0\x9b\xad\x8eq\x11\x98\x8c\xceQ\x92\xb3\x06\x95P\x8bV\xe3\xe1\x8b\xdcA\xf6\x13n\x8eB\xe1\xcb\xca\xc7k\x1d7\xff\xf0%a\x81\td\xa8\x10\xc0\xe2\xfb\xdfG"\x01\xfd\x96m\x94G\xfc\x00MA\x01*\x1e\xd4\x02TG\x87X\x92\x1a\x8cm\xeeL}\x92RA\x1f|7\xbe\xac|y\xf0\xf0\xe6\x8d\xcf\x80\xa5&amp;\xad@F\x8bQ\x17\xe0w#\x18U \x90\xb0Z\x96\xbbzRp\x17\x05\xe3\xba\xa2bX\x9d\xe0\x92Jc\x13;S\xbf^\xb0b\xa1\xb0qu\xa1\xb2\x12X\xdf\xde\xf8\xec\xab/\xe1xb\x82\xe5\t\x0b\xcau\xe7\x81\x15\xf0\xf3\xfdx\xb7\x1al=$\x16\x0bT+1\xa3\x92H\x98Z\x9d\x9d\xc4U5$Y;\x88\xfc\xca\x8f\x9c\xe9{\x1f\xb2\x99wK\x84\xb5\x91\xba\xf1\xbb\xcf9\xacn"\x13\x11\x96Z\xd4\xcd\xe7\xb0\xf0\x9f\x01\x8b\xc1\x96\xc2\xc6\xcc\x93\x0c2\x85\xd0\xcf(\x01\xc5aut~\x01\xae\xdd\xb3\xaa!\xf9\xf6j\xa4\xaf\xef\xe3\xbf\x90\x81\xbeI$\x9b9\xb5\xffPIXe\xb9\x1b\x9f\xdf\x02\x96\x88Q\xf1Y\xa1\x07\x16\xa8\xf2\xdd\x01\x7f \xd0\xcdW[\r]\x83\xb3\xb2AI\x8a\x87\xe5\xa7T*\xbfeR\xc9\xe5\x12\x1e\xc3\xfa\xa2\xb3\xe3\xe6\xeeY]\xd5\xe1\xe3\x08\xc5\xc7\xb5:\xf0T\xdf\xf9\xf2\xde\xbcV\xfb\x8ea\xbd\xdc\xff\xf3\x07,\x113\x97\x9a\xc9\xc5\xdc\x15\x08\xf0\x91\xc3!9op\x90\'II\x08JIR\xc9%\xf4\xfa\x80usW*\xedz\x1cQE"\xab\xf9\x8f\xba\xedh\x9c:\xbf\xf8~\xde\xde\xd0\xd0\xf0C\x19\xc3R\xe5\xbe\xba\xf5G\xd3(\x03\xe1S\xa1\xa7\xedZ\x83\xbf\xf0\x8f\x1f\x08\x04t\xa0\x02\x84\x14!gP&lt;\x89\x1c\xc1a\x8dpX\x1dH\xe3\xd9\xfa\x86\nX\x91g\xcf\xf3\xff\xf7\x81\xcf\xc67\xf9\xd7G\xf3w\xedZcC\xc3\xe9\x02\x93\xabr\xbf\xe7\xd6w\xff\x8aE\xf6\xfaP.t\x16\x93T.\x95VU\xf5H\xe5\xbc+\xa9\xbe\x96\x9f\x11\x17\xef\'\xb5\x90\xc5\xdd\xdd\xdc\xea*q\xe5\x8f\xbe\x7fz\xfc\xcb\xc1\xa8"\xbc\xb9|}t\xd7n\xb7k\xcb\x8dF\xe3\x93%.\x8b\xaa\xcc\xd9w&amp;\x1d\x976\xe6y\xb5ZDk\x11)\r`\xe7n1\xd5UQ\x80\x8aGZ\xc9\xa5r\xa6\x16W\xb7:\xdf\xab\xb5+\xc9\xaf\x82+\xa2\xca\x1f\xcd/\xee\x11\xd8/\xfa\xfa"\xac\xbe\xa9\xcb\xe7Gw\xa1\x94\x1d)$\xac\r\x0e\x0br\x91Z\xf0{7[\x8b\xd0J\xcd&lt;\x8fK\x9d\xd5\xd22\\?t\x85\xc5\xc4\x92\xe2\xea\x8cQqX\x9d\x84\x05\xb1\xb67TPK\x15\xd99\x9a\x9f_\\\xdc\xbb8\x9f\x12\n\xff\xd7\xf1~Z}\xe7PJ[\xae\xd56\x94k\x8d\xc6\xeb\xc0\xda/\xe3\xb8\xca2_\xd7\xb3*\xcf\xe7\xe4\xc2\x06\xa4fj\x894V\xab\xc5`0\xd5\xd7\xd5qj\x91\xad\xa4\xcceT\x1f\x80\x89$v\xb2\x95\xb8\xbb\xbb\xa3Z\x00\x94J\xf5n\xfe\xee\xdd\xc5\xc5\xf9\xc5\xa3\xd7\x97\xc7S\xff\xbd\xbd(.n\xcc&gt;=\x9a\xbf\xa7m\x02\x96\xb1\xa1\x9c\xb0\x1a\x9e\x1c,\\qm\xac\xff\xdeB$|\xaeD \x87\x1a5\xa7\x96\x06j\xb5\x0c\x9b\xea\x87\x18\x17\x85\x94S\x8e+[\xe4-\xaa\xa7\xa0"\xc3\x93XK\x7f\xd5j\xed\xe0B\xcc\xef]\xe4\xb3\xd0\xec\xe7\xc0\x8a\x8b\xa7.\xf7\xe6\xef\xdd\x9bl\x02V\xb9\xb1\xbc\x9c\xc42&gt;9X*c\\\x95e;]\x06\x1d\xd7\xd8p\x05\x95\xdag\xe64\xb5\xceb\xb1\x0c\x13\xd7\xd0\x10\x1dA"*FH\x87\xa4\xdec) \x16/Ob\xa9Te\xfbO\x80\xc5\xb8\x8e\xf0\xfa\xf1-\xc8~fSb\xf9\xbb\x87\xd06\xcd4i\x81F\xce\xbaNXL\xae\x97\x95\x95\x1b9\xec\xd5\x1a\x0e\x0cXtg&amp;b)\x85\xe7G--&amp;\x13\xb8\xba\xaaX\xfa\x98\xff9k\xed\xb2*\xcf\x96!/\xb7\xa4\xe2\xe2\x9d]\xcb\xb8\xe6\t\xea\xc7\xa3\xc5\xa3\xbd\xbf?=\xff\x0f\x0b\xb3\xb8\xef\xf8\xe2\xe8\xde$\xb4*oB\xe0\xad\x81\x89e\xb4\xef,-qjU\x96\xe5M-\xe8g\xe0\xf4\x00\xd5\x07\xee\x12\x80\x01`Y8\xac:H\xc4\x12\xc8e\xf3\xbd\xe5\xb1\x08\x15\xe2]^\xcf&gt;\x07U\xb6qZN\x010;9\x1f\\o//\xde^\x9c\xff{o\xcd\x99jr\x92\xb4*o\x9a\x99i265\xcc4\xcd\\\xbf\xce\xb0\x16 \x17\x07\xb6\x94\x1e\xb6X\xad\x0c\'\xc0z\x08\xca\xa9H\x1d@\x97\x03s\x99\xea\xeb\xbbH)\x96@\xd2\x8a\xa8\x94\xb40\xc5\x1dh\'P\x1cv\x18\x13~\x9e\xd9\xb1\xa2\xae\xb8\x98b\x8b\x0f"e\xfbO\xff\xf4\xb7\xec\x87\x8f\x05\x8a\x85\xc5}\x97{\x93\xa0\xc2k\xb2\xc18s}\xc6\xd8d|\x8f\xa5}\xb6\xb0\xf4\x93^\x07\xcb\x06\x0b\x05\xc8(\xe8\x17\xd1Y\xa1\x15s\xbc\x94\x0e\x91I\xb1"\xa5\xcc\xef&lt;. \x17\xeb\'2\xabe\x1c\x15\xc4\xfag\xd9v\x14\xda\xd4\x19\xc5\x01&lt;&gt;m\x90\xd5\xe0*cz\x83\xd7\x087\x10RI\x02\x0b\xe9\xb2&lt;\x04!Oa\xf8\xb0\x146\xb7\xfb\x14\xfa \x84K)r\xef\x9bcR\xaaP\x11\x9c\xe6\x9a\x16\x02{\xb1\x06\x94\x81\xa1\xab\xd4k\x8a\x93L\nAI\xd4\x876\xde.Y1E\xa6c\t\x85\x1a\xd22\xf7?\xe7K\xaal_\xd2*%\x8d\xbf\xfb?\xe7;\xdf-\xc5\x10\\\x80\xc5\xb9\x92\xd9k\xd9\x95\xd6\xb9\xcf\x9c\x0f_\xbe\xd8\x9e\xfe\xe0\xc3\xbe\xea\xe4\xc3?\xb2\xa4\x02+\xeeA\xed\xc0\t\x1f?\x1e\xf23+\xf4\xc64\xb7:;\xc2%-\x06}\x91\xd1\x08`\xa7\x10\x1aV\x14?e#\xa8\x88\x8fPI\xde\x83\x07\x87\xff\xab\xe2\xbb\x9co\x0e\xdf.\x80\xc4\xcf\xc7t\xaaQ\\\xd8\x8d\xb4\xe0:Sm\xec\xe6\x9d\xce\x87\xdb/\x1f\x9e|\xaf~\xa2\x82\x95\x95\xf5\x15\x8f\xdfOe\xa4~\'W\xa8\x89\xb4\xdauI\xb8Zg\x13&gt; ",;\x06\x12V\xc4GC+5\xcc\'\xe0\xc1\xc1&amp;|\x9f\xc5\xae\xf9e\'\xa3\x9cR\xbe\x89\x8bgX\x9c\xce\x12\x8a+{Y\xd7\xab\r\\\xbd\xb3\xf0\xe8\t\xcdO\x0c\x859\x8f@e\xd7\xef\xe7r\xf7+\xd0\x84\xddh\xaf\xe3"\xad\xa6i\xe6\x1a\xf6\xee\x01\'\x1e[=\xfd\xdb\x98O\xac\x08\x93()\xdfX0\xc5Y%\x93D\xf2\xf6G\xd6&gt;z\xf0} 5\xfd\xfc\xa2\xb3\xbfP\xc3\x10-\n\xcbC\x0b\x91e\xcf\xe8\xba^\xb6z\xf5\xbb\xce\x93\x0b\xf4\x8b\t\xae\x1f\xa9\xb2\xaf\x1ecB\x99\xf7+\xe8-\xb0\xc2\xd4[\x94\xd6:Z\xabQ\xecn!+\xb3\xe1r\x19\x17\xf6\\\xf4\x1c\xc3\xfe\x13\x13\x8b@\x89D\xc2\xeb\xc5\x93\x07)/&gt;\xad\x0f\x1f:qhQ\x1a\xa8r`QX\x9c\x15`C\xd4\xf7\xcc*\x97\xf5n\xbbu\xceA\xf5s\xbb\x81zp\xaf\xb9X\x90\xccV\xa7\xfew\x16)\xa1\xdf\xe1\xa2\xb8\xc2`\x99\xb9\xb6Zl\x98\x07\xa4zY\x96]\xc6\xd2uB\x8d\x01\xc5\xa3}d\x04\xb2`\x0c02A%F\xaa\xb8\xd9\x12Sb\xff\x89O\x1f\x0fTN3WxJ(\n\xc9\xe3\x11\xfb\xf1\xca\x95\x9f\x0c\xbd\x0f\xab6\x1c\xf7\xe6\xa6\x80\xca\xc2D{m\xa7m\x19\xc5\xcf\x87.\xae\xad]\xc4^\x0c\x85Es\xad\x10\xab\x18(\xb6w\xea\xe5\xb4\x0c\x97\xbcy}L\xc4\x05\x16T#\xa9X0\x86\x95\xea\xab\xc4\x8e\xfc\x98\x0eF\xea~\x9c\x92_\x7fwg/+\x8c\x9b\xe5\x8a\xb0d\xe3C\xb4#\xb1\x1f\xb3\xd7~\xb7\xf52\xc3\xf0p \xaa9\xca\t&amp;\xa7\xd9j\xe8\xaa\xb2\xf1K\xc8\xbf\xb6F1\xc1\xc5\xcd\xb5R\xc8\x11+`\xf7\xact:\xedb\xd7\xcd\xa0\x8fecA._*\x16\x1b\x89\xa5\xbc\xde$X\xa9\x11\xc1\xe2\x13(\x81\xd2&amp;\'\xf6\x7f\xb1\xd4\x19\xa8Z\x053\xbf\x18\x17\ty\x90\xd9\x10X!\x0f&amp;\xc4\xcfFY7\xb0 sd\x9fR\xed\x9c\xd2N\xab\xd3\xeeU].u\xa3x9L*\x7f8\xecv\x83\x85r&gt;/\x98\xb9:X\x81\xa2L,\xb8d\xd9&gt;+\x1a\x8c\xbb\x8a\x12B\xfdp\x07\x98L&amp;\x13\x1c\xdf0\x1dA\xc3\x89\x04\x05\x98\xfc\xeaK;]\xebp\\R\xbdm\xe6\xcd\xc7\x1eR\xc5\x89D\x1f\x08l\xeeZv\xc9*[e]\xd3\x00s\x90\tS\xa9\xd1\xb5\x0c\xcd\xd0dM\t\xd8\xcfQ\xc35h\xc6\xc7\xdd\xe3\x17\xd1\xfd\x17+\xcb\x82\x95m\x04\xaf\xa0\x00\x00\x038IDATa\x97\x8b`.\x97\xfe\xfd\xf5Y\xde\x85A\xca\x83\xd7\x04V\xd2\x1b\x0b\xfa\xf8k\xdc\xff\xa8l"y~S\xc7\xe5Xu\x93Tv[2\xf3M\xce*.\x92\n\x11\xae4\xf7\xe0\xafF\xadlUu\x030\xc7\x01\'LU]S\x15U5\xf09\x10\xe8\xad\x8b\xb4\xd0\xf2n\x1cCh2\xc1R\x94@&amp;\xa3j.^p\x19K\xcff#|\xf7\xe7M&amp;\x0fNL\xcc\xcc\xcc\\\x9d\xf9d8\x15\x1c\xc5\x8d*\x1d\x8dPQ\xcf%/\xd8t%\xe9t\xb9\xb1%u\xecb]\xca\xe7\xd7\xfb\xaa!\x8a\n\x0f\xb7\xa7T\xba\xb7X\xaf\x95\xd9e\xc8\x8eV\xbbK\x05\x05HQ5b)\xed\xa6\x7fm\xe0\xc2y\x8d\xc1\n\x96)X\x01\xa5\xd8w\x11\xcd\xbe9\x1b\x8dF}#)\xcai\xe6*\xfd\x7f\x96\x89\x04\x9d\xe5\x11\xb4\x1b\xcf\n\x84us\xd3\xa0\x17\xa7i\xf5\xdav\xd1\xf8M\xca\x17\xeeM\xd1\\\xa0\xbb:&gt;\xb0\xc7\xdd\xee\xd2\xd4\xab\xfb\x9d\x1a\x06W\xb5kk\xb2\xa3J\x99\x91KQ\x14Re\x8c\xdd&amp;w\xbc\x9f\xcb\xb8\xc7\xeap\x113\x80i2e\xc5K\x7f};zl\x94X3\xac\x9a\x9fH\xc4f\xfb\xac\x04\xb1\x12\xbf.\xe9\xf2\x9e*m\x14\x8b\xaa\xdd\x92\xa4\xe5\xa7q\x8f\x00\xa1\xf3=n\xa8\xc0\xfas\xb9\xd3\xc0V\xacv\xbb\x96\xe6@\xedT\x86QP\xb4\xaa[M\x11\x96\x9f\x9a\x0b\xac\xd5p\xe5-\xa5\x95\xc1\n\xd0GQ\xa6\xa6g\x97\xb1\xf9,\x1a\r2k\xdf\xfc\xc4\x84\x97T\xa3\xc7\x8eF\xf8v0\x91\x98_\xb2\xf9\x95\x02%k\x1a\xbf\xbft\xeeQ\x96\xc6\x15O\x86\xa1!\x98\x00+\xcd\xbdX\xdemTk\xbaau\xbbU\x07\xab\xfa.\x85d\xbd\xc2\x8a\x7f\xcd\xbf\nM\x98\xaeb\x1c\xb8\xca[I\x12\xac\x0c%\x16P\xb5w0\xfb\xec\x9d1b\xa1\xd9\x93@\xdd@U\x8fN\x9e\xa2\x11\x9bBS\xc9\xefT.\x8d\xdf^\xb1\xb6\xa4\xe9\xedx\x98@|\xfc\x8c\xb3\xabT\x9a\xfa\x07,\xabV\xe3\xc0\x1c\xaa\x86\x07-\xad\xa8rZ\x8d\xdcs\xd4ouuu\x1c\x0b,\x14\xb2\xf2\xd6\xe9\x1c\xb0x)ZZVU\x0136o\xa6\xbc\xb4\x05\x19E\xf7\x83\x93\x93QL\xb3\xd4\xd9M\xe3=\x95\\\xdc\xd8\xc8\x048\xads\xd3\xb7&lt;\x90\x88\xa0\x86\xe8\x9f\x80\xaa4\xf7\xf2.\xb30%,\xddA}\x8e\xa5(\xd4\xd2\xf86\xad\xbd\xf0\xdc\xbf\xca*\x86\t\xd6\x81&gt;+\xd0_\n\x9aQ\xa3\xd08\xb0%\xd4o\x1e\x83a\xf6\xd2\xe9\xd3\x93G\x8e\x82\xe5\x0b&gt;CS\xc9&lt;y\x99\xa5)\x1bX\x19\xec\xab\xee\xce\xf4\xf4\x9b\x10%\xe4\x9e\xa2O\x1e\xfe[\xa9te{\x8b\x8a\x08\x97U\xad:8+\xbc\x9a\xf7\x19XFg\xe1\xc7&gt;k\xb0V\xff\x97\x16\xba_\xd51\xe8\xfa\x81\xc9\xf6\x0f3\xe8\xab\xe0\rf\x1d\x99\x9c\xbcq\xfd57U?-\xbcB\t\x0cX\xbd\x9d\xe9\x93\xc4\x1ag\xce\xd4\x94(a\xa9\x94}\xd4g\xd1\xf0\x12iq\xfd\xf0\x8d`Y\xbb\x0b\x95w,\xbe\xa8wE\xa4\xcdHY\xe1\xcf\x8cb\xf7\xaa\x96\xae1L66\xcf\'S\xc1\xe8\xa5I\xa8&gt;\xba\xc5I\r\x16\x1d\n4\x0e\x89\x85\xf7W\x1b\x92s\xba\x19\xea\xabD`\xe4\x9a{\xf0$\xbf\xd5\xa9Y5\xce\xeb_A9dQX\xac\xa6\x19\x00\x00\x00\x00IEND\xaeB`\x82'</t>
        </is>
      </c>
      <c r="M22" s="3" t="n">
        <v>45492.67804398148</v>
      </c>
    </row>
    <row r="23">
      <c r="A23" t="n">
        <v>34705</v>
      </c>
      <c r="B23" t="n">
        <v>1977</v>
      </c>
      <c r="C23" t="inlineStr">
        <is>
          <t>Hulk</t>
        </is>
      </c>
      <c r="D23" t="inlineStr">
        <is>
          <t>Hulk</t>
        </is>
      </c>
      <c r="E23" t="inlineStr">
        <is>
          <t>CA</t>
        </is>
      </c>
      <c r="F23" t="inlineStr">
        <is>
          <t>ATA</t>
        </is>
      </c>
      <c r="G23" t="inlineStr">
        <is>
          <t>CA</t>
        </is>
      </c>
      <c r="H23" t="n">
        <v>180</v>
      </c>
      <c r="I23" t="n">
        <v>7</v>
      </c>
      <c r="J23" s="2" t="n">
        <v>31617</v>
      </c>
      <c r="K23" t="inlineStr">
        <is>
          <t>Left</t>
        </is>
      </c>
      <c r="L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fdfa71f-a8cf-4638-9a77-1d39eed82c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f\xa08\x00\x00\x00&gt;tEXtComment\x00xr:d:DAEewil2SDw:3759,j:3325205453230688475,t:24032721W\xbf\x04\xf4\x00\x00\x00\tpHYs\x00\x00\x0e\xc4\x00\x00\x0e\xc4\x01\x95+\x0e\x1b\x00\x00\x03\x00PLTE\xff\xff\xff\x15\x1e+\x12\x1c(\x03\x04\x06\xfd\xff\xfd\x01\x01\x04\xfd\xfe\xff\xfe\xfe\xff\xfe\xfe\xfe\xfd\xfd\xfe\x0e\x15\x1f\xff\xfd\xfd\xfd\xfd\xfc\x10\x19%\x05\x06\t\r\x13\x1d\x0b\x11\x1b\xfe\xff\xff\x11\r\x0f\n\x10\x19\t\x08\x0b\x18!.\x0f\x17"\xfd\xfc\xfc\xfb\xfc\xfb\xfa\xfc\xfe\x13\x11\x14\xe2\xad\x90\x18\x13\x15\x19\x16\x1a\x0c\n\x0e\xc5~j\xf5\xfa\xfd\xe6\xb0\x93\xc7|f)\x1e  \x19\x1b\xc2ze\xd0\x84m\xda\xa2\x88\xb8p\\\xdf\xa8\x8e\xf8\xfb\xfc\xc3vb/$&amp;\xf5\xf6\xf8\xcb\x80i\xda\xa5\x8d\xf8\xf9\xf9\xf2\xf8\xfc\xda\x9f\x84\xe9\xf2\xfb\xca\x8dv\xd8\x9b\x80\xcb\x83m\xe2\xab\x8c\xe0\xa6\x87\x08\r\x15\xda\x94z\'\x19\x195!\x1fV;6\xbds^0\x1d\x1b\x9c]M&lt;\'% \x1c \xabdQ\xd4\x9b\x84\xef\xf2\xf5\xd4\x93z\xd1\x8dv\xb5mZ\xd4\x89q\xe3\xe5\xe8\xc6\x83n \x14\x14\xd8\x8eu\xee\xf6\xfc\xcf\x93~\x88PB\xd5\x98\x80\xd2\xd6\xdc\xd0\xa3\x92\xca\x90}\xbd\x87wM52zSL\xff\xfe\xfe\xd2\x9e\x8a\xe3\xa3\x8e\xaaqe\xb2kY\xb1hT\xc6\x87s\xd1\x97\x81B22\xbevb\x8d[RoMF\xcf\x8ar\x8bc[\xbeyeW3,K0*B,*\xca\x85t\xa1ri\xa4dT\xce\x90y\xb8~l\xadhV\x9emb\xd9\xdc\xe0\x81b^\x94md*.6\xe5\xb2\x98\xdf\xab\x95\xdc\x9c\x8a\xdd\xe0\xe4\xef\xee\xf0|\x82\x8b_&gt;8\xe3\x9f\x87\x97XH5((\x8c\x93\x9c9@J\xa5`M8,.\xe3\xec\xf2\xf0\xb8\xa8\xcc\x89o\xea\xb3\xa3dIE\x82[S\x94bYpF;\x9dg[\xb8\x81t\xc1\x7fk\xc4\x8c}\xe3\xad\x99\xb1qc\xb2|o\xb8ub\xac\xb2\xb9\xb3\xb8\xbf\xcc\x8c\x84\x83UL(#\'\xe3\xed\xfc\xc0\xc5\xccpTP\xb8\x8c\x83\xca\x96\x85BHQ\xbc|j\xe9\xeb\xee\xc4\xca\xd2\xda\x95\x84\xb1\x80u\xd3\x92\x8d\xd9\xa9\x94\xe8\xa8\x92\xbf\x84phpzxH?w[Y\xaevi/5@\xa8l_\x80H@I*#\xf0\xb0\x9e\xce\xd0\xd5sy\x82hC:\xb6wi\xc0\x7fsafo\xe8\xb6\x9c\xba\x8a}\x85\x8b\x94QVa\x90UD\xb2\x86z\xb8\xbf\xc7B$\x1e\xed\xbd\xb1\x1f\'2\xea\xac\x9b\x9d\xa3\xab\xa4xp\x96\x9a\xa2\xdb\xe4\xec\xbc\x93\x85_B?\xf5\xf1\xf2\x8bki\xc8\xd0\xda\xd9\xa4\x98H;&lt;\xa5\xaa\xb2\xd2\x92\x83\xe2\xa4\x97\xc7\xa6\x9f\xc3\x99\x8a\x95tq\xde\x98~\xe1\x99\x83V]hTCC\xa7\x81x\xacyo\xc5\x83\x7f\xc3\x90\x83\xc6uv\x9d{o\xd3\xa8\x9d\xcd\x80}\xdd\xaf\xa3MPXp;3\xd5\x8b\x7f^]c\xd1\xca\xce\xe6\xdc\xdc\xe3\xd1\xce\xee\xe6\xe7cQPc:/\xdb\x9a\x96\xd6\xc4\xc3\xc8\xbb\xc1\xad\x90\x8c\xce\xb4\xaf\xc5\x9b\x95\xbc\x98\x92\xc1\xb1\xb8\xb2qz\xba\xa7\xac\xe1\xb9\xb0\xf5\xc2\xb7\xf7\xc9\xbe\xb1\x90\x9c\xaa\x82\x85\xadch\xbcdV99@\xbfnn\x96A4snp\x9c}\x81\xa6NB\x0b$&gt;F\x00\x00 \x00IDATx\xda\xbc\x99[L\x1b\xe9\x15\xc7\xa9\x8c\xcb\xb0\x8c\xa6\xcdd\xaa\x19[\xbeH\x80\xbd\x16\xc6\xaeUU\x96\x160\x18[$\x98\x18\xd5%\xbb\x90\x04\xbb\n\x17c\x07\xac5\x04\xab!\x80\xb9)a\xc1l\xda\x14\x10\x88\xec\xb2\x10)\x14\xe7F\x00\t%8\x97\xd2\xa0\x8d\xd0&amp;Z6l\x9bU\x94\x08"\xf6\x85\x87(\xfb\x90\x87JH\xbb\xea9\xdf\x98\xb6\xaf\x95\x86|\x8aab\x8c\xe7\xe7\xff\xf9\x9f\xffw\xbe$%\xe5\xff]T\n\xcd\xa7\xd3\x14\x95A\xf3p!\xf0\x16\x93\xe9,Y%&amp;\x93\xa9\xa4D\x10\x84\x0c\x1a\x16\x05/\xa1R\xde\xddB,\x8a&amp;K\xa0\xd3iS\xc5\xf4h\xf7\x9d;\xed\x0b\x0b\xdd#\xd3--\xf3m&amp;\x9a\xe7y\x81\x17\x10\x8bz\xa7XB*\r\xa2(\x14\x8a\x92\xb2\xf9\x91\xa5\x85e\xf5{j\xa5\xf2\xa0:\xd2\xb3\xd4\xbe0;\xd2b\xe2-\xf0c&gt;\xe3\x9da\x1dK\x81[\xa5Q\x00\x95\x93c9\xdb6qgir\x9cU*\x19\x99\x0c\xff0\x8cF\xadV\xfem{\xf5\xfb\xb3\x16\x8bE\x80BR)iiTr\xed\x1b\xd4\x81\x03\x07(r\x17\xd0\xc245\xbd\xba\xd4\xa3\xd602\x86cdr\x19#\x97\xc9\x08\x19\xb2M\xaeV\x94\x88X{+\x8dJ\xdb7\xa9\xc4;dP\x82\xa5\xa4m\xa2}\xd2\xc1\x10\x12N\xc3\xc179\x90\x01\xa2\x0c\xe98\xce\xb1\xf5\xa4\xa2\xcc\xc2\xff\x0f\xd7\xfe\xa9\x05o\r\x9e\x027\x9bZ\xba\xb7"J\x19\x81\x91\xcb\x19\x0e\xc5B&gt;FN\xe4\x02,\x99l\xbcgv\x02\xba\x12\xecO\xd3\xf0+t\xca~bA\xf3\tS\x15\xf7\xb6\xd5\x9c\x06\xcaG\xa8\xe4b\xf5P.x0\x0c\xc7\x81|\xa0\x9b\xe6\x97\x93\xdd\x13%9\n\xa8\xa5\xc0\xf3\xfb\xa7\x16E\xb0\xf8\x9c\xd1\xeeI\r\x83X"\x92\\\x8eW\x0c#\x12\x92Zr\x1a"\x19\xe7X\x1e-\xc9\x01\xc5@\xe1}\xc5\x02\xad,S\xed\xbb\x07\xa1R\x1c\xc3$\xc5\x92s{L\xa2f\x1c\xc7\x10)E\xef\xb7\xa1\xf5\xf7K-\xd1\xb4P\x0eK\xc9H\x84\x13{N&amp;\x97\x89\x02\x11W\xedIG~\xc2h\xb01\xe1i\xce1;mR(\xc0\\\xfb\xe2|\xb1\xc7\xe1c[\xe6\xb7X\xec6br\xd1LIW\xc9\x92\x82agr(&amp;h\x066\xfb\xd9\xd6\xea\xbc\t\nI\x82%Er\xac\xf4t\xd8\x03\x05\xd3\xbd\x05\x07I)RA1\x16\xf6j\x99\xfc+:\x1ex8b~N\xa3\xfc\xc5\xaf\x96\'\x04TK\xdc%\xa5\xc6\xe2!C\x85\xf9\xed\xc8\x07\xa4Lb8\xec\x11\xc9\xf6\x1a2\x19\xa8\x0c\xd1\x0b\xd9\xb0\x94\x07\xb7\xe7\x89\xef!+\xa8\x14J\xfal\xb0\x94\xac\xeeb\\\x11s\xc9\xf6\xc2A.\xa6\x15C\x04\xc2\xd8"\t+\x92\x89\x81\xab\x9em\x81:\xf28VH\x8d\x95N\xf1BN\x05\x04\x96\x8c\xdc\x1f=.\xd2`\xff!\x93\xe6?\x8b\xe3X\x16\xcb\x98L0x\x9dcv\xde\x84\x01&amp;9V:\x8e*\x96\xd1\x08\xd1\x82#\x91 C\x0b\xc1}\x19bqN\xc3\x8aK\xa9\xc4+NC\xc0X%\x8b\xaf\x94\xbd\xb7&lt;aR\xc0\x90vl\x1f\xbce\x99Zu\xc8D\x15\xc4qA\xd4F\xa3T\xb2x\xc1\xba\xf3a\xb9\xddn\x15&lt;DDx\x92\xe5\xc8\x06\xa5Y\x9e\xb7\xf00\xea\xa4I\x8b\x95\xca\xf3\x16\xa8!\xa8\xc0j\x92\x05\xc26S\xc1rg\xe5g\xbb\xdd\xf9E\x05s\xb6\x8e\x0e[0x\xaa\xb8\xf8~qQ\xbe\n\x85\xc3b\x8a=\xab\xec&gt;+H\x8fE\xc1\xc0iz2\x8eP\x1aR\xb0\x0fXV\x95U\x1c\xac\xb4!K\xa5\xadc1\x16\xf7D\xedv{\xc2\x13\x8f\xc7b;\x81`1\x08\xa7B\x93\x896\xe4\xb6\xdbr\x04\x0c?JR,\x08\xad\xb6%\xf8\xf8\xd8nP\x1b\x95;\xbf \xd8\x11\x1f\xab\xc5\x95\x18\xab\x8d\xd6\xdaC\xe1R\x83\xc1P\x1a\x0e\x85B\xd1\x84\'\xb6\x13\xbc_P\x94\xeff\xb9d\xabFF\xa1\x1b%\xefD\x9e7\x8dDX\xa5\x868\x9eu\x17\x15\x07\xe2@\xe2\xf5\x86\xed!\xa73\xec\r\x87\x87u5\x85\x85F\x1d~5\x94\xfaz\xa3\x9e\x9b\xf1\x9d\xc0\xfd\x82|\x15C\xf6\x02\x86]\x02\xb9R\xa5\rT\x18H-e?*\x95Jb)U\xfe\xa9\xe0\x8e\xc7\x1e.E\x02\xaf\xd7`(\xac\xd1\xe9\xb4\xba\x9a\x1ac&amp;,\x9d\xd1\x08O;{\xa1\xa0\xf1\x9d\xb9\xfb\x05\xac\x18\xb6L\xe4\x89\x89N\x95\xf28\x84{\x99`\x1a\xbd\xce@\xbf\xa3VE\xa7\x021\x8f\xddYZ\x83k\xb8\xa1\xa1\xc6\xa8\xd3\x9a\xadf@\xc2Gf\xa6\xd1XSh\xf0\x01X\xc2\xf3*0\xe7\xc61\x11M\xffc\x998GKi-\xa1lA\tQ\x00y\xc0\x16\x05\x03\xf1Do\xd8kh\x00}\x8cF\x1d\x92\x98]\xe5\xe5zsr\x11\xb4B/pE=\xb1@\x11\xc8\xc5\x10\xb9F\xc41ZJ*\xcb\xe8\xae\x86\xc5\x80B\xaaW\xd1\x90\xb7\xd4\x00\x95\x03$\xf2\xc5l-//w\xe9\xc5e\xd6[\xad\xc8\xe5Kr\xe5s\xe2\xa8\xa1l\x9f\x92P-|#\x9a\x9ejWcn\xb2\xaa\xfc\xe0\xce+\x0fv]\x8dVk6kQ\x1b\xb3Y\x0fTy\xc8\x05\x97z\x97\xcbUo\xd6\xe9\x08\x17\xf6\xe4\x1c+\xcea\x9a\xed\x16rF\x93l\xd4J\xa1S\xbf\xdfR&amp;\xa9b7\x13\xd0|&gt;\x83Q\xab\xb5\xea\xad\xc0e\xb6\xea]HU\x0e&lt; \x95K_\x7f\xf8p\xbdY\xab\xd5%\xb9v\xdc\x8c8-\xf6\xcc\xd3p\xd4\x90\x90\x8b\xb6\xfc\x1d\xd2\x01Vvq]"\ny\xe0\xf3y\x0buZ(\x96\xd1\x08 \xc8D\xb0\x90\xca\xa5\xb7\x02\x93V{D[\x83\r\x19M\xbc*\x12G\x0e\x99\x94X\x98\xcc&lt;?\xd5\xee\x00(\xb5\xba(0f\xef%X\x90\x0e5h\xabL\xab+/\xaf&lt;\x0f\x1eH\x85E\x04\xbf\xa1\xed`\x15\x16\xfa\xc0^7\xe7\x92\x99:))\x16$&lt;_\xb6\xa4V\x01Uvq\x87\xc7\xde\xeb\x0c;\x9d\x90V\x90W\xc6L(`\xde\x06b\xfd\xd7\xf1\xd0\x05\x90\x10Hm\xac18\xed\xd1D@\xa5\x91\x89E\xe4\xa5\xc2\xc2\xf9\x0f\xb8\xda\xb6\xd5j\xa5J\x9d\x15\\\x04\xac^\xcc\xf5\xd2RH\xd1L\x10\xe70*E\x8c\x85\x0b\x1b\x11:A\xd7\x00`\x90h\x88\xe5\tdC\xdc\xc1Xv}\x9a\xa7\x0fH\x88\xc5\x0b-\xdbjtVn0\xe6\x89\x02\x95\x0f\xa9\xa0\x17\xad\xd6\xf3V}}}\x12\xa9\xdcU\xaf\'\x9a\xd5\x9fo&lt;\x02`\xb0\x13A\xaa\xda=\x81|\xd8\xb2a\xd3\x8aL(\xe84\xc9\xb0\xf0xX\xb1\x05b\xa9\x1c]\xc1X\x02\xb0\xc2^\x8c\xad\xe1\x060v&amp;\tPR=\x171\xbd\x1e\x1a\xf3|c\xe3\x91\x0b\x17\xb4\xc9f\x04,\xe8a\xd8\xe3#\x13\x82tX\xa9\xc7\x00k\xbaG\xadT;r\xfb*\xe3\t\xf4\x16P\xc1~8\xdc\x00.\xca4bna`\xb9\xca\xcb\x93\xb6\xb7Z\x8f\x1c\xc1^\xbc\xa0\x83\xacwFw\x8a\xb2U*\x96\x91E\xee\xe5H\x15\xa7x@L\x15r\xee\xed\x82\xe1\xc7\xfb\xbal8T9\xc3a_)l\xd2\x90\xf3d\xe3\xd1\xeb\xad"V\xde\x1e\x17&amp;\x84Nw\xa1a\xb8\xd4\x0bU\x8c\x15\xc0\xd8\xaa\xd20\x92be\xa4\xc3\xd63\x12!buuDa\x81\xb9\x9c^\x1c\x1d\x8cX\xbd\xfad\xf1\x80jcC\x04\xb3Z\x01J\xd7\xd0\x00X&gt;\x9f/\x14?\x95\x95\x95\x9b\xad\xe4"\xa3\x16\xf1\xa8HI\xa1\x16\x9c\x10sF\xaf\xab\x1c\xe3\xb9]\'\xabBv0W\xaf\x13\xd5\x02\xb1\xac\x18\xefb\'\xc2\xc5Fgg\xe7F^\xde\xa1C\xf5\x8d\x8dZ`\x1a6\x00V\xd8\x17\xf2\xd8\n\n\xba\xb2\xd4\x9a\xdd\t\x81\x96\xe8\xc4\x0fj)\xe0\xdc:\xd1\xa3F,\xdb`5`Ea\xfe\x839\x14c\xfe\xd0\xe5\xcb\x04e\x03V\xe7\xcc\xcc\x89\xceo7\xf2\x0e\xbd\x7f\xfcw\xbf=\x02\xf5\x83\xe1\x10\x973\x11\x9b+.\xce\xcdfw\xa7\x15\x10\x10\xb44je\xa4\x0b\x82\x05\xb0\xc6ss\x8b\x17\x87\x00+\xe1I\xd8aD\x86\xc1\xa6\xf1\xf0\xe53\'fVN|\xdby\xe2\x04|\xbfuke\xa6\xf3\xf2\xef\x7f}\xf4\xc3\x8f&gt;\xfe\xe2\x0b\xaf3\x14\xea\xed\x85\xed3d\xf7t\x04\x83]Y\xaa=,I\xd4\xa2\xd2s,\xc2\xfc\x96\xa3\xab\xaf\xafr\xac\xba:\x94\xf0\xc0J\xd8C\x17\x87/\xfc\xe1\xc33g\xbe^\xe9_\x99\x99\x99YY\xe9?w\xeeA\xff\xd7\xef\xff\xe6\xca\xd17\xcf\x9f\x7ft\xed\xe3\xbf\xde\x80\x13\x87\x1d\xa5\r\x0f\x8d-\xdaNve\xe3\xe6\x93\x86ZI\x81\x95\xaa\x80*\xb6,g\x9d&lt;Y\xf9h\xb0\xba\xda\x0eCz&lt;^\xdb\\}\xed/\x9f\xde\xfe\xfc\xe8W\x9b\x80\xd3\xbfr\xeb\x1c@=x\xd0\xff\xc7+W\x8e\xae\xaf\xaf\xbf\xf9\xecass\xf3\xe0\xde\x07\xb88\x18\xb7U\xeeaIr\xcc\x808U\xa4b\xca\xe7&gt;\xae\xec\xa8jn\x1a\xaa\x8d\xbf\x8a\xc5\xe2\x03\xad\x0f\x9f=\xbb\xfb\xe6\xe5\xe6\xe6\xdb\xb7o\x01\xa9\xff\x01Yo77\xd7\xbf\xfca\xfd\xf5Okk\xfe\xd3\xfe\xc1\xaax\xfc\xa6\xc7&gt;t\xf1\xe2PUGe_\xd6\xe4\xbc\x82\x96\xe8_\xb9\xe0-~\x9e\xce\xf3-\xdb}\x8fm\x97Z\x9b\x9a\x06\xe3\x8b\x8b\xb1X\x9d\x7f\xed\xe9\xd3\x17O\x7fz\xfdf\xfd\xe5\xcb+(\x18Bmn\xbe\xfc\xe1\xf5\xbf\x9e\xae\xad\x9d&gt;}\xf5\xf4\xdaS\xbf\xdf?v\xd3\xe3\xa9\x1d\xbaq\xb1\xba\xf6Qe\xdf\xf8r\x85\x82\xa7$kE&lt;\xe9\xb7-E\x1e\x7f\xe2\x7fx\xad\xc9\x1f\x8b\x01W\x95\x1f\xee|\xe9\x12\xdc\xfc\xe1g\xdf\x1c\xfd\xea\xcf\xfd\x80un\xf3\xf87_&gt;[\xbb\xf4(`{\xf4I\xd5@\xeb\x8b\xd6V\x7f\xad\x1f\x8e\x91C7nT\x0f&gt;\xaa&lt;\tXB\xf2\xbf\x82\xa4\xc1\xa2\x08\xd6\xa5\xe6\xef\x1e6\r\xd4\xd5\xc5\x80\xaa\xb5\xf5t]\x87\xcdf[\x1c\x00\xae\xe3W@\xaes\x80u\xfb\xee\x8b\xab\x8b\x1d\xb1\xaa\x01\x7f\xf5\xa7\x7f\xfa\xfc\xf9\xa7\xd7\xaa\x9b\x87\x86\x86\x9a\x01\xebF]\xe5\xa9\xac\x7f\xb4$s+E\xa2\xa4\xe7\xcbf#\xff\xbc\xda\\\xdd\xd4\xea\xf7\x0f\xd4\x0e6\x7fw\xfb\xf9\xdd\x7f\xb3j\xfe?i\xe7w\x1c\xff\xa5i5\xe3\x97\xfb\t\xcc\xfd@fB\xe5\x86Ub\x94\x1f\xac\xa2\r\x1c\xe0\xb8\x06\x9d\x80\xe5\x8b(\x8a\x82\xa0\xc0l\xe6gN\xbc\xc5\xc6"\x08(\xb2\xd8%\x95q\x03+\x11\x02\x9a\t;o\x1a\x8d\xa1\xb1\x1a\x1ah\xadQ4\xd5NnZk\xd7\xd6l\xea]\xbc\xb3\xeb^o\xba\xed\x1f\xd8\xe7\x1d \x04~y\xf0~\xbd?\xef\xcf\xf3\xf1z\x13C\xef--\xba\xf9ew\xe1\x92\x19\xc6\xf0\x83\xa7c\x9b\xb1XJ\xb4\xedv\x0b\x12\t\x8c]\xac\x88\xdaE"_P\x06\xa3N\xdc\x96\x8f\xb2&lt;\xd2;\x1c\xa8n}\x0c\xcd\xdd\xdf\xfc\xb0a\xd1\xc9tk\xcfc\xba`\xd0\xa3h(DC"\xd9^\x9e\x9d\x1d\xdb.L&amp;\x93Ri\xb2\xb0\x16\x86$!,\x16\xba\x1b\xb0\xa38VS\x1c\x8d\n\xd9n{0\x83\xd5\xf8\xe5G\xc5\xc0em}&lt;Q!\\{\xf8\xc3F\xa7Q\x17\xdb\x9c\xf7\xc1\x04h\x85\x12\x84 \x91H\x1e&lt;\x90l\xcf\x8b\x12\xde4\x87S\xeae\xc3\x07\x12a4(\x0bn\xce\x8f\x1d?\xa9\x9548\xe0\x07H\x84\xf6\xff`\xfd\xf9\xbfE\xc4\xe5JDX?\xfb\xdd\x1f\x1e\x07t\xba\xd8\xd8\xf2\xac]$\xdc\xde\x1e\xdb\\C\xd7\xe2\xfc\xec\xb6h$5\xa2 +!\xa8\xde\xedhp\x8b\xfc\x91\x90\xb5\xa5\xf3\xf0p\xe30\xd0\xf9|\xd6\xeew\x08\xf3$C#\x80\xd5x\'\xffO?G\x9dJ\\\xd6\x16 ]\xca\xba\x9cC\xf8\xe3_\x1a\x03\xba\xd8\xfc\xf2\xd3Y\xbb\xdd\xf7&lt;\xf0H\xbc\xf1\xf8\xaf\xef\xdfwZ\xac\xa1\xf6\x90\xd3C\x05Ac2\xee\xf2\xfd\x11g\xc8\xda\xd4\xb9z\xb8\xd1x\xd8\xb81Pgt:\x85\xec&lt;\x81?\x18\xb4\xb4}\x99\xff\xdb\xcf\xd1IKv6.X$\x12\x112\xc4/\xbeEX\xb3n\xb7hDgyt\xf8\xadx\xa0\xfc\xf0\xe1wku\xe1\xde\xf6v\x03Dc\x88\x14\xb9\x05L95R\xd9d\xfb\xfe\xc9j\x8f\xbay`\xb5Y\x1dn\x8f\x08\xd9ElEDom\xcb\xff\xfd\xc3\xcf\xbb\xbfZ\xa1\x13\x89\x97\xae\xe0\x80\x95\x93C$\xd2I\xbf~\x7f\'\x10K!,\x99mp\xf0_\x0f\xef\xab\xa7z\xd6\x8ec\xb0_\xb6W\xb2@\x07\xeby&lt;Z.\xcf\xe0\x89\xccU[u&gt;\xeb\xde`\xb8Ig\xb4\xb5;\x1d\x8a\x8e\x9a\x1a\x85\xc7cl\xcc\xbf\xf3\xcd\xdf\xff\xf9\xdd\xdb\xfdk$\xb8_\xe3\xd05%\xa1\x06\xe5W\xbfAX"\xe1\x90=h4\xdan\xaf\xd5\xc1\xa6ji\n\xef\xed\x85+{\r\xbc&gt;\x16\x84h%\x8d\xcar\xeam\xbd\xbd2\x9d\xd1\x98\x1a\x99\xddv\x0b\x15|-\x9f_\xcc\xe5G&lt;Fq\x99\xe6\xbe\xb5\xd2\xb9U\xbbO\'\xe2\x81E \xe5\xd0\xf7\xff\xf6\xcb\x87\x8f\x03)\x88\x05z\xa73h\xb7\xa7d6\x9b\xd5jm\xaa\x0e\x87\xe7\xaa+\xa1\x86T\xd4&gt;\xa2\xd1x,C\xa8\xb274\xe2\x83\x9b\xf8N\\\x92\xc1r\x90\xb5\x0eW$U&gt;5\xd9[O\xc6\x12\xd1\x13:\x01\x97%O$\xee\xbf\xb1\xac\xaen\x04R2\xa7Kn\x90;\x9d[CQ\xbd\xde\t9*\x0c\xf7\xbc^9\x95e`\x92\x0b(J\x1a\x8d)\xef\xeb\xeb\x83\xb4\x1f\x8aD\x85\x02\xb7\xb0\x18\x19P\xab\xc3\xe1\x02\xac\x99\xbdz\x957i\x8ekO\xae\xe1p^\x06;|\xf6\xca[=\xabz\xaf\xbc3\xe5\x84\xa8\xd9\xdeg@d\xc1H(C5\xd7k\xa0\xca\xeb\xeb\xa9\xa8\x11\xc8d\xe6R\xa8\xf5\x10JQFT\xb6z\x1c|&gt;\xdf\xe1q\xb5\x82jxF\x06\xe7J\x87\xcdK\xff\xc3\xca\xfa\xbf\xb1\xb2Vv\xa8d\xea\x87\xea\xdb\xbe\x10\x8a\x9b\x19\xa1v\xb9\xe4\xed\xe0\xcb\xe0Ar\xd4\xa7\x943i4J\x01\x83\x8cz\x94 \xd3\xadd&gt;\x03|\x8c\xcfg(\xf8\x14\xa5\x92\x02X\xfa{\xb6\xe1\xfe\xc5\t\xa9\x97\xf1b\x05\x87\xe6\x1b\x141\xfb\xda\xc9\x8fi\x8e\xc3\xa6\xf3\x85\xa0D,\x83\xcb\xa5\x04\x7f\x90\x1bX\x10\x9d\xc1\x80\xa8N\xf8\xc8\xc1\'\x83ph\x19\x05\x8c\x02r.\x85\xacB\x1d\x80\xf5un)\xe7.\xb9\x95Juy&lt;\xfa\x16\xdd\xd7\x8b\xfd&amp;N\x9a\xfc\xee%\x01\x17,\x02\xfd@\x9bx \xf1\xc5|!0\xb1z\x9e2\xa3\xcb&lt;\x03\xd229\xcfE\x95\x1b\xa8|\xce\xb3R\x95R\t\xb3\xc5P1\xe0\x85\xc1\xe0\x96"\rz\xb6\xceQ\xf1[\xa1\x9eQ\xbbU7\xbc\xbe~\x93\x9b\xa0m\xed\x13\x88x`]"\x1d\x8c\x8eJ\xba\xc66\xe7#N\xe0`fZDTTJ\x9e\xa1^\xc9c\xf1\x94Z\xaf\x14\xa4\xa7\x8aW\xdf\xd7\xc7\xe3p( \xb4\xaa\xbb\xdcu\x93i\x1d\x9e%\\&gt;\xd9\x01X\xb7e^\xd0o\xed\xf89`\xe12[9\xa4\x83D\xa2\x01\xdb\xde\x1c\xb3\xeb[\x99L\x1a\x93IA-n\x97\xd2\xc53P[Y&lt;m\x02\x03\xe9\xe9\xef\x9f\xd0\x82B\xf7\xb5rU\xb9\xb9Wo\xaa\xae\xde|\x96\x11"i\x8d\x8aA\x8eF\xedF+\'\xaf\xa8jw\xfc|\x14\xa7"\x92`\xb6\xd2*m\x10\xb0\xfc\x0e2\xda\xa02\xedw\n\xb8)OI\xf5\x8c\'\xcd\'\xa7g\xa7\xf0H&amp;T\x0c\x1a\x95\xc6\x00\xd5\xce\xf4RKMRPG\x8c\xa3\xe5G\xedvk\xf8\x1c[\x92\x8e\xee\x9e\xc7\xbb\xf1\xc1\xa2\xd3\x0fv\xaf\xe6*C\x9bc"\xbf\x9f\x9f[\xc0P\xa9T\\.\x83\x02uT\xe6j\xe3\x8bgh\x9c\xc2s\xb1\xdf&lt;aJ\xd3h\x05H\xfb\x9f\xad\xc3#3_^\xaeV!\x9a\xbfW}NN\'\x8fh\xcaEzv\x16N\xb3\x15\xa5\x15\x08\xecko\x00\xcbA\xe6\xab@\xa5\xbdi\x06\x8d\xa9l\x8d\x8e\x9bOO\x8e\xdf\x9d\x9c\x9e.\xc2t\x9d\x9d.\x9e\x9d\xf6{siU\x99u\x05\xc3\x84\x99\xf2\xa4\x98\xd6\x11\x15\xf9\xeaB\xbbdZ\xda\xcb\x1c\xdd\'\xe1p\xac\x08\xf7\xc4\x1c\xe2\xfe6\xa3&amp;\xcf\xb7\xfa=\xc8\xb2\x83\xcf\x00\x95\xc6\xbc\\\xb41\x91\xb7N\xce^X\xf2\xef\x04\xde-");^\xed\x1c[&lt;\x9b\xae\xca\xbd*]Z\x02\xef7IM\xa6"\xac\xa4\x03a\xc5\x9aE\xde\x1f\xcfii\xfe\xce\n)\x1b\'\xac\xee\x17\x89\x8e!\x99eS\xa4\x8f\x00\x17\x07a\xa5\xb9\xbb\\-yt\xf1\xd4\xae\xfe\xe2\x0buj\xd8&lt;&lt;\xfc\xd4\xf2h\xd2\x16?\x9dNW\xdd\x9c@\xde?\x81*XTT\x02k\xcb/jiv\xa7y\x1f\xce\xd3\xee\xd7t\xc0\xba\x82C\x82\xc8&amp;\\{=J\xa3\x04\xeb\xd6D\x1e\xc0\xd2\xd6`R)\x06u\xf4j\xf9\x1d\xc3\x8bG#M\xf7F\xc6\xe3;G\xf1\xf8\xd8\xf2Qrz\x1acc&amp;\xb0\xec\xe9iX\xee\x13\xd2&lt;vIM\xb1C/\n4K\x18\x1f.\xce\xb9\x10 \xa0\x888`]"\xc2~\xbau^\x1f\xaa\xeb\xb4\xeb\xf5z\xbf\xa0\x04\x03\x9f\x90&amp;\xa5\x18W\xa1M/\xf5\x9b\x8fFk\xe3\xb5\xb5\xf1\xf8\xce\xd3\xed\xa3d\xd2\x9b.\x82\xebo\x1a\xc6\x12\x80M|\xc6n(\xe18\xf4\xbe\xe6fa\xdf\xc5\xc5\xb9j\xe7%\xca\xf3\xb7p\xe9o\x11\xf7GY\x1f\xda;;\xe7\x11\x96\x10\xcdV2\xb94\x81A\x15i\xd1\xad\xad\x7f\xe86\x97kwv\x8e\x9f\xb7X\xac\x91\xad\xdd\xb4\xd7\x0b\x1b\xc3tf\xfct\xe9\xb3\x1aA\r\x87\xafO=\xaa3\x00U\x15\xf7m7\x89\x80\x8bb\\\x01\xac\x97\xb5\xf5\x17\x17\xd6\x80\x0fa)\x04\x98\xb4P\xfa\xe9\x844\x01T&lt;Vex\xa6g\xa0\xee\xf9\xf1\x9b\xd5\xe6\x99r\xf5\xa4\xd5\x18\x89j;\xbc\xa6\t\xd4,\x99\x86\x95_#h\x10(\xfc\xa9\x81\xe6\x8b\x0f\x14l\xbd\xf85)\x87\x94\x85G\x0c\xbcE$\xe5\xbc\xdcq\xf4]\x84\x07b\x1f\xab\x88\xc1\x90b\t-\x05b\xc4\xdc\xa4Z\xa3Y\x98\x1aX\r\x94k\xd0\x01zy\xcf=c\xd0\xe9).A\\\xe6\xa5\xe1\xbc\x06\x81\xa0\xc3o\xd7\x95\xab/\x98I\xac\xc0\xbd\x7f\x89\x80\x8fb\\&amp;\x10\x08\xddo%\tj\xb8\xfcvj\x04a\xb1\xe1R\xc4\x04Q\xa7\xa1\x1d\x9d\xcbM\x89\xc5b\xcd\xa3\xc0\xe1\x8d\x8a6\x8d\xe6FY[\xcf\xe0\xbd&amp;[H\x81A\x1d\xcd\xe6.I\x8d@X\xecO\xd5\x95\xa9C\x989A\x86\x1a\x12\x89\x97qY\xf2\x90OW\xde\x8e&amp;\xd9s\xe2\x16]p$\xe2\x17&amp;`\x08\xf5\xb6\xea\xf0\xe4\x9ez\xaa\xacB\xd3\xd66U\x1e\xb8\xdfVQ1%.\xbb~cA\xf3jf\xf2\x9eQ\xc4\xee2\x9b\xbf\xee\x924\x08:\x8a\xed\xba\x9e\x8a\x99\xe2O\x87\xb1\xf1\x83\x1c\xf47\xa0[\x9f\xe0\x10\x9aQ\xa7\xf9\xb5\xe8\xa8\xcb\xa8\xb9\x7f\xdb(\x0b\xfa\x15B\xa1_\x1f\xb4M\xbeRO-,\x94\x95U,\x94-,,\xbc\x82iS\x0f\x0e\xaa\xd5=j\xb5zjJ\xdd\xd3\x94rw\xfdj\xb8P\xd2 \x14\x0e\x19\xeb\xc4\xd7\xc5\x8ag^\xefI7\xfa\xbb \x1eE$ \xac\x9c\x97O\x8e\x1e\xe8n\x88\xc1\xf7e \xfb~\xbd\xcc:\tL\x0bS\x9a\x05\xb5\xfa\xd5^ue%\xb8W$\x12\xf58\x9d\x95\x93\x933\xf0\xcd\x82f\xd06\xd4\xd5U(q\x8bR)Ky\xdbu\x8d\xd0T\x8a\x1d\xd0\x89`\xb0?\xf9\x04\'\xd9\xcf\xa2\x1f\xd4\xfe\x9bu\xab\x8bi#\xbb\xc2y@\xc5\x08\xbf\xc4/\xc6h\\*\xee\xa0v\xa3!\x8bT\x8b\x87\x9dq\xa73jB\x15,%M\xec\x19\x10\x12\x99xp\xb0\xe3\x80\x1c[jB\xacN%o\xc9\xd811\x98\xaem\xd5\xa1D5\xd5\n\x10\xa1\x11PQ\x15!\xa5\x91\xe2\xa4\xb8\x9b\x84\x07\x13\x87\x04v\xf3\x07\x9b\xb0\xf9\xadD\xd0\xa2F=\xd7$\xdb\xdd\xbe\xb5\xcc\xc1\xd8\x92-\x98\xcf\xdf9\xe7\xbb\xe7\xde9\xc7\x1e\xe1&lt;\xe9@\xc0\xeb\x80\xb8\xf7%\'\xc6\x19\xb0\xf6\xb3_\\&lt;&gt;6\x95\x18z\x0264\x84_\xfe\xd0:\xf9W\xcc#3+{\x9b?&lt;&lt;\x90\t\x88a\xd5\xa3 \xeb\xc0\x9fn\x00Y8(t\xbam;\xb1\xa9\xd8\xe9QR\xber\xaf#:\xee\xc9\x8a._&lt;&gt;:v\xa0}\x96e\xd9\xd9\xf1\xe1(`\x1a\x18J\x0c%\x96\xb0\r\r\x15\xa1\xb5\xfa\xc2\x13_\x8e\xb3n1&gt;`w\xc0\x1e&lt;\x9b\xe5\x18$\xbd\xf9\xe7\xe3\x95:\xbd\xae\x0c7\xb4l[N\xdfSv\xed\xe9\xf2\x8c\x9b\x13T\x15\xc2\xbe\xc5\t\x17\x05T\xed\xc9\x96\xa9\xfb\x89Daiiqsssqq\xb3P(,\x02\xb8\x1bs\xd3a\xd1mc\x82\xcex\xec\xb6K\x15 AY:\xb7\xb6\x02\x8b\xf4\xbbC7\xcdn\x0c\x1bW\x1e\x7f\x95c\x19\xab \x87#\xd1$&amp;\x8b\x0b\x86g\x80\xa4E\xb0\xc2+lo\xd6\xc1\n\xf0Fbn\x0e\x82\xdc\xc6\xba\'\xa2\xb7}i\x81a9\x8e\xa3\x7f\x7f\x10\x92P\xe3\xc6E|@rm\xeds\xc4H\x1e!(\x87\xcfB`qV\xf1\xfc\xbd\x04\x06u~\xfd\xf5\xcb\xb5\xb5\x87\x0fO\\\xf8\xf8\xd4\xa5\xd7\xebo66^\xdd\xb9\xed\xcc2\x9c\xfb\xcb\xa47\x90\x05\xa6\x18\x89\xa3\xf3\'\x8c\x90\x85\xba\x1d\xda\x1dRnmbM\'\x1e\xd0,\x07\x17Se\xeb,\xcbYeg&amp;\xb3\x01\x10\xe6_\xff\xee\xef\x1fc\xfb\xf1\xbeKk/\xd7\xdf\\w&amp;\x87\xbd\x19\xa7\xec\xf6d\'\xc4\x80_\xa0i\xc4z86\x0fl\xe9\xcb\xb5f\xcbXn:\xf5\x001\n\x05\x8eT\xdbA\xd1\xd5\xa43r\xf1\x8b\x8b\xc3.\xff\xdbu\xa0\x0b\x0c\x88z\xf5jc#\xea&lt;p\xa0%\xee\x9c\x18\xf7\x04\'\x92\x81\x11\t7\x9b1\x12\xb3z\xc2TQ\xae\xdb\xd9\xb4c\x87\x96}#\xf8~\xf5\x9f)\x86QX\x9b\xc7:\xee\x01\xb2\x92\x91\xc8\x01|`\x83\x19\xdb\xb2\xcdE\x08\xac\xcd\xbe\x8d\x96\xc9X&lt;\x1ct\xbb\x83\xa2+\x9ce\x10M\xb3\x8c\x9b\xc1\x1d6:\xadr\xf0[\x9bX\xfd\xbe\x7f!\x06\xb7d1nXn\x82\x13bdl\xb2\xe5\xf8\xf1\x8d\r\xc8\xc1\xadT\\\xba\x7f\xff\xfe\xd2R\xa2\x19\x94=\x9el\xb7\xca\xb2\xcb%\x0b\x08\xff\x11\xe7a\xfera\x17\xf6\xa1\xc6\xb0\x8c\xfa\x92\x0b\xa7\x11\xc3\xb16\x1b\xe3\xb1Z=n\xab\x1c\x19\xb57\x0f\x15\xa6\xa0\xe2\x02\xb5J$&gt;\x1bzr\xf9\xf2\x8d\x1b7z\xa1j\xb0w\x02,U\x16\xc3\xb2\x84(\x05\xf2\xc3\x13\xfa\xc7\x1e`\xabT\xa79[%]\xbf\xa6\x14\x8e\xa2h\x9a\xb3\xaaV\xc1*\xfa\xe21\xa8I\xe7\x96\xef\xcd-/\xdf\x03\x9b\xeb=\xb3\xbc\xbc\xdc\xdb\xfb\xc1\x0f\xf7\x03\xac \x00\x17\xe5U\x89V@\x1e\x18.\xb7VW\\u\xb4wb\xdd\'\xb9P\x08Q\xc8\xa6\x08\xc1\xac`\r\xfbzb\xcd\x87\x0e\xdd\xbau\xf5\xea\xf9\x85\x85\x85\xb7w\xef\xde]\x98\xb9zk\xe0\xd0\x1f?&lt;\xbc\xbf\xc7\x19\xf4x\xb2i5\x07%\x85\x00jJ\xad^\xdaU\x1c\xcd\xd8\xa1-,\xbc\xe9?\xf8 \x04&gt;\xa1hE\xb0f9\x01`}\x06\xce\x8b\x07\\\xfetZN\xa7\xd5\xac\x9c\x8c\xc6\x07\x9a\x7f\xd9\xfb\xc1\xe1\x9f9\x92A\x8e\xb1f\x05\x0e\xd1\x8c\xc7\xedAh\xe4D\x85\x11\xf7\x9dj\x0f\xab\xe2\xc2\xe9PNA\x08)R^\x025\x8d\xc4\x13CC\xb1\x9ehR\x9c\xc8\x06U5\x18\x1cN\x8e\r\xf4^\xbe\xdc{\xd2&gt;\x90\x11\x83\x1eF\xca\x85@\x1cX\x96f\x115\xbf\xcfh\xc4]\x10\x1a\xc3*\xc7]\xe9\xbf\xfd:\x14\xa2\r\x00+G\xb1\x82*zcP\x0f&amp;Z"\x91\xe40H\x818|\xd1\xe9\xe8\xfd\xcd\x99\xde\x0f\xf7;2&gt;\xd9\xca1\x92D!\xda\x06\xb8\x10\x92\xe6\x1f\xe1v~\x9d\xd6\xb0\xf0\x10\x94\xe9\xd2\xe7$\xf8\x90\xb0\x85\x14\x8a\xf2X\x01\x16\xa4_s"V\x88\xc73\xb1\x9e\xdb-\xa3\x89\xde3\x80\nJ,\x97\x0cd!\x05\xd9\x10"m,E\xa1\xa0\xf7q\x9d\t\xdf((\xd5\x1eVE\xd7i\x04!o R\xf0\x12\xca\xf9\x17\xa6c \r\'\x9f\x0c%\n\x85\x04\xb6\x93\xa0\x0f\'\xf7;\xe2\x01U\x10$\x92\x80\xec\xa0\x01\x96\rQL\xb2\xefi\xad\t\xf4a\xa7\xd6\xb1U\x82;\xd3\xd7\xbe&amp;\xe02$\x88\x04\xa2\xa4\xb4\xebn\xe6N\xc2\x0e5ta\xca\xe1\x98*\xc4b\xf0\xd2\xe3\x88G\x9d2\x07P\x08\x03a#i\x9a$ID\xb5\xf7\xf5=\xbbV\xa6/)\xd5\x9a\xad\xada\x9a}\x0f\x0c\x18\x16\x89CF\x11\xb2r\xd8\xe5k\xe9\xebk\x19\x8b\x8e::;\xa7zZ\xa2Ng$)\xca*g\xc0\xcd\xce)\x00D\xc3\x97\xa0Xg\xcd\xcfo^3\xe2n\xd8\x9dZ\xc3*\xd5U\xe8\xbb\xde"\x1e\xbe\xbe\xd9\x0cO\x9c$\x08A\xbc\xfbr\xfe\xf4W\xd1Q|3\xd3\x07\xb1/O\x04\xe5\xacG!\x0c\xb8\xdb\x8b\xa2\x14\xdaF $LV\xff\xe8E\x97\t\x1f\xd5h\xcaVi\xb1O\xc0h\xecZ\x0f"\x92\xe0\xc1?$\xe4#\xac)\xb3\xb3\x13\xc1\x89\xb3I\x9f/\xe2t:\x93.\x97\x08\xb5(\xec\'H\xdc\x95N\x90@\x14i\xe3IV\x1c\xac&gt;ru\xc5\xa4\xd7\x1aV\xb1\x1a\xd1\x03\xac\xe7N\xc1\\i&amp;\x88\xcaT\n\x12\rK\x92\x1bv\xd2b  \xcaaQ\xbe&gt;\xef\xb7z\xa4\x100Tlo\xe4y\n\x7f\t\xd4&gt;VS]3\xfd\xc8\xa4/\xd7~\xc2\xed\x1d\xac\xb10\x85/H\xa4x\x12\x91\x08\xc1\xc2\xcdpB6&lt;\x1f\xf6\x07\xc2i\xffu\xbf\nbE\xe2\xe6Fp4A\xe0\x07/\x89G\xab\xab\xabz\x9e\xe2v$\xcd\xc9*\xc2Zy\xde?&amp;\x90\x84\x19\xa2\xab\xd2L\xf2\x88\'\x08\xa40\x92u\xe4z\x00\x98R\xd5t:/!s\xa5\xc1P\x84e\xae$\x0c\x06\x9bG\x8ebX\xe7\x9e\xd5j&gt;\x1a\xb5U\xe9bXGFe\x8e7\x13\xc5nO\x92\'\t\x1bhe(\x9f\x1e\xf1\xfb\xe7\xfd\xf9\xbc\x9a\x97(\x1b "*\xcd\xbc\x19\xfb\xda``\xc5h?n\xc8\x1b\xbc\xb9\xa7\\\xdf\xa4u\x05\x81\xdb*\xf4e+\xcf\x07\x07Ge\x86\x84D#\x89J\x82\x80+\x934\xc0\xcag\x01\xd8H&gt;\x97\x83\xe5\xc6\xcc\x03"\x03\xfe\x08(5\xd0A_\xff\xb9F\x80\xf5\x93\x17\xda\x1c\xb8\xfd7\xacr\xa8!\x00\xd6\xb1O\xbd2\x03\xb0\xcc\x86\xef\xe3a\x0bC%\x08k.gUW\xc1\x7f\x8aB\x9a\x8bVi\x80\x1f\xc0UI\xbb\xc3-\x83\x8d\x8d\xbb\xab\xaa\x8e\x9c\x7fTg\xd4x,\xea\x1d[\xdf[y~\xb4\xad;\x96\x119\xc0\x85\x87g\xcc\x06\x90\n*\xa4\x84B\x12f*E\x82ZUB`\x11\xb8\xd3\xd8L\x98)A\xf6\xb5\xb6v\xd7\xd7\xef\xae\xaa\x81\x987\xea\xb4\x9e.(\xb2U\xb2\xf2\xfc\xdc\xb1n\x8b=\x93f\x88\xe2d\x8a\x19\x8f\xcd\x80\x0cP&lt;\x08\x06\xe2S&lt;\x84\x14\xc0\xc2\xa1\x07\xbff\x94\x17]\x9d\x1d\r\r\xdd\xf5UU5\xf1gP\x9f\x96h\xceV\xd1\x89/:\x8f\xb5Z\xec\xf6+A\x16`\xc1\x95\x8b\xac\xa4@\xf7S8\xc4A\xa9H\xdc6\x0b4\x02:\x02\ti\x97\xd7bikk\xeb\xae\xaa\xae\x99\xbc\xd9\xb5\xcbX\xf2\x9daX\xdd67g\xdf\xb0uk\xb0\xb5\xd5\xd2a\x9f\xf6\xaa\x0cv \x84\x11,F\x08$\x8aO\xe1\x14\x00A\xc39H\xc0\x83\xb0y\xb2\xb2\xcb\xdb\x03\xb0\xba\xbb\xbb\xeb\xabk\xfag.\xd5\xfegH\xb7T\x8bY\xdd&amp;]9\x98\xbeb\xe5\xd6\xb9\xd6\xc6\xd6\x0e{,3\xaf*\xb8A\x967\xa7R\xa1\x10\x0f|ax\xc0\x1a\xe0C&lt;\xbcm\xe3@\xcc\\\xde\x8c\xc3\x02&gt;lkh\xdb}t\xd2\xfb\xd5&gt;\xbd\xbe\x88\xa7L\xf7\xed\xe1\xe6\xed\xe9\x16T6\xa6GW\xcf56Z,\xf6\x98cf&gt;-Q!\x1eD\x15Q)s\x8a\x82\xd8J\xa5x&gt;E\x85\xe0\x19/\x98\xaa\xdf\xef\xf29b\x96\x0e\x88\xad\x86\xbd\r\xf5G\'G\xe7\x1f\xe2\x83\xa4\xb2\x92\xb22&lt;:\xdf\xf4n\x8er[\xb0\xe0\x7f\xe9\x8d\xa6G\xd3\x90\xed8\xb8bw\xce\x07d5O\xe1B\xa1(\x9e&lt;\x99J\x99\xf9TH\x01THY\x1dI\xfb\x03\xe0\xc1\x18x\xbca\xef\xde\x8f\x00VM\xffd\xe0\xe5\x1e\xbdq\xd7\xae\xda\xbao\xe6a\xb7\x19\\\xb8\xda*++7=\x9e\x19&lt;\xd6\rA\xdf\xb1\xff\xcet\xc6\xeb\x12\xad\x1e\x056\xf3\xd8wf\\\xee\xf0@\x1a\xa5\xe4\xf2jz\xc4\xe5\xf2y3\xf6\x0e\x8c\xea#@\xd5V_u\xb4\xdf\xf7\xba\xab\xccd\xfa\xc1\x85=uuP\xbb\xfd\x9f\xc7$[\x0c\xef\xd4\xbd\x1f\xc7\xc5\xf3Z\x8f\xa7A  \xe8-\x96\x98#6\x9d\xb92\xefOg\xf3\xf9\x9c\x14*\x9a\x94\x93\xa4\xbc\xaa\x8e\xf8\xd3\xa2\xcb{%s\xbb\xd3\xde\xb1\x17\xa8\xfa\x05\x86\xd5\xbd\xbb\xa6\xdf\xf7\xb7.(\xe7M{\x0e~r\xaa\xae\xa2\xee\xfd\x19\\Si\xd3\xff\x82M\xf7\x1d+7\xd5\xd6Vl\xc1\xb2@\xbc\x00\xae\xd8\xf4Lff!\xe0\x0f_\x1fY\xfd7\'g\x17\xdaFv\xc5qk0\x8d-k\x90\x17\xa3\x8fA\x0f\x96\x0bF\x91\xcatF\x1a{\xa5\xe4a\x9f4J\x98\xd0\x11\x1a{!\x82\x12Q\x08y\xe8\xd6\x05\xade3\xd6\xcb\x08\x06\xef&gt;\xb4\x897;*Xkk%\x82\x1a\xd1\xd5\x8b\xc5V\xb6D\x04B\x91L+\x10$\xbb\x08\x97\xe0B\xa0.\r$\xee\xae\xf1K\xa1O=\xe7J\xcef\xb7\xa5l{,F\xf8C\xe3\xdf=\xe7\x7f\xce\x1d\x8d\xee=\x1f~\xf8\xe2\x05\xd4\xf9O&gt;y\xf1\xbb\xf7WW\xff\xb8\xfa\xf8\xc1\xc1\x83\xfb\xbf\xbc\x17\x8dD\x80)\x12\xf9\t$\xe3\xdb\xe0\xadv\x81\xb10&gt;w\xb1V/n\xe0\xf6\xce\xffc\xef\xfc\xc4\xeb]\xcbxdUU\x97\x19\xe6\xe4\xd7\xb3?\xbf\rP+\x0b\xd1\xe8o\xee\x1d\x1c\xec\x1c&gt;:::^\xfdb\xb8\x82\xf1}x\xfa\xe2\xf8\xe8\xf8h\xe7\xc1\xbb`\x0b\xd1X\x0cW8_\xbd\n\xb9\xf86xk\xf5|\xc3iq\xfa|B\xaeX\xcc)\xd8\xd0\xc2r\xd1\x06\xe0\xfb\xbb\x8bpY\xc6\x9d\x8c\x05\xd7I\xd5\xfb\x80\xe5{\x89X\xd1\xe8\xca\xcaJ\x14l\xf9\xd9\xce\xce\xce\xc1\xce\xa3G;\xc7\xab\xab\xab\xf8f\xff\xf8x\x07\xbe=|\x86P\xcb+\x89\xd8b\x0c\xecj\x04f\x9f\xd9\x1f\xde\xf9\xe8\xbd3\x16\xb2\xd9\xe9\xf3\xeb\xba\xae\x1a\x86\x02\x1asLY&amp;\xa6HK\x8b\xff\x89\xca\x82\xb7\xf7y\x9eMf{\xdb\xb2\x8fyy\x7f\x16\xf4\x1e\x89\xc5\xa2\xc8\xb6\x0cq\x04\xb0C4\xbc\x15q\xf8\xf4\xf0\xe9\xd2\xd3g\xbb\xf1\xddg\xf7\x16\x96\xa3\x91\xd8\xe2"pE"\xd76q\xf5\xfc\xcf.?&gt;\xc1\xc5[N\'\xab\xd4\xdb\xc9d?\xddO\xb2&lt;\xae\x0es8\x99\xef\x1d\xc7\xd1\x9b\x1d\x87\x93\xf7\x01T\xae\xbb\xbd-\xbb\xddg#\xac\xc5\x04r-\xdc{vp\x88$O\x97\x96J\xa5%b\xa5R&lt;\x1e\xdf\xdd\x85_\x83\xaf\x02\xc8\x15\xc1)\x117\x08\xfe\xf4(\xc98\x99I\x0b/\xb6\xa9V\xad\xd95\xcaU#\xc9\xe2\xfar\xf8\xe9\x7f\x11\xd8[\xd8\x87\x02\xef\xd8\xc1\xf1&amp;\xb9\xec\x83\xf0Ij![\xab\x0c\x8a\xdb\xdb\x82\xdf\x7f\xf6\xd9\xec\xad\xdb\x90\xf3\x8b\xe1\x18\x82-/\xef"\x12\xa1)\x95\xd69\xae\xc4\xad\x97\xb88\x17O$\x121\xf4\x15\xc1\xba\xbdyc~\xfe\xce\xe5\xcb\xbf8\x95|&gt;\x06\xefeh\x95\x16\x9d7\xf4b\xbd\\\x05\x8f\xe1\xe0-\x17\x0bR\'\xfe\xc3m\x9d\xd7\xe5`\xb8C\xcb\xc90b\xae\xbf\xd7\xcfW2\x83\xa2 \x08\xb2\xfb\xd5\x9f\xee\xde\xda\\\xd9\\\x88\xc4\x12h\xd1\xddx\x1c\xfd\x04_\xeb\xeb\xaeu\xaf\'\xce\xad\x03\x17\x17N\x84\xdf\xa4\xba\xbd9\xff\xf1\xe5\xcb\xd7\x7fu.\xba\xdd\x10.\x87\xd8\xcb\xb6\x07\xadL\xbb\xab\xe7\xb4r\xb5\xad\xb0N\x07\xd9t\xfdz\xba\xfc6\x18\xfe\x88\xec\xc3y\x8bL\xa5\x0e^\xdck\xd7\x8d\xec\xa0\xd6\xce\xe5\xba\x80%\xb8O\x8e&gt;\xff\xfd\x8d\x05,\xa7\xd1D8\x0c\xff=\x1c/\xfd\x19=\xb5\xb5\xb5\x0e\xc6y\xb8\xadu/\xc7y\xc2a\x8c_\x80\x84\x10g\xea\xf9\x8f\xdfy\xe7\xfa\xf1\t\xefv\xff\x00\xde\xdb\xb9eYT\xb4|&amp;]\xd4\xbb\xbdN\xb9\xdc)n\xf0d\xd35\xbe\xf3\xbbt\xf3\xe6wn7\r}5\xa2\x9e\x9cdUC\xd3\xb2\xd9\xaa\xa6\xe8\x02\x84\x10\xdd%\x9d~\xf4\xf0\xc6-\x82\x15M$\xc2\x81p"\xce\x95H\x00\xd7\x80kk\xdd\xe5Z\xdb\xf2\x84=\x9e\xc5\x0b\x03,\xe0\x9a\x9d\xbf3\xff\xa3\xeb\xa7\x12\x8f\xce\x9a\x18g\xbb\x92\xe8\xd7\x9b\xb5J\xa3\xd3\xd3\xf5\x9eV\xab\xd5s\x05~\xd8\x83\xc6\xe2\xf8\xb7\x95\x96\xe4&amp;\x96\x03\xf7\xf5\x80\xaa\xf8B\xb1\xdd\xc9\xf6\xdaiC\x17\xba\xbd\x9e.#\x96|\xf6\xde]\xe0\x82z\x1aM \x17\xc8\xdb\x03L\xe0\xad5\xb4\xb9\xb9\xb9-o\x80`\x91\x18\x06\x161\x0fA[\xb3w\xe7\xe7?;cQZ\x10\x04%]\xcdvEY\xa9\xa6Z\x83\xb6"\x08\xe81-\'\xf1\x0e\xd2\x04\xc4\xe7\xf8\xce^\xa0\xe1\xc7\xe5\x16\x92\x7f\x85~5\xdaX\x00\x00\naIDAT\xa2a4{\xd9r\xb9(\xe8\xcd\xf4\xf3AV@\x7f\xc9\xc9\xd3\xcf\x1f&gt;\xc4\xc9g\x05\xa4\x05a\x8c\x83\x9c@W\xeb[\xfb\xfb\x1f\xecom\xb9\xbc^\xce\xe3\xf1\x04\x02\x01\xe2+|\xba:\xe2\xfa\xf44\tZ\x9d\x1c\x9fp\x8a\x1d\x1b])7uAm?\xb7\xb5\x06ZN\x97\xd5f\xa7\xae\x19*N\xe2\x0e\xe77\xad6^\xcb\x1c\xb1\x9c\xd8##g\xf4\xba\xd9r\xa6\xd6\x93\x95z\xc6F\x99\xaa]\xe0\xda\x16\xc4W\x8f?%X\xd1\x182\x01X\x98\xe38\xc4\xfa`\x7f\r\xb18Ob!\x1c \x86t\x81E\xa8\xf3\xa0\xae\x1f\xdf\xbd\x7f\xc6bC\x9e\xf1q\xa6P\xb3\x9b(*SWd\xa1W\xcf\xd8\xa9L\xd5\xe8\xcab\xd2H\x97\xfb\x12\xef\x03\xb2)\xac\x06h\x17|P\x13\x18\x1f/\x8abAU\x8b\xe9\x7f\xa6\xd2=\xddh\x00\x94\x8d\x1e\xc0I@a\xfe\xc2\xf9}\xc4\x82 \xa2\xe0\xc3\xc4a\x1e/\xe7\x05w\x81\xbc\xbcP$\xc2\xb7\x12\x04)\x14\ny\x88\xbb`\xea\xd9\xbcq\xe7\xf4\xaf\xe0\t\xb8\xfes0{y\xb3\xcdd\xa2Z\x83\xac.\xe8\xb9t\x86\xa6+\x8d\xb4\xa1\x16\x94\x0e$\x97\xca\xfa@E\x16(R\x97F\x9dy0z\xbc\x93\x95\x14U\xdc\x90\x8a\xf5L\xaa\xd1\xef\xaa\xf5\x94\x9d\xa6)\x1b\x9d/\xca@\xb5-\xb0\xc9\xd3\xfb(\xae(\xa9\x10\x90qa\x90\x12\xe4\x1ex\xcc\x8b\x8b\xc2\xbd\x98\x88\x1eO(\x14\x0c\x8d\xb8@\xf4\xd76o&lt;z\x89=4&amp;\xb1\x87J\xbbE\x99(\xe0\xa23ZR\x96\xf5b:c3[[\xcf\xd3E\xa9Wo\x94\x9b\x05\xdf$\xd9\xc681\xba\xf6\xc4\x9e3lA\xc9\xee)M\xed/\x95\xca\xa0\xdf\x15\x92U\x13M\x01\x97\x89\xae\x182\xe1\x92}\'\xff \xee\x82\xaa\x05\x81\x0c\xa0\x92\x08X\x89\x1b\x1ax\x0e\xb8\x82\xc1`\xc8\xe5\n\x86\x86q\xbcv\xfb\xe1\xf9\x06V\xf8I(\xd0b\x95F*0\xdaT\xcbve\xb7\xa8\xf4\xcb\xf9T\x8b\xaa@lzZ\xda\xc0}\xcec\x13S7\xa1dLb\x17\x1c\xb6 \xa9IU\xe9&lt;o\xd9+\xe5\xac.C\x0eS00\x1a\xb0\xa8\x96&amp;\xf8e\xc0\xda\xf6\xf3gG\x0fQ\xf3\xd1X\x02\xa98\x0f\xa2y\xc18\xf2\x00\x0b\xc2\x03\x98\xc0\xbc!\x88e\xe0\xcb\xab\x0b_\xabx\xb9\x80#w*\r\x1ac\x08d6\xca\x9e*g%\xd9\xed\x17\xbaEC\x1b\xa4\xf2\x9a\xe2/$%\x88\xf6\xd8\xc4\xa5K\x93d\x14\xac\x94\xcbI\x1bR\xae\x9a\xc9\xd7\xea\xcd.\x84\xbdZ1\xdbq\\\x14D\xd1T\xd5}~\x12F\xf7\xc6\xf9\x03\xb8\xb2Y\x89\x82\xae&lt;\xdc0\xf5P\xf6.\x17\xe4\xa1\x17\x8e\xae\xb9\x8bC\x10#\x19\x08}\x19\xf9\xfa\x84\x05*\xc78`\xf1\xd9\n\x8c\x12\xccf\x03\xa7\xd1tj\xd0QD\xbf\xdb-\x8a\xaa1\xa84\xfa\xaa\xc8\x02\x0c\xde\xdb\x9e\x9a\x82\xbf\x06M%\xd5b\xbbZ\xd5\x9a=u\xa8E\x1bm6\xd3&amp;22\x9bi\x90t\xfb\x87at\xff\xed\xc9\xbbP\xb9"\xe0\xab\xa1w rH\xe4\x1da\xcd\xbd\xb6!U L\xa8,\xc3\r\x98P\x1eH\x04L6L%\xe0\xa2Z\xf9j\xbf\x98\x94D\xc8\xc6~u0(k\xd9\xa486Azi9y\xf0S\xbb\x9aoh=]\x10\xf5n3\x8dU\x81\xb6\x8f\xdcEQ\xf6\x8a\xe1s\x13y\t~V:?\xb8\x16I\xa0\xaf\\A\x0c\x19\x17DW}C\xb5\xb6O\xa8@[\x00\x16\x08?QX\x07\xd4h\xa0\xba\xe9`\x94\x81\x9d\x86\xf3\xd1\xc8\x04\'\x06,@le\x1ae\xad\xa9\nB7\xa75R\xa9F\x1dj\x82\x85\xc7VZ\x9d\xf4 _K\xe7tIi\xb6\xb5r\xc6dG\x1c\xbb\xd5L\x86d\xb6N\xd3e\x89!\\\x82\xcc\xf2\xd2\xf9\xbdeT\x16\xa0\xb8\x08\x91k\r\xea\x83\xcb\xf5-_\rc\xe8Y:O\xfe\x01\xae%AW0\xad1b\xa7e6\x1308?\x9c\xd9n\xc7\x81\xdb\xa7\xa7\xcd\xb6L\xb9\xafH\x82^\xd4\xca\x8d\xcc\xd8\xc4$_\xd8\xebk\xe9t\xbd\xddLv!)\x1a\x19\xc8\n\x909\xbe\x8e\xb6Z)&lt;\xceL[\xad\xa96\x0b\xd7\xe1\x10H\xb8\x92\xe0\xa5\xb3C\xccCp\x0f\xfe\x7f\x80Y\xdb\x87\xc2\xb56\xf7F\x00\x83\x04\xcb\xb3\xf4J\x82\x8b=\x06S\ng\x96\xbd\x86\x15\xc68m\x1f\xe6"\x85\xe1\x80\x98\xdagf\xcc\xa06\xac_0\x01w\x95\xe6\x98OT\x9b}#\xa7\xa8\xddn\xcfH7R6\xd3\xe8\x05\xf4\xf0e4e\x9e\x06(\xab\xd9&lt;P`N\x03\x8f\t\xb2\x9f\xe7\xa5W_AE\xf5\x84\x82#\x81#\x16!\xc3\xa9\xd1\x85TX#BKON\n\xc3\t\r\xfbo8\x99B\xdd\x06\'\x83\x13\x9a\x89\xe4!\x1a\xa8\x7f\xfb\xcc\x95\x19;\x86\x05\xc9 \xddd\xff\x98\xa4\'\x95^.\xdb\xef\xa4\xcb\x8dJ\x0b\x13\xc4F\xc8F\xee2\xdb\xcd3\x04\xcbjmi\xa2\x9b\x99d|~Y\xe6\x19\xf7\xc6\xcb\xafv\x17=\xe8.\x82\xb5\x7faksk\xa8u,\x0e\xa1\xf8\x93W*K&gt;8\xc7R\x8d=\xce\xb2\x99i\x80\x9a\x01\x9b\x06\xd1\x9b\xccV;\xeal\xfa\xca\x8c\x99\x1e\xe5&lt;\x05\xc1\xac\xb7\xc7\x14\xc5\xc0`VR-\xc8WL\x0e\xc2\x85#\xc1Jl\x9e\xb1N\xcf\x10(\xf0}&gt;\xc7:\xf1\x03&lt;\xb7\x1b\xbc\xe6\x13\xf7\x9e$\x02\x9c\x97\x04\x0b\xbc\xb5\xf6F\x18\x7fKJ&lt;\xb7\xf4we\x83\'\x8d\x88p\x81!\xb6\xa3Rj\xd6i+\x81\x82\x07\x84\xcd\x8e*\xa3\xcdW\xaeXQmHH\x83\xdahSj,=\xc8\xb4H\xd5E\x18j\x84\x05\x06/\xf9W\x13W\xcf\xdaF\x16EG\x83p4_\x99\tb\xbe\xd6\xcd\xb8\ny0d&amp;.d\xf5Q\n\x15*\xe4\xc6\xfb3\x0c\xcab\xa9\xb1\xc0?`\x0b\xa71\xbb\xc2\xea\\\xa8\x89\x0b\x83\x0c\x02a\x1c0\x81\x80S\xa4\t,\xb8\xb0w\x0bg\xc5\xa6\xca\xc2V{\xce}\x92\xf1\xd8\x8a\x903z&gt;&gt;\xf7\xdcs\xef}N\x9e\x19\xf1\xdd\x08\x1fh\'\xb0\xca)\r\x18U-Kc\xe0\xca\xef\x16\xbf\xbf\xde\x92`5\xd6\x05\x98\x10\x07\x94/DT\x8b\xdb\xbfd\x82pW\xb0\x8a\xbd\xc1\x1c\x0b\n\xa4\x00O\xd09\xd1\xd8x\x1d-Q!\x03l&lt;"\xa3\xe2=@\x11\x12\x97/*\x94\x14B\x0e\x92l[k\xcb\x0f\x86G\xe8:\x1c\x17\x13{\x8a\x8eL\xe5\xed\xc5\xe7W\x82\x0b\x97$$\xa9\xdb\x92z\xb8\xbd\xb8o\xe70\x85*\xec\xaaZ\x15a\xa9\xf6\xb4\x07(\x01\x89\xc7\xcfisy\xe0\xf1\x80\x0e\xa4U\x04\x95\x8d\x8b\x10\r\x8dg\x89%4\x19q\x06\x99\xa0\x02[@\xd9r3\x85:&lt;R\xaaf=qb+E7\x80ou|\xbf\xfdZT\x0f\x86\xa4\xec\x88\xce\xa9\xf4\xfbv\x8bBw\x1dG`9q\x8a\xc9\xa2\'\x14\x11\x11\x96\xe7\x8a\xf5f\x93_\xd0\xa6\x8d\xf8\xf96\xc3\n]\x1bZ\xe1K\xbe\xe6\xa1\xe7\x85\x93\xd1\xdc\x07\xb1\x128@\xd2\xac\x02\x97\x1d\x8c\xc6e\x86\x02\xe28k\x96\x98v\x9c\\\xfdy\xfd\xf3Vc\xe3\xd7\xf5\x06\r_\xda\x86\x17P\xfa\xfd]\x0b\xe9g=\x9a\x1b\xacDuo\x02\xc1\x04\xf2\xebx\x08,\x02k\x86=J\x1dT\xf9\x11\x8d\x89\n\x13XR]\x04\xda|xr9C\xbaD|\x1f\xe3\xb6\xe4\xca\xd6\xb0\xba\x9d\x8er\xf5?I1\x9eX\xec\x18\x8b\xf6b\x1b\xb8\xd6\x1b\xebo\xdf\xaeK\xad\xd9\xbe\xfevw\x95&lt;\x1aevv\xe4\xbf\xe5\x14\xefGd&lt;`\x0e\x05\x11\x16\xe6\'^\xd4\xed3\x94\xe9I\x08\xae\x96\xa1\xf4\x1e\x82\xc8r\x0e\xd3\xf8\x82\xda\xd3\xc9\xc6C\xdb#\xae(\xf2\xeb\xbep\xa5\xf9\n\xce\xd1\x1f\x95*]\xb1\x10K{\xdd\xbf\xbf~\x890\xfeBX\xcf_\xc1\x13`\xea\x8e\xdc\xf0l\xb5\x1b\xc9\xb3\x9fT~4\x94\xd4!eu\xbb</t>
        </is>
      </c>
      <c r="M23" s="3" t="n">
        <v>45492.67885416667</v>
      </c>
    </row>
    <row r="24">
      <c r="A24" t="n">
        <v>36982</v>
      </c>
      <c r="B24" t="n">
        <v>1958</v>
      </c>
      <c r="C24" t="inlineStr">
        <is>
          <t>Damián Suárez</t>
        </is>
      </c>
      <c r="D24" t="inlineStr">
        <is>
          <t>D. Suárez</t>
        </is>
      </c>
      <c r="E24" t="inlineStr">
        <is>
          <t>LD</t>
        </is>
      </c>
      <c r="F24" t="inlineStr">
        <is>
          <t>LAT</t>
        </is>
      </c>
      <c r="G24" t="inlineStr">
        <is>
          <t>LD</t>
        </is>
      </c>
      <c r="H24" t="n">
        <v>172</v>
      </c>
      <c r="I24" t="n">
        <v>22</v>
      </c>
      <c r="J24" s="2" t="n">
        <v>32259</v>
      </c>
      <c r="K24" t="inlineStr">
        <is>
          <t>Right</t>
        </is>
      </c>
      <c r="L2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8d0bfc5-8bbf-45fa-b166-1f283f441d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0\x0b\xb9\x00\x00\x00\tpHYs\x00\x00\x0e\xc4\x00\x00\x0e\xc4\x01\x95+\x0e\x1b\x00\x00\x03\x00PLTE\xff\xff\xff\xfe\xfd\xf8731\xfb\xf7\xf0\xff\xfc\xf7\xfd\xf9\xf3\xff\xfc\xf5\xff\xfc\xf9\xff\xfa\xf4\xff\xfd\xf9\xff\xff\xfa;64\xfe\xfc\xf7\xfd\xf8\xf2B&lt;9\xe8\xa2q40.=85\xfe\xfb\xf6\xf5\xb0\x8462.\xfb\xf5\xed1-)D&gt;&lt;?98\xf9\xf4\xed\xff\xff\xfe\xff\xfb\xf8\xfe\xfe\xf9\xdc\x97f40+\xfd\xf7\xef\xdf\x99h\xd1\x8c]\xfe\xfe\xfe\xfe\xfd\xfc\xf3\xad\x7f\xf0\xaa{\xa2b&lt;\xe4\xa1q\xe1\x9dmI1$\xfa\xf2\xeaK7+\xee\xa6w\xf7\xb6\x8c\xbbwN\xfc\xf9\xf6\xd5\x90`\xf7\xf0\xe8\xf7\xb3\x88\xe7\x9fn\xff\xfa\xf5\xd8\x94e-*\'D1&amp;\xf9\xb9\x91:41&lt;+ \xff\xf9\xf2\xe5\xa4y"!\x1e\xb1qJ\xe4\x9ekA-!\'$!\xb5rI\xea\xa6y2#\x1a\xeb\xa4t\xfb\xf8\xf4\xfc\xfb\xf66\'\x1e\xdc\x99m\xf9\xf5\xf0\xef\xac\x80\xb5uN\xce\x88^\xfa\xbd\x95\xf6\xf2\xebF@?\xcd\x8bb\xd1\x8fe\xc7\x86^\xcc\x85W\x94\\;\xc2\x7fT\x99dB\xa4lI\xadkE\xa9jD\xc7\x81VZ=,\xd9\x96i\xd8\x92b\x99hGcB/\xa3hCQ9,*\'$\xa4e@tP;\xe8\xa8~\xf3\xb3\x89\xc0{Q/\x1f\x16=0\'\xabtS\xd4\x93jHDB\x94`@\xf4\xed\xe3\xfc\xc7\xa4|T=\x9ehEmH4\x80YB\xdc\x94b\xe4\xdf\xda\x99_&lt;\x9e\\8\xed\xa9|\x81M1\xc3\x83[\xe8\xe6\xe2\xe3\x9ai\xfa\xbf\x9c\x9akN\xf0\xe9\xe0\\C4\xa7oL\xdf\x9dt;&amp;\x1b\x9eb=T?3\x12\x12\r\x8eW7\xbazSO5&amp;\xec\xe7\xdd\xabpK\xee\xea\xe6\xf2\xf0\xed\xb2yVV7%\xed\xae\x86\x1e\x18\x13dH8\xfb\xfb\xfa\xf5\xf3\xf1MIG\xc8\x8cf\x87]E&amp;\x19\x12\xce\x91l\xf0\xed\xe9\xb4\xb0\xado@(xD(\x8e`G\xbc~XxJ2\x87U9\xfd\xc3\x9e\xe9\xe4\xdb\xde\xda\xd6\x93kS\xc1\x89h\xf9\xf7\xf6)\x1d\x16O=0_[Y\x9a\x96\x93\x94eG\xbc\x84b\xd4\x9avC%\x17\xabe?\xb4kD\xb7\x7f^\xfd\xcc\xac_6"mP?\x8d\\?\xa0oQ\x8b\x86\x83\xd3\xcf\xcc\x8bQ2\xd9\xd5\xd1\xc3\xbf\xbb\x96V3\xe2\x94ewZK\xc5\x92t\xa9\xa4\xa0W.\x1aL)\x19i9!\xa9y]\x86G%\xdf\x8a]\xc9\xc5\xc2\xcf\xca\xc6mig\xa0\x9d\x9a\x83\x7f|\x89re\xe4\xa9\x84\xea\xb2\x8f\xad\x80f\x9cqYRNLxtr\x7f{wea^\xde\xa3~ZURD6-\xfc\xd2\xb5\xef\x8e~\xbe\xb7\xb2XG&lt;\xf2\xb9\x98uokbM@\xfb\xe8\xd8\x86eQ\xc2\x9e\x89\xe7\xc3\xab\xd4\xa1\x82\xa9Z3\x92\x8e\x8b\xf5\xda\xc4\x9e\x8b\x80wcY\xf5\x9c\x8d\x9cQ+\xc1nG\xb4\xa8\xa1M&gt;5\x9c|k\x90I&amp;\xe6\xce\xc1\xdd\x7fW\xe2\x83m\xd2yR\xad\x9f\x97\xc9\xad\x9e\xed\xa0w\xe2\xba\xa1\xd4\xab\x8f\xd4\xc2\xb6\xd7\xb4\x9f\xb0\x87q\xc6tT\xb3\x94\x83^\xedwY\x00\x00 \x00IDATx\xda\xcc\x97\xefO\x13\t\x1a\xc7\xfd\x07.}\xd1w^\x9a\xb4\x14\xc4\xc9@%\x102d\xe2\xc1D\x86\xcb\xac\xfcHV[&lt;`\xc0:\xa1B\xab1`[~\x94_\x99l\x19p\xb2\xd6\xda\xa1Y\xaa\xdbr\x88@\xcb\xadPu\xdbS@\xac\x16p\xf5\xee\xaa\x90\xb8l\x13\xca\xf6\xea\xb2\xb9\x92;\xdc\xbd\x17x\x87\xb7\xf1\x9eA\xb3\xc9\xe6\xde\xb6\xe4\x9e4M\xd34\xe9\'\xdf\xe7\xfb|\x9fg\x0e\x1cHu)3\x0e\xfc_T\x86\xf2\xd7G~u\xfc\xf8\xf1\xdf\x1e92\xa4\x1cRz\xaf{\xff\x07\xec\xe0&gt;#\x1d\xccP\x1e\xff\xeb\xdf\xbe\xfc\xee\xbb\xdd\xdd\xdd\x7f\xef\xbez\xf3\x9f\xb7\xff\xbc9&gt;\xde6\xa4\xfc\x85~\x07\x95\xbf\xfc"\xcd5d\xbb\xf9\xf6\xcd\xee\xee\xe6\xe6\xe4\xa3\xc9\xc9\xcf\xae\xcd\xcc\xcc\\{4\xf9\xd3\xabW\xef\xde\xcc\xdb\x9cCC\x1f\xda\xa9T*\x87\xbc\xca}\x13Ly\xfdm2\x91\x98XM$\x12\xa6\x91{\xcb+\xab\xcb\xcb+\xcb\xf7\xee\xdd\x1a\x19\x1eND\xde\xad\xb7]\xb6y\x95\x19\x19\x19\xa0\xd4\x90\xf7\xc8\xbe\x19\xce\xf6,\xa93ML$\x12\xba\xa0Qg\x1a6\x05\x19\x02#\xc4B\x98)\x96\x0e\x18#\xdb\xcfn\xda\xbcCC`8\xafmh\x9f\xb0lO\x93!\x9d\xc9\x14\n\t\xad\xa6V\xad\x96\xe6\t+EQ86\x85\xa2\x08\x81#\x8c\xddN\xc7#\xdb\xb3\xddN\'\x909\xf7\x0b\xab\xfbq$dj\r\xa2V\x02{\x1d\xa3i-\x8d\x82L\xbc\x9d\x16@9\x9d\xc0\x10V\x83\x01\xe3\x99P\xf2A\x9b\xcd\xe6u\x82h\xfbb\xf5\xb6\xfb\xa1\x90I`0\nG\xd9P\x9c\x15\x04Ak\x9cX\xed\xbb\xd7\xb7|n\xf9\xdci\x93q\x8a \xf5&gt;\n\xa3C;\x9f\x8f;\xbd\xd7\xaf{\xf7c\x10\xbd\xb3\x91x\x8c\xa5\xd98\x8bb\\l\neX\xe3\xf0\xcaO\xab&amp;\xa3\xdb\xad\x1bN\x98tZ\x9a\xe6q\xdc\xe7#1!\x91\\\xbf\xe9l\x13\xbd\x9f\xf6\xf4\xbc\xfc\xf9\x1f8\x04C\xd8\x18\x87\xe2\x14Eb\xb4\xd1\xa8[\x9d\xd0\xd1vZt\x98\xde\xe5\x83/\t\x02\xd7\xfbH\x8a\x88C\x1fg\xdb\x9c\xde#\xe9\x96+\xa3\xfb~,J \x1c\x87\x19\x0cQ\x03\xa9\xa7\x98\xd0\xea\xea\x84I\xcb\xa0Q\x9c\xf4\xb9|&gt;\x87\xc310\xe0 \rz\x87\xc3\x87s\xc2Vr\x07\x8c\x9f\xee8U\x8e\x7f\x1bE\x11&amp;\xc6\x81\xd7\r"\x07\xc5\x06u\x82\xc02\x18N\x8a~\xa2|\x03{\xe5\xf0\xfd\xc61\xe0\xa0\xd0x0\x18I\xae_N7V\xdb\x16\x86\xa2\xe8k\x0c\xc3\xd0h\x94 I\x82cx\x84\x8b\xb1`&amp;\xab\x15\xa7H\xc7\xc0\x87\xf2\x89\x9f|\x86)\x86\x0b\x86"\xdbm\xde\xb4\x9a\xcb\xf6\x92a\x186J\x19\x18fj\n%p\x03\x86\x11\x0c7%f\x15\x90\xe2\xfa\x9f\xa9\x06\x1c\xae\xf7\xbd\xc4\x19V\x08Fv\xe6\xd39\x8c\xce\x9d8mgQ\xdc\x10E\x19\x0e\xe5\x11\x02\xc31\x94A\t+F\x80z\xe0\xf2\x9f\xb1\x1c\x0e\x97\xcb\x01\xee\xc7)\x94\x0bB#wf\xd3\xa8\xd7\xe71\x96A\x01\x01\xb4A9\x06A\x10T\xd4\xc8\x8a\xc0`\xf2\x18N\xe9]\xef\xfd\x0e\xe5s\xb9\\&gt;QA\nc\x84\x84 \xbc\xdc\x99OW\xa4*\xe7\xb78\x08\x05=)\xae\x19B\xdc2\x84\xd5\x8a\xa1&lt;\xcf\xb3\x1c\xc3 VR\x0f\x054$\t\xbf\x10\x83\x02\xe5\xa6\xc0\x85\x8c6\x18\x14\x84\x1f\xb6g\xd3\x15\r/9\x14\xa3|.=\xfc/\t]\x83\xe9\x83%H\xd3,K/"\x88\x7f\xaf\xacz\xd2\x00\x8b\x07\x03,\xd2\x10\x8b\x89\xfe\xe3i\x86\x87\xad\xf4\xc3v[Z6c\xf7\x17\xafE\x19 \xaaH\x10\x0c\xc7\xc0\xe9`{\x06\x16\x8f}1\x1c\xf6/\x86\x03v\xbb6\x10\x06\xf1\x10+L%\x0e\x8bI\xe0P\x88V\x84\xe1h\x9d.\x91|p=\rX\xb6\xc7q\x03\x8eEq\xcaJ\xe9)\xd0\x03\x15\xa1\xe0\x9fY{x1\xbc\xb4\xb4\xe4\xf6X&lt;\x96\xb9\xb9\xc1A\x8bg)\xbc\x88\xb0\x08\x023\xc8\x81\xe3H+B\x0b\xad\xad\xba\xc4\xce\xe5\xd4O\xa3m;\xce\x88 \x06\xd0\xcb\x8aBoH\x9c q\x14\x9a\x17\x0e\x07\x96\x9e,\xb476\xd6\xd4T\x14\xab\xaa\x9bU5\x9a\'\x1e7\xcd#&lt;\rqF\x91\x14`\xc1\xf5\xa3\x1by\xd7\x9dr,\xe5\xec\x16\xcac("\xae:\x1c\x02\x15B\x81\xd4[a\x06A)\xcf\x93\x85\xdb*5\x94BQ\x99\x07U\xa7\xaaY\xf0,\xd9\xa1x\x1e\x12\x97\xb4\xf2Z\x9d\xa9\xd54\x9c\x9cO9V\xc6\xb6 \x9eTz\x1f8\x19C\xc1X\xacx\x8a"\xf6\x80\xdb3\xf7\xf7\xefU\n\xd9a\xb9\xbc\xe7\xe1W_\x99\xcdf\x99B]W\xbc\xe0qk\xb5\x81@x\xd1\x0f\xec\x8cq\xd8d2\x05#\xeb\xce\x94\x07\xe9}\xb8\x89q\xd8zzH\x07\xbd\x8f`9\x8cgi\xad\xdb\xb2p\xa8F\xa5\x96eK$\x92\xb2\x82\x92\x87@e\x96\x9b\xf3\xd4\xd5w:\xe6,\x16\x8f\xc7\xbd\x14\xf6[\xa1\x9bp\xbf\xda\xd9\xe4S[\xaa\xb1\xc6\xb7\x10X\xc5\xe2\x89@\xc2\x8d\xe0"x\x82`\xb5F\xdd\x8d\x8e;\xffhV\x1c\xce\xc9\xca\x82W\x99\xa4\xa0\xc7\x0c\xa2\xc9\xcd\nu\xf5\xb1\xc6\x8e\x05\x91\xcc\x1d\xb6\x928.\xf6\x9bM\x8e{S\x8d\xf5,\x8eC(@8\xe0$l\x15\x9f\xd5\xef\xe7\xb5\xda\xd6\xe1\xdf\xa9\x9a\xd5\nyiVff\x16`\x95\x95IJ\n\n\nJd\x85"W\xed\xa1\x0e\xcd\xa0e\xd4\xed\x87\x9c\x83\xb0\xc3\xd9d[\xaa\xbd\xa5\\\xe7\x104\x8a\xe1\x04L\x9e\x15\xb2\xdc/b\x19o\x9c\xbar\x12\\\x95\x9d%\x95ff\xe5\xe4\xc0K$+\x93\xc8\xeb\xf3*\xeb\xaa+jn7\xf6\x03X\xc0\x0fO\x1f\xd0|~\xebY\xaa\xf7O\xc6z\x1cA\r\xa0\x17\x84f \xec\xf7/\xfa\x17\x03Z\xcf\\m\xd7\xc7\x1fI\xca\xb2\xf2\xa5\xc0\x95\xb9\xd7\xc8\x9c\x9c\x7f\xe5H\x0e\xcb\x1a\xf2\x14\xea\xe6\x8a\xda3\xfd\xed\x1a\x8b\x91Gp\x03\xe93\xf0\xc2N\xca-\x0f\xf9@\x80\xaf\x16\x8d\x16\x8b;\xbc\x08\x15p\xc3\x0c\x16w)\xb2K;\xa5\xf9"Wyg\'42+\xa7,\xa7@\x0e]T\xa8\xbb.U\xd4\x02\xd6\xe0h\x001\x00\x96\x15\xfd\xe6\xb1-\xd51\xef\xfc\x0bg\x85\xe5ko\xd5\\\x9c\x03\x1b\x87\x03b\\i\x8a\xeb&gt;\x92\x94J\xf3sss\xf3\x01-s\xcfa9e%=2\x19\xa8\xd5U\xad\xaail\xbf08JC\xfb)\x97\x1e}\xf9,\xe5\x96?\xb0\x13\xc3H\x1faw\x0f\x1e\xfa\xbev.\x1c\x16\xa9\x9e46\x17J:\xcb\x01\xab(\xb7I\xc4\xdas~\x8eD.\x93\x156\x80\xe9\x7f\xdf\\|\x06\xcc5j\x17\xef\x1b=\xf9\xfa\x8b\xee\xd4\xdf6\xebq\x86\xa4\x10\xc0\xaa=v\xfbG\x8fgN\xf3\xe3\x93C\xcd\xf5\xd9\xa5P\x99RiS\xd3{\xb5\xca;\xc1\xf5=f3\x88\xa5\xae\xab\xae\x06wi\x06\xddv\x82\x10\xb7{\xec\xa93\xf5\xabz=\xc4\xf8\xc5P\x1f&lt;S|\xe7\xce\x9d\x9a\xc6\x8e\x8ec\x95\xf5\x9d\xd2&amp;\x80\x91~(\x90\xaaS\xf4VO\x03h%b\xc1z\xdc\xc3\xc2\x00\xcb\x87\x7f\x9d\x8eC\xf0A\x88\xb5\xdb\xe9%\x8b\xa6\xb8\xba\xaeN\r\x93\x96wX\x9e-\xcd/\x12\xfb\'ZK\x9c\xc5Li9\x04\x05\xa8\xd5\xa0\xa8T\x83\xb7`\x16\x1b\xc5&amp;\x12"W\xf4\xbe-\rw\xcd\xd3-\x81\xa6\xb5FK\xa3J\xadh\x90K\xca\xe4\xd9%\xd9YMEU\xbdUUUE\xa2\xe3\xc5i\x94\xe6K!"\nz\x1a`iC\x0f\x9bU\xb5\x8d\xed\x9aQ;\x82a\x06\x8a\xfbs:\xae\xe6\xf9\x88\x00T\xa3s\xfd\xd5y\xe6\x92\x82\x12\xb9\xbc\x00R4\xb7\xaawll\x0c\xb8&gt;0I\x9br\xa5\xe5\xa5\xa5\xd9\xe2 6\xabT\xaac\xb5\x10\xa8\xadv\x06E0\xc3\xeb\xc7\xe9x\xf6\x19\x8f\x08@ei\xafP\xe4\x99\xe5\r\x0f{z\xca:\xf3\xf3\x8b\x80\xaa\xa5el\xacw\x8f\x0b\x9a\xd9\xd4t\xb5\xf3\xec\xd1\xa3\x9f\x881\xafRU\x14\x9f\x01\xb9n\x18i8\xb6\xa3\xb1\xf5t\x9c\xccm\x11#`\r\x16W\xca\x1a\ne\xe6\x9e\x82\xec\xa3W\xcb\x9b\xaa66z[Z\xbel\x11\x05\xcb\xcd-\x82\xf7\xa6\xabg\xa1\x8e~r\xfeDe\xb5\xaa\xe2\xd33g\x0e\xf5kn\x18Y\xb8c\xbfy\x9a\x8e\xe7\x8b\xd9H\xd08\xaa\xb9\xa4\xce3\x17\x16\x82^\x85\'\xce\xaf\xad=\x7f\xb1\xb9\xf9|cC\xe4\x02\xc5\x80pl\xe3\xc5\xf3\x99\xb5\xb3g\xd7f\xae\x9d?\xd9\xd5\x0c\xdb\xba\xbf\xff\xd4\xc5\x0b&amp;\x01\xce\xfe\xaf\xc7\xd3\xf1\xdc\xf3`K\xa7\xbb\xf1\xe9\x89\x86\x06\xa0j(\xec\xbat\xf7\xee\xf4\xe4\xf4\xca\xca\xca\xe4\xe6\xe6\x0b\xe0iii\xe9\x05\xbc\x17k3\x93\xd3\x93\x8f\x1eMNN_9w\x0e\x06\xb1\xbd\xff\xc2\xa9\xd3#F\xc0\xfaSwZ\x9e\\\x01\xeb\x8f\xd5\x852y}a\xde\xf9\xe9\x8b\xa7\xfb\xfa&amp;&amp;\x86[M\xab+w\x1fm\xbe\xd8(\x02\xb2\xaa\xde\x96\x8d\xe7\xd7\xa6\xef\x8d\x0cO\xf4\xadN\xac\x8e\x98\x86o]\xbc\xd8\xde\xae\xb9p\xea\x96\x8e\x9b\x9a\xfa\xd6\x96.\xac\x0b\'\xeb\xebey\xe7?\xberz\xa4\x0f\x98tP\xad}w\'?[\xbbz\xf5\xbf\xb4\x9a\xcfo\x1a\x89\x15\xc7s\xeb\xa9\x9d\x03g$\xc8\xf2\xc3m\x80P\x90U\x0e\x08*\x10\x91X\x06V\xcc\x18\x18\xc0cLd\x03\xddA4`\'\xe6\x87\x08\x1bF\x8eLvR\x82\x92h,*\x0cx#;j\x8bY\xb0\x1d,\xd1B,\x85\x18\xad\xd4:\x9b\x8b\xa5\xa8\xdaM\xe5\x8d\x15E\xf6nl\xd7\xb2\xd3$M\x1fQ\xff\x04&lt;W8|\xf4\xde\xe3\xfb\xbe\xdf7X\xbe\xb2\xe4r\xaa\\~\x89\x98\x9f\x18\xbd6:::\xf1\x00f1\xdc\x08\xd9\xa6\x1c\x1e\xcf\xe4\xb5\xeb\xd7\xbf\xbf{*X\x0f\xc3\xe3)+PY\xd9\xb5\xd9bj\xad\x12\x1e\x05\x1d\x0bW\x88e\x9c\xa5M&amp;\xa9E\xaaV\x9b\xe8\x12\xe5)\x8f^&lt;w\xe3\x1c\x84\xb1\x89\xdb\xa3\xf0\x85\x90\r\xb0f\xaf\xfd\xe9\xfa\xdfO%\xec\xff\xf3\xd5\xc3I\x02\x1b\xe4\x0e\xb2\xc4x\xb8\x98z\xccP\x95\xf9rg.\x1eJ\x97\xf0\x11\xb1\x84#\xe5\x18\xc9\x01,\x13)N\x0c\xff\xf2\xb7_?\xba\xb5:&gt;9\xfe`\xf8\xd6h\xb8\xe1\xf18fo_{\xfe\x97S9\xd9\xfc\xed\x1f\xb3\x93\x14Fr\xb1\xa5F\xb8\xf8ty)\xeb\x8a\xa4\xd3\x84\r"kK\xe3\xe6!\x02\x95\xc2h\x1e\x92M\x83\xbb\x02\xa7\xd8)\x94\xe7a\xfaf\'\x86o@\xbd"\x15h\xe2\xf3SQS\xd0\xadI\xc0\xe2r\x83K\xd4Zv\xb9\xe4\xb2\xa5\x1f?\r\x8f\x87\x1b\x8dfK$\x93+MP-\xb7.\n\x81z\xb5\x1c\x02^\xc7\x94-\xa2aB\xe3\xa3\xb7\xc3\r\x07`\xfd\xf4\xea\x9b\xb3\xf7o\xfe\xa1\xafh\x17\xee\xdd\xbb\x0bX\xe15\xd0\x07lq\t\xc7\x874\xa1tc\xf4w\xbf\xf8\xfc\xe2xjZT\xab\x0f)M\n\x0e7 j\x16V\x0b\x8d\xc7O\x17*EG\xca6\xe3B)O1&lt;[\xf1T\xc2\xc3?}\xff\xd7+\xc7\xef\xb7\xaf\xf4S\xe9\x0f\xd6\xd7\xff\xb3\xbd0\x19\xa6\xacr9\xc6\x9a\xcd\xb8}:U(&lt;\xfc\xcd\xf5\x8b\xb7_og\x9d\xb2\xbd!-G!\xb8,\x8bnt\n\x8d\xd4\xeb\xe7\x7f\xfe\xfc\xdc\xad\xd1\xf2|s\x9a\x88x\x8a\xc5\x8a\xc3\x13\x1e\x1e~\xf8\xfai(\xda\xfap\xb3\x7fT\xe7\xd7\xebCf7L:c\xe6\x83\x9a\xf2\xcdvt\xaa\x19\x8f,7\xca\x9d\xf2\xfbm\x96u\xef\r\xf1\x0c\x02\xc3\x88.\xbaQ\x98k\xbc\x7f\xfb\xea\xc1\xa3\x1b\x8f&amp;V;\xf1\x99\x88#\xe4\x08U@\xb7.\xde\x9ak\xb6\xa2;\xfb\xad\xed\xfea}\xe9\xde3\x0f\x92\xd9\xf08e\xe5\xf3/\xf3\xf8\x10ME\x1a\xb6\xfa\xe2E\x95Jg\xb3\x04cw\xcb\xdbZ\xa1a\x10\xb0\xe6\xe2\xf3\xef\xdf}\x1b\xeet\xcak\xf1\xd5B3d\xeb\xc9C\xc43yk\xb5A\x8c\x89vvv\x97\xce\xf7-#\x1et\x93]\xae/?\x1b\xa6\xa0Z&lt;%On\x0f\x0c\xe1\xd6\xcd\xcd\'[lI\xa6q\xa1V~\xb7\xdb6 P\xadV\xabi\xa3`\xf1P\x14\x05\xf3\x1e\xdfh\xce\x80\x98:"\x9e\xd9\xe1\x02A\x11\x0c`e\xbe\xe8[\xb5\xbe;D.\'}jO8\xdb\xc3\xd2j{y~\x04O$p&lt;\xa3\x03\xff,\xb3\x9b\xbb]\x83@\xc2\r\xd4Z\xcd\xe6\x8cH\x96`\xe1\xc3D\x89\x99\x02\xb75\xc6\xa4#\x91H\xb1&lt;\x9fN\xa3\x89z}G\xd3\xb7\x85\xfd\xc9w\x87\xca$\xb8\xa8\xe5T\x02\x93\x8f${G\x10$\xc9\x1d\x08b\x985\x81[q{  \xef\xb6\x15R\x81\x96_om\xc4\x9b\xad\x9a\x06\x95ePT\xe3\x02{\x1d\x90\xa1No\x84H\x15C\xde\xb1Zioo\xd7y\xd0/\xac\x9f\xe5\x0ecI\xa9\x9afK\xf9\xe0 \x0f\xfc\x9f$f\x18\x10\xeb\xc5b\xb0{\xbe\x9cZ&gt;4\xd4m#\n\x95\x02\x91C\x17\x9b\xcdi\x8d\x0e\xcdd2\t\xb3\x15\xc3\xe4Cn\x19C\x10\x91T%\xe4\x88FQ\xdd\xden\xadoX\xe7\xd5\x871\xadJ]\xcd\xb3l\xcf\x99\x02\x96PO\xeb%\x12\x9f\xda\xe7\x87,=\x00\xb5\xd2\xc6`\'J\xe42\xd1\xeenk,\x83\x9b\xb1 \xc9\x1bP\x8bI\xcc\x8cg(/\xe1\x01\xac\x991t\t\xad\xed\x8a\xfa\x86u\'w\xa8ET9\xbe\x9ce\xadr.W\x89\xf8L\xa6\x18\x84/#\xe4i\x88;H\xb7\x0b\x06\xdab\x91\xea\x07u\x10\xd3ju\x19\x1e4\xd2b\x03\xa2\xf7\xa9\x83V\xbc\xa4I\x83z\xa5*\x1b\x1b\xbb;\xb5\x9d\xfdz\xff\xcc\xe0\x9b\xa3\xb6\xa1\xbb\xb77\x12\xcc\xc3\xaa\xe6)\x91X\x8e\x039UO\xc3z\x86\x18\xa6\xecv\x11\x89@e\x91\x9a\x8c\x10tDNY\x00\'\xc5b\xbd0\xd63\xf5A&lt;\xc30\xd0\xc4\xd4\x9aw\x7fc\xdf\xb5\xbb\xbf\xf4Y\xffD\xde}\xa8&gt;\xdak\xfb\xb6\xd8^s\x10\xa5\x9e#U\xf8\xc1\xb9\xab\xfc~\xa9\xc2\xd4&gt;\xec\x1a$\x02\xa9E%0f \xd5\xd6\x02f&gt;)V\xeb9\x10\x1a\xd5j\xa3U\x03\x0b\x12\xb0\xa8\xd2\xce\xfe&gt;\xf4\xf8\xb8\x7fr\xfa\xab\xfc\x91\xef\xe8H\n6=\x08XZ$&amp;\xf0K!Y@\xdeQ\xa98\x92\xf6a\x1b9\x11\xc2l\x99\x06\xecNoT\xa4\xe3s\xb9F14\xda\xcf\xd1\x8bI\x1c%\x8850\x13Tb\xa7W\xad\xf4\xbd&gt;\xde\xdc\xde\x1c\x9d\x1c\x1d\xf9\x9f\xf8\xab\xf9&lt;i\x1c@b\x10y.\xad\xac\xac\\\xbaj\x91\xc6\x0c\xednRo\xe2@\x139\x08\x96a\xa6\xa3:\xf3 \x8fVC\xfa\t\xe6|4\x96\xa0\x00\x0bz\xc8\xa0;\x1b\x1b\xd3\xd1\x0f\xe7\xfb\xb9\xaa\xff\xad&lt;::\x89\x9dl\xe5\x83@\xa5\x8fqTWWV\x9e\xf5\xb0\x141\xc3\xe5\xf6\x00x\xd3\xab\x80h\xa2\x13\xe8\x98\xa8n\xe7\x93\xb4o3\xe7\xa7\xfdj\xda\x9a`\xd2\xe9\xb5\x85TDT\xdb\x9f\xdb\x88D\x0e\xfa\xe9l~_\xe5\x1e\xeeu\xbbf\xc8Y\x98\xb1wgS}\xf5\xffj\xa9\x04\x06\x1e\x8f\xf6K-\xd0S\x15G\x8d\x03VMf6\xd24`=\xd9\xdc"A\x1f\xd2i\xcfB*\xb4\xbf\xbb\xbf1M|\xfb\xc7\xbe\xfa\xad\x17#zR\xdb=\xa2\xf3\xeb\xacQ\x8c\x18b~K/\x81A\x06S\t\x10. (zX\x16\xc0\xca\x12Q\x11\x8a\x93\xb4\xba\xd7E\x18x{\x06\xaa\x05\xa3\x15\x9a\xae9\x19M\xf4\xb8\xafw\xb7;\x07|\xdeI\xced\x18\x00,\x92F\xf4\xfaX/\xe5\x7f\x05$R\xa12\xa9\x8e\t\xa4\x97^&gt;\x83\xdam-g)W\xd4i\xb7\x1a\x8dU\xda\x18\x0cb%\x14\xa8@M=\x11\x14\xa5\\;T_]\xe0\x99\xb3\xbf\xde\xea&amp;s~\x85\xa9\xba\xc8\xc2\xccC\xc4\xe9\x05{x\xfc1\xa5r\xc0\xa77\xf9/\xfd\xeb%t\xb1\x9a\xa1\x18\xafh\xcc\x19\xb0\x06\xc9`/\xee\xc3\xcf\xb0g\xa0+\x1e\x97&amp;\xc3\xd4\xea\xc7}\xcedw^\xd2J\x90N\xd5\xd6"\x8e\x01\x16\x12\xfbx/\x95r&gt;\x1e\xff\xc8&lt;\x9dS=[\xb1Hs,\xe1\x89xE\xa0\xa8`.p\xab\xd5-s\x01UO\xb6\xd6\xea.\xd8\xdd\xeb_\xf6;e\\8\xd8\xf4\x0bN\xa4\x9b\xeb\x8b\x98\x91\x87\x88\r\x82\xde=\xcb\xa47\t\x05B=\xa9Ai\x93_*\xd0\xe7\xa9r\xa7i\x83\xfd#\x0b\x04`Y\x972\xa8\xcb\xcb@\x17#\x0b)\x1d\xc3d\xd7\xfb\xff&amp;\xea\xcc\xcf\x0f\x9e\xa8\xf5\xea\xfc\xe2\x12d2m\x12\x11~\xbc\xe0\n\x85\x06\x89\xc4\x80\xf0\xdd\xd6|\x95\xa6\xd9\xacc\xae\x13\x9f\x12\xd5\x9c2w@\x87\xa2:\r3\xe6\x82\xe1"&lt;\xaf\x17\xc6\xd2\xd4\xf6\x95\xd3\x08d\xf7_\xfe\xf0\xe6\xcd\xbb\x17l\x10\xd6"O+\x11\x08b1\x01G\x82H\x80\xab\xed\xd6,/f\xb3k3\xf1x\xdc6V\xab\xd7\xffk6\xeb\x9c\x1a\x8d\xcb;\xa6A5\x84#\xf5\xe3\xdb\xe3\xe3\xb7\xf7N\xe9\xcd\xfe\xf9O?\xbd\xf0\x0e\xc3\xb8\xf2\x11\xae\x16`\x941\x0eG\xafT"\xb4\x91%\x1c\xde,E8\n\x9dB\xdc\xc6\xe8t\xb2\x80\x99\xb4;{TN(\x19\xe1Y\xf8\xe6\x93\xfb\xf7O\xef\x1f\\g\xcf\x9c\xfd\xa1\x8aq\xf9\xd8`R\x89h\x95B\x85OM\xe2f\x96]\xb6QLd\x8d\x9a\x8f\x97\x0b\x85\xb8W\x03&amp;\xd0j4;\x9d\xde\xa9\xa8S\x872\x0e\xc7\xd3+gN\xf99\xa8\x92&lt;~\xc2Lj\rI\xa5 \x16\xc4\x132\x99\x8bq\xc4S\x84-B5\xe6\x1b\x9d\xce\x9c\xcd\x0b\xf9"a\x04\xef\xe5\x98\xb1\xb9t(1e{}\xf3\xb4\xb1\xee\xbd\xc0\xb8$\x9e\xc0\x06\x10\x1e"$\xb3\x9a\x8c\xdd\xec\xd61\x8e)\xc6\x9b\xceR3\xa1\xb9x|f\xc6Vlx\xf0``z*&gt;\xe3uz\x1d\x8e\xd0\x87\xbb\xa7\x8d\xf5\xc5\xb6\xd5\x18d38/y\x19\x11\xa3\xa1l\x9e\xabTj\x07\xb1\xa0\xb5\xeebP\x99\xd3\x9bnMC\xb2-\x97=KY\x87-\x1eo\x00T\xa8\xf8\xe3\xfd\xd3\xc6\xfal\x1b\x93\xe3x)!\xe7\xf2\x90\xfc\xffx\xb7\xff\x98&amp;\xf3;\x0e\xe0\x8b\xa4\xa1\xcbY*(D1M[\xd0\xf6\x11\xb4\xadW\x1e\x7f\x15Z[\x84\xb3\\\xeb\xedi)\xfdE\x7f \xadV\xa8%\xf4\x07\xe5\xec\x10,W\xd2\n\\5\x10izjK\x87\xe0\xbc\x01\x91&amp;\xc2v\x8arKH\xc6\x9d\xe7a6\xdd\rO\xc7t\x99\x9b\xb9hr\xeenz\x8e\xed\xf3-f\xffm9w\xc2\x87P\xca?\xcd\x8b\xf7\xf7\xd3\xef\xf3|\xc3\xa7\xaa\xd6\xa9v\x86\xc7\xce3J\xa5l)NH1\x05A\x84lBMk\xc4\xd5\xef\xf4\xab\x1dg]\x8d\xe3&amp;\xc7\xf82\xb0\xb8\xdf\xf6)\x95&gt;Y\\\x8ea\xd2xpz\xc8g\xe3,,\xf8\xe4O\xe5\xa9\xd2Wq\xc6\xc6t~gk\xa2\xdf\xe1w:\xce\x9e\xe9O8\xc6#\xd7\xae,\xf9\xc0b\xefw\xc9&gt;"\x1e\xf7\x11\x0c\x86!\xae\x0e\xab&gt;\xd2$\xa7^|\xf7|j$\x1e\xe2\x84\x94\xf1\xb0P\xe3t$\xce\xf4\x0f\x9b\x12&amp;\xd3\xf0\x91\xb3g\x8f\x04\x13\xee\xcf./\xf9\xc0b\xfe\xcc\x93!\x85\xbd\xcf\xa7\xc41\xd8\xaejX\xcd\xe1g\x0f\xe7\xcf\xcf\xcf?|\xf0\xfc\xc5\xf3\x17\xf7\xef\x7f\xfb\xaf\x7f\xce&amp;~}Fm\x1a\x87C~\xe2\xc8\x91\x04\xb0\xfe\xfa\xd3\xa5\x9fWlz2K\xd8\xedJ\xa5\xbd]\xaa\x0c\xe8\xe0z\xfc\xe8\xee\xc3\xf9\xf9\x82\x86yT\x0f\x1f&gt;|1\x1a\x15\xaa\xfca\x95\xcai\x1aN\x04Uj\x87\xfb\xdao\x96~\xe84\xb7\xfb\xc9tT\xaa\xa8\x02V\xbb\xc2&amp;\x97\x1a\xbf~:\xf7\xe8\xee\xd1?\x00\t\xb1\x1e\xdc\x9d\xfb\xfb\xc2\xc5\xb1JeM\x00V\x13\xf6\n\xf5\xb0\xfb\xb3s\xcb0t\xfa\xfe\xfd\x89Y\xbbAAD\xdb\xdb1C{\xd9?p\xbdb\xee\xd1\x7f\xea\xe9\xdc\xd3\x05V@R)\x87\xbbR\x8d:\x18\xf4:"\xd7\xbey\x7f\x19\x06\x87\xd7=\x9f\xbe\x19\x95J\xed\x84\x1d\x13\x89\xb0R8\xdb\xe8Q`sP\xe8\xe1\xeb\xaf,\x93Z\x9fBn\x13\xea4\xb0e\xa9\x81ug\x19\x06\x87\xf3\xca_(\x93Cv\xa9\x81\xb0K\x19\x98\xb4\xb8\xb8\xb8]\xae\xd7\x83+\x05\x9b{\xfa\xd5E\xaf&amp;N\x10&gt;\x99\xd6\xefTy\x9d\xcea\xf7\xdff\x96cR\xbe\xfc\x19&gt;4\x02\xa7E\x03\xdcw\xf1\x0cXi)\x1c\xbal\x0b\x0b\n\xe9S\xa8\x85\xb1\xe6\x80.D(\x94!\xad\xb6K\xad\xf2\xd6\xa8\xdd\xd6\xc1\xcb\xcb\xa0\xfa\xd1\xf9\x07F\xde\xd0\x90\xdd U\x18\xa4F\x1c\x87\xd3Y)[\xa1\xd7\x06\xbc5\xda\x8b\xcd\xc1\x8fT~\x9f\\\xce\x8cw\xe9\xba4^\x87S\xd3\xdah\x9d&gt;\xb7\x1c,\xee\x03\x1e#\x1a\xef\x83\xae\x07\x17\x8fgd\xbf\xbby#\xb5]\xd9\xe5\r\x06\x13\xc1@W\x9cP0\xe5&gt;\xa1\xc5\xdf\xe5\xf4\xaa\xd5\xad\xb1\x84j\xb6iyXL\x0f\x1e\x07\x17A\xf0\xa4\x06\x1e\x8fQ\x86\x06X\xd8&lt;_X\x16R*hWi\xb8B/\xd3\xe9dpI4\r\x0f\x82t\xb9XFZ\x8b&lt;\x1e\xee#\xe4L\x03&amp;\xa51\xf8e\xef\xa2\x91\x0c\xa9\x82\xc0\xa5\x18\x9b\xe1\xe1\xf1lZ\x9d,\xect\xa8M\xc3\x91\xa0W=}9oYz\x8bIc\xd0\xec\xe1p\xdc\'\xc7\xd9lv\xd9\xe6\x8dh\x1e\xe9\xedR&gt;\x1b\xcd\xfc\xe0L9\xd3&amp;\x94\x85!,\xa7i&lt;1\xe9u\xdc\xfc\xa6i\x19\xb6\xd3\xf2\x07\n\x8f\x81fTNL\'\xe3\x04\x83J-\xdd\xb0a\xf5\x9b\x07\xf7\xed\xd8\xb1z\xc3\xea\x8de\x98\x91\x893\xf5\xf1\xf0\xc4pl\xd8\to\xc5@\xb3\xda\xf4\xc7[\xa7\xcf/}Z\xcf\x08\xdc\xd3\xe2\xb1\x8f\xc4Z\x93D\x0b\x95\r\'\xea\x83\xfb\xf6\xfd\xec\xe8\x8e-[N\xbe}\xe0\x80Tag\xca\x87Z\xadVw\xcc\x11T\x05\x02,ukO\xed\xdaO\xf3\x97~\xdf"xW[\x184\xa2\xde=\x98$06Vzr\xc7\xbe\xa3;\x0en\x81\xaf\x03\xc5\xb7\xa3!\x1f\xe1K\xba{\x8e\xf5\xb8\x8eLN6\xb3Xj\xd3\xa5\xda\x92\x8c\xd3K\xfc\xa1\x87\xbc\x8a\x17r\x1a\xa8&lt;\x8c\xa8\xa3q:&lt;\xa2h/\xbeq\xe3.\xb0\xde&lt;\x08\xaa\xd1\xa1d\xbd\xbf\xde\x1f1_\xe8\xa86\'\xbc\xa0b\x05\x9c\xd6\x9c\x92\x9c\xebK\xfc\x89\x9a\xde\x99)&amp;\x03\xc308\xc2\x86bn\xf7\xcd\xfa\xe8Pt\xf4\xf6\xe7\x9f\x9f,.&gt;p\xbb=:\x92lm\x8cD\xcc\x85u\x85\'\xfa\x83\x01P\xb1,5\x91\xba\x92\xdaO\xceu/\xe1\\z~\xef\xcc\xbd!\xe6U\x91\x88-\xf2\xd0\x88p\xc4\xec\x8aL\xb4&amp;\x87f\xa7Fo\x8cF\xd1\xa8Ar:\xe2r\xf5l\xaa{\xef\xb8+\xe1\xf5"V\x80e\xfaB\\\xfb\xe1\xaf\x9a\xba+z\x97\xe6\xe2\x98\xd7\xcb\xed\xbe\xf7e\x1f\xce\x10\x89\xa8l\x8c\x86+\xc3\xd6\x13\xae\x88{pbbv\xf6\xcfS\xc9\xd1\xd1\xe4\xc8\xec\x9f\\V\xf3\xf1\xba\xda\xddg\x8eL.\xb2,5\xad\xd5\xb5%\x87\xaf\x0c\x0c\xb4u\x7f\xf0\xfaW277\x9f\xcb\xe5\x9e&gt;\xfce\x14\x87;\x1a*\x95\xcd\xc0\t\xa5\xdfU}\xc9\xearO\x0c\x0eO\x8f\x8c\x8cNM\xc7\x1a\xcd\xd5\xc7\xd0@\xbd91\xd9\x1c\x08X\xd02\xd6\x98\xcc\xe2\x92\x9f\x9c\x1e\xe8\x1ch:\xd7]\xc1\xcd\xcf\xcb}}\xa1\xe5\xe6\xe5sIEY\xdd\xbf]\xd5\x115`T6b\xd1p\xbd\xc4a.,\xec\xb86\xd8\x18\x89M\x87\xa7\'"\xe6\xea\x13\x9b\xea\xb6\x1d\xda\xed\x1a\xf76C\xbf[X\x01\x8b\xa5Fm\xad-\xd9\xf6\x8b\x81\x81\xce\xb6\x81\x81\xeew*\xd2\xb8\xe9y\xaf\t\x06\xa84\n\xa9\x88|\xf9\xd6\xce\x8e(\\b\xa8\xc0bc\xb8=\xe4\x1f\xae\xce\xc9\xbcp\xc9\xec\xba\x16s\xc4\xfa\xcd\xd5\xfbw\xef\xfd\xf9\x9eM\xa0b5\xa7V\xd0R\x03e\xddS\xb2\xed/\xc0\xealj\xea\x1ch\xdbZ\x90MY\x9f\xff\x1ad\xe8C\xa4\xf44\n\x99L\xbarj\xcd\xe3&gt;\x03b\xb1\xd9\xd4\xb2R\x8c\x18\tG\xaa;\xea\xea\xb6W\x9b\xad\x8d\xd6\x9e\xfd\xdbw\x89\x0f\xbdw\xc2\r\xbb;\x14\x0b\x99\x9c\x88%\x16\x97\\G\xac\x81\x01\xf4\xd8\x000:D\xf6\x03Q\xe9\xeb\x8bH\x14:]@&amp;S\xeed\xec\xbc\xa0\x04V\x19\xb4\xbc\x88]J5\x86\xea\xeb\xfd^\xd7\xf1\xdd\xdbw\x17\xa2\x81\xfdC{wmr\x05\xbd\x01K\x8d\x93e\xd1Y\x90I\xa7\xab\x81\xde\x02Vg\'ZE\x04kC\xb0lJz\xee\x0f\xe9\xa9\x95\xdc,2=\x9bN!e\x91\x05w\x0eg^\x90\x19\x18\xc0\xa2b|\x11\x9f\x8a\xc9}qY\xbd\xc9\xd1\x1a\xeb9\xb1\t\xeax\xb5\xb9?\xa1\xb2 \x96\xc5\xa2\xbd\x88\xc2\xd2vi\xaa\xc5%\xdb~\xd9\xd9\x06\x85\x12C\xbc\x86\xadh)\xb9\xff\xdfR\xe6\xe6\xe6\xa5\xaf|\x0b\xd6.-\x1b\xd6\x90\x04i\x9d\xceX\x93\x1130\xf8T\xd4\xf4T\xbe\x88\xcd\xab\xd4\xcb\xe2\xc9drD\x17\xf0:\xc6\x1b\xe1\xb8:\x1e\xf4\xd6X,\x16\x9dN\xab\xd5BRZ\xadPS(.\x11#VCC[g[g\xca\xd7\x00\x81\x15d\xa7\x91^\xbd\xfb!\xa8\xf4\xac\xac,\x12T\x1a]@A,\xe8\xad72\xac\n\x9aH$\xe2\x97\x95\x01\x8bAc\xea\xf5\xf1P\xdc\x17%\xe4Ua\xcdxB\xe5P\xab\x9d\x16\x96N+\x14\n\xc1uQ\xa7\x1d\x13\x9a\xb6\x8bkW|\x8a$\rmm\x8b&amp;\x94\x16\n,\x1b6\x8c\xdcWD\xad\xcf\xca*"#\x0f\x89B\x12\x80\xaa\x88L\x9a\xf9\xfd\x8a\xccca\x0f\xec\xa7|\xea\xe6\xcdT*\x8dFc\xf2p\x05\xa1\xb0K\xa5\x84\xcf\x8f\xeed )\x8bV"\x14.\xba\xc6\x84\x12Il\x97X\x9c\xf9q\xca\x02\x0f\xa9\xa4\xa0\nPeg\xa7\x95\xbf\x02,7?\xbd\x17\x99\x04\x10\x13\xe9e\x01\x8b\xdc\xf4\xc9\x8a\x9d\x191\xa3\xa7\x85\xcf\x17Q\xd1\x0c:\xc3C\xc3=8n0\x18\xec\x84\xafK\xa3\xd1\xe9`\xfd\xb42\tG&amp;\x81\x12"\x96\xd0\xb5\xa7\xb6\xf6\xd4\x95\x14\x06\xb1R(\x14\x15=;\x1b\xe5U\xf1}\x13\xcb\xcd\xff\xf1\xfaTPt\x01\x14\xac]J\x05%\xe8\xfe\xdd\x1bk\xd6^\xea\xa3\xc1.\xcf\xe7\xf3\xa1\xf1\xf9\x1e\x88\x8e\xc1\xc3!\xb1*\x19\x04$\x93\xe8\xb4\x12\t\x87c\xe3p@\x85X\xb2\xae\xfd\xb5b\xf1\x87Mh\xd1\n\x10\x0c\xfd\xccFI\xd1\x05\xf4u\x10WZEZ\xda\xf7\x80\xe5\xa6Z\n\x10\x14J\x1aE@N\xb1\xc8/]\xe5\x1f\x1f\xde\xb9\xf6q=\xad\x85\xbf\xe8\xdaL\xf5\x18\x19p\xcfe`\xea9\xc21N\x95\xad*$\x11Jd\xb6\xd4$\xac\x0c\\2Nhx{\xed\xb6U\xd7\xdfY\\5p\xa5z\n\x82*\x80?\x9a\x92\roqH\xad"m\xfd\xff\x86\x01\xea\xad,PP\x04\xf0\r}U\x04q\x91\xc8Y/Y\xbd3\xa7vfd\xba\x99\x9e\x16h.XE4\'\x8cc\xe0\xc2+m6}%S\xae\xac\x82\x94\xe0Y\xa5\x1e=\x91H\x80\xd5\xb87\'\'\xe3\n}\xb1\x97\n^\xae\x1f\x1d~_\x07\xaf\x0eO`KD\xb0\xf2\xde\xff\x0eCI\xa5\xba\x9c\x9c2A?\x15\x15q\xe1\xdd\xc8%\t\x04$\x01\xe8V\xde[\x9b\xf9\xc5\xe3\xfa\x14\xab\x0c\xfd\x13\x03n$h\x0c\x8cA32\x99&lt;#N\xe8C\x1c\tG/g\xa2\x19]\xc4\xb2\xd9\xea;rrV\xdd\xda\xfao\xba\xcd7$\x8e\xfc\x8c\xe3;3;\xba\xeb\xcc\x8e;\xe3\xec\xcelw\x9d\x8d\xe8\xa2\x97\x8b\x8ez\xbb\xbasn\xb8\xca\x92\x99s\'Q\xcb\x85\xbcI\x93\x16$k\x90Jr\x90\n\xcb\xedI\x8f\x83@\x03Z\x16\xa2-\xb8\xd0;r\xdaR\xb7\xdc\x8b\x0b\xa5\x8aB\xe3\x8b@\xa2\xa9\xde\xad\x8a9J\x02\x85\xe3\xde\xf5\xfa\xba\xaf\xfa}f\x95\x1e\xb4\xfd\x99?*3\xeeg\xbe\xdf\xef\xf3\xfc\x9e\xc1\x9d\x08\xe5;\x92&lt;?\xe0u\x06O\xa2\x08\x17R\xf8\x10\x87\x85/8D\xec\xff\xcd\x17\x9d\x0f\xe3q\xc5\x03"\xbdH `\xa5y\x1e`\xd0\x0c\x8e\x06\x98\xea\xac$\xbf|\xff\x06\xb5\x88\x0b\xa9\xae\xae\x0b\xad\xe7\xbcu\xe3\xe6\xcd\xfeL\xff\xcd\x8ek}}}\xd7:\xfa;\xae^\xbf}\xfb\xf2\xe5\xcb}\xb7?X{;\xaaJ\xff \xd3"\x94rO,\xc2J\x12\x0fmh\x1e\x18\xadB\xc1\xfe_\x82a\x9c2M\x05\x14\xbc\x87\xd5\xb0\r\x9f\xc0A%\x14hjB\xcc\x9a\x98\xf2\xb1$\x0bo\xfe\xeaC\xd4b\xca-\x81\xeb\x1dt\x8b\x9e\x1e\x94b\xe6f?p\xbcw\x87\xd3\xf3G\x08W\xdf/\xfb\xae}\xf2\x91aD\x8f\xe7b^\xd5%G"^\xe0\x81\x15j\xe0\xd0\xcb@\x86\x86b\xb1\xd8\x7f\x15%M.\xa6\xf2=\xa23\xaa\x10o\xa7\x15\x9b\x0f\x88\r,{G\x92\xa5\x97\xb7~\x84\x99\xeb\x92[J\xb9\xa9V\xe2B\xb8\xda\xc9\xc9\xfe+HU\xc7\xcf\xdb\xfb;\x80E\xc1\xbf\xfe\xe7\x19\xcb2\xaa\x13I.\xc6E\xbc\xda\xf3j\x90\xb0x\x02\xf3\x92\xc2\x13W2\x12\x9b\x18\x98\x88\x15\xbe\xbf#\x11\x14\xca\x0f\x01\xa2\x83N\xb1\xd2\x81Fop\xcc\xc5\xb9\x82"2\xe9\x11\xbe\xc91\xe7\xea\x96\xa0\x0f\xff\xb1\x1b\xa3`\xaa\xab\xad+u\t{#\xf4j\xcf\xd0\x80\x9f\xc1ft\xb5\xbf\xbd\x9d\xde\xc5\x7f\xfd\xfa\x95\xab\xd7?\xb87c\xb1\xaf?\xe3\xb9X\x04;Xh$\x19\xf9\x0fV\xa0QTX#\x9er\xc0\xba3\x10+\xa0\xbf6$\xfbAg\xe7C\xb8\x97n\xe8t\x86\x95\xa6o\x84BJae\xb3vT\x16\x1d\xc6O%\x99X\xdc\xd3tY\xbe\xff\xc9;\xddo]\xe8\x1al\xeb\x02V\xeb[\x1f\x9e\xc3\xfd5\xb6"`]\xed\xc8\x9c\xa3\x071:P\x03W\xae|q\x7fF]\xde\x8e\xc1!\xa8\xc1\x07B\xe0\xf3\xeap$I\xa5N\xb9\xf5\xb0x\xcf\xd4\x18\xd5)\x04C\xf8;\xbd\xc9\xc5\x8c\xa7\xa9\xa7\x03\x06gz\x17\x82\x887\x05\x10\xc9\xc2Vu\xe3D[\xde\x14E1\x88\x16\xab\x88v\xf9H\x90\xf5\x99O\xfb\xbb[/\xb8n[[*\x0f"t\x8bV\xb8y#\x93\xe9\xe8\xb8Io/F\xce2\x99\xfe\x8e\xf7~;\x13\x95\xf6\x16y\xaf\xf0"\xb8\xec\xf2\x9c\r\xe1\xbc6\x8d\xfd#\xad\xa09\xa6O#\x03\xaeF\xff 0\xdb\xf7\x10\x1d\xdd\xc3\x06\x16\x87&amp;\n\x9dp\x94CWQX\xa8\x1e\xae/k\x92\xb4&lt;\'\x8a\xfef\xbf\xc2s\xa2h&gt;_\xd7e\xeb\xc1O&gt;n\xbd\xe4\x92\x8b\xa5|\xab\xc7\xd5\xdd\xd336\xd6\xd3\x8ev\xd1\xd3\xde\x9fio\xef\xb91\xd6\xf1\xc5\x8f\x87\xd4\xd7e\x11#\x08\x12?\x12\x10\xcdo\x8f7\xb6\xf0\xaah\xd4\x05X\x98\xe69\x87\xe7xS9\x8d1|\x9c\x98\x00\xd7\xc4D\xc1\x17\x87R\xa7-\x8a\xe6\x85P$\x14\n\x84\xd2\xa2\xbdT~V;\x99d-\x1dX\xf5U\xd1\x89\x03+`C\xb5\xa5\xdaK\xdd\xb2\xee\xff\xfa\xd2\x85T\xe3\xb1\x10\xfaM\'a\x91\x91\xf4OO\x7f\x86L\x1d\xbb\xf1\xde\xbd\xb7\x8d\x93-\xdb\xcfs\x10\x02s$o\x7f\xab\x0b\xf5\xa3j\x19\x03=\x87o\xe2\xda9z\xe9\xd0)V\x92\xa3\xdc\xaf\x90b&gt;hE\xbe\xa5\x15?z\x16W\xa0\xcfm\xbeP~^;\xaekl\x98eeM\x92\x8f\x91-\x05X\n\xe30\x8e\xbd\xf0B\xb3X\xe3\xfd\xb1T\xa9\xabm\xb0\x0bz\xd1obKn&gt;\xef\t\xd7\xdd\x8d\xf8w\xe7r\xb9\xb1\x9f=}\xf0\xaeTu\x18\x11\xf6\xc0\xb9@\x13o\xd7t6,h\xeb;[s\x8b\xb6ms\x8d\xcc\x8f\x9c\x15}\x08`\xc4ug\xe5\x8e\x8f\xb2M6\xfb\xfdqJ8.#V\xde\xac\x1e\xea\xba\xa4\xb3jT\x10\x04I\x92gW\x1bX\xa2\xc8\x00\x8c\xd9&lt;\x91Yc\xf8\xab\xfd\x8a;\xdd\xdb\xd6\xe5\xa6R\xf9\xbc[qK\xf9|\xae\x9b&gt;2c\xdd\xf9\\\xaeg\xecw\xb7\xde\xb5\xbe]jv\xc8\x1d\xe4&lt;\xe08\x8b\xaf\xe50\x96\x1a]&gt;\xdc\xdb\x9e\xb3\xd1\x10\x11\xdfS\xb3\x1a\x1b\x0b\xbajl\xe2\xce\xc2/|\xa7\xf6\xf9\xfd\xe8\xa4\x98~\xec\x95\xed\xda\xe1\x89d\xc9\x92`E\xa3QA\x154M?\xf9\x8c\x01VPQ\x12\t\x91q\x1e&gt;\xc4\xad\x86j\xdc\x7fRq\xdb\xb2\xbd\xd3\xd3n\nZU\\\xb7X,\x02\'\xd7\x8da?W\xcc\xb5~\xbe6\xac\x1e\xce9\n\xe2S ,\xc54\xcb\x87\x02k\xb0\x86jY\x82\xa0\x1f\xd7\xaa\x9be\xc7\xb1\xbd\xd2\xa7@#q\xd4\xcb\x10\xb0\x95\x05\x1f\xa9g:q?n$\x02\x8a\xb3P;^\xd6XU\xd7-]0\x86\xa2\xac\xa5\xca\x93\x92V\x9f;\xc5\x8a;\x0c\x91-\xee\xcc\xb2\xc6\xcc\xa7\x9fw\r\xf6\xd2sZn\xc9u\xddR)_*\x92\x91\x1f\xf7\xf4\xe4\x8a\xfb\xb9\xe2\xd3\x07\xe1\xe3-\x1c\x9f\xe6#\xd4\xb58\x931\xb7\xd6\x85\xb0\x116T\x95%0yy\xfdp\xe3\x99m\x9a\xdc)V\xc8k\xb1\xc8\xd7\xc4\x82\x8f\x8a\xd0\x11\xe3\xb4\xfb)\x0e\xf3\xac\x1e\xd6e5\xac\xe3$uh**[\x88\x82\xa4\xdc-"\n\x00\x00\n\xa4IDAT\xbf^\xc0\x8d\x06\xa2\xa5\xf8E&amp;\xc8$\x1c\xa7\xfc\x82U\xad\xe1\xdf\xec\xf7f\xb3\xe3\xd3\x83]n\xd1u\xf3$\x194\x83\\\xddy\x08\xf7\xe4#\xa3\xbem;\t1\xe4u\xad\x08\xe78\xce\xea1\xabBg\x15\'\x0b\x96,\xc3\x12}yw\xefyy\x89Kc\xc7\r\x85F&lt;\x1f)\xf7&gt;$&gt;@X\xb0Q\xe4\x9d\xb9\x13\x1d\x91Re\x01{\xc6\xd4\x94!\xa8QK\xd7\xb5\xf5\xb2H6\xfb\xd3i\x7f0\x18L0\x8c\xbdz\xa4\xa933\x7f\xdf\xcf\xd2\x13+\x15\xe0\x94\x8a\xa5\xb1\xb6i,\xb7\x98\xcb\x15+\x95\'?\x9dY\xae\xda6\xe3\x98\xe9H\x8cK\x9e\x8f\xf0\x8c#n\xad7\xb0H.V\x96YA\x16ta\xb2\xbe\x8b\xd6F\xf3\x00Mx(N.\x16\x9b\x00\x16\x92L\xdd2\x91hV\xcc\xe7\'\xb3\x16\xaeF\x10Xuh4\xaa\xb2a\xc3\xd2%\tj)J0\x88\x0e\xa1\x04[p\xa0\xe3\x98\x9b\xbb\xb2%\xbc\\;\x18\x1f\xa7g{*n\xa5X\xe9\x1d\xccf\xb3\x83m\xc5\xe2\xfe\xc1\xc17\xb7~\xa8\xed\x98\x10\xc8\xb1\xb9$\xc7\'\xcf\xc7x\xec\x13\xe5\x86Za\xcfE\x99\x04S\x05V\xd0\xb5\xddr\xc2Tlo\x8e\x08y6\xc6|&amp;\xb6;\x06%\x06\x11\xd0G\x9e\x9f\xe8\x96*X\xb8\x8c\xe8\xe8\xa8a!\xf5\xc0\x82Z00\x88\xaa\xe0=,\xd8\xc8\xc4\xb7\x8ee\x8b}\xf9\xcf\x03\x92\xeb`\xba\xad\x02\xa1\xb2\xb4\xda\xf2\xc5\xca\xc1\xbf\xee\rk\xb5%\x14\xad\xcd\xf014\xf5\xe4@\x8c\x17E\xe5o\xf53,2\x11\x7f\x90\x910+i\xbb\xab"#\x9a&amp;\x7f\x8a\x05.`1p\x85I\x04E\xd3v\x98\xed:\x0b|l/\xec\xd4\xe8\x90*\x03K\xd64mw\xa1\x81\xd5\xc4\x9b\x0c\xb0Z\x1c\xe4^|\xb6n@\xaf\xaf\xe6\xc7\xc7\xb3Yd\xecU\x96\xde\xa44?\x8e\xa4U\xf6\xd7\xde0j+\xd4LD\xa7\x80\xc8`\xa0\xa1\xfd\xc1\xae\xd6\xcf\xb2\x85\xc6#\xe3/\x1bEk\xd4&amp;\x8f\x16\xc4 \x8eVB\x1e\x17\xc8b&gt;?\x93hI`a\xcb\x8b\xfb\x99\xcdz\x98\xd55Y\x97!V\x94b\x1f\x95&amp;5\xca\x96\x83\xeb\xc1O\xe6q&gt;Ld\x9c\x84\xf9\xfb\xedeK`\xbf[{5&gt;\x8dz\x9c\x1f\x7f4??\xff\xe8\xd1|o\xe5\xe0`mX\xaa-\xf0\t\'\xe1Gg\xa2\xbc\xc4\x06\xb8\xb8).\xedL\xa2;\xa8\x86\x81&amp;-{X\xe1h\x98\x15\xb4\xd9\xa3E\xd1tLGD?\xe7\x08\xad\x10\xf3\x05[Z:\xe9\x85\x18e\x04v\xce\xad\xe3\x96\x0bX\xc2\xd0\xc5\x8b\xa8\xc9\xe8\x9419\xa9I/\x16\xc9f`9p\x11\xe2&amp;\x12\xf4\xc5D\x15\\\xd6wO\x0f \xd6\xf8\xbc\xf74\xd9\xdd\xbb\xf3\xd3\x07\x07\x7f}C\xde(C\xa8NQ$SpC@X8\xb9\xba\x1c\x86VQ\xc8EehY\x88\xae\x87\xb5Q\xe0\x11^E\xf4+\x8d\x99\x90\x8b\xf8ZZZ\xe0!\xe3\xc5\xdef\xb60NIX\xec\xe8\xc5)V\xd3\xa3S\x16\xc4\x9a\xdc]\xa1\xe6\x10o\x06\x97B\xb5\xd8\xc2\xe0$\xc7Y\xda\x99\x85\'o~\xf9*;N\xef}{\xfc\xf8\xee\xe3\xbb\xf3\xaf\xbe\xf9\xcb\x8c\xbe\xb1\xe2\x90\x85~L\xda\x08\xbc\x128?\x10\xc2\xdd\xb0]\x9b\x04\x96a\x84\xc3\xb8Q\xb1\xa8\xac\xd0\xf2a\xce\xe4\x86\x1dP\x14\x93F\x04\xf4\x05\x12\x8b\xf31\x1e\x15a\xc1^~u]\x96e\xcc\xc5\x10kH\x90\xe4\xa1!\x01bI/V\xbc\xfe\x00,\xfc\x1fdD\xc6\xbb\x14\xb4\xd5\xbdY+j\xfc\xe1K\xef\xf9\xb6\xc7_\x7f\r\xb0WO\xfedH\xd0\xca\xbbN\x85\xee\x809S\xe4\t\xab\xd9\xb1\xf7f\xd9(a\xa9\xc0\x82\x89,\xd2\x1f\x0ec@\xd9vx\xdb\xf6\xc6\x18\x0f\x0bc\xbdOdNW\xd0\x0f1V\xd71\xe5I\x82:zq\xd4\xa0\xdc\x0f\xc9P\x0b\r\x02P\xc1\xe6f\x88\x05\xae3,T\xff\xca\xbf\xbb0{\xd7\xc6\xed0\x8e\xdb\xb2\x9c\xd8\xa7\x17\xa4\x1f\x8e^\xb0Q\xa0\xde\xb2\x88\x80\x11\xe8\x8a\x06-\x16h\x91\xfe\x86j;\x10\xb9\xc9\x93)\x99n1\xf6\x10b/\xce\x98\x94\xa3\xf6x\x8bC\xb2d(8q\n\xe5\x9c\x10JzWz\x05w\xbav-\xb4\xd0\xef\xf3\xb3s\x90j\x10!(\xd1G\xcf\xcb\xf7\xf9&gt;\xbfi\x8a\xac\xbc\xf9\xf7\xc3k@\x11\xd6\x87\x1f\xbe7\xf4\xe98\x8ad\x92\x11\xd6\x82\x1f-\xb9L\xd9K\x94\xba[\x1c\xcc,\x8d\xc2\x85\xc4\x11\x96\xafi\x18o\x98(\xa3\xb9\\\x8a\xdb-\xb2\xec\xfcF\xb5%\x17\xb7\xeb2\xa7\x12\xdd\xb6|\x86\x15\x02sGC\xb0j\x92\xee\x84\x8ej\xaa\xd4\x89\x94\xbam\x1e-R\xfa"\xe7\x92]9\xea/0N\x8c7?}\xfb\xee\xe7?@\xf5\xcfo\xdf\xbcL\x17\xfd-\xde\x15OX\x8c\xb0\xcab]Nf&amp;Q\x19\x1b,\x01X\x9e\xe3\xab\xc2\xa4\xd3N\x12\xf4!\x82\xb5\x99@\xe8\xc4\xaaHX\xa0\x12\xd1n\xfd\x8f\x16,\x96\xe4\x1d\x85\x86 \xf9\x1e\xea\x0b\xa5\x95\x02K$,.\xf4T]\xe0j\x1c\xf3\x1e\xe8NS\x87\xe7\x11\xc1z\xfd\xe9W\xdf\x7f\x7f5@ \xf1\x1f\x91;\x86\xfd\xd4V\xaari\xcfv\x99\x1b\x8d\xef\xe0k\x1c\xc3\x108\x96_s(X(\xfc\x87\x8bd\x1co\x0c\xd6f9+\xe0\x85\xc8\x1e^(\x92\xfc\x0fW\x16tK\x0b\x8e\xf0\xbc\xa4\x85\x1e\xaf\x7fs6X\'q[$\xd3(\xf2h\xbdhB\xec\xa26\xf2\xa8j\x8e\xf3\xe7_\xbf\xbf\xfb\xfb\xaf7\xbe&gt;\xb9\x8c\xb7\xdcc(a\x04\x10:\xb0\xdbQ\xc4\x08X-\xe6V\x93\x15\x1c\x1c\xcf!\xb0|\x9f\x08=\x01\xb9\xbc\x1b\xf4\x13\xec}\x952\x17S\x14|\\*\xc8\xe4i\x18\xa7bE6\xbc\xd3\x05]\xca\x82\x10\x8d\x02\xa17$$1\xcdgcF\xf4\x88\'\x1e\xaaW)\x16\xa4^\r\xd2{\x98\x8e\x14\xafz\xf5\xe3\xa7\xef^J\xd6\xc7\xebb\xe3\xab\xe6ZL\\\xe8\x10\xb0\xca0\xcd{;\x18q\xc5\xee\x8d \xd4\xbe`!X\x9eghRM\xbb\xedv\x93\x96K\xc9#u\xc0\xba\x08,\xb2\x0fT1\xa4\x1b\x91\xdb^\x99\x1a\xaf,|\x85\x9f\x85\x02\xe6\xb4\x9a\xa6\xebhQ\xee\x90\xed*\xb0\xf8\xbcj4\xdc\xa8\x81\x19;\xbe\x1a\xe1\xbb\xfd_^\xf9\xe6\xac\x13\xa1\xe2x\x1bRw\xb4\x14|\xba\x0c,\x1b\x1b]T\xec.\x05t"\xa8\xb0\xd3A\xb3\x0c#\xf3\x0c\xc7w\xa4\xc5A\xcf\xc6\xb3k-\xb5\x13{7&gt;/(\xa2\xebR\x10pma\'|\xcc\x05=&lt;\xcah\x02\ta\xa8\xc3\xa4\x02k\xf5\x1cK^cA\x99\x8b\xfc\xa7\xe1c\x0e\xacW(+&gt;p\x1aE\x11\xf5\x0emd\x15|\xfa\x1a\xab\x84`5\xce\'\x94C\x07\xc1\x92`SP\xef\x99\xe7\xf95\xc3\xba:\xec\xa1\xb4\xcaJL\xa7J\xc0*\x9d-\x0bls\xd4\x80k\x0b3\xef$\xb5\x84\xe0\x08\xc12u\'0L\xc22\xff\x1f-TX\x1d/E\xd0\xda.5\\\xd4\xb9\x85f\xeb\xf7\xd7C\x0c1p\xb5e\xfc\x0e\x0b\x1cf\x89m+\x84\xb5S\x92\xc5\xa2\x8b$\xc2\x03r,\xa4\xce12X\'_\xa8\xa5\xd3^/&amp;\xc1B\xf6\xec89(\xf5\x17B\x81\x8c\xfc\xe6\xaa|]v\xcfG\x16\xda\x90\xc6\xba\x95\x05\x12\xc6\x10Z1\x9f&gt;\xc7b\xeb\xc7]\x0c}\x8c\xb2\xc6\xf0|\xa6J\xc2\xe8\xaes\x8cQI\x01\x8c\xe26#v\x86\x1c\xa2\xb46Xr\xf1b\xa2\x01\x8bJ\xcb\xe7\x95\x057\xa0\xf9\xb5\x9a\xb98&lt;\xb4aO\xe3\xc4\xc6\x85}l\x9eg\x05e\xb3wT\x00UQ\xe4\xebT\n\x8e4\x0c\xc6T\x0f2l\x17&amp;a-\x86\xcf\x93\xc8x\x8f\xb8\xac\xd3\x19\xbaQ\xf7\xea\x01\xa1\x1a-\x06\x8d&amp;\x99\x1e\x04\xaa\xdf-3&lt;\x83\xdd\x01\x0e\xb0U\x94\xa9\x96\xf1\xf7\xac{#\xc1\xd3Pm\xad\xb1\xe0\x06\x04\xf8`\x8aV\xa20\xccs\xdb\xde\xc1\xad\x7f\x17\x04\x05{s\xe4\x80\x1bC\x00\x16\x08V\x80\x94\xa8\xa9\x1f\xd6LU\xa2\xd2z\x7f\x12?O\xa2\xb8.\xc6\xf6\xfcv\xde\x9f/sS\xb2n.\x13\xb4@\xb3N\x13\xe7bz\x1da\xc2\xb5\xea\x1c\x0b\xbf\</t>
        </is>
      </c>
      <c r="M24" s="3" t="n">
        <v>45492.67609953704</v>
      </c>
    </row>
    <row r="25">
      <c r="A25" t="n">
        <v>37006</v>
      </c>
      <c r="B25" t="n">
        <v>1977</v>
      </c>
      <c r="C25" t="inlineStr">
        <is>
          <t>Eduardo Vargas</t>
        </is>
      </c>
      <c r="D25" t="inlineStr">
        <is>
          <t>E. Vargas</t>
        </is>
      </c>
      <c r="E25" t="inlineStr">
        <is>
          <t>CA</t>
        </is>
      </c>
      <c r="F25" t="inlineStr">
        <is>
          <t>ATA</t>
        </is>
      </c>
      <c r="G25" t="inlineStr">
        <is>
          <t>CA/PE</t>
        </is>
      </c>
      <c r="H25" t="n">
        <v>175</v>
      </c>
      <c r="I25" t="n">
        <v>11</v>
      </c>
      <c r="J25" s="2" t="n">
        <v>32831</v>
      </c>
      <c r="K25" t="inlineStr">
        <is>
          <t>Right</t>
        </is>
      </c>
      <c r="L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e621155-c84d-412e-a284-94e7462589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a1\x96\x89\x00\x00\x00&gt;tEXtComment\x00xr:d:DAEewil2SDw:3759,j:3325205453230688475,t:24032721W\xbf\x04\xf4\x00\x00\x00\tpHYs\x00\x00\x0e\xc4\x00\x00\x0e\xc4\x01\x95+\x0e\x1b\x00\x00\x03\x00PLTE\xff\xff\xff\x0e\x15\x1f\x05\x08\x0e\x07\x0b\x12\x0c\x12\x1c\xfd\xfe\xfe\xfd\xfd\xfe\xff\xff\xfe\xfe\xff\xfe\xfe\xfd\xff\xfc\xfc\xfc\xff\xfd\xfd\xfb\xfd\xfd\xdb\x9c\x90\xef\xbb\xae\x0b\x11\x19\xfb\xfb\xfb\xe6\xaf\xa0\xf2\xf8\xfd\xf8\xfb\xfe\xe4\xab\x9d\t\r\x14\xe9\xb2\xa4\xe2\xa8\x99\x04\x02\x02\xeb\xb5\xa7\xfd\xfe\xfc\xed\xb7\xab\xeb\xb2\xa1\xdd\xa2\x95\xf7\xfa\xfc\xdf\xa9\x9d\t\x0f\x16\xee\xb6\xa5\xe0\xb1\xa6\xea\xaf\x9e\xe6\xb3\xa4\xdb\xaa\x9f\xff\xff\xff\x12\x10\x11\x19\x15\x16\x0f\x0b\x0b\xff\xfe\xff\t\x06\x07\xdf\x9f\x91\xdd\xae\xa3\xed\xf4\xfc\xe9\xab\x9c\xe1\xad\xa0\xe3\xa2\x96\xcbyl\xd8\x97\x8b\xf6\xf7\xf8\xd6\xa0\x93\xd7\xa3\x97\xdd\xa6\x97\xcb\x91\x86\xb7xn\xe4\xae\xa3\xd1\x98\x89\xd2\x9d\x90\xf1\xbf\xb2\xe1\xa6\x93\x8fK@\xd9\xa7\x9c\xc0\x82u\xc0}n\xf3\xf3\xf5\xcd\x9a\x8f\xed\xf1\xf5\xe6\xa7\x97\xd6\x9d\x8e\xa9dW\xa5XK\xb7cZ\xda\x9b\x89\xe5\xac\x99\xd1\xa1\x97\xcf\x8a|\xf3\xc2\xb5\xc8ti~A7\xe7\xb7\xa9\x97MC\xea\xb9\xad\xcf\x90\x80,0:\xe1\xe5\xe9\xbag^\x88G=\xd6\x97\x85\xbdkb\xd3\x8f\x87r90"(3\x9eTI\xc3\x88z\xc7pd\xd7\x8a|\xdc\xa1\x8e\xb2aV\xd6\x90\x82\x1a\x1f(\xc9\x8b\x7f\xe6\xb2\xa8\xd0}q\xfa\xfa\xf9\xb0g[\xe2\xe9\xf1\xd4\x83v\xdb\xa4\x9c\xd6\xa3\x9d\xf4\xbe\xae\xe9\xed\xf0\xaf\xb5\xbd\x98\x9c\xa5\xab[Q\xbd\xc1\xc9\xb6oa\xf0\xb9\xb4\xdd\x92\x86\xbavh\x12\x19$\x89\x8f\x97\x9f\xa4\xad\xee\xb2\xa8\xa8jb\xc0mc\xbb~q\xe4\xab\xaa\xa3d[\xdb\x8f\x81\xb0qe\xcb\x9f\x96$\x1d\x1f##)\xf3\xb9\xaa\xe3\xb7\xacX]g\xdd\xb3\xadv|\x86glu\xe7\xef\xf9\xd2\x83\x80\xa1^R\xe8\xb2\xb2\xa4~z\xce\xa3\x9d\xb2uk\xd2\xa7\xa1\xbbog\xc4\xc8\xd0\x93UJ\xdb\xe0\xe7\xc4of\xb7\xbc\xc3\xc2\x8f\x84\xa8\xad\xb61(*\xd2\xd8\xdf+\x15\x12\xf0\xb1\xa3\xec\xe7\xe8\xb4\x88\x81\xcc\x81s\xde\xa7\xa6\xc1uk\xc8\x7fz\xc2h_\xcd\xd3\xda\xc5\x95\x8d\x99ZR\xca\xcd\xd4\x94us\xd7\xad\xa7OT]\xc5yr\x1a\x1a\x1d\x82\x88\x91\xaem`L(";AJ\x91\x95\x9f39CEJS\xc7\x84v\xdf\x97\x8b\xf1\xee\xeeH57\xb8\x92\x8b\xe2\x99\x90\xdd\x9a\xa2\xcc\xac\xa9~\x82\x8b`dm\xc0\x99\x95xKEY,%\xf3\xbe\xbd \x0e\n\xd5\xdc\xe5\xa9rl\x86QK4\x1c\x19\xb5\x80y\xdc\xdb\xdens~[;7\xd3\x94\x8f\xd5\x98\x99\xe4\xa0\xa9~XR\xe0\xd1\xd3\x8d]W\xd0\xbb\xbb\xdb\x7f\x8e\x99jif1)=./\xf6\xc8\xbb\xb0{rB \x1brUR\x88c`\xe9\xbc\xb7\xc0\x83\x81\xdb\x8d\x9d\xe8\xdd\xdd\x98d^\x9b\x7f\x85\xd6\xc9\xcbpB:hEBYGG\xad\x8c\x8e\xcf\x88\x92O=A\xb4XO\xbeaY\x83pq\xcbx\x8a\xac\xa8\xad\xb2\x99\x9du^^\xc4\xa1\xa2\xcaey\xbbq\x7fdNP\xd3r\x81\xbf\xb1\xb5\xb6Xq\xf9\xcb\xc4\xe0\xc3\xc2\xeb\x9a\x9c\xb5fw\x9a\x88\x8d\xc0\xb7 \x01\x00\x00 \x00IDATx\xda\xbc\x98\x7fL\x13y\x1a\xc6Y6\x1deZ\xb2c\xdc\x8dd\x121113\xe3H\xa2X\x95.\xe4\xca\xcf]\xe0\xa2i\x8fMi\xad\x84\xc5\xe0\x0f\xda\xf5\x0f\x14\x89\x8d\x84\x92.\xb6Y\x85\xa4A\x84\xdajm\x0eB\xd0\xc2\xe1\x08"\xbax\tP\xaek+\xf6\x12B"\x8d\x057\xe1\xd2r!1\x86K\xf8\xf7\xdew\xa6\\r\xff^\x86{\xf9\xd1\x1a\x84|x\x9e\xe7\xfb\xbc\xdf\x92\x91\xf1\xbf\x8c\x02\x86 H\xca\x92[\xf1\xd3\xa3\xfek\xcf&amp;\xdb\xdan&gt;\xec\xef\xbf_\xa1\xb6XH\x8a$\x08\xf8z\xc6\xffi\x14"\xcd\xee\xac]\n\x89\x8a\xa0,\x15\xbf\xf9\xda\xba\xa6.~\xc5\x08\x02s\xd1\xf0b\xaa{r\xa4,\x97\x94\xb0\xa4\xff\x9e~\xcc\xd89J\xc5\xf6\xd0\xf8\x01b\x955\xf7_\x9b5\x08_}\xc90,\x97\xc9\xf3&lt;\xf3\x8d05\xf9\xb8B\x9dK\x104\xa1\xf8\xef\xd9Y\xb5T\xa4RI\x93\xa4\x92V7\xdf\x7f|\xb5\xdb 0\x1c\xcf\xb1\xf0)\x87\xe7s8\xc6)\xb8\xc6n&gt;\xfa\xa9\xd6BP\xa4J\x05\xef\xa2\xac\x04\xb1\x83j\xe1\x8f\xde\xad"IH\x8f\x05Bu\xff\xe1m\xc3E\x86a8F`\x01I\x1c\x9e\x83\x7f\x19\xba\x9eu\x7f\xee\xafU[(\xb0\x13\x1d%I\x85b\x87\xb3E\xd3\x94\x85\xb2\xa8\xd5\xcd#\xcf\x9e3 \x0f\xf8\xc7\xb2\x1c\xf0\x00\x18\xda\xc8:\x9dN\xbf\xc1\xf5|\xaak\xa4\xc2\xa2\xb6\x00\x15\x9e\x8d\x9d3\xf1\xb0\x14\x11\x15\x99\x9b\xdb&lt;\xe2{\xf8lJ\xc8\x04\x08\x96\xe38^\xc4\x11\xd18\xd6\x15\xf73&lt;\x97\xf9\xc5\x17\x902\xdf\xf5Z&lt;\x97\xa4h"\x1c\x16\xc5n\xd9\xa9\xb2\xb2\xa4\xe3\xa7\x02\xf7\xfa\'g\x9f\xbb8`\x12X\x10\x0b\xd3\x05T&lt;/\x02r,\x06\r\x9e\xb1N\x97a\xec\xda\xfd2\x8a"("}*\xe5\xc7\xca\x80^ H\x9aR?\xf2\x8d\\\xef2\x80J\xac \x00\x18\x18\x06\x1c\x0cR1\xc8\x05H\x0c\x0b\xc4&lt;\x1b\xf7\x0b\x86\xb1\xae\xc9\x115\tz)\x95\x19\xa0\x96\xfcNf\xe1\x89\x82\xac\xd7\xce\x8c\xb5\xcd\x18\x00\x84A,\xa7\xc1\x00l \x10\x0e\x87\x83_A4\x9e\x89\xc7\xfd\x902\xc3\xed\xebj\xe8W%I\xa8\xe8\x1d\xc0B\x07\x95\xa4\xfa\xd1M\x83\xf0\xdc\xc5"\x95S`].\'\x0b\x19\x8f\xc2g\xf4\x12\x0f@\x98u\x86\xb1-\xe0\x00dr|\xa6\xe0\xbax{\x04\xb8h\xe89\xd5\x8e`A\r\x91\x0b`\x9f\xd3\x89\xae9]N\xc1\xe9g\xd9@ \n\x13p\xc2[@z\x1e\r\x04\xc2aD\xc3\xc2`\x9d\x0c;{\xbd\x82$\x01\x8b\xd8\x81p\xe1\x19\xa4\xa8G\xb3\x02\xf0`\xb0D\xa1\xc2\xe1h"1!\x8e\xf80\x8f\x03\xcf\x13\t@\x13\xc1\x04\x81\xe3\x84\xa9\xab\xd0\x14\xe2B\xda%\xff\xd6!\xa1B}\xcfY?\xf2\x80\x85~\x14\'\x01$\xcb\xcbuu\xc9:\xf1#\xa9\xd7\xeb\xe1\xd9\xf22\xc0%\xa2aI0(\xd81\xf0\x91\xa6\x94J9\xb1\xb6\x97\x1aI\xd5N\x02\x95_\xa2\x02\xb3\x80\t\x90\x96\xeb\xf4&amp;\xadV[S\xa3\xd5\xe2\xa3\xd6\xa4O\xb3\xcd\'\x02\\\xba\xfa]3\xb5$I\xd1\xb2f&gt;}] -\x157]\xbc3\xee\x12\\\x0c\x1bH3\xc1\xe8M55\xf5U\xee*q\xdcU\xf55"\x9b\xc9\xa4G\xb0\xb0\xb4\x93\x18\xc3g\x15\xc4\x9e\x90\x19\x0b~\x1eA\xaa\x9a\xbb9\xce\xef\x872\xe0\x02\x08%2\x81R\xf5\xf5U-\x8d\x8d\x8d\xd5\xd5\x8d\xd5\xd6\xea\xc6\x96\xaaz\x18Q;\x00\x9b\x90\x8c\xcc\xe1g\xd54M\xca{\xc1A.RI\xe6\xfa^\xe0\xc1\x82\xc2\x0c$\x10\n\xcd\xd2kk\x10\xcah\x1c\x1e\xb6\xdb\xcdf\xb3\xd1\xd8\xd8\xd2\x82d5i\xb0\xf9\x80\x140\xc3\x02`e\x1d\x96\x95\n\x0f\x11\x14\xe9,\xd4\x02PqQ\x94\n\x90\xc0)\xa4j\xac\xb6{\x1b`\xbc^\xbb}x\xd8X\r\\-\xc0%\xa5M/q\xf1.\x1f)\x96\x84|;[\xba\x1f[\xd4\x0f]&lt;\xc3\xf09\xe1\x00\x86JdJKe\xf6\xeat\xba|\x1c]\x83\xd7n6VKV\x82`5\xa6m.\xa6+7]]\xf2a\xd1p\xa7\xa3j\xbbq\xf1\xe5\xf0\xd1y1R\x08US\x0fP\xc3\xf6\x06$jj\xbar\xe5JSS\x13\xa05\x80d\xe0eU\x15F,\xcd\xc5\x8f\xd5\xc2-\x9fV\xc8\x8aES\xb0\xa2\xbb\x04\\*\x01\xa4\xfa\x8fT\xd5\xc3\r\rv\x11\xe9\xbc8@\x06\x9ay\xbd\xc3\xc3\x8d\x08\x86\x8a\x99\xea\xc4\xdc\x0b3\xb5jR\xceW\x1e\x80\x05{\xa7\xec\xb7w\x0c\xfc\xd2\xe1\t\xecL\xa9\xa8D\xaa|]\xfe\x15\x84\xfaY\x1c\x91\x0b\x0c\xd5I\x82!\x98\x16\xb9\xe0;_\xf4\xab)"KV\xb5T\xd0\xf0\x8f\xa72sr\xb8\x84d`M\x8d\x98\xf5\xe1\x06]~\xd3\xe0y\x84\xba\x01#r5\x89!\x03\xc1\xb6\x8d\xd4\xea\x97\x13\xa0\xb3\xf0\xac\x99"e,\x08Q-\xca\xe23\x88\x16\xa2\x81x\x00\xd1A\xb3\x1d\xa8\xae\x9c\xbfp!MuC\x94\x0b\xf5\xd2\xe9\x1a\xec\xa8\x97\x94/\x88\x17\xc4rj\x01n\x84rb\xe1\xe2\xc9\x85\x83\xc8\x87\x13I@\x12cU\x05bmc\xfd\x8cX\xafD\xb1\x00k\x10\xb1\xa0-$,&lt;\x92`#\xc4\xde\xdf\xbf\x97"2d{q\x06Wp\xc0R\xb7\t&lt;\x17\x88E\xb4\x1e\xf1\x08\xd6\xb7\xb4 \x16TC\xfe\xe0\x19)\xee\xe7\xd1\xc1&amp;\x9d\xd7h\x84^5o\x17\x05`y\xb4\xfa:XC.\x9f\xacXh"e)\xbb\xc9q\xe1\x89\x90\x07\xa9p\xbd\xc0\xbe\xa96\xdaa\xbcXYO\x9b\x06\xd1=\x1d\xb6C5."#r\x19\xad\x95n\xb4\x11\xdb+\xca;\xaf\xee%e|\x85\xadP(\x11k\x92\xe1\xa2\xb1\x88\x07\xa7\xbe\xaa\xbe\xaa\x12\xb1p@\x18`\x83\x92\xc8o\xca\x87\xa6\x87\xd2\x02\x99\x00\x0b\xa8\x8cVkee\x8b\xbb\x1e\xb7\xd0D\x98\x9d\xdcK\x12rb\xd1p\xd7R_\x13 Y\x91`\xd0\xe3\xc1dUZ\xadV\x10\x05\x01\x10\x0c%\xd3a\xa2`\rA\xd1\x9b\x8d\xe6V\xb3\xb9\xaf\xd5\xdajl\xb5\xba\xdd\xe0br&gt;\xcau\xa5M\x94M-xm\xa1\x9ed\x02\x13IO\xd0\x1dD\xac\x16\xa4\xb26\x8aN\x1aE\xb9\x80I\xe4\x82C\x90\xaf\xb3\x9b\xfb\xfa\xcc\xad}}\xad\xad}6\xdb\xb8\xdb\x1d4\xe9c\x13\xec\xbb2R!_\xb6v\x01\x16m\xf9u\x86\x89\xce\x87D\xaczwe%\xdaS\x89\xd7\x19Q+\xe4\xf2zQ0\xd8BP\x10^\xa0\xea\xeb\xeb\xb3\xe1[II\xe7xk\xd0\x94\x8cE\xc7jIB^,\x15\xf5\xe7nv"\x19\xf1\xb8\x1d\x0e\x07\x00!TeK%R\xd9\xedCC\x90o\xbb\xd1\xdc\x84;\x11\n\x1f\xb8\x86@(\x18 \xb3iJ~,\xb5\xb5{B\xc9\x89\xf5\x05R\xbc\x08\xcaS]\x80\xa5RY\x9a\xdfEc\xa1\x88\xc7\xd1\xd9\xdb;\x8eZ\x813A\xb7\x15\xb4\x1a\x1a\x1a\x1c\xcc\x1f\xcc\xf76\xe8\xc4\x15\x04\xef\xd8\xa7f\x88\x94;\xe8n\xb5\xd9l%?\x96\xd8Z=\xfadl\xda\x87\x7f\x90#d+\x08%\x8dX\x89T(\xe2\xe8\xd4\xbc\xed\x05\xa1\x1c\x90|\xad\x07\xb0\xecCO\x07\x11f\x10\x8e\xe2\xf9W\xaf\xc4R=3\xf8\xf4\xe9P\xa7\xdb\xe31\x99\x82\x8eq[iI\xa9\r]LM\x7f\x96\xb02d2\x11\x8a\x8b\xbe\x7f{:\x14\t\xb6\xf7j4\x9d\x95nO\x08\xd75`Y\xcdO\x07\xcf\\\x80\xeds\x06\xca\xfe\xd5w\xdf\x1d9r\xe3\xc2\xb9\xc2\xa2\xf2\xdf\xdf\xbei_ZZ\x8a\xe8M\xc1\xce\xd2\xd2\xd2\x0e\xdbx\x04\xb0f~%\xe4T\x0b\xb1\x16n\xa7\xd2X\xe3nmr\xb9N4\xb4SSZr\xe9xv\xf6\xfecG\xce\xde\xf8\xeb\xb1=\x97\xf7\xfc\xe1\xc8\xf1\xbf\xdf\x9a\x1bx\xbf\xb9\xb2\x1e\x8b\xa5B0\xc8\xf5\xb2\xa4\xd4\x11I\xc5&gt;\xd5\xa6\xffx)\x13\x96\x8a\xa4\x1fo\x85"\x91`g\xaf\xa6\xb7=\x92\x8c\xc1\xa4\x16W\xdf\xbf\xff\xf0\xe0Ayq\xf1\xa1o\xbf\xdd\x97\xfd\xea\xd8\xd7\x7f\xfa\xf8\xc3\xe5\xbc\xd3s\xffX\xdd\xdc\xda\xd8\xd8\x98\x86YYMF\xdam\xa5/_\x96h\xda\x17c\x9b\x0b\xf8ZEV\xac\x91\xad\xd0\xd2\xda\x1b\rx\xb8\x94\x9a\x8e\xc7\xfd\xf1x|zcks\xb4\xe7\xf5\xdd\xbf\xdc\xf9\xe5\x97\xbc\x13G\xbe&gt;\xfa\xc3\xdf&gt;\xde\x99\x1b\xdd\xdcZ\xdf\x98\x8e#\xd4Fl\xf5}2\xb4&amp;\xca\xd5\xd1\xbb\x96\xda\x1aQ\xa1\x89Y\xb2`\x1dVd\x114}}kq\xe9MG\x87F\xb3\x96\x8a\xfb\xfdQ\xbf\xd3\xe9t\xf9%\xb29\xe0:\xf4}\xf6\xbe}\x97?\xdey=\xba\x82P@\xb5\xbe\xb9\xb9\xda3\xf0\xf6\xfd\xda\x9a\xa3\x17\xe3\xd5\xb9\x96Z\xf7\xe5\x92*\xb9\xb0PwZ\xe9[\x97\xb0\xdaC\xa8\x14H\x01p0\xf1\x8d\x8d\xad\xd1\x7f\xde\xca;y\xfc\xec\xfe\xfdyw\xfe%RMOo\xad\xf6\xcc\xdd\xbb{\xeb\xd6\x93\'\x05\xbf\x7fp\xb4w\x94vtt:B\xb1\xc9\nJ\xa5Pd\xed\x92\xa9\xb7\x14$}\x15\xb14\x1a\xb0"\xb6\xb2\xb8\xda\xd3\xd33\xfaiue\x03\xe4\xdaX\x07\'\xcb\x0b\xcf\x1e\xcf\xfe\xbe\xf8\xde\xebO[\xeb\xeb\xa9\xc5\xd1\xd7\xc5\x07\x0f\xe6\x1d=TTT^PpI\xd3\xd9Q\x02&amp;:\x16!\xf3P\x81\xb4\\X\x04`=\\_\\\xc3vXZ\x1c\x1d\x18xPP~\xfa\xf4\xbd\xbb\xaf{\x16S\x10~\x90\xe6I\xc1\xb9\xe3\xd9\x85E\xb7\x06F\x17WV{\xca\x8b\x0f\x1d\xdds4\xef\xe0\xc1\x93\'O\x9c(*\xbf\xd4Q\n\x95\xda\xebXJm.@s\xd1Y\x8a\xdd\xbbd\xc1\x82\xc8\xb7\xad/\xb5k:&gt;\xb4\xaf\xf5\xcc=)//,&lt;q\xaa\xf8\xc0\x81\x93\x0f\xde,EVVG\x07\x00\xeb\xdc\xb9?\x16&gt;\x99\x1b\xe8\x19(:u\xeaDaA\xc1\x83\x82\x93\x07\x8e\x9e:\xf5oV\xcd\xf7\'\xad,\x8d\xe3\xf3FMQ\x0cf\x897E\x19c\xadI3\xc1P\xb8"\xe0\xa5(H\x04\xa5\\\xe9\x8f\x9bX\xa5)\xfe`\xa9\x12mgj\x01\x93\x11\x81\xc5\xc6\xae/0\x96u\xcd\x845\xad\xa5``\xdb!!\xd9\x8d\xe8\xd2f\xb56X\x93\xd1Z\xbb\xce\x86EM\xed\xb4\xcd\x1673}\xd1\x9d\xac\xa6\xfb\x1c\x9a\xdd\xfd\x03\xee\x1e\xe3\x0by\xe3\'\xdf\xe7\x9c\xefy\xbe\xcf\xe1\xe4\xe52\xc2\xe8T\x98\x8dY\xac\xdf\xf7\xe6r\xf2\xf3\xf2\xf2r\xf2h\x9b\xd7\x17p\x12Y\xbd\xd7\xden#\xac\xe4\xea\xe2\xad\x11\x9d\x8a\x90\x98\x15\n\xa3\x99"\x08?|\x04;\x882P\xa4\x89"t#\xaa\x1a\xb1\x9a\x92:\x1cpw:\xa4f\x02\xb8\xcaDf\xa3\x11\xb0"\x1b\xe9\xf7\xbf\xed\x05\xb5\xe0h\x1f\xa1?u\xce\xc9\xc9\xe3\xb0\xaa\xaf\xa5\xb7\xb7|\xd2\xd4\xaa\xff\xd6\x83[:\x89O3\xeev8b\x9e\x98\xd4ht\xa6\xfc2\xc9\\\x00\x16I\xa8\tB\xadUh\xdc\x8e\xad\xed\xed\xad\xfb\xc9\x98\xc7\xac\xee\xc20\xc2h4*\xa4{\x9b\xdb\xef\xafW\xb38\xb9\x8c\x82l\xea\xa7\xfdF\x90\xcf\xf8/\xd6\xddp\xe5oT\xbb\xee\xc8\xde\xf6\xfb\xf4\xc6\xd6]\x85;\xe2\xf0\xc4\x9c\x04\x15\x84\x06Z\xd8g\xa2\xcc\x12jP\xe3\xd8z\x83\xc6\xb9\x0b\xa8\xee\x94\x1ac\x8b@Z\x84\xb5\x01X\x0c4wF6\x91C\xdbM\xf3\x19\x8c\xea?\xa47\xb7| \x96\xaa^$Imm/&lt;=q\xe2\xc4\xf4\xc2v\xd2=\x15\x89\xb8\x15d{f\x7fv\xb6\xa3o\xce\xa9\x90Z,\x91\xf4\xd3\x85\xe9\xe9\x85\x137\xfe\xf6\xda1\xd7\xc6es%\n\xa7R\xba\xb9\xb4\x94\xbe\xde\xcb`\xfd"7\x9f\xfe\xd4\x19\rF@\xf7\xcf\xaf\xbd\xd9\xd8J&amp;\x01KF\xf8\'\xd2\xd3\xd37n\xbf\xfb\xe5\xb7\x7f\xfc\x90^\x89@\xab0\x18\xccd2\xfb\xfb\xb3B\xa5G\xa1\xb44\xed\xfd\xf8\xeb\xb7\xe0\xa7\xef&gt;~x\xfa\xdaG1\xc5b\xd8\xf4J\xdf\xe6\xc6F\xfa\xfa\xcc\xf3\x1ffz\x0b \xa5\xe7\xe7\xd0b\xca\xf9\x0c=%\xb1z\xbf\x06\x83HzV\xfd\xe0C\xa97\xb7\xdf}\xfd\xe7\x1b\xefn\xbc\xfd\xf6\xc7Wg\xea\x1c\x91:K\xf3@f\x16\x96~0\xa6\x88]jJ\xfe|\xed\xafOnO\x7f\xfcy\xe2\xe2\xe3\xa99\x82\x8b\xb0\x9c\xd2\xbd\x95\xa5\xf4O\x1fW\xdc\x8b/{?\xcf\xcd\xa7\x8b\x05\xf6\xc0b\xf5\xb2~\xf7\x01\xb0|\xabFp\xc7\xa9\xef\x1fo\xfctm\xe1\xc9\x93\xa7\xef_m\\\xbcxfjJ\xd3\x9d\xd9\xef\x80,&amp;\x0c\xc6\xa41\xc8\xd1{\x13{\xaf\x97\xb6&amp;\x92\xee\xf1q\xcb\x1c\xa5\xe6f\xb1\xdc+KK+\x97Z{\xbc;\r\x05\xf9\x0c\x0e-,82\x0cF\xef\x97_\xb2\xbe\xfa\x00E\xf4I\xc1\xae\x1d\xd0uF\xf6\xf6\xb67^/AC\x85\x06\xba\x11\xc0\xca\xcc",\xa1F\xe3q\xb8-\xd0+{|\xa9]3ER\x94\xd9l\xc0\t\xb3\x02\xae\xad\x95\xa5\xba\x01a"!d\xce\xa37I\xdaj\xf5&gt;\x7f\xf5\xea\x87\xaf\xd2\xe9\xad\x94O\xea\x94z\xdc\x0e\xcf\xe0\xa0\xd3\x97\xf2\xb9\xdd\xe3S\x17\xa0\x1f\x84v\xb0;\xd3\xbd\x0f\\za\xabf\x1c:\xd2(\xb4\x86mjQWW\x17\xaf\xcd\xac\x983\x9b\xc1\x1f\xa4\xe0\xbc\x1a\xa1\x9d\x7f\xd8gx\xc9\xe0\xd0\xc1\xfa\xe2\xd3 p\xfe\x91\xbbn\xf3\x1f\xdf-%}\xd9\xde\xd4\x1d\x93:\x15s`\x90J\xc8Z\x90\xe3\xeb\x9a\xba\xdb\xdb!/\xce\xa2\x948\xdcni\x1a\xb7(IJ+\x97\xcb1\xb9\xb8K\rW\xa2\x15\x1a\x1b\xe0\xda\x9b\xb2\x02\xd5a\xa7\xf7\x80\xc5\xc9\xcf\xa1\x8b\x95?\xf3@\xdf1p\xee\xe2F\xd2\xe7\xf1\xc44\x1a\x87\xcf\t\xae-!\xe0\xae\xf3@\x00\xbc\xd04\xd0=\xd9:0\x00\x81\xb1\xbb{X/\xd4C*\x02\x0e\xaaM\xdb\x85\xb8\x98\x94\x12R\xac\x12\x8a(MF\xe6\xb0Z\xe6\xe1_\xfavzia\x1d\xf9\x0cn\xe9\\\xc6\xcc\x15}\\\xd9}a;\x95\xa5\xd2\xc4\x10\x95\xd9hV\xf8b\xee\xa9:4\x8c\x98lo\xba4\xd0&lt;&lt;\xdc&lt;\xd0\xad\xef\t\x08\x83V\xeb\xa0\x12\x81u\xc9\xbb\xb4\x0457h\xb5X\xe0#i2\xd9V\xeb\x8a\x1f&amp;z\xc6\xaa9\xb4\x9e\x89\xe16\xe4p\xf2g\xd6\xbc.UG$\x99\xf2\xc4\x90XPC\'\x84\x99,c\xd3x+\x04\xfb\xc9n4U\x82\x1a\xb6[\x86\x85=\x81\xbe\x00\xb4}V%\xd9\xa6\xd5j\xdb(\x12a\xc5,V\x8f4\x95\xd2\x0e\x95\xd8\x13\xf6\x9e\x9b\x80\x95KC-\xb8\xe7\x0b\xa0\x88\xeb\x87\xae[\x94cb\xd5\x13\x83|\xa8\xb1L\x06a)\x01\rT\x98\x0cNN\x06[Q\x8c\x05*}\xb0\xbd\x1d\x8dQ\xc9\x00I\x92 \x16\x8f\xc7\x8b\x9b\xc8\x00\xaa"\x04F\xe7\xea\xae\xdd\xceC\xe1\xf6 \xfb0E\xe3i3\xfbR0\xf3\xf0\xf0\xef\x13\xb2\xd5\xbb\xab&gt;TC\x8d5\x1a\x08\xc1\x7f5\x90Q \x8a\x06\xe1\x17\xb0\xbe\x89\x06@\xa5@\xd0*\x84x\xe6%M\x10\xcf\x00\x8a\'\xe0Qd\x00\xb8\x06\xadV\xa5q\xd7\xaf\x85l\xdb\xb1\x1f}Y\x00\x176\x1d\xb5\xc0\x8ds\x19\rc\xf6PJ\xad\xba\xbb*\x05\xb5`\x9b\x04\xa3\x86x\x027x\xa3\xd1h\x08\xfd*-\xcd\xc3\x01\xd2\x1e\x8fC\x8a\xd5\xebM8\x0ed\xf0\x17@\t\x04L\x93\x89\x04\xbd\x10\x96Y")\x1a\xe2wv\xecKf\xd0\xd7\x10\xe8bqX\xcf\xfb\xbd\xd1N\xd9\x9f\xeeJ\x07=1\xeb\xa4\xd5\x1a2\xe0\xd0^y{B\xdeP(\xe4\xf5\x06[\x83\x01\x13\xde\xc8\xe77&amp;\xec\x9d\xc2\x00\x93\x87\xe3\xf1\xc4\xa7\x15\xc7\xe3&lt;\xa0$a\xb3)$\x12\t\xdffk\x14\xee\xab\xe6\xb3\x9d\r\x9d"f\xe5\x9a\x1f\xeb\xd4\xf7\xc9\x16\x01k\x10\x8e\x982\x1a\xf2F\x83\x01\xd2\xebET!ChRI\xe2&lt;\xb6\xad\xd0\xd62\xd4\x98\xe8\xec\x89cL&lt;!8\x14\xd8\x7f\xd5\x89F\xaa&lt;\xa6\xb6\r\x15\xd2H\xa8$\xe2Z\x17\xdf\xdb\x1c\x9e\xcf\xa5\xf5Xv\x04\xbd\x14\xa0f\xeb \x18\x10\xdc\\\xf4;\x81\xcah&amp;\xc9h\x10|\xc0\x04e\x04.\xc3Z4H\x94\x9d\xbcl[\xfe\x17,[\t\xd6\xd7\'\xe7\xe2L^\xa3 ;\xe85\xe1&lt;\xc4e"\xe7$2U\xb8&amp;\xf1O\xaf\xb75&lt;O\xf7\r\x0f\xc2@N.`)\x12\'u\x8ba#\xea\x93)\x8a\x84\x1d\xd5i\xa2p\xe0\n\x85\xd6\xd6\x14k7wvvlY\xae\xe5\x96S\x82&gt;-\x0fG\xdb*\x11\x8f\xc7\x13&lt;&amp;W \xe0\xca\xbb\xda\x08B\xa6R\xd5{g\xfb\xbc\xcd\x8b\xe8\xaa\xa6\x81\xf5\xe9\xd55\x97Q\xfd\xc2_R\x19\x0e\x8f\xf8\xc1\xdc%\x12\xca\x0c\x07\x11&lt;\x89\x89\xaf!\xb5$\x06\xd7\xce\xf2\xf2\xf2\x8em\x19\xad\x9d\x96\xab&lt;S\x1c\xc4j\x04,\xd8\xf4\xfcF\x0c\xc3\xc4lLM\xc8jT*\xee7\x99\x9e\x9e\xe6\x91\x06F&gt;\x87.\x16\xb4\x10\xd5/\xc2\\\x95*&lt;\x12\xf6C%\x08\x02R\x0en\xc0y\x80eV@\x11\xabv\xae\xdc\xbf\xbf\x88\xe4Zvm\xa5Wm\xa7\xb0\xb8={\x00x&lt;\x0cccl6\xbb\xb6\xb6\x88+R\x8bT2&lt;\x93\xe9\xd8\x1fxP\r9\xa3\x80\x06\xd6\xa7\x97WF\xc3#\xaa\x87\x04,\x95\xae\xbe\x1e\xa2\x9fZD\x00\x18\x13\xd6\x1at-\xeb\xb6\xf3\x9bO\x9eF\xd6\x00\xcb\xe6\xff\xee\xc9\xf7\x86\x96\xa1\xb8\x89Y14T\xd1\xd8Xz\xf4h\x11P\x15\x17\xd7\x8aE"\x91JL\x9e;\xb7\x9f\xb1\x1c\xc0\xd6\xa2\xa5\xd6\'\xbd\x00kN\xaf\'\xb2XU\x95\x00\xc6%$\x04\x8e\xe3\\.\xd3@\x01\xd6\x90\xe6\xf1\xca\xfa\xfay\x9b\xcd\xd5\xbf{\xa6\xce~\xf5\xa8\x80\xd7xgt\xb4\xbc\x82_|\xb4\xb0\xa4\xb8\xf8\xec\xf1Z6&amp;\x03\xac\x93\xca\xa6f}F\xf1\x12\xae\x9e\\\x0e],\xf0\xd3G\xca\x9e \x1e\x1e\x19\xd1UVUVV\xd6\xd7\xcbd"&amp;\x93+.\x133\r\x86u\xd7\x90!\xf4\xd0u\xcc\xe5r=;o\x13\xe0\xfc\xa1b&gt;\xa2\xbaZ\xcag\x0f\x95\x14\xc2:{\xbc\xa8\x88-\x92\xc9tg\xe1V\x02\xdb\x9a\x01\xdb\xa2\xd3o\xfd\xe7\x9b\x06\r\x8f\xac\xc3\xdd\x94jDw\xab\xb2\xaa\xaa\xea\x18\x80\xd5\x88\xc5\x06\x03V\xcbf\xe28\xf3\xe1\xb3g.\xd7\xfa\xbd{\xaeg\xb5\x97\xcf\xdbJ\x86\xf8\xfc\x8a\x8a\xd2\xf2\xd1Q\xbe\\^TXx\xaa\xe5\xd4\xd9\xe3\xc7\xcb\xc4j\x99JV\xcc\xbf\xc3\x0c\x06\x0f\xaa\x19\xf4r\xe2\xff\xb0Z\x95\x1e\xbf\x0e\xd4\xaa\xaf:\x06?U\x95eeb\xa3\x19c\x8b\xb5Z(\xe6\xda\xda\xfaZx\xfd\x1e\xc8U_\xd3_&amp;\x00s\x00\xb0\xd1\xd1R&gt;Vz\xb5\x10\xf4\xaa=Y\x84e\xb1*\xee\x94c\xe4\xc8KdZG\xe8\xa6j\x88\x89\xd5/&amp;e:\x9dnD\xa7\xbbRul\x0c\xf4\xaa\xaa\x84\x08\xcfec\xe0\x93\xe0b\xa1\x90B\xba\xbb~\xa5\xbf\xbf\x1f\x8e\x80\xc4\xd0\x06\xe6!?]Z^^\x8a4+&gt;Z\x8ca\xa71.\xc2b\xdf9-\xe7\x1d4\xa0\xed\x9e\x93\x97G\x17\x8b\xc1z.\xadi9\x8f\xb0\xea\x8f\xa156V%.+cc]`\xde\n\x85R)\xf58v\xd7uWt\xeb\x10S\x15f4\xe2\x85\x96\x99\x0fT\xc0U^Z\x84q\xe5r5\xc2\xe2\xf2\xec\x86\xb1\x99\xff\xcf\xb7Ra\xcf\xb3\xfeM\xcb\xd9\x85\xb6\x91]q\xfc\xc9\x93D_h\x1a1b$\x8d\x85\xc73/\xc1\xaa\'\xe83\xfa0J\xadx\x02\x96\xac"&amp;\x04\x8c\x1f\x02n\xb0\x9a.\x92\xc3\xa65\x0b\x1b7\nk\x88pC*+\xda\xb0\xe0\xb2\xd4A\x1b\x9a\xad\x85a\x9f\xbcbk\xb7)\xa5-\t\xd8\xc6\xd8\x85\xf4!\xb1I\x1e\xe2\x07;&amp;6\x89\x9bz\xfb?\xa3d\x1f\xfb\x12\xe9\x12\x8c\x9c\x80\xf9\xf9\x9cs\xcf\xf9\x9f{\xcf\xcd\xcc\xfd\xa8\x96}g-\xf8P\x9c\x94\xfd\xc3A\xc1\x0c\xaa\x9f|\xf2\xc9\xed\xcf\xc6\xc7O=\r-\xe7\x12KC#OO?==?0\xd0?&lt;\xdc\x93\xectu\xba8\x97\xab\xd3\x8eo\x86\x81\xa5v}\xeb\xadn\xfa\x1c\xc7\x1a\xb3\xa8\x1f\x8ce\xea][v\xbbS\t`\xe5\xf3r\\\x16\x8b\x8a\xeaU\xfbu\xaao\xbe\x19\x1fG\xb7\x1dJ\xe4\x97\x97\x96\xb6\x86\x9e&gt;|xm\xee\xde\x00\t\xf9\xbe\xbeN\x97\xcb\xc5\xb2\xaenA\xd0\xb1r\xac\xfb\xc9&amp;\xe2\xfdX3\x06Q\xf5\x96l\xb3j\x16P\xd3\xa2\xd8\xe6\x01\x8a{\xd9\x1f\x19\x1c\x1c\x98\x9f\x87\xfb\xae_\x1f\xff\xc7\xf8\xed\xd3\xa1\xa5\xd0\xc8=\x14K\xf4\xa9\x9f\xcf\x914E\xe7\xd3\xd7\xd9\xc1\xdaX[\xb2\x87\x9c\xe8M\xd4\xde\xae\xd6/\x19\xde\xcf\t6\x01\xeb\xb8o\xb5R\xa9\xa5R\xd1("\xc4\x1f\xf7x\xe2\xd1\xc8\xe0\xb9\xf9yt\x19\xe3\xbf\xbd&gt;N\xcd\xf3\xaf~q\xe5\xca\xcf~\xfd9\xad\xdb_\xdd\x1bACF~t\xb1\x12G\xb1%\xa8\xc3\xde\x89\xd5\xdeK\x0e\x87\xc9\xd4v\xa4\x19\xd7Qtb\xc3\x98|3\xabo\x17S\xa8 0\x17rj \x82\x8a\x8d\x9e\x94N\xd7\xce^9{\xfb\xde\xb9\x81\xb9\x9f\xce\xdd\xfa\xd3I\xf3\x00\xc4\xfd\xdc\xbd\x0b\x17\xce\r\xeb\xe1\x95d9\xce\x86jm6{\'6ij\xd7\xe1h`5\xe1\xa4\xd9d0\x98\xda}\xf5\xb5\t\xbf?\x80\x04\x1f\x88\xc7\xfd!t\xf1\xa0\xa2u\xf6\xd4R\x15keeea\xa54\xc6\xdb\x07\xbe\x9a\x1b\x19\x19\xa1&gt;\x91\x1cic9\x94\xc5 \xb0\xca\xbaVf\x98\xe6\x9c\x7f7\xb0\xf0{\xfa\x9eO\xf8\xe9\x8c\xd6\x1f\r\xc4\xfd\xb0\xd6\x85\xd3h\xfeo\x7fv-\x94\xaf\xae,\xbc[`+d\xd5\xf9\x91h4\x12Q\xa9M\x1cN\xa2\xf0$\x81\xa5\x0eU\xea\xc022M\xbc\xc5p\x98\xf0\xf3L\xab\xe5@&lt;\x07(\xfc\x89FB\xa1\x91\xd3\x0f/\\\xb8v!\xa03-omllm\xe1\xcb\xc6\xc6B)\x1cJ\xc8\x015\x12$\xac\xa0\x8de\x93I\xc1\xac\x86&amp;{MmG\xdb\x18rb\xb3\xe6 (\xc0\x8c\x9b\x8b~`\x91\xc5`\x0b\xc8\xae\xe9\xe9\xc4\xfdDnac\x03`;/vw_\xee\xbe\xf8\xd7\xe1\xce\xfa\xd6r\xa1\xa4o\xd6\x00D\xe9\xa0\xa0H\xac\xcd\x8e$\x17Z\x83\xcc:\xda\xbc!\xf5\x13\xef\xf2\x8cqf1\x15\xcf\x05\x02\x84\x15\x8a\xa8\xd1\x10\nR\xbe\xba\xac[h\x7f\xf7\xce\xdf\xbf\xfc\xe2\x8b?&lt;\xfb\xeb\xc1\xfa\xfa\xceV\xa1T,\x8a\xa2\x92\x04VP\xe2\x1bX\xf7W\xdb\x8d\x8d;\xe1fNy\xc2\x93\xf5E]\x06"\xe0\x13\x84\x15\xf0xj\xd5\xe5\x1d\xac\xbd\xbd\x83gw\xbe\xbc\xf3\xc7_\xbey\xf6\xcf\x83\xd7;;\xfb[\x0b\x85bQ\xcbH\xc3\x91H\x90\xb7\x80+x\xd2&lt;1c56\xff\x91\x01\xb0z\xd7&amp;\x80\x15\x8f\xcb\x01X+\x9a\xf2\x14\x8b\xf9\xa7\x87\x07\x07\x07{\xc0:\xd8\xc7:\xa4\xcf\xc0:&lt;\xdc_\x16\x9f\xc44)\x10Q\xed\xbc%\xc3\xda\xdc\xf6\xc0b\xdd\xd0\x82i~`Y\x9f\x97!\xb5d\xa4\xadT"\x1a\'\xaa\x87_\x7f\r\x92\xfd\x9d\xf5\xf5\xf5\xd7\xc0y\xbd\xae\xaf\x9d\xfd\xc3SK\xb9l:&amp;\x06\xa3*K20\xec\x0e\xe6\x9f\xfbZ\x84\xc5\xacVd\x8f\xe2\xa9"\x9b\xa2\x00e2r\xe2\xe9&gt;\x0c\xb3\xb3\xa3\x87\x17x6\x166VVhC.\xf9\xdd\xac\xa4\xa55)\xe8\xb79-\x99\x0c\xb0*\x9b\x97\x0cm\xadp"c\x9aY\x04\x17t\xa0\x8cD/f\xe48v\xe52-JW\xff\x05\xd9J\xa1\xf4\xb7\xd2\xcaB5\xac\xd88&gt;\xa3\xa5\xd3\x9a\x12\xb4\xf1\x19\x1eX\xd5\xb5\xba\x15\xb1\xd5\xdc\xe9\xe1w\x03@\xbdkP\xcd\xd0[2\xd9*\xa3\xb8s9\xb7L\xa2\xb4P-T\xf5dZ(\x95J\x85,\x87\x06\x8c\xe3\xb5X:\x9d\x96\x92,\xcf\xf3RX\xae\xad"\'\x1b\x9b\xff\xf6\xe1(\xb0\xda\x1f-V!\xe6=:\x96\xa4\xb8\xb1@\x16\x0e\x87=\x9e\xdc\xf2\xc2\x02\x95\xa0B\x81\xe3P\x06!\x01-\xe9t,&amp;\x81\x0fM\x99"\xaf\xd5\x8f\xb7\x82\x8a\xace0\xd4\xdf\xd6t)\x1f\x17\x8b\x99\xac\x8e\x85\xa5\x84\x15\xd9\xe3\xceA\x89\xc1\x90\xd0\xed\xbc\x8bC7\xd6a\x89\xc5b\x1a/\xf1&lt;\xc7)\xee\xca\xaa\xc1D\xefW\x8e5\x1f\x8b1\x1a\xac\x9b\x935r"\x84 \xe2\x98e%\xd6\x8d\xd8\x96\xc2\x8a\xa8\xe4\xf2\xd8\x06\x12(:n\x8c\xde\x18\x1dE\x1f\x16\x8bY4\x9e#\x17*\xf2\xabM\x13c\xb0\xb6d\x8c\x9fq8\x98\xfa\xda"\xb0&lt;\xc0*f\xd1\xfdut\xb0\n+\xc1\x1e\x92\xa2 \x9f\xc9R\x87\xc52JT\xa3\xa3d+\x8b\x85\x97\xa4\x8c$\xca\xa9\x07\x8fL\x06\x87\xa1%X\x90p\x86\xfa\xcb]\xb8Q\x94\x91\xb4DI\x02\x16\x8f\x0e\xa7\xc3\x85x\n\x937y\x9d\x08\x0ba\x05[\x01\x8b\x93$\xd1\x93O\xbcxd\xb2\xb6\xe8\xd1\x03\x8c\xe5\xa8\x7f\xfc\xec\x15\xdc\x08k\x89\x8a"\xb2\\\x07\xdf\xd1\xe1\x04\x17KXb\x86lE\xd6B\xb4\x8f\x12\x16bKR\xe4\xca\xab\x17\xdf?r\x98\xe8\xdc\xa1\xe9\xb1u\x04\x9d\x9d\xd1\xd1\xfb\xe9\xf6\x0bpyD*\xc5\x08o\xae\xa3\xb18\xa8*\x9b\x94\xb1\x90\xb5\xf0E\xa7\xc2\xd2$\t%\xa1\xfc\xdd\xec\xf73m&amp;\xa6\x8di;\xd1\x12k\x19\xce||\xf3\xd9\x83r\xcd\xe3\x99,\x8aY\x05X\xe8\x05]\x12\xfa\x1b\x9b\xfd\xa4\x1d\xddD7u\xac7(\xb0\x80\xa5i\x19Q\x91\xd1\x01LO\xbd\x00\x16\x8d\xcb\x9fhI\x82\x80\xb5\xfe\xb2\xfd\xa0\\\x96k\x93\x93\x93bV\x92\xa8\r\xect\xf5u\xd1\xa9\x92`\xb7\x9d\xec\xea\xeb\xfc=\xf9\x106\xd3\x88\xca\x13OMD\xd5\xc8\xc8\x83\x19\x04fk\xacel`\xcd\xdeO\x95\xcb\x15\xe2\xc2f\x04\x96+\xd9\xe7\x1d\x1a\x1a2\x0b6\x85\xed\xee\xeet]\xb5\xc4\xd2\x94\x1f\x88\n5=\xe1\xf7\xabC\x03\x133\x0e\xfd\xc1\xe2\x89V\xe4-#\xd3\xfb\xe9\xcd\xd9\xe9\x94\x9c\x9f(\xd7\x08K\x0cs&lt;\xdbC\xc76\x82\xbbP\xca:\xaf^u:\x9dc\xba\x07c\x88&gt;9\x00*\xa1\xcb;x\xb1\x0c\'\xb6\xb5\x08\xcb\xe1\xa0\x90\x9f\x9a\xf6#u&amp;&amp;\x88\x0b\xb1\x1fv\x0b\xaa\x9a\x0b\x17\xb2%\xed\xc9\xd8Xil\x8cN\x05\xc74\xadX\x84\xd0HD\xfcA{W\xbf\x8e\xc5|\xd0\xad\xd8\xff\xbb\x88u\xb4\xf5\xbe\xdc\xbe;\x1d\xcd\xc9\x08\x99\x86#\x91,r9T\xe8\xb1R\xb6\x04\xac1M?\xd9}\x82\x7f\x91I\xf2\xab\xc1\xa4M\xe8\xf7^\x9ch\x1d\x16\x1d\x96\xf5\xfen{\xea\xee\xfd\x80[\x8e\x07R)\x9dk\x12\xe5\x196\x82t(j\xdaXL?p~R\x9a\xacU\xd0\x82\xab*\xf5=\xc1\xae~\xb2\x96\xc3\xd8\x1a,\xecD\xc6\xf7r{{\xea;\xbf[\xd1\xb9\xf2:\xd7d\x89\xe4L!+\x8aYM{O\x15\xa7\x0e\xdc/\x80\xcaf\x1f\xf6^D\x8fh$k5=\xb6\x8e\xeao\x0c|/on\xcf\xde\x8d\n\xb2\x0cM\xe3\x7fg0@\x91\xa6\xa9\xcaU\xb1\xa0#\xd6j\xf9\x80\x80\x15d9tc\x82\xea\xbdX\xae\x9bZ\x83E\t\xc2dDl\xcdN\xdd\x8d\x089\xb7\xe2F\x13\x04\xaeJ\xa5V\xabV\xf39\x08\x9bJ\xb5\x02U\x88oR)\x7f \x88\xe5F\x15\xb7\xf5\xa8\x91\xc1\x81r\x1d}9\xc3\xb4f\'\x12\x16\xa8\xa6#\x82\x10\xc8\xe5rq9\x1e\xcf\xe7\xcb\xc8b\xf9e@5V\xbe\x92J\xa1\x95\x0c\xda\xdd\xc8ct\\\xd3c\x1e\xbc\x08,\xa6UX\xb4\x97|of\xa7\x1eNGT\xbf\xe0\x17\x82\x90\xcc\xa4f\xf2\xe5\x89\xb2NW\xd6\xb1\xf2\xb2"\xcbA;J\x11\xb4\x16\x87\xd0\xea\xf2\x02\xeb2c\xa0k\xb1&amp;c\x1d\xf9\x01\xeb\xd9\xd4\xbfC\x11\xa4O!(\x08\xb9\x1c\x8c\xe6\xce\xd2\xb1%4\x18\x9d\x8d\x8b\xd9,X\xc2\x8a\x1bT$\xe2\t\xcb&lt;8\xa4[\x8b^\xf9\x1ci\x9e\x84h\xcc\xa6\xe9\xd7,\x0c\xac5{7\xe45\x13\x17\xaa\xa0\xdfO\x01\xe4D7\xf1\x18\xfdD:\x96\x8eY\x9c\xbc\xf3*\x17~o,\xae\xb3\xfb\xa4:8t\xeb\xfe\x8c\xc9d5\xfc\xf0\x86\xbf9\xde;v\x8c\xc6\xd3h$\xc2\xb76;5\x1d\xf2\x0e\xf7\x9b\xbb\xcc\xaaY]R\x85\xa0\xc2;\x9d\x96\xf4c}\x01\xcb\xe2t\xc2u\xa0bI\xc6\xbb:\xbb{\x86#C\xf7\xf67/\xf7Z\r4\xdb\xd9\xa4\t\xf0\xc6\xff\x1d\x00"\x87\xc3\xc8\x18|o\xa6\x1e\x86\xa8\x04\x9a\xf5E#\x82a\xa7\x96Au~\xfc\xf8?\x84EE\xda\xc2\xdb\xa0T\xa9\xe5\xa1\x13\xb7d\xcf\xe0\xad\xbd\xfd\xd5G\xe7\xdb\x8f3\xf4$\xdd\xd1\x14k5\x9c\x87\xbe\xc5t\xc9`t\\~\xa9c\xd15fW\xd7\xb0YU\x05\x00\x10U\xc3\\1\xcb(\xacu\x95\xb5\xbb\xc3&lt;\xaf\x9b\x8de\xfbz\x86\xf6\xf6\x0eW\xdb}g\xda\xadVzv\xd7\x8cqX\x8a\x042\xd5\xa5\xf6\x1f\x9f\xb12\x8e\xf3\xbb\xe4C\x92\x0c\'\x05\n/D\xbe[\x914\xad\xc1\x95\xd6\x9c\x88-\x8e\x0b\xdb\xc2YI7\x96\xab\xa33)\xdc\xda\xdb\xdb\x7fn\xb2^\xfe\xc8g\xd2\xb9&gt;\xfc\x00\\\x17#\'\xb0\x8b|\x97?\xfa\x11\xd3\xa6c\rz\xe9.\xb1\x8b.{\xc1E\x9dE6\xd3\xe0J[(\xb4\x10\xf1\xf8\x1b|\x82\x94vu&amp;\x93\xdf\xbe~\xfd\xf3\xfd\xb5K\xd6\xf3\xbf\xf9\xf3\xff(9\x9f\xd06\xf2+\x8e[\xb1\xa2(\xe3\xb15\xfac\x0bI\xf6XY9\x97\xd6;\x96\xe9\xec\xda8\x8d\xc9\xa2\x1d\xe7`-\x05\x93h \x87!`\xaa\x15bH:#\x84\x83F&gt;\x95\xe0D\x95d\xea\x12\xc4 \x0ba\xfb\xa4\xe0\xac\x8a@\x7f\xd8E%\xb2/:D:\x85\xf8\xd2\xcb\x12\xec\x83/\xe9\x06\x17\x12hi\xdf\xfb\xc9ILS\xba\xcd/9\xd8\x90\xfc\xf4\x99\xef\xef\xfb\xde\xef\xbd\x99\xd1oW\x882L\xaf\x01\xfaD\xac\xf3g\xcf\xbd8\xff\xee\xf0\x0e\xa5\x10\x93i(l:\xc7\x7f\xfd\x16\xb1&amp;\'\xf1m\xf41\xa7\x13\xc4\xf2\xfb\xe7\xa0\xed\x02\xd7\xff\xe6\xc6\x10D\xa2gdd5\x12\x19\xba\xea\x01\xb5|\xbe\xa9\xe0\xc2\xc1\xdf\xdf\xac\xffx\x14\x8d\x06j\xf5\x86\xb6+\xb0\xf8\xba5y\xcb\xf3SD\xfbO,7\x15\xa5\xf8R+\x94\x16X\xb7\x9b\xea\x1c?\x9bE,\xd8\xf0@.\xa7\x03\xbc\xed\'`\x11\xbc\x13\xe2r\r!\xcc\xaaghe\x08W\xd3\xea\x9b\x9a\nN\xaf\xbfY_\x7fvDE\x19=\x1fK5Z\xb9\x00\xc50n\xca\xf4\x89X\xa7H\xa4\xc6\xc5\xc3\x1f\xa2Q1\x99n\xd5J\x9c\x8dr3\x9d\xe3\xdb\xf8\x9a0`M\x8fMB\xf5\xeet\xfa\xfdP\n\xceE`\xac\xac@\xce\x02\x9f\xbb&lt;++\x98(\\PC\x07\x83\xbe\x7f\x1e\xac\xff~}\xe7\xa5\x9ba\xb8\xac\x90\xeb\x86\xaaZ\x11\xe6d\xf0\xbb\xc7\xa6\xff\xffk\x94\x1f\xb0L\xb4\x9bb\xa2\xbc\xa8\xa6[y]\xcer\x9c\x1d\x17\xf1\xaboo\xde\xc2\x05\x9c\x1eDo\x8d9\xfds\x9f---\xddX\x82\xf4\xee\xf1\x10o\r\x91\xf1;\xcf\x88\x03\xb0|\x88\xb5\xfe\xe7\x93\x1fh\x86\x11\xd5\x92\xa0\xc7\xca\xf5\xd4O"\x1f\xc5o\xf1\x83f\x17&gt;e\x11IR\x80\x00\x1c`\x94x:\xa5\xb59]\xe7l6;\r\x96\xbf}\xf3\xe6\xadE\xb4\xfc\xf4\xf44Xkl|.\x02\x89\x0b\xda\x9c\x1b\x1e\x0f8\xff*\xde\x11\x19\xf2\x90\xa4\xea\x00.\xdf\xd4_\x0e\x0e\x0e~\xfcG\xd4\xc4D\xf3\xf5rA\x16J\xb5T#\x9d\x17y7\xe3&amp;\xfb\xd1\xcfr\x99\xfb\xcc\x1f|N\xc1\x1f\x13\xbf[Iu\xf3\xb2\\\xd8\xab\xc86\xe0\xa2\xb6\x11kq\x91\xe4\xd2I\xf0V\x8f\x0b\xe5B\x85&lt;\xe0\xf9\x15\xa4\x82q\xc9\xe5\x82^-\x18\\\xf8\xfe\xde\xc1\xc1\xc965\xc0D\x0b\x92!T)qBQ\xd5\xd2Z^d\xc9w\x87a\x9f\x84\x9d\xf2\x7f}\xe5\xed\xe2\xd9\xf0c(;\xab\'3\x99d;\xabk!cUG,Fx\xbb\x83j-\x0e~\x8f` \xd7\xf8\x8c\xd317\xb1\xe4\x02\xbd\xc8\xea]\xc5`t\x8d\xb8&lt;\x0f\\\xa3\x90\xb4\x9c\xc1\x85\xc9{o\xfev\xc4\x9a\x06\x18\xb6T\xcb\x84\xc2\xa9\x82\xc8\xd9d \xd3\xf22\xcbP\xa6\x9f=S\x06\xef\x98\x9b\xcd\xef\xc4b\xc0T\xadt\xb2\x98\xcd\x96\xd2RB*\xeb6XF\xd6v\xb4s\x9b`\xe1\xa6\x88z\x8d\xcf@\xb9\x8e\t\x02\xb10A\x90\x10\xc4\x8d\x07\xc4\x1a\r:\x17\x16\xe6\x97gO\xb6i\x8a\xa1xA\x10\x0b\xe5\xb5z\xb7PTlB\xbbP\xa9\xe5\x14\x16\x9f\xc4\xba\xcd\xe6\x8b\xe6\xbe\x8f\xb9\xde\xe3\xd2$&gt;L&amp;\x86\x89*\xf1J7V\xe2\xb2\xedB*!\xed\xfd\x94\x13X\xc2\xb5\xbd\xff\xd5\xcd\xdf\xfe\xea\xfa\xf2\xe0\xe42q\x97\x03\\\x0fz\x81`\xe8\xf5\x1bhy\x88E\x17,\xe1\xaao\xca\x17\x9cw\x06\xe7\xaf?\xed\xd04\xcb\xd3\xac\xac\xf0\\\xa9RO\x84R\xb5\x9c.\xd8\x8aIM\xed\x08v\x8a&lt;\x08:=\'\xe8\xbfba\x9as3\x90aX!\x87PY\x80\xda\x93\x0c\xd5\x98\x1e`y;pq,\xffb\x07\xd5\xba&gt;\xd93\xfd\xf8\xf8\x0c\x86\xe3\xdc\x9c\x1f7\x9b^zX\x82Y\xd8\r\x00\x00\t\xe9IDAT]]}\x00m\xec%l\xb8\xe7\xc7\xe6\x97\xef\x1f\xf1\x0c\xcd\xb2\x94\xa8\xb5\xe2\x8aM\xceg$c\xb8\xbe\xa7\xa9\xbaP\x8c\xab\xf1\xa2\x80\xe7\xdd`5\xf6Q\xb6x\x97\x140\xf6(T\n\x9c^\xc9\xc9r\xae\x96\x92\x8ck\x99\x9c"\x08\x8a\xc0\xda\x01\xcbf\x7f\xb9\xdf[EH\xf4w@\xa7\x85\x05\'f\x89\xc8\x1cT}\x1e\xf2\xf7\x01\x10Aw\xbd\xb4\xf4\xf0\xb2\xdf\xb9\x0cT/~\xa0X\xbb\x9d\xa2\xf3R\xb8\x0e\x8e\xe7\xf4dJ2\x18@\xb3XI\x91w\xd5\xc2\xae\xc2\xc3g\xba)\xf7G\x1b\xd2\xf9\x9eb\xf8\n\x19(\x05!\xbc\xa7\xcab&lt;]\r\x1bA*1+\xe8\x85nR\xb0\x01\x16\xc7\x06@.\x88\xc5\xc5\xc5\xc9/\x1e\xdf\xbf{g\xe6\xcb/\xef\xdeq\xcc-MD\x1e&gt;\xfc#\xb4\xd27\x90l\xe2\xf2\x1f\x1e\xed\xef\x1f\x1f\xdfu\xcc\xcf\x7f\xf3t\x1b*\x07(\x02Y-\x910\x84\xcb\xaa\xcc\t\xba\xda\x85\xa9\x8d\xe1j+.\x8ay\xad\x16\x17y\x9e\xa8u&amp;\x16\xcfD\x02\xf8\x92\x16v\xb5r9\xa6\x08\xf1n\xc8\xe85\x86Sq`\xc9e\xc2\xc3\xd56."gc!u]\xc1W\x1d\x16g\x9f&lt;9l676\x0e\x9b\xe3\x90\xe9\xfft|r\xf2h\xff\xf5\xfe\xfd\x88\xc3\xffY\xf3\xe4\xf8\xf0\xf0p\xe3\xaes\xfc\xda\xd3\x97Q\x9aq\x83\xe5\x85\x94\x01\xb8,R:\xa7\xd8\xecB1\x96\xa9\x87-\xc3\xa1L^\xd6\x0b\xe9\x8aZ\x0c\xd0\xf4\x80\xe9\xfc\xfb\x0cE\xb0.\xf4N\x0b\xa0h~7]\xce\x14tn\xb7\x1bJX,\xe1F\xad\x98\xe5\xe4d\xd5`0Hy\xa2\x16\xb8\xeb\x08\xdc\x85\\\xbf\xde\x80\x02\xba\xb9\xb3\xf1j\x03:\xc6H\xf3\xd5\xab\x7f\x1d&gt;9&lt;\xdc\x8f\x8c9"\xcd\xe6N\x13\xc6L\xf0\xf2w\xcfy(\xd3\xdc&amp;\xca\xdd\xa9\xc3,\x86\x84\xc1PO\xc7\x05\x96\x15\x84\x92Z)\xafY\xd6\xf6TE\x8e\xc7*\xc9R\x80&gt;\xb3\x1f\xf7\x91\x03\x8c(|%&gt;*\xe4\xb4\x0c\xe8\x9a-UB\tc\xa2\x9aV\x8bJV(u%#\xcc\x96\xd0X\xc2\xc5\xb3\xc2\xdb\xdb\xcbWn-.\x0f^y\xfcx\xf3\xf1\xd7\x9b\xcfv\xae\xf9\xfd\x13\xfb\x1b\x1b\x80\xb2\xbf\xf3uddd\xe2\xda\xcc\x0cl\x96A\xab\xff\xe9s\x9e\xc6\xdc\x04\x05\x9b*%\x0cd\x18\x13\xa1\x8c\nA\x14\x08\x08z\xbc\xd2X\x93\xf6\n\xba\xd2\xc9\xa99\xd1F\xbb\x07p\xd33\x99.\xf4\xf5\xc2\x8f\xe1y1\xae\xa5k\xbb\xe0B\xad\x8a\x86\xacu\x04\x81\xcb\xea\xc9F\xa2w\x95\x19\xb8D4=\x1b}\xf9zsp\xf1\xd6\xe2\x98\xd31\xeep8\xa0\x84\x18\xf7[\xad\xd0\xf8\xf8\xfd\xd7\xfcsV\xab\xcf7\x8aU\xbc\xc3:1\xf1\xf4(\xd0\x0b}\x8a\x02k\x19&gt;\x8cp\xb9\x16\xd7\x05\x1e\xc9\n\x99\xbaT\xd6\xe2\xa2"\x88X\x8dAT\xd2\xb4\t\xd5\x02KE\x11\xaa\x95l\xdb\xe4x\xa5j\x087*q\xd8l\x02\x82\xa8f h\x8cFtEJ\x8c\xf2=,\xbes&lt;\xbb|\xeb\xde\xe42dx\x87\x0fZ.G\xd0J\xc6\xc8\xc8\xc8\xd6\x96\x0f\xb0F\xa1\xe5\xf1\x8dF\x80\xea\xb4\xdd\x19\xa0\x94\xbd3T\t\x83\xd7\x18Ji\xf1\x8e\x12\x08\xc0G\xa6\xeb\xe1\xd0^,\'\x06\x18;\x13e\x06\xf0I;`\xe1a\x0f\xaaVQ\xdb\x9c\xa8v\xeb\x90&lt;\x93%\x05&gt;^(%\xf7B\xc0c\xb4\x90\x89\x1aE&gt;\x8a\x19\xd5\xc62\x81\xe7\xc7\xb3\xf3\xcb\x93\xf33\x0e\xa7\x15\xb2\xd3T\xd0\x81\xad\x0e\x94\x7f\xab\xab[[\x90\xdcGWA\xadQ\xd4\xcaN\xf7\xea=\x93=\x17\x1a\xf6z\xe1\x02{\xebh\xc4\x9f\xc2\xa1F\xbaP\x12l\x9c\x9c\xd3\x1ak\xe1z\n\xd2+\x0ff\x82\xc0\xa3\xfa\x186\xd0)h5\xb5\xad\xb4\x93\x10\x1d\xe0\xa8\xb6\xc2\xc1~ZH7\xa4\x84\x91LA\xb0\xa4&lt;\x0b\xab\x08\xfb"\xcbD\x03G\xcd\xd9\x19\xe7\x02\x88e\xc5\x17|\xf0\xb6\x0c\xe9W\xa1b\x06\xcc\xd1K#\xaeK\xbe\xcf\x81\n\x8fy#GQ\xd1J\xcb\xdb\x7f\xee\\\xbf\xd7x\ne\xb1\xa0\xfb\r\t\t\xc8\x8a\n\'\xef&amp;!g\x84C\xe5J\x9cd1\xbaO)%\xb5X\\\x94\x8b\xb1T\x08\x17\x19*+\xb9Xh\x95C\xa0\x93\xc1`\xe9a\x19-^C\x052\xaa\x9d\xb5\xe3\xdb\x07\x0c\xff\xbc\xb9\xe9\x0c:\x83\xc1\xa0\x15\xef5C\xdb\x15$\xcf\xc2\xc8N8\x8a\x8f\x10\xc6\x81\n\x8fQ\xbbh6_\x18\xa0\xd8\xb8\xd4\x0fX\x00f!`\x16\xcb)\x9f\x05\x02\xa0\x0cJ\xc8Y1\x17\xcbTA\xb3LA\x0cD\x99&gt;\x88\xcd]\xac\x82\xca\x92\x04y7\xcbe\x8bj\xabLt"r\x1b\xf0\xca\x86q\xcej\xce\x06\\v\n\x83\x85\xe1;\xcd\xcd\x19\xdc\xf2|\x80\xe5\x9b\x82\x1afjj\x14W\xd0G\xb0\x86&gt;\x87\x18\xc4X\xc2\xd71\xe02\x94\xee9\x98\xe2\x97\x086\x0cD(\x16\x0c\x8b\xc5\x8b\xbf \x99\x96os\x1c\x92\xa1\xcd\x92%\xa1\x0f\x8c\x84&gt;\x97\xf0\xb7lV\xcfW@\'\xe3;\x13 \x98\xb7w\x99\xfd\xc6\xb4\x0cXt\xaf\xc0\x07\xae\xd7\x9b\xcb\xc1\xe0\x94\xef\x12\xae\xe2(\xb48P\xf4\xe1 \\\xdf\xbdx\xc9\xe3\x83\xba_\x98\xb1pc\xf8\x82t\xee\xfd\xe8\x1f\xc6% S[\xbc^b\x13\x8b1\x0c\x11\x90\xd79&lt;r,U\x0f5Z}b)\x99\xa9JUXbY\'\xb4\xe4\xdf\x9f\xfe?\xb8\xa2\xe1~\x02\x05#\xa4\xb24\xfd\xae\x19\xa2\xf9\xceI\xf3\x0bX\xbc-|\xe8\x03T\x0b\xa7\x03\xb0\xac\x8f^l\xa3\xad\xb0TBm\xedJ\xc62|\xae\xff\x03\xd9po~\xc0\xb2\x10*\xd4\xcc\x80\x9e\xcf\xb7e\x05W\xab\xde\x87\xab\x07\tA\x97Khr$1\x9e^\x0c\xb9\x1a\xa0\xc2\x15\x04\xaaaoW\xa1is\xaf\x1cc)h=\xde6\x07\x9d\xc1-2\xb0\xf3Z\x98\x06*\x90\x0bl\xf5\xef*\xce\xe7\xb5q#\x8a\xe3v\xa4\xf56\xb2\xca\x08\xb9\xba\x08\xaaj\xc9mY\xb2,\x98\xb6\xf4P\n\xae\xda\xff\xc0\xbe,\xba\x14t0\xbe\xc4\xc2\x17Y{lmL\xecKYB0\xc6(=\x19\x0c\x06\x83\x7f@(\xc4\xdeK.1=\x04\xd3ki\xe9\xa1\xc7\x92\xcb\xde\xfa}o\xa4x\xab\xd8\xc1\xc1\xca\xf8\xa3\xf7\xde|\xdf\x1byf\xae\xa19T\x11\xe7\x9eB\xe2\xb5Rm\xa6P;\x0724&amp;\xc8\x89\xe4LP\xa5\x94\xaa$\x83t\xc69\x7f\xb5\r\xa7\\-T\xf3\xaa\xb4P&gt;\xbb\x16\xe5\xc3\xc3:\xda\xd6t\xb9\xe7\x8bf\xa3\x17\x1b\xc6\x15\xb8(\xa2\x92g\xc4\xf5RZ\xeb\xb3\x9fo\xee=\x1a\xd6\x17\xe4\x90\x80\xb0\xbc\xde\x91E\x97&amp;-\xcfO\xfc!\x84\xb4\x96K\x11&amp;?Sp\xcd3\xbc\xf4rsd\x9b\x06U\x0b\x1f\xa8\xb0J\xe7Z)\r~\xe8\x01\xac~\xa3d\xc8\xdd\x13\x0b\xb4p\xce\xd0\xae\xdf\xff\xfair\x92t\x9f\x01\x0c\xc1\x0e\xb0\x17\xdf\xff\xb8\xaf\xa1\x8b\xebr\xf7;\x1a\xa9\xd8\x86c\xf6\xd3F\x0e\x01\xa6\x10Yg\x</t>
        </is>
      </c>
      <c r="M25" s="3" t="n">
        <v>45492.67613425926</v>
      </c>
    </row>
    <row r="26">
      <c r="A26" t="n">
        <v>39438</v>
      </c>
      <c r="B26" t="n">
        <v>1962</v>
      </c>
      <c r="C26" t="inlineStr">
        <is>
          <t>Luiz Adriano</t>
        </is>
      </c>
      <c r="D26" t="inlineStr">
        <is>
          <t>L. Adriano</t>
        </is>
      </c>
      <c r="E26" t="inlineStr">
        <is>
          <t>CA</t>
        </is>
      </c>
      <c r="F26" t="inlineStr">
        <is>
          <t>ATA</t>
        </is>
      </c>
      <c r="G26" t="inlineStr">
        <is>
          <t>CA/MEI</t>
        </is>
      </c>
      <c r="H26" t="n">
        <v>183</v>
      </c>
      <c r="I26" t="n">
        <v>12</v>
      </c>
      <c r="J26" s="2" t="n">
        <v>31878</v>
      </c>
      <c r="K26" t="inlineStr">
        <is>
          <t>Right</t>
        </is>
      </c>
      <c r="L2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3-03-06&lt;/Attrib:Created&gt;\n     &lt;Attrib:ExtId&gt;7708c60e-c8fe-4a8a-9c3f-594181c0cd0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9x)%\x00\x00\x03\x00PLTE\xff\xff\xff\x10\x0c\n\x12\x0e\x0c\xba\x0b\x0c\r\n\x08\x0f\n\t\x08\x07\x05\xfe\xfd\xfe\x0b\t\x08\t\x08\x06\xb8\n\n\x0c\x08\x07\x90\x07\x0e\x16\x10\x0f\xbd\x0c\x0cZ. \xc4\x13\x12\x8a\x06\r\x94\x08\x0f\x88\x07\r\x8d\x06\r\xbc\x0b\x0b\xc1\x14\x13\xbf\x11\x11l9&amp;\xb5\x08\x08_2#\xbf\r\rC\x1f\x15m&lt;*U)\x1cX+\x1e\xc7\x13\x12e4#\xfa\xf9\xf9\xb7\x08\t\xc5\x16\x16e7\'\x07\x05\x05b4%tA-\xfc\xfc\xfc\xb4\x0e\x0e\xc7\x1b\x1bq&lt;(\xc1\r\x0e\x92\x07\r\x1b\x13\x13G"\x17wB/\xc8\x16\x16x@+}D.&gt; \x18i8)\xbd\x14\x14R(\x1ci6$\xba\t\n\xc2\x10\x10t?*V- !\x14\x11\xb8\x0f\x0fS*\x1fP* v&lt;(m6#_/\x1f\\0#I$\x1azF1A#\x1c\xbc\x10\x0fO&amp;\x1b\x81F.\x0b\x07\x051\x19\x13{\x05\x0b\x86M4~G3L)\x1e=\x1c\x12\x1b\x0e\x0b].\x1fb2!8\x1c\x15\x83K2)\x16\x12]+\x1cM&amp;\x1a\xba\x12\x12p&gt;.1\x14\x0c\xc5\x0f\x0fq&gt;*\x83\x05\x0be1!(\x12\x0co:*j3!\x8dS&lt;S&amp;\x18\x98\x07\r{B+\xf7\xf6\xf6F%\x1c\xcb\x17\x16\x89Q78!\x1br:%\x80M7\xb1\x08\t\x82G4\x17\x0c\n8\x17\x0ew\x06\x0c\xac\x0e\x0f \x10\x0b\xf1\xf0\xf0L!\x161\x1e\x19p7$\x86\x05\x0b}\n\x10~K4~\x05\x0bo\x03\t\xa2\x0b\x0eP#\x16*\x1b\x18A\x1b\x10b.\x1f\xcb\x1c\x1c\x9d\x08\x0ch;-\xee\xeb\xebG\x1e\x13Y*\x1a\x84N:\xb9\x08\t\x96\x10\x16-$$\xf4\xf3\xf3\'\x1e\x1f\x13\x0b\x08!\x1a\x19Q/%h/\x1d\x8b\x0c\x12\x9c\x11\x14W1&amp;\xe3\xe2\xe1\xdf\xdb\xdb\xe8\xe7\xe7=&amp;\x1ft\x03\x08\xa7\t\x0b\xb3\x14\x15X%\x19G*!bZ\\@66rD6\x90WB~xyG&gt;?\xcb\x11\x11j\x02\x07\\5)ibb\xa5\xa0\xa0\xce\x1e\x1ep\t\r\xce\xcc\xcctmm0()k?3\xcd\x19\x19{=,\x92\x8d\x8eXQR\xd6\xd3\xd3\x86\x80\x81c\x02\x07b+\x1b\xda\xd7\xd7x\x11\x13R3,:01\x83\n\x10\xc1\x1d\x1c\x9b\x96\x97\xab\x06\x08\xc7\xc4\xc4\xfe\xff\xff\x94\\J\xb8\xb3\xb3\xab\xa6\xa7{H?\xb1\xad\xad\xbf\xbb\xbbOHI^:-6+*\xa6\x16\x17\xde\xca\xcb_\x1e\x17\xc3\xbe\xbf\x8aJ5TLL\xa2!\x1caUS\x94|w\xa7\x92\x8dkKC~&amp;*\xff\xfe\xfeH.&amp;W\x02\x07\xec\xe1\xe1\xb2\x80\x84\x82RD\x9e\x87\x80\xbe\x8a\x8c\x8aM@\x8bOLk/&amp;i\x12\x11{]U\x9c58\x8ea[\x92IFX\x16\x12\xd9\xbd\xbfpWQ\xb0\xa0\x9d\xa9X\\\x95oj]?9\x8a5:\xc9\xa6\xa7l\x1b\x1a\xbc\xa6\xa2\xca\x97\x99\x85nk\x8d\x1e#\xd2\xbb\xbd\xabqt\xde\xa7\xa9\xe9\xd2\xd3\x9c^a\xc399\x99\x1d\x1f\xd0\xc4\xc2\xca`b\r\xa5\xc35\x00\x00 \x00IDATx\xda\xbc\x98\xefK\x1bk\x16\xc7\x9daf2\xc30\xe4m\x91\xa8\x1806P\x98\x88\xadX\xa8\x17\xd7V[\xecH\xef\x8d\xde\xb67\xb4\x94\xeb\xae\x17S\xda+M \xb1\x85\xbe(\x16\x1a[\xc8\x8f\xb9/\x9a\xa4/\xb6I;\x81\x9b\x80\xf1\xb2I\x84\xb0\x81`W1\xa9/$\xf4M\xf7\xc5\xfe-{\xcey&amp;\xdd\xfbz\x13=\xd5\xc6L\xa2\xf3\xc99\xdf\xf3}\xce\xf3\x0c\x0c\xfc\xdf\xe1p\xc0\x17\x04\xfc4\xe0uCDc\xb1l\xcc\x8dW\xecW\xec\x80\xa7g\x1atC\xb8o0\x9d\xc9F\xa3\xd1\xcc\xd1^\xe5$\xeae,_\t\xfc\x93\x83\xdev\x86@\x14\xeeh\xc2\xebug\x0f\xf7\x0ej\xb5\x96\xd5n\x14[\x80\xf5-U\xf0R\xd0\x8dO\xcf\x90\n\x1f\xbd\xd9\x83\xc3\xba;X\xab\xe4\xca{Vu\xf7\xb8\xd3LG\xa3\xe9,\x16\x12\xcb\x1a\x8cejY\xf7\xd9`\xfdI7\xde`\xbad\x952\xd9L\xe5K5\x1f\xff\xce\xcc[\xa5Re\xaf\\&gt;J\xd7v\xea\xd9`\xacv\xd8,\xd5Hlg\x04E\x82\x1f\xf0&amp;\xa2\xfb@Q9\xa9\xb4\x1bIM\xd3\xf3\xc5\\#i\x9af\xc7*\xe6\xca\xcd\xfd\xa3\x8ae53\xde3\xc3B(w4\n2O\xd7\xf6\xf2\xe6q\xae\x1d\xd75\x8d\xd7\xe2\rx\xe45=\x1e7\xe3\xf1F\xb5\xd0\xb6\x0ew\x12\x8e\xd3\xc7B\xa0\xaf\x03P\xbcl\xb6^\xb1\x8aV\xa5R*\x9a\x90&amp;\x9d\x87\xe0x\r\xd8x\x8e\xc3\x0b\xf0\x1d\xd2\x93\x85f\xdam\x9b\xc4\xa9b\xa1\t\x05\xa3\x99\x9d\xc3\x92u\xac\x89\xbc\xdeh\xef\x02\x8b\xc6A\x88\xa2H\x0f\x82\xc0!$&amp;\xed8_\xde\x0f\xda\x05w\x9c"\x149g\xbaU)\xb7\x0bq\x8d\xe7\x04U\x83&lt;A\x8aD\x80\x81\x80\x07QPU\x81\xf8x\xcd\xcc\xe7\xf6N\x82n\xdb1N\x07\xac\xdb\x80\xc1\xf4Q9\x9f\x84*\xf1\x94\x1f\x11S\xc3\t\x82\x0c!\x88\xaa\xa2\xca\xb2\n\xd7\x01S\xe4\xb4d\xbb\\J;\xdc\xde\xff\xf9}\xff\x13e{B\xba\x94;\xd6QDT.\x8e\xd5M\x96\x15\x05\xb0\x0c\xc5P\x11UV\x91\x91\xe3Sz2o\x1dd\xbc,Q\x9fN\xa7\x80D\x958\xe8$uR\xb6H\xc9"\nCA,E\x85da\xfd\x04d\x84\x1fx&gt;\x95J\xe9\x8dr\x0b,\x8c\xadI\xa7!u4*\xf7N1\xa9\xf1\x04E\\X,A\x91$ER0S\x02\xa3\x92\x14\x96-\x0cQ4\x0b\xe5\x8a\xd5\xcc\x9eJ\x11\xf1_\xb6\x1eM\x94:\xbb\xd0w\xa8&amp;BB\x85+\x92\xc7\x03\x1c\n)\x1eI\x91QR\x11\x8b\xb2\t=\x99\x8c\x17k\xde\xd3\xc9\x96{\xc7\xca5O\x9a\xd5]\x8d\xee\r\x12\x87\x96\x13\x0c\xc4\x92$\x19%\x0e\xb02\xc3\x82\xf4a\x159"\xe7x=\xde)eO\t+c\x15v\x8f\xab\xd5$\xcf\xb3\xbe\x93\x15`Q\r,"\xab\x19\x94\x0f\x1e! W\x92L6\xc6\xd2\xc7\xe9I+}\x1a\xbd\x88\x7fp\'W(\x801\xf0\x82HL\nY\x02\x15N\xb6;O\xb4q\tS\xe8b\xc1O\xbc\xd6&gt;\x80\xf9\xf0k\xbf\xbd\x0b&gt;e\xf0\xa8\xd3\xf8R5\xe1Vx_R5\xbb9\xda\xa7(b\xeb\xc1+p\r\x94\x065\x15Y\x08\xac+x\xb3\\w\xb3\xb6\xe9g\xc2\xe0o\xc5*\x8dx\xa1mb\xa5@\xd1\x1e\t\xd9d\x81\x92C\x0c\xc0%\xca\x08K\xc8\x0c\x0b\xfaA%6Nk\xef\x07\xbd^\x87=\xd0\xf6\x13k\x0fG\x17\x1e\xb1\x14BB*P\x99\xc2\x92\x86\xb2\xa2\xd2\xdaY\x14(O\xaa\xc2\xa4\xcf\xf1f\xf1(\xfb\xc9\x1e\xf3\xfb)\xad\xe8\x9eN\xfd\x8eRW\xec2\x8a\x02\xebHU\x16\x18\x16r\xa9\x90#D\xebz\x85J\xc6\n\xab\xba\xb5\x1fu\xf7\xb7\x8a\xd8\x88EX\x06\xbb\xcb\x0cZ\x95\x07\\]\xe0H\xff\xd4\x96\xb2\xc0\x92%0,|\xc0dJ\x06N\x14\xf8\xabf\xb5\x94\xf6\xf6\x11\x8b\xf6\x12\'U\x93a\xb1\x9ba\xb2\x80\x8a\xc3\x8cP\xee0_\xe8\xa3*.\xd82A\x82\xb2\xe0\x92\xc4\xd2\xc5\t\x9c\x9eof\xfb7B\xd3\x07\xcc6\x0b&amp;\xda%v\x1c\xd98M\x0c4\xc90\xa9\x91\x99)d\xb1\n\xd9\xab\xac\x18\x98=\x8f\x84\xaa\'\xa7\xe5\xf5/0~\xf5\x89\x8b\xd6h\xb6\x16\x92\xb0\xc1\x8c\x14\x0f\xc9\x9d\x9a\x1fS\x87\xad\x87ed~\xa5\xa2\xeb\xa3S\xb0\xc6 f\\\x168M\xef\x1c$\xfa\x97-\xa0\xcaT\x1a@\x85\xa5\xb1\x97f\x14:\x9a\x16\xf4\x80\x82K"\xd1\xc9\xe8\x08*\xe5Ram\xc9\x82\xfcV\x16x\xbd\xda\x8a\xf5\xab\x8a\xd4\x86\xa5&lt;\x08^\xb0+%\x81k\xb1\x9e\x13\x08K\xa2\xb6\x04:C\xa05Ra\xf6\xc5\xae\x7f{\x86\xeb@\xbe\x94\x89\xf6I\xf48e\xedtp\xee\xa36C\xbbdfJ\x82\x12E\xb8-:,\xd5\x12s%\xdb+\x80\x04o\x93\x98\x93\xb0\xfa\x02W\xbc\x92\x0e\xf6\xc7\xba\x1c\xe4\xf0`\xa5\xbc\xc0\x16B\xa0\xc2\x11\x81R\xc6\xa4\xa5\xe0z$\xe3\x05\xd5P\xbb\x0b\x13\xbd\x87\xbc\x84\xd5\x9cVM=\xb7\xd3\xaf\x05\xdb\xe1\xf8T/\x9b\x94,\x92\x89\x8c\x96\x85\x0ct[\xc4Pl\xe3W\xba\x18\x7f\xc6\x92h\x8d$\xdf\x07\x03K6c\xfd8\x94`\xd3H\xdd\x8ac\x87\x93R\xf0F,WLc\xe0\x03\x86\xca^\x02\xeb$\x1c\x85y+\xe3\x03\xc9Q^9T&amp;\xa7Uw\xbc\xbd\x8f\xcf\x8e\x01&lt;\tr\xd7\xac$\'\xb0\x04\xd8\x1df\xd7\x07\xff7\xc8\x9e(9\x06\x05iN\xfd\xf6n\x0f\x86\x82\xbe\x82\xa3\xc4n%6\xd0\xfb\xe6\x0c\xa7\xd2Db\'\xa7ql\xc5c\xf9b\x0b\x90\xddl\x06z\xb9j\x80\x9bC0.X\x16\rE\xb1\x05\xcf\xb0d\xb6\x95\x14\xb5\xc2A\xb0\xe7M#\xa6{\xbfyrX\xe0\xba\x13\x02\xd3\x97"\xdb\xdf\x90!\xf4ut\xd6\xd02D(\x14J\xa5\x04\xb2/ eT\xb6O\xd8\xf2J\x16\x0f\x82\x03=V\x11\xcd\xa1T-\xe7\xe2\x9c\xdc\xf5,\x89\x95\xc8\xa6\x82\xf9 \x15B\xa0\xc8\xea\xea}\x16\xab\x91e@\xa3Y\xcbPH\xf0\x8a]P\x01\xcdX?.\xd6z\xd5&lt;~\xaaV{7\xae\xdb\xc9"w\xa0\x95\x84)\\M\x11\xd0\xea}`\n\x87\xb70\xfca ch\x82J\xcd\xe1!,\x0f\x1b\x1a\x05-^m\xb9{\x14=\x9b\xe1\x93\xa6\xc6\xe6w\x1cKI\xbd$3\xc9H-\xdb)\n\xdbL\xdb\x10.\x7f\x98\xc8\x00-\x85\x92\x93&lt;\xddl\xc9\x0c\xabs\xe0\xed\x03V\xec\xa8\n\xb3\x83\xbd\xad S`\xe3\x1dPE\x08(\x1c\xf63\xa0\xed\xed\xcd\xcd\x85\x05\x9f\xcb\xe5\xc7\x94a9C\xaaA\xda\xea\x9a\x18a\xe5+1\xef\xa7\xde\xc5\x15=\xcc\xa3\xc5\xb3\x1d\rr\xc1\xd2\x87\xd3]h\x15\xa0\xfc\xfe-?0m\xbe\xf8\x85bxx\xf8\x97\x17\x9b&gt;\x1f\x92\x85\x91K4\xc8\xe3l\xf3\x82\xe0\xcdx\x8e\xc6\x9b\x9e\xcf\xfej9\x1d=\xde\xc3\xa6,\x98j\xc0\x0f\xa8\x80\x00\xe5wm\xfb\x80\xe9\xef\xaf\x7f\xc2Xy\xf9\xf2\xda\xca\xeb\x91\xe1E\xc8\xd9\x16\x81-\x0b\x86D\xb5\'K\x85\xb1\x91\xd3\xe2\xc5V\x027g=\xfaV\xfa\xb0\x80gY\xa8v\x92\x07\xae\xc0\xaa\x88\xb9\xf2o\xb9|\x0b\x8b\xd3\xc3\xaf\x7fZ\x01\xa0\x97/\x7f\xfeyttt|pp\xde9\x1bX\xd8\xde\n#\x17\xe5\xcbn`:^\x02\x87H\x07{\xd7V\xf0\xa0\xa3\xc3\xd4\x0b\xbb-\x1bK\xc2\x813\x14!*\x80\x9a\x1dq\xae\xac\\\xbb\x06L\x18\x8ckp~6\xe0C\xed\x87\xefGB)\x95\xb6\xd9\xf6~\x88o\xece\x82=\x1e\x8a\x93\xb4,\x1d?$\'\xb3\xbfMX\xe22\xa3\xda\x0e\xcc\xce8\xe7\x07\x7f\x04\x9e\xbf\xb1\xb8z\xee\xdc\xd4\xd4\xd8\xd8\xf8\xfc\xc8\xf4&amp;\xb9\x05\xe8+\x85\x0b$aA\x1d\xb5\xdd\\\xab\xd7S%\xfc\xe5l\x11\xcfg8\xdb\xab\xc8\'\xb0\x07AU.\x97oqf~|t\xec\xf2\xe5\xabW\x9f={\xf6\xeb\xdc\xdc\xdc\x95+\xf7 ^!\xd7\xa2\xaf\xcb\x85\x9b\x0e{u\xe04-Y\xae\xf7a\xf5q7wy&lt;\xf7\x13\xba\'\x0f\x8a!.\xdf]\xf2\xbb|&gt;\xa0r\x8e\x8f\x8f\x8e\x02\x162\xfdc\xfd\xe2\xc5\xeb\xd7\'&gt;|\x00\xacA\xe7\xc8t`s{{k+\xbc\xba\xba,\xaa\xf6l(s\xbcn\x1eW\x12\xbd\x1d\xdf\xd0hT\xafjXE\xb6\xf6\xe0\\nS-\x04\x16\xa7\x9d\xf3\xe3ccS\xe7\xce=\xbb077\tT\x17\xafO\x9c\xbf7\x84\xc9r\x8e\x0c\xbf\xd8\x04\xaf\xd8v\xa1\xbeD\xfb,E\x165\xb3\x90\xb3\xf6\x13=\x8bk\xa0\x9e\xd39A\xec\xeeSA\xb6\xa9\xd5\xa5\xdb\x97\xa0\x05A\xee\xce\xc1\xf1\xa9s\x7f\xbdp\xe1WH\xd6\xe4\xe4\xfa\xe4\xe4\xe4\x04p\xdd\x9b\x1a\xfbqed\x18|l\x1a\x95\x0f6\x11\xfa\xf6\xeb\x80U\xb6\x0e\xa3\xbdc\xa5\xcb\xdf\xceih\x1b\x06\x8e\x05\xc9Z\xf8az\x16\xf4&gt;865\xf4\xe0\xca\x959\x0c\x80\x9a\xbc\xf8=\xe4\xeb\xc1\xd0\xd4\xe85H\x17\xc4\xf4\xa6\xcb\xbf\x04\xf2\xe2\xbaX|\xb2\xdal\xe1)o\xaf\xe2\n6w\xe9@\xc4\x9e\x02R\xcb\x91\xbbK\x98\xac\x19\xe7\xcc\x08a\x9d\x9f\x80D\xadc\r\xd7\xd7\x9fl|?\x81\\\x97\x7f\x04.\x00\xc3t\xdd\xbe\x0f\xcb\xa3}\x14\xc0\xf1\xe6\x97\xa3\xe8@\xefs \xec\xf3\x0bt\xf2N\x83\x9d\x9a\nE0Y\xbe\xc0\xec[\'\x9a\x03`]\xb8pe\x12\x90nb&lt;\xd9xn\xa7k\xd0\xe9\x84\x84M/\xfa|\x97\x96\xeeFR\x02\xdb\x02q\x9cV(\xd5{\x9e\x9biG\r\xe2\xe2\x18\x96\xa4\x86"w\xc1\xb2\xa0\x863p[\x10\xfc\xd0\x83\xf3\x13\x13\xeb\xeb\xeb\x80\xf5\xe4\t|m \x17\x80\x8d\x81\xab\x82\xbe\x86\x17\x03\x0b&gt;\xff\xd2w\xa1\xee\x99\x00\xa7w\x8e2\xee^\xc7f\xc4\xda\xcf\x99x\x14I30v!P\xa1c\xcd\x0c;\xc7\xa7\x86\xee\x9d\xbf\xfe\xfc\xf9\xc6\x9d;7o\xde\xb9u\xe7\xce\xad[o\xde\xbc\xd9x~~\xe8\xd5\xab\xf1\xdf\xe7gf\xa7\x17\x17\x03\x81\x80\xcf\x7fwY\xb4\x8f-83\xd7Jx\xfb\x81u\xd2\x86Q^\xa0\xad\x97"F\x96n\xa3\x91.,\xfe\xe5\x87\x87\xbf\xbd}\xfb\xfb\xe7\xcf\xaf\xfe\xb8\xbe\xf1\xe8\xd1\xad[\xf4\xbd\xb6\xb6\xf6f\xe3\x8f\xcf\xbf\xfd\x1b\xe2\xfd\x8d\x1b\x0f\x17\x80*\xb0\xe9Z\x02,\xb6W\xe4\xe3{\xfb=+\x9e\x96\x9f\xa3&lt;O&amp;\x8f\xa3\x80\x18\xb9\rPP\xc4\x877\x1e?~\xff\xeei\xfc\xe9\xd3w\xef?\x7fx\xb3\xb6\xf6qm\xed\xd1\xa3\xb5\x8f\xff\xfa\xf8\x9f\x0f\xff|\xf7\xf8\xf1\xd3\xa7\x8f!.\xddx\x08\xfe\xf6_\xda\xcd/4\x8d|\x8b\xe3\xc9\xd2\x90\xbb\x940\xaf\x8383X\x10-\x081\xe8\x88BFF\xe7O\x06s%\x99T]\x95\x84`4\x92\x1d\xaa\xc1\x16\x12\x13\xe8\x83\x89`\xb5\xd0\xa4UH[\x1f\xb4I\x1a\xb0\x85n\xc4\xdd-)\x16\x96m\xda\xb4M\xb94\x97\xfca\xc3\xa5e)\xa1\x0f)-\x97\xa5\xaf\xe5\x9e\x9f\xb9\xf7\xf1&gt;u2\x8c\xaf\xfe&gt;\x9cs~\xe7\xf7=\xe7\xfc&amp;l\x0eLu\x9ct\r\xdb\xbb\x96\x1f\xdc\xba\xaa\x06\xd6\xc2o\xebh\xc2\xf37T\xcc|\xdf1\x86l\xa5\xa5i:\x01\xeb\xce\xb5\x9e\x99j\xfd\xda\xf8\xea*\x80]\x1c\xdf\xdc\xdc\\=h\x96O\x9eDBR$\xda\x8c\xb0\x9c\x1d-\t\xf1]\xd7\xdc\xee\x8b\xab\xf0\xa7O\xbfu\'\xb6M\xbfx\xd5\xfd\xddw\x1dgP\x05\xf8?\xac\xa1@\xa2\xf5\xa0\xc5\xab\x87\xc5\xdc\x15`\x02\xb0q\x84\xf5v\xab\xbe]\x03\xe7n7\xab\xd5\xaa,Kf\x8f]\x1cr\x9eA5Y{\x97\x13\xa9-\x15\nX4\x14{\xb4\x8e\xe6$h\x8e\xf2\xf7\x8e`\xeb0\xa4\x03R\xf5\x10\x16E\xdb\x11\xe5\x88\x9eI\x14U\xe0I`\xbb\xd2\xd7g\x1c5\xf6MN\xae@\x8c\xc9\xb2\x18fY\x0f=\x85\xb0\xda\xbb\xba\xe7^=zy\xbe\xed\xdb\xfb\x10\x9d\x9d\x7f\x9c\x7fx\xbf\xbb\xbd\xd5\xcf=s\x16Y\x0b\xb0\xccR\xb5X\\\xd2\xe8\t\x02\xd7\xf1~\x1d\x8e\x8f\x0e\x0e\xec\\\x84\xd8\x1a\x1f\xb0\xf6\xf6F\x1d\xf8h\xdf\x95\xc9\xb7oW\xb6\x19\x0fh\x1f\x86\x05\xac\xb3\xe0\xc1\xee\xee\xf5G\x8f\xaf\xaa\xd2\x84\x80\xf7\xea\xcf7\xd1\xa8\x0b\xcd)\xceL\xb5\xb0D;\xc32\x82\xdef\xd0P\xf1t\x86\xa4\xf8\xc8,\xe4-H\x10\xa9FR\xc7\x87\xe2\x99\x0c\x89-m\xd7W\xeaz\x8c\x84\x9c\xcbHS\xa81\xd2\xd5\xed\\~\xb0\xa0\xc6\x8c\xb8\xa5\xe6\x17~\xff\xe7\xc9\xb0\xb5\x85\x05\xe7N\xd8C\t\x18\x18!\x8c\xe2L;\xafM\xc7C\x11\x87\tR\xbd%\x89\xebBq\x90\rZ\x1a\xa2\xaf\xac\xb8\x04\xc0\xd2\x18\x04\xc5\x89&amp;e]\xaf\x7fzq\xeb\xbc*\xad\xa4V\x9b\xf9\xceo\xd7[\xb3\xfb\x13,\x0fi\xb7\x93\x98}h\x88.\xcfx\x13U\x99\x15\xe7\xf3\xa4\xdf\x81[~\xf8\xc1b\xc2\xc1~\x1e\xa6\xd6|=\xb7\xb8\xbcV\xf6\x06\xc2\x94\x0f4\xb4\xecl\xd9j\xf7\xe1\xb9\x93\xeb\x01\xea4\xe5\xef&lt;Zl\xbf\xe0tv\x81\xc5\xa6h\xd1N\xda\xe3dxd\xcc{\xb8\xbc\x08n\xf9\\\xaby\xf2\x19\x9d\xd18x\xf1\xa2\xd5B\xe8|\xe0\xb5\x83\xdd\xf5\xee\xc5\xe5\xfb?\x1d\x8e\xe4O\xb0\x82\xed\x97\x9c\xc1\x91/w\xfe;\xc6Ugh\xf7\xf0\xc9\xd9K^\xda{\xa1\xeb\xc6\r\'-\xb2p\x02\xc7\xb5#\x97\x9b\xf7\xd7nv\xdf\\;Z\xa1\x04{\xc6G\x8c\xba\x1b\x16w/\xae\xf7\xfb)\xdb\xe6\xf1\xf5\x8e\xb5\xe5\xdd\xbd\x031C\x86x^(\xce]rz\xe9\xfc\xbb\x85\xb6N\xf5Z\xbam\xbf\xae\xb5O\x81\x9c\x83\x13\xf7\xd2\x18-3&lt;\xc6\x90a\xad\xb9~\xbc\xbc\x08\x15\xc3\x87\xb7,\xbbD\x16\xfc\x91R\xa9\xc4q\x0e\x9dN#\xe4&amp;\x0f\xae\xdfX|r|d \x0b\x18\xef\xf7k\x8as\xce\xa0d\xcf\xec\xaby\x0f\x08j\xc5gw\xd7\xb4\x97\xc5p\xc0yaL\x921\xbfA#0v\x8fPo\xce\x8cy?o\xd5]\x8a\x0bj\xc5\x8dR,\x06oL\xcf\xb0B\xae.\x0fI\xdb\x07\xb6\x02(2\x8d\xc1`(\xcexi;\x95\xf9\xabM\xc5I\'\x9a&amp;\xde~\xd0\x9c\xc7\xf8p`,\xa8\xc8\x18\xe8w\xe0"}\xb9z\x8der\xb9%q\xc8\x1c/\x84\xb2P\xfd\xc48.\xc6{\xcca\xc1\x86\x13+[\xc3:\x01\xd2-\x14\x91\x9a%\xc9L\xc1\x16\xfd\xab\xed\xbc\x9aT\xf0~\xfd&lt;_\x88`Z\xafWqQ~(\x04\xa1\xb4\xc1\xf49\xbd\xcef`D\xad6])l\x94\x10\x16p9x2\x9d\xaedq\x90\xf4\x1aH\x0eP\xcebX\xb3Jq\x16[\x05a\xa9\xe8D\x14^\x07\xf3~\x827\x07\x02U\x17\xe9\x03s\xe9\r&gt;0\x04\x08\xbdL\xde\x1c\xb6\x17\x10V\x0c\xb0P|\x99\x8cH3\xfbQu\xad1\xe8u:\xbf\x06[*\xfag\xad\xc3\xa4\xbaX\xad\t\xfaA\xde\x86W\xf24-\xb3\xa4OO\xd8\x1c\x0e\xb4\x9e\x8fBm\x9aB\xa1R\x81\xd0\xe2\x92I\x84U\x8aAb\x85c\x91\x88"\xe5j$N\xb0\x08\x8e#2\x1f\xd5\xbd\xf9\x86\xca\xb2\x83\x8c&gt;\x941\xd3\x92\x8b\xa5|p8\x0f\xc3\xb28\xd4\x11\xa1l\xc4\x01\xb6\xe1\xb3\x1b1\xb7\xa5\x91D\xe55\x07U\xa3\xc5\xd8\xd3k"p\x13\x9c\xd9\xa3\xb8N\xb3T\xacs%]z_\xdd[\x07(u}\x8eS\x99\xb8\x0b\xb0\x98\x02\xaf#\x86\x87\x81\nN\xe9\x18\x97\xb4\x80A\xf8l\xb64\xdb\xb0\xf6[\xddI \x8b\x1a{\xa0\x08\xb2\xf4\x9ap\x1c7\x99L\x84M_+\xd6\xb2\x05&gt;\xfd\xe9\xaa\xda#\xf4\xdf\x9b\x99L\x9e*J\x92\xcc@\xc8\x13\xc3\x04\x0ent\x98&amp;\xe0\x18t\xf8)\x94\x1e\xdc\xfd\xfd;\xfd\xee\xa4\xc3\x17\x8a\xe0\xe0\xc6Tj\x10\xaal\x04G8t\xb5\xa2+\x93\xf1\xa5\x8fn\xa9\x8d\xf5\xb2\x99N\xcf\xc7YE\xaa\xb2\x98\xce\x06\x82\x06?Y\xdb\xca\xf1|\xa8P\x89\x87b\x8d\x9d\x1d\xc0\xe26\x001\x82sIk\n)\x9d\x81\x94\xb5g\x14w\xd4\x8a\xca|\x06K\x1f\xddV\x1b\xeb\r\xc2J#,\x17\xa6s\xe0(j\xacP\xe8\xf4s\x15*\x14K&amp;K\xa5\xd9\x14\xc8\xc0\x1d\xf7,\xe7n\xcc\xc6p&lt;\x96\xb4\xee \xc1zmp\xa2w\x14\x9c(\xe5)\xf2\x14\xb0\xbe6\xf3\xf6\xfc\xbc(\x05$\xc8[:\x9c0\xf6\xa5\xae\xfd9\xd0\xef\x0e\xc5\xa9\x88{p\xd0\xd2k\x01\xdd\xbc\xb9\xda\xb0L\x0c\xa6\xac\xc0\xc5q\xee\xfe\x9d\xd5\xcd\xcd?S\x13\xc6\xe1\\\xad*\x851{\xfc\xd3\xbf\xdaT\x0fy-\xcb\xe6\x87\xe8\x99\x84\x8b\xca\x82\xfa\xec\xb9\x02\x15a\xaa\xdf\x94\r\x85\xb2\x1b$e L\xd6\x9d\x9d\xf1\x01\xcb\xa8C\x83ecx4\xe9n4\xfaA\xda\x8f[-&amp;"\xb7$I\x8c@\x85\xf6\xcf\xa9\x8d\xf5\xf8x&gt;,`\n\x14Z2\xc5\xeb\xf0(`\r\xa4`\xe7\xcdr\x84-\x94O\xb3\x0c\x16q7\xdc&amp;\xbd\x06\x12l\x85\xeb\xeb\xb3LL\xb8\x1b\xa9\xf1\xd5kV\xb7)\x9ak\x96E\x01\xe3W\xbe\xaa\x9e\xb7~\xdc\xcb{\x18\xc1U\x0e\xce)\xa4\xcf\x1fq\xf4\x0e\xa6R\xa9F\x03\xb5\x8e\x8cp\xca0.\x96\xccf#\x06A\xa3\xe1#\xd1\xbe\xd4d\n\xa4\xeal,\n\x1eu\x9bl\x80%1\x9a\xec\xdet[\xa7\xda\\o\xea\x15;+\'\x90@)\x84|Y\xce\xd2gm\xa0\xe6QO\xcf0a\x13\xec\xae%P0\xbc\x80\t\x82\xcf\x1f\xb5\x0c\x024lA]h\x83s\x83\x8e\xd6\x14\xcb\x92\xcb\xdf\xf7\xef\xb6N\x95\xd3ig\xdb\xc2;\x03\xa4\xad\x99\xb9 \x1d&amp;\xa9P(6k2\xcd&amp;\xdd\x96^\xa31j EZ\x91E;\x8f\xd9].0\x1b\xc6\xb9{\xac\x83Vc\xd4\xe6\xf7\x85J\x1cD\xdba\xd5e \xde\xa1d\xfa\x87\xaa\xc6B\x87\xf5\x07\x83\xa1:\x13\x9c\x93\xc2dK]9p\xce\xed\x86\xc0!\xf4\x989@+\xa26]\x88\xa7=\xc0%\xcb\x98#:\x0c\xae5\x18@\xd8TJ:\rV-3\xb9\xbd\xc7\xaa_,k\xfd\xe1?&gt;m+\x89\xebs \xe6\xe3qP\x0c1\xdc\xd8\x13\xd5\xc1\xd2\xac\xcb\xac\x95\x97\x04\xd4\x9a\xcf\xfa!E)Z\xb3\x9d\x02o2\x00\x18&amp;+\x15\xbf\xc0\x94\x0f\x0f\xf6o\xab\x7fu\xfe\xa4c\xfd\xeb\xde\xee\xee/\xeb\t\xc5c\x87B0\xa4\xc3\x8d\x84\xa0(\x8a\x18\xf60\x8c\xa1&gt;\x1c\x05\xdb\xf5\xf4\xac\xachX\xbb=\xee\xf1\x84\x15\xa5\x9c\xa0\x15\xc6W\xa0\xd8by\xed\xde\x9b\x85\xd3\xb9\x1d\xd8\xd99}\xfb\xe5\xcfw\x97\x13\xb4\xe8AX\x11\xbd\xc1E\xcf\x04\x02"#\x18l\xb9\x9c\xed\xfd\xfb\xf7\xd1\xe1z=\x07\x1a\x195\xdcX\x19\x021 \x1b\xf4&lt;+W\x13\xeb\xbb\xcfo\xff\xd8v:\xf7t\xa7\x17\xee\xbc\xbcw\xb7\x1c\x90\xc4p&amp;^\xe05,\x1d\x0czE\x86\xa2@\xddD\x80\xaa\xf4&gt;\x1a\xb5\xf9*\x95J&amp;\x13\x16\xcd\xda\xc0\x983\xe0\xca\xe9\x05Y\x96\xe6\x16\x7fy\xf0p\xfat\xae\x9e\xb6\x9d;7\xfd\xf8\xc5\xbd\xd7\x81\x806\x9c\xce\x14xL\x99\t\x8ey\xcd\xe6|\xba\xc2\xe7VV\xb6\xb6N~+\xb9\xed%\xd1;66r9\xe0\xf5\xca9\xbd\x8bV\xa4\x99\xf5W\x8f\xde|{[\xeb\xffx\xf1\xdc\x9d\x87\xcf\xef\xaf\'PW&gt;]\xf0i\xe4@p\x0c\x1e\xe9\xf3\xc1\xd1\xa7w\xef\xf6\xf7\xd1oo\xef\xcb\xd1\xf1A30r9\x83\xb1R@\xde\xae)\x01Zz\xfd\xe4\xd5\xbd\x17\xb7N\xe5\xb3\x0c\x94\xeao=~~\xf7u\x82\xa6\xb5\xb2\x07\x14=\x93\x98\xf1zG\x02\xcd\xe3/{\xfb\xcf\x9f?{\xf6\xf1\xe3\xc7\xfd\xbd\x0f[+u=\x13\x8f\x87\x1c\xb8^`\x8b\xb5\xa2(*\xd2\x93\xb5\xfb\xe8\xb3\x8c\xa7\xa7\x11\\O;\xd1W\x1f\xf7\x9f\xa0\xde\xa3\x08X\x1a\x86\xfe\x0f/\xe7\x1e\xd3t\x96\xc5qh L"M\xb7\xd4\x0cMC[K\xd2\xb4\x90\x86\xd2hk\x9b\xb4?\xfa\x9b\x16Z\xabmZ\xfb\x98\xf2HZ,\x91i\x13 \xb2-XZ\xdaNc\x80@\x14]\xe4\xa1S\xc4\xd1\xc9\xa4\x8c\xe9\x8c\xc6\xa8U\x94l|,\x9b\xec,LvF\x97Y\xc4\x01d@Yu\xd5q\xd4h\xb2\xd9s\x7f\x80n2\xd9\x89\xbbK\xb9\xff@Z\xc8\xfd\xf4{N\xef\xbd\xe7\x9es~\xa0\x9b\x94]\xda~r\xec\xce\xe2\xe2\xa3G\xaf\x17\x17\xaf_\xef2\x8a\\\xd5l8J\xd3\x99\x8e\xaa\xe1\xfe\x1e\\I\xc1\xeb\xbe\xbe\xf2\x97\xdf\xdf\x18HI[\x06\xf8|~\xf77_\x9d8\xed\'R+\xbb\xd9\x16%`\xe9\x18V\xd8\x0b\xef\xba\xce\xee\x99\xbdwo\xf6\xdeg\x9f]\x9f\x1bsU\x03\x14\x1d\x0e\xd6Up*\xd5\xb1\xd9\x1e\xff\x81\xd3\xe7\xfep)5m\x19D\xce\xf3\xcb\x0b\xe7\xaeD\xf5\xb0DHa\xc5Tx\xf2*\xe0\x04\xcd\x91I\xaa\xc6\xe6\xe6\xee\x01\xd6\xec\xec\xdc\xe2\x9c\xc8%\xa3\xbb\x98Lf\xd5\xc9\xf6\x1e\\AAb\x9d&gt;q\xe1\xea\xd1\xfc\xd4t\x18\xa0&gt;\x0c\xf0\xf9s\xd1\xa8\xadX\xca\xda\xcdb+\xa4\xd2R\xaeD"q\xb9\xc0\x8as\xb3\xe8D\xb1g\xf6\xceX\x15\xd3\xe1pT\x01\xd6\x99a\xd8\x87\xc0\xf1\xfd\x9f\x7fz\xe1\xea@JJ\xe6\x81\xea\x1apu7_\xfa\xe2@T\x9f\xa7C\xf1\xa1T\xa9`\xc0\xb1\xde\xe5r\xa1\xdc\xa6\xeb\x83\xb3\xf0\x9bD\xc2\xe32\xf9|\xd8\x11\x99U\xed\xfd&amp;\x93\x12\xa8\x0e~zc\xa0;um[\x88+\xff\xfc\x85\xcf\xa3\xf6\x9d{?\xde\xfdq\x85N\xc9V0\xda\t$\tW&amp;\xe3\xf2\xfa{\xfa\x19\x0c._$\x82\xa8\x15\x16~n\xbf\xc9\xa3\x15\xeb\xb1\x13\xa7\x8e\x0ct\xe7\x17\xa4\x88*k\xf9\x92\xe4\x8f\xdf\x1d\xc4\xf4y{a\xa0\x04:l&lt; \x8e\x88\xef\xa2s\x19\n\x8f\xd6\xc4cj\x1a\x1a4\xa2*Pm\xb8\xb4\xc2#\x8e\xda1\xec\xab\xabGW\xb4J\x15WZA\xf7\xf9/\x0e\n1\xbdmgqqq\x9e\xc7\xa4\xe0q$|\x8d\xb1\xd5(\x128$\n\x9d\x94Q\xd5\xd0\xd5\xa0\x01\xb1xJ\x93\xa7\xd8c3\x0b\xb1+\xa7:\xdc)mT\xccZ.\xba&gt; 4\xdba7D\xf7\xb6Z\x0f\xce\xe0ViZ\x81\x05\xc2\x1f:\xc7*1v\xc1\xca\xe5`J\xfa\xc1~\x9e2\xbd\x99\x1c\xfd\xeej\xc1\xda\x17\xa5\xff\x92\xeb\xd4\xd7B\xa1=\xda\xd4d\xd7\xdbl6\xbd\x98\x021\xb6\xc6\xd8\x00\x11\x87q\x8b\xdc%Z\xa6brM~\xbfM+\xb6\x93\xc8\xd1\x1f/\xa5\xa5\xb8\xa9\x93\xc0\xbaq\x02\xc30\xbb\xb9\xd1\x8c\x81f\x98\xdf\xc4\x90I\x98"c\xc3\x1et~\xdfbl0j\xf8\x02\xb0\xa1\x16\xfeF\x8f\x91\xd3\x85\xfe\x9f\x07\xd2R\xddi\x8a&gt;\xf57\xff\xa8\xf3cM\x18*\'\x13\x829\xc5&amp;\x06\x87C\x17\x19\x01\xcb\x88\x82G$\x16\x9dC\xa9#\x93\x85\xe4\xf4L\x84u4\xf5\x9d\x93\xe8\x96\xe4\xaf\x1em\x14\xfb\x1d\xe9\xd0!2\x99\xd4\xd8\x14\xad\xc3K9\x12\xb0#\n\xd1\xbaf\xbb\x8c|\x87\x84\xc7\xc0\xa3\xcb\xed@d{\xdd\xcd\x8eu\xc1:\xff\xf72\\\x1b\x15\xc2\x9chft\xb3\x8d\xf3$\xc0\x05\xd1\x8eqOW\xd7I&amp;\x93GQh1T\xbcO6\xdb\xeb\x8e\xff\xd0\xbc.XG\x00\x0b\x17cfR:\xca\x04\xa5\x9b\xed~\xb1\xa2\x9d\xcb\x908D"c\xd7\x9d;g\xb8\xc3\n\xfc\xb8\x9d\x84\xd2)\x18\x84D\x7f[\'\xac\x81\x1f\xcbp]\x99\r#\xa3,#\xaa\xe6\x01\xbdzz\xf0~\xd8nDp&lt;\x1d\xee9\xae\xfd$JF\xb9\xa7F}\x05\xcb\xd4s\xab{]\xb0\x9a\x7f.\xc6\xa5:\x90\x8bL\x14\xf6o\x00\xae\xa8\xdf/\x86\x98\x8c\xc7mo\xef?^\xe7\xf7\x03\xd5{\xa0\xa5\xd9&amp;U\xe0\x97o\xb9\xd7\x05\xcb}\xb3X\xa7T\x16\xdb\xec\x8dD\x1d\xc2\x8e\r\x99$,\x8a\x81\x13y\xc0\xb8\xa6O`\xbb\x11\x92QV\x93\xd4\xa4\xcf\x93RL\x97\x1f\xe4\xaf\x07\xd65\xf7M\x93N\xca\x92J\xb5\xbb\xcc\xa4\x8c\xe5\xea\x06\x12\xac\x06v?\x1c\xa1\xeb\xfcv!\x19\xa5\xac222\x1b\xed\xe22\x85\xc2s\xf9\xc1:4\x0b\xa3@\xe3\x07\x1c\xb0\xd8\x14\x88\x12\xb1\xf4\xd5z \xf8V\na\x95\xc5\x88\xc4#\xd1\x1aq\x08\x13W\xb0\x14&amp;\xedz`e}\x0fS\xdc\xc2u@E\xc1a\xf9"\xbd\xb7\xda\xb4\x95\xb9\xdc\xcf\xb3\xd2\x07\x0b\xeen\xb6))l%n\xfa\xd3O)\xc6"v\xdb\x82\xb4\xee\x9bH-8v\x9a\xb4z\x8c\x94\x91\xb1#cC\x06\xd2h\xb9\x197\x93h&gt;%\xc3\xd6Sf\xb1(\xc1\xe5\x87\x1f\xb8\xbfO\x19\xd7\xea\xc3\x01 \x88}rF\x87\xd2\xaf\x14F)\xae\xb5\xd9\x9b\xd2wlX\xee\xf8A\x19v"\x9f\x9dI2\xdb!\xc6e\xa9-,6\x1b\xef_&lt;\x92VP\x90\x92\x9e\xdc\xb7\xdd\x85\xeeW3\x8f\'p\x84\xc5\xe01JK\xa5\x1563Q\xb7\x89\x06\xa8\x86\xfa\x013\xd3\xc9\xf6&lt;0\xb3\xc5jaS\x00\xeb\xee\xb3k+a\xf9Z_\xd8\xac\\\xe3u\x8c/M?\x0e&amp;\x86\x94p\x90\xb7Xy&lt;\x1e\x97Q\xaa\xdc\xa9\xdf\x85V0\xe4M\xf0\x13\xb5Y\xc3~TA\x81\xfd\x9b\xc3PXXx\xff\xc4\xe3\'\xe3\xe3\xaf\xba\xd7\xbc\rp\xe5\xf1\x01\xee\x17\x8f\xceN\x06C\xa3\x89!\x16\x0biA\xe4\xc9\x18\xa5\x14i\xdeNX\xf2\x1b\x1b\xe1 \xa3\xb7\xa3\xaa\xf9&amp;\x88\xd8\xac\x10)\xca\x18R\xa5\x14\xef/\x1fy&gt;996\xd3\xb1\x96\\o\x1e\xddQ0\xfer2\x197\x04\x83\xc1\xc4}6\xbb\xbc\xdcb\xe5pQ\x85)C\r.\xa4\xcb\xd3\xc3\xa1P\x9cWV\xac\xc7\xec\xd8.\xb1\x92"s\xb9\x982\x0e\xa5\x02"\xb2\xa1\x91\xde\xde\xc4\xd4\xfc\xcb\xb5\xe3\xcaZ\xa1\x02\xa8\xe9\xc7^o\xd8\x0bT!\xc0*\xb7\xa8\xd5V\x08[%L\t\x97c\xb5ZX\xd2\x8a\xbd\x9d\x9d\x14\x8a\xa5T\x97W&amp;\xfem\x9e\x92\xc7\xacr\x81\\\x1c5\xc5B\x99\x00\xac\xdeD\xf8\xf9\xcc\x1a\xd9q\x95)-\x7f|\xe6\xdeH8&gt;5\x950\x18B\x80\xc5*W[\xad\x1c\x94ca\xd2%\\\x9e\xda\xd2\xc9\x1a*\xaf\xae\x01\x0c\x9e\xa5S\xcd\xae\xd0\xc1A\xda!\x10\xd0U5\x9c}+X\xc18\xf5\xdbg\xf9kpz~\xf3\xe5\xeb^\x9a^\x18\x89\'\x93\xc9\xa9\xa9\x98\x17\xb0\xbc\xf7w\x97\xab\xf7\x11P.\x17J\x94Y\xf7\xa9\xcb;\xd52\x15]VmE\x85\xc4\xfb8t\x80r8\x04*xOM\x99\x08\xd2h\xbd\xc1\xa9d\xf0\xf9\xb3\xe67_\xea\xac\xffS\xa8\xe6\xa5\x87\xcf\x83\x00\x15\x0b\x14\x85\xe2^/\xe2\x8a\x0fY\xd0\x8d\x0c\xc4\xd0.\x81\x80\xb0U\xb5\xba\xbc|_MMM5G&amp;\xabQ\xa9\x04r`\x022\x02kh\x9e\xd6\x8b\xb0\xa6\x92\xe1\x91\xd7K\xddY+\x17\xd7\xff\x03\xd8\x9b\xd2\x0e\xf7\x91\x9f^O\x86\x93\xc9\xb0!{\xd0\xe7+\x8a!,\x18\xf7;az:\x9aX\xc0\xe7\xcb\x05+\\\x17\x0f\x1f\xae\x06&amp;\x15] \xe7\xcb\xe5\xf0\x9e\xa3EU]\xad\x9e0\xd0\x90Z\xc9\xb0\xd7\x1b\xf3N\xbe|\xd1\xe1^\xbdR\xcf\xfa\xef\x97\x03\xf8\x17\xf7\xed\x17\xd3cO\x93\xf1phc\xdb\xa0/R\xe4\x0c\'c\x06\x02+1a\xa5\xc3\xe4r\x90\x04\x00\xe4`I\xb0\xdcET\x08\xa1\xa2\xd3[\xea\xe5\x9bE\x9b\xe5h\xd4\xabj\xac\xe5\x89\x00\x8dJ\xa3\x19\xe2\x1b#m\xa3Agprn\xfa\xc5m\xf7[\'y\x07\xd5\xd0\xd5\xda*T\xf3?\xa7\xe7&amp;\x91\xedj\x07\x0b\x0b}m\x81\x18\xf2\xaeX\xc8@\x8c\xf9\x8b2D\xc4\x87!Gt\xf4\x1a\x19\xaaJoi\xa9\xaf\x17\x08\x88z]\xf4\x0eXQ\xa5\x9ew\xd2\x02T\xdah8\x19\x8a\x1c\x8b\x8c\x8e\xe6\xe48\x13\x04Y\xfe\xbb\x82e\xbd\x15*\xeb\xf6\x8bG\xa0S\x8c\xda\xe6+)\xf4E\xb2\r\xe1x\x1c\x9c\xcb\t\x8ee@d\xc1\xa7\xd5t\x87\\N\\\x82\xa0\xf9[T\xaa\x1aU=1\x04\xa8\xb8\x19\xbd.G\x86\xa4_\xf4\x82\t\xa9\xbd\xa3SSqo\xed\xb16\xafw\xff\x9fkA\xf6\xa7s3\xe3\x1di\xef`\xcd\x7f{\xe4\xd1\xed\xf1g\xaf\'\r\xd4\xda\x88\xcf\x87l\x17\x0b\xc7\xc31gQ\xa4p\x9b/\xe0t:\x81\xcc\xe0\x0c\x1e\x06,\x11\x1a\x08\x0eq\xd5\xa0\x8a\xf9\xfa\x0f\xe4\xa8\xae\xd9\xa8\xd1\x10V\x14\xd0\xabGh\xc8\x84\xe0\xf1qC\xcc\x9b\xe3\xab5\x84\x83\xfb\xfb\xfar\x02\xb1\xc4\xe4\xeb\'\xe3\xb7\xf3\xd3~]\xb17P\x1dK3\x0f\x17\xf6\x17\xb5\x01Q[v\x00\xc9\x146\x04\x8a"\xbe\xc2\x92\x92\xca\xc2\x1c\'\r\xb0B\x06g`\xe40_\xa4\x81!"\x9cHP\xdf\x82\x94Z\xa9N7\xb6\xb6\xa2\x8ak\xbe\xdcA\x7f:J%\x86!V;X\x1b2\xe4\xf8"\xb4X\xd8;\nd}\xd9\x81\xe7\x0b\x0fg\xc6\x7f\rl\xd5\xa3`\xdd|\xb8\xd0\x17\x01\x07\xcfv\x1ab\x04\x923\xbbm\xb0\xb0\xe4\xfd\xdc\xca\xc2\xc2\x92\xc2\x08|\xf2\x00\x12,\xe0|\xca\xd4\xb4\xb6\xb6\xa2R\xe1e*\xa2\x06\x1cU\x11o\xd9\xfe\xe1\x87\xad \x18\xb2\xef\xdd\x11\x1au\xe3F*\x95\x16**\xdcZ9H5P}\xc7"To8\xe1\x1d\xedEh}\xdf.\xcc\xbc\xca\xfaO`+\xeb\x81{\xe9\xe5\xc2~X\x08"\xd9A \x8a\xc7B\x1b\xc1\xddKrs\xb7m\xcb\xcd\xad,\x01\xacJ_\x91\x13\xb8\x02\xce\x90\x936rQD`\x195[6#*\x84\x84\xa4\xda\x8e\xb0\x8c\xc8\x8e\x1a\rw\x1e\xbc\x1d\x89\x15\x08\x0cVn\xdd\xba\xd5G\x8d\x19\xfa\x8e\x1d\xf3\xb5\xd1\xbc0A\xc2\x9b\x18\t\x1aF\x1eO\x8f\x17\xac\xees\xbf\xf0\xaae(\xc0\xf0\xe5\x8c\xc6\xc0\x95\xb2\xdb\x90\xddr7m\xda\xf4\x9b\xf7\xb7\x95\x94\x00\x14Pm-\x89\x00\x16m\x94\xe6\x04c\xceK\x1a\x1a\x1aZ\x91.\x1f\xc9\xc1~\x1fm\x01\xaa\xed\xffj\xd2|B\x1c\xb7\xee8&gt;\xf0\x0e\x05!\x84$\xeb\x0f\x8a\x0eQ#\x15\x12\x19\t\xaa\x04L\xa5\x82\x0b\r\x0c\xea\xc0\xcc\xa5e\x08\x02\xadoJQ`u\xb0\xa1\xd4^\x8f{\xb0S:\x9e[\xc7\xa50v\x0f)\xcce\xe6P\xf7T\x06f09;C\xc8\xa5\x0bY\xe8a\x0f\xd9\xc2B\x02\xa1t\xc3.\x9b\xef\xefI\xb3\x9b\x1f\x1e\x8f\xe7\xd9\x96&gt;\xef\xfb\xfb\xbe\xdf\xef1\xbc\xbd\xbd\x07{\xc0"\xb9\x1e&lt;\xf8\xf8\xc9&gt;)\x85\xe8\x15~\xa7\x03\xb0\x95xv\xd6\x9a\xac:\xd9`\xa2\xc2\x0e\xfb}4\xd9\xb3\xab\xaf\xff\xff\xcd\x97\xbc\xca~\xfa\x1a\x8cC=\xdc\xf9\xedg\x8f\x90\xbd\xc9\x02\xf38\xeb\xa9\x83n*G\x91l\x9a\x89\x81\x80^\x84\x95\x9a\xa9\xb0Q\xa88B\xb1Vkt\xfbv\xcdE\'D\xea\x04~\xf8\xe1\x1e\xc4\xda;&lt;8\xc0\xf8\xfd\x7f\xfc\xed\x92\x94"\xaa\xe1\xa0Ca\xca\xddb|t\xb4\x7f\xba\xd8\xaex\x0c&amp;\x93\xedv\xa1^\xff\xfb\xabG\x9f\xbd\xb5\xf3\x83N^\xe7\xefG_\xfe\x07P\x8b\xd3\xfe\xd1\xd1X\x9c\xf8\x1d\xd3\xb4\x13Y6x\xfa@\x95P\x12\xb3\x94UU5\x1b\xf78\x17\xd6\xd7\xe5\x07\xc4\xc5O\x7f\xef\x11[}b\x1eq\xf8\x11\x86\x8f?\xf9\xd5cE\xe3X\xca~\x98av\x9d\x8e!\x1b\x19J \xeerT\x9b\xebDD\x17?\xd9\xae`\x9b\xaf\x1f\xfd\xf5\x9d\xc6\xe3\x0f\xeb\x8d\xec\xa7\x7f|\xf6\xf4d\xa6\x8e\xce\xce\xfa\xbdb`\xca\x06\xe7\x91\xc1EX\x08 \x9a)\x13\\`U\xc5xXc)\xd7\xb7\xef\xbf}\xff\xf8\xf8\x80\x0e\xa4#ot6\xfd\x90?\x0e\xa0\xd6\xf1\'\xbfx\xd2\xd3\x100\xd7uo)\xa4\xb8\x1a\xc7\xca\xb2\xcej\xa2\xf6\x08\xed\xe8\xe8\xf2\x12\x8f\xcb\xd1\xe9v\xb5\x15G_5\xa9|\xc8]FP/Bmt\xb6\xdfB\xf1L\x1c\xcf\x80@)K\r\x92K2\tO\x96\x13I\xb0\\\xc1\xaa*\xb7\xd2z\r\x96ru\xfb\x9b\x9f\xde?\xfe\xe8\x80\x0e\xa5\xd3\x01]\x1eth\xfe\xf0\xf0\xfe\xee_\x9e\xf45\xad\xe6\xda/,\x97I\x01\xaeg\x18\x99\x9fyQ\x19ypW!BJE,\nq\xd4\xbf^l\xb7\'\xff{\xfaMS\xfc\xb1E\xf8\xef\xcb\x17b\xaf\xcf\x99R3I\xc0bp,S\x86\xdd!\x94\xe3$\x81\xc4\x04\n\x88\xe5Z\xb3\xe1\xb0\xc1\xba~\xfc\xa7\x9f\xedr\xa6\xfaH:\xfd\xe6X\x07\x87\xbbo\xfc\xeeRk\xb0\xc6\xc3\x8d\xc0R[\xd2m\xd93\xba~&amp;\xcb^\xb4FD\xc6\n\xeb{\xe0w\x8c\x95:\xea\x8fN\xe0\xb2\x17O\xbf\xfd\x8e\xffk\xe0\xadg\xcf}\xb5\xdf\xd7\x06\xa9L\xd6\xe6fB\xd8\x8c\xa5\x89S\x96\x8e\x93\'\x92\x1e3&amp;0\x8ee\t\xeeFl)\r\xd7\xe8\xf6\x83_\xbe\x0b+q\xac\xbf\xf3\x13\xf3\x075\xd5O\xfe\xf0X\x115\x11PZk&lt;s]p\x99\xcce\x89\x87\xf5\x08,\x08V\x96\x91aD\x1e\xd6R\xe6\xb5oV\x8b\xeb~\x1f+a\xf1\xc5\xf3o\xb1\xb9\xdeyv\x83r\xa2.\x8d\x88;\xdc\xb69\x17\xb2\x16HP\xeb\xdc\t0I]\x92\xb8Z\x0c\xde\x12\xe2\x98M\x94\x05Sp\xdc\x00\x00\x04\xceIDAT\xbb,*W\xffz\xff\x8e\xab&gt;\x02^\xe7p\xef\xde\x9b\xb7\xd7\xa2HR)JO\xd9\x08\xae \xb8\x98\x9a\xe5&amp;d0\x8e\x15\xc1f\x86\xd7\xf1+?\xf5\xda\x88\xce\x96\xe7re\xdc\xbc\xfc\xee\x9d\x9d\xe7\x19-\x10\xc7\x93y%\xb0\xd3.aEN\x1e\xd8\t\x84\nj\xa8\x06\x0bj\t\xf8\xd3\nI.\xa2\xd2\xc0\xf5\xe3\x9f\xef&gt;8\xa8sGZq\xdf\xdf\xfb\xf5\xedH\x13\x89\x8b\xb0\n\x97\xa6d\t\x9cK\'WD\x1e\xaaO\xd65=/\xab\x80exmJ\xab\xb7Z\x9c.n\x10/\x9f\xed\xdc\x00\x8bL$S\x852\xa5\xb4\x0b\x91\xa2D\x9f\xbb\xb1\x1d$A\x00\xb58\x15e\x91c1pm\xc4\xba\xd1A\x8d\xd3\xab?\xff\xfe\x9f{\x9f\x7f~\xf8\xde\xbbT\xd6\xdf\xdbEG\xda\xbd\xf7\xc6\xed\xd5\x1d\x15\x1eKx\xa0\xc1r\xc1%\xc3\xf0\x91\'\xe3N^dP\xef\xe0X\x14Q\xfb\xe6\xa6\x8d\x1f\xf3\xf9\x0e\x1a\xb0\xc1\xd7\x1a\xe4\x92\x81e\xe2[v\x1c[\xd6\\\xb2\x83;,\xc6\xa3\xdb`\xd9\xd2\x8c[\x99\xb0D\xedtBuq\xbb\xdd~\xf1*^\\q\xad\xb8\xb34q\xe6J1aA3`\tB,\x97\x9eg\x10UY\x1a~\x8d\x05\xf5:\xa9\xe9\xad\xa7\xd3v\xdb\x83^;\x186d\x12\x16M&amp;A\x12eH\x15KT\x0e\x18\x03\x97\ro\xf1\x14\x12\x17a\xe1O;\xa9\x8az\x91\xe1\xce\xa2\xba\xb1\xf3&lt;\x08r\x8a\xf3:\x84B\x14k,|bV\xcd%\x9dt\xe2\\\xd0l\x1e\x07X\x91f\x12\x95\xeb\x88\xfa\x7f\x8d\xe5e\xa9\x0c$rY\xbb\xc62\xe5\xc4\x89"\xc7\xc0o\xf0I\xae\x0b\x10\xc8e\t\x1c\x0br\xe9L\xa8\xf5\xb2\xa0V\xac\xdbI\xb0Q\x9b\xdb\xe2\xbea1\x9b\xcd&amp;\xcb\xe5fP\xf9&lt;\x06\xb30\x0ck\xb0P\x9dY\xb0\x83\xfd\n\x0bK\x92\xcd]\x9ap\xee\x94\xeb2\xf3\x19QE\x11\xd2\x89\x9cz5V\xbb\r,\x9f\xb0P\nL\xd3\xc1G\xa5X\x17\xdcX\x8f\xdd\x06KB\xcetBJ\xb9\\\x16c\xc0J\xd8\xe4\xee\xc6\x80\x1b\x0e)\xa3\xc3!\x19i\xa8h\xc3\xb1"\xaa*\x7f[\r\x8b\xca\x8e\xf5\x00X\x98&amp;\x95\tP\xe1\xfat\x83y\x8c\xfe\xd6\xb5\x84\x14+\x0c\xc5\xa2\xe3\x9b\x80kS\x16\t\x0b\x9e3\xf3&lt;"\xac\xc4qJ9p\x12&amp;\xd0\xb7\x80%\xf1$\xda\xbcn1,I\xba8c\xb1\x84\xb5`\xcdT\x08V\xa3i\x8aZ\x14\x85\xaa\x16`\x81\xd9\xc6=P5X\xc5&amp;\x08p{\x9b\xc4\xb2\x84yLn\xc0rrie\xba\xae[m6\x9b\x8a\xc9Q;\x8aR\xbf\x13E\xe5\x94\xe2\x0eK\xce\xb9Z\xf2y)KN$\'\xb6^c\xd5I$\xb5b\x9d\x07\xb0x\x161^\x11\x04\xbfwH\\\xc8\xe3\xac\xa0P\x87\xadP\r\x81\x85wCui\xe7\x81\x9e\xa0s\xb9\x9c\nX1aY\x14\x90nY,7\x1b!\xe1\xd6\xf2\x8d(\xba\xa3\x02V\xd7\xe7\xc9+e\x13O\x92\xe9$\x86\x9c\xa3\\5j\x05\xb5\xb7\x18\xc3\x13^\x90e\x85\xb9.\x05y\xb0$E\xf8\xcdCQi\x91^\xc5\x02\xed\xad\x07\xadB\xfe\x16$\x03\x95\x13H\xe8\x13P\xc6\x05U,\x80\r9$*tI\xb6,f\x1b\x8b%T_\x81\x815\xb0~\xa5\x16\xfe&gt;w\x08+9/\x1d\x1b\r\x10\xb6\xcfm\xc2\x8a\xed\xa6@@-\xe4\xb0)\xf6\xb0,\xb9\xdea\x94F\x08\xc3\x19ZC$\x0eR\x89\xbd\xb1\x86!B\xc5\xf8D\xca\x9d\\\x02\x16\x15\xe3\x98\xb0\xe2;\xac\xcar\xa5@Z\x16\x93\n\x1d\xc9\x91\xa1V\xb7\xe3\x95\xeb\xe9\xc5+\xb5\xba)\x9a\x0c\xb0\x90\xc3 ?w\xa8Xp,7~\xad\x96N\x0f\xb8\x8cc\xe1\x15\xa1\x0f`\'\x95\x94A\x88\xbd!\x92\x19j\xbd}\x85\x0f\x86\xb4\x08\'z\xee\x9c\xe7\x12w\xab@:\xc5\x98\x1f\xc8\xea\x1c\xb2 I\x97\xb3eE[\x1el9;\xdd\xcc[_ \x08kJX]\xa7&lt;G3\xc8K\'!\xd1\xa8\xe6\x07X\x8a.&lt;\x94$\xe0\x82P\x8c\x8a*lF\xc5\x1e\x98\x01\xa8r{\xa2\xbe\x0e\xad\x87\xe5(6T\xbcz\x883\x86\xe9b\x86IN_\x9b\x03\x0bs\x83I\xa1\x96K\xd5:\xc9\xd3\ra\xd9\x1c\xcb\xccj\xaci\x8d\xc5|_\xa02\xe8$\xf9y\x9e\xaf\xcb\xc4\xce\xc1\x15\xc0\x97\x82n\xdb\xbc\x9c6Ad\xb8\xa6\x00\xd1\xea\xe2i\x15\\,\xaeW8\x1c\x0f\x1b\xadx\xd1\n\xc3\xc2\xa7\xca\x8a\xe6\x9a\xe7p&lt;\xa4\x9aS\x16\xf14\xe7b\x91C\xf4\xcdrS\tA\xce\xb1\xb0M_\xaf/\xd6%J\xeat\xba\xd3Ye\xd9\rI\x17M\xdbF\xb4\xbe\xa8+\x9a\x87=N\xd6A\xf5\xe5{\xdd&amp;\xf8k&gt;\xea\xb5#4\xd7h\xb58y\x1d\xf4?\xac\xd3\x1f\x0c\xach\xee\xeb)&gt;\x8b\xcd\x0c\xed\x07\xea\x8b`w\x9a!A\x18\xf1\xb0}\x18\x0ch[\x03y\xa6\xd8\xc8L)\x87\x17\xed6\x9e\xbe\x07\xe4lM\x19~\x04\xc2\xac\x00\x00\x00\x00IEND\xaeB`\x82'</t>
        </is>
      </c>
      <c r="M26" s="3" t="n">
        <v>45492.67680555556</v>
      </c>
    </row>
    <row r="27">
      <c r="A27" t="n">
        <v>39656</v>
      </c>
      <c r="B27" t="n">
        <v>1977</v>
      </c>
      <c r="C27" t="inlineStr">
        <is>
          <t>Alan Kardec</t>
        </is>
      </c>
      <c r="D27" t="inlineStr">
        <is>
          <t>Alan Kardec</t>
        </is>
      </c>
      <c r="E27" t="inlineStr">
        <is>
          <t>CA</t>
        </is>
      </c>
      <c r="F27" t="inlineStr">
        <is>
          <t>ATA</t>
        </is>
      </c>
      <c r="G27" t="inlineStr">
        <is>
          <t>CA</t>
        </is>
      </c>
      <c r="H27" t="n">
        <v>185</v>
      </c>
      <c r="I27" t="n">
        <v>14</v>
      </c>
      <c r="J27" s="2" t="n">
        <v>32519</v>
      </c>
      <c r="K27" t="inlineStr">
        <is>
          <t>Right</t>
        </is>
      </c>
      <c r="L2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2f2b986-7242-44ed-bf70-eeb6d03a9e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fe@\x1d\x00\x00\x02\xfaPLTE\xfe\xfe\xfe\x0c\x0f\x16\x11\x16 \xfa\xfa\xfb\x07\x06\t\xfc\xfb\xfb\t\t\r\xff\xff\xff\xfd\xfd\xfc\xfc\xfc\xfd\x0f\x17"\x0f\x14\x1d\x13\x18#\x0e\x0b\r\x11\x19%\r\x12\x1a\t\r\x13\xf7\xf8\xf9\x04\x04\x06\xfd\xfe\xfd\xfe\xfd\xfd\xf9\xfc\xfd\x0e\x15 \xc7\x97\x85\xd2\xa5\x91\xd5\xa8\x93\xd9\xae\x9b\xf2\xf8\xfd\xf6\xfa\xfd\x15\x0f\x0f\xf5\xf5\xf5\xfe\xff\xff\xcc\x9b\x88\xe2\xa0\x84\xee\xf5\xfc\xe5\xa5\x8a\xe2\xa1\x8c\xbe\x81i\xd9\xa5\x8d\xe6\xa7\x90\xc0\x93\x84\xd0\xa2\x8e\xea\xf2\xfc\xc6\x93\x81\x97R=\xbf\x8c{\xe6\xef\xfb\xfd\xfe\xff\x15\x1d)\xdd\xb3\xa0\xc7\x8ex\x8dN9\xd3\xab\x99ra`\xd9\xab\x97\xc3\x87n\xc7\x9d\x89\xdb\x98{\xc3\x90}\xf0\xf2\xf4\xdd\xa6\x92\xd5\x8e|\xbf\x8f\x80\xb9}h\xd1\x8dv\xe1\xae\x97\xcc\x9e\x8b\xe9\xad\x96\xe6\xe7\xea\xb9wc\xe3\xec\xf8\xd5\xa2\x8a\xe3\xa9\x93HLU\xe3\xb6\x9f\xcf\x98\x81\xabeM\x9eYB\xaepZ5)*\xbb\x81o\xcb\x94{\xeb\xeb\xed\xc7{g\xbc\x87t\xc8\x84i \x1a\x1e$*5\xd2\x9e\x8b\xcb\xa2\x8f\x19\x15\x17\x85ml\xb3p]\xd5\x9e\x84\xd7\x93u\xb6\x8a~\xb2gL\xa4^E\xdd\xac\x93\x9f\x81z\xb3\x80r\xd0\x86q\xc1yc\xdf\xe8\xf6\xdd\x9c\x80\xc2\x80p\xda\xe5\xf3kF&gt;\xadjT&amp;"%\xaabH\xc2\x99\x87\xe3\xb3\x9a\xcc\x83o\xd5\x95}\xda\xaa\x90\xdc\x99\x84!\x13\x12\xe8\xba\xa3\xef\xef\xf1\xb2vd\xb7\x8f\x82\xc2\x8au\xdd\x9e\x88\xb2{izhg\xbctX\x9f`K\x92VBV=&lt;\xc7}_\xc6\x87t@DM\xd6\x8dp\xb5mS`GD*\x1b\x19\xec\xb4\x9dL31\xe2\xb7\xa6\xc2xZh\\^4\x1f\x1ctNGc&gt;6\xcd\x8dp\xd7\x94\x83\xbboS\xa4hW\xd7\xe0\xedbST\x8ewusWQ\xab\x7fr\xa2zp\xa2la\xa6\x85|\xe8\xbe\xaa\xae\x85|\xcc\xa6\x99:24\x8dkc\x80ULX6.\xd0\xd8\xe4A+\'\x97rir&gt;/\x86H7\xe7\xae\x9f\x98h]UKM\xd1\x87i\xdd\xdc\xdfz\x82\x8f\x99[R\xabvk\xcc\x81c\xad\x8c\x80P+!\xaf\xb5\xc1\xabqb\x97zr\xbc\xc3\xcfIBEqqv\xd3\x8d\x89\xd6\xd7\xdb\x9fdT\xa7`S\xa1\xaa\xb5C8&lt;\x90[N\xdf\xe1\xe5\xcf\x88{\xba\xbc\xc4&lt;!\x1b\x8fql\x80N?\x97\x98\x9e\x85_U\xa2rf\x81farx\x83NT_\x8ebZcjv[_h\xc8\xc4\xc7\xd2\xcf\xd2\xb7\x84{\x88\x8b\x92\x98\x9f\xa9\xb8\x95\x89\xaai]\xac\x91\x8d\xcf\xb9\xb6\x8dQIWRV\xdc\x93\x91\xe1\xa3\x9927A\x8c\x92\x9c\xc7\xd0\xdc{E7e4\'\xca\x8b\x86\xc2\xa0\x95\xc0p_\xc6\xcb\xd3|a\\\xeb\x92\x9d\xef\xb5\xa9\xac\xa3\xa6\xb0\xaf\xb3\xdf\xd3\xd3hfl\xc0\xb5\xb5\xcd\xad\xa7\x84\x81\x86\xc1\x98\x8e\xc5\x84\x7f\x9d\x86\x88\xd8\xc3\xc2\xe8\xe0\xe0\xcbpz\xc1\xaa\xa6\xf2\xbf\xb4\xeb\xa1\xa6\xadS]\xbaYj\xf8\xc7\xbe\xc2es\xdd|\x88\x1e\xc4\x1a\xf8\x00\x00 \x00IDATx\xda\xbc\x98\xffO\x1b\xf7\x19\xc7\x8d\xceg\xee~8\x8d\x83H\xdb*\x9d)\x82\x94\x1fJ\x15\xa5\x8e\xdaYh\x03\rGKV\x835R_\x96\x13\xb5\xf0\x12\x10\x93\xbf\xacAqaJj\x1bO\x18\xd7r\x1d3P\x945\x93\xe2\x82\x1c\x9b\x10\x942F\x14\x04\xd1\x88\xe2\x195\xd3\x14P\x96FCJ\x04JW\x15\xc4D\xd5\xbf`\xef\xe7s\xa6\xc9\x8f\x84\x99&gt;\x98;\xdb\x1c\xf1+\xef\xe7\xfd|9\x0c\xe5{\x08C\xb9\xa1\x18\xe5\xf4L\x14E\x99\xc3\xf1\x90A\xe4x\x83\xe1\x10\xe2\x85K\xcb\xf7\xf6\t/u5\x81\xe0S\x19\x11=\x04A\x10\x05\xde\xdc\xd7n\xb3\xb5#\xfa\xcc2\x18\x8b?\xd5\xb9\r\xdf\x0f\xd6\x0bq@\xe09\x91\xef\xbb\xfb\x9f\x8d\xa5\x87s\x0f\xb6\xb6\xb6\xe6\x1en,O\xd9d\x81\xe7\x05\xe2\x15\x05\xe1{\xc3\xd2\xd1D\x88\x84\x94q\xe6\xa9\xbfn\xaf\xa6}\x9ab\xaa4\x1a+M\x9a/}|ns\xbeQ\xe6x\x81/b\x19\x0c\xfb\x8e\xf5\x9d\xabH\x0b\x8ek\xbf\xb7\xbd\xea\xd3LF\x84\xc9dbG\xa3I\xf2\x1d\xdf\xbeg\x93e\x0eW\xf0\xc2\x1e\xdd\xb57\xb5\x90&amp;^n_\xdeNK&amp;\x9d\x87\xb4\xaa\xac4\x99\xf4\x97e\x8e\xadM\x9b\xd9\xcc\xeb6\xdb\x8b\\/\xf7+\x87t(P\xc9\xe6\xe59\x87D\xf2\x00\x89\x1d*q\x96\xca\xe8\r\x132\xea\x9b[i\x94y\x81\xf2\xb8\x17\xb0\x97\xfa\x05\xbd\x04\xa1\x95l\x9ez\xf8\xa4B\xcf\x1ba\x91F\x95\xec\\A\xaa\xd1\xbb\xd2\xf1\x8dv\x8e\x07\x96P\xbe\xdfXL\xabj`\xf5\xfdwU+\xa6\xcfT\xc9d\xaa(\xa2\xd1w%\xcb\'\x04\xbb\xcbJ\x92\xb5\x92}U\xab\xfc\x10u*\xde\xf64]\xc6lDDF\xb2\x94T\xa6SV\xee\x04\xd5\xa5\xfa\x8f)\x99\xe4\xa2D\xee\x1f\x16\xf3\xbb\xc0\xf1\xf2\xd4\xb6\xafhnPU\x98\xbe\x8b\xa2\xf1\xd97\xf9\xcb\xa4\xce\xcd\xcb\xdc&gt;c\xe9E%\xf2\xb2m[-\x93$\xc9d\xd4[\x82I\xd2\xa1$\x89\xb0\xf4\xd0\xe1\x8cFmk\xb9\x0f\x8db\xbf\xb1\xa8\x06\xdb\x97|`bX\xfa\x83\x95^\xe5\x8eb\xba\xc5\x8a\x9aI\xea\xea2\xf2(\xee\x17\xd6N\x13\xad\x12\xcc\x9bO\xa8\xe0$\xbd\n\x89I\xd7\xc7h\xda\xa9\x01S\xe5s\x87I\xda\xd6&lt;\xfa\x04\n\xa5\xfc\xa5\xe6\xa3\xe1\xa5\xb4\xc2\x10\\Y5\x9a\x8c\xcf\xdd]L\x9a\xde\xe0\x8bd\xccb,\x95F\t\xfeZ\x91\xc5\xe7\x0bG\xc9\xd5\xc2\xde\x82\x86uwN\xd3\xcd\xf3\xdcD,(\xab&amp;\x96Z\xf6\x9c\x1dM\x84eR\xb6\xe6E\xbd\xab\x96\xef\x0b\x16\xcd\xc1\xbe%\x9f\xf19V\xb1\xf2\x08G\x92\xa8\x0cX(\xf8\x92\x8c\x12\xfb9q\xaasw9\x99g}u_\xb0x\xde\xbc\x99\xd6\x05a\x13\xa7(\x95\xa4(\x9a\xa6\x10\x0fE@\xd1C\'dg\xdf\xb6\x8d\xb5\x89\xfd\xc0\xaa\xaa\xc2\xca\xb0\xb2\xaa\xe8\xd9b^b\x07I\x89!\x00\xa3\x05\x02\xc9d2\x9f\xcf\'\x03\x81\x00\xde\x08\xe8A`\xbe\xa5&gt;,\x13\xc0\xaa.9\x16-\r\xed\x0fUI*\xca\xc5Z\x15\xc4\x89\xcd\x8c\xcf\xcc\xcc\xe4\x93\xb1df&amp;\x95JyR)\xbc\xc8\'\xf1\x1a\x80:\xb0$\xa5\xef\xc9\x18\x8f\xd5\xbb\xf7\xfc\xee\xd5\xc2n\xbc\x91f\xd6\x91\x8c\xc5\xdc\x05\x02\xf9\x99\xf5\xb5\\6\xbb\x96\x1d\x1fO\x15\n\x96p8\x9c[[\x9faA\xa7\x0c\xf0\x02\x1a\x16\x8d\xedFYw}\xa9\xb1\xb0\xcb\xcc\xafJ;X8\x07b`\xca\xaeY\x1a\x1a\xe8Q(\x84Cn\xb7\xdb\xefw\x03,K\xb1\x96\x05X~|&lt;\x1fS\x8c\xc6\'\xcb\xa8\xc6\x03\xbb\xef\x12\x86\xdd\xf6RA\xee{\xea\x93*t\x13\x93\xb5\t*gip\xb76\xb4\xda[-\x96V\xbb\xbd\xb3\xb33\xda\xd9iw7X,\xe1\x86\x860T\\\x07wv&amp;\x80\xa10\xd7(\x8a\x07v\xdf\xbbv\x8d%r+\xc7\xd1\x03\x908E\nd\x92\x81\xe4\xcc:\xa0Z\xdd~{g4\xd8\xe9n\xb5GG\xa2#\xc1\x11D\xd4\xef\xf6\xbb\xdd\xad\xad\r\x96\\n-\x97\xcb\xad\'Q$\xbe{\x1c%Q(\xadZ\xe8Y}OU$0\x80R\xcb\xaf\xaf\xe7\x89\xaa\xc1\xed\x87&gt;#\xc1D\x04_\x89D0\x98\xa0#\xc0 \x9b\x9fqYr\x16\x8b\x05r\xa1|\xb7\xfa\x84\xaaRb\xe9)\x14\xc5\x95\xdbe\xd0\nH0\xf9z~&amp;\x9b\x83T\x04\x15\x0cF\xa6#\xd3\xd3\x11\x16\xe0#\xaeh\xd4k\x87`\xe0\x02Yn&lt;\x86\xbc\xa7\x97I.,l/\xde\xdc\xee\x1d\xab\xb8\'\x0b\xe6%\r)L\xc2O9K.\xbb\x9eE\x02\xfd\x9d#\x90*\x01\xa6\xe9\xe9\x1b\x14\x04\x97H\xe0\xbd`0\x1a\xb5\xfb\xdd\r\x8c\xcb\x92\xcd+RE\xd9\xc3F\x8e\xcd\xc6\x92aU\x1d8 \x18V\x8e+eR\x00"Y,d\x1a\x9d\x8a\xd2\x16\x89\x00h\x10qc\x90\xc0@\xc6\xe8\x82\xd1N?\xc9\x15fYT*L\xabS\x1c[\x08\r\xa5\xc2\x12\x0cXM\x96T\xa5L\x89\x8dSC\xd0\xc3\xdd9\x92\x98\xd6\x85"(\x17\x1e\xaeA&amp;\xda\xb0k\xd8\xc9\xb8\x90\xc6\x06`\xad\x8d\'\x9522=\xaf\xdf\x07\x95\x08K4\xf0b\xe3\x16:\x83\x92L\x15v\xa0\xa0U\x82t"&amp;\x97\xcbj\xed\xb1\xbapbp\xd6\x9e^\xe2J\x8ct\x92\xef\xc3\x96B*\xa3\xa2\xad,\x99y\xa6UI\xb0\xf4\xbf\xc8\x18\x96\x9f\xe0\x1f\x0ed\x8aX\xadT\x83\x89\xe9\xaef X\xad\x00\xea\xa9\xa1s\x0f\x0e=5\xe7\x11\xd6a\xe74\x04\xa3\x82D\xca\xb3\xf1\xa4\xa6\x18\x1fL\t\xbb^\xbbv\x83\x85\x05^\\\xc24Tb\xf1\xace\x87j$\x18\xe9\xea=w\xae\xae\xae\xa6\xa6\xa7\xa7F\x8fZzZW[w\xfe\xfc{.\xc65B\\h\xfb\xe3IU1\x9e\\6\xec\xfafvwX\x9c\xbc\xfd\x03I\xd1\x1c\xba\xb5\x18\x15\x8c5\xd8\xfb\xc7su5\xb5\x00\xab}1\xeaAgm.\xda\xcb\xee\x0f\x85-\x0cKR7\xc9\xf3\x07J\x83E\rB\xe0\xda\x1f@,5\x93Z\xa3\xc6N\x19\x84X7\x06\x9b{\xa1V}=PZ(\xea\xf1\x94^\x80\nb\x01\x8b\xa80$a\xae|LS\xb4%\xb3\xa8\xdf\xfd\x97D-\xfc\x17\xb9\xf9\xdb\x98\x831\x1d\xcb\xef/buu\xfd\x14Xu\xb5\xb5u\xb5\xf5\x8c\xaa\x05P5L\xaa\xb3\xdd\xddh\xf8\xd4\xbb\xdc\xfeVK\xc1\x93\xa7Eb\xae\xafx\x93\xfd\xffcU\xb3\x16\xcfo\xfa\x90\xc3d&lt;\x95\xb5\x84\x81e\'\xacDw\xf7\x89\xb3\xcd\xbddrd\x11H8P\xfez\\\xcdN\xa7\xb3;\xea\x8dR\xebB\x84\xc2\x05OF\xd5\x02\xd2\xa4\r\xb5#\x94$\x89\xd5\x87\xd8\xa6\xb5\xa4\x95)\xaa#&gt;\x9e\xcd\x85\xddv\x88\x05.\x9a\xcc\xdd\'\x9c]\xc3\x83\xa8\xc6\x1a\x96=H\x85\x16\xd1u\xa2\xbb;\xd8\x11\xb5{\xbdl\xa5\xb0\xdbCa`\x05T\xe9\xf6&lt;_*\xcb\x93Z\x06\xaeo\x1b\xd6P\xd3\x99qO!\xec\xb7# \x82\x9dV\x87\xe0\x97\xdd\xd3\xceA\x97U\xafE\xf4\x07\xd7\rg\xa4\x1b\xb3\xc7\xeb\xc5U!\xba\xd6k\x1f\x05\x16\xf6T%\xbd\xc2\xed\xf6\xc6\xdf\xb0\x9b\xedAn\x9f\xd34\xd5\xe7`X\xf8\x1cT=\x1a%v\x9ah4\x9a\x888\x07\xd1\xb2\xa8\x1a\xc9\xea\xaeAg$\x02\xb5\xa2\x0c\x0b\x9b\xa1\xdf\xeb\xf5.\x14\xe2I\xc2Z\x96y\xa14I4T\x1b\xc4*\xd9\xb6\xa5\xa91\x1d+\x04*\xf4n\xd6\'\xec\x94\xc7i\xa2\xb2\xb2\x1eQ\xd3\x83.?|\x83\xac\x15\x0cz\t+\x14\x02\x95w4\x9cr\xc4b\xda\xc9M\x99g\xbbMI\xd4\xc2bj\xdbRU\x87#3\xe0),";\xb4\x906\xb4\x12\x15|\x0fw\xd1\xbc\xa9):\x0b18\x8c\x00XT\xc7jC,x2&gt;\x9f\xe6\xdb`\xe3\xa7$\r\x82\xcc\xc5\xd9\x1eh&gt;\x87#=0TXh#,\x84\x9bQE\xa6\x9d\xcea\x86\xa5\'\xd1\xca\xc0\\\xc0r6\xe1\xca\xd1Ph\x01\\\x1dm\x85\x8c#\xa6\xa9\x98\x8aU%\xea[\xd5\xd4Mu\xacL\xdc\xb38\xdb\xe1\xb5\xdf\t\xc1W0\xd6\x97\xdd\x11\xda\xb3\xe0x+\x9b&lt;zX]\x047&lt;\xfc\xf6\xc1\x83G\xdb\xbc\xa1\x90\x1dj\xf5/\xa2\xcfk\xbe\x7f\x99\xc5\xaa\xd2\xf4\xad\xf2C\xd5\x84\xb5\x05\xc3\xc73Cc\xd7\xfb;\xbc^\xc2\xf2z\xa9;8\xcf\x0e\x9fe\x1d\x82\xf5\x07\xea\xf2\x18E=\xd6\xf7\x10\xef\xf4\xbe\xf9\xf6\xc1\x0e\\\xbb0\n\xac+\x1e\xc2\xda4\x0b\x86\xd2T"\x1b&gt;dy`\xc5/.\xce\xf6w\xb4\xe1\xa3B\xf6\x0e\xf4\xd2\xe1\xe1\xe6\xe6f|c\x7f\xa8g\xd3\xe7\xa3\x96\xfac-\xc7^\xfb\xc5\xaf\x7ft\xf5\xc8\xd5S?\xf9\xd9\x99+\x8b\x88\xd0h[\x7f\xffXRU}\x9br\xc9\xb0\xd8H\xd4\xd5\x1a\xb8\xb8p\xe1h\x7f\xdb\x17wBw:\x8e\x9ep\xfe\xe1\xcd_\xbd\xc3\xe2|\xcb\xb1\x89\x89\x96\x8f\x10-\x13\x13\x13\xaf\x1c9\xf5\xcd\xa3\xc7\x8f\x1f}\xfb\xed\xe9[\xf7\x87R\x9e\x8bc\x0bm\xb3\x17\xae\xc7Q4\x9bz\x83(\x11\x96\xc8\xb5\xcf\xa9\xbe\xf4\xc0\xc0\xd8lS\x7f\x7f\x1b|&lt;\xfa\xc5\xd1\xdf\xbe\xfb\xc6\xbbo\xbc\xfe\xea\xcfO\xbd\xfa\xfa\x0f\xdf\x9a\xf8\xfa\xeb\t\xc2z\xff\x97\x87\xaf&gt;{t\xfa\xc3\x8f/]\xc2\x03\x87\xc9x|\xc03\xb60{\xe1\xb3\x94\xaa\xb2\xbe%\x96\xa4\x12\xd9\x1d\x06\xd7\xb8\r\xacx\xea\x9fMMG\xc9.7\x17\x17?\xff\xd3\'\xd7&gt;\xbd\xf6\xc9\xe9\xd3\xa7\xff\xfc\xe8\x9bS\xaf|\xf0u\x0b\xc9\xf5\xd6\x91g\x8fo}8\x99\xf6!c&gt;\xc7\xc9t:\xedp`d\x8d}~\xe1\x8cG\xd3h\xf8\x94\xa8\x9d\xeaX\xf2\x06&gt;"\xee\xb9r\xb0\xe9\xa8w\xe1\xe6\xcd1\xcf\xe5\xfb_]\x1e\x1a\x9a\x1c\x98\x9c\xbc\xf4\xf1\xfd\xbf\xff\xe5\xea\xe1\x0f\x8e\x1d\x03\xd6\x8f\x7f\x7f\xeb\xab!@i\xf4\xa7$\x0c\x06\xa4\x9e\x15\xf0\xf5\xcf\xce\\\xd4\xa4U\x1bGj\x95\x97\x06K\x14x\xee\xde\x13`]\x9c=\xd8\xd41z\xf3\xdf\x17=CC\x03q\x87\x8f4q\xa4\xff6p\xe9\xd6\xb3\xc3\xef\xbf\x06\xac\x96\xdf\xfc\xee\xda\xe5\x81\x8c\xc3\x91O&amp;1m\x1c\xc9\xcc\xc0\xd0\xe5\xcbC\x9e\xb1+\xffc\xd5\xfcc\xd2\xbc\xf38\xce\x85\x90\xc2\x1f\xf7\x87\xd1E\xdb,\xd4\xc6Gp\xf1H\x13\xba\xd4\x1f\xc7S\x1ej\x88\xac\xac\x16|\xa0s\x1e\x9c;\x05"q\xcd\xfa&lt;\xc3\x93\xf0&lt;\xcb\xb4\xac\xb5\xdaKUJ2\x95V\x07\x9e\xae\x90^\xa1mH\xdb\x1dL\x8e\xde\x1aI\x8e\xb4s;+W\x96\xed,i\xec\xb8\xbaZM\xfb\xc7\xfe\xb9\xcf\x17z\xb7\x7fj\xd5\xda\x8f\x18\x13\xa2\xf2\xca\xfb\xf3\xf9~\xbe\xef\xef\xe7\xfb\xb0\xac\xaf\xf3\xd7\xb7\xf2\xd7\x1a\x1b\x91k\xdd.\x9f\xaby\xde\xed\xef`\xeb\x19`5\xf2\x06wl\xb0\x07\x98`/9\xdc\x0c\x01\x1f\xde?&lt;Z\xdd\xaab\xc4\x80\xa5z\xa3e*933\xe3\xf3%\x93\xc9\x99)\xaf\xd7\x1b\x98\x1a\x9d\x9a\t\x98X6y\xf2W\xd7\x1b\xb9B\xe1k\xe8\x1e\x04\xbew\xee\xdc\xe2\xe6ST\xc4\xe5\xfe\xf5\x93#\x9f\xe5\xb0\xec\x9e\x99\xc1\xfe\xfe\xd3\x9d\xcd\x9d\x9d@4\xd9?1\xd8\xe1\x9b\x9a-\x15\x95\xed\x02\x87*.3V\xce\x86\x12\x01\xe8\n\x81\xc4\xc8\xc8\xac\xa4\xb6Xb\x1a\x19\x191\xe9X\xd63\xd9|\xb11\xfbp~5?\xdf}\x15X\x02^\xe3-\xd8\x13\x11V(0\xd0\x03X\xa7\xa1]\x0c{GG\x13\x9e\x80\xdb\xe3\t9\x8c9+X&amp;2JB\x9e`\xca7\xd0\x0b+p8\x19H\x84$\xc5\xc5\xb5\xb5\x12\xc0\nO\x1e\xfe\xf6Go,\xf0\xa4\xab0\x7fs\xf4\x92X\xff\xbf\xfb-\xe4\xf2x\x05\xdf\xc0\xca\xf2\xb1\x1a643\xd8\xdb\xd3;035V\xb1\xbft\xc4\xfb\x957\x19\x84\xf0h\x19p\\e\x8cQj\xf7\xc4R\xb1\x8f\xbe\x99nn&gt;r\xf2\x10\xf4\x86dBR\x0b_\x1a6\xdc?\xfd8\xf5\x873\xce\xf1U~Qn\xa2\xf4\xb2j\xe5\xaf4w\xa2{Va\xc1\xd5\xef\x0e\x1f\x9a\xd1h4\xa6\x80\xcf;55jj\x19\t\xf8\x06\'\x0f\xdd\xfa\xe9w\xc9\xee\xeeTL\xee\xa2a\xbf\xa6\xe9\xaa\xb0;\x15\xf3\xfex\xe3\xad\x7fM_\x9f~\xeb\x1f\xb0\x08\xa1i\xe9ju\x1a\xd6\xde\xd1\x9fz\xef\x12\xce4e\xb9E\xfc-`\xfdO,\xbe@x\xfb\xc1\xc3\xbfA\x16\xa1mi\xa4\xb5:\x93NbJ\x0c\xf7w\x9e&lt;\xdc\xfc\xce\xc5\xabw\x92\xc1\x83\xc1`\x03A]\xba\xa4\x1f\x1a*o\x88\xcc\x85\xdbn|\x7f\xeb\xd0\xe9\xe9\xe9o\xaf\xfe\xd4s\xa5#\xe6\xd1\xd5j\xe4\x1a\xe5L\x87\xf28\x9d\xde\xab^)@\xa7\xb2u\xaag],\xbe\xa0`&gt;\xf6\xc3\xe7\x9f^?4\x19\x90\xcbuR\xadV\xea\x08%{\x0e}\xf2\xce\xf4\xb5k\xb7.\xfe\xf9\xe1X8\x1a\r\xceY\xc9?\x1d#\xc9r\xbb\xdb\x1d\t\x06\x1e_\xfd\xf2\xda\x91\xcf.~\x7f\xfbN\xf2f\xca\xc3j\xa4\x0e{H\x1e\x08\xd0FWZ\x96\xc3B6b\xf7\xd6\xb0\xf8\x8d\xf7\xeco\x1f&lt;\xdf\x81\xb04\x80%\xd5\xb8\x7f\xb8\xf2\xf7\xff\xdc\xb8x\xb8\xb3s\xfa\xcb\xaf/\x07\x82\xa9\xee\x83Q\x0by\xe9\x02\x9c-\x0c\xeeH\xf7\xf9\xf3\xc1\xd1\xb3\x8f?}\xfc\xe0A[2u35\xc7\xca\x9d\x0e\x96e\x13\x1eFDc*\xf5\xbcP @\xd5\xb5mK\xb5\xc5\x11\xac\xce.\xc73\xef\xfd\xe6\xcaDX\xa3sh\xb5\xcep\xf7\xe7\xff\x1ex|\xfb\xc6\xf5\xe9\xfe\x8f\x1e\x9c\r\xee9\xbf\xa7\xbb;\x9a\xb1\\0\xc3\x99\xc7\xe0\x8e\xc5R\xa9\x14,\x82\xd1\xb6\xb3\xa3\x89\x00,\x07w\xd8./\x87\xdab=M\x18\x8d\xa5]\xf3\xc2\xc2\xdd\x08kkjq\xb8\xd9\xd0B\x1a7\x93\xa9\x0e\xbb\xd5!\xd5:\xe5\x86\xe8\x9e\xf3\xa9\xe4\xd4\x9d;\x9fz=\x9eH0\x95\xea\xee&gt;\xf8v\x864\x1fGG1C$\x8f\x15\x81\xc6\x95\xf0x\xdc\x10s\x06\x83\xc1n\x07,g\xcd\x05&amp;\x8d/\t\x0b\x0b\x0b9/\xaf\xd636\xee\x8a2\x9e\xb6\xd15!\x1f\xabCX\xca\x86\xe8\xc1=\xdd\xd1H\xd0\x93pG\xe1G\x0cQ\x9d\xb1\x00\x16A\x91\xa4\xa5\x01\xb8\x82\x91\x88\xdb\x13\x0e\x87\xe7\xdc\xb9hhx\xbf\xc1``\xc3\x8ev\xb3\x0b;\x0eI\xcca\xed\xde\x1a\x96p&gt;cM\xbbl\xbbf\x93&amp;\x9d\xd5)\xb5"\x0b\xf1q4:\x17\x9dC\x01\x15\x1e\xfc\x18\xfc3IQf\xb3\x99\xa2(K\x83;\xe2\x0e\x87\xed!;+\x07\x1b\x14\x06\xcb\x0cg\x9f\x06\x83\x9d\r\x15\xff\x911\xda\x88\x15\xae \xd7!vn\x11k\xe9\x0cy7N\xb4K&lt;\xd0\xb6\xacV9\xc2\x8a\x02V&gt;5 I\x83\x01\xfc3IRf\x9c\x002\xbdR\t4\x1a\x9dN\x07\x95(uZ5\xe0\x85\xd0\xe1\x07a\x9d\xf3\x1b\xf1\xe2U\xf0\xf3[\xa8\xadgXE\xc2q\xc0\xa2(z9\x04\x9f\x00\x01X\x08JiE\xa1\x91\xb3r+I\xea!}\x14\x8e\xe3\x04\xa5\xa7\xf4\xfa\xaa\xaa*\xa9\x14\xb6\x1c\xd4L\xa4\xe0\xe8\xe1o\x80\x8ae\x8bO\xf5\xd9\x9cKBt\x9f\xb1\x9e\x8dX\x1f\xab`&gt;C\xc6\xe3.Y%\xc22\x00\x15dDYnu\xe2\xaex\xdc\t\x11\x8f\xa3\xdc\x91\x19\n\xa7mx\x0ekhH\xaa\xd6V\x82\xa56\x1a]j\x9a\xa8\xd2W\x95\xcb\xe5r\x96\xadL\xfb\xf1\x85,\xff\xd9\xecmkX|^VN\xc6\xbf\xf0\xfb%!\x8d\xd2\x90\x0b%b\xa2q\x97\x0b\x8f\xc7A!\x94:\xca\x92\xa1\x08\x97\x8d6\xeb\x11\x15A\xdb\xe0\xe8\xa362\x18c4\xd2\x04\x88\x06`&amp;\x93\x94\xf1/\x8cwq^\tV\x11\xff\xb7\xe3\x19\xea\xee9\x99\xc4d\x02\xa9@)\xa55\xee\xb216\x97\xcd\x05`x\x1c\xa8\x08\xdcl\xb1\x98\x81\x93&amp;H=A\xd04\xbclL{{;\x06\x01dFmUU\xb9\xc9D\x1eg\x16V^\x17l\xc4\x07\xae_\xf2\x02A\xd6\x9aI\xfb\xd3\x95\x08\x0b\xa4\xb2X\xe3\xb8\x8da0\x1b\x04\xc2BT8e\xa1\x88\x1c\x16E\x11t{\rBkGsT\xb1J%b\x8c\xf5jG\x95C2\x9b9F\xdc[\x15lh\x96\xc4\xf9\xc5\x84&gt;\x0f1w\x19\\\xb0dp1\xcc\xc2\xac\xc9\x8eJ^\x0f\x9f\xcf`b1\xc606\xa8rD\x15\'3\x19\n$\xb4\xe1q\xaa\xbc\x9c@\x83\x1b\x84\xc5`\x18:7\xaaDF\xb5\xd6!\xad5\x9d8F-u\x15\x15\xed\xde\xb0Zk\x0e\xa6sv\x8b\xbbj\x8a\xdb\xf0/\xf6i\xe4p~/\x1fB\x03S\x15\xb2\xa2\xbbl\x04jUD\xdc\x12\x85\xc6e\x86\xb7]f+\xac\n\x90\xea\xf7tM\xbb\x11\x8c\xa1\n\x9djU"\xad\x1aVfHIXW\x84\xbc\xc2Mx\xf9\xfc\xf6\xf7|//\xe0\t\x97\x96\xf1\x8c\xa5R\xa7\xd1\x94\x97K\x8dH*q\x9d\x18\xb2\x08\x8d\n5,K4z&amp;C\xe2\xe8M\xdaIY\x0c\x16\xc8\xa1\xcd\x86\xa6\x97(\x89\n\x85\xe2\xc3z\xc0\xdag\x92\x0e\xb5\xac\xf2\x00k\x037\xd6\x9c_\x86kk\xa8\xc5)\xe4\xf1V+\xf0\xcc\x89\xda\x16\x9d\xc3\xe1\xd4\x1a11\x86^6W\r\x14\x15pYN\xbc\x9f\xb1P8\x06g\xd8E\xbf\xcc\x05\xef@\x9e\x194\xb0\xcfa\xd5!.ueqE\xa54\xfc\x04\ruws6\x81\xb5V\x16\xb7!\xac\xae\'q\xe2DxL\xe2\x90J\xd5F\x91L%V\x81X8\n\xb3\x1e\xf4\xcaP.L\xb5\xf8\xf4g\x88s\n\xc6\x85C\xf9\xdb \xcbh\x00\rb\xb5\xb6\xb6no\xaa\xac\xaeh*\x9d\xcdr\x05\x9b\x98\xcb\xe7\x7fs\xcd\xe2\xe2\x0b\xb8Y\x13\x8e\xbb\x13\x12h\xdc\xeazY\xabJ\x05i\x04.X\x8b`\x1a(\xd7\xdd\xb4\xdf\x9f\xa7z\xfa\xf4\xe7\xa7\xfe\xb4\x8b\xa0\x99&gt;?p\x89\xeb\xea\x14\xad\x1fn/\xd9\xdeT\xfa\x81D\xdd\xb4\xd4\xf8\x9a\x80\xb3),\xceZ\x03s$\x97\x80\xd7u\xcf\xae\xb6\xce\xb5\xd4j\xb5\xda&amp;\x84\x95\x864\x96A\x8e0ZO\xde\xf5\xfb\xfd\xa7N\x9d\x03 \x88\xa5G\xc5i?F\xb4\xab\x16\x17\xfb\xfa\xa0\xe0\x91X\x80U_\xfa\x81N[\x02\xc6\xb4\x88S\xb8\t,\xf4\xa0\xca\xf3;\xc4NN\x11\xe2\xca\xce\x16\xcb\xac\xb3\x15j5\xa8\x85\x02\t\x86\x89\xfb\xc4 \x17\xe67\xdd\xec\xf0\xee\x00\xa6\xc5S\x8f\x92&gt;\xcf\x02\xa8\xd5^\xb7\xf8t\xd1\xaf\xca\xe5p\xef\xf6\x92\x92\xa6\xd2\nS\xe5\x9bYna\x91`\xe3%\x9f\x7f\xdah\x8d\xa5\x98s\xa8\x02\xee\xca\xbb\x98s\xac\xa2\xb8^\x04L"Q=|"\x86\xd5\xf5\xd51\x04\xe9\xc4\x9c\x91\x94ot\xc7\xb9So\x8ey\x81ja\xd9\x8a\xef*\xeb\x03\xb9\xea\xfc\xfe\xa3G\xf7"\xac\xfd\xa5\xfb\x1e\xcdgQ\xc1\x0b8\xaf\x0ck\x1b\xfc\xb3\xd5q\xdci\xaa(n\x82\x82W\xc9\xeaUiU\xaer\xc46\xdc:\'_^\x0e\x05|\xa3\xf7\xc6/\x0f\xf7\x0e\xfb\xc0\xbd[\xe9v\xc4\xd5\xe7W\xf8\x0f\x1c\xd8\xb1w\xfb\x1b\xf5\xfb\xab/?l,\xe0\xf1\xf8\x82\xcd\x0c\x92^\xf0|U\xfeyi&gt;\xa7qi\xc1%\xd9W\xda\x04r\xb5\xcaD*\x94D\xb4\xd8j\x08j.\x98\xea\xe8\x98\xe9\x18\xf8\xaa\xed~O\xef\xfd\xe1\x89\x9bn\x9d\x9af\x18U\x1f`)\x0e\x1cP\x00VIuE\xdb\xd7\xaf\xf3`\xe3\xe1of\xa4\x9b_\x89/t\xf5\x05+\xe3;\x1e\x8dU7\xd5\xd7\x8bZe2E\x1d\xe2*\xb3\xd18a\x9d\x8b\xf9&amp;&amp;\x06&amp;z\x06\xee\xf7\xf6\xf7\x0e\x0fw\x0c\xc4\x12&amp;\t\xd4`\xab\x1f\xb0\x14GA\xad\x92w\xab[\xda\xfe\xc2E\x8fAo\x12\xeb\x05\xfbg\xfe\x89aAWve\xfe\xce?\xf7#\xb9d\xad\n\x85\nj\x8b\xa1\t\xa7S\x1e\xb990\xd8?\xd13\xd9\xd3\xfb_Z\xce?4\x8d4\x8d\xe3\x01\x91\xe8\x9f!\x96I\xfa\x87\x91R\xc3\xb8\xe2\x1e\x97\xed\xc4a\x12F\x9a\xcb\x8f\x83r[\x1b,\xe8\re\xfe\x18iq\xf3\x87\x0b\xfd\xa3\x1d\xaf\xc2I\x16\x84\x82\xd5.[u&amp;2\xc6\xa4\xf5\x8e\x0ca\x83w\xb56{\xe05W\xb7*\x04R{6E\x0b{\x97p\xe6r\xbd\xde%iS\x92\x92\xc2=\xafI\xb7\xdc\x1f\xd7\x9a^\xf2\xfa\x8b\x04\xc5\x0f\xdf\xe7\x99\xe7}\x9e\xf7}^}W\'G|\xbe\x91\xe0D~Jb\xdd\xbav\xc0:\xfaS\xc0r\x90\xb8\xb4\x01\x01^\xbd\x97k\x1dH{\xc6^\x17\xba\xb2\xa5\xa7\xffU\xca\xddg\xb7#\xaf\xef=\xde{\x1c\xa6\xeaQ\xabs\xec\x8f\xc1\x90or2t\xf5\xd6\xad\xd3\xd7BA\xbfo2\x04\x8a\xe5\x93\x12\x8b\x81XGO\x1e=\xda\xeep\xb3\xd2\xe2\xb0J\xddzp\x9b\xc2\xef\x8a~\x95B\xfb\x9c\xe3\x81\xab\xb3\x13\xc0P\x8aw\xcase,\x1f\x9c\x18\xf9\xdddh$\x18\x9c\xbc\x7f\x7fr\x1e-M\x84\xa2\xc1\x90?\x9a\x17XC7\x1aH,V\\\xec\xd9-\xc3:\x0efI\xf7\xc72V\xa5T*\x168\x96\xc7A\xaf\xa1\xde\x9f\xf7\x1e?w\xc6\xe3\x9c\n\x8e\x84FB\x93\xa1\x89\x82\xb34\x16\x0c\x8e-U\xd7\x9dS\xf3\xf9\x89\xe8\xc8H4)\xd0m\x88\xca\xe0p\xf3,\xb7\xaam}\xdbl\xdf|\x80ji\xd0\x82\xd2\xf4\xa2\xc4\xb24\xa6Cf\xfc\xd59Oi\n\xec\x07:\xcdO\xcd\xcc~=;\xbb\xee\x9a\x9b\xadVg\x97\xd6K\x85D"Z+&amp;E\xbc\xad\xdd`\xe8#q\x9a\xe7\x9e\xb7\xec\xda\xf0\xa0{\x03anT\xf5\xaf\xc6X\x9c\xc61\x00\x1b:\xd7\xe5,L\x84|\xc1|a\xa6\xb4&gt;7;777\x0b\xe3\xeb*\xf0\xcd.\xf1).R+\x8al_[\x9f\xdb\r\x9f\xe0\xb9\x87GT\xad\x87\xd0VV?z\xa1}\x0eX8`Q\xbaS]\xb6B\x1e|{\xbe@/\xcd.\xcd\xd6G\xb5Z}\n\xa3\xbaN;\xe2\xcb\x8b\xe9\x84\xc8\x92}\xa4\x1b\xb8\xf8\xd4\xe2K\xb5R\xd3\xd4\xd4\x98e\xf6\x83\xd5\xda\xaaQj\x178\t\xe7q\x8c6\x1a\x8d\x94SL\x14\xf3I\xb1\xb4\x04PU; UWV\xb6\xb6V\xb6\xfe\xbe5\xbb\xbe\x14\x8f/\xc6R\x02\x0bDn\x1cw\xe3\xe2\xc6\xb0\xa6!\xac\xbd\xa7\xc6\xb1:P\x9b\xc6\xb3\r\x01\x9c\x1eR:\x1df\x12\x92\x89\x04\x84\x81\xa5u\xc0\xdaDc\xe7\xf5\xce\xce\xeb\xed\xd70v\x9c\xa5\xb5\x14\xb7\x18\x93\x1c$\x8f\x97\x01\x8c{\xd0\xa3i\xfd\xf0l\xb8_\xb5:`\xd4\xd7\xba\x90s\x81\x11\xe9:V2\x19\xe3K3\xdbh\x00\xca\xe6\xeb\xd7\x08\xee\r\xe2\xdb\x1es\x96\x17\x17S\xbc\x03\x85,\xde\xcd\xa7\x9f\x1fQ6P\x88\xed\x17\x0b\x81\xd5\xbb\xb8 r\xe18\x89\xf5\x19\x8d4+I|J\x18\xfbv{{g\xf3\xcd\x9b\x95\x95\x95\xfa\x13\xbc,mn?\xbe|E\xe0\x97\x97\xe3d\x99\xe7\xcb|*\xc5=lR\xaa:\x1a\xd9`\xda\x0bH\xcd\r\x8fzD]\xe0\xca&lt;\xf8\x8a\x9b\xd5\xe1%\x81/K3H\xac\x9d\xb9\xea\xca\xd6.\xd6\xd6J\x15\x02\xc5\xba\xd1\x88Q\xeex\xdc\xe1N\xc5R|*\x16\xd9\xe8W)U\xcd\r\x94\x87M\xaa\xfd\x9e\xa5\xaa7\xa6?\xdb(\xb3\xfc\x1aN\xd38]\x92xI0\xad\xaf\xbb\\\x9b\x9bs\xc8\xd9\x91\xcb\x83\xbf\x83\xffww\x1b\xda\xec\x86\x13\xf1\xe5\xb5\x18\x17K\xa5b\xcc\xaaVy\xa4\xa1\xf2P\xa5\xde\xefQ\x97:\xd6\xf4\x06Xn\r./\'\xf8\x18\xcf\xe3v\xfb)\x9d\x1dBhukk\xeb\xe9\xd3-\xa8}\x9e&gt;=\nc\xa8\xb7\xb3\xfdD&lt;^N\x01\x14\x17a\x16\x14u\xac\x0f\xfb\x96\x1ae? \xd9~\xb0`\xbc\x94\x92\xb1X\x99]cE\xb6\x9cb\xc9\xb6\xdeN\x8a\xc20\x1c_Z+I\x82\xc0\xae\xadI,M\x93\x8en\x98\x9d\xda\xc9\xe52\x82\xca\xe5\xbc\xff\xee\x07,U#j5\xa9\xf6\xaf\x16\x84\xd4\x97\xf4X\x0e\x0c#\xc1-\xc6\x89\xbc\xa3\xb7\xd3H\x99\nS\xf9|&gt;\x88v7\x82\x13\x13\xf3\x85\x82M\x07\xb9O\xf7\tt-r\xe9\x08A\x04\x1e\xa0\x13\x19\x9a\x8eF\xae\xc4\xe6\xe6\x8f\xc3\xba\x9c\xdb\x00\x01R\x8b1\x8e\x83I\xcf\xd0\xdb9d\xb7\x8dMLL@\xb6\xe5\xf3\x8f\xe4\xe7g\x9cN#\x98\xb0\x8d\\\x8b\xc1\x9brE/\x11\x96W\xb5\nTM7\xa2\xd6&gt;\x03\xc4^\xc6?m2\'#\x1c\xc3,r\xe94\xc7\xc5\x00\x0br\xfb\x93CF\xaa4?\x1f\x8d\xd6\xf2"=t\xf1\xe2\xc9\x8bv\xd2\x9d\x827\xc4\xd2E"\x10\x90\xfd\xaf\xb4\nT\xf1\x1cxc\xfa[\x97W&gt;\xb3\x9d\x15j\x91H.\x9d`r\xb9\xb4\x08\xb5\x90\x1d\x95g?\xeb5M%\x93\tQd\xb1\x8b\'\xbf\xec&amp;y\x91\xe3r\x11\x0e\xa8@+\xff\xd4\xabKh\x19\xf7\xb0\xb0\xd0\xd2\xa0\xcd\xec\x99\xaf\x15\x99\x1c\xc3D\xd2\xb9\xa4\xc8\x9a(\x1d\xe4\x85vjfF(\x88\xac\xd3i\xb5\xd9;1I(&amp;"\x0c\xc3x\t\x82\xc8d\xf2\x96\xe5]\xac\x8e\xc3\xc2R\xbc\xb0\x9aG\xaf\x04\xa3D1\xc2xA3\x98\x8aL&amp;\xe3)\xca\xe4\x1c+\t\x02\xce\nBi\xe6\x8aM\x10\xb9D\xd1\xcbx\x19\x02\xee\x99\xe8\x8c~mX\xa9\xd1\xa8\x0fM-u\xcb\x0b\xeb\xe8\xe8\xe8\x98?L0\x04\xc10\x894\'\t%\nI\xe5d\x05\xba$\xf2eVB\x9b\xfeb\x91\xf1\x82T^\x86\t\xfb\xa7\xac\x96\xf2\xb0B\xa3i=&lt;#j\x9f\x80Zf\xd7\x94\xdf\x07\xe6\x013rip\xa8\xd2\xccX\xa1 \xb0\x02\x8fbZ:&amp;\x89\xb9D,G \xac@ \xe0\x9f\xb2\xe8-\xfcK(\\\x0f\x19K\xef\xb2\xd9\xd2&gt;\x19\xbe\xb3\x98f\x125&amp;\x99\xcc\'P\x8a#q\xc9d:\x97\xe3\xd2\xb9b\xb4\x18\xf1\x12^\xa2"\xcb\xbe\xbcUo\xb18\xa7\x95\xea\xc3\xc0\xda\xcb8\xd4\xda\x7fY\xcc\x16\xbd\xd5\xe6,\xcar\x18,\xc9\x10Q\xa6\x18\xf5\xd7\x98"\xe0$\x12\xb9"\x13\x81H\x15\x08D\xc1\xc6\xd1J%\x93\x8d\x96\xf4z\xbdEx\x88\x1a :\x1a\x0f\x93\xfb\xc3R\x02\x16|\x0b\xda\x1cN\xf8\xb3\x99p\xdd\x7f\xbcax\x8d0\x89\\\x8dar\x914\xe8$\x87\xa3Q\xa0\xce\xc8\xd9"\xef\xd1\xdb\xac\xfa+/Z\x94\x1a\xd5\xa1`\xd5\xcf?\xf6\x00\x96Y\x8fvtX\x11\xb8\xe0\xbb\x03\x0c\xcc.`\xb1b$\xc2\xc0-\x12\xd9\x00\xeb\x86\x99@X\x96\xb3\x19\x82\xc7&lt;6\xab\xd5u\xf9I\x8bB\xa9\xd4\x1c|\xe5\x832\x0e\xb5Z})n1\x83sYM6\x13+F\xaff\xc3H-\x82\xf1\x86\xbd\x914D\x0c\xf8#\x02\x94r\x98\x01\xb6\xcc8\x91\xc2)\xca\xe61\xbb\x06\x96\xeb\xcb5\x1d\xcd\x07^\x90\xa16p\xb5bxMo\x1e\x05\xb5\x8c&amp;\x13\xcbK\xb5\xac\x1c \x10\x12\x11\x06\xa5\x18\x82\x89\xfa\x89\x08\x03@\xe8z\x08\x8f\x8797\xcc\xe3\x80\xa5\x1f\x10V\x17.)\x0f\xa3ND\x0bfjE\x7fY?:\xeary\xa0\xf2\xa1i\x9a-\xfa\xb2\x95\x7f\x06\x02`\xc3\x08r\x7f\x08R\xf0\x08\x87\xe5J@\xaed\xfd\xb1\xb2\x1bsST\x97Y\x7f\xfe\xb6\xfc\xd5\xef[vWk\xfe\xdf#"o\x7f\x0b`\xf7\x81\x0e\xdc)\x86\x9f8\xcf##zLF\xa3i\x8fK\xae\xc8\x81\xc0\xdd\xbb\xc8\xbf\xc0\xf9A\xaaLF\x86K0\x1b\x95\xdch\x18\x8d]\xf0\x89\xcb\x93\xbf|\xa4m\xfd\xef#\xff\xef#lz?\xf2\x8fk\xd0M*\x8dZ1\xfd\x88\xb8}\xdee\xb6\x02\x96\x892\xe1\x90:Ki\x7f6[\tW n\x82\xdd\x08Y\x0eT\xb2\xd9\xecxv|\xbcVv\x90\x90\xf3\x93n\x8c2\x9b\xcf\x0e|\x7f\xedn\xbfr\xefX:\xaaW\xde\xael|\x9cZ\xf5\x0cH\x03\x16\xd4\xa0S\xaf\x8f\xc6}\xb7\xcf\xeb=f\x9b\xc7f\xa3h\x1a\xe9\xc5\xc7j~_&amp;\xf3U\xa6\x12\xa8ddP*{\x1aF6\x9a\x83Z\x0c\xb0H\x92\xd4\x19\xbb\xae\x9f=\xffm\xc8\xffP\xa1\xed\xe9i\xa9\x1fi\xde[\x8e\xf8\xdf\x9e\xf6\xfe\x9d}\xd5\xee1\\t\x12W\xa1P,\xc8\xd7Fn\x0f\xe8=\x9e.\n\xeeu\xef\x82R\x83\x17k\xfeLf\\\x86+/;\x8e\x9a\xc8|\xfeZ\x9a\xc5I\xa0\x02(7\xa63\x9e\xe92\x0f\xfc\xe1\xb7\x93\x7fj9\xf6\xe9\xe0\xe0\xbd\xe9K\x8aw+]M\x1f\x85\x05\\\xe8g(\x90[\xf5\xf4\xf4&lt;:}+\xf8x`\xc0\xd5e\xa4(\n\x12\x07\x0c\xcaX\x13\xdcp\x1e"|.Q\xcb\xe7\x8b\xb5D\x1a*\x1d7\x89S:\x03T\x93\x86\xb6&gt;\x0c;s\xe6\xbay\xe0\x9b\xcfB\xff8vlpp\xf0\xe6\x9f\xefh\x15*\xe5\x07\xf6:\xdf\x8b\xb5+\x96J\xd1\xa2h\xb9\xd4\x7f\xa1\xff\xee\xfd\xbf~\xff\xf9\x80\xc5\x0cX\x08\x8c\xc60#\r&gt;Fc\xee\xba.\xa4\xc1\x11G\x8d\x9dq\x07\x89Q\xb4\xce\xd0\x87\xf5\xb5\xb7\xf5\xe90\xb4\xf9j\xf9\xe6\xd7\xbfY\xfd\xe4\x93\xc1\xc1\x0b\x17\xee\xdc\xe9\xd7*\x95\xbb\xcd\xcd\x1f\xad\x96Z\xa5\xed\x9f\xfe\xee\xde\xbd\x1b7.\xdc#&amp;\xff\xf2\xd9\xe3\x01\x8bk\x942\xea\x80\xcc\x88\x81{\xd9l48\x90\xc3M\x82+\x91\xe4\t\x18\xf1\x13\x00\x04\xff\xec\xd3\xe9\x0cC\x06\x83\xee\xd4\x99\xae\xebf\xfd\xe7\xbf\x00\xacO\xc1\x88\xa0\xd7\x0f\xf7\xb4\xa8\xd3\xb3^\x11\xfed\x1fX\xef\xd6%U\xca\x96\xef\x1e&lt;\xf8\xdb\xcd\x1b7\xbe\xf8\xe2\xe6\x7f\x189\xbf\xd0\xc4\xd23\x8c\xfb\x87t\xf5\x1c\xf1D\x92s&lt;\xea\xc1\x11!\xb2\x1a\xc6\xd1\xac\x980g\x98%\xe2FT\xbaL\xc2,G\xa1\xe9\x85\x94\xcaZ\x96\nB2\x04\xca,LnB.\xdaBe{\x13\x02Eh)\xc4+\x8b\x04\x17i\x10&amp;\xb4Z\x9d\x10\xb7\x93\x1b\xcd\xc2`a\xb3\x93\x19\xd8\xc2\\\xf7y\xbf\xe3d\xb7\xa5\x0b\xfb%&amp;2\x19\xe3\xef&lt;\xcf\xf3\xbe\xdfw\xfe\xe4\xfc\xea\x8f\x7fz\xef\x9f\x8f\xde_x\xb2s\xd7\xe7s.\x92\x89\x8bh\xf7\xce&lt;\x90\x0ee9\xbf\x92\x8fa\x0f1\x16K\xac\xc0\xbaw\x9d\xce\xa0\x8c\x8fDv\x1d.\x12\xd6U8\x14\n\x03\xad\xd9?n$\xcd\x0e\x87\xc5j\xfd\x9f\x86\xf1\xc3\xb0n\xcdY\xad\xde\xed\xa3\xc6\xa4\x04\xaaj\xb5\xf6\xd9\x97\xef}\xfa;\xc2z\xb0\x93u"\xca\xe0B\xc4\x1e\xde^\xc9\xcb\x87\xb1|\x02\x18r&lt;\x0e\xbd\xf2\xc0Z\xbc\xefL\xc8\x01\x19.\x02\xeb\xa7;\x0b\x1f&gt;\xfeM#\x14\xf2{\xfc~\x7fC\x13\xb4\xe335\xa9\x9a\xe9\xfaE|\xce\xcf\xffP,\x8b&gt;3;\xcc\xdbg\x9dZ\x11L4^?\x05\x16J\xf1\xe3\x85\'KN_\xd0GX\x0f\xd1\xc1|\x89|&gt;\x06\xb5dW&lt;\xee\x8eB.\x08\xe7\\\xf4\x05\x83Av\xb6\'\x8b\xc8/\xfc\xe5\xf1/\x9a~`)\x8a\xe7r\\\x1f\x8cvOO\x8eN\xb6\x1dVv\xbb\x14\xfa\x8b\xca\xff\xbeH\xe9{N\\\xb0\x1b9Xg\xd0@5mX,\x95@V*\x9dB\xad\xcf?\xfc`a\xf9\xe3\';\x94h(\xc6\n2\x11D\xc9\xad\x10U\x14TQ\x80\xc9+p9\x11\xa4\x91\xdb\xccf\x11\xf9G\x8f\xffU\xf3\x83J\x14\x95bu\xad:\xe9\xeev\'G\xad\xa3m\x07:\x0f\xba\x8f\x85\xba\xe3\xf7c\xbd\xbd\xc5\xc9\xdc\x8c\x15\xee{\xcf^~\xa2\xed\xb6)\xa8%\xa0]\xfdz\x8a\xb5\xbc\xb4\xe4K\xe0\xc3G\x11\xbb\xff\xae\xd3\x97\x90\xe5\x95\x15\x97+\xe6\x8e\xee\xbbcn\x96\xb3\xa0\x1cw\xc1\xc3T*\x97\xa5J\xfc\xe0\xf3o\x92\x1e`YE%Y-VK\xc5f\x7f0D)m`\xc7v\x86V\x88\x16\x8b\xe1\xff\x9e\xc5\xb8\xf5\x9d\xf0YP\x7f\'\xdbjg\xd0\x1b7\x9b\xb5\x10\xa2\n\xae\xe2\xe5\xdf\x9f2\xac\x85\xe5\x9d\x9dE\'A%\x08\xeb\xfe\xa2\x93\x0e(\x07e\x17\x90\xa2\x94\xad|&gt;\xe1\x93\xdd\xa0\x8a\xbbRPk}}y\xe1\xfd?\x7f\xe5U&lt;\x1e\xc5,\x8a\'\xa7\xf5\xf6e\xa9Xkt\xfb\xe3IRM&amp;U+AYn\xa6`\xc3\x9d\x9b\xdb\xf3L\x8f[\xbes\x8b\x0e(\xd3M\x1f\x8e\x92\xad\xf1\xcb\xf3I\xb5X,"\xa8\xa1\xb5R\xb1X\xfa\xe6\xe9\x8f\x1f3\xac\xa5\xa5\xa5E_\xce\x97\x08\xe6\x90\xae\xfb&gt;`\xf9\xa8\xec \x17\x92\x15E\xca\x82\t \x05\x83\xf1@\xce\x97\xa3\xab3\x16\x16\xfe6Q\x08K\x14\xc5\xc6(\xa2\xedv\x1b\xd5b\xad\xddO\x1f7N\x102\xa4\xdfj\xd5\xe7`}_\xd2\xf0\x9d;\x1e\xcd\xe9e\x81H9\xd4dk\xd8\xef\xb7kh\x0b\x97U\x8f\xe2\xf1\x87\x81\x17\xbe\xfe\xc3\xa7\x0c\xeb\xc9\xd2\xd2\xce]g.\x87T\'P\x8c\xa89p$\x12r,\xe6\x8e\xb9\xa0\x96\xecr!\xec.9\x08\xb1r\xa9\xd4&amp;\x966\x0b\xcf\x933:\x96\xff4b\xb3\x99\xec\xa3~\xa3Z\xba\x1c\xf7v\x8f\xaf\x8e\x8eP\x95f\xab\x81.7\xbbe\xf8v\xe12\xdd\x7f\xa0\x13XV\xe4\xcf\xab\xb6\xae\xba\xbd^\xbdY\xad6\xcf\x07\xe9\xf16\xb6\x13r\x95\xc2G\x9f}IX\xcb\xc0Z\xba\xbd\x98\x08\xfa\xd0\x10d\xe7\xedE\x9f\x9c\xa7|\xcb$\x96+Ff\xc6\\l\xae\x80\x07N\x00\x00\x08\xdeIDATTR46\xd7wv~\xd6\xf1\x00\x0bT\xe6d\xd7d\xe3l6\xde4\x82b\xa5\xe6x\xd0;\x1e\xb6\x92^\xba\x1d\x0f\xed\xb5\xcdO\xcfV\xb1I\x86\x1dY\x9ac\xf7\x86R\xbd\xc9\xab\xde\x08*\xd7J\xcd\xfanD\x92\xd2-\x8f\xf8V\xae\xdf\xff\xf5\xc3\x9f\x7f\xb4\xbc\x83\x0e\x99\xf5%\x12A\x97\xdb\x1dO f\x90\x86\xe4\x01\x96K\xa6\x83nn\xb4\x8a\xb8,\x17*\x81@\x00X\xd9\xa5\xdb_%\xc5\x19Q\x01\x96\xb5\xd5\xe3m&amp;\x93\xcd&amp;I\x91Q\x17~\xd4\x1a\xe7\xfd\xc1\xf1\xb0\xd3\xf2b5@\r|z\xa9\xfft\xf2\x83}\xf3\xb0\xcf\xbb1y\x9d\xee\xd5\x01U\x1b\xf6"\x12\xc7q\xdaP\x85\\aLg\xe1\xe4\xe9?~\x82B\xdcY\xcf\xae\xfbr\xa8E0\xc4e\x9f/\xe7\x8a\xbb\xe3(D$\xde\x8d\x06\x01+\xdd\xc0\n\xc8\x95\nQ\xd1\xb5,_L\x1cf\x8b\xc8Fg\xc4\xc3D\x1e\x1f6[d\xd4\x1fN\xaa\xd5\xc9\xb8\xbf;\xea\x9dO6\x1cV:\x1ah\xb1\xdeT\x1e\xad_\xccf\xef\xf6I\xf3\xb4\xdf\x1f^\xc2\xf6v_\xe3$I2q\xd2\xe0DQ\x14\x92k-\xd4z\xfe\xe8\xc1\xf2G\xcbY`\xf9H.\xb8\x05\xae\x04\xd9G\r+\x8a\xb1\x1f\xa5\xe7\xe0uA\xaa\x8a\x8e\xf5\xcbk\x15"\xc0AQT\x87\x11\xf0p&lt;OXv\xce\xae\xa5\xbb\xed\xcb\xdae\xbb&gt;H\x0f\xce;I\x87\x99n\x99\xa2\xaf\x16\xe9\x8foH\xa8\xe4\xa4]\xefw\x87\x97k\x0cJ\xe29@\x99l\x92\xd6p("\xd2\x05\xb9\xfcg\xcf\x1f\xa0me\xb3Y_\xd6\x17t\xc1\xab\x98\xdb\x95cXD\xc4\x06\xb1\xe9X\xa9\n\xe9U\t\xae\xbcI\xa2c\x8aw\x90\x11q\xa3k\xb7\x99H.^\x02\x162&amp;pZ\x0f\x1d\xa3z\xd9\x19\xf7\x19\x98\xd5\xac\x1f&gt;eJ90\xf9\x8d\xbb\xdd1\xdc\x03zO\xe3x\x93I"\xb5lv\xa9\x8b\xd0S\xea\x8bk\xe1\xd0\xd9\x17\x0f\x7f\xbb\xbe\xb9\x89\x12\xdbL\x11V4\x1a\xa7\xb0G\xf7o\xb0\x88,\x13u\x13R\xa5P\x80\x8d/\xaeO\xcc3\xe2\xdc\xdc\x1d\xd8\xa3\xb4\xd2\xf0\xd0\xc6\x11\x16\x02b\x93\xf0\x8d\x97"\xa4Y\xb3Zk\xd4\xfb\xaf\x99b\x84d%\xa6\xcei\xb7{\n\xa6js\xdc\xd3\xec\x12^#\x99\x08\xccd\x8bH\xbb\x97\xa2\xc3\xcc\xb8\x8a!\xf5\xec\xc5]\xc2B\xfbNQ\x07\x8dF]\xc1D,\xaac\x1d\x1c\xec\xe3qp\xb0E\xe7\xf3\x0b\x85J\x85\x1eD\xc5\xca\x0b\xc1q\xa8mM\x80}vJ\x17y\xc1\xe3\x0bG\x9cvm\x179\xabu\xc6\xddq\'\xe9\xa5K\x1c\xbc\'\x93a\xbd;\x86\x90\xb5\xe6\xb0\x8f\xe2\xe3\xecvl\x8f\x89\xb8h\x8b"\x91!ug\xc5Oz\x85\xd4\xaf\xdf8\x81\x15\x08\xa0#\xc5\xcb\xe5U:s\x1f#\xa1\x0e\x18\x11\x98\x0e\xb6\xa6X\x04\xe5z\xf5,\xe9\xb0L\xefF\xa0(\xad\x81`4\x1a\x01fb\x83\x07#\xde\xc2N\xfaI\x1c\xbal\xbb\xd9\x1c\xd6\xc7\x1d\x83Y\x85P\xe7\xd0\t\x12\x8e\x07\xa3\x08\xfe\x1f\xa9\x84\r (z\r\x17\xe1\xd3-\xaam\xc4\x9e\xb8&lt;\'\xd7+)Js\xa0\xb0\xba\n\xaeJ\x01s\xf4\x14\x89a\x81*S.3\xad\n\xb17-U\x9c\x99\x9e\xed\xb6*\xeaid\x16X\xb3\xb3\x82\x002\xdb\x14\xcb\xce\xe9i\xb1IBd\xb7\xdeh\xb6\xeb\x86\xb3\xceU\xa3Y\x9b4\x86\xc7i\x8d\x13\x04I\xdf\x0c\x8e\xf0\x99V\x9c\xc4\x0bF\xbe\x9b\xa4i\x83\xb8\xd6\xd6Te\xe3\xdf/\x82\xf7*\x95{x\xdf\xd5Ly\xb5\x10p\xb93\xba{\xb0okkok\xabLWGU*\x87o\x9e\x9d`\x8d N\x0f\xac\x88J3=K\xe3Gx\x08\xb4\xe5\x02a\x915\x12\xb2\x16\x81I&amp;\xc1\xa4\xf5\xce\x1b\x86\xc9\xa4s\xdaO\x8f\xb4\x08\\\xa6\x10\x92\xdb\xa8\x14z\x8d\xc4*Y0\n\x82\x10\x19\xab\xe8\x84V\xf8\x18\x0e\x87&lt;\xa2\xf7\xe8\xfaP\xae\xb0+\x0f\xca\xa4W\xa5\x80\x8c\xed\x93{\xfb\xc0\x82Z\xf8G8\xf8\xe2\xba\xa5\x9a\xdf\xee\x1d\xb2\xbb\xe0\xbc\xe4I*\x0c|5\n0\x91rf\x87\x02\xe0\xb3\x03\x0b\xba!\xcfv\xcdp\xde\xd3P\xa4\x12E\x10X\x10\x93\xa3\xb8\x13\x1fG[\x83\xb6\xc7Ci\xa3\xd6V\x95\x19\xacJ0kc1\'\x8a\xdbg\xafd:\xc3\xcf\xb8\xca\x05\xd9EX$\x15=2\x19\x82\x82T\x1b\x0e\xbcF\x9c\x9b7\xdc\xb9Ey\xdf8\xff\x84A\x19\xc9GzF\xe9\xb7q\x12\xc4\xc23\xc2\xa27&amp;8\x83Q@\xa4\xed\xe4-Y\x07\xcbH4J;\x19\x8f\xa1c\t\xb3\xbb\x1d\xbf\x03&gt;Zi\x1d\x00,\xb39\xf9\xecM&gt;p/PY-C\x9b\xb8;3E\xda\xca\xec\xe1s\xb5"\xbf@\xd4\xcd\xfa\xdf#\xb2\xdb\xcd`\xf7w\xa8\xc1&gt;"2\x1a\x85Y\xfaF`6\xca\x16\xde\x04\xaaa\xd8\xf4o\x06H\xc2\xb4\x91X\xbe1U\xf1\x14Bb"\x9di\x93\x8c\xfa\xb3t\x13\\\xd8\xef\xc4\xe6+"Mn\xde\x93\x8b\xc3`*p\x0fze0\xa2\x19F\xb6\xb7\xb7\xb7\xb5Wv\x1d^\x1c\xf9\xb1\xdb5GXX,\xcdY\xe6\r\x8e+\x8dRe\xa4Rdj\xd1/\x06 /I\x82$Myh\x80\xd3@\xa1\x96\xd8\x17I\xe7\xd3sE\xaf\x15\xf4\x18\xe8\xc3(\xa4\'~E\x8f\xc9\x1c\xcdmX\xff\xa8\xad\x8b\xc3T\x00\xe5\x98\xd9\x07U4\xc3BU.\xef\xb9_]\x1c!T\x08\xe3\x9ca^\xbf(`f^Q\xeb&lt;\xdbJ]-\x9d\x89\x9e\tZZ\x93\x8cvx\x16\xb9!3\xb0\x98q\xccU\x89\x19\x8b\x86@\xc5\'0\x0b\x05A\xcf\'\xe9\xc5\xf7\x9a*\x16\xdd\xef\xdc\xbac\x85\'VZ\x0296\xbe\xbe8t\x15\xca\x0c\x8a\r\xaa\x80\xd8Ek\x1bI\'\xacy\xb6\x12\xc0\xaccQ\xc2\xc5\xba0\xcd\x153Q\x10t\xddx\xa1\xd7l\xd0\xb4B`7X:\t7\xa5\xc3\xcfF\xfdz\x84\x12\xc5\xea\x91G\xe8)\xf1\xec\x17H\xe9\x86\x8a\x05\xd1t\x0f\x92\x0e\x0e\x8a"\x81\xbdB\x19\xde@A\xa9\xd6\x86\x03?\x15!\x91\xe5f-\xe7\t\x15\xd7\xea\xc2\xac\xf1[0#+qT ?\xa8\x85\xd70\t\x8f"\xc4\x15a\xc3\xa0\x13\xe9:\xb1&gt;\xdb\xa8\xfe\xa7\x8a+Vm\x1b\x8a\xa2\xb6\x85\x8ad\x89\xc8"\x92\xa1\x91PA\xa3\x07Y\xbb\xa6B\x10h\xd5"\xbav1\xe4\x07\xfc\x03\xfa\x05\xff\x81\xd6z*\xb8\xa1 (\x1d:\xd88\x18\'\x10\nI\x86\xd2\xa9\xb4KK\xe6\x9es\x9fT\xd3\x0b\xf6b[::\xf7\xbe\xf3\xce}\x96\xde\xf7\xca\xa1zM\xc7ij\xa7\x1d6h\x17\x0eSl|\xa9a\x8f\r\x14\xcd$&lt;\x9a[\xbe\xfb}\x7fq\x01H\x90\xb0\x97\xbf\xee\x7f\x94\xbc]\xf2\x1cs\xa0z\xb8A\xfee\xc8\xd0\xb7\x02V_T]\xf6\x98\x13\\\xf5~\x95\xa0\xdf^\x91\xb2\xb3\x8e3\x05\x0b\x81\xd1H\xf7\xb3Y\xe5\xc9\xd3\x03a\xa1\xf6\xc7\xb4\x91\xa8~\x1b\xbfuxyU\x1b\x87:\xbb\x01xH\xaf?\xa7\xafE\x7f\x0e\xa0\xec\xf5\xdb7\xdf~\x1eJn\x02\xc6\'fe\xa3\x8c\x01\xef~\xf0\x83,\xe6\xb2\x08jk\xf8O \x04\x98E\xe5\xb2\xf6W\t\x83\xbee[\xa7c\xe2\x1apL\xda\x00\x95V\xe2\xfd\xd8x5\xf5\x90\xfe\x91\xc2;\xa5\xd6\x8fd"b6\xab6I\x02\x9f\xb7\xe1\x1b\xa7\xfc\xc0\xebj\x11({\xbe{\x06(M\xf7\xfek\xa1\xd0\x03g\x19\xbb\x81\x19\xd9\xea\xca\x94\x97\xc8$\n*k\xbbH\xa4\xb9\x02\xb2O\x9buQ\x01\r`\x91\xae\xb</t>
        </is>
      </c>
      <c r="M27" s="3" t="n">
        <v>45492.67714120371</v>
      </c>
    </row>
    <row r="28">
      <c r="A28" t="n">
        <v>40076</v>
      </c>
      <c r="B28" t="n">
        <v>1977</v>
      </c>
      <c r="C28" t="inlineStr">
        <is>
          <t>Mariano</t>
        </is>
      </c>
      <c r="D28" t="inlineStr">
        <is>
          <t>Mariano</t>
        </is>
      </c>
      <c r="E28" t="inlineStr">
        <is>
          <t>LD</t>
        </is>
      </c>
      <c r="F28" t="inlineStr">
        <is>
          <t>LAT</t>
        </is>
      </c>
      <c r="G28" t="inlineStr">
        <is>
          <t>LD</t>
        </is>
      </c>
      <c r="H28" t="n">
        <v>177</v>
      </c>
      <c r="I28" t="n">
        <v>25</v>
      </c>
      <c r="J28" s="2" t="n">
        <v>31585</v>
      </c>
      <c r="K28" t="inlineStr">
        <is>
          <t>Right</t>
        </is>
      </c>
      <c r="L2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b1ed681-8587-47f2-a2d2-1362aee65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/\x94K\x00\x00\x02\xfdPLTE\xff\xff\xff\x0f\x17!\xf8\xf9\xfa\x07\x0b\x13\xfa\xfc\xfd\n\x10\x18\t\r\x15\xfd\xfe\xfe\xfc\xfd\xfc\xfb\xfb\xfb\xfe\xfd\xfc\xfc\xfe\xfe\xf7\xfa\xfd\x0c\x12\x1b\x12\x19$\x0e\x15\x1e\xce\x94\x7f\xc4\x8ay\xf2\xf7\xfd\xca\x90~\xc7\x88o\xc2\x87v\xd0\x94z\xfe\xfd\xff\xd5\x9a\x82\xc7\x8e{\xcb\x8bt\xd6\x9d\x85\xf5\xf5\xf6\xcd\x90w\x8eRC\xc9\x7fl\xd2\x98\x7f\xb7jU\x9frj\xb9|k\xbf\x7fl\xc6{g\xff\xff\xfe\xfe\xfe\xfd\xdb\x9a\x85\xca\x8fx\xcd\x90|\xfe\xfe\xff\xa5pe\xc8\x8as\xc1va\xd1\x99\x83\xbanY\xc4\x84m\xe0\xa4\x8f\xacre\xb2eQ\xb3yj\xc6\x86s\xff\xfe\xfe\xbc\x85u\x86MA\xc0\x86s\xa8uk\xb1\x83w\xa7|q\xb8\x86y\x9bZKH-*\xd9\x96\x81\xf1\xf0\xf2v&lt;0\xb2\x88~\xbfr]\xb9vd\xa8`O\xd8\x9f\x88\x81H&lt;\xae`M\x07\t\x10\x97c[\xb8\x7fq\xde\x9b\x89\x97oh\x95UF\xba\x8b~\xafvh\xbb\x82r\xd4\x95\x82\x9fxo\x8eWLc@:\xb1jX\xb3|p\x99i`\xc1\x8b{\xa7gW\xa0g[\x93\\Qr9.\xd3\x91}|D8\xe0\xa0\x8a\xb5sa\x87UKX1+\xa0WD\x83B5\x8eL=\xbbq_\xae~s\xeb\xed\xf0\x9b`R\xa1[L\x9aSA\x87a\\\xce\x83p1"!IMT\xc7\x93\x83\xacfR{?2\x9fndO2.u@7\xda\xde\xe4X95\xa9nb\x84[U^4,\xe9\xac\x9a\x8fb[\xce\x98\x89\xa2aP\xc9\x8az\xcd\x92\x84\xe1\xa6\x96\xc0zf\xaam]\x9fhb\x8aG8\xa6YF\xe5\xa6\x91\xe3\xe6\xea\xe4\xa1\x8f\xa4j_\xa1cVzI?\xbf\x82r\xf0\xf4\xf7\xbfzk\xb4n\\\xa3{x\xacxqrMHsH=\xea\xb0\xa0l7-\xa4uq\xea\xf0\xf8\xaedX\xd2\x88u\x8fhbd70\xa7\x83\x80\xae\x80|\xe4\xe1\xe2\xa7\x80v\x18\x1f)\xc0\x8f\x82\x95N&lt;\xd6\x9a\x8a\xd5\x8cy\x87edl&lt;4\xad\x8b\x88)\x1a\x19\xeb\xe9\xeb\xdb\x9f\x8e~OE\x80UMlE&lt;\xd8\x91\x7f\xde\x95\x83\xb0m_\xd5\xd7\xdc\xacYK&gt;&amp;#MQZ\\FF\x8bZR\xdf\xd9\xdbhHE#\'1\xce\xd1\xd8\xc3\x80r=**\xca\xc8\xcdfRU\xb8\x8c\x86\xaf\x96\x96-09\xbb\xaa\xac\xd4\x87\x8av^^\x860)\xbf\xc3\xc9\xb7\xb9\xc0\x92\x98\xa2\xfe\xff\xff\\cl\xc3\xb3\xb5\xe8\xa8\x96\xd7\xcc\xcekoxxURBEO\xca\x86\x89\xe5\xa4\xa6\xa7\xac\xb4\xb9\x9f\xa2\xc3\x85|\xda\x93\x98\xac\xa7\xab\x94&gt;=WZc4:D\x8cwz\x89\x8a\x93\x9382\x84\x83\x8a\x9d\xa1\xabA8&gt;\xf1\xb5\xa7\x1e\x13\x15\xb4\xb3\xb9\xc3\xbd\xc0xmr\x98\x88\x8b\xc8\xad\xaft \x1c\x9c\x8e\x96\xa3KDggow~\x87\xc0\x98\x97\xd1\xbc\xbf\x97JL\xb2eq\xbbg`\xcc\x9f\x95\xd2\x9c\x8d\xccw\x84\xc0hx\xc0w{\xbaqo\xa1\x99\x9f\xef\xaf\xb6k/-H\xe6 \xdf\x00\x00 \x00IDATx\xda\xbc\x98[L\x93y\x1a\xc6IC\xf2\xf5\x83\x9b12\xdb\xc8r\x08\xc3\xa1]\x11\x06\x91\x81)N\x06h\x07;4,\xcb\xa8K\x19\x16\x0b\x85\x02\xad\xd2\x823\xedP\xd9r\xca\x80\x01t\xa6;\x92m\xed\x86C\x96\x0b\x82\x8dX@\x91-v\x0c4\xd14\x1a\xd4I\xe7fC\x8c\x06\xd9\x15H\x88w{E\xcc&gt;\xef\xbf\x15\x93\xbd\\?|z\xa4-\xe9\xaf\xcf\xfb\xfc\xdf\xff\xfb}QQ\xff\x9f8\x8e\x13\x93x^$\x12\xf1xd\x7f\xd0szF\xef\xe2\x16\xf5\xbe\x15\xa6\xe2\x01\xc2\'(f.-\xdc}\xb0\xb9\xf9`\xe5\xc2\xcc\x8c"\x81\xe7\xa39F\x16\xc5\xbdG\x9a=\xc1\xa8h\x91br\xe5\xc5\xfa\xa3\x7f\xfc\xbaq\xef\xde\xbd\x8d\x8do\x9e\xbeZ_[\x99&lt;\'\xc2{b.\xfc\xe9Un\xf5=Q\x15p\x99\x19R8"\x9a\xdc\xdcy\xb4q\xef\xe7\xeb\xff\x86\xd8\x1d\xf4\xf3\xc6\xd3\xf5\x87w\x12\xc4|,}\x90}z\xff\xb1\xa2\xa8x\x12J\x918a\xe1\xc5\xab\x8d\xe5\xeb\xa4\xf3a\xb1\xe7\xe0\xbb\xbe\xf1tgE\x11\xcdC1\xef#b\xacvb\xfa:Q\xc2\xc2\xee\xa3\x8d\xf3\x11\xa6eh\x11\xd7\xc5=\xba\xf3\xbe\xf5\x95s&lt;\xe5?\x86\xdbw\xb0H\xd0\xb1\xe0.=\xdc\xdaXf\x10\x8b\x8b\x8b\xcb\xc5o\xb5\x07\xb7\xec\xdb\xfeE\x815\x1a\x136y\xbf\x9028.3b\x96Hq\xf7\xf97\x1b\xff\xcb\xd4\x81kG\x07{\n2\xb0-\x07\xd6&amp;#\xddb\xbf\x0c\xcb\xd8[~\xe0\xba\xb4\xf6j#\x8c\xb4\x1cA\xe9\x08\xab\xb3\x93nM\x1d\x8c\x0co\xfb\xb6\x91}\x02\xc3\xbf\xaf\xee[\xaa8NB^]x\xfe\xeb\xf2\xf2\xf9\xc5bf\r0\x18KX\x1a\\5\x9a\xae\xa6\xa6\xb0o\x8b\x1d[\x9b\xc4%\xd9/\xbb28\xa9\x98\xe7$p+aa}\x83\x15\x0e0\xc4\xa3y\xab9H3\xe7\x9a\xf3L\x00\x0c\xa2O\x05\x1f\'D\xc7\xc6\x88c\xf7\x87+\xbc\xd5H\xb9\xb7TM]]d\xcf\x9c\x1f(a$\x97\xcb\xe5p\xb9t.\x9b\xcd3\x01\xb0N"\xeb\xe8\x08\xdc\xa7V!\xce\xd8\',N\x1cC\xed\xea\xce\xb6\x8f\x8cjj\xea\x9a\x804\xc4\x02\x7f\x88\xc9\xe1\x953\x95\xe9t\x04\xd6\x05\xc7\xba\xf6\xb8b\xa4\xfbbW\x18\x8b\xe7/\xed\xf8(\xd3M\x0c\xcb\xe3\xb1\x91?.\xaf\xd7\xe5p8\xe4Ia\x19\xe4ee\x04\xd6\xd5\x15.eS`MA{\xd1~aa\x15\x9e\xdb\r\xa0r\xf4u]]\x13\xee:\x9b\xae\x0c\x92{\xcb\xca\xf4ryR%i\n\\\x06\x039\xe6\xa6J\x12Zg`-\xe1\xcd\x16)p\x03\x0bc\xfd\xf4\xf2\x95\xaf\x93}\x15\xccr\xbb\x95-\x83\x83\x06\xa0$%1\xa7\xcc\x11.\xc2ji\xd1)\xddnw\xb8\x94\x9a\xc0\xcb\x04`ef\xae\n\xddV3\xb9Xl\xcdw\xb7|\x84E\x17xU\xa7\xd4\xb5\x0cN\x15\x15\x15\x81\xab\xb2\xa8\xd2\\i6\x9b\xa7\x0c\x06\xd858\x08,k]]\x9d\x1b\xa6bi\xf8\x82\x9b"\xb1T\xcc\x89\x85u+\xb2\x17^z\xee\xf3\xf94]$xeSZ[\x06\rS\xe6\xe6"\xf8Ui2\x99\xcd\xcd\xcdf3\xfc3\x18\x06\r\xe0\xb2Z\xad\xca:\x18\xe6\x99x\xdd\xe9\xdb\xba\x8b9\x0c\xadXH,\xa2\x92\xc6HE/\x03\xbe\x80_\xc3\x98\xdc\xee:P\xc1,\xc0\xa8T\xa6\xe6=MM\x99\xa7`\x99!\x0c\xa6T\xd6\x91g\x13\x9a\xc0\xf3I&gt;Z\x8c\rRP\xac(\x98%]\xd8\xea\xf4\x874(\n\x98\x08KGf57\x0f\xa9\xd5j\xd5\x10\xa4j\xc6\x1dc3\x13\xda\x1b.\x1bY\xe6G\xbc\xd0&amp;\n2\x85\xc2\xca\x88\x940Z\xf4"\xe0s:\x81\xf5\xdaM\x16P\t\x07\r\xe6\xe6\xa1\xdbj&amp;\xd5\x90\x9a\xd8n\xe3\x8a[\xb39\xcc\xa5T\x92a\xb0\xcb\xf7\xec\x0e\x1b\'8\xa1\xa8p\xc9\xa0\t\x19y\xf7;\xfd\x13\xee\xd7n\xc2\xa2\\\x19P1\xf2\xea\xb6:/\x0f\\y\xea\xdb@\xa4\x1b\x00QM`\xb5\x80\xca\x86\x84\xa1\xf1\xfavg\x10.\xa1\xb0\n\xc2{\xb4\x98W\xec\x064~\xe7\x1c\x8bU]$\xedf\xaa h\xd4))\xe0\xca\xc3=\x89^\x19\x1aB\x1d\x07\xb1"\xadJk\xc4\xae\xad\x15\x01\xdd*\xc8\x94b\xc0\x8c\x15\xc3,\xbf\xdf\xe9ry\xdex\x05\xa3\xe0K\x1e\xb1\x00(\x07D9\xa5\xa5xH!\x11\x98\x99\xf9\x15)\xa3G\xe3\x0f\xec\x9e\x13\xd0\xad\x0c\xa9\xb4\x80\xe3\xf9\x84\xb5\x00\xc3\xb2\xc1*2\x0bYW\x81)\x07"\x8e\x9c\xd2\x1cczrzi\x0e{\x9em\xac\xceS#^\xcc-\xc6\xe5\xf10\xbb\xd8A\x87 \xd9*\xe0b$\xe2X~r=\xe0\x9fs:\x1c6\xa5\xd2J\x9d\xc1\xdclRW\x03\xa0\x14\xb7\xecR\xd2@r\xf2@i\x0e\xd9\x96\x92c4V\x8f\xaa\xc2\xb1\x8f\xd8e\xd3h\x02\xbb\n\xe1\xe6..C\x82\xe1O\xb4\x19\xf4k\x08\xcb\xc1r\x05\xac\xbe\xd1\x11\xa31;=\xbb4;==}\x00dx\xccf\xe6!f\xd5\xa3\xa3\xc4\xd5l&amp;,\xfc\x07\xf9\xe5\xf7?\xbb\x13\x9e\xa0\x0b2\x04i\xa5\xb1\xe1\xc0Ox\x1c^\x07\xf5v\x98\x95d\xaam\xbcr\xe5\xca\xc0@:)9\x99\xe1\xc1\xba\x14\xaa"\xc5^m\xc9\xb3\xa8\xb0\x1e\x07\xadd/\xb0\xe6\\\xce\xe0\xc3\x84\xc8d\x9f\xf9\xce\x9ba\x01G\x07|w\xb6|\xc0\xc2\xfcb\xc3\xd4\x00\xaa\xa2\xda[\x84e\xcc\x1e ((\x1b\x02\x12K|d=R\x19\xcd\x06\xf4T\x1d\x96#a\xf9\xb7g$bN*\x08\x16\'\xa1\xc3\xc2\x87\x01\x1f\xe6+\x1b\x8a\xa8\xd3\xc916\xb4\xd6\xde\xbau\xab\xd1h\xa4d1\xb0\xf4R\xfc\xc1\xc2\xcf\x9a\x85E\xcd\xaah\xa6i\xc2j\xb31,\xafs\xeb\x17\x1eswL\x81\x10X\x99\xd8\xa4\x15;&gt;?\xc3*s`\xc42``\xe8\xab\xbd\x85\x00\x8dV\x1b\xb3\t\x8ca\xe50\x19Y\xb8\xd4\xaa\xea\x91j\x95\tX\xf2A\x1dd\xb5aXt\x06\xef\xb3*J\x04)b,/^@\xd3\xd2xh\xec\x03\x96U\x9eDv\xd5\xd6\xf6YF\xd1!J)\xed\xc9\x14w\xd6\x1b(`(\xa3\x05\xcc\x16\x95\x89\rc\x18\n\xad:\xef\xecl(\xb4=#\xe6\xa5B,G\x8e\xb0\xf8\x87\x01\xe7\x9c\xc7S\xa7\xb4\xe9`\x96\xdc`U&amp;\xf5A*\x95%/\x05P\xac\x90HVuNvr{;%?\xcfbQYT\xaa&gt;\x9ay\x88\xab\x0cX\xe0B\x15\xa3\xc5\x82\x8c\xf5l\x9f\xa6\x1a\x02\xcb\xa6\xa4)Y\x9e$W\xb6\x14\xf5\x99 U\x9e\x91\x19\x05\xac\xf6tcJNv\xfa\xd8\xf4X;^0\xa2\x82*\x93\x89&amp;D\x83\xdc\xc0\xb0\xca\xf4\xfa\xd9P\xf01O\x91\xcfxw\xacUl\x89\x97\x9e1\xb7&lt;6\x9b\xadL.\xaf\xa2h\x81Ie\xa9\x86;c\xed\xe0\xa0\xccS\xc4\xc6\xe6K\xe6\xc7\xc6@6`\x1c\xb1\x10\x15\xcc\xc2\xb8J\x87Cr\xbd\xde\x1e\n\xad\x89\x849\x89C\xa3\x96\xe4\xc2\x96\xd3\x89\xc3?4\x07\xd8\x85c\x89"S\x91\tP#\'\xe0\xce\xfc\xfc4\n\x97\x0e\xb8\xe4\xf6\xe9\x9b\x97\xfb+\xe6\xe7\xeb\xc7\xe2\x07\x1a\xabU4L\x03\n\x0b\x84\n\xa9\xaf\xd2\xdb\xed\xa1\x1dE,\x1d\xca\xae\n\x81\xc5?\x08:\x9d\xac7@\x0c\xab\xa8\xd2T;2r"\xedh\xbdL&amp;+\xa9\x9f\x86C\xd3\xd3\xd3%\x15O\xaev\xf7W\x94\x9c\xfe\xe0\xd0\xa9c?\x94k\x11*\\\xe4\x86\xca\xaa\xaa\xa4\xaa*=amO\xc6\nr\xa2\x84\xc3\x04!z\x19\x0c\x85\x80\xe5(c\xa2\xe3\x89\xca\xbe\xea\xc6\xc6\x81\xa3\xf9\x1f|\x99\x0bU\xc8\xea\xa7Kd\x157\xfa\xaf^\xbd\xda\x7f\xa3\xb7\xb7\xf7\xab\xbf~4\xdef\x9f\xf5\xd2O\xc1\xef\xa8J\x02\x16\xdcj\xb3?[`\xe7z\x05\xc1\xfai-\x18\x0cy\xbd^\xb9^\xce\x8e\x0b\xe5\x06Ce\x9f\x05f\xe5\x1f&gt;}\xa3\xbf\xbf\xbb\xbb?W&amp;\xcbm\xc8\xed\xef&amp;\xac\xde\xaf\xbe\xf8\xe3x0\xe0\xc3\xd0\x18\xa2\xda\xefa-\xd9\x97\xec\xcfV$T\xc4w\x1flV\x0b\xc4\x8a\xdd\xe05\xfb\xec\xac\x1e\xb5`\xc7\xf2\xba\xb2\xc1\xca\xbe\xbe\x8b\x9f\xfc\xf3\xfb\xef?\xbe\x91K\\\xdd\xfdO\xbassa\xd6\xbf\xfe\xd3\xfb\xd9\x1fB&gt;vJ\xae\xb8\xd3\xef\xf7\xe2\x97\xc8\x89IKXv\xfb\xb5M.:V\xc2\x15\xbc3V\x944F\xb1\x13\xbc\xd66;\xbb\xb4\x04\xae$9\xcb\x97\xb6\xb5\xb5\xe6o\x7f\xff\xe2\xf3?}\xdb\xfb\xdb\\P\xc1\xa7\xfe\xdca\x98\xd5\xfb\xf9w\xa1\xce\xe5\xe5\xe5\xe2\x8eN\xbf\xd3\xe9\xd4\x97\xb72\xabZ\xb5UK\xc8\x96\xbd\xed\xb1\x18X\x99\xef&gt;A\xac\x86\xb1\xae\xb5-\xf5\xf4h\x01\x06\xbb\\.\xd6\xb2C\xa1`\xdb\xf8\xf1O\x0f\x7f9&lt;\x0c\xa3P\xc9\xe1\'\xfd7\x0e\x9e:\xd2c\xb7\xf7\xd4\x1c9\xfb\xf5\xd9\xe3\xdfi[\xcf\xfcp\xa6\xa8H[\xa5\x8d`\x05\xef\xf3\xd14\x0b\n\x90-\x8ea\x8d\xf7\x94\xd7\x94\x97k\xab\xe46v\xe2\xa8\xa3\x98\xce\xbcu:{N\xc6\xc9\x86/7\x0c?\xe9\x1e\xaehh\xa8(I\xcc*&lt;Ux\xe0PV\\\\\\\xd6\x81\xdf\xff\xb9\xb6\xf6"\x04\xafh%\xce\xc2-4.\x81\xb0\xc4\xe7v@5^S\xde\x83\xab\xde\xe1\xd1h:;\x16\xcf_\xbf\xbe\x88:-\x9d&lt;\x95%\xbb\xdc kx\xd2}\xb9\xe4f\xc5\xcd\x92\xe9\xc4\xf8\xfc\xfc\xfc\xa3P\\\xfd\xc7\x07R\x1b/\x1e;\x91\x96z\xf1\x8c\x96\xb2\xa5\x9f\x9dm\xbb/\x8a\x91\x08\x80\x95\x91)\x95*v@\x05\xb7Hz\x97\xcb\xa5i*\xeep\xb6\x8d\x7ft\xf6\xec\xd7\x9f\xfe.1\xf1\xb4\xac\xa4D\x96;&lt;\xdc\x80G`\xc5\xa5\xa5\xa5\x1dMMM+&lt;\xf4\xed\xa1\x0f\xff\x92\x9a\x9aZ\x98z\xac\xb6\x15\x86\xe9\x19\x16\x1f#\xc4\x04\xc1EI\xd9J\x1c\xbf\xd6\x03\xae\x9ar\xbdwi\t\xedH\xfb\xd9\xc1\xc3\x89\x89\xf1\xf1\xf9G\xe3\xb2\xb2\xb2\xe2\xebe\xc3\xd0et\xd6\xdf\xc4\xa7\xc1\x9d\xda355G\x8e\x9f&lt;\xf9I\xfe\xc1\x0f\x0b\x0b\x0b\xf1\xc2\x8f\xadZ\x86\xf5_R\xcd\xf8\'\xed\xfc\x8c\xe3\x17c"\xe8~\xb0A\xc5:\xafD\x85\x16)2\x05\xa5Z\xa6L7\xe1\xce\x01\xf6\x90X\xb4_(\xf5K\xeda\xbe(\xdd(\xd7\x1d\x1d\x16\x14&lt;&lt;\xa0\x06\x86g\x0c6\xabY+\x1a\xad\x1e2zgw!\xd7\xb5Y\xd9\x9a\xd4\xee\xba\xe5\xdc\xb1s$\xf5\xd6\x9d\x8cD\x1d[rf\xcb\x9e\x0f\xf5\xfe\x01\xf9\xfe\xe0/\xfe\xe0+\xcf\xf3|\x9e\xcf\xfb\xfd\xfe\xf8\x94\x84\xaau\n\xc5\xd6\xaf\x9d\xcczo\r\r\xcd\x0f!,\x18/\xd3\xf0\x9a\xda*/\xa6\x14\x96\x94\x94\x94\xa1v\xd1\xe95%\xcc&gt;.\xd7\xd5\x17\x82\x16\x16\xd1\x1b\xd4 \xad~\xf3\xee\xd9\xb3\x93\xd7$\xe6\xae\x11\xca\xd1\xeaj\x1c\xc3Tj\xed\xda\x9av\xe8)\x95D=u\x10[g\x85\x95G*\xff\xfb\xfc\xd0\xd0\x10\xd0\xf4\x9aL\xa6\xcaJ\x89\xc4Qu\xf4\xfaQ\xa9\x80\xedv\xcbO\x17\xd3\x11\x96\xa2\xb55\x14\n\xcd\xd0\x80R\xae\xbeq\xf6\xe3\xcb?\x86\xef\xd1\xf3w\xb5BG\xf1QVuU\x18#\xba\xb5kZ\xed\xfc\xcb|2(\xd4\x13\'\xf2\xa8Y\xedzt\'\xe6\xfca~\x18\xb8\xd6\xd4\x921\xb6\xa0\xb9\xb2\xb2\xe7\x88MdV\xf5\x9a*\xc7\xd4kj9\xbd\x8a^\x17\xf5z\x91\xa0\x07\x0bd\xafR-/L\xfe\xed\xcb\xe7\x9f\xfc\xf5\xc5O\x9e&lt;\xb8\xd8D8NWW\x17\xe1\x1e\x02\xcd\x96v\xfeS2\x1c\xc5\xcc\xeb#5\x1b\xac\xe3\xaf\xe5\x9d\xc8\xfdt\x13\xcaumX\xa2\x96\xb0\xfd?\x1ah\xb9~\x8e83|m\xf2Cp\xca\x9f\xadt\xab\xdc\x8epX\x1cP\xfa@1\x8bp\\dn\xfa\xdf\xf4\xeeG\x8f~\xf5\xe2\xf2\x83\x87k?\xbc@8\xaa\xe0d\xfa\xac\xb0\xbc\xb4+\x93\x9b\xf7\x97fg\xdbrP\xa8D\xca\xb6Z\xd4\x9f\x1d`\xc1`\r\xb4\xb4\xfc\xb4E2\xfc\xd9;\xe8\xa1\xee\xd1\x1f\xff\xf1`R\x0b6H&lt;\xe8\x14g\\\x98\xd8H7\x9f?/\xd9y\xbc\xf8\xd5\xe2\xbdI"R\x8f9p\xa8\xa6]\xa9GX\xcb\x1f\xcc?\xdc|\xfc\xf8\xe1,\xa9\x80\x9a%\x16|\xd4\xa5\x7ff\x86\xabw\xcc$hy\xeb\xf6[\xdd\xc3\x93/\x9e\x7f\xf5\xe2\xd1\x97\x1f=y\xb9yv\xb9\xe9\x98\xbe\xffN\x06\xcb\xe9\xec\xd7\xe3\x1etejo\xbcy\xcc\xc3\xeb\xe2\xdbE\xf0\xd9\xe9"\xa5U\x08Gq\xf9\xc2\x85\x1bpu\xaf\xed\x80\xea\xca\x16\x0b\xdc~\xf9\x17\xf37\x01\x0b\xa8zZ\x1a\x8bU\xda\xe5\x8b\x9bO&gt;\x81\xdb\xf8\xf9\xd7\x9fw\x9e]h:\xa3\x1f\x1ct\xa2&lt;\xa2\xde98h\xc5T\x1e\xa1\x1e\xe4\x98w\xe3\xf6\x88m\xa2\x01\xc7A\x98\xf9\x94\x18\x01\xe5j:&amp;\x14\xeb\xc3\x81\xb8\xe0&gt;\x99\x8a$}v!\x04)\xf7\xf7\x80umX\xe5\x16H\x1b\x1b\xa5*\xf5\xd5\x85\xce/&gt;^\\\\|\xe7\xe6\xf0\x8d\x85\xab\xa0\x0b\xfb\xf5bp=\xed\x15\x1d\xfdw\x06\x85\xa0]\xc5\xca\xb0\xce\x1b-\x8eF\xe9U"\x9f\x11t\xac\xd2h%\xd4j5\x86\xa7\xf7i\xe9\xd8\xde.`\xe5g5\xf2\'O\x91\xc8\xb9\xbf\xde\x9c\x9f\x07,\x15O*\x956\xb8\xd5\xc7\xcet\xf7\xae|\xf8\xc1\x82V\x8d\x94N\x13\x94K\x8fb$\xb0b\x11\x94O\x0e\xea\x03a\\\xe4\xf5\xc2\xea\xb0\x8b@=[\x8d\xcaWX*\xaf7\xfa\x17C:\x9e\xd8\xce\xa1\xe6g\xd3Dp)\xc8U/\xc1e\rX\x1e\xb7\\\xce3{\x08\xc2!\xe7\t\x04l\x15At7]\xb8\xf2\xe6\xdb\xd0\xb4zD\x05\x0eQ\x8c\xa2S}\xe0\x80\x8an\xc7\xc3\x18x\x11\xf8\x00\x8b0Gi\x13\x7f\x8e\xd6\xa7b;9\xf9\xa4\xc371#oI\xe4\xf2\xf7\xdfG{\x1e\xb0&lt;f\xb3\x03\x13\n\x85\xee\x1e\xa9\xb4G\xee&amp;\x84 \xd7\xdf\xbb\xd3/\xeewB\xb5\x90\xd3G9\x92\xd1\xa87\x8a\xecuu|~Q\x9d]\xe4\x0b\x1b3\\V+A\xf0\xa2\xed\xe9\xdf\xedGR\xc9\xdf\xb6e\x89\x05\'\xa6\xed\xe5\xe6\xd7\x9b\x93\xd7\x86$\x80\x85\xb91\x10\xf2\x84\x99\'\xe7\xf1x\x98\x15\x99\x1b!\x18\xd5~g\x05ja&amp;q\xd3\xe98J\xa3\xceN+\xaa)C\xc6\x0cF^\t\x9fQl\xf5\x10\xe6\x89h\xfa\x9btD\x9f\xbc\xb5D\xceB\xd1g\xa8r\x9e\xdd\x04\x83xce\xa8\x17ay\xacB!\xe1\xe1\x99\x1d\xb8(\x8c!.!\xa6T\x8a\x9d\xf5\xed\x0c\x06\x03\xea\xc5a\xe8t\x0c\x9a\xbd\xb6\x16\x05\x00(\xc7i\xe7\xd8\xedv\x91\x0e\x06\x1f\x8e\xa8\x1a\xe3\x8f\xfc)\x9d\xd2\'\xa7g\xc9\x87\x7fa&lt;(\xd6\xb6D-$\x84k\xc3\xbdn\xe0\x02*!\x01\xdaNT%\n\x87\xa1\xa1Vq \x1c6\x1ak\x19\xe0c\x81\xab\x1d\x1c\xf5+\xc3\xdf\x8eB9\x94}\x95\x05\x83eu\xb0\xb90\xb7J\x1bsN\xfc{?\xb5\x97\x1c\xcb\x02\xebU\x1eOZ\xda\x89\xc7}\xb8\xdc\xd4\xdb\xc9vc\x1ed\x95\x85V+\x86\x87q\x1c\xc6\xd9\x8a\xc1\xa1\xc3\x95&gt;\x8e\x01\x8c\xa2\x81\xc6\xd1\x01\x967s;rt\xb5\xed\x0c0\xdd\x9a7\xb8}\xa5\xaf\xd7\x81\x9fu\x8cic\x89\xc8\xc6F*\x8e\xb0\xc8\x87\xc4\xca$\xdf(D\xda\x89%\xd2\xfcs-\x95\x9d&amp;\xb3\xc3\x83^\x9e\x84\x98Q\t\xeb\x1b\x87S\x0f\x80a\x11\xeekg\x80\xa3^\x05\x7f\xdd^Q{\x10\xc5\x01\x18P\x95\xb5\xca\xb8\xe3\xdc\xef\x96\xd4\xd0Ea\xd0\xa8\xb1X*\x10\x8d\xc4\x92\xfe\xa5\x9c\xc3\xfa\xb2\xbc\x83j\xb5}\x9eHt\xd0FnWv\nxf\x0c8\xc4`]E000\xc6F\xab\xde\xea\xc0\x95\x15\x0c\x83\x06\x94|\xdf\xea\x0c\xa3\xbe\x1e\xe6\x0b\x01\xa1\x92\xd1f\x82\x1aP\xae}Lf\t\xcd\x8e;T\x92\xf7b\xf1T\x00\xb0v\xcasIyY`\x01W\xf9v"\x1e\xe9\xf056\x9b\x04r\xb6C\xe9\xd3\xe9|:\x91\x9d\x03\x8b\xdb\x18P\x8a\xf5V\x90\x0f\x15\xb4\xe0\xddu\xcb\xd4\x96\xa5o\xc6\xeeS\xd6\xb6\xd7rh\xd0\xbe\x19\x83\xc1\x10\x0c\xb5\x86Z\x99%\xcc\xd62\xba\x88\xa7R\xed%\x12\x89H ve7\x07=|\x1f?\xf4\xd2\xca`\xc5\x13\xa9HD$0\t\xfcr\xb9\x08\xe5\xb8\xb4:\x9a\xddgD\xe7&gt; \x16\x07\x02\x01\xbb\x86\xbb\xb5\xb5\xf5\xdf\xad-\x8bK\x16\xa2\xe9\xea#:\x18\xb5P0\x13K\xc8\x90\xc2GXUr6`\xc5b\x1d\xf5\xb1\xb1\xd9\x1c\xf2a\xf7\xd6\xb7X9\xbb\xf1x$\x92\x0e\xa8*\xa7\xfd=]]\x13\xa7\xeb\xf8 \x8d\xe1\xf6\xf5A\xe1\xa0\\b\xbc\xae\x14\xa5\x0f\x00f\xb1\xc0\x8f\xf5\x99\x8aT\xbd!$\x93\xad\xae\xaeBg\x99\xa5\x08M\x01X&lt;\xb6*\x1eK\xc6*\x9c\xb1\x9dr\x90\xa8\x05\x87\xab\xd6\xb7]\x04\xacD$\x9dN\x1d\xabl\x1e\x90\x82\x05\xa4\x14\xb2\xca\x8a\x0cv\x0el#\xafW\xa9\xef\xf7iF\xc1Q#\xa7o\xb1p{\xd8\xd7\xa7\xd6\r\xce\x08m\xd5\xe5rq]\xe0\x1e\xb9L4[\n\x16\x9f.gK.%\x93\x83\xbax\xf7\xb3\x82\x8c8=~\xd8\xbd\xf5\xda+\xacXj?\x90\xb8dj\xf6w\x15\x03Uau\x11\xeco\x83\x81\x1f\x8dz\x03\xfdB\xdb\xe8\x7f\x04\x9d\xb7\xb9\xa3\x16\xcb\xd4\xdc\xca\xe5\xc5\xab\x8a-YG\x87A\xe6r\x8d\xae\xc3\xbcY\xc6\x99\xa5}o\x94*46\xc0R\x9fO\x0e\x8a\x02\x89_\xb6\xe5\x15d\xf7j\x90\x97\x97\x9f\xf3l/\x99\xda\xd7\xc7.\x8dM\x0b\xba\xce\x1d\xa5\x8cP\xf85\x9a\x19\x18f\x85\x86\x15\r\x0c\xea\xe7Fy\xf7\x16\x7f.\xe5\x8e\x8e\x8en,\xdf\xfb\xc1\x15\x9a\x85Y_\x1b\x94\xb9Pd\xb2&gt;eY\xef\xd30e\nV\x19\x1ff\xcb\xad\xd7{\xbd\xa9\xbd\xa7d\x12\x925y\xd9`Q\xc9\xf7\xc7\x92\xc2\xfdT\xe2\x92j\xda\xdfx\x842\xf2=\x8a\x8d\x15\xd2\xcc\xc0\x1f\x9bS\xd4\xf8\xfa\xf5\x85\xdc\xaa\xab\x17\x17z\xae\xdf\x1d\x9d\x1b\xa1L\xd0\x8bZ]\x06\x1d\x8c\x96k\x1c\xb5\x155\x96\t=\xb4\x01\x16\xcf\xd4\xc2\xa2q\x9cq\xfflnn~v\xc1n&amp;\xd0}\x98\xdc\xdb\x8f\'b\x1e\xff@#\x14\xeb:\xa5Z\xa3\xd0hZ\x99.\xaeL\xc3\xf7\x89\xedL\x99-j;\xb21rW\xc1\xe7\xb34A\xb8\x84fB\xab\xd0\xc4\xf1\xa9\xad) \xe3"\xd3\xcdz\xbd\xa6\x8am\x92\x16\xeaR\x89\xbdmXZ\xf9\x99re\x85\x95\xb3{i/\r\'\x9b\x00\xac#6\xdb\x08\xa5PS\xc8R\xc8\xa0\x1e\\Y\xc8\xc0\xd1qfl\xd1}\xcc,\x1d\xb1\xe1\x98XY\x91f\xcc\xa03(\x83y\x87okj\x9c\t\xabK\xc1:\xdd\xc0f\xcb\x1b\x06\x13q\xff}t\xf1P\xa9\'\xb2\xc3*(\x98\x9d\x8e\xa7S\xb1\xe4\xdb\x82\x81\x9e\xae\xe2b\n\x85\xa2P\x14\xc2\xf9\x82\xb3\xe6Z\r\x1a\x18\xba\x00\xa6\xee\xeeV\xf5lH\xcdc\x12\xc2\xe3\xa3A\xb1VW[\x11\x17\x97\x9b)\x97\x02\xca[\xdc\xc0\x13\xf4\xc8\x07\xefx\xb6\xdb\xc8P)\xea\xc9\x93Ya\x81\x94/\xdf\xdd\x83\xd5\x9c\x84\xa38 \x9d@X#ssL&amp;\xbamdA\x83\x81\xa6\x0b\x80\x8f\xbf\xd9\xeb\x07\x9b==m\xeaU\xe1(\x07om\x85&gt;\xae\x8fC\xc5\xa0\xa6\xc0\xa5\xb1\x01\xd6\x86\xcd\'\xbeu\xff;\xe4\x83\x7f\x80\xcb\xca\xf9\x9c\x00\x11\xf1\x8b\xf8\xbf&lt;{\x84\xa0\xb9\xa7\xb1\x11a]\xbf{\x97+C\xfb2H\xb3st\x0e\xb5v\xe5fgg\xf3\xf7\xfd\xcd\xb7\xc0s\xf7\xf6\xf2\xaa\x8aY\xa5L\xf85\xea\xe3\xfa\xf88\n\xa3m\x13~\xb6\xff\x9b`Y\xc3v9\xf9\xd5\xff\xcaf5[\xc7\xffO\xcb\xd9\x85\xb6\x91]q&lt;\x18\x83&gt;\x92\x87\x11\xaav\xad\xb5K\xc3H\xf8C\xd2"*1\xceT\xf3Ql\x06#\x8a\xc6\xc3h4\x0b\xa3\xa9\x83P\x02\x85Y\x17?\x0c\x0c\x05\x05&lt;Xn\x04Yd\\w\x04E4F\xe3A\x88EX[\xb2\xfbT?\x98E\xc2&amp;\x0f!5E\xc66\x85}]\xd6\xf4!\x1f\xc4\x8e\xc3B\xcfu\xb6\xd0\x87\xbeE\xba`\xcb\xc6F\xfc\xfc?\xe7\x9e\x8f;\xe7::\xe5u\xdfz\xf9\xabW\xef\xf6\xcb,\xa3\xb1\xea\xe9\x9a\xcf\xd7Z\x07\xac\xe9\xe9\'\x8f\x7f\x11\xfe\xe3\x9f\x97?C\xc7i\xdb\x02\x8eS\x1a\xcd\xc8\xc2\xf6\xaa`\xc44\xb5\x95\xb8\xe6\x02\xaa\x7f@\xfe)lf\xb31\xc7&gt;5_\xecyFF\xbd\x1f&lt;.\x18\xbd\xe3\xfaxtt\xd7~\xfa\xaf\xdf&lt;\xe6\xeb\x0c\rX~_k\xb1\xb887\xf7\xe4\xf1\xec~(\xbb\x04T\xff\\\xf9R\x00\x9d\x18\x9a\xa6\x1d\x19\x97\x01M\xc0\xc5\x8b\xd6"\xd8\xf1\x11\xecH\xf8\x0b\xe2&gt;\xc0\xea\xbd&lt;?\xdf\x9bp\x8fx\\\x1fl\xc4I\xf4\xb8`d\xe4(\xf3\xf4\xe9\xef\xb3L\x9da\x01\xcb\x9f\x83\xf00W\xf8d\x8bW(#\xff\xe0o+\x0f\x04A\x06\xa1\x00\x8b\xa35\xc6\xa1\x01LfX}\xf1kt\x1a\xf7\xe8\xd1b\x0b\xf3\x07\xe1wOv\'\xe6G&lt;^\xcf\xf5\xe1\xd6\x00\x9ebx&lt;\x9f\x9f\xbc\xfa\xdd\xafy\x1a\xe4:\x85\x10\xd1\xea\xb4r\xb9\xc2&gt;\xa1P\x02\xb4\xb5\xdb\xdb\xdb\xb2\x0c\xfd\xb6\x16\xab\xb1&lt;\xafQ@\xa7\xc9\x0e\xed4[s\xef\xb1\x8ail&amp;H\xf2\xb5\xf3\t\xf4V\xde\x9b\x03\x18\x14t=\x9bB\xf3d\xb7v\x1aw\x95\xd3\x9a\xc5\xd0\xa2\xea\xf3w\xd6\xcb\x85\xb9\x08\xaf!OZ\xc9\xd7p\xbc\xc6\x13\x9bk\xa9\xec\xfe\xe1\xe3\xc8\x9a\xcar,\xcd\xd0\x1c\xd74ss(\x8a\x14\x17\x17\xe3\xba\xca+\x0cTY\xe8d\xcb\x15\x1d\xc0\x13\xb2\xe8\x9d)\xf7uL\xb5\xfb[\xf5\x9ee\x8bM\x9f\xff\xc2\xf4cc)\x85\x92\x1d\x87\x91\xeb\xb5\xda\xbb\xab~\xf9\xc9\xd7O \\\x1d\x16r\xad\x8b\xa6\xde\x149\x9a\xeb6\xfd\x05\x14\xdd\xa6\xa7;q]Rj\xdc\x91\xc7\xf5~~5\xfa\xe1C\xa8\xd7\xef\x04\xe2\xef\x9e\xbf\xb0\xcf\xbfo\x00\x96n\x96\xfd3\x18&amp;)\x8c\xc3\xc1\xb2\xd9\xab\xcb\xc3\xc3~\xff\xf0\x10^\xd0j\xb5:fS\x047c\x83\xb9i\x14\xdc\xa6;\xa6\xaa\xd0Zog\xc4=9\xb01\x88\xe8\xfb\xe9\xdc\x91\xdd\xa3\xa3\xdd\xbd^\xc3f\xcbe\xdf\xdaLa&amp;\xc0k\x00%\x8a\xcd\xfe\xe5\xdb\x9f\x80\x0e\xcf\xce\xce:\xad~\xbf|J\xe5\xf3\xb4(\xeac\xc8\x88\xe9\xf1\x96\xc9\xd2\xb4}0\xc0a\x96(z\xe2\r\xf1\x0f\x8d\xe7\xde\x1a\x9d\x7f\xdepX\xbd\xec\xf3E\nk&gt;\x9e\x05S\xd9\x9c\xde\xbf\xba\xc6\xea\xa3ew\xfb\x87\xfd\xab+\xea\xfe\x1f\xeeg\xc5f|&lt;\xf1\xa8\xb8\x98n\x95uQ\xd3\xb8\x97#\x83\xc4\x8a\xa2&gt;cj\xca=\n\x9e?r\xd4\xb3\xb8\xa6\xae\xeb\xe5\xb2_%EV\xabg2\xb5\xd7\xaf\xdf\xbe}]\xb1z\xff&gt;9\xf9\xe1\xbb\x07\xaf\xae\xbf\xbb\xff\xd5gI5\x18Ow\x8a\xe9\xe9t\xcb\xaf7i\xa7\xb77\xea\x19\xd8l`\xf4\xc6\xb5\x11\xa7\xa6&gt;v{!\xde\xef\x1e \xef2\x11\x96\x0f\xb0j\xf8\xdf\xbf\xca\xbc\x86\xf5\xd7W\xab\r\xaba\xc1Wo/\xfb\x97W\x95Jl)\x9b\xc2\xc6\xc7\xe2\xe9tk&lt;\x8d\xe9,m\x1d\xccC\x136\xc0\xab\x06h\xebD]\x93\x93\xcf\x00p\xe2\xa8m\x83\\M\xdd\x1f\x0c\x90\xac\x12\x8b\x19\x99\xca\xeb\xab\xcb\xcb\xcb\xb7h]"\xe7:\x03#&amp;y\x89\x08\xa5\xb0t&lt;\x9e\x1e\x87\x0f\xbd\xc9:\xed#4\x03q\':0\xac\x1b\x93\x93\x93\xff=\xe1\x1f\xdd9i\x80\x9f\x83\x1dU\x92$\x89d)\x9b,\xbd\x83\xf8\x80p.\x0f\x8f\x8f\x7f&lt;&gt;;;==\rDf\x02\x81\x99\x08\x16\x8f\xc7\xfd\xfe\xf8\x85.r\x8d\x93]\xd4V\x0c`\xea\xe7\xff\xe9vs\xfey\xbb\r\x91\xb2\xa9\x93\x92J\x12\x04\xc1\x93\xa7:\xb8\xfa\xd9\xf1\xf1\xf1\xe1\xd9\xf1\x8f\x80uQ\xce\x95s\xe9\xb1\x8f"3\xb00\xcc\x8f\x99@\xc5\xb5\x0fv\xa1Rv\xddy6\x14,\x0f8}\xa3\x0baAdE\x95\x94Rj\xb0l^\xac\xaf#\xaa\xe3\xb3\xf5k\xacN\x07\xfc&lt;Q\x1c\x8b\x80b)\xe8\x93\xcaf\x93\xe5\xecFo\x07]\xcb\x18\xa4\x11\xff\xf7\xbc\xcb\xb3\xf7\x03`q6\'\xb2,\x19\x00(\xb3\xd5\xbaX?\xfe\x0b\xe2B-\xec\xf1zb&lt;\xdeI\x00\x16\x86}\x1aN\x05}\xaa\xaa\xb2\xac\xed\x08\x8d!c\xb5\x1b\xedv\xd7\xa15\xa8\xbdT\xdd\xbc\xe8tZ\xa6\xf9\x06\xad\x17\xe8\x93i\x9aX&lt;\x01X\xd39l\xc6\x07\xfbB\x92T\xd6\xb6\xad\xbc\xb5\xe3\xf6\x0c\x15\xcb\x02,N\xabi\xb4\xa46\xcbP\xa8^\x98:\xeb8\x0e\x04\x88F\xb7\xcb\x06\xc7\xd3\x9d\x04\xa4\x9cq\xbf\x0f\xc3|\xa4\x04\x8d8k[xF\xdeC\xcf\xa0n\x0c\x0bk\xa7\x8d[\xb0\x19i\x9aey\x12\\\xabu\xd1J\x03\x17\xed4\x90\x8a\xba\x99.\x16A\xab\xe2\x98OJ\x01V@\x92\x02$m\xb7\xeb\x19\xe1\x08\xea\x87\xe1\xa9\xb5\xd3\xce\xe0\x8d\xb6\xad\xd1\xc8\xe7I\xd5_.\xb7\xd2c\xe0H\xb0\xdd\xba\xa2\x9a\xcbAS\xb8\xb8XL\xa4\x83\xf03(\xb2\xc8S\xc0\xb2\xec\xd8F\xfe\x08\x9d\xb4\r\t\xcb3\xf2E/\x83[\x96ekZ\x8d\x15%\xd0\xcb\x17\xbc}\xfb\xa3\x9f\x17\nX0\x18\xc9\x8d\x8dA\xcfSL\x14\x13\xe3~\xf0&lt;\x95\x05\xd7"y\x9b\xc3\xab\x1b\xf9\x97\x13\xee!](Cj}\xd1\xcb\x1b2p\x81si,\xcb\xaaM\xa8\xa1\xc7\n\x85\'PE\x17\xa6\xa7\xd3\xc5\xc4\xa3\x04\x94\xa4i(\xfc\x9a"H*\x85x\x05\xaf\xc7\xaa\x1b\x99\xe7\x13\xc3t\xf9\xdd\x93L\x05\x97\x05\xcbA\xd5\xb1\xc8\xaaz&lt;\x0e\xdd\xe9\xdc\xf45V\xb1\xd8I\xa0C\xa5D\xdc\xafC\xd5@1,\xa9(5\xdc\xa8lld\xa0\x13\xf3\x0e\xe7\xd6\x16\xc2\xfa\xfc$_\x8d\x19B\xdd\xd2\xea\xd0\x9f\x91j\x19\x02\x17\xb4\x1c\xe0S\xc0\x95\xbb\x9dCX\x90n\x9a\xa6\xc8\xd4)J!\x15\x8a\xa2@\xac\x8d\xe5\x93\xf9\x9b\xeeaay=\xf3\x07\xf9\xa5J\x0c\xaf\xd7\xeb\xa8\x03\x83p\xaf\x9bq\x0c\xeb\xe4"\x85\xdc\xda\xa7\x91`\x10j\xd3\xb4n\x8ab\x97\x11\xf0\x9a\x02Z!\xac\xd2\xc3\x8d\xbb\xbdy\xd7\xd0\xb0\\n\x84U\x85\xae\x1e\xb0\x0c\xbcn\x03\x96\x0e\x81\xdc,\xfb$R\x91T\xe4\xe7\xba\x89jy[\x96\x19D\x05\x8bJ&amp;KKw\xdb\xbb^\xcf\xd0\xd4BX\xd5X\x0c\xc9\x85\xc3\xb2l\xee:A\xb2P\xbc3\x06\xcdj\xac\x88\x8a\xfdn\xd7F]\xe3\xb5V@U\xca\x96\x96\x96!\xfb\x80Z\xc3\xa9 \xd0\xc1s~)V\xaaT\x80\x8b\xc2q\xd9\x92A1\x16\xba|\xae)\xda\xdd&amp;\xf4a\x9c\xfe\xe6M\xd7\x81\xd6\x8d\xd5\xb2\x14\xfc\x01\xb1d\t\xb0\xaa\xcb\x16\x9ah\x1e\x96\xcb\xbb\xfft^\xa9\xc6\xaaKK\xa0\x17e\xe0\x8cc\xc9\x96Mk\xb4\xec\x88]\xb1\xd9\x15\xbb\xb0^\xbc\xe0\xa0\xcb\xa65\x802*\xd5d2\x9b%@-\xf9\xc834\xac\x9b\xee\x89\xe7\x95j\xb5R\x85\xb2\x187\x0c\xdcr\xa0\xafopm\xceqPg\xc8A1\xd6\xeeB&amp;\x07\x13\x02\x95\x01\xe6N&amp;\x89P\x88x\xb8\xb4l|;t\xacX\xa9Z5bF\x1e\xb8\xd0yC\xa3\xed\xc8\x0e\x03\x9d4\xa4EX\x16\xe3\xd04M\x19F%F\x10 Uh\xe1\xde7K\xcb\xf9\xef!)\x0e\xa5\x0c\x84b\xde\x8b\xb0@\x82d\t\xb8*y\x01\x9c\xde\x12\x04\xe1;Y\xc0q\x87k@\xbenX\x0c\x03\x8cr&gt;_\x89!\xa5B\xe1\xd0\xc2\xc2\xbd\x87(\xcc{\x87\x95|\\\xa0\x96QJ"\x7f)\x817\x1b\xf9m\x81\x01;\n\xe0\xfa\xe0\xff\x8c,\xcbN\xc3\xb19\x066i\xde\xa0@\xa8px\x7f?\xbc\xb0\xb0\x00X\x07\x90\x14\'\xa3C\xc3\xaa\x94b\xa5d\x96\x00\xb6$p\xad\x82b2:\xd4\xc2qP\rg\x90T\x90\x9cV\xf3\x14\xa1\x84\xc2\xb3\xb0\xc2\xa1\xad\xad\x85o~\x9b9\x99x\x7f\x01|r\xd0a\x02%\x1f\x84\x85\xa8\x08\xf4\xb4:I\xe1\xf9\xd5\x95mAF6\x14\xe0\x15\xb1\xe1\xc2\xeaj\xde\xc8\x92\x12\x1a\n\xfadmm3\x14\xde\x02+fz\xf37]?uPw\x06\x1e \xe6\xcf\x01\xab\x04X!\x02\x04#\x14\x05\x81\xad\xa0S\xcam4\x12\xb7\rL\x82\x81\xd3j\xca\xe7\x0b\x11\xe1\xd9\xc8\xdalx\x0b\xd6\xbdj\xa6\xb13\xea\xf1\xa0\xfb&amp;\xd0s\x0e\\-\x88\xf2h\xd3+!)\xb5I\x00\x1d\xa1\x81w\xaf&gt;X\xf9\x12\x98VV\x91VT\x8dV$2\x10H\x85\x88\xcd\x19,\xf2\xcbp\x18\xc0\x16J\x19\xf9\x08\xfd\x87\x06\xaf\xdb\xe3v\xb9\x86\x82\x054\n\xc1\x03\x97\x04\x92\x91,\xad\x81\x8f\t8\xe4dM\xc9\x12\n\t\xd54\x19D\xc3w\xa9\x9f\xcd`k\xb3\xfb\xb3\xfb[[\x10P\xf3\xd0\xee\x8fz\xdc\x83\xbf\xc6\x0f\xef\x07\x85M\x85"B&lt;\xcfK\x9b\xa9\x80/\xc5\x13!\x89\xe7\xc1\x96Y\t\x81H\x9b\xfb)\xa8\x95\xc9`\x10\xdaj\xdfL\xe46\xf6\x1fV\xce5\xb4\xad\xf3\x8c\xe3\xd6\xf1\xd1\xe5HG:G\xf7;\x15\x95\xb0\xa7\x93\x08!L\x14\xa3-\x83\x992\x0cN\xe8\xc5\xee%W\n\xee\xa7\x9d\xc2 \x0c\x86\xb6@\x87\x02\xee\x87C2\xa9\xcdZ\x88\xe9\x08\xae\xc6\x08\xc5t\x83\nB\x8d\x14\xb4Z\xa6\xc8\x8eL4\x83\x0c\xc1\xae\xb0?83\x0c;\xfb\xdc\x0f\xfb?\xef+\x874\x1b\xa3i\xf6:\x96c#\x1d\xfd\xce\xff\xb9\xbc\xcf{\xce\xab\'\x93\x89d\xf2wS\xc0:\xfd\xf2\xbans\xd8\xc4\xff\x13\x16\xef\xea\xc0\xbd\x15e\xe02a\x01\xa5\x0c,\x7fa\x1a\x89\t\xcb\x9b\xe9\xf1B\x06\x8bh_!\x9f\xd7\xc2^7\xddvt\xbb\xd5D"\xa1j\xe9H:s7\x95\xfc\xe2\xda\xe9+\xb7\xbf}X\x8b9\xc4\xc7\x17\x9a\x9fg\x8b\x06\xbdx\xe4\xe4\xc9{\xfc\xf2[\xec\xfe-\x86\xe5\x1f/\xfb\xa1\x87\xdf?\x9e\x9c\xa6%j\xd8\xed\xd7T6\xb2n,\x0f\x0ba\xaf7;\x19M\x044-Nr\xe5R\'\xae\x9d\xbe\xf4\x97\x8f\xfev\xd0\x16l\xa3t\xf1t\xe4\xf9&gt;\xa1\xfb\xb8[\xc6I\x1b\xbb\xb9\xb8\x7f\xfb\xfd\x1f\x9fM\x8e\x87\xdd\xd0\n\\\xee\xc2\xf4\xb8;\xec\xf6z\xa7\xfdY\x95]\x9f\xc9\xaai/\xd6\x1d\xa0\n%B\x81\xb4\xa6i\x99\x0c\x92\xd7\x89\xe3\xc0\xfa\xf8\xcd_\xef\xe8\xd2h\x90\xb5)y\x9e\xab\xf3\xb4\xf7\x87u7\xb1\x8d\xe2\xd1n\xec\xff\xfd=`\x9d\x19w\x13V\x81\x81\x8dC4o\xb8\x10V\tK\xf5\xe2[\r\x91j\xa1\xec\xcc\xcc\x8c\xa6\xa9Z)S\xca\x97\xe1\\\x97\xde\xf9\xe8\xaf\xbf\xf9\x87!Q\x9f\x0b\x1bk\x95b\x1bz\x8eM\x1a\xac1\x05\xef\xbd\xd2\xfc\xfa\xca\xb9\xf7\xc7(\xfe\xdddB\x82s\x87\xc3\xa4\x96\x9aej\xa5\xbd\xd1\xc9l6\x1a\r\x01.\x1a\x9a\x99\x01\x9f\x96.\x01+9v\xf1\xd2\x1b\x9f\x7f\xfc\xe6\xbe.\x0cZ\xbaH\x03\xc1~\xf8\xf6\x1fI\x10e\x11zI\xed\xaf\xbf&lt;w\xee\xb7\x88:\x10\x95\xdc%\x00\xb9\xb1\xb2\xf6\x86UB\xa1\xefD"\x1b\x9d\xc4Wv\x12\x8b\xda\x10\xb8fT\r\\\xeer\x12%\xd7\xa5w~\xff\xd1\x9e \xd8$\xab\xcd!\t\xd2\xc0\x92?\xe0r\xdb\x88ud\x94\xae\xe6\xea\xba. \x0c\xe5\xe6\xedKX`\xbcv\x06X\xa5p)\xec%.x\xb7\xea\xcdfCD\x14\r\x85\xa2\x93\x18`#\xd7\x8aFg\x10\x8b\xaa\x8a\xd8L\x8e]\xbb\xfe\xee+\x9f\x7f\xb3$\xda\xec\x92M\x94\xe9&gt;\xcb@\xad{\x18\xcf\xe4\xe6\xf4";5[X\xeb\x19\x15:\xb9\xda7_^&lt;&gt;\xf6\xda\x19\x18\xb1\xe4\xa5\xd0\x0b\x17\xfc%\x90\xc1\xc3\x13\x1c+\x8a19\x19%\xdd\x12\xf89\x13J\xe0i\xb4\xe7zl\xee\xc2\xf5W\xae\xac\xc4\xe8F\xb5$\xc8FC\x97\x9ep\xfc{\xcf\x88E\x8d \xf4\xf6a\xaf\xe2\xa1\xcfE/\xee\x03\x0b\x99\xfcL\x19&gt;\xa5\xa9W\xd5\xabZ\t.F\x91\xa7\x05\x02\tb\x8af\x13Q\x180J6$\xefJ \x18\xdd\x98\x0f\x08\xeb\x8d\x1bK"\x9b\x7f\xb0\xb0+\xea\x82\xf4\xccX\xf4\xf4\xd1A\xbf!!\xa6\x1b\xf3\x1e\x8fGDm\xba\xf7\xcbk\x98\x101\xf1\xf8\xfd\x90\xcb\x0b\xfbx\xbdio:\x9cN\xc75`\x91\x01\x99R\xa1\x1f\x858\xda\xcc\xdb\xaaZ*\x94S\'\xe6\x80\xf5\xc7\xf5\x18\xa6\x1f\xbasj\x8b\xad\xee\xacNP,\xd1\xbe\xa7\xefw\x11\xe0\x89\xd6&gt;D\xa5\xb7\xfb=O\x85a\xc1\x8a\xa7Q\xdc\x91\x11\x99O\xa9Y\x95l\x99f\x83\xb0\x98^\xa1@ \xf0\xf6\x0c\x98\x80\x87\x84\xaa\x15R\x1f\x90X\x17\xde]^\x94E\xbb\xc8b\xbb\xd6\xa9n\xef\xea\xd4_\xc9\xfe};\x17=\xc1\x84\xd3j\xecl\xbb.\xd7\xa0\x96,Z\xa5\xca\xde\xed\xb1\xb3I\xb6\xa9\xc5\x0b\x87\xfas(\x8bH\xd3\xd2@\x03J\x82H\xb2\xa1P \x12\x8f\x032\x80\x87@$\x97Gv@5?\xf7\xab\xeb\xb7\x96\x048\x96\x83\x0e,\x1a\xbdN\xbd\xde7\x98\x7f\xd1\xb5\xde\xffyO\x13\xb17\xc4\xef\xf2\xb0\xfb\xf7z\xf4\x91\x00\x00\x088IDAT&lt;\x92(\x18\x0f6\x9c&amp;W\xbd\'zdYt\x88Rq\xff8\xe6i\xa8\x05,7\xb8\xe0J*a\xc1\xc3!\x0e=\x86\xc0\x13\x0f\xa4\xe3\x19_&amp;\x92Ngr\xa9\\\nT\x1f\xbe5w\xa3)8(\x0c\xe9\x86\x1b\xd47\xd6\xb6\xab\xdd\x86@\x19\x91\xfev\x12\x13\x1cV\x0bC\xd6\x91{O\x95c#\xd6\x91\xef\xf4f\x12\xa4X\xb3[W\\\xa6\xaa\xab/\x83J\x14\x1dR\xac}\x035\xcd\xb8\x9f\xd4r\x87\xaff\xc9\xc7\xb5t\x9ch\x08\x88\x8d8\xd4\xcad2\xf4\xc1\x03L\x879\xac1fg?\x9c{}}\x02\xc9\x01\xff\x1c\x92$\x1a\xc5\x8a&lt;\xdf\xee\xd4/?0D\x1b\xdb\x91wT\xb9\xfe\xe7.\x97\xa3\xceLl\xe0\xb4\x84\xe2\xdaF\xd5\xe5\x02\x96\xd21\x90P\x1d\x0e\x04\x91\xbe\xf2\xe2Y\x86\x85\x9cu\x1e\xc9\x9dr\'4B\xf4A\xaa8\x06\xb00"\xbe\\\xce\xe7\xf3\x15|\x90\x8b6\\\xcf\xde\xa4;dv\x9bCd\x9eupg\xad\xe8\xa9\xd4\xfa\xdb\xf5\x83\xf6\x84\xed\xf1\x16\x84\xff\x8a5rl\x84\x82\x84\xf29\xe5\xd0\x85\xdeV\xdde\xa2\xe1R\xb6\x1b$\x96(\x06\xed\xd2\xc2\xe6\xcd\xe9\xf1\xf3nJ\xa4\xf8\xa7%\x10o\x94\x10&amp;I\xab#\xac\x00\xc3".\xe8\x95JbIvj\xc5\x90\xa9\x13\n9\xac\xa8\xefTM\xe0\xd1\xe7\x8d\xbdNk\xfb\xb0M\xb9\xc2\xce\xb69\xb3O\x1eX\x9f.b\xb8\x97\xd3\x84\x15[\xd8\xeb\xb6\\U\x97IQ\x80e\xaa\xf6&lt;\x8c\x0b\xbe!,,\xdfD~8\xefvS\rA\xde\x9eeY4K\x17+\x89*\xa0\x05Pee\xd8\xa7j\xf2\xb0%\xcaf\xa2\x12\xf9\xecLw\xe4\xf7Zt\xae\x1bk\xc5\xca|q\xb7\xd3\xda\xd8!0&gt;I\xdaF\x9f\xfa\xbc\xcdQ\xf4Q\xba\x8b\x15{\xddm\x97\t\xf6cXp\xae\x9d\t\xe6[\xd0R\x16\x96\x96O\x95\t\xaa\\.\xe7\xf3\x91x\x00N\xc5\xa8B\t@\x01\x0e\xb9"\x12\xe1V\xcc &amp;s\xb9\xe4\xa7+\x8b\xe4\x03\xa8M%\x1c\xa5\xb8\xa58q\xbe\xceV\xb7\xad{\x00\xb6u\x04F\xa2X\xf9^%n\xcd\xef\xa4*\xa1\xd8;h\x11\x14aq\xb9\x9c[E\x1c\xd7\x8a\xf4\x8c\xe3\x12\x17\xd55\xe5\xf2]\xac\x03#\x1a\x0b?\x95\x80\x88*\xa1\xa5\xd3P+BbE\x90"\xd2\xbe\xd4\xadU\x9d//\xf0ZQ\xac\xacU\x9d\n\x86I\xa9n\xac\xd5*\x9e\xf9\xda\xda\xd6\xf6\xc6Ns\x82\x9b\xcaj\xe3m\\\x18\xda\xd01\xde0J\x14c\xc5\x07\x9dV\x95\x88\x08\x8b\xac\xa88-\xc3\xf5\xdd\x8a\xe8\x08R/\x1bx\xad\xb0\xb0y\n\xc5|\nr\xe5\x18\x18\xf3\xa7\x00\x0b\xc4x\x1aer`\xe0\xf2\x902\x91~u\xb9\x89\xc5\x05s\rP\xc9\xb1\xc6\x86\x19\x87\xa4\xb3U\x94\xfa\xd6n\x11`\r\x80!\x08xre\xd7\xc1\xacCO\xe8\xc4\xcc\x07\xa5\x06B\x11\x19\xc46\xd3\xc7c.7!W\x90\x0eOz\x82\x0b+\xf9\xe9T\xaa\x8c\xf2=\x9f\x818\x11rtD`\x86~\x81D\xc8W&gt;\xfa\xdb\xef\x1e\xad/\xc5\x82\xcc7\x10\xcc\x82,4\x0e\x14\xa7\x93\x89\x058\xa7\xa9\xd5\xd9-\xce3\xb0\x8d\xee\xde\xe2\xa0\x93\x1e\xaf\xf3`\xc4A\xb7=\x03\x8enR8\x92\xc2}\xcbl!\xaaa\xf3\xa1\x814\x0fC\xd2\x9e0\xc9\xb6\xb8~\x8b_\xf8(\x14\xe0\xd8\x11\xd0P\xb2\xa2\xd0\xc3W$\x10\x87X\xf0\xabx\xf8O+\xf7uQD\xc9\r\x911P\x8dtM\x16\'\xb8pd\xfc0\x99\x9c\xe6zg\xb7\xc6\xc1\xee\xf4\xa9\x83\x8b=\x18\x1c4eb{\n$\x19\xa5\xc2\xc0\xd1\xb9O\xb9LN\xd8o\x8a\x0f\x98Qv \xedXaJ\xb8\xd8Ds\xf9\xc5\xb9\xd9\xd9d\xfe\xee\x0b\xc8\x02\xe0\xc9S\xf0\xc1n\xc8\xa1\xf1@\xe4\x85\\&gt;\x1ep\x7f\xb5\xf9\xaf\x05\x942V\x84\xbe\x8d\xa8\x04P\xb9\x86-f\xb3\xd9\xa90\xcd\xf0.N\xb3\x19\xa6l0\xb0N\xb7\xb7(\xb1\xe6\x1f\xd4U\x8b\'*\x0f\xb2\x1b\x19O1\r\x06\xf9\x14\xa08\xd7\xb0e{/&amp;\x0e\xce\x817\xe2z\xf0\xf2\xc5\xb7f? #F|G#\x13!{\x06|\xb0`\xe1\xa5\xe5\xd5b\x85\xccn\xb7:\xa8\x1c\xb5\xc2E\x0e]S\x16\x0b\x0ek1s\xc5@Et\xd5\xcb\xfd\xa6\xce\xc0vj"\xc3\n\x06\xd9\x94\x1e[\xec\xdd\xa9\xba\xaa\x94\xa4x\xf4\xe1\x05\xc3l@/|\r\x0f+\x97\xdbT\x87\x0f\xee\xf5Si\xf1p\xff\xbd\x0b\xb39\x1f\xbc\x89\xe9\xc5\xd2\'\x08\xc9\x86\x85\x9f\xbe\xb4\xf9\x103\x0c\xa8\x82A\xb2\x1f\xb5\x9f\x13j\x87U:O\xe2\x02\x98B\xef\xc1\xf1(*\x0fW\x8dy\xa3\xddG\xd6\x1009\x8e\xe0dlR\xa5\xcd\xb2\xa7\xebH)\xa7\x99\x9d\x13{ 6\xe2\xaa\xae\xe1m\xac|g\x04/\xc4 \xd8\xf5\x9f\x7f\xf2\t\xf3*\x02CF\x88\xf8R\x91\xf8\xf9\x9f|\xb6\xd24bP\xc8\x8e\xec\xcd\xdd\ne\x16,8e\x19~&lt;\xccl0\xff\xc70+\xad\xeejq\xde\xe8uw\x17\xf8v\xb6\xa0\xb0\xf0\xed\xb6B9\xddu\x04\xc5T\xb2\xd00[\xe8\x7ft\x92\xa6\xfe\xbc\x87\x92"\xde\x852#\x9b\xcb\xef\xff\xf3\xe64\x85 \xd2\'\xf9:\xed+\x1e{\xf5\xd1\x836\x15\xd9t\xc9\x81\xb9\x14\xbd(h\x15\'\xfaU\x0b;?~\x9a$\xdb\xc0\xc9\xc8\x92.\x13\x9c\xac\xbbj\xc8\x8d\xc3\xfe\x10\x05\xaembo\xab\xaa\xb0,E\xaeU\xad\x9b\x89\x86\xe9\xcc\xb0\x06|S\xce\x1d\xbd\xe2!\xb7\xc7R\xcfa\x15)\xea\xad\xa2\xde\\\xf9*\x1c\xf8\x19&amp;\x1e\xf2*_\xea\x0f\xaf/7\xe1Q\xe0\xb6\xf3\xe8c\x05\x11^ \xcb\xc5\x03\'\xa2\x9a\xf9\x85\x85aMq\xc9\x9cL1\xb2\xa4\xd9Y?X\x8d\x19\xbd!jB\xd1\xe8\xf2L\xe5\x82^J\xb5\xd3;\xc4S\xf1tnE\xf3\x00\n\xbf\x99\x0f\x81\x85\xb9\x91\xb6$\x07\x1dH\x15l]$\xe8K\xeb\x8f\xce\xc7\xa9\xe2K\xfe\xe2\xd6\xf2\xc3\x9a\x8e\x12\xd4\xcecO\x96YADs\x16RVc\x83\x1cb\x8a\x8b\xcf$;"\xe3PNr5s\xabo\xc4\x86\xe0\x1f\xacza\x13\x9f\xcbU\xdf\xea\x15\xe7\xd7\x9c\x80!\xb3\x1f\x99\xd1\xcc\xb9\xcc]\xc3\xc3\xaaT\x98$huPz\x19E\n\x93=\x13\xc5\xe6\xe6\xa7\xc7O}\xb6\xf9\xb0fTdr({p\xc0DZY\x8fA5\xd9\xe3Ym\r[\xb8o0\x17\x01\x15\x9d+\x1d\x99Q)dK\x80U\xb7V\x87\x0c\xaa^0\x142b\xf5\x0e\x9b\nv\x91\xf0\xb8;\x92\x059!=:\x81\x05+\xd2[\x81J\xe4\x9b\x82X\xc6\x93*z\xb3\xb7\xfa\xef.\xceXGA \x08\xc3d\x85\xc3\x93]Hhh\xec-\xee-l\xefQ\xe8\xecx\x06+j\xba\x0b\xed\x95&amp;&amp;\x17H,l\x84P\x18\x92\xab\x8e\x98\xb3\xb8R\x1e\xe1\xfe\x99Y\xbc\x8b[\x10\x05\xc3|\xfc3;\xf3\xdb\xf0\x91\xe6b\x04\x90&lt;\xad\xe3\xe9\x11|\x82\x02Vq\xad\xa0\x92\x95\x9e\xeb\xe3u\xc6\xd5\xe5\x85]\xcf\xd3\xc4\xb3\x19\x1d\x9cQ\xf2\x17\xc1\x19\x87\xc3wM\xffp\x8a\xcf\xd2\xc8u\xcb&amp;\\X]F\x91lb\x02\xdf\xa7*\xa3\x97\x91\xa8\xbc\xa0\xec\xc2\xfd\x06\x10j\xce\xd2X(\xdf6Rp\xa6c\xe8\x91N\xde\xb4\xc3I7*+3\xd4\xa7[\xc5;\x12!g\x18\x02\x8e\x9</t>
        </is>
      </c>
      <c r="M28" s="3" t="n">
        <v>45492.67775462963</v>
      </c>
    </row>
    <row r="29">
      <c r="A29" t="n">
        <v>40677</v>
      </c>
      <c r="B29" t="n">
        <v>5926</v>
      </c>
      <c r="C29" t="inlineStr">
        <is>
          <t>Fábio</t>
        </is>
      </c>
      <c r="D29" t="inlineStr">
        <is>
          <t>Fábio</t>
        </is>
      </c>
      <c r="E29" t="inlineStr">
        <is>
          <t>LD</t>
        </is>
      </c>
      <c r="F29" t="inlineStr">
        <is>
          <t>LAT</t>
        </is>
      </c>
      <c r="G29" t="inlineStr">
        <is>
          <t>LD/LE</t>
        </is>
      </c>
      <c r="H29" t="n">
        <v>172</v>
      </c>
      <c r="I29" t="n">
        <v>2</v>
      </c>
      <c r="J29" s="2" t="n">
        <v>33062</v>
      </c>
      <c r="K29" t="inlineStr">
        <is>
          <t>Right</t>
        </is>
      </c>
      <c r="L29" t="inlineStr">
        <is>
          <t>b'\x89PNG\r\n\x1a\n\x00\x00\x00\rIHDR\x00\x00\x00\x96\x00\x00\x00\x96\x08\x03\x00\x00\x00\x0b\xdf\x81\xd0\x00\x00\x00\x04gAMA\x00\x00\xb1\x8f\x0b\xfca\x05\x00\x00\x00\x01sRGB\x00\xae\xce\x1c\xe9\x00\x00\x03\x00PLTE\xff\xff\xff\xa0pQ\x0f\r\r\xb0\x81b\x12\x14\x17\x0b\x0c\x12\xa7wX\r\x0f\x15\x10\x11\x1a\xad\x7f_\x13\x11\r\xab}^\x12\x0c\x08\x17\x15\x10\xa9y[\xa5tT\xad\x80a\xb2\x83c\xa9|[\x9dkO\xba|]\xbd\xbc\xc3\xcd\x8dq\xabtU\xc2\x80_\x15\x11\x12\xb7\xba\xc3\xfd\xfd\xfd\xc9\x87l\x12\x82\xbd\x19\x16\x18\xcb\x86d\xd6\x8aa\xc1\x80e\x94dG\xdc\x8ef\xbdyX\x14\x13\x1d\xcc\x8cl\xbe\x85f\x10\x14\x1d\x0b\t\x06\xc6\x82d \x1a\x18\x17z\xba\xaeyX\x1b\x1a\x15&amp;\x1b\x14\x1a\x0f\n\x14{\xb6\x15\x19\x1e\xabpO\xb8v[R;/\xb9\xc0\xc6\xc4\x88l\xf9\xf8\xf9=-$\x1e\x1d\x1f\xc0|\\\x99iK\xa5nQ\xd1\x85^\x1e\x15\x11fF3\x14\x7f\xbc\xa5uZ\x10\x86\xc1\xdd\x97r\xda\x92m\xa2kJ\x8ddL\x95jN\xbc\x81`\xb1z^\xa6fC&amp; \x1d\xb1nJ\xb1uR\xb5zX\x9cfH./7\xb2\xb7\xc1\xd0\x88eoRC\xb6\x7fb\xbe{b\xad\x7f[^@0. \x187\'\x1c\x8e`C\xc0\xba\xbd\x91iUI6+vTA\x1e *F0#\x85W;\xabjH\xc6\x87enL9\xb8uT\xd2\x90pR3"\x99nS\x10\x81\xba\xab\xac\xb4\x9fsV\xc1\xc0\xc8igntJ4\xd1\x91x\xb6\x86g\xd5\x8dh~V@\x88^C\x86^J/\x8f\xc3\xf3\xf2\xf3\xb8\xbe\xbezO9#\x13\n\x9c[;~]G\x87fU\xb1\x80^,%!\xb8sN~}\x81\xd5\x97{\xb0\xb2\xbbD(\x18\x83YD\xb9\xc1\xce\x83cN\r\x15\x14.\x19\x0e\xa9\x83i\xa2{[\x18\x1b%\xd2\x95s\x18t\xb1[cm\x8f^Ktrv\xdb\x9c{\xa1a@Z9\'&amp;)1\x8dZ?\x95_@\xa0lY\xee\xeb\xec\x9b\x9c\xa3\\F:\xb2\xbf\xc2\xde\xdb\xde\xe5\xe4\xe6\xc1yS\xbd\x88n\x19}\xc1\xb3tY0*)CEL\xc9}Y\xac|e\xb4\xba\xcd=&lt;C\x85P7pC-\xb2\x81lfOC9 \x12\xa8p_\x9fs`\xc5\x8ej\xaa\xb0\xc0\x9baB\xc7\x91r\xa6\x7fbf&lt;%\x8a\x8f\x99\xe4\x9fx\x94X7\x94q^\xd5\xd0\xd2\x98aNfJ&lt;\xb2nS$#%SW`\xa5\x86t\x9e\xa5\xae28B\xcd\xc7\xca\xb8\xb7\xb9\x9f\xb5\xc6WQTvYKk\xa2\xc2\xc0ts\xa0\x7fjLKQ\x8d\x86\x88\x11}\xadIP[\x9cdZ\xa9\xc0\xcf\x8f\xb2\xc4855\x81\x85\x8dL\x94\xbcdqy\t\x85\xb3b[\\\xa7aP\xaa\xbd\xc6\xb3jd\xb2\xbc\xba\x17x\xa2\x9aWO}I.\xa9\xa4\xa8\x96\x93\x99=\x90\xb7#\x80\xada\x99\xb4|\x9d\xb50\x83\xb6\xe3\xd6\xd4\xb1\xa0\x96\x92yn|\xac\xc0\x92NG\x1e^\x84=\x89\xac%q\x98\xa6\x90\x85\xd8\xc4\xbd\x86oc|\xad\xcc\xbb\xaf\xa8R\xa0\xbc\xc3\xa3\x9a\xc6\xb5\xaeg|\x8c=d\x7f\xbe\xb1\xd0\xb6\x8bzMs\x8exh^p\x89\x9fK\x80\xa8\xe8\xa4\x84)Vo\x11K\xef\xb5\x00\x00 \x00IDATx\xda\xdc\x98\xedO\x1b\xd9\x15\xc67^\xefF\x9d\xce\xb4\xd2\x92\x02\x96\xd1\xe0\x00beF\xccXq-\xf080\xa3\x08\x1c6\x19\xc0\x91i\x85\x07\x05\xd6\xbcG\xec\x1a0X\x08\x07d\xc8\x125|@\x05\xec\xe28\xc8\x80b\x88xMV\x8eh(%\xdeJ\x89@*|\xa2\x1f\xf8\x16\xf2\x97\xac\xfa\xdc\xb1\xab\xee\x1f`H\xd5c\x8f\x07_#\xdd\x9f\x9e\xf3\x9cs\xef\x9d\xcf&gt;\xfb\xff\rc\xa5\xf1\x7f\x8b\xc78\x12\xdf\x8f/\xbd;\xef\x8b\xc7b\xf1}\xfc\x19\x8f\xc7G\x8c\x9f\x16\xb22\xde\xf7ln\xfd\xf4\xccw,\xb2\xabg\x87\xeb\xa7\xeb\xab\xc7\xab\xa7\xeb\xbeg\xf1O\xa8\x9e1\xf6l\x9d\x15\xf5\xac\x81\x84N\xa7\xc3\xc50\x86/\xae\xea\xf5)\xdf\x0f\xfb\xb1\xca\xcaO\xc2f\\\xfa\x98`\xf5\x1a\x0f\xf9 w\x96g\x0c\x06\xbd\xe1\xaa\x9e\xbdw|r~2w\xbet\xe9`\xc6\xf8I\xc2\xc0\xea\xcc\xb4\x99B\xe8h\xdaL\x1b$\x86\xce\x00\xea\x0cbBdE\xdf\xfe%s\xc5~8\x0bY,4\xc50\x14e6\xd3\xa02\xd3\x14n\xb4\xcel\xc6\x9b2S\x0c\xabp\x94/~\xa9\\\xb1\x8f\xa7\xa2D[h\x9aS$\x86\x02\x9d\x86\x94\xbe\x9b\x11\x0c\xcf)\x1cC\x9b\xb9\xb9w\x95\x97X\x82\xef\xd7Y\x8a\xb6\x98i\x86\xcc\x8e\xe0y\x891\x00\xcaB\x92\t,\xa8\xc83\xb4\x85K$\x0e\xdf_\x1e\xd7\xbeO\xaf\xc3\xfc\x14E\x90t:\xdc%\x12 $j\xe9\xc8\x08~B\x8e\x13\xa7\xeb\x87\xef\x8c\x97\xe5\xf6\xc9\x94\xce\xcc*\n\xc5\x84B\x04\x04\x1c\xc8\xa0ER8N\xb2\xe8h\x1dd3g\xb0\xd6WS\'\x97$\xd7\xd2\xe4_\xae\x9a).\x9520\x89S\x85"\xb6\xd2Lo\xe1B!\xd8&lt;\x13\x8c\xc4Y0\x92`}K\x97B5\xf2\xf1^JdI\xaf\x82\xb5\x15X\xc8\x9c\t\xda\x12J$0@j\x80\xa7h\x89\x93\x18F\n\xd1\x87\x97\xd2%*\xdf\x1d\x8b)\x91\x13EtQ\x9a\xe7)\xd2 \xccZ\x8f\xa0A\x99\x08\xf1$\xad\xc0E\xcb\x97$Z\x82\xed\x9f\xc5\x8c\x97`\xac?\xa7D\x91e9\xd6\xc0\xb2:IQ\x88^hY\x0c\x05\xf5t\x06\x8e\xb3\xc0\xf8\x1c~\x87d0\x99$(\xc2\xea\xfb\x91\x8b_r&amp;\xbf%\xcb \x12\xc8B3\x05.\xe7)\x9d\x9e\xd5\xe3\x8dF\x8a\x85\x88\xe2\x19^\x91(-\xcb4%\t\x82$\x9d\xedW^4\xd5\xc7\x94\xd9``9\xc6L\xf3"\xcfC)\xca\xcc\x88z=\xf3D\xcf\x90\xc5\x1a\xbcx1\x06\xdd\x17W\xc9\xc2D\xeaS\x92\x12s\xfb#\x17Kur\xcaRH\x14i\xf0\x16\xc9B\xb3"2\x08oK\x92\x10\x0cz&lt;\x9e\xe9\xa0E\xeb\x17\xba\xab0\x9e\x05\xab\x13-I\xd8_\xa4\x0e\xcf/\xd2_#Xs\xf8\x90B\x14\x00\x96\x85g\xc5\x94\x01\x84\xc1\xe0\xf4\xf4\xce\xd4T/bjG##@\x18\x9c\x06\x19\xf6\x14\xac\xc1\x9c:\xb9\xb8\xddDe\xdf\xa9\xa8\xa0\xf6h4N\x8a\x81\xd9\r\x8c\x01\x9a\x05\xc1\x14\xd9\x95\xfb\xbb\xfa\x11\xb2\x1c!l\xd3\xd3\xaa\xb7\xb7\x970J\x0c\x8bn\xa1K\x9d\xc4.*\x85\xefV\rX\x03yV\x8f\x0e\xc1\xb2"KA\x8c\xe9)ood\xb7\xbf\x7f\xb4}\xa1\xa5\xa5\x05\xd7\xc2B\xfb\xe8\xe6\xee.0\xfb\xe5f\x80\t\x92\xc0\x90\xc4&amp;\xfa*/\xc8X&gt;\x16;\x03\xec@\xb1\x9d\x928\x05n\n\xeeD\xe4\xaeQ\x10-\xec\xedE\x93\xc9\xe4\xc3\xe4C\xc4\xde\xde\xde\xc6\xc6\x06\x06\x17\x86\xfaw\xa7vvT\x81\xe4\x949\xbc\x98M\x8e\xb1/\xc5\xe8\xc8\xc6\x80\x84gggj\xa7w\xb3\x9f\xcc\x1eM\x86\x93\xe1p\xf8n&amp;\xc0\x05\xb6p\x14\x1f\xed\xed\x1b\x9b\xc4p\xd3\xa4F\x12\xe7\x17"\xd7\xc8\xa4\xa83\xf3(\xbf\xa0\x07\x0e\xef\xdd\xdd\xfc\xb0\xb1\xb1\x17\xdd\xdb#@\x84\xa9\xa3\xbeC\x8b\xbb\xe4k8\x9c\xd1macsS\xf3\x18\xaf\xbb\x90U\xc8\x18?\xa4\x18\x8e\x0bI\x82\xbdu\nv\xfa\xf0ac\x8f\xc8\xa2\x01i1\x81W=\xa1"l\xe1\x0cX\x14^\xeb\xb2\xa9A\x0bs1\xaeG\x19\xf2\xfc\r8\xca+\xc3\xd0D\xa9\xbd\x87i\x91\xea\'&amp;&amp;\xc8\xa5E\x9a\xb0^\x03\xd3\xe4"\xf1aw*(\x19\xd8\xd3\xef\xb3/Wl2\xc4&lt;1pAU\x1e\x1aB\xd5-\xec%\xc3\x90\xa5\xfe\xed\xdb\xfa\xfa\xee\x92\xe5\xff\x06\xd0J\xba\'&amp;\x1a42\xd8l\x8f(\xd6.O\xa3\xcbq\'#\xd9\xcf\xe1O\xa2\xfe\x89A\x98\x8e\x0c\r\xb7D\x93\xae$\\\x0e\xa5&amp;@0\xb1\xecXK#U\xaf\xadi\x7f9\x96\x97\tZ}\x87\x96\xc8\x87\xd1\xe8B\x9b\x17\xee\xe2\x8f\xb3\xee.\xe3\xf7\xab7\xf4ziz\xaa\x7f8\x8a^\x80\xe4\x91\xfcMh4k\x04gm\xad\x9a\xc4Z:\x96\xd7JJ@V\x0f\xc1\x1e\x86\xc3\xc9\xe80\xe4\xc2\x12\x9eu\xb9*\xcf\xef\xe9o\xe8952\x14\x8dj:\x11\x8f\x83(\x83c\xaa6\x99L\xc5\x08\x80\x91\xef\x85\x18w8J&amp;\xb4\x12\x00WK\xdbT\x10\x07\x91\xb3l\xf7\xae\xd8\xbf\xbe\xbd!r\x9e\xde\xfe\x85\xa8\xe6)\xe4\xae{9\x83d*&amp;\xafL\x98\xc8\x80\xbb\xda\xed.,+t\x10\xc1@\x06\xb9\xda#D\xae\xd3l\x9f\x83\x96\xe6pJ\x16\xd4\xe6\xc7E."UwwI\x89\xa3\xcc\x8d\xc9\x0b\xdd\x9aR&amp;\xd3/\xb0\x8a\xfd\xb5\xc5~w!4#`o;\x88\\\x9b;A\x8a\x17\'cY^\x0f\x8f9\x8e\x13\xbc\x07\x01\x8d\xaa\xa1\xbb\xc4\xe1\xc8\xef,\xed\xa9\xcdD\xf1/\xc2\xe4/\xae\xad\xa9\xa9\xf5\xfb\t4\xb8\xba\x91H\xc8\xd5\xeb\xc1Qr5\xbb\xc7\xb3\xca\xbe{\x8a \xa8\xb6\xaeaW\x87\x15\xf5\xd7]\x92_\x06\xaa\x1eL_\x0b\x86\x1ap\x11\xc5\xaa\xab\xd3\xba\x11R?\xb8\xfc\x85e\xe0\xb2vt\x84\xa3-\x9bS\x02Eg\xd9\xf4#\')\x0e\xfd\xbd\xb9\xad\xc5\xe9\xb46@,"\x15\x89\xda\x1e\xb7\xbf\xb6\xe6?z\xa5\x9d\xef7\xb9\xa1\x94\xdb_\n\xb5\xf2\xa1V}\x87\xd5\x99\x8c\x8e\xf6\xaa8\xec\x9ee\xf5x\xb6\xe4K\xb0\x92\xea\x05\x96\x0bX\xdd\xbfw\\\xef,\xc8\x05\x15f\xaf\xae\xf6\xa7\x91\x88\xed\t\x95\xc9o\x82R\xfeR\xb8\xab\xb03\xdf\xd1\xdd@\xb0\x9c\xd1v\xb9U`\xa8\xf5l\xb6.\xe3\xfe\xb1\xc8q\xaaW\x86\xe3\x9d\x1d\r\xdd\xd7`\xac\xce\xc2R\xb7\x16~\x7f\xda\xef\xa6LT\xa3\x0c\tR!jQ\x93\x8b`\xb9\x92\x0b\xa3\x11U\xa2N\x7f\x97M\xac\xf7\xeb8\xe6\xd8\xbd]\x81"g\x15\xd4jD\x12\xc9\xbc\x85pu\xb5;\xdd$\xfc\x19&amp;\xad\x8b\xa1}\x11$\x82\x96\x8f\xeee\xadr&amp;\x93\xed\xb2W\xe0\xb3\xb9\x1b4V&gt;K\x88\x8a\xe2\x89\x8c\x92\x1c\xc2[\x8d\xf9\xf9\x9d *-\xf5\xf7\xf4\xf85\x1e$Ns{\x9a\x8b\x90jz\x81\xca\x91\xc6\n\xbbZ\xdal\x02\x9f\xfa\xebH6\x1d/\x8a\x9c\xb0#\x8f\x16i\x8eo\xbc\xf6M~YYA\x81\xe6zR\x8c\xc4K\xc5\xd0K\xcb$\xa4#U\xe8.@\x9e;\xcb\x1c\xb0&lt;\xb0\xd0$ZF\x9b=\x14\xeb\xcbb\xe7\xc2\x16\x10X\xaa\xdc\xee\xaa"u\xd8\x08\xae\xaf+*rs\x1f\xcd\x93\xd0\xba\x04)\xc7bt,BH\xbe\x00\xb8\xb44\xb7\xb4\xe0:\xbce\xb5\x82\xab#g\xacYe\x0c\xd9,E\x82\x95\ny\xe5a\x97\xb5\xa1\xb1\xa1\xb1\xbc\xbc\xf1\x9b\xafW^\x0f\x0c&lt;"A\xc0H\xefJ\xd3i}\x0cC\x8f\x1e\r\x0c\xcc\xcc\xe4\xe6V\xfc\xb1\x9bP\xe1\xcay\xdc\xacJ\xccY&lt;\x9bX\\*\xa1\xf6v\xddt\x82\nz=o,\xbf\xb3\xb5\xb2\xb5\xb5\xb52XA\xc0\x1e\xd5\xbcA\xd4\xa4c\xbeF\xa3\x1d\x18x\xfd\xba"\xb7\xa0\xe2\xfa\xb5\x06\'R\x0f\xac\xa1fU\xc0I#\x9bX\xbc\x92\xb0G\xfa\xafX\x1b\x81U\x95W^U4;{\xffo\xaf^\xdd\x7f\xf0bee\xa5b`~\xfe\xcd\xcfo\xd2QS\x93[\xb1288\xf8\xf9\x8b\xdf\xbcz\xb9u\xe7e\xde\x9d\x06\xab\xcbe\xb5\xd6\xdf\xd4\xb0~\xca6\x96M\x1eu\x02+\xef\xcao\x9f\xce\xb6\xc9\x07M\xdb\xdb\xdb\x07\x07MGcC\x8fg_\x12\xb2\x9f\x01\x86\xf7L\xe9\x9d\xa7\xf7\x87\x9a\xda\xda\x8e\xda\x9a\x02\xe3\x81@\xe0iUU\x0e\x96,\x92D\xbb\xc0g\xd5[s\xbcb_\x84\xe3\xad\xe5\xe5\xdf\xd5\xdd\xeejn\xb5\xd9Z[\xedvUU\xed;\xbd\xb2|\xf4\xf4\xe9\x9d\x82\xf9\xb4X3\x83uc\x076\xfc\xe0\xb5{\xf1o\xb6\xe6\xa1\xba\x9c\x9c"\',\x1f@\xe3\xe2\xb2\xf8p\xd0H\xb0\xbc\x8b\xfd\xb3Nk\xde\x97\x0f\xc6d\xafj\xb7\'B\x1e\x8f"\x90\xa7!A\xefb\xd3x]\xce\xb5\x19\x8dk\xfe\xc7\xcfo\x1fm\xe3\xac\x13\x0czB\x8a\x12\xf2\xa8\xb6\xb6\xc0\xec\xdf\xb1\x9fu\r\x03\x8b\xc9\xe63\xcb\x98OT\xecr\xa0\xcei-\xff\xb2\xae\xcbkWC\x1e\x10\xa9P\xcbn\xf7xZ\x17\x9bn\x03\xab\x87\xf8\xfd\xcd\xfc\xeb_\xddok\xf6\x12\xac\xa0 \x90\xa7Mv\xdb\xe2A\xdb\xac\xeb\xaek\xb6\xcb\xeb\xe1\xe6\xb2\x8b\xe5\x99\x92\x1f\xe4T=\xbfsk8BXT\xbbm\xfbh||\xfcOcM\xb2\xdc46\\t\xe5\x9b\x9e\x19\xadM\x94\xfe!\xe7\xb1\x1c\xb1\xb5\xe28\xedU\x05\x81\xe0\xb7zm\x81\x1c\x17\xc1\x12B\xd9\xdc\xd9\x8c\xf8X`\xd5]\xb1&gt;\xcf\xcb\x19\x95\x9b\xb6\x17\x17\x0f\x8e\xc6\xff\xf9\x8f\xad\xad\x17/~}\xebV\xce\xcd\x9b\xdf}5\xf8\xe3L\riY\xb5\xee\xfc\xbc\xba\xd9@`,0{{\xfch{\xf1\xdf\xb4\x9a\xe1k\xdbf\x1e\xc7/\x14\ncP_\xcf\xc2\xd2QAN\xc2H\xe0\xc3d`\x19\xa5\xb3\xb5\x9ap\xb5#\xad\xb5\r\x8b=%\x9ec\xe2J\x89\xc3\x85\xb3\xb3\xc4\x14oqv+\x16aw\x18\xdc\xd48.\xe1\x0e\xa3\xb1\x80\x9d\xd4\x11I\r\xf5\x12\x1f\x81\x1d\r\xf4\x06\x81\xbei\xde\xd4\xdb\xab4\xf4E\xb3\x17\xe9\x8bP8\xee\xf78\xbb\xff@yb\x85\x04\x1b\xf4\xf1\xf7\xf7{\xbe\xcf\xef\xf7\xe8\x81$\x1c\x1b\x1b-\xa8\xd3\xfe0\x9d\x98\x180\xb5\xe5\xefa\xc9\xc3\x82Kw\xad\xc4\x86\xa7\xdb\xf1|\xbc\xdd~\xb69\xd3GWV\xfcx0\xe8\xbcZ\xdb.\x9e\xbb*`\x05\xfdVk\x15\xcca\xfdo\xcf\xda\xf9\x85lb\xd7=^(\x97\x04?\xadM\xdc0u\xe3f\x10\x0cbL\x0e\xf4\xe9\xa1 ~\xf9\xbd\xdf\xcdx\x97\x96\xf2\xed\xfc\xae\xaa\xceiZ=\x19\xc6\x9d"\x8f\x12\xfe&amp;\xaa\x08\x11\x16\x1dK\xce\x97J\x81x\xbc\xfd\xac\x1d\x98_XZH\xa4+\x82\xdf;71\xf0\xfc3\x13\x0b\x9b\xc1\x9fo\x8d\x8d\xb9\xf33!\x8c`gE\xa7\x95\x8e\xe7a\xb2\r|\xf0\xc17\xe3\x1b\t5]j\xf2S\x80u\xf3\x0f\x1fA\xf1\xd5O\xb8\xac\xddV#1\xe2\x9e(L\xb8\xf7\xdb\xed\xe1d2\x1e(\xc1"\xef\x9d\xbb\xfe\xc7\xe7f\x16\xf3\x83?\xfd\xeb\xd6\xa8; p"k\xd4\xd8\xc8\x15Z\xf5\xbd\xfb\xc5\xfd\xe2\xab\x81\x8d\x1f\xf7F|\x8d\x9c\x15\xf2\xbdx\xb3\xf8y\xaf\x94\x11\x9d\xb1V\xb9,\xef\xba\x07\xbe\x18wo\xa8\xaa\x16\xf3N\xcf\xf4Y\\~:W\x18\xf8\x8f\x99\x9d\xe2\xe0\xbf\xbf\xfd\xf0\xab\xd5\x03\x1dc\x8dm\x9e\x8f\x08\xdd\xc6\xd2\x9b7\xabOGo\x8c\x1f\xbf\xfaE\xcd\xe5vX\x86\x99*N1\n\x01\x85\x18\xe6\xac4Z\xe5\xa5w\xef\xae\xff\xfe//\x8e\x8fwS\r\x88\xf2\xe2".x\xd3\x8f\x06L\xad\xe5\xaf\xfd\xf0\xfc\xc3Q\xf9@\xf7(\x06\xac\xbfT\xc4\x12\xcb\xb6\xf7\xf6\xc7\x1f=r\xe7\x8f\xf7}s\xa50\xa60\x0c\xd3\xab\xf9\xecD\x08\x8fi\x8d\xd4\xfe\xc8\xc4\x177\xae\xaf\xbey\x93o4Vp\x0c\x0b\x05\x11\xd6\xad\xaf\xcd\xec|\xae\x1dm\x8c\x8e\xc9U.\xaa \xb5xVj67\xe3\xb0\xf0\xa9\xbeDb.\x97+]\xc6\x1c\n(eG\xc3\x83\xe9V\x90\xcb\xe7\x93S\xa9\xd5\xfdv@K\xae\x08\x1dL\xc4\xc0[\xd2\xdf|\xfbg3K\xf9\xa3W\xab\x85GrU\xc7zj\x91&lt;\x1b\x89\xac\xaf7\xab\xa5@`^K\xce\xd3V\xa7\x08\xdd,\xea\xbd\xec\xf6I\xfbdH\xa0\xeb\x8dF:\x9dNd\xf3\xf1@,\x8c\xeb\x9cH\x89!\xb0\xbc\xd1\xa7\xdf\x9bI\xb5\x17\xd0\xd4T\x0b\xee\xce\x1a\x06\xcf\xb2l\xad7.\xad\r\xf5\xd1\xc9d\x85\x16\x9c\xa1\x90\x07\xa8\xa0\xd5FX:\x1e\xae\xa7\x1b\xdddlxf\xe8\xcae\x1c\x0fa\xd1(A\x84\\\xe1\xdc\xd8}3K\xe6\xd3*&gt;\xb4\x99K[q\xa8\x95YPj\xb6\x06`\xdb\xb5\xda\xecUg\x9f\x97\x0e[-\xce\x10"\x02\xc5&lt;h\xff(\x88\x87+\xc9z\x85\xee\xb3\xbc7\x0b\x9f\xc60,\nA\x04\xact\xe1\xf8\x87#\xd3\xec\xf4\xa8\xf9\xa0\xe3\xe1\x9dI+\x0e\xb52\x1b\x91\xa4\xc5\xab\x10K\x18\xe0\x15N\x1c\x17\x04\xd0\x03\xa6\xa0\x07]\x90[\xd0\xdd\x0bazKp.F\xa0\xe2\x87\x1f\x8c\xe38\x0c\x83b\xb0[P\xf3{\xa6\x85\xf1D\x82&gt;\x87\xe1a\x99\ta\xf0\xb5%)\xc2\xfe\x8aUc%\xe0\nb\xd0\xcc\x02\x11py\xd0\xee\x04\xa6w\xa0\x8d\xc6\xe1c\xbca\x83\t\x12\xd1\xa1Y\n\xb9\\\x10\xda\xd8\xe1\xc1\xa9Yr\x9dl\x1b\xca\xe7E#\xec\x87`a\x94H\xb1\x14\xfa\xc5\xf3\xb5Z$\xe2\x84v\x03#\xfa\x19\x05\x85\x8f\x80\x1e\xba3\xe9!8\xe0\xc2\x11\x16\x84\x9a\xaf\x81\xbc8j\x01\xfc[I\xbf\xf3\xb0{f\x12\xd6\xb5\x93\x9a\xa2\xfc\xa9\xb8\x1d\x0e\xf7\xe1\x1c\xa5\xf0\x06\xc38\xa8h\x94\x8ab\x18\xa7\x83~\x98\x08\xa6E`@\xa5|\xd2\xef\xe1t\xccAq\xba\x0e\x0b8\xcaD\x10K\x04\xd3\x82\x97K\xd8\xaa\x08\xc1\'\xdd\xd3kfa\xb1\x84GQx?\xa8\x15u\x90\x8cm\n\xda?\x07E\x00\x81\xaeCP\x11\x15\xb2w\xc2\xd1\xff\xc9G\x0e\x0f\x87Q\x8e(\x87\xde\x83\xbf(\xcaAQ,\x0b_\xa1\x87\x85s_\xd6OL\xcb\xadY\xd1\xd3\xaf\xe0+\x80E\xf5\xb0\xa03\x85d\xb2Ov:\x1dHf\x82\x99B\x06\xaf(\n\xda\x1d\x84\x1c#H\x92\x02!\xf5\x0e\x07S\x93\xa0(^Q\x1c\x14\x86\x0b;+\xc1\xd0\x83\xa6i\x16qt\x86)\xc5P\xbd\x0eF@\x91\xb6m[1\x83\xe4\xfa\x95\xca\x1eUlS$\xdc\xbe\x9fA\xfb\x11P@\xd8=\xfd$\xe8\xd5\x93\x0b\x06`\x91\xa4\x02X\xd6\x9d\xad`0lZ\xc6\xff\xe6\xe1\x19\xce0\xfen\xd7;\x83\xb0\x90Z\x0cI:&lt;v\x98\xf7(P\x8a\x8d!&amp;\xed\x0e\xa6\x08e\xe0\xcd\xe5)\xe0%\xfa\x1dQ\xe4\n\x1c\x07)H9\x14\x12\xbe\x05`\xd1\xe1\x90\xf3\xca\x91i\xab\xcf\xe0\xe9\xfbE\xe5\xe3n\x97\x9eq\xb2H-H.\x9b\r\t\x82\x86\x1d\xb8H\x14\xb8\xa9\xe5\xff.\x17\xe1R\xec\x7f\xb5\x13\x9e(\xbc\x8b\xf5\xb0\x1c&lt;\xdaE\xe9a\xad\x84\xc43\xf3l~\xf0\xe4\xf1\xb6\xe7\xcbJ7f\x91X\x1b`e2S6\x88#$s/\xb59\x87\x83"\xa1\x80(\xa2m\x92{\x06\x86\xac\xa2\xa3G\xd1\xe0\xa2(\x82$\x8f\x92\r\xb7\x96\xeaw\xd8S\x13\xb7\xb7\x8e\xce\xf8\xdbOvr\xf3}\x12\xa8\xc50\xc0\x95\xb9\x97\xc9\x80`\x148gg\x12\xd4\xc8\xd8\xc0\x0b\xb6\x8bE\x1b\x1f\x91D\x8a\xb0\xdf\xbe\x83\xb8`"\x92\xbd\x01\xf3\x16\xb0*\xdd\x07\xb5\x13\x13+\x88\x87\xaf\xa4\x07O\xac\xb9\xdc\xb4$\xf2\x0cc\xd8l\xbd\xad\x1a$X\x14\xb08H\xb8L\xb3\xd1\xa2/\xcd\x82\xc56+V\x96$:\x87\x87\xa0\x14@A\xb4\x81\n|\x8e\x13\xac\xf5\xfaV\xed\xc8\xcc\xed\xef\xb7\xeb\x1f\xd7w\xd2\xe9\xc0P\x84b \xe7\xcf\xb1\x80\x8b\xa48\xc0\x8a\xf2$\xde(\x94\xe9\xb5+:\'\xa5\x1f\xb5\x04\x07\xa5\x1f\x1ev\x10\x96\r\x89J"\xf7\xd5\x85R\xa3k.\x16XD\xe4\xb0\xd4hi3\x12\xdc\t9\xd7\xf9N\x11\xca{\xa0\x12Y\xcc_\x0f\xaf\xd7\xf8YI\x97,\xf5\xc6\x96\x1dD\x04,\x12Qe\xd0^\x12\xd8\xa9\xb3\xaa\xb5\xba[g\xa6\xee\x7f?&lt;]\x8fHZ\x19EQ\xb1\xfd_\xae"r{\n\xd9\xbbG\x17`e^\x87\xc5\x1b\xea\x181x{\xd2\x0e\xb6\xd5\x8b-P\x19\n\xa2\x92,\xde\\*\xed=3\xf5\xe1\n$\xbd\xb4^*\xa7\x87q\x8c\x85\xec\xeaa-\x03\x17\xb8\xbb\x03\xd6\x1c\x87\x1d\xb7V\xab\xd5u(\r%\xc1\x1f\xbe\x03\xf5\xe0w\x1e\xfb9V\x86d)"\xca\xe1\x02\xddhe\xff\xfe\xd6\xdcGQ\x83\'gkY\xc0\xb2\xe8"\x0f\xa6e\x9b\xca\xdc[^FX\xfd\n\x909\xb8\xa1\xc0\xdc\x9c\x96\xdd\\\xabV\x92P$s\x1e\xcfw\xdf\x01.\xd3K-\xc0\xc2B\xb8\xbf\xd2J\xb7\xf7\x8eL~p7x\xb2\xb7$\xab\x08\x8b\xddF\\\xc5^\x14\x19\x86G\xd5jD\xd0\xe4TYV\xe3\xf1\\\xab\xd5\xd0\xaaW$\x0c*4pw\x90\xd5\x06%\x04\x81A\xc1\x9al\xcd\x1d\xbf5\xfb\xcc\xc1\xb5\xbb\'\xc7\xb2/\xdb\x87\x87\xc0\x9f\x90\\E0)\xb8gm\xfdq;\x10H\xc8\x85B\xaa\xac.-\xa8*4\xae\x89x\xb5z\x05*SXt\xc0\xe5HV\x14\xb1\xa0@\xe7R\x0b\xaf.\xe0\xd1\xfe\xdd\xb7\x1b\xee\xdc0\xee\x8c\xd4\xb6\x91\xa5\x16\xb730\xc5\x9a\xd5\xfc\x88\\\x96\xcb\xa9BJ]\xc8\x064-!O\x14\n\xb2\xaa\xceM\xafA\xd9\x8f\xcc_a\t\x0c\xc3\xc3\xb1t\xf9\xf8\xe8"\xce\x8d&lt;\xbc?\xee\x1b\xb6\xe0\x8b,oc\x8c\xde\xde\xb6\xb4\x99U\xcb\xeeT\xd9\'\xcb\xaa\xb6\xd9\x1c\xda\xd9\xa9n\xe6\xcaH\xb8\x89\x94\xaa\rE\x80\x8b\x04\xb1&lt;v]\xf0\xce\xfb6.\xe6h\xec\xe0On9 \x04\x17\xd1\x93\x02\x83\xb1\x19|d:QN\xc9\xbb#9m\xa7\xdalJ\x1c,\x81Q\xa9\x1aOC\x1c\'\ne97})BA]&amp;\xa2\x84\xa7\xe7\xe4\x1f/\xe8l\xd9\xf7O\xddZ\x9f\xcb\x15BX\x06c\x88\xfe\xf9\x84\xcf\xb7\x9foo6\xab\x07\xd5*\xac7\xf0:l6\xab\xf1\x05UN\xc9r\xaa14+\x120\x0bCA\xdc\x1aH\xac\xbe\xbd\xa0\x13\\\xffx1\x91@\xc9\xc5\xb2\x86b\x18\x86(x\xe3\xf9|\xfb\xd9fug\xe7\xe0\xe0\xe5\xe1\xf988\x80\x7f\xe2\xd9\xc4\x88O.\xc7$\x11\xd2\x1d\xda|\x81^P7.\xea\xb8\xee?\xef\x8f\x8f\xc4\x87\x9cp/V\x81\xae\x9f\xfd\xf4\xb73\xf1\xecRV\xd3J\xa5\xd7\xaf_\xbe\xec]/\xd1(\x1d4\x9b\x9b\xf9\x055\xf9&gt;+\x86"N\x97\xcbK\'|\xab\x17\x85u\xf7\xeb\xeb\xbb\xd9\xe1!\t\x8c\n\x9a~\xc3\x98]\xb4\x94r\x8dt:w\x0e\xf3\x1a\xb8^\xf7F\xae\xaei\x81v|\xd8\x12\x11E\xe8\xc6\xfc\xc2\xce\xbc\xea~qQ\x87\xd4\x07\x7f\x1es\x8f,m&gt;^\x93$h\xb5\x00\xebS\x8be\xe8\xe0\x7f\xbc\x9c\x7fH\x9b\xf9\x1d\xc7\x9b\x1f&gt;ILMb\x9e\x1db\x84\xfc\xf1@X\x0fg\xe2\x05\x12L\x88\xc4\xcb\xc1=\x0fAn\xad&lt;Nc\x9a\xc4\x04\x04SS\x8b$\xc1S\x9e$\x94\x1a\x9fz\x91\xd6\xc2\xac?\xa2\xc2\xd1\xd2h/*\x1d\xeb@\r\xedz\xde%\xbdS\xdb\xad\xedt\xdc\x04{\xfdq\xb7-\xe7\xae\x1b\x8c\x96\x8d\xd2}\xbe\x89\x96m\xb0\xd1\xed\xfa\xdc\x07\x9e\'\x1ab|\xe5\xfd\xf9\xf1\xfd|\xf3|\xbf\xcf\x1cD\xfc\xc2\x17\xc8~[8\x01\xdf\xdc\xe5\xab\x97C\xfe\x00\x06\xba\xfe\xe0\xc75\xf5\x87WF\x82\xad\xees\x9c\xad\xc2\xdb\xb9`J\xe6\xd8\xa5q^\rLM\x7f\xd8\xd3\xd2\x02\x8f\xcd2\x88\xac\x85\x9f|\xb6g\x00\xb6p\xfb\x8fss\xa4\x9f\x07Q\xd8\x8c\x92\xb0\x1e_\x19\xf1\x18\xdc\\%\xe2\x81\xaa\xd5Y\x87\xd7\xd0\xd07\xc2\xc3\xec\xd1\xe6(\x86E\xa3Q\x982\xcb\x16@\xac\xcf^\xda\x17\x90\x01+8\x0f\xc7\xeb+\xecv{M\xfd\xcf\xf0\xdb#L\xc6t\x87\xbb\x85\xf33\xdd&amp;\xb7\xa1#2n\x93I\xec5r\x9c\x87\xd5\x14laa\xe1\xd2G\xfbPP \nT\xbcz\xb0\x8a\x1a\xcc\xb6b\x19\xf1d\xbc\xaf\xf7\xdb\xc9\x7f\xab\xf3\xeb&amp;C\xa6#N\x05.Ij\xea\t\'\x15h\xb1\x03UE=\x0f\xbf\xedr\xddF\xb6\xb8\x00\x05\x02\xcc\xc2\xe3\xc1\xb3\x16^ 0n\xb1\xc4\x1b:\x1d\x17v\xb8[\x0f\xdb\xbb\xe3\xf6\xa6a\xe8\xe3\xd9\xec\xd0\xd6\x11~%0\xbdW!\xe7Y\xce\xf75tz\xbd\xee\xce\xd6\x86\x13}\xc1\xf8\xc8\nA\x00\x11\x0f\'p8\xad@\x81\xf7^89\xc1\x19\xd5\x81\xba\xa3\xc9\x81$\xcb\x92\xb8\xdc\x8e\xc9\xa5\t\xbf\r\xab\xb1\xbfWQQ!\x07A\x06\x86j\xadC\x8e\x81\xce\xab\'\x82N\x82\x18;\x8c\xe3\x14\xe9;\x8f\xe3\xb8%\xd4\xea\x8de\xb9\xdc\xc2R\xb5\x9a\x1b\x18H\xb3\x11\xd2o\x0b\xf8\xfd$\x99\x90\xda\x91\x17k\xec\x98\x1f]\x94\xb3\xf6\xb7u6\x04\xc3\x84\x05\x8c\xb0Pd|\xce\x87\x1e\xfa\xbcm\xb1\xfb\\\xae\x01\xafZ\xfe\xbba~ \xc3F\\d&lt;\x18\xec\xf0PJ\x81\x00jksy\xb34\x10NzM^\x83\xc7\x15@\x97\xa6p\x9e3D\xc6O\x9c\x98\x1b!I\xb6u\xbe\x7fv\xf9\x00\xa7XO\xe8\xce!o:\xe7\xf10LCgk8!\xb8\x14\x85\x12\xd6\xd3,\x080t:M\xb3$e\x93\xd9,\x04&gt;\xee\xec\xeb\x0b^\xbe\x1a$\xc3ln\xa0_w\x8e\xdb\x85\xe9\xabOr\x1d\x03C\xa6$\x10dZ\xbd\x9d4\xebZ\xb4%\xa4\xe5\xe5\x92E\x17C\xd3i:&lt;\xe2\x97Jd\xf2\xc0\xb8+\x0e\x9d\xa0\xa7\x83\x89\xe4h\xc3\xfc\x90\xe1\xeb:\x8e\xb1\x18\xa6c\xbe\xbf\xcdk0x\xbd&amp;w2\xd3\x11v\xf9\x03\x97&gt;X\x84\x06\xc1`H&amp;s\xe1\xb0\xdff\xb3-\xba\x82\x1d\xd0\x19fZi\xba\xd5=\xdf\xdf\x99\xfb\x0b\xc7X\x91`0\xd8:\xefp\xe8\x1c\xbaFG\x1b\x14\xd7\xd6\x8c\x87f\x97"\xb4\xc1`\x82_\x93\xe9\x0eO&lt;\xecr1\r\x06o\xe1*\xbb\xbbmhh\xa0\x83\xe1\x18\xeb\xdbH0D\xb2\x99\x81\xa1~k\x99\xba\xba\xd1d2\x19\x92\xa0R&amp;\x9dN\xbacVk\x0c]\x96nh\xa0\xe9\xa4\x1b Mmm\x0e]\xedP\'\x1df8W+\xe4\x84(\xa6\xdd\x0e\xc0\xaa\xd4V\xc7\xe0\x9f\x9bLn\x90\xc9\x8dv\xf8\xe8\x1cn\xc0t\xbb\rn\x93C\xab\x83\xd7Xk\x87~J{|\xf1\xbf\xd6q\x9c\x89N\xc29B\xb2\xb4I\x87\xb6Hj\xab\x1b\xd1F\xa8\xd8\x85\x18H\xa3\xb3j\xad\x8e;\xee\x82NnxV\xadV\x97j\x1dn\xda\xd3\xe7\x0bs\x8c\xf5\xd5R\x88p\x86\xe2\x8c\'\xd9\x86\xb8\xd4j\x00\xd3\xaa\xcd\xe6\x02\x9dV\xdb\xa8\x03B\x9d\xce\x11\x8b\xe9\xb4\xd5\xea\xca\xdaZ\xe8\xcf\x82}\x08\x8b\xdb\rH\xd3\x80E\x91\xa1 \x93\xcb\xb8uE0\xb3V\xaf\x17\n\xd5f\xbdZ\xa8\x8ei\x1bc\xd5\x95\xd6\xea\xea\xc6j&gt;@\xd5\x9a\x924\xda|\xe0\x0b\x7f\xcb-\xd6\xcc\xefI\xc2\x02\x83]\x98asIo\x9b\xae\xb6\xb4R\xabU\x0bE\xc22mYiY\xd95\xf55\xb3Z\xa87\x83\xfb\xf8\x07k\xfbM\xe9\x1c`\x05}&gt;\x96\xe3md\x13\xbf$-\x16\x18\x84)\x8ae#L\xc6=T[k\xd5V\x8aD\xa7\xf9\x07\x0f\xf2\xcb*\xb5f\xb3^xZo.\xe5\xbfy\xd0\xea\x80\xb4\xa4\xe9\xbe`\xd0\x17\x8c|/X\xd0E\xf9\xfd.\x97+\x92CKit\xa5|\xc0\xe2\xf3O\xeb\x0f\t\x01K\x7fZ\xaf=X\x8a\x922\x9d\x81p\x07\x17\xfa|\x91\xaf\xb8\xc5\xea\xfd\x13iy\x97\xc7\x0b\xd8\x02\xc8\xfcK,\r\x03\xb4\xceZ]Y\xca\xe7\x8b@(\xe1!\xbd\x9e_\x8a\xb6\x1ey\x93\xb4\x87a\xc3\xc1`\xc8\xe9\x0c}\x1fX&lt;09\x86\xc909\xcf\xbf\xb4\x04ca\xc6`r\xa0\x1dl\xd6\xd27K\xabc\xd5\xb5:\x87\xc9\xdd\x9a\xce1A\x92\x0c\x87B\x80\x15\xe6\x1e\x8b\xa5p\x04\x85A\x1b/\x93\xdbl~\x7f`\xc9\x15a=0NC\x1d\x85\x82\x05#\x8e\x01\xad5c\x988T^\x04\x05\x15%\xc2\xf1\xfe\xd7\x89u\x96\xf2\x03\x95\\.\xaf\xa8\xb1\xb7(\x91d\x81\xc0b"\xf1\xf3\xcf?_\x84\x99?$\x02\x1c\x0c\x03\xbe#I\x82\x806\x15zB"\xc4~=\xc1)\xd5\x95s,\tX5X\x05P\xd9\xa3-5\x15@\x98\x00\x93I\x14\x82\x8f.%\x02K\xe0V\x17\xf2\x1dIQ\x16\x02\x0e\xa0"\xe2\xb9\xee\xa6^\xeev\xb6\xcd\xdc\xdc\xbd\xce\x8c\xe1\x8b6\xa5L)\x93I%\x12\t:Zd\x10hJ\xa5T\xd0\xd3\xa3P\x06(\xcaO\x91$\x19rR8\xe4,\x14\x13\xc0\nm=}\xfe+\x8ev\x02\xd6\xcd\x0c&gt;|\x90\xcf\x02\xd6x\x00\x93\xc9\x94@\xa4\x90\x14M*\x95*1\xa5B \x90b\x85\x04\xa5\xc0\x7f\x04\xc5C\x93E\xc0\xb2\x8c\xf9\xb6\xfe\xb6{sp\x9a\x83\x0e\xb5jb5\xf5hw#\x9fe\t\x14\xf2E\xad\xc0\x04\x02AKA5\xa9D\xa0\x008,\x81\xb8 \x11xECb\x8d\x81Z\xdb\xbb\x8f\xa6\x8e\xcf\xbc^OV\xf5N\xaf\x1a\x8d\xa9\x87\x1b\x9b\xf94\xcc\xc6x\x90\x87E,\x80zy\x06\xed\xa4R\tB+ AR\xc8\xf7\xb8\xc6|\xf4\x8b\xed\xed\x87)U\xd3\'\x9f\xac\xbe&gt;\xc9\xea\x96\xd7\xef6\x19\x8f\xa7\xee\xbd\xb3\x99\xa7\xc3.\x84%\x07\x02A9\x98@"mQ\x08\x14\x05w*\xe0\x07\t$ga\xa2/\xdf\xe3\xc2-\x87\x9d\xe7s/\xb67\xbfI\xa5\xa6~\xf7\x8b\xb5\xd7\xb4\r\xb6n\xe2\xf8\xdd\xd9\x8b\x93\xaa\x7f\xc1\x92!/\x16\xb0\xca\x05\x05C\\\x10a\x12\x88|\xa5L\x8e\xbe~\x809\xed\x1e\x16A\x9c\xf7\xdc\xda&gt;\xf6\xf8\xd7\x80\xd5u\xb6\xfdH\xf7\xce\xf2wuf\xdd\xcc\xa9\xad;\xc3\xed\xd7\xbbT\x83\x83\xa9/\x8f\x1d\xcb\xd3N\x17^_\xcc&lt;\x10G\xb0\x0f\xa6(\x9e\x90\x1fQ-\x03\xad\x00\x0b\xdb\xc3\x1a\x0b1\xb7v\x8f=x\x94\x9az\xbf\xe9\xee\xc7z\xb1~\xf6\xe4\xd1\x99\xba\xef \xd4\xd1\x93k\xa3\x9aaq\xfb\xd9+\x08\xeb\xde\x8f\xde\xce\xa7\x11\x96\\\x86\xb0$\n\x04\xd5S\xbeo\xd1(\x1cH3\x19\xcc}\x80\x1c\x0ey\x01\xcb\x19b\xd6\xf2\xc76\x1e\xa6R*\xd5\x8d[\xc3b\x8dZ}!\xbb~|\xe2\xff\xba\x17I\xef\xf4\xfd\xb5\xd1\xf6Cz\xcd!\xf1h\x11\xeb\xe1\x99\x0f\xf3\xd9\x10Ty\xc0\x92\xa2\x02!@R\x95\xc3\xf9\x83\x02\x15p\t\x90/\x01K\x06\x86\xd9\x10\x15n\xa1\x08\'\x93\xcdon&lt;\xbf\xa2J5\x81\x17\xc5b!\xf4\xd3\xedG\xb2\x93\xd3\xff\xa3dUu\xd3;\xddG\x84"\x10\xfc\x90F\xac\xd9s\xe2\xcd\x07\x1f\xeefY\x97_n\x83\xd0*\xa4"J\xc1\xf2\x1e0\xe4KtD\x11\x97\xcdV\x90\x0b\xdb\xcbD\x8a \x98\xec\x8b\xb76\x9ew!\xac\xdf\x8c\x96\x08K\xf8\x95B\xa1\x18\x9c\xb9\xfe\xc6\xcc\xabKV5\xb1\xbc&gt;k\xd6\x8b\xa0O\x01\x13\x89\xc4\xc3\xb7n\xa8\x8c\x83S\x7fx\xfc\xf6\xeeu\xc0BTJ\x84\x85\xa8\x10MO\xc1\x90?{@&gt;\x98U\x83a(\xe6\x11\x97\x1f\xb0B\xd9\x17g\xce&lt;\xef:\x9aJ\x9d:7*.)\x81.\x08\xdeX\xa8\xd7\x8ff\'_1\xca\xea\xa6\xbb\xb6.\xa8\x85Bh\xd05\x05,\xa1f\xf8\xe3\xc9&amp;cj\xf0\xd3\xc7\x9b\x1bg]\x94\x7fQ\x8e% \xb8\x94-\xd1b\x1a\x16CkO\xb4r\x89\xd2&amp;\x97#\xb1\xb0},\xd2\x19\xda\xca\xbf\x85\xb0\x8c*\x84U\xb8y\x0bpi\xf4z\xbd\xc6|\xf1Un\xc6S5\xb3s\xf1\x1a\xc2\xd1\x14\xa1\xa0!\x16i4G\xa0n\r\x1aS\xf767\x9f&gt;\xb1\xe0\x81\x00j\xb7\xa4-`\x82\xfdx\x078\xc4\x05ZAh\x15\xa9^bQ\xc4\xd8V~c\xfby\xd3Q\x95\xaa\xab\xbb\x1da\x89\xf8"\xe0\x02,\xf8\xf4\xe6\xb5\xfb\xff=\xc8PHe\xe1\x95%\xc2\x82i\x90T\x10\x05\x1aH\xc5S\xc6A\xd5\xb3?o\xbe\xb3\xdb\x8d\xbf\x0b\xcd\xe9&gt;\xd6&gt;\xd7\xbeh\n\xa9\x0c\xe1`(\xf8\xf6\x82\x0ba\x11[\xf9\xcd\xedG\xcf\xde\x98R\xa1\x90\x17\x95\x94\xc0\x87\x85\xf7.\x9a\xfeb\xf7\xb9\xc9\xe5\xff\xa8XU\xef\xea\xe4\xc9YH&lt;\xb1F,\x14\x15\xffH\x84n\xa8 \x16\x0f\xaf\xdd0\x1a\x8d\xcf&gt;\xfdrs\xe3\xe9\x93@\xc0\x96\xc0\x12\tp"\x18\xc4\x16J\xc1\xa8\xa20\xf8@\xcd*\x18\x0c\xe4\xff\x8cE\xb9n\xedn~s\xe5\x99\xf1\xfd\xa9\xae\xeb\xffh\xe3\x0cB\x13\xc9\xb30.\xdd\xa6\xab\x9a\x90L&amp;P,\xa9Eo\x05\xb5\xb4i\xd6:\x14K.\x83\x9d\xeb\xc2`]\xe6\xe2B]7\xae\x1e{\xeb4 \x05A\xb4\xb0\xf0\xe0a\xa5f \xac$B\xc36\x82\x08\xbb\x876:\xba\x88\x99\x88\xb6\x9aA\x0ctb\x0c\xd32\xe9\xa6\x93\xcc\xa4\x9b\xee\x86\xd9\xef\xfd\xcb\x99\x9e\xd9\xdd\x17+j,\xab~\xf5\xbd\xaf\xde{\xffK\x80\xc5\x11\xd6\xfc\x0c\x10l\xc3&gt;\x89\x17\xe2\xc2\xff\xad\xb1\x80\x8a\x17\xaa\xfd\x93\xa2\xa5\xeb\x96\xc2\xbe\xa3\xcc/\x07Y\xac\xf7U\xd5\xd8\xdb\x9bM\x8e\xbe\x1b&gt;O?(\x13\xd5O\\\x9f\xdf\xc5\x0f\xea&lt;\xb0\x08h\x99I\xb5\xfc!\x89X\x8d\xbc\xa3\x9e\xf8\xe6\xcd\x9e\xe1\xe4\x0b\xba\xecu\xb1x\x04^A\x81\'\x89|\xd5\xda\x88\x7f\xf5\xbf`\x7f\xfd\xd7\xc97aK\xaeV\xe2v&lt;\x1b/"\x7f\x92$%\x93&lt;\xa9\xc5Ir\xce6\xe1\xad7\xcd\xc1\xd1\xf1\xebD;]N/\xdfq\xb9\xee~\xfe9m\xc0\xa2\xae\x88"\xbb\xb8\xcab}\xf9\xceo\x18\x15\xcd9\xaf\xec\xef\x8e/z\xc0r\x9cJ\xddR\x14\xa6\x95\x8b\x85\x8bN\xcaJ\xbd_)XV=!\xfcz(\xfb\xed\x17\xcf\xb2\xa8\xe7z\x15D\x96^\xa8d-\x99\xd4\xf5&amp;\xfdI\xaf\xe2\x97\x14\xab\xd3/m\xab\xdb1\xb5w\x9a9\x1e\xa6\xcb\xbb\xeb\xe9y\x16i\x0cD\x95`\xddze\x05\x95\x7f\xe53\xfc}\x15S"k\x8a\x1f\x91X\x7f~\xf7\xfax2\x1d\x89{\xa2\xa1Ul\xc8%\xa3jA\'*\xd5\xb2$A=\xe9 _\xe9T\x87\xd9J\xfe\xab_\x80\xfd\xedY\xb6\x9a\xb3\xb8z\xb6\x13\xb68\x89\xab\xc7\x0b\n\xae\xc3\xbf&amp;+~\xdc,\xe1\x83\xecI\xd4\xac\x89\xb1XL\xdd\xbe&lt;\x0f\xbe~U.\x97W1\xbe\x13\xd6\xed\xbb\xf8\xb5Bq{\xde\xb4\x19\xd6\xf2\xf2z\x1aP\x7f!\xb5\x1e\xff\xc9~\x91i\x95\x1c\xa7\xab\nZ-Z\xeb\xdbPL\x92\x932\x0f\xa1\xc8\xc9kk^=\x1b\x8dF\xf3\xfdD\xd6\x8eG\xe7\xff8\xe2\x0f_\xc4;\xf9Z"\\\xc8\x97*\x07\xe8X\x85x]Z\xe0\xa5\xa55^\x96\xef\xe5\xec|C\x10\xa3\xfdB\xe1D\x00\x96\xdam\x9d\x1f\xbf}\xdeN\x7f\xba^n\xa7\xc1\xb5r\xf7\xb3E6\xd3\xac\xdcf\x8d\x08\xb6w\xc5BM\xbd\xf3\x11\xb5\xeb\xc7\xff|\xf7\xe2x\xd0S\xd5\xed\xbdm!Q\xcf\xd5\xedJ4o\xe7\xb0\xf8\xe6\xd7\x96\x92\xc9$\xb7\xb6\xb6 qR8\x1b\x0f\x83\x96\xe7\xff\xfeM\x94\xd6#_\xe6\x8bV1\x9b\xc8&amp;\xecb\xb5b\x17\x0f\xecj\xce\xeb]\x92d%W\xb4\xfb\xf9\xb1\xaa\x9a\x89\xa2.s\xb9jT\xd8Vc\xe0\x9a\x1c\x0f\x9f/~\xbaXn\xc3A\x10\x8af?W.\xe6\xfa\xc5\xcf\\s\xc1\xf3\x0f\x1e\xfc#\xfd\xd1\x83\xc7\xd9\xd7\xc7\xa7\xbd\x91*\xa0}U\x8a:\xbf\xc0U\xa3\xaa\x18\xad\x0c\x7f\xac\xe7\xa4$\xc7K\xa4\x18\xc7s\x12yM\x92\x9e\xc4\xf3\xf9|\xe4K\xcf7O\x92\x85\xc4\xd3\xfb\xf7\xfc\xf7\xfe\x98=\xf9:Q\xcd\xc9\xde\xa5\xa5\xa5\\aXi\xf6\x9a\x02\xea\x82\x98\x85\x1b\x16\xf8\xf0\xd0tb\x91\x88\xd3m]\xbc\xc8"\x8d\xed\xd4\xee\xfa:|\xb5\xca\xa8hr`\x81\xa1~\x95=/\xaf\xdfy\x8c\x95Z\xfa\x95\xfd\xe2\xe2\xb2+F\x04\xd5\xa9Uu\x89\xe3\x17\x8a5t\xd8\xee\xac\xd5zo\xd7u\xc9\x02\x96\x8c\xa1\xc2\xef\'\x9by\xf9b\x05\xc8\x15\x8f\xe2}\x92\xed(\xc9\xa4\xf2\xf4\xdf\xd9\xba\xae(&lt;t:\x18\xbe\x9f\xb5\xae/.Z{\xf0\xb9\x06,\x94\x1a\xdc.\x8e\x1a\x8b@\xaf\xcb\x8b\xb7\x89v\xaa\\^\xdc\xddE\xfa\xca.\xd5*C\x99/\x82\xd8\x1c\xb1\x8c\xe2\xd6n?\x1f\xbe8\xbf\xec\n\x11`E\xab\xb9\r\x94\xd2\x85p^\xd3\xb6\xbbg\x93\xf3Ak\xfa\xfem\'\xac\xcb\xfc\\*/\x92*\xc3QC\xdb\xc3I\x9d\n\xee\x8f\xce\x10\xf7\x08\xc8\xb9Or\xc3\xe9\xec\xfa\xf4\xfc0\xb8ut\xdd\xdd\xdeV\xb5\x04\xab\x80^\xabPQ\x05p\t\xdd\xcb\xb3\xb7\x89\xfd\xf2\n$[Yq\x1f\x98\x95W\x17\xe7%k\x91\xad\xd4V\x19V\x1aT\xd0J\x8d\x00K\x1b\x86\xef\xb3\x02\x9f\xab\x94J{\xdd\xeb#_\xf0pr:8\x9b\x92h\n3\xbf\x1fXI\xa5\x9e\xa8\xf5=\n\xaf\x17;\xf6\xb0S\xd7e\x0bB\x15\x86\xb3\xd6\x00L;#\xda\xaa\xeb\x00\x00\x04\xb3IDAT\x9b\x88\xeb.\x92HX\xe8\xfa\x9c\xa4w\xf21\xf8&gt;bt\x9b\xd3\x9b\xc4\xfe\xed\xdd\x14)\xf5\x88\xb9j\x91\x86\x8ae*\xefw\x99\xd7h\x1aD\xd1}\x9c}{z9\xd2\x04!&amp;h\xfd\xe2\x06Gb-X\x15\xb3\xa45\xaf\x8f67CG\x87\x87\x93\x8bA\x0b\xaa\xdd\xd8\x9dzn\xe3\xf7\x9f,-\xad\xf9\xadb\xdc\x03NKZ\xbb\xbft\xcb\xbf\x91;\xb8\x99\xf6Z\x17\x93L\xe0h\x8e5\x8aD43\xa1s\xaca\xf0\xb9j\r\xa6W\x8d\x880\x9a\xdd&lt;\xdf\x7f\x94b\xc1\xdcN\xb3\x1f[\x10QB\x89\nR\xee\x96\xd3\xaf\xde\x9e\xf5\x1c\xc30TG\x84\xddqm\x0c+a\x96J\x84\xb5\xb3\x13\x08\xe0\x11\x08L\xc0v\xd6\x9aMo\n9\xc9\x7fk\t\x85\xcc#I\x8a\xd7\x7f\xdf\xaf\xd7\xab7S\x085\xc9\x04\x03\x81\xd0\x91\x8f\xa8\x8e\xae\xb59\x16\x1d\x10e9\xd7\xc1\x84\xa3\x1a\x10\xcciV\xben\x13T9\xb5\x92\xa2!\x1e\xc3(\xa3b\xeb\x8d\x15 \x95S\xedt\xf6f\xdatTPm\x8f*\x05X\xe1w\x0bt \xc9\xae\x95J\xa5\xb3\xc3\x9dy\x04X\x04\x0f\x0f\x07\x97\x97\xd3\x9b\xd7\xf5\x9c\xc2\xf3\xc0\xda\xf0o\xd4\xed\x9bi\xeb\xfat2A\xf6vvB\xbe\xadM\x16\xd7MQ\xc4\x88\xa4\xb3\xab\xe4\xb8[k\xb9NE\x13\xd4\x98 \x08\xc6\xf8\xd9\xcb\xfd\x0fj\xc1]H"U\xaf\x8foS\xbd_)\xa7\xcb\xedW\xfd\xdaH\x15U\xda\x1fT\x0b\x0b\xf3\xc3\xc8U`\xf5Z\x93\x00e$\xe4B\xed\x84v|\xbe`\xe0\xfc\xfc\xf4l\xda\xaf\x86\x15\x8f\xa5\xd7\xed\xf7\xd3\xd9\xe0\x1cH\x01\x82\x0f\x85|\x9bG.\xd6\xa0\x89UA\xe9\x03\xd6-\xaf^H\xa0\xea\xc0b\x86!4\xbe}\xb9\xbf\x9f\xdaO\xb1\n\xbfK\x81\xa1\xebc7\xb3\xbb\xbb\xa9\xf6sT=G\x14b\xb8\xb4\x93\x8e\xee\xbd\xb5\xc6\xac\xc5y\x19Vsv\x9e\xd9\xf1m\xfa|\xa19\x18\xc8H2\xf4\xf4\xa6\x99\x8f{\xe2\x95Zk\xf0\x10~\nl\x85\x88)\xb4\xe5\xf3aw\xa2\xf2\x9d6\xf74\r\x93\x9bk\xd5\x05\xccn\x9c\x12\xb6\xf3\xa2(\xa8\x02J\x9a\xd1\xb8"\xb2\xfd\xd4#\xc4nj7u\xfb\x11\xfc\xf6(\xd5Fz\xdb/\xf3QQ\x10\xe8\xa1\x9a\xfd\x03\xdd\x9d\x1a~\xc2\xd2 \xd7E\x06f\xa1\x93\xf9\x18X\x90\xf82\xc1`\xe6\xac\x84szD\xb39\xc8\x04\xb7\xd8G`\xda\xc2\x8e\xd86\xe7X#\xcd\x8c\xc6-\xde="\x19\x8cK\xea\x85\xbe)\x8a\x06\xb0`\x9b\xc6\x0f #4$\xb4\xdd\xa6g\x10\xee\xb7\xf7_^\x19N\xcc\x00\x13\xb9 \x01_\xb1\xe1\x8f\xa7\x03qr\xa7\xa6i\xa5\xe6\xd9q&amp;p\x18\xc4\x99\x08+\x88 \xb6`&amp;\xd325\xd5\xf4\x88\x8d\xe6\x05\xde\x07v\xb6\\\xff1~\xc6\xb5\x15:\xed\x95Jf\xd4\xb6d\xf7x\xc0B\x9b\xf0b\xcc91\xe1c`\xe1\xae\xa4h\\]]}\xeb\xc6\xf7W\xdf\x7f\x7fu\xf5\x03n\n\x87\xa8\x04Q\xab\xc5\xc3:\xcd0tMl\xc4bXf\xa95\xc9d2\xc1\x10\xa9\x15\n\x053@\xdaB\x12\x83\x93\xd9X\xd4L\x8f\x06\xb5\xf0!\x01m\xe1\x93\xd0\x16v\x0c1\xbd|;\x84Ur\xb1\xdc\xe0d\x14\\^\xb1\xea\xf1\xbc!\n C&gt;\x89\x009\x15X\xc6T\xc7\x19\x1b\xecM\xc3\x10D\xc3@\x97\xef\x84\x15~&gt;\xf2\xf1&lt;\x8e\xb4\xc0\x15j\x9a\xa8\x8dz\xe7\xc0B"A\xe5\x0b\x05Y\x042\x81\xcc\xc3KS\x13k\x1eMk\x0e\xc8P!\xcan\x88\x12\x08\xb1\x82\xc0\xf2m\x05\x08\x8bV\x9c?ca\xa8\xe0\xb1bA\xd9\x1dF\x89(\x82,E\xc6cG\xa42N\xba\t\xa2\xe3\x90\x9fD\r\xd8\xa2\xd08\xb1\x8b\xa8\xe0\x18)]\xb9dZ\x1fpXH\x89\x8d1f7\n\xa6\x83\x8f\xc0`$\xa8\xf5\xb0g\x9af\x1ej\x8d\xaeA\xc3\x1cE\x86\xa7\xbd\x82\x0c.DX\xcc\xf22]\xa5&lt;\xc7B\xcfW0\xc7\xd6\xe0\x1a\xc1\x19\x8d\x1a\x8d\xf1x\x1c\x89\x18\r\xa3\x81\x88\x18\xe3q#\x12\x01\xf1\x0f\ra,`\xb5j\xd1\x17\t\x8b\xc9\xc5\xb8\xd0}\xb4\x9f\xb1\xdc&lt;\x92\x14\xc1\x80\x8b\x155\xb5&gt;a\xb5\xdcB\xe5~JL\xcc\xf8\xd8m\xd0\xd4\xe0\x02\xc2\x02\x8fL\x9b\xfb\xa4XXt \x11f\xefl\xd6k\x8eF{$\x92\x03&lt;C4\xc6FC\x14G#\xc0\x89\x9a\x88\xef\xb2\t\xd4\xc5".,\x0e9}\x185\x1bfo@\x06\xa7&lt;\x06\xa8P\xb87\x1d\xb0fQ\xd3\x1czTA\xbd|\xf8\xcb8\xff\xf0\xa2\xe5\xa0\xd7\x88\x89b\xf8\xbf\xa2\x1e\xaeS\x1f\x8a\xa9\xb3\x0b\xf4ZB\xeb"\xb6\xd1\xd7\xb1uG\xa3fo6\xad9\x18g\x85\xfe/\xbf\x9bC\x84\x9f&gt;\r\x87m\xcc\xba\xea\xa8E\xe7\xa0\xf8\xd5\xc9\x07=\xdc\xbb\xc3\xff\x00\x0b[_U\xb0*\x97\xef\x00\x00\x00\x00IEND\xaeB`\x82'</t>
        </is>
      </c>
      <c r="M29" s="3" t="n">
        <v>45492.67864583333</v>
      </c>
    </row>
    <row r="30">
      <c r="A30" t="n">
        <v>41837</v>
      </c>
      <c r="B30" t="n">
        <v>1966</v>
      </c>
      <c r="C30" t="inlineStr">
        <is>
          <t>Fernando</t>
        </is>
      </c>
      <c r="D30" t="inlineStr">
        <is>
          <t>Fernando</t>
        </is>
      </c>
      <c r="E30" t="inlineStr">
        <is>
          <t>VOL</t>
        </is>
      </c>
      <c r="F30" t="inlineStr">
        <is>
          <t>VOL</t>
        </is>
      </c>
      <c r="G30" t="inlineStr">
        <is>
          <t>VOL/MC/ZAG</t>
        </is>
      </c>
      <c r="H30" t="n">
        <v>183</v>
      </c>
      <c r="I30" t="n">
        <v>5</v>
      </c>
      <c r="J30" s="2" t="n">
        <v>31982</v>
      </c>
      <c r="K30" t="inlineStr">
        <is>
          <t>Right</t>
        </is>
      </c>
      <c r="L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022b8c6-643e-4b30-910b-b2493886d5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[\xc1\xd7\xb9\x00\x00\x03\x00PLTE\xfd\xfd\xfd\xe8\xeb\xf7\xe8\xe7\xee\xe74\'\xfe\xfe\xfe\xff\xff\xff\xf9\xf9\xf9\xfa\xfa\xfa\xfb\xfb\xfb\xfc\xfc\xfc\x99bJ\xe95(\xacrU\x9deM\xea\xea\xef\xe9\xea\xf5\xec8*\x93^I\xea6(\x96`H\xea\xed\xf8\xed\xee\xf7\x9bcL\x88YF/)&amp;\x8dZE\xf0;,\xeb\xec\xf3\xa0gM,&amp;#\x96cM\xb0vX\xee9+3,(\x92\\F7/*\x8b^L\x99dN\x90^G\x92aM\xf8\xf8\xf8\x8c\\H\xec\xef\xf9\xa8oJ\xa9nQ\xa0iQ\x93fR\xa2iN\x92n`\xa3kQ\xec\xec\xf0\xaaoU\xacqP\xf6\xf6\xf6\xabrY\x98hR\xb4za\x86\\K\xea\xea\xf1\x8caO;3-\xe5\xe4\xeb\xadv\\\x8bXB\xee\xee\xf3\xf1?1C91\xb4}\\\xec\xeb\xec\xaftU\xb1x\\\x9efI\x94jY\x90YB@-(\xed=0\xa7r[LA9\x8fdQH=4\xa7nT\x8dl^&gt;6/\xf0\xef\xef\xbb\x82h\xb8\x84b\xb8\x7fd\xa6iL\x82Q&gt;Q:3\xa7oW\x7fXH\xa8kO(#!:)%\xe8;/4\'$\xa5lOdG&lt;\x97_D\xa1lTW&gt;5\xa6kS\x83UC\x8fqe\xa3nWP5,\x97tfjC6\x87WA\xabnN\xf8J9\x8dgX\xeb\xe5\xea\x9bjUtREzSF\x97o_QE;\xa2jGvK7qMA\x89TA\x9emY\xaenT\xe6\xe4\xe5E1+\xe6\xe6\xee\xa9u_}O=I60\x87O9\x9c^EX6+\x9dgQ\xe7\xe8\xf3\xe9MD\xaeyb\xf2D6]&lt;0d@5wN&gt;\x87aP\xb3u]\xbc\x88l\xf2\xf3\xf3\xa2eK\xe0\xdf\xe5jK&gt;\xb0rY\x99Y@\xe0\xde\xdf\x87G3\xa3q[\xee\xf0\xf8RID\\C9\xe5WO\xe7\xd4\xd9\x94T&lt;\xe6yw\xcc\xc7\xc6\xe7\xa6\xa9qF;J0(\x8fP9\x81OG\xe8\xda\xe0\xd1\xcd\xce\xe4\x96\x98ZLC\xdb\xd9\xd9\xe7\xb2\xb4\xe8\x8f\x8d\xf6O@\xe8C9\x85gZ\x88RM\xef_T\x9cdE\xeb\xdf\xe5\xd8\xd3\xd4\xb5xWc&gt;-\xb3~f\xf3VI\xeeh^\x7fbV}I6\xe7\xce\xd3\xe8\xc7\xcc\xa3\x84z\x98\x84~rZPbZU\x9csbvpl\x8cWP\xc3\xc0\xc0\xe1ok\xbb\xb3\xb1\xb6\xb0\xaf\xa2aFgQH|]O\xba~]\xb8yaC;9qE3\xe3a\\[SM\x94WUkeawbZ\xe9\xbe\xc1{IA\xc1\x8au\xaf{k\x9bcU\xa4\x92\x8c\xec\x82}\xecsl\xe2\x84\x83\x95aR\xaf\xa9\xa7\xc1\xa6\xa1\xc2\x94v\xba\x8er\xa0\\[\xbf\xb8\xb7\x98{r\xd6\x92\x91\x8cto\xcb\xbf\xbd\xe1\xb9\xbb\xa4\x9d\x9c\xdb\xae\xaf\xd9\xa2\xa3\xb2\xa1\x9a\x8f\\X\xa9xh\xe1\xc1\xc4\x81ld\x88&gt;+\x8e\x89\x86\x84|y\xa6hg\xcc\xb5\xb3\xdc\xc9\xca\xd7yv\x97\x92\x90}:)\xb3\x92\x85\xc5\x9a\x8b\xcd\x80\x80\xd66.\xce\x9e\xee\xbe\x00\x00 \x00IDATx\xdat\x98\xcfK[\xdb\x16\xc7\xf7 9g\x9f\xd0\x0c$\xa0\x11L$\xa6\xd1\x88\xbf\xf0\xd5X%A!/MZ\xb9\xc7\x94\xe4R{\xf5Zz\xf5\xb6\x8f\x96*\x14\xef;\xf5\xc1S^\xdbg\xa1\xd8z\xf1^/\x0eN\'B\x07\x12\x87"\xbd\x83\x8eB\x08\x8a\xe5FB\xfe\x00\'\x1d9\xd5\x89\xa3\xb7\xd6\xde\xfb\xfc\xb4o%9\xbf\x7f|\xcew\xad\xbd\xd6:!\xb2$\xc3\x97R\xf8r\x93\xd1$\xd8\xaaP\x85\x10\x05\rVa\x83\xc4\xf6\xc8T\xe1\xc6\x0f\x16\xa7\x18\xe7\x8a9\xdb\xaf(\x84}\x15~I\xe3|\x99_M\\\n\xee@\xdc\x06\xa7\x10\xd9a\x06\x97$\x969\x035\xae(\x01\xab\xac\x18F`E\x92\x12\x9b\xcf\xb7\xb73\t\xc9D\x93\rD\xe38\xf3t~i).\xb0(\'g\xc7\xb9\xb1\x84&lt;&amp;\x978\xd7zn\xc2\x951\xb6*\xd4\x84\xc2\xedR\xe2o\xdb;\xa7\x97g\xd5\xedb"\x0e\xfb\x19\xa9\x84\xb7\xc6\xa3\xd9!\\-jaI\x06\xa3"\xb0\xa8\x13\x0bE6\xa5\xe5\n\xe1\x87\xfbB\xc19AI\xd0\r\x1c\x8c\xb2\xe7\xe2\x13\xdc"\xc5\x13\x99\xbd\xea\xe9e\xa5\xdc8?\xda\xd9\xadV\xab_\x0f\x0f\xbf\xee\xec\xad\x147\x13x{!6\x95\xedr\xc9\x92\xb1.\x1e\xda\xad\x161\x9cH\x85\xc7\xad\xf3EHP\x1e$\x94\xa1q\xf7\x11+\x00\x13\xc5\xdf\x0f\xaa\xa7\xe7\x95J\xa3^*\x95/.`\xae\xa9\xba^\xae\\\x82x\xa0\x97\x0b\xca\x8c,Y\xf8P`\x11\xc5\xc5fa1\xe5-\xe5D\xd0R3\x88\x98~\x84c\xc1\xe1\xf18\nupxv\x0e(\xf5r\xbd^\xd2\xb4r\x03\xa8\xd2\xa9h\xaaP\xd0+\xe7G\x07\x998\x8b\x1e\xc5\x85\x85n\xb1\x85\xbcb3\'\x16\xaa\x84\xf7\x89\xb3A)\xd9\xb0\xcc\x930\x80\rJ\x8aG\'\x8a\x10R\x17\x8dF\x19\xc4\xa9kyUW\xd5zY\xd74-\x1f\x05\xaet^+_\x9cno\xca\xca\xb7\xb0\x84\')u \xb9\xb0\xa8M-j\xb8\xdf\x12\x8a\x88\xd8\x96\x19\x1b\x1b|r|3sp\x04\x01U/\xd5\xebz\xb9\xac\xe7\xf3\xaa\xa6\xa9\x9a\n4%\rV\xd2\x05X\x80p\xdb)\xcal\xb8\xca6?\x18L\xb8\x87\x98j\xf1Ld\xc32\xc3\x0fO\xa5\xd6i\x8a\xf14D\xc8\x05\xe9\x8b\x05U|\x13\x85:\x07\x87\xe9%\xb5\xa4\xab%MEc\xd3&lt;\xd2i:\xf2i\xa5\x92^9\xccHW\xd3\x96\x19W"&gt;llW\xb1dw\x9e\xb0a\xb1A\xce\x06(d\xa9\xcc\xee\xd1y\x05|W\xd7\xebu\x15\xc5\xc9\x03N:\x9fO3\x03\xff1K\xe3f\xb5qT\xe4\xcfg\xc6\xbd\xe4H\xc96\x07\xf2\xb9\x85\xf5-.3Q\x13#\xde\x99\x1f\xa9\x9cX\xa9\x9eU\xea\x10B N^E\x94B*UHE\x83\xc1h4\x1a\x89D\x82\xc1H$\x1a\xc5m\xb0K-\x95*\xbb\t\x9e\xea\xcc\xd1+\xd2\x9f\x08%\xc5mn,j$y\x11_\xd4\xe5D\xf0\xa1,\'\xb6\xcf\x1a\xba\x96GI\x90\x07QB\x00\x12\x9a\x9d\r\xc14\x04\xf3\xd9\x10,1\x8b\xa6 \xc0\xea\x97{q\x99\xc9\xa0P\x11\xc5\x10\x9c\xd4\xe51\x9e\x81\\jY@\xacd\xd8\xdc\x88{M,\x08&gt;\xa9X-\x83J\x05\x18k)\xb0h0\x1a\t\xce\x86\x82\xc0\x03,A\x84B\xae \xaa\x06\xd3h*\xad\xea\x8d\xc3\x8cl\x86\xa7H\x902u(\xc3c_\x11U\x88\xb1\x99Xf5\x94\x1dXv\xe7S\nb\xe9\x9a\x8a2\xa1\xe3\x00\x0b\xa8f\x83AT)\xc2gH\x85*2\x11S\x85|\xa9qy Y!J]\xa3\\HC\x14\x8fGq\xe40bk\x1b\xa8\x1dJ\xe6Zsyq\xbc\xc0Q\x99\xaf\x15]\xab\x15\n\xc0\x84?@\x01\xb1BA$B\xd9\x18V\x10v\x81sQ\xc2H4\xad\x97/v\x12Tq\x96\x07\x96l\x1cj\t,\xe2\xc2bj\x19\xd1.\xf3\xe8\xb2\xa7;\xc2\\\x10?8\xaf\xeb\xb5B\n\x91\xa2\xcc\x89\x0c\x899\r\xe2\x0b=\x89@\x10\xf6\xe0]\x80\x0c\x05\x0bj\xfd\xa2\x9a\xa0\xe6%X\x1d\x95\xa9\xcb\x89`\x1e\xaf\x87\x10\x8f\xe5KB\xddC\xd1\xc4s\x8e^\xd8\xb4yT\xd6U\x8c\xf3T\x8a\xff\xe0\xdeA\x16\xdd\x18K!\\\x89\xb2\x10\x83%\xc4\x0b\x85\xa2y\xbd\xf2u\xd3*\x15F~\xe0\x8fl\xa9\xe3!\x1e0bK\xaf\xd4&gt;\x14\xcd\x1f\x1f\xc1\xe2jF\x0f\xb3r\xae\xa3\x03\x01\x08QX&gt;\x98E\xbd\x82\xe8\xcd\x87\x91\x87\x86\xf1!\x80\x88\x91\xb4Z&gt;\xcd\xf0\xdag{~7\x16\xe8\x04ry\x88\xadf\x9bm\x9f"\xb2\x13\xe5\x8et\x16QT6Qm\xd4P\xabh\x94\xa5\xa7\x87\x11\x16\xe6\xa1\xd0\xc3\x07\x13`\xab`\x1f\xc1V\'V\'\x1e \\\x10\xf7G\xa1j\x1fe\xe2\xd4j\x06\r:\'\x960[l\x99&gt;\x13)TP\xf1\x81j\xcf[\xc53\xbd\x86q\x8e\xda\x04\x1f&gt;`\x06\xb3\x89\x8fO\xd1\xd6\xd6\xd7?\xc1\xf7\xd3\xfa\xda\xda\xd3\xa7\x1f\x11\r\xf6F \xab\xd6\xcag+\x92\xe2\x1cT\x86ZD46\x82\xcb\x96\xedeg\x87\xae\x88\x11L\xac\x02*\xca5]9WS\x11\x1e\xe6\x91\xc8\x03.\x102\x01\xcb\xa7O\xcf\x9e\x9d,//\xe3\xf4\xe4\x04V\xd7\xd7\xd7P\xb9\x1fJP\x08\n\xfaY\xc69\xd0\xa91\x12\x15#k\x11\x13K\xdcR\x1c\xa9\xd8\xe2\x92*\nu\x17\x05x\xbc\xbdJ-\xca\xa4b~\x03\x9e\x8fk@tr\xf2\xf9\xf3\xeb\x85\xd7\xaf\xef/,\xdc\xb93?\xbe0&gt;\xbep\x7f\x19\t\xdf={7\xb7\x95/\x80^\xf9\xfai\xd1J\xd8\xdf\xa84|\xd1c\xcf[\xf6zN\x1c\xb9V\xb1\xf7\x1c\xd0c\xed6j8\xfa\x01\x0b\xa8VQ\xa4\x93\xe5\xcf\xaf\xef\x8c\xdf\x99\xdf\x7f\xc1\xad\xa7\xa7\x07g\xfb\xf3\x9d\xe3\x0b/\xdf\xffcfi\xee\x15d\x13(U\x8d\xdd\x84\xac|\xd3lu\x91\xd8&amp;\xc4l\x12\xad\xdcf&gt;\x89C\xad\xcdj\xb9\x86Y\x12\\\x88P\xcf\x96_\xde\x7f\rH\xf3\xfb\x00\xd5344\x04L|\x06`\xb9\x9c\xaf399\xfa~\xee\xe9\x04\x0c\xddBZ\xbb|.\xba[#\xad\x9bO.\xe2\xcb\xd9=#\x96\x83\x9bX\x85\xd3\x8cv\xc26\x15O\xeb5\x16\xed\x91\t\x84\x02\x97u S\x8e\xab\x84L=\x0c\x8d\t\x96\xdb\xf7\x85\xc3]-\xef\xdf\xad\xa6\xd2\xd8N\x94w\xe2\x94*\xffG0\xd7\x9c\x8fD\xb7\x9a\x1c\x8b\xb8\xcf\xa2\x99s\x95\xc5Vtb\xed\xe4\xe5BkG`\xde\xa0\x12X\x86\x01\xd4\x8b}_ \x10\x0e\xf7O\x8e&gt;\x9a\xc0\xb2^P/\x8b\xce1\xe4\xc8\x0fn(\x87\xcf\xacWag\\\x8a\x11\xbarQ\xc3\xd8\x8a\xae\xae\xbfom\n4\x058\x162-.:\xa9P\xac\xfd\xf9\xf9@SW\x7f\xff\xcc#\xd6l\xa4\x1b{ \x00\xc1\x94I\x88\xbb\xcf\xb2w8\xe4Jg\xcf\xb2\x83\xe5?\xfb\x01\xf0\x91\xb7+5\xac\xc1\xab\xef~\xe9\x0c\xfb\x00\xcb\x87X9Tjqh\xd1${1\xd5\xc3\xa8\xf6\x03\xf3\x1d\x1d\x9d]\x93\x93\xa3K\x1f\xd2\x10\xf6\xfa\x11\xcf\x02\xac\xf6y=nI\xaeF&gt;q&lt;\x80\xa3\x14R\x85\x18\xcd6\x95\xf70\xc7\xa7^\xbd\x9b\x99\xec\x02\xac\x80\xcf\x17\xf0\x01\xd5T\xcf\x14`\xdd\x82X_\x84%\xb4\xa9)\x88x\xa6VGgwrr\xb2\x7fc\x0e:\xd5\xfcy\x91\x10/\xaf|8\xf1X\xa5Yq*H\x1d\xef\x1a\x8e\x02(|\x8a1&amp;\x06\x02\x95\x00\xab\x10Mo\xcd$\xfb\xfb\x11\x0b\xb8\xf6s\xbfMMM\xe1\xf0\xe3\x06\x9a\xc1\xb4\x17\xb8^\xec\xff\x17\xb4\x0ctv_\x07\xac\xdb3?@7[\xde\xe5)\xd3\xcb\xa1\xbc\x8c\xccEE\x8d\xbf$\xae:\xda\xd5q\xf0\x02\x01+\xd2\x01`\xa5\x1e\xcd\xe0\xf3\xdf\xf41\xb9\x9as\x03@\x850\x1chhq\xe8\xda\xb5kC\xbd?\x0e\xe4r\x88\xd5\xd1\xd4\xdd}\x1d\x8e\x1f\xfd\x00j\xe9g\tQ\xf8\xbc\xe6\xdc\xf5\x16fs\x15\xb1%\x12+K\x98!\x08\xd5S\xec\x92v\xcbPG&gt;\x8c&amp;\x93\x93\xfda`\x02\xcb\xe5\xa6\xa6~\\d8L*d[\x04\xa8\x9f\x06\x06\x06r\x88\xd5\xd9\xdd\x82nLn\xbd\x02\xae\xca\x8a\xc7f^\xafQ\x03\xed\x01$S\xc5Lo\x8e7HW2\xb5*\x82\\\xad\xc3\xb5\xe7\x18V\x17\xc3\xf2\xb7\xfd\xd66x\xedV;Z\xb6\xfd\xd6\xbf\x05\x16\xa0N\r&lt;\xee\xf37\xcfw\xb4v\x83\x01\xd6\xd2#\x88\xae\xf2\x1e\x8b*/7\xab\x06Z\xae\xc1F]\x11\xff\xbf\x98yIa\xc7\xd9tt:V:\xd4k5u\x0b}\x08j57\xfb\x02\xcdm\x8f\xfb\x9edG\xc0\xfe~od\xe4\xd7_\xff\xf8\x03\\x\x03\x7f\xbd\xbd\x8f\xfb\xda\xde\xf8\x9aZ\xc1\xba\x93\xc9\xe4\xcc\xdc#5_\xaa\xca\xa2"3,\xaf\x1d\xcb|\xb5\xe2\xaf\x10f\xce\',\x99{\xec\xdd\xb4=\xd9\xc1/q\x06/\x86\xda\xbf@\xaap\x7f8\xe6o\x06\xb5\xfa\xa6\x87\xdf\xbe};2\xf2\xe7\xbd\xef\xbf\x07\xb0\x91l\xb6}lx\xac\xbd}x\xf8\xc6\xdd\xc1\xbe7\xcd\x1c\xebz2\xb9\xb14\xf7A\xd3O\x13\x1c\xcbkb\xb9\xe2\xd8(\xe7\xb6\x1c\xae\x88d\xe7\xb1Whb\xf4\\\xf8\xd6sYS\xd5\x0fK\xa0UW\x7f,\xe6\x87\x80\x8f\xbdy2\xfd\x9f1\xb0\xec\x9f\xf7\xc0F\xb8e\xb3c\xc3\xc3\xc3\xd3}}\xa8V\x0bb\x01\xd7\x97-\xe0\xba,2\x8f\xf0\xa0\xf7\x9a\x11/t\x11oF\xbc\x0b5\xda\x1bh\x92E,\x12\xea*\x06\xfc\xff:y\xf3\xbc\xc0\xb0n\xf7wu\x85c1\xa0\x8a\xf9\xfb~\x9e\x9e~\xf2\xdd0\x90\x8dp06\xc9\x0e\xc3\xd6&gt;?\xa4\xdc\x96\x85\xf1\xd6\x96\x96\xd1\xeb\xc9\xd1\xa5\xad\x92z\x91\xa1\xc4c6\xa2^\x0f\xb9\xd2;Q\xde\xc1\xc2\x84\x18\x8d\x8c\xc7\xd9 \xba\x9cI\xe5\xe2EM\xd3\xe6\x10+\xdc\x15{\x13\x8b\xc5\x9a}\xcd}O\xbe\xfbn\x9a\xe9\x95eD\x7f\xe1\x04\xd4\x9a~&lt;\xe8\x0f\x07\x9a\x9a:[[\x16\x18\xd6\xc6/\xc7%\xad\xb2"\xb37B\x96R\xbd^\x8f\xab\xbeQ\xd9\xd6\xed\x1b\xd9\xc1\x18\xb3W\xab9\x1b\x14\xb2\xf4\xfc"_*\x1d/m\xdc\xbe}\xb3+\xe6\x8f\x85\x9b\xfd\xfe\xb6\x9f\xef\x82\xbf\xc6\xc6\xda\xb3\x805\x92\xe5.\xcc\xb6\xdfx|w\xb0\xcd\xefk\xea\xe8\x84\x04\x01X\x10\xf4\x1b_\x00\xabq \x8b\xf6\x98\xcd\x88\xab:+T\xb1\xfes0\xb0D\xd7J\xec/\xd1\xd4\xf0&amp;6\xfc\xbfWT\x8e\xf5\xcf\x9b\xe1p\x0c\xbe\xfe\xbe\xc1\xc1\xbb\xc3\xed\xb7 Cd\x11\x07\x89`\x11\xb0z{\x7fjkk\x0e0,\xb4\xeb\x1b\x1b_\x96\x8eK\xe5\x1d\x99\x88\xdb\x88\xe4d\x94\x1a\x91\xac\xac\xce\x9a\x12\xab\x18\xbbt\x92ek\x05\xfc\xbdW\xd1\x8e\x8f\x8f\xffG\xa7\xd9\xc5\xa4\x99fq\xfc\xbdh\x15\x88^\x18\x932&amp;.\xcd:(\x9aU\xa0\xb1\n\x84\x06\x93R-4\xd6\xca\x14\x05\ni"\x8a`\xa5\x86\xe5c#\x82\x1b\x95W\x13SA\x87\x05\x84\x8c\t1\x1d\x12SoH\x9a"\x89$\x03kw\xb3K\xc1z\xb1f\x9d\xf4bv\xb2\x99I\'\x934M\x99\xb9r7\xd9\xf3\xbc|\xbd/\xbaO\xd4\x88`\xf8\xe5&lt;\xcf\xf3?\xe7\xfc\x0f\x19\x9f\xc3!h\xe7\x00U\x11\xab\xe1z"!M\x0cI\xa5\xd2\xa1\x04hW\x03`\r\xc2\x9a\x9b\x9b\xe0\xddmnC\xb2U\xe4\xcae\xde\xbc\xf9\xf3.r\x88\x89;H=Q\xa5\x8a\xb8\xda?\x13\x9bx\x89H\x15g\x04e\xa3\x18au\xbez\xfd\x02a\x1d:\x88h\xb5\xb7\xb3\xda\x01kB7(\xcd\xe7\xa5\xd2\xbct&lt;/L$\x12\x107i\xe2z\x02B\xd8\xd0\xdd\x8at\x8b\xc0\x12A\xb42\x19\x84u\xa5\x9c\xae)M\x02\xa9\xbb\xa9\x9c-\xa4\x01\xb4\x9a\x12\x8c\xd2k\x96\xfe\xe1\xd5\xeb7\x997\x99L\x9c\x0fg\x9e\xd8\xc5\xc6\x1e\xdeDw\xc3\xf5\xfcX^\x9a\x1fS\x8e\x8d\x8d\xe7\xc7\x89/)\x84\xef:\x80u\xf3\x18\x1d-\xc5`\x89-\x87\xb9\xd3\xcc?\xf6ht\x8ctT\xc8\xe1\xa2\xd7\x98\xac\xd5\n\x9e$X\x18y\x9bKv\xd9\x1e`\xc1\x8a;\xd0UD\xbb\xd8\xd8z\xe3\x11\x9cv\xe9\xd8X&gt;\xaf\xdcR\xc2\x1aS\xc2M\x84Gy\x82\xeb\xe6\xc4]F3q\xba\xd8&gt;K\xfc\xf44\xf3\xfaU=\xbd6X\xc4,\xa1\xac[\xe5\xb9\x02\rm"\xa9I%\xe5\xf2\xaaY]t\x0e\x00+S\xc2\x02*1\xe2Zs-}\x9bL\n\xc7\x01F\xb9uV\x04\x1bG?\xc6\xc6\xa5p\xf2\x1bF[\x19\xac\x0e\xb4\x8b"\x9fE\xf1\xe9\xd3\xe9\xaf\xdbp\x89\xae\x92\xa9\xaa\x95f9\x01U\x05\xa2r\xfb\x8aH\xc5\xd8]\xf0\x95:w?\x9d\x9e\xe6r\x87\n\xc0\x1a\x11\x8b;\x98Z\xf6\x88\x85\x7f\xf4\xf1\xe3z\xb2\x825\x86\xc8\xb6\xb6\xc6Q&amp;Z_Zr\t\xb8\x1c6\x81\xc5\xb6\x98\x00\xeb\x97\xedzzM\xf3|\xb1/\xabb\xd5\xb8\xbcX\xf9\xc9\xeaT\n\x05l\xef\xfd!\xac\xb8\xc9!\x83\x92\x80\xad\xb5\x05\xf4/\xf4p\tl9K$\x99$\xb0\x90\xd0\x03U2\xb9\x1e\x91q-\x96\xc3L\xcen\xb3\xd9El\x91H\xac0\x99&gt;\x9d\xa6\xa1\xe7\x07\x19\xc50\xec\x92q\nF\xf2\x1e\xe0}\xb1\x1a\xf7\x99^u\x9f\xa9\xfe\xe0\xab_\x11\x95\xc2\xc4\x97\x8d\xf8\xb4N\xfd\x8eA\xf3\xe0\xc1\x83\x95\xfb\x06\x83\xde\xce\x8d\xac\'\xb7 Z \xf1\xc9\xe4\xb7K2\x9fmgG\xa3A\x99}gGo\x83{\xe8#\xb0~\x01\x95\xbfB)\xb3j\xb8\xb0R\xbeFeC\xc5N%c\xd7S\xc3\x85~\xd9O\xc7KX\x96\\\xc0\x00T\xf7Q\x85~{Ec\xd0\xdb\xd8SKB"\x1bJ\x96\x86\xadl{\xc0\xa0Y\xb9\xf5\xc7\x95\x95\x95\x07\x1a\x8da\xc7\x99+a\xa5\x11\xd6\x95\xab\xd8\x85H\x90\xfb+Z\xc5\xdc\xa5\x94\xf5\xe4\x1d.b\xd5\x11C\xd0\xfa\xedt9Z\x16\xfb\x8e\xc1\x00o\xa8YY\xd1h\xd0\x1b\x07\x8c\xac\xa9a\tT8\x92\xfe\xe1)\x8e\xd6\xaeGO\xad\xac\xdc&amp;\xb0\x0c\x06\'\xfa7\xd3i&amp;\xbdM\xa3\xe4\x12J$J6;\xa5\xf1\xc2j\x8e\x16\xbd\xbej\xc5\xa1\x9c\xdewg\xf1\xe1b:\x87\x8e\x16\x9f\xaf\x88\xdb\xf5;z\xbdM\xab\xb5;\x9d\xc8\x04\xf1z\x8d\x1d\x88K2$y4#\xe82j\xbd\x01\xf3\x06\x90\xef\x04\x9c\x01=`\xe9mq\x13`A\xb4hX\xa9\x94\xbf\xd02\x94\x1c_zi\x82S\xed\xbb(\xc3O\xca\xb4\xb4o\xf1\x87w\xdf|\xf8!\xad\xf5\xe5\xe2\n\x05_a\xd1:mZ\xb1\xcb\x15\x89D\xac\x9c\xa7\xeae\xf5\xd3\x96\x0e\xc6\xd4\xf0\xfa\xba\xa4\x7ff\xad\xb9\x0596\'\xf3^#\x9b+\x10pEP\x00n\x00\x96\x02\xee\xf1\xbb;4\xb2\x91U5\xe1\x8b\x83\xae\xa2CC#\r-\xa9v4I\xb5P\xfd\xd3\xb7\xf8\x81\xbb\xb0\xe0\xb1\x9fj}\xbe\xb8\xc2\xc2\xe7[\xb4v\xb6\x00Nyr}\xc9\xc5V\xcf\x9bOR\x1e\xf9\xcb"\xd6Tc\xb3\\=\x7f\xb0\xbaj\xf6vY#33\x11\xd7\x88\xd6iv"\xac\xc3\xc3w\xbf\x7fx\x07\nT\xa2\x1b\xa34\x0c\xc4\x00\xa1\xac\xdcek\x1b\xbb\x18\xd1\xd2\xd0\xac\x18\xb0\x87\x7f\x9d\xc5\xa3\xf26Oj\x19d\x91\xaf\xe0\xf3}Z\xb1`\x06d\t\xce\xbe3\xe0\xb4\x05V\x0fN\x80\x8b\xd7/i\x18ml\x1eH\x99\x11\x95\xcd\xae\xd5v\x01\xfb\x92Kl\x0c\x04\x00+\x9e\xcb\xa5\xff\xf5.\xfda\xbb\x938\xf6\x14\xb1"\x02UWVo:\xed\xc2\xe4\xb3:=\xac\x18\xbdu\x8b?\xb3\xa2\x85hsS\x9bQK`\xcdrG\x04\xae)\x01\xdb\xae\xbf\x7f\xfb\xf3[o_\xe8\x0fV\x0f\xe6\x17\xe4\xb8n\xf0&amp;or@}\x02T\x1bNg\x00I\x9a\x88;&lt;,\x00\x8d\xf3\x11X\x19\xadZ\xcd\xfcf\x1f\x89\x17\xd5\x1b\xa9\x1c\x97\xaa9^3\xef/]\x85\xfa\xaab\xd5\xed\xa7c\x85\x18\xeeg\xb4s\xd8\xbe8\x9f?{d\xb5Z9j\xaf^s\xfb\xf3/&gt;\xbb\xf5\xd5\xe9\xc6*`yb\xb8\xee\xe6\x9c?\xe4I\x9d\x98WWW\x9f\xbdy\xfb\xf6\xb7_\xfc!`\x13\t\xac\x82\x11\x11`\x1d\xe6\xec\xf3)\xf5\xc2\x82\xf8\xfb\x87(1\x92\xb8h\xb4z\xca\xd4\xa9\x92\xa0\xc9\x1d\x7f\xf1\t\xd2+;\xf7~\x0c\x17B\xd9\xdf\xb56Z\x05\x10-\xfe\xac\xc3*\xe8\x9a?xr\xefY\xe6\xc1\xbd\xc7\x8f_\x98\x02\xab\x1b\xe6\x94\'\x96\xd5\xb9\xe7T%\xac\'\x81\xf7_\xbd\xfd\xec\xb3\xdf\xdc3\x04\xbc]\x02\x81x\x04\xa2\xa5\xf5\x02U8\x1c\xfbq\xbbx\xee\xe95e\x03\xa5b!\xa5h\x92bU_ZW\xd7\xb9\xcbGX7%kk.1`\xf1\xb9\x1dO\x97\x9f\x9b7N\x96!\x01\x99\xcd\xce\xe7\x07\xcf\xcc\xf3)OT\xe5v\xebtx,\x95\x82]|\xf6\xdc\x1ex\xa6\xd1&lt;y\xf2\xf8\xde\x93\x035\\\xc8Y~\xdc\xee\xfd\x0bS\x1e+\x14\xb8{\xb4K\xb1(Sr\xe2\xc8W$\x0b\xa3W\x0b\x99\xd2\xcb;\xfbv\xf9\x85B\x14\x97\xfc{\xe9\xda\x9a\xd8\x02\'\x9e\xcd4./\xb7\x08\xac.\x17\xd48\xc8\xf0\x83X\xa1=\x84\x9aT\x97\x8d\xa6R\x9ey\xf3\xc6s\xad\x8f\x8d\x1a\x0b\xf3\xea\xd7\xab\x07\xcb\x1d\\\xbe)n\x17}\xd74\x19\r\x17\xba~\xa2\x94\x11XM$\xeai\xa4(\xd5&amp;\xf0\xaa@t\xf6\xed\xcd\x86\xcf\xc3\xd9\xe4\xd6\xd2Z;\xdb\xa2\x98\xb5\x00\x94\xb1\x8bc\x8d,}\xfc\x18auyO@\x1fb\x9ehv.1H\x1c\xae\xb0gaA\xed\xf5\xda\x99,\xab\xcb\xc1\xed2\xce\x9b\xcd\xcbL\xcb\xacB\xc4\xf9n\xed.`\xb5\xfcD\x94\x11W1\xd2\xd4\xa9\x9cRh\xb5X\x97\xd4\xad\xa5\x01v\xdf~\x1a\xb0T\xc2\xa1\xe1\xb5v\xb1\xc5\xa2\xf0\x19\xedF\xa3Z\xfd\xb4\x8b\xc3i\x01-\x05\xcdj\x93\xc7\xa2\xb0\xcb\x89\xc4 `\xc5&lt;\x1e\xb9\xbc\x99\xd5\xd4\xb2\xa0V\x1b\x8dL\xe6S\xa3\xf7\xb9W-6)\xc4M\xae\x8f\xad\x80\xc5\xd9%&amp;&lt;W\xab\xae6u\x86I#\xf9"\x15\xe7\x97F\x9d\xc1\xc3\xc3\xce\xc5w\x9e\xf3p\xef\xe0\x1c.o\xb7X,|\x0b\xd3\xc8\x84\xce\xa1\xa5e`\xc0\xb3 GvR\xb3&lt;\x16\xca\xaa\x00+1w\x17\x8f\x12X\x8d&lt;\x1e\x0f:2`[\x86\xe5]\xf6\xf1\x15#\x805\x13-\x14\xac{\xe5\xc1\x13i\xf6V=\xf6\x14\x0f\x07\xa3\x1e@ZI\xb8\x88A\xfe\xc3\xbf\x89\xce\xc3\xfd\r\xbaP\x8c%S ,6\x87\xb5\xd6\xd3\xd3\x88\xe3x\xd6\xefo\xbc\xc6\x98\x8cFq\xbfj\x0e\xb0TY\x1c\xc2\xb50 g\xf8U:\x1d\x8f\xd7\xb3\xc6j\xea`2\x8dF\x91B!\x13D\x86\'B\x85\xc2\xd1v%\x01aE\x8f\x01\xab\x0c\xa2\xcb\xf2P\x99e\x90jy\x1a\xb52\xad\xeb\xdb3\x9d{F\xeffC\xf8\x94C&amp;\x9b\x95\x8d\x08zf\x1e\x8dN\xebt*\x15\xfa\x9e\x9e\xf6\x87\x80J\xe5N\xe4\x13s\xd9\x97x4\x16\x93\xb7M\xe2~\x9d\xbb{z\xfa\xc6\xf4h\x0f\xe8\x9d\xc8\x07\xb9\x945\xc9\x9b`\x9c\x17\xfes\x87^&gt;\xf2Xe8Q\x99\x00\x97HH\xd1\xc2\xaa&amp;%\xa5\\\xae\xfbS:\xe5i\x8dFC\xa3\xc3\x0e\x90-\x99\xcc:5\n\x1d\xaa\x9bX\x9b\x9b\xc1\xfel(\xab\xebv\x0f&amp;\xf2\xf9\x9b~\x9c\x11\x8aE\xaf\xf1\xfc~?\x08\x86\xbbw\x1a\xc8z\xdaY\xe2\x11\xc8\x0e\x03\xb1\x97\x13\xbcs\xcf\xf7_\xd2\xc8X\xe4n\x8cT\xe2c\xb5#\x8e\xe2\x9d\xad\xab/\xed!|\xdd\xf9\xf9\x9f\x9ek\xb1\x18.\\?\x82\xd4\xe3p\xa1\x16\xbf!x=\xb8\xb9y|\xbc\xe9\xf6gCp\xb2t\xee\x04`\r\xea\xf0I\xc0\xc2\xfd\xdd\xc1`\x11\xbb\xb7{\xe2F;\x8b\x8b\x92V\x1b\xfc\xfdF\xb8k\xb7\x93\xd0-\x8c\xfe\xff\x17\xed2,\xac\x9c\xa5h\xa5\x0f\x08|\xf9w{j2\x1c\xc6\x95\xeb\x0e\x02k\xa6\x7f\x08\x11\x1d\x1f\x0b7\xddY&lt;\x8b\x96J\x87\x82\x95\x1f\xec\x86\xab\x18\r\xc1\xf2\xbb\x8b`A\x88X\x8f@\x062\xech\x0fEC\xbc\xb0l\xbf\x0e\xd5\xa8W.\xba/\xb5\xbd*\xa5v%\x15\xf3e=\xe9\xdc=L\xb5\x85\xcf\xf1\xad"VdX"D}\xd7\xb80\xa8\xc2C\x8d\xd3\xf0\xe6s\xee\xe0\xe6\xb1R\x99\xdfl\x98\xc0aGU8\xc4\x16\xfeD\xac`\xef\x8d5\xab\xcc\xc4wD\x18\xb1h\xabgv\x1f\xca&lt;\xac\xa6\xde\xba\xb4A\xa3\x96\xd4X\xe9\xb3P\xe5V\x12\x1e\xee\xbfO-\xc8\xc3Q\x89\x04\xd5\x0fG\x08Kyv\xa6\x14\x06\xfd\xa1\xe8\xe4\xa3 \x84\r\x82\xa7&lt;\xfb\xef\xd9\xd9\x99\xb0\x17\xb6\xd3\xed\xf6\xb7\x85=\xb8\x1bE\x14*|\xc9\xe8\x94\xebh\xd6t\xb4\xde\x13\x8e\xb5z %\xd6\xcc\t\xca\xa6_%L(\x94\xd4\xee\xa3\x0cG\xab|\xc8\x06\xed\xf3b:u&gt;\xc0\x88\xe2\xc3\x80u\x04XCI\xe8\xbf\xc67\xa7\xe1\xd65OoB3v\xa6&lt;&gt;.a\xf5n\n\x85A^\x13$e\xc4\x05\xfd\x99R\xd8\xff?\xbe\xcd/4\xad&lt;\x8b\xe3\xf7!\xd1\xab4\x0f"\xe4"\xcc\xde\x07{\xf5*\xac\xd6\x12\x12{q\x18a\x18\xb6Wq\xdd\x06\x87\xad\x7f\xba!cM\xf4j\x02\x99[]\xaaNB\xfeC\x88\xd9LB\x92*\x1b(E#\x85\xbc4\x0fe\xf2P0KhIg\x97R\xc8C\xa8&gt;\x98B#\t\x0biX\xd8\xf4\xa1\xf3\xb0\xbf\xfb\xff\xaa\xe9\xfe\xfa\x90@\t|8\xe7\xdc\xf3\xfb\x9ds\xbe\x87\xc1\xb2\xed\xdf\xea\xfa\xbc\xd5\xfd\xa22\x0e5\xd7\xca,\x96\xdcd\xfcs\xbf\xa5.\x12\xad%b\xa9V\xfe\xed\xff\x9c\x1f\xfe\xf5q\x04`\xa5\xf6\x0bA`\xad\xef\xbf\xdf\x05\xc6\xcaoY\x82}=\xab\xf3\x91\xe0\xfa20\xe0\xcfo\xfa\x86{\x80\xef\xd6o\xa0\xf8L\xfe\xf1\xdd\xf57\x80\xf8g\x01k\xd7\x95\xd7\xba^\x9c\x83wMG\x8b\xfc\xa8y\xacr\x05\x968}\xe5\x1f\xfc\xdc\x1f)^\x13\xf9\x17\xd4O\xb3\x06\x92\xc5\xba\xd3\x07\xca\xc1\xdd\xe5\x9e\xd9\xad\xbc&gt;\xd87\xecz\xf1\xf6\xad\xbf\xde\x07,\xf3\xe7\xf5\x9b\x1a\xff\xc3\x87~}w\xb5\xaa\xcb\xcf\xac\xae\xbfa\x9d\xcd9\xf1\xc2\xf3\xd8\xa5\xc9O\x9d\xf46\x8d\r\x9b\xbf5X\x1ct\xb4aqC~\x95\xa4\xcf\x04\x16|\xf5lk\xc6\xd0\xd3\xad\x01\x0f\x08r?{\xf3\xce\xfa\x1fn\xed.\x0c\xbb\xf2\x99y\x8fgX\xeb/\x16\x97\x08\xb2\x0f\x84X\x8f9W*\xcd\xbd\xcdT\xb3UMf\xa6\xfb\xa7\xe5[\x8cU\xf9\xd8\xda\xd8P\xe7?\x8f=m\x16I\xc9\xc7\x85\x82\x03\xaf\xc6R\xca4#|\xa8=?}\xbc\xe5\xea\xea6\x8e\xf5\x93d*k\xb9\t\xec\xb5\xd0\xd75\xe3\xd7D(j^\x7f\xb48\x97\x03E}\xb7Z\x13],\xb9\xddsG\xbaz\xb6j\xd08\xef\xdf[\x07\x81\xb6|\xed^\x84\xdeO\xf4[7\xee\xaa\xf3\xf9\xca\xb8\xb2uZ-\xcf\x13\\C\xa7\xf3\x0bN\xe4J#\xd1\xc8\xd0\x8f\xb5\xee\xd9\x8d\r=\xb0\xd6\x98\x95\xa4-7~\xb8\xb6\x1e\xec\xf2\x17\xa3x\xbd^\xd7\x1d\xcd\rL\x046\x876\x1f\x84\xd2C\x13\x03\x83\x83\x13\xb9)s\x15\x1c\x8d\xfev\x0f\x9b \x86-t*\xd1\x8f\xaf\x0e\xeb\xf3\x99s\x1f\xcck5\x9a\'&lt;\xfc\x8d#\xce^\xda\xb0T\xbc\xf4T~\x83\xf7&gt;\xa9\x04{\xee\xad\xce\x83\xab\xda\xeb%\xe7o\xdf\xf8\xfdp\xb7\xff\x97\x91\x10\x11J&amp;G\xe2n\x80\x05\n\xecM\x96\xeaw\x83\x83\xee\xdc\x12\x82\xd5\xebF\xd7\xfd\xafz\xd6\xaf\xdd\xfb\xe1\x86\x85L\xc5\xfa\xf1_\xd5\x8f\xb7\xacg\xbd\xac\x9eA\x9a\xf0\x8b\x93hH\x92C|!\xe4\x95\xad"G\xd8w\xf6\xdb\xbb\x85o\xbe\xd9\x8f\x91Vf&gt;\xd6\xf5\x95\xda\xbf\x18XK\xa7\xc3\xe1\xc5\xb8\xdb\xed\x9e\x9e\x9ep\x03\x8b\x05&amp;\xdc\x8c\x94e0\xbe8R\x8e"\xa1\xa5)W\xd7\x9d\xe1\xbb\xab\xb7\rv[\xac_\xb3\x01\xae\xd5\xca#\x93BR\xb4(\xc5\xab\x9a\xc7\x92\xb8Z\xb1\xb8\x07\xa2\x80\xc5\xce\x13\xa1\x0e\x08^\x19\x7f\xfa\xe9\xfdo\x8d\x84\xcd\n\x8ae\xadV\x9b\xf9%\x1e\xd8\xdc\x9cf\xf4+\xf1\xb9\xc5\xf0P\xc9=\x00\xe0\xe2\xf1Ri\x82\xd5\x91\x00\xe4\x07k\x8bo\xf5\xab7Vo\xab\xb5(i\xebGgWW#\x07+\xf2\xf7\x9c\x82\xd7\xe7\xb5hb;\xae\xd2^\xcb\x87.\xb0J\xe8\xa33bE\xdf\xf3Z\xcc\xe6\xc5\x1cV\xad\xdeY\x1c\n\xfc\xe9\xdb\xaf\xdd\xd3\x81\xdcR\xe8\xe5\xcb\x97;\xe5#Pu\x8c\x14\x8f\xca\xe5r\xba\x98\x8b\x97\x16\x87\x86\xc2k\xe1\xf8\x88k\xf6\xb6Zc\xc4\xc7b\xb6\xc8\xf0\xcd\xfd\xf3\xf1^\x93L\x93\xa5\x14\xf5\xc82\xc9\x0c\x0f\xda\x1e\\*Y\xd3\x9c-\xcd;;\xb8\xff\xf2\x9d\xc7lV\x1c\xf3j\xf4\x99\\\xe0\xdb\xaf\x07&amp;\x86\xd6B \xea?2\xe7\xb0z\xb8\xc3\x1e\x00\x89!\xc5\x919\xf7\xc4\xf4f\xa04u\x7fV\xabs\x9a\xc7l\xb1F\xa5v2n2\x99\xda\x14\xbb\x82&lt;\xbd\xe9\xd6\xbe\xc2\\\xb2\x1e\n$\x1b\xd2tt(\x0e\x18,\xb3\xc3\xe8r\xe6@t\x97r!\x87\xe3%\x00\xf9\xc8\x81\x1d\xbe\xe4\xce\xce\x8e\x19C\x96\xe2\x13\x03\xee\t\xf7C\x97\xde8:c\xf6\xf6\xef\xbd\xda\x1e\xf7\xf5\xca$\xcapS\xb9\x03\x8b\xd2\xa4v\x9dz\xcb\xa0S\x96\xe0\xd8\x18T\xa9^\x9d&amp;\xac8\x8ei\\\xfe\\|` \x9e&amp;\x08\xe0\xb42\x0f\x06\xa8v\x00\xd2N\xb9|tTF\xb0d\xae\x04\xa2\xec\xa1\xcbe\xf6g\xcc\x8e\xfe\xdaxoo\xafI\xc4\x12BL\xd1\x86\x05AWb\xb5\x8c9\x9b\xae\xa8\xa7\r\x80\xa51\x1b\x9d\xfebi &gt;7\x94\x1b\x19\x01\xf1\x94d\xd08 \x06i\xa9\x08\xceQ9Zd\xb0\xa6\xf4:\x9d?\x838b\xc7&gt;\x11K)-+\x88\xddP\x95\xa8\x11\x94\xcfd\xaf\xb8\xcd\x85a5\xa7\x0f\xe0\xce\xa3\xbd\x18\x89\xa2z\xa3nt*\x1e/\xa6\xe7\xdc\xf1\xf8\xf4?\x13\x95J\xa3\x92H\xc4\xfa?\x82\x08z\x16{\xf6\xec_\xe9\xdc\xdc"8\x8cb\xc9\xaf3",\xd6\xc9\n\xc0R\x88\x87k\xaa\x0b\x05\xab\xd8\x99T\t\xe2\xb2\xd6^\xa0\xa8\xbe\x83ZD\x1dL\xf4\x7fW\x8b\xa5\x0cj\x8d\x0e\x94cKK!bi.\x1e\xf8\xe3\x7f\xce\xdf\x7f:8;8{\xf2\xe9\xfd\xa7\xb3\xb3\xe3\x83\xf3\xf3\xca\xe9_\xff28P\x1aI\xa7\xa3Q\xbd\xde\x18\xf5;\x11o\xe3\tg,\x93\xc0%\x8f}\x98\x1f\xa3@RS\x0ej\x11\xaa\xf3\x85\x08$\xf6Sd\x05J\x87\xef8\xb6oPk\x9d:\r\n\xea\x19\x1c;\x02^\xfc\xc7\xe9^\xadv||\xf2\x84A;;?\xaf\xd5\xf6\xfe\xfb\xf7\x01w\xbcH`\x8e\x88A\xaf7\xfbGu\xe6\xb1\xda\xb6\x18YmX\n%\xafc\x11\x06\xd9m\x01&amp;IraH&amp;\xd0\x11\x16&amp;z\x9f\x9c&amp;h\xb5\xd6\xe5\xd4\xa0v\xbb\x9d\xb6cGE\x10\xde;\x1f\xc7NO\xf7*\x95\xbdJm\xef\x94\xe9\xde\'s\x8b\xb9b\x14\xc3\xed\x11\xb5^\xef\xcc8u\x0e\xdb\xf9\x8f\x1c\x96I\x08-\x85\x12\xe6\x17f\x841\x1d\xc4\x0f\x8be\x13\x85\xb6o\x11\x86\xa1\xb6\x81-x]l\xef%\xb2\x06\xed}\xa7\x0eG\rT\x81\xb2\x13\xccw\xb8s(\x1d&amp;\xb1\x1e\x81\xd4Z,\x9bq;m\xd0j\x8d\xa3N\x97\xd1\xda8\xf1\xc9#\xab\xc9\x85\x92\x94X\xa6\xdd\x80Z\xe2\xfe*y\x95p\xb7\xc2\xf0w\xc7\x89}\x80\xa5w\x1aq\x03\xe5\xf1d\xed\x18H\x9f\x87\x1f.+\x97\x1f&gt;\x1c\xb2\xff\x1a\xb6\x1d\x86\xac\x0clE\xcfk\xf5\x1ag\xc6e\xc4\xc9=\xd6\x87&amp;n\xa5E\xb63\xa4\x90m&gt;\x08*\tY\x8f\xbc\x19\xabI\xe5\xc6\xbc\xa0U\x9c\xd0\x12V\xfa\x0e\x1a\xc0\x8b\xf7]N\xc4\x8cZ&lt;\x93\x9el\xb6~xX\xbd\xbc\xac\xbc\x03\\\xec\xb9\xbc&lt;d\x12\x85\x19\xa7\xb3\x94\xdd\xa8\xe1\x8c\x15{\xed3\tX\x12\x14\xaf6\x17n\x1d)\xb2\xaepb\xf3\x12\x10/\x02\xe0\xde_\xe0\xb7\x95W\x8d\xc4&gt;\n\xac\x85\x10\x18\xd3\xd6-\x14\xa8l\x15\xa0\xb0\x87\xc3\xfa\x00&lt;\xa9\xc1\r\xf6l\x81BAv\x00X8Y{\xc4\xf8\xcd\xc4\x05\x16\xbf\xba\xc2w\xbd\x15JI{\xda)IJ\xbep\tIM`i\x8b\x8b\xa9d_%\xf6\x13vpU\x8f\x12\x845\x02\xccU(x\n\xd9l\xb5^\xad\xd75\xcc=Tg\x1e\x80\xd5\xf9\xaa\x9d\xa6\n\x16\x90IF\xc1WkM\x9c\xf4\xf2\x962)\x84M-\xee\x99)\xbd\xbb`\xee\xf6\x15\xb8\xfe\x1f\x16,?\xac0g\xe5$F&amp;R\xb8\xcb\x95!\x80\xb9&lt;\x93\x93\x1e\x8fg\xb2\x8a\x81\xe7\xe0\x83\xb5\xf0P \x10N\x12u:b\x99\x07\'\x12A\x99\xc1\xbeS\x8f\xa7\xf6\x9e\xc2bzW*\xd8\x17\x17\x0c\xb5\xab\xed:d\n\x9c6,\xb1\xc9\xab\xe2\xf7/\x94"\x16\xacZ9I\xd8S\tR\xefr\x12\x84\x03\x98\xcb\x13d\x02\x0cC\x92\x00j\xe2\xfauw|$\x8a\xd3\x91\x88\xc5\x12\x89P4\x86 \x00\xcbH\xa6\x1a\xdb\xb0\x94\xda\x95\xa2\xa2\xa09k\x0b\xb9T\xeeDY\xc9/\x7f\x92\t\xfb\x06\xc26\x85j\xe5 A\xdbS)\\\xe7\x8c\x12\x0e\x9c.x\xa8 @\x9b\xa7\x99!J\xc0=\xbd\x98[2W\xe7\x01\x13(=(+\x01\xb0@*I\x91\x8dm\xa5l\xb9I\xb6\xc9$O\x8d|\xe2\x92\'\x88\xa6\xb2\r\x92\xa9\x94Z\x9c\xa8Zym\xa3\xedd\x8a4g\xa2\xc4\xdf0k\x96\x8a0Z\x16&amp;\xc6\xc6B\xc9\xb5$\x82\xdb)\xd6T\x16\xcaC;0d\x14$x+\xe9\xdd\xdbV\n\xa6\x82\x85\x07iS\xcfA \x91\xbd\xe5\x9b\xbbo\xb27\x04\xfbtn\n/%\xec{m\xb3\x1b\x0c$\xe9E\xa2\xa1\x10\x81\xe1\x96\x08\xd5\xd7\xd7\xb7\xf0\xee\xdd\x05\xf8(\x0b\x94graa\xd2\x13\xa4(\x0b\x95\xb5b,\x96w\xcc\xe1\xadl+M\n\x98\xdd\x83\x82\xc5\xdaXZ\xdd\xe3\xfc\xc7i4\x04\xf1`\xeb\x0e\x97\n\x12\xfb\xac*%\xdc\xba\x14\xc9b\xa1u+\x89E\xcb\xe9d\x88@#T\x90\xc5b\xce\xf2\xc2\xc2\xee\xee;\x8e+b\xc7\xbd\xecP\x7f\x0cc\xb1\xb8\x84\xc0\x1e\xa8U\x1a\xc9j[:\xb9\x16\x08o)H\npq\x86.\xac\xb8\xf0\xbe\xe3\xbff\xf6\'\x83\x85\xa2\x80\xcb\x8b\x94\xc3\x9b\xe1\x07\xd8&lt;\x15\xa4\x82\x93\x8c\xb9.\x96\x17\x96\x19\xb8\x85I\xf0}R4\x8a\x11\x08\x08\xae\x8f\x98\x19\x13\xac%SZ\xc3\xf2\x1e$+ad\x83JJ\xf1-:&lt;\xb9O\xf9\xc4\xc2\x8e_\xb9\x058\xd8w\x90\x02\xd6BQ\xdcA$\xc3\x01P\x1a\xe2\x11*\x02\xf2\xd7\xc5\xc5\x05\xf0\x1f\xf0\xe0\x02\xf0\xa6g\xb2@\xe3\x04\xa8\xb3\x81\xb1\xc0\xd7h\xb62\xd6\x12\xb0\xa4\x06\x16,ive\x0f\xf3\xce\x16aT\xeb\xf5\x03\x89\x11\xa5`k\x15v\xc5\x0c`\xd1\x06T\x8d\xe2\x18\xf3\xe9M\x0f\xad\x11\xf6\x88\x05&lt;%\xb2\x93\x17L\n\xcb\xd2\xd9,Mgi;\x11J\xaf=H&amp;\t@f6Zy\'\xca\xea&lt;\x98\x17Jvp\xf5\x1e\xd4\xd1rZ\x9a\x93*\xf9\x1bBr\xa2\xb0V\t\xaf0Xj`/\rR.\x0e\x81Rz\x8d\xb0Z\x199\x1bIg\'\x0bv\x07\x02~\xc5\x1c\x183\xf9\x0f\xa7A\xf0!\x88\x0ed\xf9\xc6s\x0e\xabi\x17\x06j\x86auy\x9d\x9d"\x16\xdc\xba"\xa8\x92mL\xc2\xd2j\x0ess\xa8X\'vww\xa3\xa8\x11\x89\x16\x03\xd7\xdd\x81p(\xf4?B\xce0\xa6\xa9,\x8b\xe3\xb5\xab\xb44&lt;H\xd3\xa1\xda\xb4H\xb6B\x01S\xacX\xc1\x0c3\x9db\x02A\xd0\x18&amp;|\x00\x15\x81\xb2+D\x84\xed28I%)lM\xa4M\x95Ij\xd7\x90\x98\xedK\x81IJ\xc7\x02\xa6\x03\xd9\xb4\x9b\xd6\x99lb%3\x1f\xa6\x9b\xc8~\x18`\xd6\x0fZ\xac\xad\xd9\x9aLh\'\xbb\xba\xe7\xdc\xbe\xb6\x0fF\xddKZ0\x9a\xf4\xe7\xff\x9c{\xce\xb9\xef\x9e\xc3\x85\xab\x17@\x97\x8a\xcb\x9f}ta\xf4*^`_\xeb\x03\xe2K}\xd7\xae\x0e\x00\x95\x02\xb1\xf8&lt;\xde\xce\x13&gt;g\xb7B\xfbrk/\xd3U\xba\xa3K\x90}\xa1\x9d\xben\xcf\x0c`\xe6\xf13XT\xf9A\x91Pb\xba\xd5z\xe0\x10\xf8\xd7(\x1c\xa1\xa1@\xae(\xbb0\xda\xd7\x87\x1d\x12\x97\xce\x8d\xf7\xb6^\x1a\x02*\xc4\xaa\xf8\xe9\xca|~v\xc27\xd3P\xcda\xf5\xc5\xee\xa4\xca`qr\xda\xb2\xea\xf8\xec\x14\x0c\xe3_i\xacU\xc0*/\x17S\x02\xa1H&gt;f:\xd7[r\xa0\x15\x0e\xfd\x7f\xe9\xeb\xeb\xfb\xf3\xd4\x1c\xb9\xc7?w}\xbc\xf5Po\xef\x8d)\xd3\xc0\xf0~l\xa5\x84T=\x93\xcf\x9ex J\xb1Z=\xdf\xa2\x16\x87\x93\xcf6y\xb69\x89O\xb0\xb2\xc90\xbd\x0fy\x80u\x05\xb0P.\x81\x00\xb8\xe6\xae\x97\\,\xe9&amp;\xed\x10\x97.\xdd"\xcd\x0f\x00\x85s&gt;\x83s\xa6\x81\x81\xfdp\x14\x91\x0b\x85G\x8e&gt;\xcc\x8c_\xe5s\xd8\xe33;Ebc\xed\xcda\xb1\xda-\xd1\xf4y\x9a\x05-\x00\x00\x0e8IDAT|~.\xf9\x90\xcb\x0f\xdcGP\x9d\x9e8(\x10S\x94\x98\x12\xc3\thlh\xb0\xbb\xe4\xe2\x81\xdf~&lt;&gt;&gt;&gt;x\xbd\xb5\xb5\xfb\xe3C\xdd\xbd%\x17\xe1\xdcs\xcb\x00b\x81\x05\xe5B\xf0\xad\xa3O\xf9\xf9\xec\xb8\xbd7\x1b\xa6\xde\x8e\xb5\x8f\xb4\xe9\xf1\xf8\xbb\x1b:\xb3q\x98\xc5E\xbe!\x96@\x00Tb\xe4\x92K\xf6\xff\xf3&amp;p\x94\x1c(\xe9\xed\xed\xee\xc6\xf1?2\xde\xd6\xdbz\x03\xa9\xa0\xd6R@}\xaa8\xf2\xf9\xaa-\x9f\x93k\x00\xce&gt; }\x1f\x16/\xe7\x88\x8c3\xee\x1c\xa7\xc9\x96\xa6h\xcb\x91U\xc4\x02$15IQ"\x91\x10\xb8\x06\xbb{Q\xa1\x12f\xe2\x0e\xa0\x06o\xfe\x00&amp;\x1c\x1b#j\t\x85\x15W~|j\xb4\xe5\x86\x87\xdeg\xc2l8\xdd\xb1\x0b9\xbbn^8\xb9\tSd\xb3\xd9\xa1\xb0)\x17\x00\x14Ea\x1b.\xd8Qk\x9a;G\xdc\t\xc1\x80\xacw|p\xc80e\xea\xec\x1c\x83\x83\x98\x02\xa0\x84\n\xa8\x03\x7f\xfe\xe5\xd1t%\x8fup&amp;%\xcc;\xfc\x8a\xc1\xe2\xe7\xef\x1e7\xe2\xb3\xef\x18\xb2\xbf! \xaf\xb6\xdd\xf8\xf4\xef\'\xc0\xdb\x11lr\xb2Z,\x10\t\x85\x92\x81\xa9\xa1\x1b\xaddp\x0b\x87\x92nB\xcd\xd5\xd9\xd9i\xea\x04*\xb9\x1c\xc5\x12V\x1c}\xb6\xf5\xf8\xd5/\xf36^\xe6!\xf7\xbew\xae\xf4Q1\xd7\xaa\xbe\xf3YM\xfa\xfa1\x93\x19\xd3~Uiko\xb4\xbf\xfc\xbc\xbc\x1cL\x08\xfe5\t_\xd8\xcc/\x94\xcb%\x9dCp`\x8557d\x9a2\x18L\xc3\xc3 \x16@I\x08\x95\xb0\xe2\xd4\xd6\xd6\xab\xc7\xdf\xbe0\xd6f\x1c\xfe=X\x99T\xcd\x9e\x88\xca&lt;;b\xd7\x8e\x99\xa2\xad\xb2\xfdX\xa1f\xe6\xd9)f#N\xc2K\x06\\\x88(\x12\xc9%P\x1dK\x14Zm\x8bv\x0c\xcc760\xa6\x85=\x08X"\x82\xf5\xe9}\xc0\xfa\x97\xe6X\x1e\xe3Z\xff\x17\x8b\xc3\xc9\xc6\xb8\\\xaa\xda\x97\xad\x153\x8d$\xfc\xbcv\xdaX\xa8y\xf8\xf3\xa7\xa7\xc0\xb5\xa8jJV\rj\xc9P51\xee\xcaf\x8a\x92\xc9\x9a\x9b\x9b\xc5\xa2\x961\xadV\x8b~\x05Xi\x1b\n\xcf\x1e9\xfb\xc5\xf7\xdf&gt;~\xa4\x99h\xe0\xe5*\xd0w\x1b\x91\x9d\xaa\xf9\xec\xe7\xf5\xd9c$\xbe\x03Ve\xfbt"a\x9c^}|\xed\xd4\t\xf4xYuzQ\xb8)\x81H%S\xa9j\xdat:\x9dJ,oii\x010\xf4+\x02\x05rU\x9c\xfd\xe8\x8b\x0b\xa3\xdf\xbd\xb0k\x88^\x9cL]\xf5^\xc1r\xf3\x93\xf9\x9c_W\x18\xf8\x0fx6:\x16\x8f\xb9\xb8\x0f\xff\xf1\xe5\xd4\xd9#\xe5\xe9mXSS\xd3\x8f\x93\r2\x90\xa9\x06\xef\xa4\xdb\xd4\x05\xea.\x15%\x92#X\x0bR\x89D8\xa4$\x12Bq\xf6\xe1\x87\x03C\x8f\xe7\xedv{c\xa3\x8d\x97\xabd\xde\xba\x19\xd9\x9d\xa9\xa8\x12\xab\x95\x9d\x95E\xf3\xf3\x1a\xa3)\xc7&amp;]X\xb8:\xfe\xa5\xa1\xec\'\xec\x83E\xb5.\x9f?\x8f\x8d\xde2\xa4Rw)\xd5\x05\xa5\xa5\x05J\xdd\xd78\x19"o\x91\x93\xc1\x16\x11\x01\x13V\x94a;\x84at\xc6n7j\x92\xb1\xe4H\x1e\xeb0\xf1\x0eKf\x1f\xf1\xe6\xe6\\\xd8Z\xf2k\x1bW\xb6\xe3!\xefZ}}\xfd\xfcW7\x0cU\xe5\xc4\xe5\x81\xab\xe6&lt;r\xa9\xc0~\xa0\x94R\xa9V7\x95\x1eW\xea\x9a1W\x82P$\xe4\xe24\x10\x80\x95\x95UI\x86;\r\xdf\xcfL\xdb\xed\x9ad(\xb5=\x03`9\xcb\xbc\xd5\x92\x9cl\xe8\xdd\xf7k\xfb!T,\x12\x8f\xfb7h\xa9Tj\x7f\xc5`\x89\xb1\xf9\x1b\xb0\xea\xce\xb7\xb5\xf5\xf7\xeb\xd4\xea\xba:\xb5R\xa9\xfcCW\xc7\xed\xe6\xaf\x7f\x87(hh\x8a"S7\x02aY\x95B\xa2\x1d6\xdc\x9fG,\x97\xd3\x91z\x1d\x89\x8eT\xe6\x8a\xe5\xb7c\xe5\xefJ\xea9\xa7\xaa\x1dY\x89\xa5\xc2\x0e\x87EO\xb0\xb8/n\xfe 9x\x10\x93\x8f\xac\xa6\rN&lt; \x17\n\x05\x06\xac+\x00\xc7\xea\xe8\xb8\rX\x02\xdc\x9a\xb2\x1a\x95L6)\x16\xa0b\x88%\xd7\x0eO=[\x99\x06\xa7\x9fv\xf6\xbcYZrD\x92\x8d\xd9]\xf9\x0e\xac\xdc\xfe\xcbLx\xa5=\xbd1\xf9\xe4\xb5c\xd1\xba\xf4\xa6G\xef\x0fH\x8b\xa4\xd2\x87\xdf\xfdu?\xa9\xb6@-\xc4\x02\xb0~u\x9b\xb2K\x8dS4\x05]\xd8\xac\x01A\x82\x82\x97\xaa\xa6\xbaZ\x86\xb1\x03\xec(TT)\x14\x80\xf5\xf2\x1ePM\xd0\xa1\x9e7a\xc7\x92%\x15OB\x9e\xdc\xf9\xe4a\x97ZL(`\x8e\x18\x8c\xfd\xda\x01*\xe5]\xb48\xe3\x11\x8b\xde\xb7&amp;\x95\x16K5[7$`\x1a1\xaa\xd5O\xc6\x1d&gt;Q\xab\xd5\x88\xa5.h*P\xc2O\xba\xdb\xcd\xb8d`c\xe4\xa20\x0f\x08\xab$\x90\xa2L\x7f\x9bA\xaa\x89\x84\xa3\'\x95\x8c\xa5,\x96\xf0\xeb\xffn\xaf4V\xee\xde\xfb\xcc\xe6\xcc]K\xb1\x1f\xd6T\xb6\xd3\xdbO"\xeb^\xeff\x8c\xd6\x04\xbd\xfa\xc5\xd9B\xb0b\xf1j\xdf\xf0$:\x8dL\x06a\x8a`}R\xd7\xd5E\xb4*`\xa6\xc70\xa8\xc2\xdf"\x97L\x86\xd3@\x02\x11\x84\x7f\xa1\xc4\xf0\xcd\xb4}\x02\x96{i)n4\xae\xc4C\x00\x16z\xfd$\xe1\xb2\xe5\xb3\x07\xb82!\x83\xc3~\xee\xce\xb4\x8c\xd4\x8e$c\xf1\xf8\x82\xdf\xeb\x8cMk\x96i\x8fW\xaf_\x1fA,\xfbV\'\x84\x06\x80\xaa\x86\xed\x07\x9e\x8eXj%\xc1*m*hB,\xf0\xa94\x16\xfc\x80\xc9\x89\xc1\x1a\x1e]\xd5L\x98\xcd\x13vgOOh6\xe8\xb2\xaf\xc4S\x0e\x8b\xc5\x11z\x1d\x0b\xb4\xf3X\x0e\xc4\x94a\x99v\x7f\x92\x87H\x9e\xb1\x19\x93\xdb\xf1\xc8\xba\xdf\x1b\x8a\xd1F\xda\xb3\xb0\xe1X\xb2\xea\xfdt1`\x15=\xfc#\xeeA\xf8L\x8c\x9f\x10!\xc0\xd5\xeb\x88\x05\x9bp\x10\x03\xe4B0\xa2\x15D4\n\xcbEJ,\x82\xb2Ka\xd8Z\x01*\xb3\x19l\xf8\xa6\xc7\x12\xde\x8c\xba\xect4\x12"d\x91D{\xba"\xc6\x17S\xb5f\x1d\x8a\x94\r\xbcZ\x9b+\xf9&lt;\xe6\xde\xf0\xfaBqz9\xe8\xde\xf0\xe9\xf5\xd6\xdf\x9c\xd4\xfb&lt;@U\\\xacy\xf9\xd9\xe5~\xb2 \xaa\x03U\x1dQ\xea\x0e\x99m#\x8a)!\x03\xd5\xe8\x80\nV3\x83\xa5\xd5*\x86\xa7V5H\x056\x04,\xab\xd5\xea]\xf7\xd0\xc6\xe9@\xd4\x8dd\xe1Hb\xa46]\xde\xb1N\xd5Y\x8f\xe2\xd56\xde\xdb~\x02\xd6\xf39\x9c\xb1\x80km\xdd\xbb\xa8\xd7\xeb\x17\x1d\x8e%\xb0\xe22b\x15O?\xf8=\tV\x90i\xc0\x8a$0(\x958u\x87X@\xa5lkS\x01\x19RQ\xe9\x05ji%\x86\xad{\xe6\xa2"\xb3\x99\xf6\x9f\xee\to\x86-\x00\xe6\xdbp\x07]F#\x8dd&gt;\xc7ft\xd9\x96\x9b|\xdb\xbb\x8fu\xd9c3\xaelG6A(\x7f$\xe1\xa2=\xeb&gt;d\xf2:g\x03\xb4\xd3\n{\xb1\x18\xb9\x0e\xcf&lt;\xc0\xe8\x0eX\x05\xe9\xb0\xa0\x84\xc4\x03\xdf\x9a\x9a\n\xc8@\'@\x02\x96\xaa\x19\xd2\xb7\x8a\xd8\x11B\x84B\xd19\xfa\xc8l\x06*\xee\xac\xe5t89A\xcf:!\xf0\x9c\x04\xc9\xc0\xcbF&amp;\\H\x16\xde\xf4\xd0\x8d\xb5\xfcL\x80\xe20\xc5K\x1e\xb8Tla\xc3\xef\xddX\xf0\x04\xe85P\x8ca\x1a)\xbe{7\x18F\xa7G\xb5\x8a\x8b\x9e?\xc0\x88EtB,\x12 @.TJy\x1c0u*b@\x08]2\xb2\x15\xa1hV\x18\xbe\xb1\x17\xe1\xa27NZ\xe2\\n!\x17I|V+|\x02|\x1c\x88\xe6J\xc47C)7\xec\xcbt\x1bU\x1a\x8ag\x83x\xbe\x19\xf2\xfb\x9d\xeeh\x80\x0e\xce\xa2\xf5|\xc0\x94p\xd5\x03\t\xc4w7\xfcy\xed0b\x1d\xae\x7f\xfe\xe0\xcc\x19\x08\x0e\xa5w\xd2\\\x00\xd2\xa5lB\xb5\xd0\xe5\x8fwu\xe8TL\x94@\xbd\xc4\xa0\x95\xc2t\x7f\x9eP\x99=\x96\xd3!\x9a\xcb\x9d\xe0r\xb9\xc6\x80g!\xe4\x03\'Y\xf4\xf9\xd7\x17&lt;k\x81@"\xe6\x8eDb\xc1\xe5Zf"\x11\xaa\xa9d&lt;\x15\xf6\xa3N\x81\xb5\xd9u\xbfo\x11\x98\xdc\xc8\xd4 \xad\'+\xe8\xd7/2r\x15\x9bg\x1e\x9c\x81\xc8PZ\x8aS\x92w@6\xa5\x0e\xb1\x00\t\xa7q;:t\x8coA\x15\x86\x93</t>
        </is>
      </c>
      <c r="M30" s="3" t="n">
        <v>45492.67733796296</v>
      </c>
    </row>
    <row r="31">
      <c r="A31" t="n">
        <v>44691</v>
      </c>
      <c r="B31" t="n">
        <v>1974</v>
      </c>
      <c r="C31" t="inlineStr">
        <is>
          <t>Maicon</t>
        </is>
      </c>
      <c r="D31" t="inlineStr">
        <is>
          <t>Maicon</t>
        </is>
      </c>
      <c r="E31" t="inlineStr">
        <is>
          <t>ZAG</t>
        </is>
      </c>
      <c r="F31" t="inlineStr">
        <is>
          <t>ZAG</t>
        </is>
      </c>
      <c r="G31" t="inlineStr">
        <is>
          <t>ZAG</t>
        </is>
      </c>
      <c r="H31" t="n">
        <v>191</v>
      </c>
      <c r="I31" t="n">
        <v>4</v>
      </c>
      <c r="J31" s="2" t="n">
        <v>32399</v>
      </c>
      <c r="K31" t="inlineStr">
        <is>
          <t>Right</t>
        </is>
      </c>
      <c r="L3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a59f577-919f-43d4-aa9f-0e00ae36405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3\x05\x9d(\x00\x00\x03\x00PLTE\xff\xff\xff\xfa\xfb\xfc\xf5\xf5\xf9\xf7\xf7\xfa\xf8\xf8\xfa\xf3\xf4\xf7\x0e\x11\x16\xf6\xf6\xf9\n\x0c\x11\x0b\x0e\x13\xf9\xf9\xfb\xef\xf0\xf4\xcd\x98\x8b\xf1\xf2\xf6\x10\x14\x1a\x1f#,\x08\n\x0e\xcb\x95\x88\xc8\x92\x86\x1b (\xd0\x9b\x8e\xc6\x8f\x82\xd5\x9b\x8f\xea\xeb\xf0\xe6\xe8\xed\xbd\x8b\x80\xe3\xe6\xea\xc7\x94\x89\xbd\x88|\xb3\x80s\xabwh\xd4\x9e\x93\xb3\x83w\xa7td\xc0\x8e\x82\xff\xfe\xfe\xec\xed\xf2\xdc\xa3\x98\x18\x1c#\xc4\x91\x86\xba\x87{\xdb\x9f\x95\xe8\xeb\xed\xd8\x9d\x91\xd1\x95\x87\xad}q\xc4\x8d\x7f\xb7\x82t\xc1\x88y\xc2\x8a}\xcc\x90\x81\xa0oa\xb8\x85x\xa4o^\xc3\x87u\xcd\x93\x85\xd7\xa0\x95\xb7~q\xc9\x8d}\xb0yl\xd3\x99\x8b\xb7\x86|\x95dT\xe2\xab\xa7\xfd\xfd\xfc\xbc\x81p\xc0\x83r\xbd\x85w\xe1\xa8\xa1#(0\xaczm\x9deU\xb0\x80s\x05\x03\x04\xe0\xa3\x9c\x14\x18\x1f\xf8\xf8\xfb\x9bjZ\xadsa\xe7\xae\xab\xd1\x97\x8b\xba~l\xb2ve\xec\xf0\xef\xcf\x98\x92\xc6\x8ay\xdf\xe3\xe7\x8daR\xe4\xd3\xd1\xcb\x94\x8f\xb2}q\xa2tf\xde\xa4\xa1\xb8zi\xe5\xa8\xa4\xdc\xa8\x9d\xe0\x9e\x9a\x9fk^\xb7\x89\x82$\x15\x16\xda\xdd\xe2\xdf\x99\x95\x93\\U\xba\x81v\xa3hW/\x1c\x1e\xd7\x9a\x8d\xa9m]\xbb\x8d\x86\xdd\xb2\xad\xd0\x8f\x8c\xd8\x9b\x98:"%\x99p_\xe5\xa3\xa0\xce\x8a\x87\xdb\x95\x91oLL}KH\xf8\xf6\xf3ySP\x0e\t\n\xb9yw\x87\\Y\xd6\xa1\x9e]77\x83SP\xd3\x8e\x85\xb4yh\xc6\x83~\xc7\x89\x80\xdc\xad\xa3\xdb\x9a\x92\x93jehFEb&gt;?\xd4\x93\x90\xb1\x86\x7fD&amp;\'R67\xcd\x8b\x81N./\x99oh\xbf\x92\x8c\x90s_\xb3|m\x8blX\x8bc`\xd2\xd6\xdb\xd5\x94\x8a\xfb\xfb\xfe\x91iZ\xad\x83x\xd8\x8f\x8c\xe4\xde\xdc\xacpi\xa4mf\xa5zu\xd6\xc8\xc4\xb6un\xd5\xa8\xa0\x8dWNtFDm=9\xda\xd1\xcd\xd8\xbf\xb9\x85kc\x94zs\xf4\xf1\xee\xc0\x81z\x86fV\x1d\x0f\x10\xa0\\U\xbdzp\xea\xe4\xe2\xee\xe9\xe6\x7fZW\xe2\xc0\xbe\x15\r\x0e\xbf\x84\x81\xcd\x84\x7f\xc5\x97\x91\xe9\xb4\xb3,3:8AH\x89MF\xca\xae\xa7\x96b^\xa0vn\xa9}{\xacd^\xcb\xc3\xbezB:\xa7tq\xc6\x8a\x89\xc9\xa6\x9f\xab\x8e\x87\xc0\xa0\x99\xa2\x84{\xce\x9f\x97\xce\x99\x99\x8ari\x9a\x80s\x9a\x84|\x93umEOV\xa1ddF,.\xb8\xbe\xc4S("\xafpt\xdd\xba\xb5\xcc\xb5\xb1V12\xc0\xb6\xac\xe2\xc9\xc6a0*\x9b\xa4\xaaPZa^ho\xd4\xb9\xb3\xb7\xaf\xa2\xd4\xb0\xaa\xb4mg\xc7}x\x8f\x99\x9f\xab\xb3\xb9\xaa\x9d\x8e\xa3\x8f\x80\xbfy{\xb1\x96\x92\xc0\xc7\xcc\x95QH\xb2\xa2\x9a2\x16\x12\xc8\xcf\xd4\xbb\x96\x96\x99RP\xb1|y\x9enm\x84\x8d\x94\xcf~\x87o1+yaX\x93}g@\x18\x15\xb7do\xabgl\xc2pr\x84?:gqx\xb6{\x85\xc1\xa6\xa9q|\x82|\x84\x8a\x96\x89\x8b\xad\xd8\x95N\x00\x00 \x00IDATx\xda\xec\xd9\xcfO\x9a\xe9\x16\x07\xf0N\xd2U\xe3\xa6\x8d\x924v^J\tq\x08`U\xe47\x82 \x81\x86\x04\x15[\x82- \xbe&amp;\xad\\\x84\xcc\xa5\x89J\xa2URE\xc3\xd4\x02b\x0c\xc6*\x83\xad\xa2C\xee\xf8#\x8dM\xb4XuZ\x7f!\xb9\xc9DG\xbbP\xef\x02b.I\xd3.t9\x8b{\x9e\xd7\xde\xff\xe0\xd5\xceb\x8em\xd3E\x13?\xf9\x9e\xf3\x9c\xe7\xa1^\xba\xf4w\xfd]\xff\xaf\xf2\xcb\xadwg\xa6Z\xcb\xffJ\xa4\xbb\xe3\xcb\x87\xd9l:\x9d\xce\xee-\xd7N\xfd%L\xf4\xbb\x91\xc3\xcc\xe4V,\x16\xdb\x82?\xb6R\xdb\xe9\xbd\xe1+\xdf&lt;\xa8\xe9\xbdm\x82\x94\x9aD\x95J!\xda\xf6\xe1x\xeb\xb7D]\x9e&gt;\x9c\x8c\x9d\xc4\x80\x94\xdc\xde\xdeN\x12\xb2\xc9-\xa8\xc9\xf4\xf87\xea%\x1d%5yr\x12\xdb\x02\xd4\xfaz&amp;\xb3}V\x90\xd8d*\x16\x9b\xcc~#\xd8\xd4\xf2\xf6\xc9I\x9c\x88\nT\x1f\x88\xca|\xc8\xaco\'\x93\x93D/\xd3\xdf\xa2\x95\xc3\xe9\x137D\x95\x02\xd3:\x80\x8e\x8f\xb3\xd9\xec\xf1\xf11\xfcu}=\x89\xa6,v\xb2u8C\xbfXT\xebr\xd2=\x1b\n\xa6\x92I\x84:\xfe\xb4\xf6\xe7\xe2\xee\xee\xee\x9fkk\x9f@\x96YO&amp;\x93\t\xbfw\xe0d{\xf9";Y&gt;\x9c\x8d\xb9\xe3^\x7f\x02\x92\xf2\x01\xeaxmq"\x12\x19\x8fD\x0ev\x17\x17\xd7\xd6\x8eQb\x89\x84\xdf\xef=\xd9\xca\x0e_X`W\x96\x93\xb3\x1dF\x97\xc94:\xf4\xc1\xe1\x98_[[[&lt;\x00Um-\xc0&amp;\x0evw\x17\xd7&gt;9|\xa3\xa3\t\x93\xc9\x1b\x8fe\x96/_\xd0\xac\x1f\xc6:d2\x1d\x8f\x86\xdd)s\x04\x02\xf3\x1b\xefw\'&amp;\x90\n\xd5\xfe\xc4\xc4\xc4\xc1\xc1\xd1\xfb\xfc\xb2!\x8e\x1a3\xb9\x06\xe2\xa9\xbd\xd6\x0bY\xa0\xe9\xf8\x98L\xa3\xb1U\xd6\xf4\x97\xde(\xc8/\xc8y\x7ftp0\xb7_\xbb\x0f(\xb0\xed\xef\xef\x1c\x1c\x1dEso\xfdp\xbb_"\xa1\xe1\xe1\xf8\xd6\xde\xd4E\x9c\xc0\xb8Q\x03\xd5T\xe9\x11U\xdc(((\xd88\x02\x86sgg\x87\xa0\xc1\xd7\xdc\x9c\xf3(\xbaq\xad\xb0H\xa1Wx*\x9bd\xf1\xad\xc3\xbb\xe7\xad\x9a\xfe\xaa\xb2\x01K\xa1\xa8\xc8\xcb\x07\xd6Q\x14\xaa\xcb\xe9&lt;\xb3\xed\xcf\xed\xcf\xed8\xbb\xa8%b\x83\x92\xaf\xaf\xa9\xb4!\xd7\xd4\xa5s\x9d\xfc\x99l\xc8(\xd3\xd8 ,\x82\xa5,\xcc\xcf\xcf\xd9\xd8\xd8\xa0\xe6\n\xad]P\xce.\xe7\xce\x1c\x92\xed8\xa3W\xf3\x0c|\x83\xd2R\xd3\x04\xae\xd8\xf9\xceW\xeba\xd0(\xd3\xd94\xc4hy\xf4\x90VNN\xaeP(\xa4R\t\x16A\x83\xc4\xa0\x9c\xd1\xdc\x12\xbe\x81\xaf\xd4[*m\x1aY\xfc\xf4&lt;\xcf\xe3w\xcb\xa7F\xa3\xccf#F\xab\xd2\xa3W\xf2\xf3rrs\xa9\x1b\xf0\x05.(\x14\x18\xcakg\x07\xb1\xc4b\xc4\x82\xb84\xc6xr\xfc\x1c\xb7h&amp;n4j\x10\xcb\xd6TSc\xd1+\xf8b`\xe5Rs\xa9T\x16d\xc6\xb0Z\x19V4c\xa8\xa29\x88\xa5\xd0[ .\x9b&amp;\x1eO\xcf\x9c\xdf\xc2\n\x19\x8d\x8fl&lt;\x9b\r\x06\xfe+\xeb*bQ)\x14\x8a\x10~1\x19\x0ch\xa6\x15EF\xb0\x0c|\x85R\xa9\xa8\xb1\xa16\x86\xf6\xce\xe9A]\x1e9\x8d\x87e2\xcdW\x96G\x8fX\x82\x1c\x82%\x95\x82\x8c\xc5d\xb2XL\x06\xd1\xcb.+UPb\xe0C)\xf4\xc4t\xc5\xb7\x87\xcf\xe7}5\x93\x8e\xa3c\xa8Aq\xc19\xb4\xe8\xf5J\x83\xb8D\xc0\xae\xa6\xd8\xa5\xa8(,\x96\xdd\xce:\x83A;Yl`)\xf9|\xa5\xc2\xd2\xd4$3\xc6C\x87\xdf\x9dKZ\xe3\xa7\x04\xcb\xd6\xc4\xe35Ub\xfd"\xa5\x92o\x10#\x17QR\xb6\xdd.\x85/\x96\x1d\\\x0c+C\x08,1\xfc\x13\x88\x0bv\xaa.\x1c\x0eef\xceg9\x84`\xe0\xa1\x87\xb4J\x0c\xc3$\xa2\x8ab\x03R\x95\x94\xf4\xf5\xb1\x07\x07\xa5\xd5R\x08k\xd0\x0e\xd5\x8d\\L\x96\x1dX\x90\x96R\xa9\xb4T6\xf1\\\xe1\xd0i\x84\xfc\x9dJ\xbf4\x9d\x81\xb0\x10\x0bP\x90Ucqa1\x11VI_\'\n\xab\x9a\x02\x93e\x1f\x04Xww7\x93\xf9\x95\xc5G,=b\xb9\x82\xa1\xc3\xd6s\x18\xad\xda\xd3\xd0W\x96\x04\x93&lt;\xb8}\xa3\xb0\xb8\xb8\xf8i\x1f\xb4\xb0\xb3\xa4\xb3\x93-\x85sH\xb8PZ\x04\x8b%EG\xf1,\xadJ\x1e\xd7\xe5B]\xa4\x93\x7f\x0e\x83h=\xa0&amp;B\x0b\x1f\xc05M\xa8\x88\xc9\xead\xdb)B\x06\x03\xb5\x8e\x05-d\x12*\n[\x80X0\xf2p1\xf2\xb8\\W\x08V*\xe9\xac\xcb{!\x98-x\xd2\xd8\xc0%\x91&lt;h\xac(.\xcc+\xe9+aWK\xd9\x9d\x83v\x16\xb0\xe0\xfc!\xd1\x19\x8fR\xcd\x16\x9c\xc5\x85X4\x88+x\xbaL~\x0f\xa7\xd2\xa1\xb0\x11\xb148&amp;Q?\x105V\x14=\x85\xea\x13H\xa5\xd5\xecA\n\x93\x01\x1cU\x97\x95A\x14S\x88X0\\\x06\xc3\x19\xab\x92\x06\xac \xe9\x1b\x15\xb6V&amp;\x1eF\xcbT\xa3\xe1\xa9%\x92\xefo7\x16\x15?-|\x9aWR-\xa5H\x11\x8b\xc5D\x97\x8f\n\xdd?\xf0\x9b!&lt;K\x0b-z\xf4\xea\xc2h\xd0\xc5\xe0\x1e\xe9\xf75}8\x19B,pA\x0f\xfb!\xad\xa2\xe2&lt;\x81@P\rK\x94\x02\xe7\x8f\x98(\x94\x98\xd6\xaa\x92\xab\x88m\na\x89\x8b\xc5EJ=\xbc"$4\xae\xc9\x15\x84\xa3H\'}\x99\x02K\xa7\xd3\xe8\x88\xd1\x92\xf4\x8b*\x8a\xc4\xa0\x82\x1d\x85\x0e lw\xc4z\xd8\xcd\xd4\xaa\xe4ry\x97\x8a!D\x0bB\x8c\x1e\x11\n\x8b\xc7\xe3\xa1\x99L\xa6`\x96\xfc\xd7`\x84`\xe18N\x9c\xc4~\x11\xc4\x95\x07*\x86\x96\x98p;\x82uw?|X\xaf\xad\x93\xabTu0d,)[,.4(\x15\xc0\xd2\xf7c\x18\xcd\x14L\x93\xbe!\xe8\x91`\xd0\xeb\xe2\xeap\x1e\x8f\xf7\x02\xb1*\x1a\x9f^\xab\xa62\xb4Z\xabV\xc5`\xc2\n\xed\x86=\n*\xad\nTr\xe8#C(\x15\x88\x8b\xd0\xc4[,"Q\xbfZm\nf\xa6If\xd1\xcb\x97\x83A\x97\x0b\xd7qi&lt;\x1e\xa6\xc6$\x8d\xaf_\xe7\xe5P\xd1\xb2\x02\x88\x96XU\xb0\xdc\xeb\xeb\xb5\x8fUuuUUUh\xbc(R\x81\x01\x1e6\x16\xb8\xd4E\x12\x8e\xda\xe4\xca\x0c\x93\x9d\xd6\x95\xbd\xa0\xcb\xcb\xe5ri\xc0\xa2a\xea\xdb7^\xdf\xba\xdf\xden6\x13\xe9\xa8\xea\xa1\xc0V_\xff\x980\xa1\x92\xcb\xad\xc2\xdcjA\x91\x1e\xd2\x82\xa1\x97@Z\xae$\xe9,x\xc5\xbb\\HE\x1b\x01\x16\xa7\xac\xecz`\xb3=\xda\xde\xde\xfe\xa3\xd6lF.\x95J\xab\xd5&gt;F(\xb9\xd9lv\xbey\xe3tv\xdd\xbbz-\x0f\xc2\x82\xf2\xd4\xa8\xd5jW\xb2\x96tV6\xe8\xf7\x13a\xe1\xb8\x89\xcb\xe5\x0c\xf9\x1a\x02\x01\x9f\xaf\xa1\xec\xf5\xfd\x1f\xcd0JuUr\xad\x19\x0e!\xa06\x7f\xfb\xed\xfe\xe6\xfc\xfb\xf7\xd1\xe8\xfc\x0f\xdf\x97V\x88&lt;5\x16KM\x8d\x1a\xc3\\\xa7$\xdf&gt;\xb0\xe4\x81E\xf4\x10\xd7\xe9d\x1dm\xde\x94\xd7;0\xeb\x9e\xf5\x7f\xf1\x7f\xbe\x0f\xac:"$\x842o\x06&gt;\xaf\x8e\xae&amp;\x96\x96\x96&gt;,%\xbco\xd5\xa5"\x0fbI\xe0\x93\xff\xe98\xf9wO\n\xb1\xb8\\\x1d7\xdc\xd2\xd3&lt;\xebn\xeey\xf6\xfcY\xaf{`\xe0K\xc3fW\x95\x9c`U\xbd\x91on\x06F\xfd\x03\x03mm\x03m\xee\xd9\xb6\xd9\x0ew\x87\xe9\xb6\xc8\xa2\xb7x\x08V\x84|V\xd0\xef\xe2\xe2&lt;.\xae\xeb\xe8\xe9\xedi~\xf2\xfc\xa7\x7f\xfe\xe3\xa7\xe7\xbd\xee6\xef\xaa\xa3\x1dTUuh\x8f\xca\xef9|(\xc6\xe6\x9e\xdeg\xcf\x9f\xf447\xbf|\xd5\xa2\xe3\x88\x14\xfa~\t\r\xd6\xfc2\xe9W\xe2\x07`\xe9p\xb8q\xddH\x05\xdf\xf6\xc9\x1f\xcf\xffx\xd2\xeb\xf6&amp;\x96\x1c\x1b\xd0FX\xa2p\xfaT\xf7\x1a&gt;\xfb\x07f\x9b{Q5\xb7y\x07:^\xbezi\xc4D""\xad\x10\xc9\x97"z\x9b"\x16\x97\xc65\xf6\xf4\xb4\xa5\x96\x96|\xbe\xa5/^\xbf\xb7\xcd;:\xd4\xe0\xb8\xd7\xaeR\x99\x89\xb0\xba\xda\x1d\xbe\xa5\xc4\x17h\xa2\xf7\xcbP\xc3\xfc|\xc0\xb7\xfa\xb6\xa5E\'\x12\xd5\xc0\x96w\x85\xd2\xe4\xde&gt;\xf4\xf2\xf1$Z\xa7&amp;\x8c\xdb\xe6N\xf8\x02\xf3\xf0\r\x1d79\xa3\xa3\x89\x04\xb0\x02\xf7\xda\xd1RE\x81Y\xa9\x8e2\x1f\x873\xba\xba\xfa}\xe9\xf5\x82\xf9\xf9\x8d\x8d\xcd\xc0\xaaQ&amp;\x11I0xq\x852\xd3tr\x7f\x00\xb3{\x1a\x0c\x87]4\x8c\x1b\xf6;\x1c\x8e\x86;&amp;\x1c\x7f+3\xc2#\xda\xe8\xe54\xe4\xc3\xba7\xa3\xb5*\xa4\\\xbd~\x933\x82\xbf\xd5\xe1#\xb0\xe1^\xa8K\x81\xe6\xe0p\xd5\xa2~\x0c}\xcaX\x8fL\x04\xa2\xd3\xa4\xfdO[\xed\xf4^\nX8&lt;\x03\x12C\xbe\x9b\x1c|\xacea\xec\x91ll\xe5\xd5\xca\xcb\x97a\xce\xad\xfbT\x06\\\x84*\xab\xb0:\xaftU\xb6\xb0\xb2\xb2 \x1b\x19\xc1\x1f-,\x8c\x8d\xdc\xbc~\xaba\x15&gt;\x92`&lt;](dj\xf8\xe5\xd7_w\xc8\xf9\xbcH\x9fn\xc0\x87\xd6\x83\xc1\x90\x0c\xc7L\xa6\xa1\xa1;jM\x0b|\xdb\x17\x92\x9f\x7f~1\xf6\xf1\xf7\xdf_\xe1\x8d\xd7(\x0ct\t1(W\x0b\x1f&lt;Z\xf9\xf8\xb1\xe5\xdf/\xa0Flc+\x0b8\xdc\x087\xe1\xa3\x12\xb0\x8cFZ_\xe7\x7f\xfe\x1b%g\xee\xaf\x1c\xbc{\xf7\xee_\xe1`X\x86\xab\xd5\x1c\xdf\x10\x87\xf6?Z\xcd\xf7\'\xad4\x8b\xe3}\xd1\x97}\xa3)&amp;\xa6B\xa5\xc6\xa8Q\x01\x05\xdc\xa2.\x8a\x18tH\xc0\x85h\x14T\xa2k\xb8hY\xc1\x05J\xa7W\xf9q\x19\xb6\xc308\x13\xd2\x90\x86\x85\xcd-\x92\x99\x1d"\xb4\xe3\xc04\xa1\xa4\x04i\x9a6\xd9\x84\x06:f\xc8\xbe(\xbcqC\xc8h\xb3$\x8c5\xddd\xf6\\\x9c?\xe1\xf6\xf8\xea\x86\x17~\xf2}\xce9\xf7|\xcfs\x11\x04\x06\x9c\x14\xb2\x8d\xa4\x82\xd6z=o\x0ev_\xe9\x81W\x8f\x18\xb0\xbas\xe7\xc5z\x11A\xac{\xd6\xfb\xdb\x08\xc2G`\xc4f\xb6rh4)`=\xa0\xb4xJ\xd17\xe3\xa4\x14\xe1\x9d\x97\x95h\x0cg?\x00\xb5\xe8\xfd\xed\xed\xfd"v*e\xdd\xb3\xbc~\xbd\xff\xe5\xed\xef\xad\xf9\xfdj14Bi\xe9\x81Y\xcb\xe9\xa3\x80X\xf9z\xf1\xfe\xbd\x8d\xfd\xad\xad\xdd{\xc50?\x00\x1e\xe9\xc6\x80\x17\xb0\xf8\xf3\xa2\xab\xcd\x18\x16Y \xa77\\~y\x1e\x8d\x08G`d^\xa5\x8b\xa6\xa7E\xecP\xa6\x98\xb7\xb8\xd76&gt;\xd9\xfa\xf7o\xff\xcaW\xeb\xe1P0\xae3\xf9!\x8c\x0c\x9e\x16\xb0\x8e~\xbb\xbd\xff\xc3\xc6\xd6\xed\xbf\x85\xf3\xb5\x13\xad\\\xc8`\xf0\xbcr\xc0\xf2R\x9a\x1d\x98\x82$\xcf?\xfe6\x8a73\xa8\x0f\xe6\x01\x0b\xca\x8b\xbd\x1a\n\x17\xc3\xdbVK\xbe\x9e\xff\xf6\x7f\xff\xd9\x05\xb1\xa6\x82\x1a\xa3\xcdf\xf3\xdb\x12\x03\xbc@\xb2V\x0f\xff\xf3\xfb|\xbeh\xfe\xea\x10IV\xd6\xa5\xcb\x13CB\x99].\xe5\xf3G(\x9bM\xb1\x87$\xed\x9d;\x0e\xf0Xss\xdb\xea&lt;\x9fK\xa7\xd3\xb8\xab\x12\xfe&lt;\xc2\x0e\x06s\xa9\x10r\xf8\xe7\xd3L&gt;\x1c\xe2\x06P\xcc\xe679\xfd\x89\xa1ey4Y\xab\x85rS\x88\xe4\xb0\x10\xb8X\xb0\x12\xeb\x91e;`\xf1(\x9b\x7fZ\xde$\xcb\xf2\xff\x8c\x974\xbc\xb6\xc5y\t\x81%b\xaf\x12\xefk\xda)\xcaC!p\x04\x8a-0\x12+\xfba`V\xdb\xca1\x01/\x9a&lt;\xaf\xc85&lt;M\xbc\xb5\r\x9c7\x8b\x05v\x9f\x18\xe8\xa5|\x89f\xae\xb7/F\x16V\xc7A)-\x97\x0bE\xf3\x128C\xb0=\xca~\x91HI\xfdc7\x0f\xc7\xed\xb8|=\x19\x82V\x11K\x98\xd4+\x06\x83\xbf\\\x8e\xc5\x02\xd1\x93J\x9a\x17\xb9qMq\xed\x1a\x85\xc1\xf8\xdd\xc2\xca\xa4\xfc\xbf\xde\xb8:\xdaG\xda!\x8e\xbfI\xa7\x85\x0c\xaf\x88\xdfPK\xc9\xd4\xf0\xe4\xe0\xc8\x94\xca\x11\xb9]\x8e\xf3\x02\xd1\\\x00\xc7\x8f\x8d&amp;\x13`\xa9\x13\xe5X9\xa6\xc1\xd3\xe9\x00\n\xd3\xbe&amp;\x12\x898FG\x87\xc1\xf1\xdb\xedr\t\xbb\xf5\xe1g\xb7&amp;\xae\x93\x85\xb5\xb9\x8e+x\x15\x89\x84\xc0RR\xbd\x1a\xd6D,\x16\xc3c\x91\xc8\x10\xe6p\xa0%\x1co`\x11j\xad\xf8\x13\xe5\x84\xc7ht8\xb0\x08\x86ae\x8f\xafe\xb4\xa5\xb3epH&amp;\x97\xcb%\xf4\x11\xc7g\x9d\xc37\xc9\xaa\xc47R\x87B\x9b\x9cb\x03\x16\xc8\xc4aP&lt;\x89\x84\xc7\x93\xf0@\xf1\xf9\\q\x14\x8d\xe1hD\xd7\xc0R\xfbm\x1e\x8f\xc7\x05a4\xfal\xbe[N\xf1RO\xcb\xcd\xde\xbea\x19\xcc\xa7\\:\x0f\xeb\x9cl!\xaf\x12y\xb3\x8eh\x94\xc6\x06\xb9FF\x98m]\xb3\xd7]&gt;hS\x04\x95O\x07X\xe8q\xc4\xa1#\xce\x90\xc0\xb2y\x12:\x97N\x07XN\xb5X\xacRu\x12\xdb\x80?\x80\\v.]\x83\xb9&amp;\x97\xde\x92V\x89\xd9l\xa0"\xa5\x02\x16\xdd\xcb\xe1p\x9ag\xf5\x9d\x17T~\xd3-#`A\x06e\x1bX+&amp;\x93\xdf\xd7\xe7i\x84\xf1\x96\x13\x1c\xb6J\xb5\x04\x96\x1b\xfc\xa2L\nju\xff\x08~d\x93\xacQp\xa1\xabT\xa9\x08\xbb\t,f7\x95\tXzS\xa3\xa9\x9b\x9c&amp;G\x83\n\xd3\xb9Lj\x83\xca\xa0v\x9a\xc0[\xbbt\xa0#@\x81?\x83\xb1\x02\\?d\xbdL+\xe5\xd2[\xbf\x8e\'|$5\x88\x8eK\x0bm\x95\xda\xf9@+\x81Ee2\xdb\x9a\xae\xeb\xf5j\xb5\xc9o2\x99\x9c.\x0c\x8d`\x84X:\x02K%\xd6;\x89U\x89\xd3\xe5\xec\x81\xa7\x86\x95\x1d\x03\xac\x96\xd1\xc1\t\xadVB\xeb\x8a\xa4\xd3\x89M\xb2n\x17\x17x\x95Z\x8d\xd7\xb5(Y\xa51\xa9L\xc6\xec\xce\xd2\n`\x99\xd4\x10F\x1co\x88\xa5\xbbHyCg\x8f^\xef\xb3%\x12FW\xc3]?y23#\xeemi\xe9\x1b\x1c\x92\x02\xd6\x95\x89t\xc9\xf3\xf6;\xb2\xd4\xba\x81\xa7\xcf\x83WD\x12v?\x87\xd9MQ\xec\x8c-\xad\x00\x98\xda\xa4\xf6\x97\xa2\xe9\x12\x8e\x19\x01\x0b\xba\xbcAl\x10w\xea\xa1\x08\x13\xef\xdf\'\xf4*\x80\x02,Ugo\xef(`\xc9\xb9\x12\xd1\xd5\xe1\xc1\xd1\xbe\x87\xa4a)\x9aJ\xe7S\xd79\x12\xb6\x92\xc3lc4\xef\x80]5\x10Z\xf9K\x95h\xe0\x0c%\xa8t\xf0\xee1\xac\x88\xe1oI\xef\xd2\x95\xd3%\xcc%&amp;\xb8T\xe2\x15\xa0\x02,;w\xb5\xff\xaa\xc7\xd7\xe9 \x0f+\x9euD\x95;\xad\xecE\x11\xa7\xbbm\xa0\x89p\xf7\x068Ec\xfa\xbc\x82G\xe2\x0ehS:\x1dh\x05)\xde\xd8\x95\x88M\xc6\xd2I:f\\\x99y23\xb9\xd2\xd3Kl+\x87\xectn\xff\xcd\xde\xc9I\xec!i)\x8fb7\xaf\xcc^\xbf\xb1\xb8(\xa2\x02V3$\x17\xfck?\x16\xade\xd2\x98bV1\xab\xdf\xd1/A\x82?9\x98\x99l\xb0\xa9u\x91\x93\xf3\xe8{\xa3^5\xb9\xe2\xbcE\xac\x05Y2;\x97\xad\xbc9\xf3d2A\x1e\x96\xe6xv\xe7\xfa\x15\xc0\xa2Ms\xba\x85\x94&amp;\xa2C\xf8\xb1\x93b-\x89\xeb\xf4\xfaY\xc5\xab\x9d\xcd\x83\x19\x83\xea\xe0`L\x0f\xbf@\xd2\xb9\\x\xe6\x1c\xf4\xd2\xeb]&gt;_\x9fmpn\x82g\xa7_`\xe9\xde\x92\x85\xf5\xf7.L7\xabh\xea\xa2-\x8a\xa6\xdb\x99\xbc6\x8a\xce\xe5\xb2yr\xc5|&amp;\x85f\xb3\xd9x&lt;;KT\xc1\xd2\x18\xa4U\x16\xda+\x94\x80\xcb\x18-&amp;K\x18\xbc\x06\xa0\xeb\xc2\x11\n\x05^:\x9b\xd9\t\x15\xd0\xf3\xe62IX\x8f_bFc\xd6\x91\x05\xbfGm\xa7z\x99\x03\xc4EO,S\x0f\xa7\x02\x054\x80\x80\xeb\x02\x07\x0b\xcdL?\x9b\x8d\x17N\xce\x93g\xc7F\x9d\x11\xcd\xd4\xa21\xc7 \x11\xc3\xc3\x13,\xa1\x92\xc6n\x83"PM\xfeL\x96\xaf\xbe\xf30a\xc40\x07&amp;Z\xec\xa7RGh\xd46\x87\x8351\x95/"\x81\x02\xc4Y.W\xf8\xf0\xc5_\xae)\x14\n\xd0-\x0e\xcfg\xe8q\x02\xc3\xd6\xe1\x88\x1d\x83\x9e\xe1\xe1\xb9\xe1a\x16\x8bE\xa5\xb1\x19\xd03f\x0c\x0b$Qu\x8c\x1f\x10-\xc0\x88\xd2\xe1\x10\xa7\xe9\x12/\x8b\xc1\x8a\xc9+Es0\x00HH*\x97{\xf7\xec\x1f\x87\xfd\xa7\xa7\xa7\xef&gt;&lt;K\xdd\xdf6[s9\x14\x8bh\x92\xb5\xb4\x83\xf8\x18\x82\xc5`0\x06\x06\x984\xae\xc6`\x80\x0c$\xefV\xf1\xf1\x18\xb4\x80\xe3\xd3/\x16E\xfd\xedt&gt;M\xc8\x821%\x9aD\x10d\xdbj\xde\xb3\xec\xee\xee\xde\xbb\xbd\x17\x02\x97f\xfe\xf4K\xb7{\xcb\xfd\xb9\xd9\x1a\x1c\t\x06\x82\xb5d\xb9q]Mi\xa6\x0c\xb0xR\xaeR\xb7\xa2\x9aY \xed\x0e\xb6c\xfc\xd1\xc1\xd8\xab\x1f\xbfy\xbe\xd8?\xddNG\xb8\x02\x81V*\x90#{\xf7\xc2a\x8b\xe5s\xf7\xda\xfe\x86\xdb}\xb4\x87l[\xdc[\xfb\xfb\xfbk\xd5]K\xd8\x8aX\xadAkf\x19\xc4Z\x16P\x9a\x9b\x1bX/\xbe9XxD\xe6W\x96\x1d\x97\xbf{\xf4\xf8\xce\xf3\xc5ij;}^"\x10\xac\xdb\xe7\xec\xa1#\x80\xd9\xdd=r\xafU\xb7\x8e,a3b\xce\xbb\xab\xfb\xd5z\xdd\rOas\xd8\xb2\x9d\nk\xfb\xc0\xf3\xc8\x18\x14\n\x83\xc0zzy|\xbc\x83\xd4E\x12\xc4\xa5;\xcf\xe9\xd3\xed\xd34d\x9e7\xb4.\x97\xf1\xc3[\xd5\xba\xc5rt\xb4\x9b\xcf\xe7\x01*w\x16=\xaf\xd5\x8bf\xb3\xd9\x9a\xb4\x86\xf6\xf6v7v\xb73\xd1\xbe9\xd9\xb2\x805\xc0\x18\xb8\xc0"\xfdn\xe5\x02\x0b\x0e\xb1\x9f\x1f\x1a\x19\x9a\xd2J\x91b\xb5\xea\xde\x830\x9bC\xa9R\xac\x0c\xf1&gt;}\x82\xbeR\x10\xc5\x18D\xccG\x1b[\xdb\x99\x93\xc19\x99\x0c\xb0X,\xa1WJ\x7f\xfa\x11&gt;\x93\xfd\x1d\x8b3\xbd\x1a\xa2\xb3\xb4R\xde\xaaem\xed\x08\xc9\xe5\x82\xc1\x00\x1a7&amp; \xca\x89\xffb\x8aW\x8a\xf81\x8a\x16\x02H\xbe\xea\xb6f*`.\x84B\xd0\x8a\xa5\xf1\xca\xe9O\xc7/}\x84\xb8\xfc\x94F\xa5r8\xec\xd0\xea\x80\\\xca\x0c\x84\xf7\x7fp\x7f\x9a\x02\xac\xc3\x02z\x0c\xf1\xfe\xd7\xe3c\xf4\xf8C\xa1pZ(\xe4\x90\xbdj5o\x0e\x9f\x0cN\xc8\x84`a\xe7X\x02x\xfb|\x14\xac\x8e\xf1\x9fh\xed\xd4\xf6n:2%dj5\xca\xbd\xea\xdd\xbbw_\x9b\xbfz\xf7\xec\x10zj\xe1\xd7\xb3\xb3\x02\xfa\xe1\xc3\xd7/~y\xfa\xe2\xf9/\xf7\xd7&gt;\xa9\x86S\x19\xad\x8f\xc0b\xb1\xe6\x84\x02\x81\x97\xf6\xd3GQ\xab\x81E\xedVJ\xf8\xff\xa7\xddlc\xd3:\xaf8\x1eb\x90\'\xc0\xd2\xb0x\xb9\x17.p\x8dmqC\x8cy\xc9M.\x04n\xde,9d\xea\x0b\x0b\x98\x19\xc7\x936@\xa1\xc8\xa4F\xcap\xb0\x00k\xed\x04\xc4\xa6`EX\x1du\x82\xd58/\x9adoAL\xae\x94\xd8\xae\xe3LY,\xb5\x1a\xd5\x14\xa7_R%_\x96-\x9d\x13+\xab\x96f\x8a\xb5\xec&lt;\xf6\xba}n\x92{\xe4\xd7o?\xfd\xff\xe79\xcf9\xe2&lt;}\xc4\x80\xdd1\x94\xfe:8\x13\xab&gt;x\xb8\xb4\xb1\xb1\xf6`\rb\xe5\xf6\x97\x97z\'{{/^\\\xfal\xf5\x9f_\x0f\x9d\xbb\xfa\xdb\x0e\x94Y=\x90Z\x80\xe5\xb8\xcb\xc5jYk\xeb\xa5n\x13IR\x94\xe6M\r\xaeq\xd8\x7f~\xfe\xc2\xf5\x7f\xfdc\xa8\xf2`\xe9\xce\xd2\xd2\xd4$\xe0L^Q\xf4NNNMm\xacU\x1e\xcd\xc2-0?\xfbA\xc7\x8f\xcd\x96M,\xfb\xc13\xc6).V\xdeZ\xb7]\x04\x0fM4\xa1\xde\xd5\x82\xdb\xcf\x12-\xfb\x0e\x1f\x1e\x98\xfd\xdb\xa3?-V*\x95\x87KK\x1bk\x1b\x1b\xb7\xd7\x9eC|;\x0bM\xe0\xd1}#C\x03;\xad\x07\xcdP\xb3\xba@\xad.\x07\xd9\xcb\r\xd6\xef\xc6\xfbH\x92$\xe8\x96\x16\xda\xf2V\xdf|_\xd7[g\x1d\x03\xb3\x8f\x1e\xc1\x17\xdc\xd6\x8b\xdf\xfe\xf9\xf9\xf3\xa7\x9f&gt;}\xf6\xf4\xde\xbd{\x87z\x0e\x85\x8f\x9d\xff\xe9\x8e\x9e=2\tc&gt;\xd8\x05\xd1\x12\xe0h\x83\xeb\xd4\x1f\xbaI\xd2D\xe8\xba5.\xd9\x99\xdd\x1a\xa2\xf3\x97GM\xf6\xb3\xb3\x9f&gt;\xfdo\xfc\xe5\xc9f\xbcw\xff\xbd\xf7\xd1\xa7\xe7&amp;\xcd\xde\x9d\x87z\xdc\x12\xab\xb9\x0b\xe4\xb2\x9f[\xe3j?\xf0\x92\x8bT\xbbh\\mt\xe1\xcd-\x0e\x95\xf8\xe0Q\x13\x15\xee\x83\xf2p\xf2\xc93\x08\xc4\xf4\x8b\x8f\x9e\x9c&lt;\xfd\xae\xdb\xcdX\x19\xd9A\x86\xd9\xc3\xc0_\x90[\x96.\x87\xe66GT\xdb&amp;\xa3.t\x16\t\xb0Rl\xde\xdd)\xb6\x9c\xb1\xe3z\x9d\xea\xc6\x8d\xc1\xd3\xf7\x9f=\xbb\xff\xe4\xc9G\xfdo\xf7\x9f\x1e\x1c\x94\x0f\xca;:\x9c\xcc\x1ekO\x8f\x13\x861t\xf9\x845\xe5^\xae\xb0N]s\x81\x8b4N\x93j\x9d\xb8E\x83\xeb\xc2vB577\xe7_\xf1B\x9d?y\xf2\xf4\xcf\xf6\xef\x87\xce9\xb5c\x87\xbc\xc3-gz\xf6\x1e\xda\xebtJdPO-\xa6\x96\x9b\xdc\xedx\xf6\x82\\$\x85S,i\x12w\xeeV\xeb\x08\x02WyW\xe6\xe6\xa2\x81\x00t\xa67\xfc++\xa9\xfd\'\xf6\xf7\xb7\x0f\xca\x9dr\xb9\xd5j\xd9\xd3\xe1\xec`\xe0\xee\xe92\xab\xcb_rF\x05\x85\x1e\xfc\x83\x0b\x88\xa2L2\xa9IC\xe0\x16\x99j%\x95ZY,U\xab\x99\xf5\xcc\xfa\xe8Z\xea\xc4\'\x9f\xec\x87\xd9\x10\r\xf8\x8cy\xaf|\xa7\x9bA\x15\xc2\xa4\xbe\xc9\xe1bs\xeb\x95\x9be\xb2OM\xd2\x04\x8dk%\x0eH3\x9d\xde\x9b\xfa\xd5\xc7\xa3\xc9\\:\x9b\xc8&amp;*\xe3\x08\xab\xbf\x1d\xb0\xdc\x0c\xe8\xc4\xa0u)Y\xa7\x85V\x93w\x0fl\xe3\x90kj\xb4\xecr\xa9\xa1\xacR\x12)\xad1\x11\x16\xbd\xdf\x9bJ=\x1eY-\xe4\xd3\xe9\xf8z4\x05b\xf5\xb7\xeft\xba\x19\xc6\xc9\xecuC\xc2w\x12\x04A\xbb\xc8K\\bm\xeb\r\x94\xcbF\x18\x80\xd44.\x959\xce\xd0\x16\x18fW\xfc\xcb\x89\xd5\xd5t&gt;\x9fX\x0f\xa4N\xbc\xdd\xdf\x8e\x16Y\x98\x0e9cu\xba\xad2\x82\xa2(\x96\xa2\xb9\xc5\x9a\x8c\x8e\x02\x96\x0b\x82V\x89\xbb\x1ca\xc0\xf2\xfbu\xeb\xd3\xb9\\6\x97\x1e\x99\x7f\xec_\xe9\xff\x11x\xe8d\xacP!\xacH,\xa0\nDe\xe6K&lt;.\xb1\xae\x8c\x13\x81r\x05q\x91:\x95N\x1dF\xe3\xc3\xef\x97\x8fO_\xc8\xe5\n\xb9\x91\xe4b\xf4\x86\xd7f\xdb\xdc\xder\x83\x892\xab\x0cg\x030\xdcZ\xcd\xdc\xaaue.\xac\x0f\xfc\xb1Rv\x19IJ\xaf\xa7\xa8\xce\xce\xb0\xe3\xdc\xf1\x91\xe9\x0b\xe9\xd5\xf4\xf4\xd0\xc82{\x83\xa0U\xed\xedr\xa7S*e:\x89N]`tt\xdc&amp;\xff\xc0\xc2%V\xeb\xb6\xdf\xdc4\xe9\xc6G\x17+e\xe3B\x85\xc4q\x8a\xa0w\x1d\x9f\x87\xe9\x0b\xb8\xa6\xa7/\x8c,?f\x97wQZ\x9bX*\x96HdPy\x03\xa3\x8b\x01i\xbb\xbb\xc7\xc2\xa5\x89\xa8\xa1W\x13\xfa(p}\x9e\xc9,\x908\xcb\x1a\x93#\xc9\xa1!\x10j\x15f\xc6\xa1dq\xb9\x94\\\xd6\x8b\xc5b=\xce\xba\x8c\xd4\xe8"P\xd9lL\x8f\x85[\x13O]\xeb\xa3u\xe0\xccb\xa6Z--\x90\xe5J&amp;;4\x92H\xa4s\xd9\xb1\xb1B:\x17O\x96\xa6\x13E#\x89\xeb\xd9\x85c\xc5\x85Je\x91\x15k\xe5r\xe6}\x8es\xeb\xd4]5\xb46\x900\x9fW\xe3\xd9j&amp;\x93I\xc4Q\xac\x16\xea1\x18[s\xd9x"^-\x15\x17H\xb6X\x05\xee\xa2\x11Wim\x08\xab\x8b[\xac\x03\x80E\xe1\x81\xc0\xe8B2\x1f\xa9\xe7\x80"\x11\xcf\xe7\xf3\xf5z,VH\xd7\xf3i@\xccV\x8b\x0b\x0b\xa5D.\x9f+\x91x\xb3\x16\x8e\xa5\x93k\xac\xd6Sw\xfb\xeca\n\x8f\x06*\xf1\xc8\xf0L0\x96\xcf%\xb2c \x15D\xbe\x10\x19\x1b\xcb\xe7\xb2ip2\x91\xaf\xc7\xea\xd5n\\\xb5\xf9R\xc3\xcd1\xd6\x01\x91\xefN\x9f\x1d\x0e\x98NW\x89\xd7\x83\xb5\xe1\xe1`\xa4\x90\x8f\x8d\xc5"\x91`$\x16\t\x06c\x85\x1c(\x97\xcd\xc5\x82\xc1zn\x01\xd7\x8b\xb5@\x05\xf7cO\xd7T\x93\x80\xab\xb3\xc8\xf3(\xff\xfaY\xb7\xdd\x1e&amp;p}\x19\x14\x89\xd4\x8e\x1c\x19\x9e\x01\x1a\x88\x99\x19\xf4\x15)\xd4\xe1\xdfH\xb06\x13K\xfc\x9aTI\xe5rH-\xb8\x89\xcc\xd4\x12f\xf0\xf09y\xecs\xc0\x83\x85\xfe\x9d\xd5\x98\xd44t\x0e\x81J2\x97\x0f\x0e\x0f\x03\x18Dm\xb8\x06\x01&lt;\x91\x99\x1ahX\xab\xc5\xa6\x93\xdd\xaaM\xad\xa0\x99p3f\xd3\x83\xbf\x0b\x9a&lt;\x02\x0e\x9c\xe4{\x14\xd8\x17\xd9!\r\xe4&lt;A\xe1x`=\x9e\x07\x08\xe0\x82\xf8!\xa2;RCH\x08\xb2\x16,\x8cd\x08\tP\xd9\xd0\'&gt;\x12\x999\x9cy1!l\xf2x^\xf3\xa6\x14O\xe0\xf1\xb4)|/\xa6\x0fk\xd4\x14\x05\xbd\np\x15\xf3`\xd8\x16\x16\xc4\xff\xfe@\xbe\xe6\x13\xc7\xe8f\xb7Vk\x83\x86\x0bRKf\xe9\xd2$\xbf\xe2\xf1\x1b=\x1e\xcf\x81\xd7\x98S!\x1ffh\x13)B\x97\xaf\xbe\xa3A\x1eB\xb7\x82\xe3\x8f\xe3\x90\xe5\xa0\xd1\xff\x81\x10\xd3\x0fj\x91X\xbeD\xead\xef\xba\xd1k\x16\xb9\x1c\xee!\xc6b2\xad?\xfc\x90/\x14\n\x0c\xca\xd7$\x18\xaf\xc97\x11R*D"\x91a\xe2\x9b\xf3\x03\xdd`"\xb8H\x13x`&gt;]\x88\xd4jp\n\xbfC\x1a\x06\xa5\x82\xc1|=[\x16K\xc4\x88J\xae\xd5\x02\x96X\x02XFPK(\xe45x\x0c\xafC\xb0\x03\x02eh"\xd4\x06PMm\x18\xc2r\x98`\xe0\xa7\xa0\x9d\xa7\xf0\xc7\xf3\x89l!R\xafGj@\x83\x80 \xd5\x82c\xf9x\xb5\xe2\xf7J\xa5r\xf4*\xc9\xb9I%\xe9\xa4\xc2\xc6;\x08K\xc8\x136a\x9eW&gt;\x91\xadMJ\xc0\xc2D\x88\xab\r\xd4\xba:\xd0m2\x85q\x82\x86\xe9\x87e]\xc5R\xa2\x90\xcf\xc7ff@2TOc3\x91l\xb2\x18Py\xbdZ-z,u\xda)w\x8b\xa5R\xc0\xa2\xcbK\x9bXB\xde\x1bM\xbeW\xd5K\xe8Qb\x8aPH\xd4\xd6\x06\\mX\xe8\x9b\xeb\xeft\xab\xd1QdYZ\xcd\xb2,^.V\xa1\xccC-\x8dA]\xcd\x8fEb\xd9L \xaa\xf2{\xb5[O\xb8\xe0[*\x95\x8a\x9b-\x04\xc1~\x87\xd5\xb0\xbdM)z\xb5\xa2\xae\x04*\xc0R(\x14[X\x97\xaf\xef6\xaa\xfb\x80\x0b\x90`6c\x03Q\xb6\xbcP\x8a\xd7#h\xdd\xb3&gt;\x16\x8b\xc5\x17o\xa5\xbc*\xa0r\xbb\x11\x13H\x06T\x12\x19\x81\x13\xd1\x8b&lt;\xfe\xa6\x8bolo\x14(\x05/\xef\x9f\xc0\xe0S\x1a\x00\x08\xb0\x0c\x80\xd5\xa6\xc0|/\x86\x00\xcb\xa4\x86\xeb\'\x8a\xb3j\xb0\x11\x8fF\xc7\xa3\x95R"\x9b\x86\xc6f,\x96\x18\x9d\xbb\xe5\xf5\xfa\xc5R7d\xbc\rUS-\xe4V\xb3\x0c\xd7\x11\xe3!\xe1\x16\x16\x7f;\xbf\xd1`\x10\xb5\xbelU\xf0\xf90\x0c\xb0@-%\x86\x81Z\nL\xf9U\x12\xb0`\x825Q\xd1(J.\x16\xfd\x00\xb0\xc0h1\x99\xc9$K\xe3\x1f\xa7\xbc~\xc8w\xb1\xd8\rUKk\xd3Jd V\xb3^\xa7#nb|\x84\xc5\xe35\x08\xf8\x8d\x8d"\x83\xa7\xf1\xe5\x92J\x89\x190\xe4\xa1\xc27\xe13`\nH/L\xf9E\xf5M\x98\x12!\xbbX(\xa7\x88\x8a\x86Y\x83\x8d\xeaU\x83\xe0\xdc\xf8x*u\x0b\xc4\xf2z\xe1\xecI\xb5\x9bI\xcf\xc8\x80J\xd2\xac\xd3\xe1\xd7\x04[T\xc2FAcc\x03_\xe0\xf9\xfew$\x1f\xa0\x80\n\xb0\xe0\x17\x86M\x84\xb0M,\x036qy_\x9f\xcb\x88\xe6j\xe0B)O\xc1tF\xb2\xb8\xde;\xa8]I\xd9R\xb7\xbc~\x15\xf4\xf1\xcd\x12\xf4&lt;\x10\xf54p\n\x9b\x9b\x9be:\\7\xc5\xdf\xf2P\xb8}{\x03`\xf1\x1b\x9a\xda\x0c\xa2\xef\xd3T\xf0D&gt;\x1f\xc8d\x00\x03\x11\x97\x12\x0b\x856\xdd\x84\xe4\n\xbd\xf8I\xb7\xcb\x88\xc6j\x1a\xca\xbc\x0e\xbc\xa1\xff\xd3\xb8\xf9\xbc\xa8\x95gQ\\\xdf\x0f\x9f\xbe\x97\xe7\xcf\x88\x96VfB\x8dh!\x94I1\x81\x1e\x18\x02\x81\xc2\xa6\x1a\xdf" H\xa7\xd7B6\xf9\'f9\x9b\xc9bDB-B/*\xdb\xca*\xf8\xa8\xcd0\x14\x99^\x0c\x82\x8b\xd0\xa0\x86\x80.\xc6\x85\x1b\xd7EW1\xe7\xdc\xfb\xac\xa4z~t\x7f\xe3\xaf$\x96\xef\xf3\xce=\xf7\xdc\xaf\x89\xde;&gt;&gt;\xb8\xf7x\xa7\xfa\xec\x19j\x06\xaa\x1c\xaavG\xbe\xe4\xf9\x87\xc8\xefE`\xed\xbe;\x89\xb0,\xdb\x11,\xcbr\xfcf\xd3\xff\x95`\xbf\xb3\xbc\n\xa8\xa0\x14VS\xef\x88%.kV&amp;\x7f\xfd\xcd\xf1\xc1\x01\xf4\xe2.\xa2Zm\xec\xed\xa0!\x01\xf6\xdd}lv\xf8\x89-\x10\xc9\xe5\x0e\x13\x82Ty`\xb5Z;\xe7\x1eI\xe2\xf1\xb8\xe3;\x8ebY\x81\xe15\x9b\xbfj\x1b\x86-U\xbf\xc7\xc2\x89N\xa2U\xb9\xd2\xc3H\x14\x97\x95J\x83\x7f\xfe\x9eX\x07\xc0\xda)Vs\x00\xdb\xe7?\xe2\xf0\x93f\xcf\xc1\x89\x1e\xa4\xdf\xe5\x9b\xa7\xbf\xbd+T\xc0j\x14[/OMu\xbc\xeb\x13+\xe2\xb2L\x80\xfd\xf2v\xe7\t2\x81\xf5+Q%2\xf5t\rz\x95\x08\xab\xf2\xe3_\x0e\x0e\xbeF\x19\x11\xa9{\xf9\x1cV\xf5\xf1\xfd\xe3\xfb\xc7_\xf3\xfb\x19\r\xe8E\x94\x1c\xbfy\x8a\x8c\xe0\xa2\xb1\xf6Z{\xe7M\x0b(\xc02j\x8e`\x99\x11\x98c\xd4\x9a\xdd\xf8/@\xd1\xe8\x80\x82\xb1JR&gt;J\xd5\xeb\xaf\x97k \xb2\x8a\x08\xb1\x7f\xfd]&gt;\x84\x07\xac\xc3b#\x9f\xbb\x93\xdb\xdb\x07\xd7=\xd4u\x7f\xaf\x91\xafB\x1f\x98\xfe./wh\xb2j\xa3X\xdc\x83X\xa2\x90\xeb\x06\x9e\xe7\xde\xc2\x82bv\xa9\xfb\x7f,f\x01\x8a\xfd\x06g\x97\xd5SZ\xc8\xd5\xf5,\xbc\x1aDr\xd5\xbc\xd3\x7f@-\xc1\xdam\x15\xa1\x17\x9b\x1f\xf6B\x17\xec7\xaaX\x8d\xbcZ\x8b\xaa\xb1\x0b\x1b\r\x18\xf0C\x17Y\xe5\xc0M\xe6`\xd9\x0b\xcc\x1b,\xd7\xc5\xc5t\xbc\xee\xff\xaad\xbc+\x91\xc9\x89L\xac\x88\xa9\xdc_^\x85\x9d\xec7\xa3IY\xd5\xf2|\xefo\xaf\x0e\x0e\xfe\xf8\xdd\x03\xee\xba\x0e\xb5\xf9wv1\xb8\xd1\x8dl\xcdj\x8e;\x06\x91K\xa2\xa1Ul4Z\xefO\x02\xf5\x93\xebO\xc3\xf9\xc4v\t%\x032.\xcd\x19\x98hJ\xeb\xbfn\x14\xca%\xdf\xc6\xf2\xc9\xc5:6K\x95\xfe\xe4z&lt;J\x7f\x93M\xa6:\x0bP\xd5d`\xdb\xa5\x1f_\x1d\xf3#\x8b\x0fv\xa9\x17\xd6\x0e\xf7\x84X\xe0kT\t\xc5\xd8R\xbb\xe7\xfft\xd8j5^\xbe\xb6M\xc12\xe3\xbdy!\x13.\xca\xc3h\x10q)\x9c\xd1mzO\xfe\xb3\xff\xca\x9e!\xcb\xf6}\xec\x17\x80P\x19L\xe7\xa3N\x12L\\\xb3uM\xb4\xc4\x8dq\xf6\xd3+\x8ck\xe8u$Xy\xfe\xcb\xda.\x84jTI\x95\xcf\xab\xe7\x89Wl\x1d\xe2\x19{\x1f\xba\x81\xf8\x1c&gt;\x9a\x84\x85Lft\xb5\xf2\x9f\xc4\xb7XqW\xae\xd8\xb86o}\xc4\x9fV/\xd9F\x84\xc5M\x8c\xef\xf5\'\x9bY!\x91M%\xb8R\xc9da\x81\xfa\t\xb1\xe7\xdb\'\xef\xefs\x00a;x\xd8\x82"\xf9=\xd5j\x0f6\xaa\xe6\xf39\xb1:\x8cUD\x05\x19\xa5\xe7gV\xd4}nm\xd3.\xb4\xdb\x99\xf6x10b[\xac\xed\xb2\xfcf\xf7\xe6?h\xe3\x08\x85\xb2\'T(\xa1\xd4\xa9\xb2\x9e^\x8e\xd2\xc9T\x9a+%X\xa9\xf1\xc0\xf7Xb\xe5\xfa\xe9\xcf\xe4ztt\xb4[\x04V\x15\xae\xa7\xafx-\xb2\x82L\x86\x1cB\x14=\x91o\\\x9c(\x95c9\xee`\x96\x01\x15\xd6h6\x1d\x98\xb1\xf8\xcf\x96\xd5m\xda\x11T\t\x91\xeeEB\xa1v\xe5\xfejz\x15\xa6\xb3(^\xa2\x03\xaaD*\x91N\xe1\xda\xde@.[\xb4\xf4|\xa3\xf9\xe1\xc5\xa3G\x8f\x9e?@\x19\x89\x85\xb4\xe7/\xb25\xe8y\x91K\xb4\xcaU/N\\\xcb\xd4\x045\xcd\xe9(\xd3.\x142$k\x03\xcc\x1f\xfe\x8ck\xe8Wd\xe7\xda\xad\xf4\xca5\xf5:\x0cU\x1a,7\xf3\xb0\x9e\xd4\xda\xa5;\xe9D\x1awP\x0b\x0f\xc3\t\xb1\xd8\x11\xe0r\xbc\xd7\xef\x1f\xef&gt;z~\x842\xf2\xd8\xe0\xa2b\x82\xa5\xbdH\xbf\x13\xf8|K\xc5L\xe8\xcfAT\xc7\xb5\x90\x11\xb0\xc5\xeag`\xc3\xa1\xd3\xe4{Id\x80\xc7\n\n\x14\xfc4\xeaP\x1a]\x1dJ\x05,\xd60\x95\xaa_\xf6o\xb8x\x1e\'\x1f^\xee\xee\x1f\xed&gt;|\xd8\xc2\xc6\x85\xe9\x84|\xa2\xb9T-\xe5\xaaV?\x9cY[c!7\x17#\xf0\xf0B\xac\xf6\xa8=\x9am\x06\xf1\xe1m.\xc4\xa7\x13CV\xf9\xbe\xed#\x90\xbc\xf5UX\x80\x93\xd2,]\xa7\xd3Q,\x08\'\x9d\x98D\x19\xe9z\x9b\xbe\xe7\xb2\x1d\xef\xdb\xf3\x17\xfbGG\x0f\x1f\x1e\x82\x8b@d\xca\x13\xeb\xeeSB\xe5\xaa\xb9wo\xde\xba\x18/\x86d\x96\x13\xac\xc7\xf5\x82@\xb1\x8c\xed\xd1\xa8\xdd\x06\x18\xd2\x020_\x80aW\x15\xf3l\x1c\t\x1b\x1f\xc3[\x8e;)\xe0\x90\x88\x12\xa5yI!\x84\x881\xcc\x00\x00\x04_IDAT\x1f\x92\xa2\x15%\x0c\x975\x7f\x9bm8\x19\xc7l\x9e^\xbc\xd8}\xc822\xcd\xabJ\xa6b}U,\xe6\x9e]\x9c\xfax\'M,\xee\xaf\xcc\xca\xb5\xb8\x1d`m\xfa\xbe-\xf7\xe3i\xcf\x0c\xc05\x94dEs\x0e\x87\xae\x17\xe3\xb9\x97J\xb6\xdf\x9f\x86t\x11\xb9\x88C\x0e6`6\x99\xe5Jje\xc7\x13O\xb8T0\xdf6\x8d\xb7\xa7\xe7\xef\x1a\xad\xc3"\x06\xa1L\x9ej^\xf6ZO\x9f~\xd5j\xbc\x7fsf\xb9\x91\xad8\xfa\xbciH\x14J\xd5\xd6v\x84d\xf3U\xc9\x83\x98\x8e;T2\xa4,\xb8b\xf4\x94\xed#9\xdb\xa0I\xf0\xe8Q\xd1\x92P\n8\xbc\xd7H\xa5\x84\xe3\x89\xff\xa5^\x04\xeb\x9e\xbc&gt;\xff\xe1\x19KV\x8d\xb8\xf0~\xfa)\x94\xfax\xe2\xbb[*\x97bM\xc6\xc2$%T\xaavx\xb5B[SN\xc3\t(\xd4\x90c)\x1e\x8f\xd5\x9a\xb5\xcaj1\xae\x8b\x99\xa8\x0f\xd8\xb2,\x1b\xcb\x07.!\xcb*UB\xf5\xb2e\xf9\xb2l\xd4\xc7\xf1N^\x7f\xbax\x07\xb9`1\xa6\xfe\xb3\x1f\xbe\xff\xf4\xfa\xad\x83Ig\x9a\x92\xed\x16\x9bq5\x03I\x1d\xe6*\x14\xb4\x0f3\x99p\xda\xc3\x0b\x91\t\xd4\xa6\x901\xbc\xacx\xacT[_\x8f\x90R&lt;lT\xba\x14\xedD\xa4\xe8&amp;\xa9\xe2\tVz\xbclR/F/\xd1p#\xc6\xb1\xcfN\xdf|\xfct~qq\xf1\xfd\xa7\x8fo\xbe=\xb3\xb15\xd86``\xb1\x96\xeb9a\n\xc4\x82`\x94k4[\xd6\x0c9/\xd9\xf2\xe8\x0f\x08\x99\x1b\xebMgu\xba(+\x04\xdb\xb6\x13G\t\x9c\xfe!K\x99\xd26\x08\x17=[hl\xc3\x8e\x964\x9a\t\x8f\xbe=;;{\xdb\xb5)\x8e\n\xc5\x8dB\xe0\xd2X\x83\xcb\xb6\x16P\xb8X\xc5p3\xa0\xf2T\x8a4\xd1\xdeK\xe2\xcd\x8f]\x8d:i\x95\x87\xe5C\x01\x81\x83\xdbTJ1\xb5\x0buZ\'4c\xdb\x97+-$\xe7\x82L,\xe1\xf2kz\xce\x82\xa4\xc3\xc6\x11(\x97G\x14*0\xd5\xa5\x8a\xa4\x1a/+zN|\xba!=\xc1G&amp;\xf3d\x19+\xa4\xeb\x9d\x84L\x1a\x1e]UJ%\xc4["\x97&lt;\xd2\xba\xca\xd0FKt\xc6\xb4\x84\x829\x8e\x0cS \x88\x84\x8e\xa1&lt;\x92Tf\x10\x04\xc2i\x99\xeb\xb98]\xb1\xc4X\xf3\x15~D_AJ\x17\x9d\x0f\xe3\xcd\xf0\xaebpz")Tbp\x95I\xf4\x912\nP\xe46iS\x99\x00\xed\xf9\xb2\xe2\xeb\xabR1E\xb1\xb5\xb2\xf8\x9d!B\x05\\.l\xefz\x93\x99\xd6N\xc5\xe2\xa0\xbe\x1a\x04\xd8\xdbSg\x05\xd3m\xbd#\xca\x19\xe5yL\x92\\L\x1dad\xa5\x03\xc5O\x84\x15\xe6\xa8\xcaI\xe1\xa2\xc5:\xa3\xcbe\xbfd\x9a\xea,}e#\xc2\xe4kS\xa8@\xcd\xe2\x9a\xfd\x85$\x83\xd6P\x86O\xb8\xe9o\x19\xd05\x147:5yhT\xe61F\xd5Mt\xaa\xd55&gt;\xc5M\x11\x8fr\xa5R\x11\x97\x80\xb5g\x9bU\xdf\x0fX&lt;\xeas\xe3\'\xd9(\x04\xba0o\xe2\xcd\xc9\xe5HC\xe1\xa6\x84\xe3e\xc94\xf8s\x10H\x9d\xe9|Ae\xdb\xa5\xcb\x98\x1c\x83\xc7\xff\xac\x99\x16Qy\xb7Z}\xd6K\x1c\xc6bv\xea\xa3\xf9t\xd5\xb3\xe37\xf6r\x04N\xb1D)k\xe8\xad\xafC\xe9\xc0\xba\xfa\x1dw\xed\xd9\xc4\xe3&amp;\x8a\xa7\xa3\xef\xc8nsa\xf3t\x15\xa3W\xb6DtuR\xa9X\xc5\x84\x06G\xf2\xd6Re5\xc3\xd2\x9dLx\xb9\x00\xd9-\xcd\x84\xcc\xa2y\xe3\xde\x1a\xf5S?\xddta\xfbr\x8d\x01\x81\x83GO\xc4$`\xf9\x1dK\xb7?"\xd7u\x8cZ\xf1\xd0\xdb*nK\x96J$\xb6qvc\xad\xe8oS\x89\xad\xc70\x1a\xea\x99p\xbe\x98\xf4\xa4\xf9\xf4\xb4\xf1\xea8B\xe0:\xbd\xc9F\xa0\x94\x07O\xe5\xddh\xd37\xb8\xfd@\\\x11\x8d\xa1\x82\x932L\x8dS\x89\x1c;\xd8\xc4\x12Q\xe1n\x12A\xc2t\x1b\xab\xda\x05$\xd1:J\x88H\tu~\n\x184\x9bo\x96\xeb\x92o\x18\x16\x15s\x82\xc0\xf0z\xab\xc5&lt;\x14(\xe1\xa9\x17\xea\x1dR\x85\x8b\x8a\x13%\x1df\x04\x10\x1cI\x10\x89\x07\xa9\'\xcf.\x98\x8a\xb7\xb2\x9fm\xad\x99\x9eU\x8c\x08J*\x97J\xea\xf8NF\xb1\xaa;D\x96R\x8e\x9a\x19\x8d\xe7\xd7\x8b\xe5d=\x18\x0cV\xcb\xe9\xe6r\x16\x8e\xe0\'\xa1\xea\x08Y\x81v\x1fOKj\x1fL@\x9fcBd\xd2ps4J\r\xc7v\x96\xff\x06\x97\x1e\xba\xf0\x1d\xae\xf3\xb2\x00\x00\x00\x00IEND\xaeB`\x82'</t>
        </is>
      </c>
      <c r="M31" s="3" t="n">
        <v>45492.67849537037</v>
      </c>
    </row>
    <row r="32">
      <c r="A32" t="n">
        <v>46620</v>
      </c>
      <c r="B32" t="n">
        <v>1984</v>
      </c>
      <c r="C32" t="inlineStr">
        <is>
          <t>Yannick Bolasie</t>
        </is>
      </c>
      <c r="D32" t="inlineStr">
        <is>
          <t>Y. Bolasie</t>
        </is>
      </c>
      <c r="E32" t="inlineStr">
        <is>
          <t>CA</t>
        </is>
      </c>
      <c r="F32" t="inlineStr">
        <is>
          <t>ATA</t>
        </is>
      </c>
      <c r="G32" t="inlineStr">
        <is>
          <t>CA/PE/PD</t>
        </is>
      </c>
      <c r="H32" t="n">
        <v>185</v>
      </c>
      <c r="I32" t="n">
        <v>11</v>
      </c>
      <c r="J32" s="2" t="n">
        <v>32651</v>
      </c>
      <c r="K32" t="inlineStr">
        <is>
          <t>Both</t>
        </is>
      </c>
      <c r="L3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0b79a321-c253-4be2-8056-860b2364d3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ac^n\x00\x00\x03\x00PLTE\xff\xff\xff%%"}aR--)\x19\x19\x14\x1c\x1c\x17()%\xfe\xfe\xfd""\x1e\x1f\x1f\x1ay^P9;;\xfe\xe9f\xfe\xea\\t\\N\x15\x14\x10_K@x`R/0.\xfe\xeaa\\I:\x81eV}cW&lt;=&gt;687\xfe\xe2QhM:qYJmQ?\xfe\xedcePC`PD\xfe\xddP\xfd\xd3G\xfe\xeajiYPtWEdM?\xfe\xdbLpTC&gt;&gt;:dUK\x82i\\bJ;\xfe\xe6ZWB.F@9ZNFlSDlVJpVG122\xfe\xd8IVD9[E7iPA\xfb\xfa\xf9`QIiSF\xfe\xe7_64/TJCYKANA9\xfd\xe0K356+&amp;\x1dHD?RMI&gt;@BSF&gt;|h\\XD3\xfe\xf1g\xfd\xdeUSA4\xfd\xe9VaWP\xfe\xed^\xfe\xe1WYG=p[P\xf2\xf2\xf1x\\KE&lt;3\x88gU~lb\x84cOjJ3LF@\xf7\xf6\xf5?7/BB&gt;m]TH8-\xfe\xe5U}^HBEH\xfe\xf0a7-"d\\VYSNlP9xcW\x8fo\\\x88lZ\xfd\xe3^xZF#\x1e\x150+$\xfc\xf5jD4(`G6uf]\xfc\xcc@\x97s^rbX\x82`I\xfd\xd1A]C/O&lt;.1(\x1d;95\x8aqc\x91rc50(\xfc\xc88\x89ti\x8ekVrR&gt;("\x18laZ\xe0\xdf\xddLIF\x10\x0e\ntN6\xfd\xdcDM9$U&gt;)\xe6\xe5\xe2dI6\x84na)+,\x99xf\x8cgO&lt;3(\x90vh\xfe\xeej?0!\xec\xeb\xe8\\A(eUD\xfd\xe6OxT=\xfc\xcd;\xfd\xefZL&gt;4\xfc\xd8Q\xfe\xedn\x93~t\x9c\x98\x94\xd6\xd6\xd5\xd4\xcf\xc9\xfc\xd6=~XAeE-\xc3\xb8\xaf\xb7\xb8\xbb\x82rj\xa1\x8d\x84\x88l_\xc4\xc2\xbf\xfc\xf4a\x95\x89\x81\x97nU\x89cI\x8bzo\x1f\x19\x0f\x82S5\x9b~n\xb2\xb0\xb1bce\xb0}_\xb4\xa0\x96\x92\x97\x9c\xfb\xc31wvusH,\x83^BRSVHKO\x84\x81}\x8b\x8c\x8e\xcf\xb3=x|\x83\xb8\xac\xa1;*\x19F3\x1c\xa1\x84t\xe2\xdc\xd0\xfa\xf4\xd0\xa7\xa1\x9eWY\\\xa6\xa8\xaahT%fkq\xc8\xcb\xcd\xf6\xdcH\xa6lG\xfd\xf5qUB!\xf5\xe2\xa3\xf3\xebc\xfb\xfb\xf1qli\xfc\xf6\x90\x99_;\xf3\xc9a\xff\xfe\xfe\xfb\xf4\xaa\xfc\xf3\x7f\xf3\xbe5\x8c^@\x9a\x817\xc2\xacC}f\'G+\x120\x1d\x0f\xfc\xfb\xe2\x96gHS0\x1b\xf0\xe5\xbc\xe6\xdd[\xdc\xceS\xaf\x964\xb2\x98\x8b\xb1\x91|\xe8\xcaB\xe4\xd3\xaa\xf7\xe6Qd;#\xfc\xf7\xbc\xe1\xb69\xfa\xe1\x8a\xa8\x9aH\x97s\x15\xf9\xd5q\xa9\x83\x1a\x8aq3\xda\xaa%xY"\xe5\xca\x8e\xaa\x83A\xd2\xc0[\xfb\xe2t\xe8\xef\xf5\xb7*K\xdc\x00\x00 \x00IDATx\xda\xcc\x98\xdfO\x1a\xf9\x1a\xc6\x8b\x0e\xbfz\x12\x18\xcc\xd86Jf.\x90P\x98\xc0\x88\'\x8c\x0eQ\xcc\xa2\x02\t!\x01\x8a\x80\xbaLl\x80\xd2\xc61@\x82\x11$\x8d\xcb\xe0\x8f\xa0\xe2Y\rJLH\x8aM\x1b\xdd6nK\x7f\xdc\xb8\xedq\xb3\xa7\xdb\x93n\xd3\xbd\xd8\x0bs\xaez\xb1\x9b\xf6\xef8\xef\xb09\xff\xc1\x19\xbb\x8f`\x14\xbc\xf8\xe4y\xde\xef\xc3\xf7\xf5\xd2\xa5\xff\x87\xe4\x7fjhH.\xfcx\xe9/!\x01h:\xb8\xb9y\xf8\xeb\xd1\xd1\xe1\xca^p\xe8/\x00\x06\xf6\x0cm\xde?zwv\xfe2y}xx5y\xde|q\x7f\xefK[\x06\xc1\xad4_\xae.\xc9d\xdb2\x89D\xa2PH$]\x7f[==\n~Q.\xf9\xf4\xfdf\xb2S!\x93Id2\x85T"ksI\x14\xb2\xeb\xa7\x8f\x83\xf2/\xe6T\xf0\xb0\xb9*\x03\x90N\xc0\x91J\x11\x85D\xa1T\x08\x92Hd\x96\xe6\xca\x17Jrh\xb39.S\x02\x8bT\tPj\xb5T\x90\x12\x9e\x02\x98Bv\xfe\xeb\xf4\xc5s\xc9/M\x1f\x9d\xdfU*\x94\x00\xa2F\x105\xa2\x90uv\xc9\xe0WdM\x8dH\x11xC\xb1\xda\\\x19\xba\xf0\x00\xf7\xdeM)\x04k\x10\xa5R\xe1\x9c\xdfI7\x1a\x96\xd1\xd0\xcc\xf0\xf0\xcc&lt;\xaf\x04\xe7\x10\xf0\xac+\xf9\xe2b\'L.\xdf&lt;\x19\x16\xa0\x94\xce\xf9\xf8\x0e\x9b\xcf\x9b\xcd\x1e\x9a\xb6\xf9\xfd6\x9b\xdf\xd6\x08\xed\xc8\xe0=\x04\x0c\xb4\xbc\x9f\x96_\xe8\xb07\x87\x95\x08\xd2r\x02\x92\xd7\xb3h6\x0bX\x18\x08\x15\xbea~\x97e\xc6\xd9\x82`\x15\x96\xf7\xc1\x0b\xf5jF\xa9n9\xe3\xac\x17p&lt; \xdaCgH\x12#Q\x12\xd0@\x0e\xffh\xda\xc9!\x087\xd3\xbc\xa8\x1c\xc1\xab\x1f;[-\xbe\x96\xdf\x00\x93@6\x9a\xc62\x19\x8c$3\xa4^\xaf\x07(B\x10\xe6e\x0b\xad\x96b\xb8y1\xd5\nT\xeffZ\xdc\x9b\xbc\xb9\x1d\x1e\x80\xc1\x03\xb8HAz=\x8e\xe3\xc4\xff\xe4g\x9d\x1c\x7f1\\\xf0is\xb2\xd3\xe2+f\xf3\xc6\x86\xd9\x03T\x00\xe5\x05\xac6\x13xE\xd4\xedu#A\xd4\x8d\xc6:\xc8[\xe0\xb8\xe1\x8b\xc8q\xe8\xf0\\\xb1V0/n\x80&lt;\x18Fct[\xa4~P\x10\x8e\xdb\xadV\x9d.\x16\x8b\xe9t:\x01\x0cKs\xc8]\xd1\xb9\xe4\xf2\xc3\xb2r\x8d\x17\xa8\xc0(\x8c@\x85\x01\xc7\xf5\x82U\x83\x83\xfd\xa0\x81\x01U \x90\xcb\xe5\xca\xe5X\x9b\x0b\xc7\xf3\x1c\xd2):W\xf0L\xa1\xe6*\xfbB\x80\x980\xda\xa8^O\xe00\xe6\x805\xd0V\xef\xe5T*\x97\xcd\xc1\x03\xc0\x84$\x07\xd9V\xeb\xfa\x91\xa8\xfd%\x1f\xfa\xd7\x0e\xd2J\x9b\x01\xca\x86\x12\x0c$\x06\x96\x18\x8d\x8c\x80g\x18\x180\x18\x06zU\x9aT*\x95mK\xe0\x82)\xab\xd7Z\xd2\xe4}\x11\xc7\x1e"\xa4\xa4H\x01\xac\xa2!&lt;\x02\x80\x12\xe5\x84\x8f\xa1\x18\x00\xd3\x0f\x0c\xf4C\x8cvUJpKP\xdb.\x86\xc0\xeb\xfaxKz\xba\'"\xd6ts^\xcaU6\xcc\x98\xdf\xe6G\x19\xa3\xcf\xe7K0\x94\xc3\xd1.*\xbb\xdd&gt;\xd8o\xb5\x07\x020\xee\xb1r[1\xf8\x03p\x12\xb7\xf1\xd2\xa5\x17"bm&amp;\x14\\\x01\xbcB\xfd~\x07\xc10\x14EA|(\xcc;\xb4\x15^\x87\x93\xd8o\xb7\x1a\x85\\}\xe5,`\xf9\x04,0\x0cMs\x8as\xf1\xec\x92\x1fZ\xa4\\\r\xbcr\x08\xb9Q\x94\xdf\x8f\xe2\xd6\xfe~\x83\xb6Gk\x80Sh0h\x07\xf1\xba\xdd^\x87\xd2\xd2%@\xbe\x04\xd8\t)\xa3y\xbe\x15z,\xd6t\xc9\x87\x1e/qN\x16j\x81\x00\x17\x84\xf0\x8c\xb9\xac[\xa3\xb9&lt;W*\x95\x0c}ss}}\x06C\x9fp\x1a\x03\x01\xa8-\x9dO@\x03\xcb\x8c\x847\xce;\xcf\xc4*\ty\xf0\x84\xe7\xe2^\x94\xa0(\x81\n\x1c\xcb\x85\x8f\x8f\x8f\x8b\x8f&amp;#\xb3\x0ff\xdb\x9a\x9b]\x98\xbd\xdca2\x85\xc3e8\x0c\x89\xb6e&gt;\x1dN\xa7ygbE.\xdah!\xfc\x0e`\xa1\x14$\xc80\x8c1\x902U\xab\xa6\xe5\xdd\xdb\xdf,D&amp;#\x0b\x80\xb709\xd9\xdd\r/\xba\xa1P\xff\x84J2\x0c\x8a\xb1\xbc\xf2\xee\x8b!\xb9H\xf5`\x81\x0ci\xc2\x01X\xc2\tC\xed\xbdW\x1e\x15\x8b\xc5\xdd{\xcf\xff1\x19\xb9c\xea\x88\x00\xd9\xed\xdb\x8fL\xeep8\xec\xce\xc1\x89\x04\xacd\x12F\x10\xcb\x17x\xfe4(\x12\xd6\xd1\xbc0Z\x98\xcb\xe1\xd3\x19Gl^?\x1ep\x87\x8f\x97\x97\x9f\xde{\xfb&lt;\xd2]]6\xcdF:\x8a\xbb\xbb\xc5\xear\xb5\xba\xec\x0e\x08E\x0bG1I\xb9\xfc\x18[p\xf2#+\xa2\x0c\xbd|\xa8\xc9\xf3\xf1\x06\xeaw0&gt;\x87\xd7ksQ\xe3p\xd4\x92\x89rx\xf9\xed\xf3I\xc0*vG\xee,?\xdd\xad\x86\x97\xa1Lc\xed\xee\'\x8c\x89Dr\xc4oc\xe3Nn\xe7H\x9c\xb38}\xaa\xe0\xe3^\x0c:\xab1\x13\xb2\x8c}}\xf3\xea\xc4\xd5\xaf\xaf\x8f\x8d$s\xf7\xdeNNV\x97\x9f\x16\xbb\x1f\x15\xab\xd5p\xceG\x8d\xb8\\S\xe3&gt;\x1d\xe3\xf0S&gt;\x1f\xe5\xb7\xe5k\x05\xfenS\x1c\xac`\x99/\xd4\xf24\xe6\x87-gub\xe2\xda\xc4\xd5\xbfw\xc9\xe6a\xd9q\x84w\'\'M\xc5\xdd\xa2\xc9TMYqW\xc8\xb2\xb4\xd4\xd5u}ll\x84r\x85\\F\xc6A{\xd8\x1d\xe7\xfc\x89H\xb7\x872\x1f\xcf{l\xb0\xdaL\x8d\x8f\xafN|umX\xa2\xe4\x9c\xb0\xfb4\x02&amp;SG\xca]\xad^\xe9\xbe\xd2\x8b\xe5\xe3\xf1\xbb\xb2\xedm\xd9vW\xd7\xd2\xb8o\xaaA\x19Q\x9b\'\xbfSp\x9e\x89\xe1\x16,\x16\x14\x9f\xce{\xbc,k\x99z\xfd\xfa\xe6\xaaef\xa7\xc0\xf1\x85B&lt;\xce\xe2\x975\x9al\xd6\x9dRi4vo\xad\x00\xcb\x85T!\xfc?\xa2si&lt;9\xe2 p\x1a\x83W\xf9lP\x1c\xac\x11&gt;m6\xe7YG9\xf1\xf2e\xc2\xe7\xca\xb3l\x9a\xcd\x0bOr@\xe5&gt;&gt;N\xa54\x01+\x9a\xaf\xc5\xe1\xd8q\x00\x1c\x9f\xb1\x84\x96,#\xc0\x85bt&gt;\xce\x97\xc5i\x88=\xa2\xc0\x9a\xcd\x15\xcc\x1aK\xbc&lt;/3\xc2B\x88\x11V\x1d\x03\x8b\x0f\xae\x81\xbeO\xb9\xdd\x01\xcc\x9bo\x84\x1a\r6\r\xb0p\xfd\x81\xc1\x1f\x1f\xb1\x8cb\x18\xe9I\x0b\r!\xcal\x19a\xdd\xd9\xa8\xd0$\xa1+\x97\xcf\x8f\xdd7J\xb7H\x1a\r\x84u\x19\xbd5\x90\n\x1f\xbb\xc3n+j\xf3:\x18\x02\xc3\xec\xd6\xc1\x9e\x9e-\x12g\x12\xbe\xd5P\x08\xf3\xd0\x1bi\xe7\xe8\xa1XX\xe6\xfd\x8d\xc5\x1e-\\_\xb2\xdf\xbd\xbb7\x17\x8df\xfc6\xaf1;\xa8U\xf5Z\xddU\xf8\xb2B\xab\xe9bz}\xec\xd8=7\xfb\xed\x9dT\nJ\x95\x9a\xda\xc9\xc3\x8a\xc4\x16Drk\xaf^\xdb\xdf\xdf\x8f\xc2m\xa1\xa7\xaf\xf84|c}\xdd\xd0\x8b6\xd2l\xecr\xa9o\x00\x0f\xa44\xd5\xd4 \xa9\xd7\xe5\xac\xa8\xb1\x9c 2\xd1\xb9;\'\'Y+\x8e\xbaX/\r\xe1\xc7\xa9M\xf1\xb0\x1e\x96\x0eJ\xd1[[[\xfd\xc5\xdd\xbe\x1ek\xac\xcc\xb0i\xa3F\xdbO\x92\xb8]eR\xe9I\x147\xc2\xae\xcf\xc4\x02\xfd\xa5\xd9\xbe\xd4\xd3e\xbbM\x10\xbd\x08X\x8c\x88nE\x0f\x0e\xa2\xd1\xfdJ\x8f\xfb|\\\xb2\xb6=\xd15\x1cJS*-\xb9\xb8u\xab4\xd7\x01t\x18jG\x89\\\xd6\xe7s\x91\xaa{&amp;\x1c\xc5&lt;^\x9a\x86\xfd\xd6\\yC\xad\x88R\x10+\xf5\x9f\xf7\x1fF\xd7\xa3\xd1\x8d\xcf\x0f+\xce5D\xba\xf6\xd5O?Z\xe2\xac\x03\'3[\x07\x0f^-\xdc\x18\xcc\xc0\x1ek\'\x1c\x96\xf1\xd7W\xb7\xd5\xdc\x18\xa5\xb3\xd5*f\x0f\xed\xcdC\x885\xe3\xa6xX\xeb\xeb\xd1\xfd\xcf\x9f\xff(8,kj\xb5\xfa\xc3\xfbp\x7f\xce\xe8Y\x8c\x1e\xbc\xfa\xf8\xf1\xdbY-I\xd3z\xbb\xad0~\xf4\xf8\x97\xed5\x04Y\x8b{\xd3\x7fT&lt;\x18\xbd\xb1\xbfX\xa9\xe9D\xc2\xea\x11\xb0\x0e\xb4\xda\x9et+\x9d=\xbb\xc6\xb5\x9c\x0c\xc1\xdat^st\xfd\xe0\xc9\xc7\'\xdfDn\xf4\x91\x1e\x9a\xa0\x1a\xe5\xa3\xc77\xd7\x1052\xcc\xb5j\xb57\xf9Lfq\x11\xb0\xea\xff\x16\x05k\xaf\xf7\xe7\xdf\x1ejU)\xd3\x15\xeb"\xcd\x9c\xfe\xf4a\x94\xad\xd5X\x9b\xcd\xfcp\xfd\xd9\xb3\x8f\x9f\xbe\xff\xfe\xdbHd\x8e\xa4m:\xa6\xe1\xf2\x8dq\x9c\xe4\x9f\xe73\xad\x16\x0b\t\x02\x15\xcc\x16v_\x9c\xdeR\xfd\x0eX\x1a\xb8&amp;w\x18z\xc3g\xa7\xe5\xd14\xdb\xf0\xd2[=\xa5\xf5\x1f\xd6\x05\xac\'\x07\x0b\x91\xbe\x1e\x98z\xb8`\xd5j\xa1_&gt;$\xa8\xd1\x86\xdf\x8e\x83[\xfb\x1b\x95\x1a!R\x9dj~\xffmK;\xd0\xdb\xdb+\xac\xa8\xb0ga\x18\xed\xc9hK@\xf5\xc3\xb3\x8f\xff\xf9\xf4\xe9\xd5\xfa\xfa\x83\xd9R\xbf&gt;\x83\xc1\r\xd0\xe3u\x8d\xb4\xb7\x90+\xa9\xc0\x7fi5\xa3\xd74\xf2-\x8e\x13\x1fb\xaf\x0f\xb3\x0eD\x1f\x1c\xd1\x87Q\xbc*\xc6(\x18\xabD\x07lq\x02\x12\xd0j&amp;6\x83!`\xab\x91T4\\\x83Z#6\xed\xee\x8aFI\x15k\x11\x02\xa6\xc1\x04M\xb1ku\x89\xcb\xa6\x90\x05\xa3%\xf7\xbe,}\xb8\x84&lt;\xe4!!yI\x1e\xf2\'\xdcc\xee\xbf09\x88\x88\n\xf3\x99\xf3\xfb\xfd\xce9\xdfsF\x93+\x97a\x11\x1f&amp;@\xcc\x93\x17\xe5\\N \x93 \xa8\x03w84F\xa3tL\x8f`B\x1fP\x9d\x9e\xfe}uu\xde&gt;LW\xd6A1\x8a\xa4F\x8d\x06^r\xdc\xe3\'\xf9$\xaaQF\xcb\x99\xfe\xca\x03(\xd8\xe1\x18\xac\xda/\x87\xc39\x99\x93\xa7P\xf0X\x08\\X\x84\xb0\x9c2p\xd6\x90jhW\xed4\xe4\x80\t\x04\xc54\x18\x86p\xf8\x8a|"\xb1\xaf`aze4\x9b\xc9\xb4\x1e?\x08\xd6\xe3^?\x1a\r\x0b$\xbc@ \xc0\xe3`F\xbd\xde\xc9\xd1j\x9d\x15\xa0\x02\xa4\x83\xa1}9\xafT*\x13FT\x81b\x08\x8b\xc7\xe3\x05\xd6\x8a\xc5}\xd6\x84tlZ\x95\xe9W\x1f\x80\xea\xe7\x9d\x8d\xf9\x9dp9\x1a\x15,\xce\x82\x16da\x98\xd6\xb9Z\x93\xa0)\x96\xfb\xf0\xfc\xffL\x07\xb7\xb7\x07_*\xee\xb4\x043\xa2p,8\xbc\xc0\xd2\xdaf\xa7S\xe4iE\xf7XM\xe6]\xb5\x937:\xea\xf5\\9\x9a\x13\xce\xbdYZR\xf08(/\xf0~\x91\x95\x08\xd4\xce\xaf6o\xf6\xf6z\xb7\x07\x077\xbd\x9b\xceo\xe9C\x1f\x8ab\xfcD\x82\xc7\n\x0c\xa9:\x9b\nL\x04\xa9\xfaG\xa6\xc1\xf4p\x8a\xfd\x8c\xcc\xf8\xc2:Uy7\xe7\x96\xcd\xae\xad\xed\xf39\xb0D\x817\x81\xc0j\xed\xcb\xe0\xb6\xdb\xed~\xde\xeb\xde\x1e\xdc\xc0\xdb\x00\xc2\x84\x0c\xf5\xfb\xf3\xc5b&gt;\xb0\xb4\xd9\x19t:\xfb\x1c\xe9\xa4*\xfa\xe3Go~\x9e\xd9\xc9,\xfb\x93\xed\xba\xbd\xc8\x91@\x01\xe1[\xe6\x01\x14\xc9\x0b\xec\xef\x177\xd7\xe6*W\x00u\xfb\xe5j\xb8\x86\xb0\x94o6o\x01\xac6\x01\xd5\x17\x08\xd9\xe2Z\xa28\x18\x0cR\xa8tZU\xfe\xa1j\x9d\xf4\xf6&gt;\xcd3\x89\xb5\x13\xdem\xb7gY\x90\xa9\xdd\xcb\x1c\x16\x07%A~\x157\x8b\x81\xf5\x1al\xf3\xf7WW\xf7\xe7\xf0\xef\xd3\xd3\xf6\xf9\xc1\xed\xcd\xa0\xb6\xaeG\xe0\x0f\xadj\xb5\x95(V\xaby\x07`\xa9\xb2cj\x03\xee {\x0cvQ\xd9;Rw\xbb\xbd\xba\x0cX\x02\x19\xc6A\xf9\xfc|*U\xac\xa6\x9c\xc2\xf3\xd3\xbb\xcb\xafo3\xb5\xd3{k\xa7ww!\xde\xb7}R)\x99J\r\xdb\x00\xd5T\x9dZ\xc1\xb9\xd3\xaal\x96\xeb\xf1\xf3\x95\xc7\xe6\xef\xec3\xe6\xb0\xf4\x02\xc8{\xe9\xb2\xdb\xe7\x13BD\xe2\xef\'\x86W\xf5+\xb1\xf7\xed\xe3_\xc1\xbef\xcfO\xe1\xf7\xfeW\xf8||x\xe8\xd6O:(0\xf8\x0fPy\xe4C\xac\xccG\x92/+_z\xf7\x18\xf4\xd6w\x85\xf6\xf0\xf0p\xf7\x87\xdb\r\x95\xfc\x04k?\x9f\xc8\xa7\xaa)#\x97\x0c\xb8K\x05\x1d\xae\xf3z\xdd\x10\xe1\xfb?\xdd#\xf6\xaf\x85\xd8$7BR\x14\xbc\x86\xce\x92\x8b\'\xc1[F\x14\xd9\xbd;\xbe&lt;a.\xa8\xb27\xaa\xfc\xdd\xc3\xdan\x06\xf6\x96O\xa8\x05,*U\xad\x92\\\xbc\xd5\xf2+u\x9e\x16)\x12c\x82\xb2j!X \xe8W\xaf\x8em\x08\x083#I\xde\x83\xadDp\x03w2\x9b\xcd\x8eI\xb1\xf4n\xe6r\x9bI\xac\xd4z\xfb\x1c\xbcUv\xbb\xddB\x89\x93\xaf\xa8\xd7\x9bU\x84\xfb\xdf\xa3z\x9e\x87\r\xc7\x16\xb8\xc7\xa8\xb3\x12`\xcfi\xdaN*H\x8d]CQ\xf7\xfdyO\x04\x17\x8f\xa92\x99\xac*\xbc\\\x11\x1a\xbdLz\xeb\xfb\\\xed\xcb\xe1u:\x9a\x01\xacu!\x86\xa0$\xd5l\x19=u\x8aD9N\x8d\x01\xf7\xe0r\x87\xdfa\xf0\xe0V\x82\xab\xe1C\xc6\xc9\xfb\xf9\x89\x14\x19Y\x89\x0cg,\xdc\xc9X\xa6\x0f\xdbkq}\xdd\x18b\x12kg\xae\xdap_/\x86\xfb\xbbn\xdf\xba\x0cC\x11\x07\xd5$\x8d\x14\xc5\xc7\xa0\x8a \xe8\xe7O\xacV#\xdfA\x10&amp;+a\x9f\x98\x83\xa4\x93P\xc0a\xa5"\x11\x8f\\\x0e\xdaQ\x07Xc\xd2\x0b\xc1\xdc\xa2h\x81\xc9^\xe5\xe7\xa5\xe6\xfe\xdd\xdd\xb7\\?\nX\x12\xc9\x04\x86\xd4S\xb8\x87\xa2P\x91m+\x19\x1c\x9dJN\xb9\xd4\x1a.M\xd3\xc9\xa4K\x87A.OP|E\x8b\xf2D\x86\xf3\x15\x90\xb8\xb1LI\xe4\xbc\xb8\\\\\xd3\xe8\x18l\x84\x9f}\xee\xec\x1f\xde\xddUr\xc7Y\xa5R \x14*\xf5\x9c\x16\x85G(\xbf\x98\xa0\x93\xc1\xa4k\xcb\x16\x0b\xd9&amp;c1\xdb\x02\x1d\xb4\xd0\x04\x17\t$\xf2\xa4\xa2\x95\xbf\x1f\xe0\x81\xfe\x8f\xc5\xfa%#\xab\x7f\xb9[M\xf9?1\x86u\xc6\xde\xe9,\xde\xdd\xa5\xe7|\xc7\xde\xc9!\x96^\x80\x80+\xfc\xa4\x99~=\xbe5\x86\xf0S\xcdA\xc2)a%\x8a)t\xccF\']\xf4GE\xdeO\xa6\xf2r9.7\x98\xcd:[\xa6\x14\x9ap\x1e_^\xafV\xab\x1b\x0czkg3}}W\xfb\x8dW\xf0N\xeb\x052\xa1O\x80\xd4\xe1\x88\x99\xa6\xa6\xac\xa8\xa2\xd5hloo\xffg\xbb1\xb4f\xb3\xea\x17o\x05]x\xc4\xe3!I9\xd7\x00X:\x9b-T\x8ai\x85\x17\x97\xd7w\xb3]\x06\xbbIg\xdf;\xbe\x8b\xeb\xf5\xa5\x16]\x9a\x16\x08\xf4z\x81\x0fY\x99y\xf9$\xf9Z\xad(V\x9b\x7f\xfdq\xb2\xfd\xd7\x1f\xdb\xadV\xab\xb9\xbd\xdd\x040\xc4&lt;&gt;n\xc2qGDl\x1ebYm\xb6R\xc9\x86\xad\xa6/.\xae%\xbd\xf93\xe6\xa2\xfcFg9\x93\x8dN{\\q\x9bH$\r\xe7\x04\x88G\xfd$I\xe3\xa9\x84\xa2~t\xd4l\xfe\xb9B\xd5\xfd\x88\xd1A\x1d\x81\xa5\x8a\t\x03=\xfe\xdc \xc7\xc5v\xb5Z\r\x8b\xb8\xe0\xf5Z\x15\xb3\xb5\xbb\x8b\x8b4\xa3\xdez\xd6\x99\x9d\x9d\x83\xc0\x19zU\xd0\x89D\xe0-\xad\xc6\xf4zJ\xcd\xe7aH\xc4#\x92\xdau:)&amp;Q\xdal:\xbbX\x1ey\x87\xa3(AO\x11j\x03WgR\xab\xad&amp;k\xa1\xe4UWo7+\x80\xd5\xf8\xc0`\xaa~\xdcX~\xff~\x96\xe5Xx\x95\xdc\x12iDR\xbdV4&gt;&gt;n\x16\xe4rB\xc1tl\x8b \\\x04W\x19\x0b\xd1\xa1R\x08\xd0b\xb1I\x1d\x84\x0c\xab\xd8n#\xac&amp;\x82\xa0\xe3\xde\x82|E\xb1\xee\xbe\xbev\x16\x19\x1c\x1a\x9c\xb1\xf7\x84\xbe\x9a\x13\x93\xbb,\xc1\x10,\xa3h\x02\x13\x99\r\xaeB&lt;&gt;-\x08\xdb\rxDc\xb0\x12V\x9d\xdd\xa0&amp;\x86\xad\xd4X\xe98\xb4@\x8f\x9b\xb9\xf6- \xde\xa2\xbd\xf1xA\xee\xc0X,!o6\xc1\xe8,c\xa3(\x90\xc9\x8c\xb8\xbaPp\x85\xecb\xd0\x80\xa2\x8f\x86\xf1\xe4?\x82\x84]\xc3/6\x1aP\x1a\xafA\xe1&gt;hT)|\xcb\x1b\x8a\xff\xfaS\x9c&amp;t \xae\xb7\x08\x17]\x08Z,q\x83\xc3\xaf\xe0`\x1cA\x8bI\xb1\xc8~\xbcW\x11\n\xb5+3^\xefB\xc1E\xc8E\x88F\xfc\xf2\x97_^\xce\xcc\xc8\x1d\xac\xb5F\xaf\xd7\xbd\x19Z\xb7\xdb\xa8\xa6&lt;&amp;:92\x92tYu:\x9d\xcbE\xb8\x92@\xf5\xd6\xebqD\xf8\xa84,\xed2\xfaL\x17\xfb\xd9ME\xc6\xe1\xdb\xdfz\x0bI\xe0\xe2b\x88\xfc\xc5\xbf_\xbe[\xc9\xa7\xa0,n\x9c\xfc\xfe;\xc8\x8cn\xef\xa4\x01ur\x1d\n\xac\x17/^Z\xcdb\xb3\x8e.\xd0\xc1\xb7\xc1x\xfcU\xfc\xdd;\xdc\x81\xeaE$\xb3#~6\xfb\xc3\xa0\xe2\xcb\x85\xe2\x16\xd8(\xc9q\x9d\xc8\x81\xcf\xbc\x88\xac\xf0g\x97\xfe\xd5\x19\x0c\x86\x81t\xf8\xde\x85xZ\xcd\x93d\xc4\xf3b\xe6)\xc4\x06\xa2\x90\x0c\x8e&lt;J\xc2\xad\\\x1a&lt;\x1a\x07\xe6@\xbb\x0c?\x10\xc1fo\xf4\x1a\xcd\x93\xa67\xe8\rN\x15\\\xba\x8f\x86\x99w\x14\xc9Z\xfd\xed\xdb\xb7o\xb5\xb4\xbb\\\x8e\x96\xa3\xee\xf5\xda\xe2\xf2\xb2D6|\xa0e\xe6\xe9S\xd3\x93\xa9\xe0\xe8H2\x18\xb4\x98\x9a\xa5\x05\xf8\xce\xa8\xbd\xd9`z\xc0\x02b\xff\xd9\xb3\xf9OfK0\x99\xb4$\t\xb1\xd5\xe4\x89P\xfc\xc5o\xb5\x8a/\x9cY(\xc4\x83^o)\x94-\x0fU\x88rB\xeb0M\xfds|\xca2\xf2\xe8Q\x10\xee\xe3\xe8\xe7\xe6\x82jR\x89\xf6&gt;&lt;H\xe3\x8d\xcd~FY\xdeZ\xe0`\xd1\x84\xcb\xa5\x86\xed\xbeX\xabT\xdc\xaaP!8:\x1a\xf7\x02\x18\xe4\x82\x9c@\xaa\x81P2J\xd3\xc1\x91\xd1\xe1M\x04\xbd\xdb\xf3\x1f\xf6\x1a\xcd\xee\xce\xfc\x83\r\xf7\x8f,A\x80*\xc4\x93P&lt;\x98\xb8\x92\n\x98O0M\x07G\xff\xc7\xcb\xf9\x87\xb6q\x9eq&lt;\xa7\xd3\x9d\xeed\xd0\x8fC\x96\xc4I\x93\x19\x96&amp;\xd9\xa6\'\xd9\x87\xa3X\xe8\xa4Iw\x91\xcb\xbc\x80d\x89\xceg+!!&gt;y\xab\x15\xec\x8e\x14\'\x021\xe2H\xeeZ\x07\x8d@M:\xe6A\x12H\x9c\xd5\x7f\xb4e\x0e5\x86&amp;i\x12\xe6\xfcr\xfaGX\xca\x92\x8e-\xcb\x1f\x19\xd9\xd6\xb1f!]\xcb~&lt;\xcf9\x7f\xec\x9f\xb1\xfe\x88\xf4\x1a\x0e!\x19\xf4\xe1\xfb}\xde\xe7}_\xdd\xf3\\\xfa\xe0\xde\x83{\xa7\x9e\x03*o\xe4X\x97\x14\'\xaa\xf14\xb3\x8f\xdcW\xdd\x9b&gt;zU\xaf\xf5\xbc\xd3\xb4\x82\x16\x93\xe9R\x95L\xcfV\x8f\xa6\xd34IW\x93\xb1 `\x1d\nNOA\x04\x1d&lt;\xf8\xfa\xab3GF\xbc\xde\x88/\x93\xac\xd0\x0c\x1d\'\xd1B\xd0v\xeaR\x93\xb1\xb6\x98j\xe3\xb3\xe5\xd9\xea\xbe2\x8b\xf7\xe5\n\x92\xcd[:T\xe2\xb7\xee\xc2\x8c\xb9\xef\xe8\x81\xe9#`\xe1\x80$W8\xac\x88%\x91\xaa\\N/6\xe9\xa6\xfe\x7fa\x8d^M\x97A\x80Y\x96eE\x91\x13\xc2\xbe`\x89\xe7\x03a\xb5Z\x1d\x1b+,b9eV\xadp\x1c\x8d\xa5\xba,C\xa4\xcblz\x9f\xe3t\xb3\xb1\xb6\x98\x96\x0b\xe5ty6M\x90$A\x90\x8a&amp;u\xc2\xcc\xdf\xf9\xd2\xb8 k\x90\xc8\xf6\xef\xcf\xed\x1fW9\x02\x0b\xae)\x96eX\xd6\xc8\xcc\x8e\x1dk\x01\xd6IGy\xb6L\x10F\x86\xa1h\xdaU\xd7n\x9f9sX\xd3vh\xda\xf8\xce3o\xbf\xfd\xa3\x17\x0ek2\x07y\x01\x88\x80\x8be\xdf)\x1fL\xc6\x9a\x8fu\xe7\xe4\xb1\xd92\x05\x06\x81\x0e4-n\xd7\xd6\xce\x1cV\xc6o\x8fk\xd2\x8eN\xac\xdb:\xac\x15]\x1cC\xe3\xe7XX\xcc\x1a\xcbG\x1d\x91V\xa8\xe5\x99\x02.\xd0\xc2\x08j\x91d\xfd\xb0R\x94\xcf\xdeVdAP4MQ\xea\x95\x06G\xe0\x9d\xea\xa7\xe5\xe0\xd4l\xc1\xd6\x12\xac\xc9\xa1\xbde#\x85u\xdf\x04A\xa7B\xc5\xb8\xbb\xa8\xc8\xa1x&lt;\xa4\xaar1N\xd20C1\xa6(\xf0\xd1h\xa4\xd8j\xc6\xd6\xfc\xd82\x99N\x1e\x9a\xdeUfu!(\x86\xe4h\x9a\xe6B!LS\x1cIr$\rs\x90\x14\xd1B#\xfe\x8f\x91%\x93\x89V`m[.mM\xa6\xd1C\x96`\xc98\x92\x90\\\x9c\xc3,\x85\x81\x8e\x8d\x0f\x04\x8d\x0e\x82\x9a\x10]T(ak\x81\x89\x88\xe5H\x14\x08,\xde\xc7\xa9FT*\x15.\x8e\xed!\x18\xe5,\x81=\x10\x04\xa1\xd7\xa5S\xf8G\xca-\xc2:\xcd\xf7g\xd4P\xba\x8c\x11mdQ,\x9ad\xf5\x84\x80-\x05\x84\x9e\xb2t\xff\xac\x14ad\x055k\xebi\t\xd6\xf4PRV\xe5* \xb0F\x82$\xf4F\x1a=\x8c\xf4\xe9\xa7\xe7\x06|\x01rQl\\U3-\xc2\x9a\xe9\xcfdTA\xa82z\x17\x06\x81\xcb\x8c\xd1\xb8\x99;\x01TO\xed\x14\x86&lt;\xbc\tT\xaa\x9a\xed\xf16\x1fk\xf4\xd2LOG"\xac(B\x1a|2Z\xd94K1\xa0\x14\xc5b\xa3\x88&gt;\x15XxAY\xadF&amp;\xae\xd6\xeb\xa8V+\xb0\xde}\xae\'\x9b\xd0$M\x11H\x06\x83\x1a@@\x17+6\xd4X\xb1\x87\x05P\xf5\xab\x91\xa9\x14U\xb9eX\x7f\x9a\x99\xeeO\x84UUS\xd48p\xe9"\x19\xadssO\x91p\xa0\x8a\x14Y\xa9\x17\x8b\xb2*e\xb2\x8e\xd2\xe9fw\x8a\x98\x86\x7f1\xd3\x13\xc8f\x04YU4\xa5B\xe9\x08\x0c\x02\xa1X0\xe66\xc9X2$\x17e\x10K\xcad\x1c\xa5K\xcd\xc6\xba3\xfc\xabS&lt;`%\x93B]S\xe48C!\xc6\x1c\x9a\x86jQx\x99\x03S\xab\x95P\xb1X\x87\xd3\x8f\x94H\x04\x9a\x8f\xb5e\xe1\'p\xb2\xe9\xcf$$UQe\x18\x1c\xabK\xa4\x1b87\x07A\x06n2d\x1c\xa0\x8a\x8a\x82XY[\x80o6\x96i\xcb\xc2\xf7\x01\xcb\x91H\x843I\x01L\x02#ipo\x0eb\xeb\xe9\xc5\nP\x95\x10d\x10\xb9\xae\xd4\xeb\x8ad\xf3\x05\xf8w\x9b\x8de\x9a\xff\xde\x887\xe0\xb0\x85\xa5\x84$\x08!\xd8\x93\xc2\xee\x81$YDB*P\xaa\x12\xaaT \xdf\x82\x87H\x95\x88\xb5\x06\xeb\xe5\x11/\x1f\xb0e\xa5p\x06LT%\xd8\x97\xd6\x15\xd9M\x93"I\x92\xb0\x01\x83\r\x8e\x10\n\xc1G\x18YJ=\xe1\xf3\x05Z\x81U\xdb=\x12\xf1F\xb7&amp;\x12II*\xc8\x10\xd1R\x18\xc9\xc01\xb9\x0e\xa1\x16B\t\xc1@0XV\xb4\xba\xd4\xd5\x1b\xf3\xf9\xf8?\x0f7\x1bk}7\x1f\x0c\x06}\xbe\xecbx`l,\x99\x91 \xe1\xcb\xca\x8eqM\xab\xabEYQ\x81H\x80\x0b,:\xb0[U\x06\xba\xb0,\x81\xff\xe5B\x93\xa9L\'\x7fZ:\xe4\xed\xb3X|\x89p8)$3\x19I\xa9\xab\xe1\x01\r\xc2\xbb^\x07$\x18\x05\x19\xc4R%\xa0\nwu\xeaX?\x98o\xe2\xc9\x15\xc6\xaf\xaf|\xfe\n\x0fXf\x8b\xa57\x1c\x96 }\x81\\\x92\x12\x06\'\x95L8\xac\x16\x84\x82\x00:\xe1UQ\xb4\xce\x01\xa0\xd2\xb1jM\xc2\xc2\xea\x8c\xe1\xf9\xf9\x07\x8f\xfe\xf9\x19\xef\rz,f\x83%\xd6\xd9\xd9\x91\xe8\xcf&amp;2\x12\xe0\xf5wu\xfa:\x06\xa4\xa4P\x18\x93\xa5B!\xa9J\x92\xb4c\xe7\xfe\x89\x89\\o4\xca\xbf\xbcn\xbas\xc7\xb4\xc5\xf4\xec\xa1Fk+k\xb7\x97\x1e\xbc\xf8\xfb\x1b\xbc\xd7\xeb\xcf\x9b\xcdf{.\x97\xf3\xf5\x0fAj\xcdd\x92\x99\x8e\xae\x98#+\t(W\x124\x0c\x0ft\x01Tww\xb7\xc1\x13\x89\xf2\xaf@&gt;\xddf2=\xe3\x1f\x02a\xd4\x8e+dcc\xfe\xeew\x1e\xde\xe0\xa3\xc1\xc9\xbc\xc1n\xb7[\xcc\xe6\x98c\xa8?\x0bh\xfd\xc9\xa1Dvh\xb10V\x00$\xa0Ltv\xbe4\xf8\xc2\xa0\x8e\x15\xf4\xf2#o}|e\xfd\xf4\xf2\xfc3\x14\x0c[\xf1\x17\xae\xbfG3nqu\xf4\xd67\x9f\x8cD\xa3AP\xcb&gt;\xe1t:\xed\xb9\x98\xcd\xe7\xc3\x16\xce\xadCC\x07\xb04wW!\x89\xfa%\xba\xf6\x0f\xc2\xe8\x1et\xda=\xc1(_:\xf5\xf7\x8f\x1e\x9co\xd3\xae&gt;\x8b\xfe\xf4\xcd\xe7\x03\x0c\xd7V\xce\x9f\x15YVLqK\xa3\xb7~\xf8\xe4H4\x1a\xe9\x83\xd8r:\xbb\xbb\x9dvK\xaf\x0f\xd2\xb8\xe3\xf9\xe7\x87\x0eL]\xbe\xbcw\xd7\xe2b\xbf-\xe0\xeb\xe8\xc8M\x0cv;\x01\xcci\xb6\xf4\x01\xd6\xcc\xc3\xef\xde\xbd\xb9\x87\xe3\xd6\x96\x17\xb6}=2|X\xc1p\xed\xc4\xd2\x85:\x11\x17\t\x8aH\x89\x8d\x95\xd1[\xbf}\xcc\x07\xa2\x18\xf2f;`u\xdb-9_,\xd2\x87u\x9c\x07\xa6^\x9f:0\xe4\xb0\xf9b\xbd\xb1X\xaf\xbd\xbd\xbb\xfb\xcd7\x81\xdbl\xf1\xa0Z\xbf\xfb\xeb\x87\xf3\x1bn\x8e.\xae-\xcd\x7f\x8d\x8a\x16\x80\x1a=q}Ms1V\x82+\xc2~\xaf\x91\x12\xb9\xeb\xa3\xb7&gt;y\\\nD#\x9bX0&amp;\xec\x16\x8f\'\x12\x89\xc6@\xb0!\xbd{2\x10\xc0\xcf\xcd\x06\xc0\x82\x01&gt;o\xaa\xf5\xe9\x07\x1f.\\$\xe34\xe9v\x9f]\x19\xfe\x8a\x82\xa1w\xcbk!8&lt;P\x8c\xd8\xc6\xb9@-1\x95\xe2VG?\xfe\xc7\xe3R4\x02&amp;\xc2\xb0;\xdb\x9d\xce\xc1\t\xe0\xea\x8dD\x03=\xd8?9\x1d\xe0\xc1a\xec\x06D\xaa\xf6\xeev\xc4\xc2\xd8z\xed\x9e\x8e\x95"\tw\x91"\xd7\xbe\xd2\x1dX\x1d\xea6g\xb5\xd24K\xb7\xb9D\xb2\x08gy\x11L\xbc\xf8o\x1d+\x1a\xf3lb\xa1\\\x13\x13v\xbb\xd9\xdc\x17\t\xe8\xad\xaf\x11\x98\r\x1e\xbf\x05\rno\x07(\x83y3\xb6^\xbd\xf7\xc1G\x80%\x92\x04\'W\x8cF\xe5\xcb\nf\xc2\x90\x1a\xbdy&gt;\x05g\x1a\xaeA\xd1n\x97\xbbA\x87\xda\x08*\xeeN566\xb1|`\xa2%g\xb1 \x16\xe4\t\xe02\xe4!\x0b\xf0Qo\xb0\xcf\xef\xef\xcb\xc3lh\xd7\x87\xd3\x00X\xf9&gt;oi\xe4\xf2\xbdo\x03\x16-\x924\'\x17i\xab\xb1r\xfc\xcbD\xd8\xe6\xd4;\xb1Z\xa4\xac\x14-\xd2l\xc3\xedj#i6\xbe\xe7\x9c(\xb6\x89\x8dk\xf3\x88\x15\x8b!\x16p\x99\xed\x98%\xecv\xf8vC~\xd2\x7f(\xe8\xf7O\xfa\xfd\x1e\x83\xc1\x8e\xf5w\x06\xb88!\xebz\x82A\xef\xa9\xfb\x9f\xbe\xa1\xabE\xd3\\\xb1\xe8f(B\xdcX\xa9}A0\xfdq!\xb5\x95\x8b\xe7\x1a\x94\x15\xf2\x01\xc1rn\x8e`\xc4=gWo\xd6\xae\xb7\x81\x89\xe7n\xaeC\xc8G`\x9d\xcb\xe5&lt;\x16;\x0e\xc0\x82\xaf6\x18\xb0\x7flrr\xb7\xc1\x9c\xcf\xfb!\xb4\x9c:\x16z\x98\xcf\x03\xd6k\xf7\x1f\xbe\x01\xb1\xc5\xb9iZ\x14B\xae\x14C\xd0\r\xd7{\xc7\xe7\xbf\x80\x93\xb8\xe8A\x8a\xba\xb6\x07x\x8cL\xcaM\x10b\xaa\xb1}cu\xe9\xe4\xfa\x95\xbb\x8f&gt;\x0f7R\xdc\xf6\xa5\xf5O\x9e\xdc\x00,O\x0e\x83\xcb\x8c\\ \x87\xa7\x0f\xb6:\x9bRM\xfa\xbd\xde\x88\xdf\x9f\x07\xfd`\x1d0\xe8&amp;\xfa\x83\xa5\xcb\x7fx\xffgw\xe77Dw\x83\x8b\x0bn\xb7\x8b$\x80\x0f\xe6\xe4\xf2\xffi\xb9\xd6\x1f\x19\xb2|^I\xa5\xda8\x1a\xa6\x1f\xc8Mp\xe2\x9e\x0b7\x1f&lt;\xfa\xd7\x8b\xbf\xf9\xf9\xb7~\xfc\x97\xcfh\x08\xfa\xd5\xda\xfb\x80\x15\xe9\xb5\xe0\xca\x03)\t\xa8\xec\x10\xee0\x0f\x8f\xc0\x80\xc5\x92\xef\xe1yX\x9a@@3\xe4\x10\x03Hf\x06wG\xee\xdf\xf8\xe37\xfeV\xbb\x96r\x93\xa9P\x91K\xb9@5\xba!\xba\xb8\xca\x85\x13\xa3\xff{\xa9D(X\x89\xb778w\x1bG\xb0,\x83\xbf\xa55\xb8\xff\xb0q\xbe!m\xe4i\x1cW\xb3\xcd\xd5\xceD\xae\x93f\'\xd35eF\xe2\x18\xec\xbc\xf0\x9c\xa1-;y\x91p\x0c\xf4\x86\xe0@\xd3\x90\xb2\x1b\x88\xd9\x17\x92L8W"\xa6Ps\xc1B\xa1\xb9k\x89nE\x08\xf1"k\xd3=AE\xd9\xbd\n\xba\xab\xb9\xe8\xedR\xeb_Z\x15\tV\xacw\x82\xad\xa0\xd2\x7fv\xdb^{\xf7\xfc\xa6w\xc7\xfd\xd9\x1f\xe8\x9by1\x9f|\x9f\xef\xf3}\x9e\xc0d\xe6\xff\xb0\xf4\x8eMg\xd3\xe9,\xcd.n\xfc\xda\xc9\xeb\xe6\xaf\xbd}1\x87~\xa4\x0c)\x0fTH1\xb8\x7fMM\xe5\xa9\x8b\xe8\x00\xdaI\xb0\xbd\x1b\x95\xae\xec=\x16\x88em\xf8\xdd\xd7\xcf\x07\x1b\xb7\x16\x02\x18F`&gt;\x1b\xc1c\x12_\xac\xd3\'\x9d\xa4\xaet\xe2K\r\xec\xa7-Ut\xe5\xee\x88\xe4$xh;\xf4b\x8eb=A$s\xa3{\x85\x08%\xd0t4\xcad\x1c\xc2\xe4}\xc8\xd3\\\xef\x9b\x97s\xe5\x1f\x95\xa1fC;\x84F\x06E\xac\xa9l\xd2\xce\xf5\x930\xc7\xada74\x00\n\xaf\x12\x13\x00\x86\xad\x17\xbe\xbf\xffhpue\xd4,I\xc9\xa4d\xd3\xf1N\x89D{\x7f\x92\x97\x88\xc3\xc4L\xfe\xe6O\xcd#\xc8\x83k\x08\x8a\xd7\xf1\xa4S\x07\t\x9aL\xea\xc0FS\x03o\xd63\xb2B\xcb\x80%0\x19fw\x8ep\x12\xd8\xc2\xde\xcb\xb9\x86*+LD\xd4\xfdG?D\x8f\xe3B(\xc08&gt;y\x1dq\xa1GJ\xca\xab\xc0d\xe0{0\x98V\xc4\xcb\x17\xff\xfa|y\xf0\xc9\xdf\xe7\xcd6R\x9a\t\xd8\t\x9e\xc0\x02\xf0\x9dD\xa7\xd79\x81+I\xce\xe4\x17\xfe\xef\xe57\xb0H\xcd\x8eHf\xa7N\xe7$\x9d\xfa\xc3\x87\x8b\x939\x92\'\xe7o\xef\x152Q\x99V\xfc\xa2\x12\x15T\xb5P(l\xfc\xc6\xe94\xf7m\xbfz\xdd\x10\x0e\xbb5*\x14[e\xbf\xd0~\xe3\rKU\xf9\xe9\x93MM\xc8^\xe5V\xa4\x97\xfb\x08\xb2=\x80\x85\x1b~\x00\xb1\x1el\r\xe4\xcc6s\xfeJ\xdf\x8c\xdd\xc9\x83n\x84\x0e\x1d\xe0:\xa4\'\xa5\xdc\xd4\xffN\xca\xde\xbb#\x18\x86\xa1aE\x9a\x8bK\x8b\t\x82p\x06\xe6g\xf7\n\xeb\x8c\xc2dh\x953V\xa8r&amp;\xe3\xa0\x12O\xef\x13\xbc3\x7f\xed\xf1\x8b\x06\x08\x03\xed\xa9f\x8d\r5b-jF\xabUKT\x10\x0b\xb4\xd2\xa0Pr\x98\xbc\xf5_}\xff\xbcq\xf0\xc9\xb9&lt;F\xda~\xf9\xe7\xe9\x95\xde\xfc\x84Sg\x0b`\x84\x8e\xd0\xb8t\x1f\xe8%\x89\x04\xb0\xffZzf$\xa0"\xf4I\xf4\x1f\xbd\x90\x06\x1b\x19\x1d\x00\xa8\x88\x9c\x91eV\xe0\xf0\n\\f\xb2\xd9t\x82\xda\x9d\xd3\xf1\x10\x11\xdb\x93\xafo\xd5{=\xfd\xef\xb9L%G\xcb\xcajkj5\xac*\x88y\xedX\xc3\x9a\xdb\x8f\x94@\xb1K\xc2?\xcc-w\xaf\xae,\xe40\x9b\xad\xfe\x11\xfdl\xfa\xdc\xc2h\x0e\x95QG\xf0&lt;R\xa3\xf8\x90\x1e\x93\x02\x81\x89\xa9\x81\xff0?I\x82\xa3\xe0*\x06\xa1\xae\'G\xf2}{o\n\x91uF\xc63\xb4(\x08b\x0f\x0ex\x14;6\x16\xcd\xbc\xfc\xc2\x0cA\xdf\xbb\xfdp\xf3VG\xa8\xb5\xb5\xb5Z\x1b0%G\x8e~t\xe2D\r\x8c\x9d\xaa\xf2\xebM\x95\x9aVa-\xb7\xb4\x95\xac?t\xf1\xb7o\x1b\x1b\xa7\xbb\xfe\x84\x91\xbe\xf3\xcf\xf7\xb3c\x99gK\xdb7\xf39\xb8!$\x05H\x86\x91\xc5\x1f\x14;\x81+01\xda\xfb\xefw\xcc\x90f\'\x8a(\x90sbjv\xe0\xce\xd2\xc1S\x86\xa3\xa3\x11FUe\x95aA+\xd1\xa8\xfa99=6\xf6t\xcenw&amp;\xa7\xba\x96&amp;\x7fl\t\xc6b\xb1\xfe\x90G\x1b|\x1f\x96\xc17\xe7\x1a0~\xf9\xf5S\xa7*!\xb5\xdc\x9a\xa7\xe0\x82\xa9\xba\xb5\xb5\xe4/\x1b\x8d\xbfZ[\xe9\x93l6\xdb\xb1\xc7\xael6\x91H8\n{\x03S\x92\xd3\x0cIA\xe8y\t\xe9\xa5q\xe5f\xbe\xec\xfd\xe7\x0c\xc7\xa01\x92z~"\xdf\x07a~\x10Y\x8f\xcb\x9d8\xcb\xa4#2.\xd2\x8c\xac\xcaxO\x0fN\xa9F?\x9b\x1e{\xf9\xb9\xd9\xccK}[\x0f\x1e\x8e\xb7\x01V\x10\xb8\x80\xac\xdat\xe4\xc4\xb1\x9f\x7f\x0c\xbb\xc3\xe5\xe3\xa7\xce6\xd5\x86\xeb\xd1\xf3\xce\xa6\xeaP\xa8\xbf\xbf\xb55\xd44\x87\xfc\x0e+\xa0\xcfwi\xe3AO"\xebp$R\x89\xf5\xc2\xf6\xedy\x89\xe0%\xe8H,@\x96\x1e\x82b\x06r\xb9\x009\x91\xbf\xa9\x95\x927\xdb\xf5\xfc\xc8\xec\x95\xe9g\x07\xb8#\x9e\x96\xd5\x8aN\x15\xb0\xe2\x19\xdc\xc8F\xe5\x8c\x82\xe3=\xb8\xaa\x8a\xa2\xdf\x11]\xdfL\xc2\'\x9c\xbf6\xbd\xfcp8\x16\xbbq#\x16\x0cy&lt;\x9eP\xf5\xd1\x8fO\x1c\xab&lt;]~\xf9\xf2q\x88\xd3J\xb7\xc9\xebEO\xd4#Ao\x04\xc3_=ll|rf\x16\xc4\xba4\xb7\xebPe\x81\xf2;\x1c\xae\xd4\xfa\xfa\xc1\x9d\xd9\x99$t\xa2\x0e\x93$si)\xd8H\n\xe4\x02\x01i"\xdf{\xe6gEN\xc29r\xfb\xca\xf639\xcbu\x1a\x99\x88\xa0T\xf4\xa8\x02\x13a\x14\\d\x19\x81\xe5\x8c\xc6\n\\UD\xdc\xc0Q\x89W\xf7\x9df\xa7y\xf4\xdc\xda\xfeNK\x0c\x9dV\xb8?X\xdf]v\xba\x12\xf5\xe0q\x98?UGL\x1e\xaf\x07\xa8\xda\xe1\xc4Z.\xfcm\xb9qu\xa5w\xc6\xe6\xc3\xce&gt;L8\x12\xe9tT\xa0R)\x17\x1b\x1fc\x96n\x8eBS\xdam$F\xea\x0e\x1d\xb6\xdbA0t|3w\xbb\x8a`\x87\xbd\xf3\xe6@u9\x04V4R\x91\x08%v\xaaBTPDQ\xcd0\x02\xcdqb\x05\x8e+j\x85\xc5\xe0J-\xbe\xfc\x14\xc3\xcc3\xbd[\xab\x8f6Z\x9a\x9b\x9b\xdb\xffx#\x18\x8c\xb5\x82f&amp;X\xb8\xca\x1b\x1a\x8e\xd7Z\xdd&amp;P\xd0\xd3\xa6Q5w\\\xdd|\xdc\xf8`\xabkJ\xf2\xd9~\xbf\xb3\x98\xcd\xc6\xc7\xe2\xd9\x84\x11\xc8\xb5\xc6\x00\x00\x08\x88IDAT\x83\xaa\xebN9\xb2i\xe6@\x03\x83\xe5\t\xda\xb1T\x0f\x93\x8f\x944\xb0\xc0\xb7E\xb3w\x96\n\xebqA\xe4X\x81\xe2\\B\\\x90E\x95\x11\xd4\n\xdch`\xa3\x82\x9f3\x18q\x1c\xe4RqK\x9d+\xb5;g\x86 \x99\xea\x9a\xbe\xf7xs&lt;8\x04\\\xed1\xa8e[[\xd0\xe4\xb6B\x13\x86\xad5G\xfb\x83\x00\x15lF\xa7\xe3\xd6UT\xc2O\xfa\x02\x92\xef\xfc\x8f\xbb\xd94\x82J$\xb2\t\xba\xae.\xe5\x10\x98t\xe2\xdd\x1a\x80\x81cITF\x1e\xb8\xde\x83IEK\x05\xd9\xefR#\x82\x91cY\xcaOG"\xb4\x9ca\xe8\x8a\x1e\\\xe4\x98(\xcb\x19\x0cF\x0bp)PF\xc0Z\xdc\xf9\x14}\xa4\xbe\x95\xb5\xc1\xc9\xd7-C\xa0\x17\x08\xd6\xef\t\x06\xdbc\xa1z\x88S\xf8V[\xdd\x1f\x04\xcc!\xb86\xd41~u\x03J\xb8ue\x1e\xf3\xf9\xceNB\x13:\xc0\xef\x89,\x1c\xfa3\x03pE#,\x8b\x14\xcb\x81\xbft \x17o&amp;I\x9fFV\xc4\xaa\xf7,~\x95IsF\x85\xa5e\xbf\x10\x8f\xb2\xac\x00\xfd\x87s2\xc3P\x06\xc0B\xeeR\x90\\\xddH.\xd0\xdc&lt;reeuy\xe7\xbb\x8e!tw\xb0\x18\xfc\xddh\xf5\x84\x8f_\xac2\xf5\x87Bm\xef\xa5\x1a\x1a\x1a\xbf\xf0\xcd\xdb\xc6{\xd3\xe7FI\x9b\xef\xfc\xc6b"\xe52P V\x1a5#U\xb7O9\x98x\xc4\x95\xa2\xdfm\x0f\xcc\xf3$\xa9?L\xa02\x92\x10$&gt;\xa9\xc8\xc5Yp\x85b\xd34.R\x94\xa2\xd0\x91xT\x00,\x9cSX\x86U\x00\xab\xce\x02e\x14eY\xac\xe8\xb1\xb8\xf6w&gt;\xbf\x84a\xe4\xe8\'\xd3\xf7\x1e\xbd\xb8:&lt;\xdcR\x1fl\xd6\\\x14k\xf5x\xad\xd6\x12\xe8\xc0\xb6\x7f\x95p\xa8\xe3\x1b\x18\xd1k+\x0b\x13\x98\xef\xd2\xe6.\xf8\xdc\xe5g\x91X\x8e\x94\xc3A)\\\x8a\x02\xdf\x0b\x9c?\xb5\xfb\xe6N^\xc2.\xe9\t;o\x07.8\xb6"\x8e\x83\xcf@\xcbi\xc6h\xe4\x10\x96\x10\x8dG \xe3E?-\x08\xb4\x1f\xa8&gt;\xb3X\x90\\\xb2\x82\xf7t\x1a\xba\x177\xedf3\x96[8\xb36\xf8\xf8\xf5\xad\x8e\x8e\xe1\x16o\x0ca \xb46o0\x16\x82\x12\x82\xe3=\xde!\xb8\xb6\xf1\x08\xfc~n\xca\x0c]8\xe9\xaa\xebv\xb9P\t\x13\x8e\x14`\x19\xf6U\x80\x8c\x8cE\x14W\xdd\xe2\xab\xc2\xf4\xec\x04\x86\xf1f\x02\xad\x89\xa4\rCX~\xbf\xc2*\xd1\xb4h\xe4h\x96\xa6i!\x12\x8f\xd0"E\xd3\xac\x86e\xa83\x1a\xb4\x8c\x802vvZ\xbaa\xef\x02\xd7\x7f\xdb\xb5\xb5:\xb8\xf3\xdd\xf8\xf0\xf0\xf8\xadzw\xad\xa79\x16\xf4\xd4\xb7x\xdb\x83\xde`\xd0\xe3u\xd7{\x80\xb4c\\\x8b\xac\xbe\x00&amp;}\xb1\xb1\xdf\r\xc7/@\xc2\x83h.H.\x17m\xf4\'\xa2\xf18k\xe86\xc4_E\x96\x16\xa6 \'\xec:\x02\xfa\xd2f\xc3\x8a\x0c\x9c\xcbO\xb1\xb2\x10W,"\r\x0b\x1f\xac}cq\x96\xa3\x05\x1aZ@s\xbc\xb1\xce\xa25\xa3"\xf6\xf4X\xba\xf77\xec\x18$\xdf,\x94qy\xe3\xea\xf8\xb8\'|\xd9Z\xe56\xd5\x97\x94\x97\x87\xdb\xda\xdb\xbc\x1e\x8f\xd7[\x02\xf1\xd0\xdc\xfc\x8f\xa6\xcb \xb4m+\x8c\xe3e\x97\x1e"]\xa6\x83\xf3`\x0f\xf4\xc40&gt;(\xa7\xf9PP\x0f\xee!\xb0\'\xc43t\x1b\x1aI\xc0\x8e\x0e\xa3s\x99\n\n\xd2!\x14\xe3B\xa1\x81\xed\xa0!\n\x8e\x8c\r[\x02=D\xd40R\x88\xb3v\xabO-\xdb\xa8\xe75\xa5\x8c\xb6,\x81\x8e&amp;\x812\x92\x8c\x11\xc6:\xf6\x7fJ\x0b{$\x8e\rv\xf4\xf3\xf7\xff\x7f\xff\xefS?\x8f\xac\xab\xb7\x10\xa4\x9f\xec9\x9d\x8e\x8a\x10\x02\x94\xe7I\xbb;\xa2\xd2\xad.\x05\xcd&amp;3=Uo&gt;\x1b\x1c}\xfe\xe3\xfc\xd9\xe9\xc9\xb7\xcf\x95\xf0\xef\'Ni\x16\xcaU\xd4\xbb2\xd6\xabQ\x80m\x94\x05\x91\x0e\r\xedb\xd1\x96X\xa0J\x12C\xb1\xaav\x032Ro\x0f!Q\x98\xbc\xf3\xe0\xd1\x81\xbf\xbb\xb3\x1c\xdf\\h\x85o}\x10\x86n\xdd\xad_q[-\xb4e\xeb\xd3\xcb([\xd8\x7f\xe5?\x85\xdfK\x85\x12Ft\xa7# a\x858\x82r.jD\xf5\x9c\xc0\xae\xb0\xa8\x19\x11\xaa\x92b\x90F\x7f\xbdX\xc3\x8a59Y\x9aX\x84\x88\x9a\xe4B\xef\xa5\x0cJ\x81\xa8\\,\x97\x99\x9d\x8b\x98c\xa9y\xc1\x14\xc32\xab\xd8\xbdz\t\xef\xec\x7fX\x02\xd7\xf7\xe7\x9f?\xf6\x87\x7f\x03\x0b\xa6B\xae\x83\xee\x8b\xa9:^,,\\\xb8\x0c\x9b\xd5?\xc6\x96%\xfd&gt;]\xc0\x88\xee\xa0D5R\xd1k\x82\xe3\x886\xb0:,01\xe5\xd2\x8a&amp;\x90\x1b\xb0L\xf7\xe1\xd5\xbb\xd3\x93Ppq\x11X\xf0\x14\xb0\xf44P\x14\r\x8f\xac\x88w\x90\xaaM\x80\xa5\x03\x0b\x1dA)\xc5\xda\xd5\xc0dT\x0c#\xc9vwJp\xd7\xfc\x8d\xd3\x90q\xffZ\xfcQ\xbc\xe0\x86(S\xab\xbe|1v\xe3\x0bq\x8c\xe7}\xf7\x9d\xe3\xdd&lt;\xdf\'\xa6K\xb3\xd2Y\xa2\x06,\x8c\x90\x84sOb\x89N-\xe8\xd6\xd0`EM\x10t\xa6n\x9b\xf6\xd1\xfd\xf5;r\x16I\x11U\xcbB\x16 \x18\x1aP1h2\xa8W\xd1u\xf4\xe4\t\x16\x0e\x95*\x1a\x98F\x8d\x86\x82ze\xc3)\x94\x19\xe1\x85n\xdc=^m\xddl\xb5\xe2\xd6\x82\xbb|e9\x94\x8dyq\xb5\x1f\xb7\xe2p\xf5\x95\xf4\xfb\xfa\xfc\xdc\\ij\xd8\x96T\x12K\xe3\xb0\x96\x87\x17\x02\x8d\xc9\x82v1J\x99*\xb1\x8a\x04i\xd4\xfe\xf7\xc5W\x9b\x880`)P\x11X6kV{\x9a\xc5\x9a\x91N\xe0L\xd4\xbb\x9bci\xe8C\r\xe52\xe0.KVK1\xfc\xceog\xa7\xf1\xd1\x8d\xf3\xcf\x9ff\xdb\x08{I\xe1\x86\xf5w/\x86\xa8\x93[\xaf\x87\xe8\xcfk\x88,\x8c\xe8[\x85\xf9\xb9\xd9\xe3\x91\xe3\xa9\xe8xh\xa8q\xc9\xa5\xd6\x1c\x89E\x06\xcc)\xa7\x91I\xb1S\xac\xe8\x95\x8a\xe99\xcf\x1e\xde\xbb[X\x9c.I,\x93\xe4X\xdd\x9e\x82\x15\x82\xa1V\xa6\xa1\xc1a\x12K\x83\x8a*MP\xaf\x1e&amp;6\x0efe\xcf\xcf]/\xc3\xeb\xc0\x97\xdd\x88T]\x85\xe7\xc3\xb0\x1f\x86\xad\xb8\x1f\xbbn\x1f#:\x1b\xdf\x9f\xd9(\xa0X\xef\x0f\xdb\xc23U\x07\xc5\xca\xb1(Wkj\x8e\x15=k\x90\x94Y\xd4\xd1\xc9JY\xaf\x98\xc2L\x07\xd8w\xb0\xb9JoY\x98\x826\x1b0\xc3\xd0\xe4\x93\x88Yc\x05\xdb\xc3\xffDTr,#?@\xe3\xdb\x97&amp;P\xaf\xcd\xeb\x8f\x1e\xfb{;W\xa0\x9d[\x0fa)H\x17\xc6nx\xfb\xf6\xea7\x88\xac\'g\x1e\xdc\x01\xd6\xd9\xe3\x91\xea\tA\x1dB\x88\xa9Q\xcf\xe3Tb!0\xc8\x08\x96a\xbaFU\x9dD\x91\xae\xab\x02\x89\x86\x05q\xed\x87\xf7NY\x12\xab\\\xae\xb2&amp;\xc3|\xae\x06,@\xb3"%"\x86&gt;\xc0\xb6\xf5ZE\xe5\x04\xc8\xe8\xe1o\xaf\xb7\xbb\x83\x15|bb}\xe6\xbe\xefo\x7f\x8b\xf4Z]F\xe2\xc7\xbf\xff\xfc\x0f\xce\xfe\xf6px\x08\t\x9f_\xdf\xc4\xcdN\xe9\xd2\xb6Cs?a\xb6Y\t4\xe4\'\xd5\xf2&lt;\xa7\x98\xca\x05\xcf\xa2\x94\x90(EJ\x02\xcb\x19\xa5\xdd\x87_o\x9e25\x0c\xbcr\x17X\x01\xe6\xb3-\x03\x02\xd9\xdbl\x0e\x02\xc8hR\xcd\x92\x01\x81\xc3\x937\xc5\xc2\xbe\xea#\xeb\x11z\x18\xd9O\xf8\xd60?\x87\x87\x87/_\xbe\x1c\x8dFm\xa7\x93\xb5\xdb\x88\xac\x99\xdc\xef\xb3\xc7\xbb\xd4\x03\x17&amp;\x9c\xc4B\xf0\x01\xcb\x11\x12\xd4\xa9D\xc5nPnPN\x086*`A\x1d\xa4[\xfb\xe8\x9e\xc4\xd2^c5z\x88&amp;\x0b\x99\x1fE)V#\xc6P-*g\xb5\x90\\y\xa1N\xb0\x8c^\xb6\xff\xe5$\xc6\xc4\xc6\x0c\\\xdfigY\x86\xd1\xe2e\xf8\xe1Y\xe6\xfb\xea\x92\xe6?\xc1J\x8ab-\xfe\xb4g!\xec85s\r9\xbe\x1f\xb0T\xea\x01\xcc$\x8cY\xdd\xc0\xa6\xdc\xc1\xbd\x15#&amp;.\xa6\xb6\x97\x887\xfa\x15X\xb8\xbb\x01V4H\xb1\x91\x8e\xb9f\xca\xe0\xc4\x82\x03\xac\xae\x891\x9d\xcb(\xc7\xf5\x89\x809Y/\xd9\xda\xf9\x0c\xb6\xffn\xed\xcc\x01\xe7\x7f\x98\xe3\xb1\xef\x8f\xe5\x83/\x7f\xc5R\x8dcD\xdf=\x07\xaa\xa9mQS\x8c\xc4O\xac\xea\x1bk\xc1[*"\xd5\xe3Xs\xa2\x86\xd2\r\x1a\x89FtyyM\x15\x12K\xa8M`%\xc0\xb2\x1b\xd1 \xb0\xb51\xb0,\x0b\xa6\xdc\x</t>
        </is>
      </c>
      <c r="M32" s="3" t="n">
        <v>45492.67832175926</v>
      </c>
    </row>
    <row r="33">
      <c r="A33" t="n">
        <v>47339</v>
      </c>
      <c r="B33" t="n">
        <v>5926</v>
      </c>
      <c r="C33" t="inlineStr">
        <is>
          <t>Agustín Marchesín</t>
        </is>
      </c>
      <c r="D33" t="inlineStr">
        <is>
          <t>A. Marchesín</t>
        </is>
      </c>
      <c r="E33" t="inlineStr">
        <is>
          <t>GOL</t>
        </is>
      </c>
      <c r="F33" t="inlineStr">
        <is>
          <t>GOL</t>
        </is>
      </c>
      <c r="G33" t="inlineStr">
        <is>
          <t>GOL</t>
        </is>
      </c>
      <c r="H33" t="n">
        <v>188</v>
      </c>
      <c r="I33" t="n">
        <v>1</v>
      </c>
      <c r="J33" s="2" t="n">
        <v>32217</v>
      </c>
      <c r="K33" t="inlineStr">
        <is>
          <t>Right</t>
        </is>
      </c>
      <c r="L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7a617620-2ad8-4936-956b-136b0fc613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g\xb0\xd0\x00\x00\x00&gt;tEXtComment\x00xr:d:DAEewil2SDw:3616,j:2922130824960305444,t:24030400S\xc7\x80\xc0\x00\x00\x00\tpHYs\x00\x00\x0e\xc4\x00\x00\x0e\xc4\x01\x95+\x0e\x1b\x00\x00\x03\x00PLTE\xff\xff\xff\x16&amp;B 3R\x13$&gt;\x18+H!4X\x1d2P\xff\xfe\xfe\x1a,L\x1e2U\x06\x186\x1d4[\x04\x141\x14(G\x11$B#:b\xb3\x9f\x98\x14)L\x07\x1dB\x11!:\x1e\x1e"\x04\x10)\x0c\x1e=\x1a1S\x18-Q\x0c!A\x1d/P\xb9\xa7\xa1\x1e/M(\'-\xbf\xa8\xa4\x06\x19;\x0e#H\xb4\x9d\x91\x0f\x1d5\x1a(E"8]\x8drf\t!H\x0f&amp;M\xb0\xa0\x9c\xbd\xa6\x9e\x12%G\xad\x92\x87\xfc\xfb\xfc\xb3\xbb\xc6\xf8\xd3\xc4\xa1\x85v\r"E\xae\x9a\x92##(\x93wi\xa6\x8f\x84\x87qc*+4\x83k^\xb9\xa4\x99\xd4\xaf\xa0\xae\x97\x8c\x1b\x19\x1b\x15\x16\x1e\xad\x8d}\xb9\xa9\xa6\xd8\xb7\xab\x13*R\xf4\xce\xc0\x190Y\xb3\x98\x8c\xf5\xf2\xf4\xcd\xaa\x9b\xa8\x87w\xb4\xa4\x9f\xd4\xb4\xa6\xba\x94\x84\xf9\xf8\xf9\xb9\xa0\x95\'&gt;e\x9e\x80q\xbf\xac\xa8te^\xad\x9c\x98{hZ\xf0\xc3\xb0\xbb\x98\x8a\xb7\xa1\x9d\xf3\xd0\xc5\xe3\xc3\xb9\x8d}v\x8dxm\xcc\xae\x9f\xb5\x8e\x80\xde\xbf\xb2\x98\x86\x81\x9f\x8b~\xa8\x95\x89\x9c\x84x\xc8\xa5\x96\xde\xb9\xb1\xf5\xd8\xd0\xb6\xbe\xcb\x1f5`\xa5\x8b~\xdd\xb2\x9e\x12\x11\x14\xba\x9d\x8f\xe9\xce\xc8\xc4\xab\xa9\xba\xbf\xc8\xd7\xbc\xb3\xde\xb3\xae\xc1\xa0\x91n]T\xe6\xcb\xc4\xdb\xb3\xa5\x99}m\xc1\x9c\x8c\xa8\x93\x8f\xde\xba\xaa\xc1\xa4\x98\xad\xb7\xc2\xe3\xc8\xbd0/4\xf4\xcc\xba\x82nf\xa8\x97\x93\xa1\x91\x8c\xc5\xaa\x9f\xf6\xdb\xd8\xce\xb0\xa5\xa6\x80oylh^PIQD&gt;\xeb\xc0\xacv`V67&gt;\xe3\xb6\xa2\x83tm\x0f\x18-\xe8\xbc\xa7\xcd\xa6\x94\xec\xd2\xcb\xde\xbf\xb9\xb5\xa6\xa4\xc8\xae\xa3\x9d\x8b\x87\xd5\xaa\xa8\xb0\x87t\xc5\xa9\x9923:\xb3\x93\x84\xd1\xb7\xab\x95{n\xc8\xa0\x91\xaf\x82|\xb8\x8cw\xee\xed\xefSLG):Y\xd3\xa4\xa0\xd1\xd0\xd6\x97\x7ft\xa2\x85}\xf1\xc8\xb6\xdb\xad\xa8:;DCBE\x04\r!\xcd\xa8\xa6\x87wt\xbb\x8d\x88\xb4\x98\x96gUJ\xca\x9a\x98\xf4\xd4\xcc\xbe\x93\x94;1.\xdb\xad\x97G;6\xaf}n\xb9\xba\xc1\xa5zw\x95\x82xgYR\xa1wi* \x1e!.H\xaf\x88\x87\xeb\xc9\xc2\'6S\xea\xe6\xe9\xca\xa4\x9b\xe0\xdf\xe3\xac\xaa\xb1\xd6\xd7\xdc2(&amp;\x89\x93\xa5\x91\x83\x7f\xc9\xa1\xa4\xc0\x92z\xe6\xbe\xb3\xd1\x9e\x9c\xd5\xb1\xb0\xd2\xa5\x8f\xd5\xaa\x97Q\\r\xce\x9c\x8b\xe8\xb7\xb7ja`\xac\xa5\xa6AQn\xc3\x94\x86\xc7\x9b\x83\xbb\x9a\x9d\x92\x90\x986Hd\xcc\xb0\xac\xcd\xa8\xaf\x97\x9b\xa6|\x81\x8e\xc4\x9c\x9e\xcb\xcb\xd1\xc0\x83ziv\x8d[h~\xe2\xd7\xd9\x07\x05\x07OPV]VV#\x17\x10EHS\xb3\xb2\xba\xb4\x8c\x8f\x9ass\xeb\xc5\xbb4@W\xc5\xc4\xca\xcf\xb8\xbc\x1e%&lt;ggo]\\d\xa2\xa1\xa7\xc9\x8a\x98\xf1\xd5\xd6wu}\xc2\xb1\xb4\xbd\x83\x90\xa6|\x85\x87\x89\x93\xda\xc4\xc6\x9b\xa7\xb9\xdd\x9d\xb1\x9aj_\xcc\x95\xa6z\x87\x9b\xda\x90\xa4&lt;p\x83\x8b\x00\x00 \x00IDATx\xda\xcc\x99MH[{\x1a\xc6\xbb\xcb\xf6.\xcen8\x05\x17.\xc4\xa0\xf4\xa8Gm\x12D\xfc@\x13\x82\xa8\xa3\xf1#w\x9a\nFmC\xfcj\xc4hM5\x899f\x8cb\xc6\xc4T4\xa0#9\x8cTBL\xa5*\x13\x1c?\x90\nfJ\x86:"\x8a\xab\xe4\xa6 ^\xb4\xe8\xc2\x0b\xb3\x98\xe7\x7fb\xef\x9d\xfd$\xf6\xbe\x1es\x92l\xfc\xf1\xbc\xcf\xfb\xfc\xdf\x83\x8f\x1e\xfd\xdf%\x12\x89\xee\xdf\xe0\xed#\xd1\xa3\xdfE\x89\xe5\xf2R9a\x11\x89K\xe7\xe7\xe5\xa8\xdf\x03\x98|a\xe7\xf8\xee\xeb\xcb\x85\xdd\xf3\xcb/\xc7gg\xc7_Ow\x16\xb6\xe4\xdf\x97I$\x92\x9f_\xf9X\xd6\xcdG\xa3&lt;\xef3\xd24\xeb\xe6\xe2\xd7g;\x97\xf3b\xb1\xe8{\xa9&amp;\x92o\xad]\x81\x85f\x18\x8a\x92H\x18\x1a7\x9a\xa0\xb9\xa3\xc7k\xe7[\xe2\xef\xc3%\x9e\x7fy\xe6\x03\xc9&amp;\xc5\xd0\xc0jk\x93\x80\x8d\x92\xd0\x9c\x8f\xa6}\xd1\x7f\xde]n\xcf?&lt;\x98H\xbc{\x1ag\xa4 \x11\x80\x18\x86\x91\xe0FQR\x86\x8b\xf3F\x8ab\xd8\xf8\xf5\xe9\xf6\xc3v\x12\x990\x8f\xfe\x81\x82\xa1I\x13\xa96\x8a\xe5\xdc\x0c&gt;\xb0\xb4\xcf\xe7\xe39\xd0AG\xf7\xed\xee\x83vR$^@\xff \x14c\xf4\xf1&lt;o$\xa6\xf2\xf9\xdcn\x9f\x8feX\x96\xe5\x8cL\x9b\x848\x8e\xbeZx\xc0\xbc\x10\xcf\x7f\xb9f\x19JB\xc4\x02\ngd\t\x8b\x8f\xf3\xf1Q\xc2\xc6\x19\xdd4:J.\xfaz\xad\xf4\xa1\xb8\xc4\xdbw\x1cM\x13W\xa1(2\x88,\xc0\xdc\x1c\x88\xf8\xb8\x0fw\x16\xdfI\xa5mmR\xa9\x94\x89]&gt;\x90^\xe2\xdd[\x96v3\x12)\xc6\x0fV\x87\x9d\x90\th\x18d\xe2|\xf1h\x9c\x83\xd7\xa4\xb8\x80\xd5\xd6FQW\xdb\x0fr \x89\x16\xaeX\xda\xc8\xc2M,\x0b\x8f\x1b\x8dB\x03\xdd\x94\x94b8\x0e\xc9\x1a\xe79HES\x90KJ\x8a\xfd\xfa\x10r\x89\xcfAE\xd3R\x8a4\x8b\x85Bnp\x199#\x99G\xa2\x1c&gt;\xb0h+\xa2\x0c\xc1\x81\xfc\x90J\xe3;\xa9\xb7\x97\xf8\xfc\x9af\xd1&amp;(\xe3\xc6\xab\x11\xfe6\x1a\xdd\xb88|\x81;\xc4c\xe8=R\x9b\xc4|\x14\xd0\x18\xdf\xd7Ts\x89\xb7o\xdd4K\xc4\x10N\x1a\xd6H\xef\x05\x82A\xab\xd5\xea\xb5\xc4\xbc1\x94\xc5\xeb\xb5\n\x15\x0c\xa0\xf6(4\x92\xf9s\xfc2\xb5\x87\xb7h\xfe\x94#S\x86p\xc0\xf4\x1bq8\x07\xac\x96\x88Y\xa5v\x0e\r\xbd\xc6\xf5\xfa\xf5\x90s_\xb5\xacR\r\x0eVwZ\xac+\x96\x00\xba\x08\x97]/\xa44V\xc5/\xe3\xd0\x08XR\xa4\x12\x15\xd8\x0bx\x81\x94\xfb4\xe3\xc4\xe3\xd1\xa1&amp;u\xba\x9f=S\x19\x19}\x8a\x92\xccV\xe5\xdb\xfc|\xb3%\xb8\x87\x91\xa4\xe8\xbb\xd2\x14\x1eC\xa2\xad37Nf2\xfb\xa8\x9f\xf6\x82\x9d\x8b\x99\xedz\xbd\xa6\xb1\xa2\xbb\xa2\xbb\xc8\xd0\xdcl0\x14U\x14\x16\x969\x1c\xb3\xb3\xbd\x95M\xb2\xec\xf4\xfct[\x103*\xbd\xdeM!\x95x-j$\x1b\x83\x00\xf5S`%\xefY\xeeLm\xef\xac\xa3\x90Tw\xb7\xc1\xd0\xdd\x8d7a\x87#\xc1U[\x99)\xcb\xcc5\xf3L[\x9b\xf1l[\x9c\xb2\xf3y\xfb\x16q\xb5\xb9\xb9\t\xa8\xcd\x80\xd5\x96\x93\xdd*\x93U\x02+\\\xa8-\xd4v\x1b\xc6\x80\xa5-\x0c\x0bX\x8e\xd9\xcf\x95\x95\x953%%O\x87\x96\xad\x926\xa9\xfbn+Ez\x89\xe4\xa7\x9cT\xb2\xb9\x87\x01\x0b\xae\xd8\xf2\xff\xb3\xb11==\xf7\xf1\xf3\xa7\xc3\xb0V+`\x8d\x1b\x0cc\xddZ\xedj8\xbczx8{t\xf4\x19}\x9c\xc9|\xfa\xaaj\x0f\xbeO]J,\x90\xf3y3\x10\xb4\xd8\xf2\xd2766\xde\xbf\x07\xd5\x11\xa8\xc2Z\xc0\x8c\x8d\x8f\x1e\x8c\x8e\x8e\x8e\x8f\x8d\x01l\x15\\\x00\x83`MM\x99\x99*\xeb\xa6D\xca\\\xef\x8aS%\x16"&lt;`\xedL\xef\xe9\x19\x19y\xff\xfe\xfd\xbdT\xab`\x1a\x1b\x1b\xaf!5ZC\xc0P\xab\xab\xe1\xc3OG\xbd\x04,3\xb7\x9a\xe4\x04\xe4J\t\xd6\xf6\x15\xa1\n\xae\xe7(76F\x08\xd7\xdcGP\tP\xe3\xe3\xe3\xa35\t.\x08F\n\xa2\x85\x0f\x01\x86F\xce\x94|\xf0\xee!O\xaeR"\x97x\x8d\xc7\x19\x18\xb0V\xddS\x11c\x81\x8a`\xfd\n%\xc8%\x14\xc0\xd0K\x81kf\xe6\xc7NA\xae\x97\xa9\xc8\xd4\xd2S7\x8e\xe8\x80\xc5\xae\xdc\x18\xd9\x18I\x18\xeb0A5Z\xb3\x84\x1a@\x91{M\xcd\x12\xe1#\\\xe1O\xc4\xf8\x95\xad\xd5Vl\x14\xecN*\x8e\xa0\xad[\x1c\x85\x9b\x01K\x1e\x8c\x05\xb1\xe6\xee\xa9\xc6\xc6FGk\x08Qqq\xf1@\xf1@V\xf1\x80\x807\xb0TC\xb8 Wme\xad,\xcf\x82}\x95:.M\x85\xb5b\xd8D\x11\r\xf99\xa0"\x1d\xfc\xf8\x89P\xc1\xeaK\x03\xc5Y\xc5\xa4\xb2\x12U,\xa0-\x11\xbd\xc2\x87\x8e^\xc4WC\xa7\x97\xa7\xa9\xb3\xf9\x14Xk\x81\xc7j\x1e\x08\xaeT\x13\xac\x11PA,-\\%\xb4\x8fpe}\xc3\x02\x18\xe4"\\h\xa3\x03q/[4G\xa2\x1cu\xb5\x95\xfc\x83Q|\xceC\xad\x805\x815\x97\xc0\x82\xd9\x13\r\x04U]\xd6\xff\x94\xd0F"\x97\xd6\xe1\xd0\xd7\xca\x9e\xd9#^/\x1d\xddM:\x96H|\xc9K\x98\xbd\xa0\xa53\xbf\'\xd1C\x04)z\x08\xb7\x0bX\t\xa9~\xd5\x0b\xdeOL\xa3V\x90\xabUe\x8e\xc58\xfe2\xe9\xa3(\x92\xafq\x14m\xb4\xae\x00k#a\xad#\xd2Ea\x0c\x07\x88\xad\xfc\xf8\xf9\xad\x87p\x9c \x16\xb04\xfa\xda\x12\xf5r$\xc2s_R\x80\xb5cd\x8c\x9cw\xa53/\x07X\xa4\x89\x82\xb9~\xe3\xaa\xf3\xfb\xb3\xea\xea\x88\xf3\x07\x06\x10\x0f\xc2A\xa4\xd5v\x87\xcb\xd0\xc5\x99\xdc}s\xc4\xeb\xdeI&gt;V\xe9W\x1a\x9b\xbb\xd7bKG\x98\x02k\xee#B\x9e\xa4\xe9\xf8\xf8\xc1\xd2\x12\xb1\x96\xdf\x0f*p]\xa0\x81\x18\x05\x92\xf6cZ\xac:\x0e}om\x89\xd3\x1e\x89\xbaOS\x80uL\xef\x19y/\x1c\xaf\x04\xd5\xc7\x84\xe7\xc9\xd1#\x84\xe97,\x80\xc1V\x17\x89\xa8\xc7F\xa1\xad\xa8\xa8h\xd4\xcc\xea\xdbs\xed\x91\x18w\x9c\xf4\xd3\x87`\x058\xde\xbb\x0e\xc7O\xc3ZB\xc6;\x1c\xc4\xf4\x075\x84\xaa\x0e\\x\t\xa1\x89\xe0Z\xba\xb88880\x80\x0b\xabX\x99C\xa3iW\xdb#\xbe\xdb\xd2\x94`\x05\xbd\xebU\r\xd9#\xe5\xd3\xd3\xb2\xb9\xb9\xa3Y\x87#\xac5\x1c\\\\\x84\x08T]\x9d \x16\xe1\nA\xb2P1\xc0\x80\x85u\xb5\x0cX.\xd7\x93\xfd\x08\x7f;\x9f\xec\x84\x00\x16\xb6\x07oU^Ovy\xf9\xb4\xac\xa9\x12[iYa\x11\xa8\x08\x93\x1f5\x91h\xa2\x00\xe8\x07c(t\xd1\x9c\xc0\xc2\xbaZ\xd6\x98\xe14\xf3\xc9\xcfS\x01\xcbj\x19|F\xa8\x80\xd5D\xb0*\x9e\xd7\x87\x08R\x0b\n/\xfeo\xd5\xd2r\xe3\xbf\xf1O\x84\xea\x9f\x17u\x0bO\x1c\x0eM\xa3\xe9\x89\xdd{\xbd\x9d\x02,7z\xd8\x80\xed]&amp;+\xc7oS\xef?\xfe\xf2|2\xd41\xe1\xbf\xb9yC\xea\xa6\xe5[\x91\x0f\xa4:\xba\xeau\xc3\x8d\x8de\x1a\r\xe4\x9a\xfaA\xe5M~\xcc\x13\xb5\x82\xde\xce\x1c"V\xb9\xb2\xbc\xbc\xfc\xef\xfa\xbf\x15MN\xf6wML\xdcc\xbdyC\x90\xee\x11;~AutMzL}&amp;\x8d\x9e`\x99\nT\x96\xe8y\n\xb00\x87\xb6\xb7\xe5\xa4F\x94\xca\xb7\x7f-\xe9{q\x82\xfa\xf9\x97\xae\x89\x9b{\xaa7-\x02\xd3\xcd\xc4\xe4\xbf_9\x9d\xaf\xff\xf0\xe2\xf1\x93\\\xa7\xc2\xa5\x9f\xc5(\x9a2\xd4\xb1\xe8Z\xd2Oj\x82e\xa9^l-\x87^\xca\x9e\xf4\xfc\x86\xc5E\xf5\xfe\x07U\xc3\x8fO2t\x00k\x11\xb4\xc2\xcb\xcdD\xc7\xe4\x8bW\r\x83f\xb3y\x7f\x7f\xe8\x95S\xf5,M\xa1\xd7\xccj\xa62\x9c\x91\xf8N\n\xe2\xd4M\xb0\xb2I)\xf3l\xb6\xfcA\xbb\xb9\xaas\xbd\xb3\xca\xbc\x9c\xfbx\xb2c\xa2\xc5?A\xc0&amp;\xba\xfa\'\x1f;\x97\xcdUfr\xd9\xd5\x00\xcb\x05\x96\xc65\x95\xa1\x8e\xc4O\xc5I\xc7:\xf5\x01\xabGI\xa8rV\xac+\xb6A\x95\xdd\x1cY\x8f\xadG\xaa\xf2\x17\x15\x9e~\xe4\x02f\xb1\x03T\'\n\xa7\xca\xbe\xacR\xed\xabU\r*\xf5\xab\'\x99\xef\x14z\x97\xcbT\xb0\x1f\x89&amp;=\xe6E\xf2\x7f\xf1\xbc\xc5\xf6V\xa9\xccV.\xe6Y\xac+Uv\xfb\xb2Z\xedT//\x0fV\xe7\xb7\xf6y\xfaC\xa1:h5\xa9\xf3\x98\x14%i\x05\xa6\xa9\xa9)\xcfIFAZ\xc9\xbbw%\x8a&gt;W\xa3\xeb\x87}s\xf4N\x9et\xac/\x04+\x07X\xd9\x8by\xb6\xea\x0f\xce\xa1?)\xa6&lt;:\x9dg\xd8T\x92\xdb\x9a\xd9WtpQ\xe7\x9f\xe8\xaa/\x1a\x9e\x1a.24\xd7\xd7\xf7\x93\xd2\r\xf7\xf5)\xd2\xd2\xfa\\&amp;W\x9a\xaa*v\x9ct,\xf1y4\xe8\xb5\xe1\xc9U\x99\xbd\x98\x9f\xbf\x98\x9bV0\xe5\x99\xec\xef\xaf\xc7\xdf\xaf\x87@\xede\xdd\x07uhbhR\xa7\xab\xafo6T\x80\xac\xbf\xbf\xab\xbf\xb9Q\x9f\xa6(\xe8\xebs\xb9\x9e.Gb\xa7I\x7f\xf6\xc1\xd3+\xef\xc5\xb2\xd5\xa3T\xf6\xe4\xe4d\xcb\xda\x1b\x87ON\x86\x91\x96\xa6a]\xb3n\xd8\xe5*lF\xe0w\xf4\xd777\x1b\n5\xb5\xb2\xc5\x06\xfb\xfe\xeb\x17\x9e\xa2B}\xbb"\xc3dr\x99\xd2\xb0\t\xee\xc8\xe5\xf2d.7\xe4\xbf)w^\xefz^\x0f1WOOvf\xc9L\xab\x1a\x03gw\xfe1\xa3o\xb8\xa2\xd1UVXO\xd4\x02V\xc5p\xefL\xae*\xe2\xe5c\xb1\xe5\xff\xd2jF\xafi\xaci\x18\xef\x9d\xb7{\xbf\x10\xc8\x85\xd0\x90B(*v\x04;\x17:9cJJ\xc2\x14O\x1dS\xe3\\\x14&amp;\xc1\x99\xc6\x98H \x8d\x98s\x11\xce\x81Sk\x8dhg\xd2eR\x99]\xc4T\xe6\xc2u\x11&amp;\xc4\xb6P\xab\xb6${\x10\x97\xc8ZA\xbap\xb4TN\xc9i\x92\x13N\xca\xd9\xf73e\xf7\x1f\x18_\x08)\xf4"?\x9e\xef\x99\xf7}\xdeo&amp;e\x83T\x13\x04\xa3\xc5\xe3\xc3\xfa{\xab\xc7\xed\xb3\xb3\xb6vW$\xba\t\xfb\x84\xfd\xc5\x7f\x00\xeb\xf1\xe4\xfa\xf8\x18`\x8d=6}\xf7\xe9o\xef\xff\xfa\xfe\xdf/\xae+\xd9\xa2\xd7\xeb%\x00\x0b\xc6\xa0\x1bw\xb9\x94\xce\xf1O\xbf\xfd\xf2\xe9\xb7\xcfK]\xfd\xba\x83\x8f\x83\xa8\xf1\xb8M\xbf\xf1\xd4\xa6\xd4\x83\xc59\xad\x1e\xc7\x89v\xef\xe6\xf1\xf6\xf1w\x7fy\x06X0\x10\xc7\xc6\x16M\x1b\xcf\xbe}\xf5\xe9\xf3\xfb\xcf/\xb6{\x9d\x8c\xc0\x07x\xa2\x0c\x96Gb\x91DF\xa9\x1e\xbf\xfa\xe5\xd3\xe7\x7f\xf5v\x0c\x05+\xef"1"\x1ed\r\x86a&gt;+\x11\x02g\xd7\x8aJ\xcd\xe7gSwo?{f2\x00V\xc2\x8a\xb0\xccK\x0f!q\xfes\xea\xec\xb0#\xd6\x02T\xa0X\xde}0\xb7\xe2\xc6\x97\x97\xb1lVJ\xd7\x97\xd6\xa6n\xf6J\x19\xd1\x11p\x91."\xce\xb3c\xa3\xc9\xb0$\xcb\x92\xac\x11\x96\xbdT\xc8\xe5r\xa0\x92\xfe\x9e\x19\xb0\xe8Db|Qo\xeav\xea;0\xf8\x86\x0e\xd3Y\xca\xe1\xa0\x1d\x02\xf7a\x0eE\x19\xc8XRQ\x8a\xc9\xb1C_\xaf\x9a\x16\x02\x01\xaf+\x89\xb9@\xadD\x08\x0f\xcb\xb2\\\x89i\x86\x95k\xb5\xb6\xb6\xe8\x80\xd5\x8c\xd4\x82\x08H\xaf\x17\nyU)\x95\xd2\xe9XL\n8hz\x8b\x168\xe7.`-\xfb\x97\x97\toQ\x929\xdc\x17\xa9\x86\x89b\xd1E\xe2$p\xf1,\xfc\xe6*\xf2\xbe\xa4\x15VCl\xb56!\x8fR\x06=`%\x02\x01\x8a\x86dC5c\xb1j\xb5*\t\x14M\xc3\xca!pe\xa7\x93\xf1\xa3\x9b]\x9c$e\x19\xf7\xf9|U0{\x98\xc4q8\xc5 \xcb\xe3U\xe6\xa0"\xd5*Za\xf5r\xad\xdc\xa6\xe0\r\xb0c},\n6,8I\x8a\x07\xa9\xaa1\xcc\x1b\x0c\xd4\xe8\xcd\xad7~\xc6\xc9p\x9c\xdf\xff}\xd9\xb9\x12qG"\xce\x88\x1b\x86\x00I\xe2n\x1cw\xc5\xbd|\x90\xa9\xe2\\\xa5\xd2\xd2H-\xdd\xc4Y\xae\xb5\x95\x13H\x9e\xb2\x1a\x0c\x93cV*\x00zQ,\xef%\x90\x12x\x98\xf0\xd6`o|\x83qe\x06\xa8\xfc\xfe\xf2\xee\xdc\xc2E\xad\xb8}\xc9$\x0e\x87\x87\xce\xb0\x08\xff\x90+\xfb-N\xa3V\xafk[A\xae\x1a\xc1\xd3V\x83~q\xd2\x9a\x08\xa0\x86\xe0u\x91\xa4/\x12\xf1\x81q\xbc\x0eX\xd0\xf6\xe5r\x99\x91e\xa4\xd6\xee\xdc\xdc\xdc\x03\xf8\x01.\x98Ex\x18\xb0\x82,\x0b\x86c\xb87\xad\xd6\x82F}K\xf7d\xe4&lt;\x97{-8\n\x85\x02:E\x9a\x82\xee\xe9\x05+3\x11(\xdf2&amp;\xd0[b&amp;+\x1f\x949\xd9\x0f`\x17X\xa8P\xce\x81\t\x89c\xf1\x1b6\xb6\x18\xc8\x1e\x94\xf7s\xad_5\xeb\xf1g\xf9\xf3\xc2\xeb\xc0\xe6ya\xdc`XDX\x04\x14F\x82\x81"h\x04\x06hZ\xccT\xb8\x83\x03\x0e\xa9\x05\x1e\xdb]\xb8\xc0B\\0\xce\xdd\xe18kc1\xa1&amp;\x03\x96\xac\xd9\x0e\xab\xdb\xab\x9f\x9f\xbf\xae\xe5\n"m\xd0?\x1e\xb7R\x82\x97\xc00\x0cw;#\x8c\x9b\xc1\x89\x00-\xfe\x0fK\xf6s\x0cl\x1e\x0b\xff\xd7\x0b\xacO\xc6\x87Go\xe0\xd8~\xe5\xfb\xfd\x9af\xb3\x07RM[-\xd4\xf67\xd7\x1d\x0e\x83Y?iu\xf0\x08\x0b\x1e1$\x16N\x12\x14\xc2\x82CD\\1\x19\x07\xb5&gt;\xec\x82\xe1\xe7\xbe\xca\x05\x03)n\x1b\r2\xfeZ\xed\xed\xbe\xa4\xe1K\x16\x9d\xfd8\x9f\xa9\xe5r5\xc02-\xa2\x16\x01X \x0b*\x99,:h\x91\xbe\xc0\x92\xe5XL\xe6\xd0\x05\xc0\xee\xca\n`\xcd\xf5\xd5\xf2\x01\x96%\xc8Hbk\xbf\x16\xd1\xf2\x1eB\xd7V\xc5V\xa1\x90\xa1\x16\xcd\xe6\x0b,\xe2-\xe6\x07(\x8e\xc11t\x86\xa2R\xe9\xab\x15\x93$\xa9\x0f\xb6\xbb\xb0\x82\xe4\xfa\x8a\x15\xb4YB\x8c\x90\xa3\xf7\x8f\x164\xcc[:\x9d}H\x14\xcf\xcf\xc7\xd91\xb3\x192`\x82\xf2\x16\xfbz\x81`\x9c\xd7:\x9e\xcf_x\xeb\xa0\x1a+e\xb3\x95\x8a\xc4\x80\\\x88\xeb\xa2G$\xc3A\x9b-L\xa2\xe7"\xdb\xd64\x06^\xe9\xe5s\xb9\xf3B\xe2\xee\x05\x16\xb8\xcbK\xb80D\x85e\xd6\xf3_\xb1\x9c\x11P+\x0b%H\xe5]\xd4S\x11\x15\x84\n\xd2\xc5\',\xe1$\xfa\x9f\x92\xa6\xb7#}\xd3\xaf\xaf\xaf\'\xacf\xf0\xfc]\xf4\x16Q\xf8\x91@\xc7\xc8\t\xeb\x05\xa0R\x95\xd8\x81s!\x02\x96\x97*\xe8\xcfK\xe5\x0f}\xa9\xa0o\x01V\x88M\xd8\xa2\xc9j\xac\xa24\xb4\xfdxJ\xb7\xb7SX\xcfP\xa3F\xfd\xb4\xfe\xf1\x98\x95\x86\x01$@\x9fg\xb8X\xa6\x90\x17E\xb5\xa30\xa8\x89^pUb\x15\xc1\xefDv\x87\xe1\x08\x1d$\x0c\xfd\xc1\x16J#\xac\x9e\xc67o\xf6\x9b\xdd|\x86R\x8d\xb7\xcd\xe8\x8a\xcb\xea\xa0\xa8\x80\x97\x80\x91X\x04\xc7\x88\xc8\xf2\x0c\x1c\xdb\x83H\xac\x98\xadH1.&amp;\x14qh^h\xe1`p2z\xed\xaa\xc5VL\xa7\xd3\x15\xe5L\xdb\xdd\x07u\xfa\x1c4s\xeb\xa4\xf9"\xa1:\x1c\x14\xa4a\x8e,f(E-\x9cw\xc5f\xb5\xea\xf3\xc5\x9ab^)U\x19\x06\xf3bh#\x83\x10\x81\x93\xe1\xd0\x9f,\xb6\x8c\x84l\xd7lk\x8cu\xa5-\xe66s[\x8eI0\x17\xc8\x85\x82M\xd0\x05\xf9A\xca\x16\xb3\x8ax\xde\x85T\xa8\xd4\x9b\xcdfGm\xc6\xa0\xcf\x03\x17\xe9F\xe3\x10OB|\x18\xb6%\xe8"\xf4\xb4RC\xeb7\xe9`.Q\xdc\xaae\xba\x80\x85\xf6\x0c\xc0*\xc2\xfa\x8cc\xc8\xe3\x191\x9f\xef\x00U\xba\xd1\x80\xc4\n\xd9\xd0\x17a\x08Xh\x91\xdd\x81\n\xda\xc3\xad^\xcfW\xad\xf6\xce4\x7fam\xef\xa9*\xc5v._\xfeVo\xe8\xcb\xd5\xc7\xf2\xfb\x91\xc7\x95\x8c\n"\x01N\xb5Qj\x96\x1a\x8d\x06p\x85\xbd\x18\x83\xb0`\x19cmW\x8f\xed\xf6\xbdv{O\xfb\xd7\xe8\xba\xbd\xde\xd0\xd0|oo{F\xafGa\x10a\x91\xb8\x1f\x97%8\xc5LGU@%\x10\xabYW\x00\xec\xb0\xea\xc3\xbd^\x18\x9a\xbep4\x1e\x1c\xb6L}\xbc\xa2\xbb\x025\x80\xd7\xaf\xb0\xc3&gt;\xb1O\xe8\xda3&amp;\x13\x84A\xc8\x11\x10mp2\x9d.\x01\x95\xa8\xaa\x9df\x03\xd5\x97zg\xa7^\x1f\x9a?&lt;tQ\x84\xdb\xe9K\x86\x827&lt;\x9e\xa9w\x83\xfa:\xa3\xbf\xf1C\x8bn\x83Z\xc0\x05=\xc2\x8b\xe1\xc9\x90\xa2(\x1d5u\x9aRw\x86\xe6\x11V\xa9\x0e\xb5\xb3s\xeb\xd6P\x94\xe2\x97a\xc7\x8e\x8f\x00\xd6\xe5\xed\x01~\xfa\xd3\xc7z\x8e\xb0L\x06p\x97\x80\xe1.6\x055\x0b?K\xf5\xf9\xc6|\xa9\xd4\x80\xeeT\x82\x93\x1c\xb95\x12\nR\xa4\xd3\x17\xbd6|\xd5b\xb9\xdc\xbe4\xd8\xd2=\x9f1\xdd6\xc1\x04\x1aw\x08\x18\xc6\'R\xb3\xb3\xb3O\x8d*,\x8d\xc0\xd3\xfc\x82v4X\x88\xd2\xf3C\xf3\xd1(\xebr\xba\x01\xcb\xe2\x19&lt;\xd6\xa5\xbd\x99U\x13`-\x02\xd6[\x82\x1dM=\x85vAg\x94\xac\x04\x8blE\xfa\xe3w\x886i\xd0,zx\x08Xn_tx\xd8\xe3\xb9:x\xb5\xf6\x1e\xad\x9a\xcc0\x18\'\x13\xc2\x8f&lt;k\x1bM\xa5 \x9a\xf6K99::9Q:\x1d\x15\x1e\x00v\x04\xd4\x8a\xba\x93\xa1\xe1\xab\x1e\xb0|{\xd0\x9f\x11?yd6\x9b\xa6A\xae\x04\x1fH\xb07\x86S\xf9|\xb7k\x98\x9dY\xda\xd9\xe9\xd4\xe1\xec\x8e\x8f\x8f\xeb\xa7z\xbd5\x18\x8a\x06\xc3\xbe\xe45\x8bg\xcd\xe2\xb9?\xe0\xaf\x9bu\xba\'k\xd3\xd3?\x80\\\x93V\x8a\xb2\xb2A[wc\xe3\x87\x99\xb5\x17?\x7f\xdc~\xf7q\xfb\xe5\xf6\xcb\x97\xdb\xdb\xc7\xa7]\xb5\x04\xa30\x98\x843\xf4\xac\xady\x8c\x83\xc7\xb2/\x99\xa7WW\xa7\xe1Y\xb4\xb1\t6\x18L\xe87^\xfd\xf4\xe2\xe3\xc7\x97P\xcf\x9f\x03\xd5\xdf\xafwN\xd5f\x15\x9aG\xd4\x97\x1c\xb1x\x96\xee{\xee\xdc\x1f\xf8\xb7\xe0\xf6)\xfd4p\x99M\xb36\x9eJ\xf0DQ\x85C&lt;}\x08jm\xbf\xdb~\xf9\xae7\xd4999i\xa6\x93\xc9p(\x9a\x8c\x0e\x1b\x8dK\x9e;\xa9o\xf6\x06\xfd$NL\xe9\xcd\x1b\xd3\xabf\xf3\xe3Q\xde\x96\xa0\x04\x9e\xcew\xf3\xdd\xd3\xd3\x9d\xfa\xc3?\xdf\x9c\xafw\xc0\xf7GG\xa5t\xf20\n5b\xbcc4&gt;\x9a\xbd\xfbpo\xc0j\xe9&amp;\xbe\xd1\x9b\xa67\xcc\x10$R,T \x00j\xe5OA\xa1\xa3\x8b\xfaRj*\xd9R\x18\xd4\x8a\x86F@,\xa3\xf1\xce\xec\xe8\xc0\xb1.M&lt;\xd4\xeb\xcd\xf76\xa6\xa7A.\xf6\x06\xeb\x08\xd0c\xdd\xaexr\xf4\x07\xaa\xdf\xa1\xbe(J3\x1d\x0e\xf7\xa9\xee"\xaa\x7f\x18G\xaf?\x194\xd6\x95\xeb0|6\xeem\xc0A\xce&amp;\xd8\x04M\xab"2\xd7\xc9\x17\x00\xeaSA\x84("\xaa\xe8\xc85\xcb\xec\x9d\xff\xf2n~1i\xe5Y\x1c\x1f\x04\xe4^)p\xadU\x11,#RT\xbc6\x14\x81\x91P5D\xac&amp;\xa2 \x19\x12n\'(\x0f\xe5\xc6\xc6} 1\xc6&gt;\xa0d\xa2\xc4\xe4\xf2\xb4\xa6\xdd\r\x0f\xd6\x08\x0f\xd31\x90\x8c1\xbb\x10\xd9\xd8\xb5\xfey$1$S7\xbaF\xd6\xc4\xf4\xc1\xae\x9bnv\xb2\x93&amp;k\xf6\x1c\xe8\xcc&amp;\x9b\x9d\xec\xcc\x8e\xecA\x89/\xe8\xc7\xef9\xbf\xef\xef\x1c\xf8\xfd0hZY~\xaco`K\xecZ\x0c\xba].\xb3\x9e\xee\xe9\xf9\xacg`\xc4\xa8\x05\xae\xbf\xfe\x03\xe3+h f\x1e&lt;|\xf0 \x1c\xd6Q\xf4\xd8\x98?\xed7Y\xff\x1fX\x7ff\xb4F\xad\x1b\xd2\xb8\xd8\x15c{\x06\x9e&gt;\x1d\x18\x98\x02\xae\xdf\xfe\xbd\x14l\xf2\x19@={\x16\x0e[\xac\x98\xc1\xf4\x98\xd5N\xab\xca\x8d%\x12\xbd\x05,\xa3\x19\xb8\\n\xf3\x08;\x80\x1f\xa9?\x05\xb0\x98\xd6\xed\n1\x89\xdf=\xc6w\x99\x9e\x01\x96\x8e\x9a\xf3\xf9\xd2\xe9\xf4\xb8\xdaN;\xcb\x8fu\x82XZs*\x15\x04\xb9\x12\xec\x00t\x84\x9f\xf5\xf4\xf4\xb0~m\x88a\xed3\x00\xf5\x10\xda\xf7\x19h\xb3\x96|^\x86K\xab\x1f#\xd6G\x1f\x95\xd9\xe6W\xa1\x99\x07\xaeE\xe0r\x85b~V?\x80\xd3\xd9\xa7\xf0\xc7M\xb4c&amp;\xfc\xf0\xe1Cl\x94\x1d\xc9Y\x10\xcb\xcbq&amp;5\xa8\xd5\xb6\xba\xdc_\xd6K\x06"\xd1\x9f\xd2\x805\xc5\xb8S\x0b\xa9\x8c\xab\x8b\x89\xfb\xf5\xbf\xfe\x14\x86\xd9\x19\x8c\xf0/?\xff\x1c|4\xac\xd3%\xa7\x97|i\xef\x1a\x97\xb6\xa2Z\xbe\xbf\xfc\xed\xf5\x9b\x97\x1deU+m6\x1ac1\xed\xe2\xc2\xf3\x85L\xd0\xcd\xf8Y\xc4\xfaj\xe6\x8f\xbf\x0f\xc34\x86\x9f\xf6\xabT\x1ejtn\xdf\xcb\x85B\xdeq\xb5\xdaa\xa7\xd7~\x15\x8df\x8f\xcb\xb91n\xbf\x0eu\x19cS\xf1\x989\xf8\x1c\xb8\x0e\xe6\x81\x8b\xb6\xd3\xf6\x99p\x18\xe7\xf9?LNN*\x07g\xa7\xe7\x96\xbc\xdc\xfcbh\xcc\xe0p&lt;\xb6\x8f\xaf}2\xf1"\xba\xb5W\xb6S\xf3\xa2\x97\xc7_\xb8`P\x1c\x99\x8ai\xbbR\x91\xc8\xf3\x8ck\x9e\x89\xb3&amp;\x96~&lt;\x13\xfe\xf2K\x18x&amp;\'U\x9e\xb6\xd9\xa5\xfd\xb5y\x97\xcb\x9d\xb6:\x10\xcb\xc4u\x9e\x9dE\xb3\xf9_\x94K\xad\xa1w\xd9\xdb\x1f\xb0\xa6\x8c\xee\x12\x97\x9bK\'\x12\xb4\xdd\xa1\xd3\xe9`\x92\x04\xaa\xd1\xe99\x9fw\xfe \xe3\x82\xc2\x02,\xb5\xd5\xc4m\x9e\x9d\xbd\xd0\x0c\x9f\x96\xe9tz\xc7j.\xda\x19\x0c\x19c##SSF\xf3\xe2\x02r\x05]\x9c\xd7\xcf\x9a\xc6\r\xc9$\xe5\xf1(\xdbf\x8bZ\x01\x15\x14\x96\xc3\xe2P\x03V\x08\xb1\xf8\xc2\xfc\x93\xf2\x9c\x02\xef?\xcaF7\x8bXz\xfd\xc8\x14\x83\\\x1b\x91\x85\x94\x8bK\xc3\xd67=;=]\xbc&amp;\x82Ze\x90\xca\xa0V[\x1c\x8e\xa4\x95E\xac\x89\xe6\x8a2\xc9\xd5\xb1\x93\xe3\xbf\x00,\x06\xb1\xf4\xfe8\x13r\xa5"\x1b\x1bx*"\xed\xf3-\xcd--\xf9\x96 \xf6\xd7\x0e2\xc1\x90w\xcc\xaaF\xb5\x1cI\x9ae\xd6\xcf\xce\xce\x9a\x15\xb2\xfc\xa3r\xc85\xf4j\xabyb7\x18\xd2\xc6\xfc\xc5S-~\x86sg\x8a\x82A\x1e\xf7}\xfbkkk\xfb\xde\xb5\xb5\xf9`p\xde\xeb\xc3\x0cB8\xc0MYo\xe6\x1cj^!\x93]\x95\xe1\x00\xb1h\xbb\xc0\x8fNl,\x02\xd6\x88\x1e\xc1\xc6\xfc0\xc9\xe2\x8d\x9e\xc8B\xc6\xc5q\x1c,\xbe\x03\xfc\x02\xa5L\xe3jK\x89Jm\xa5\x13\xb1\xf9\r\xc0"\x02\xb2\xfc\xf5\x1f\x89\xfd\xa8\xff\xa8B\x1a\xed\x8e,vi\x8dq}\x82\xd5\xebY\xe42C\x8b\x13L-\x80\xb5\x063\x07\xc1\xe0\x01\x07B\x8d[KP\x80\xe5\xb0#Vh\xe1\xfc,\xaa\t\xc8\x84{\xd7}!V\xd4\xf16\x7f\x8f\x07X\xc1.\xb31\xe6O\x8c\xb1l\x02\xfa\xa9\x18c\x0e1\x0c\x18:\xc7y\xbd\xfb\xfb\xbe9\x03\xa5\x06_\xb0\xe8t\x16\xfc\x86\x1cZi\xbdQ\x9b:?\xab\xd5\x88e\xe2\xfc\xc9\xf5\xca%\x82\x14\xf2\x00\xeb~$\x08\xd3X,\xee\x1fcM46\xeaq\x86I\xa7\xa1\r\x85\x99\x1e\x82\xb2\xe8&lt;\x1e\n\x89t\x16\x8fN\x85\x87\x7f\xac\xa6\xef\xb0\x0221yu\xad=\x0e\x1e\x1b\xc9\xd65IP-\xb7Y\x8bX&amp;\xdaJ\xd34\xeb\xf7\xc7\xfd~\xd3x\xa9\xc2u\x18J|\n\xabtHe\xc1\x8a\x1f12)L\xa2lX,?|5t}\\\xa2\x8e\x97{[\xcduM\x82\xe6\xee\x8d \x8c\xfa\xd08$L\xb4\xddn\xb5\x82^~@\xc4bR:U\xceI\xa0Q\x02WxR\x05\x81I\xa4Ml&lt;\xa6\x8d\x9cOtge\xc3}6\xb2pm\xf7\xdc`\x96\xde\xb9\xca\xd6UU\xb5\x135/\xd63\x8b]f\x06,\x82\x05\x16\xabu\x1c\x87\x08\x93\xc9\x0eb9a\x9b\x9et*\x95\x80\x83\x9b\x10b9\x92j\x9a\x1d\x8b\xc7B\x1b\xe7\x13\xd1\xacL\xd6g\xb3\tOO\x96\xaf\x01\x0c~\xc3\xd0\xf6Q.[Uu\xa3\xaaU\xce\xab\xedL\x01\x16\xca\x05Xv\xdcY\x80\nV\x9e\x03Q&amp;\x9d*\xe5 r\xe1\xcf\xf0\xfc5X\xbci,\x11g\\\xeb\x80\xa5\x18\x0e\xf4\xd9Z\xe5\xc2\xfc\xde*\x80\x89~^.A\xa9W\x85-^MUsU\xf3=\xb9 z\xff\xf9\xa2\x1b\xe4\x02,\x9a\x06\x8d\x0c&amp;\xa4\x02C\xb7@\x06KT\xca"\x15`\xe9\xa8$\xf4\xac\xb0*\xb8\xcc\xee\xf9D\xb3p8`km\xad\xaeVl\xe5\xae\xdel\xff\xac\x12\x13\r\xed\xec\xe5.x|\xc0\x02\xb5\x1a\xe4\xf55\xdd\x1bE\xac\x18\xd6&lt;`Q0\xdf@6q\x9f\x81\x06\x02\xeaJ\xd9\xdb\xfbA,\x9d\'\x99\xb4\xd2l\xc2\x9f\x0eE6\xcf\'.\xef\xc8\xfaZ[\x9aZm\xf5B\xe1\xcaE\xee\x08s)\xfa\x9fJ\xaacy\xf5(\xb7EH\xea\xf8\xd2\xba\xaa\x1b\x80UOj\xba\xd7\x83nw\x88c\xe2X\xf3j\x8a2X\xd1=\rj\xb0\x06\xf0\x06%r9\x9d\xdfaY\xa1\xe0a\xa9.n\x9c\x9fwkd\x01[KKK\xabM^O\n+\x88\xad\xfc\xf1\x9b\xed\xfe\x9f\\eP\xe7/W\xf7\xf2Y\x9e@\xc2\xab\x93\xf2\x81\xaa\x16\xb0\xc4\x8a\xe6\xce\x0cL\xfa\xb0\x01\xe9Y\xdaJA\x18\xc0\xb1\xd4\x94\x03\xcc\xca\xe3\xf1\xe8\x10\xca\xe9\xfc\x06\xb0\x94\x90C\xc4J\xf8\x99\x85\xdd\xf3\xfb\xb7\xb2\x88u\xf3&amp;p\xb5\xb6\x93BB\xd0\xb8uQ8\x82*\xfbi\x8e\xd0\xbf\xf3\xee\xf8(\xa7\x81\xfc\xf1\xf8\xcd\xfc\x9a\xaa\x1b\xb5\xb57\x1a\xe4b\xf2\xf2V\xc4\xe5\xee\x824\xfa\x11\x0b\xbc\xd3`\xb5\x1a\x80\n\xe2{*\x0c\x95\xd2\xf3uI\xad8\xe4\xf0~\xe7\'\x15\xb2@k\xcb\xcd\x96\x16\x9b\xad\xa5\x81X\xa9\x94j\x1a\x1b\x1bWr{\'?\x16L\x84G2\xde~\x9b\xbb(\xec\xe5\x05&lt;\xbe\x94\xc7\xaf\xa9i\x06\xaa\xda\x1bu\xd5b1\x11\xdd\x05\xe7\n\x85\x988\xba\x15`Q\xe8\xeej\n\x1f\x1e\xac,\x08g\xb1\xfa=I\xc38\x0e\xd6Lf}s\xf3v\x16J\x0b\xc5\x02\xb5\xda\xeb\xf8[B\x89T hT \xd8j\x7f\xc7\x8f\x81\x12\rm\xaf\xbe\xcag/N\xaf\xf2\x8d\x02\x81\x94\xcf\x97~\x8f% \xc5\xc2\xcb[\xcf\x11\x8b\x8b\xc1\x124X,\x14\xa5\xc6M\x07\xb4j\xa3\x06\x8b\x15\xdf\xebT\xa9\x90\x8a2L\x8f\xcf\xc1\xac\xe1\x8a\xecnv^\x92\x81R\x0e[Z\xfb\xe4|))\x93K\xa5D\xa5BA\nW\nOv\xfe\xab\x93\x89\x86\x96O\xf6\n{W\x87\xb9\xd3\xc2aV@\x08\xa4R&gt;\x90\x95\xb0&gt;\x96\x90w\x02Y(\xfaP(\x04Y\x04,\xdcq\xa8\xd1Q\n\x85\x02s\xe8\xc5\x82\xefE\'-a\xcd\x99\xe6|k\xa9\xf5\xdd\xcd\xdb\x84\x18\xd7a\t\xab^rO.\x13\xb7K\x08\x05I\xd6\x93$yz\xf7\xee\xdb\xe5\xa1\x1f^\x97"\x10\xea\xcdq~\xab\xf0~\xef\xb4\xb0\x82eETK$R\x1e\x8fWS\xc4\xaaj\x07,\xb2\xe6\xd6\x02PqLzl\x1cj\xde\xe2\xa1\x8au\xa5\xf4(Kba]\x15\xb1F\r\xd0E/\xed\xbb"\x90\xc2Ky  /R5U\xdb\xaa\xa5\rr\x99L.QT\xcaIa\xbd\xa2\xe2\xf0\xe8\xd1\xdd\x93\xd5\x9d\x97C\x1d?\xe0\x9c\xdb\'W\x17\x17\xb9\xd3\xab\\\xeeP\xc3\x87\x92\xaa\x91\x10\x02\x89\x04\xb0\xf8%,\xa9\\\x1c\xb8\xa3\xe9\xdep\x99\xcd\xe6"\x96\x1a\x89\xf0\xa1T)\x8b\xd1\x8b\xb6\x059T))\x036\xf7Kk\x0b\xeb\x9b\xbb\x97D_\xa0\xaf\xfd\x1eP\xb54\xd9l\xf7\x1a\xdaI\xd9p};A\xd6+\x84dccE\xee\xfd\x93\xf7\x85\xdc\xf1\xab\x9d\xff\xf4\x8e\xc0\xd0\xea\xeb\xd3\xe3\xabB\xa1\x90\xbf\xc8j\xf8\x1aX\x845&lt;\xa2\xb2R \x10\xf0\xa4\x1f\xd4j\x90\xf7\x05\x02\x8a\xe8\xed\x0c\x18\x17\x13\x87\xe6j\x14K\x8aJ\xb6\xb5\r\x96|\x14=\x1e\\^Y\xcc\xe1,L\x1d&gt;\xd7\x06\xa4P\x03/\xb35\xdd,U|k\x13!\xbcsG(\xaf&amp;Ha%\x84\x82\xa8\xb8\xc8\x1ff5\xd9\x8b\xdco\xfemYB\xa1/\xbf\xcbe5[\x87\x87+\x8d\x9a\xacF\xa0\x01\xac\x1a\xbe@Q_O\x10\x80U\xf7\x01\xab\xbaO\x1c\x10\xf3\xa2_\xccs\x1c\xe3M/\xcd\x02\xd6`1\x8bm\x83\x10\xd8ky\x8a\\8\xef\xcf\xe2\x18\x84bm^\x12\xf0*[S\xcb\xcd\xa2mA\xe6V*\xe4\xd5@E\x92\x95\x84@@H$\xf0\xaf\x13\xb0\xbc*\n\x8f\xd0a\xff%\x19\xf8\xf9\xb7\x17\x1a\xcd?\xab2\x9f\xd06\xd23\x8ckF3\xc3\x8c\xc63\xceHd\xfee\x16\t\xcd`\x99\x01\xc1\x04J\x8eE\x88\x82!\x88\xad\x0e\x85\xf4\xe0l\x0f\xf6-\x87^\x0c&amp;\xd4\xbe8\xd0\x10_L\xee\xbb\xa2\x97\xdd\x10\xda\xc3\xb2,9\x08T\xd8\xad}\x0c$&gt;\xd4\xd0=8\xd0%&gt;\xa4\xb8]\xd8C\xf1!\xf4\xf7~#\xef\xa6\x9fl\xc9\x1el\xeb7\xcf\xfb|\xcf\xfb~\x89\x9d\x031G\x1e#\x9fS\xc4&lt;u\xa2(\xa6\x8e\xd7E\x0c\xbd\xc8\xdd\xde\xce\x0e\x1f\xfe\xfe\xc9s\xc6\xbf\xfb;St\x12.^Q\xed\x06MH\x99\xff\xd6-\xc1\x02\xec\xe4Z\xac\xc2\x1c-\xad\x15+\x18\x9b:8\xa4=\x1e\xb1-\xdd1E?\xcb^\x9com\xfd\xe9\xd3\xbb\xcb\xff\x8e\xbb\xfb\xd7\x7f\x1d\xbf\\\xe4\x1aXF\x96\x03\x05\x16\xde22]\x87+\xb5\x8d\xfc\'\xac\x18\xb9$#\x18\x91\xef\xbd\xd8\x04KTZg3No\xd7\xab\xc6\xdaX\x9f\xde\xe6\x9a\x88\xf5\xb7\x8f.S\xc4r\x82\x01X=\xb0b\xcf\xe3mt\xcb2M\x058\x9b\xadNVY\x93"2f\xe7W\xc7\xc7C\xd2\xfc\xee\xaf&gt;\xfd\xf6\xe2\x1c\xa5r\xc1\xf2\x04\xcb\x13,M3,}\xb1X\x98\x8en\xd9\xf9\xb5\xb7\xca8\x12w\xf5\x1f\x1f(\xac\xfd\xe9\x86\xc2Z\x17\nIUN\xac\x92^\\B\xac\xe9\x1e\xce\xfa\xf2\xa3K\xc4r\xddh4X\x93\x96\x18\x94\x95\x9f\xdb\xdc\xb0e\xe9,)\xddlRcM\n\xf4zs|\xfc\xbe\xf1\xed\xee?\x8e\xbf{\xf9\x0e\x08\xfc\x9d\xe7\x94\x98*\x1a\xe2\xacf\xd3\xb3\xf9\xed\xcc\xca\xc8\xae\xce\xe1\xcdZ\xad\xd2\x8e\x9c\xb1k\xe6\x0f\xbf\xff\xed\x8b\x13\xc1\xaa\xd5\x9a\xaeO\xe5C\x05\xfe\r\xd9\x8dG\xeb\x82\xba\xff\xfc/_}yG\x8b]\xd6\x18o)\xc3W\xb9\x9d\xeajY\xdc\xb1l)\x13,\x1e&lt;\x17\xa6n\x9d\x9d\x1f7^\x9e\xbd\x9b-,\xd8\xe7\xcd\x0e1ex\x82\x95\xcf\r\r\xe5\xc4\xeb\xd8\xbe\x13\xe2\xb2\x9f\xb1\x90\xcb\xdd\x9e\xdf\xf9\xec\xe0\xc5\xe6\x8b\x17\x9b{hst$r\xad\xf3tC$\xe3\nXJ\xaf\xcd\x83G_=T~\x17\xac\x81\xc2\n\xcal\x81\xa9\xa8\x1f+r,\xbd\xe6\x12,%\x18\x9b\xf3\xaca\xd5R.t\xd4aQ=\xc3\xe63o\x1a\xba\x89\xc2Z\x9f\xbe#\x9f\x8a\n\xacJ\xaa8v\x17\xf3\xb7\xaf\xee\x81u\xff\x13\xe4:\x82K&gt;\xb1\x98Rkc\xf9\xddt\xff\xde\x1f\x1f}qi\x8c\xdd\x0f\xd5\n\xc8v\xa0\x1c\xb8"\x9d\x0f]\xb7}\xbbP5\\V\xd2I\x1b)X\x0er\x1aM\xec\x04\x97&amp;)\x85HF\xe6p9\xa3\xb2\x97\xcdN\xbfu\xb3\xc6\xea\x86\t\x96\x05\xcb\x9c\xbf\xfb\xcf\xf3\xcd\xcd\xdf\xd5X\xbf\x04\x03\x81\x8e6h7;K\xb5Pp\xef\xe9\x93_?z\x9c\x8fk\xac(\xee\t\xd5\xa8\x0c\xc0\x82*\x8a\xa0\xa2\x8c\xc2\xe5e\xb3\xd9l\xa2\xb8\xc0*\xccF\x1c[\x91\xa5\xa7\xb4sQ\x93B\xe2/*\xa7e\x16\x9b\xd7\xd2\xa4\xb0\x9a4\xc4g@\xad\xb4\xbaIU\x05"\x97\xa9/\xfeyp\xb2y\xff\xe9\x8e\xc2\xaa\xd7\xd1\x06\xedf\xefv]\xd6#\xc4:\xf9\xc3\xab/.\xd9\xbaR\xc4\xb1KK\xc4\xf0\x01rK\x1f\x8c\xf0\x15d\x91\x80e\x9ef\xeb$\x04\x0b0\x9e\x1a\x11U\xcc\x0c_.\x9b\xaeek\x1d\x8c\x8fDT\xddu,#\x0c5/\x0c\x93n\x8d\xd5\xa2\x86\xbd\xde \x16w\x99\xa6\xc8\xf5\xf4\x17{K\xac\x8f?\xe6ic\x8aX\xd3\xdfPD\xd9\x06{O\x9f\x1f|\x06\xd5\xd81\xa1\xba\xc6J\xc2*vR\x9bJ*oE\xa4\x18;]\xf3IT; b-\x890\x8a\xa8gyS\xcbt\xc7ef\x11\xe3\xe3\xf1\xa6-\xf7\x11eZ\x08\x13\xc9\xdcn\xd5X\xa1\xdf\x1b\xf4d\xe8\x15\xd7\x8b\\\xfb\x9f(,\xb8\xbe\x81\xeb\xd6:Mp\xe7\xcf\xe4\xbe\x8a\x8c\x9d\x93\'\xdf\xdf\xc9E\xd9\x1a\xcb\x1dAU\xb5\xba\xddv\xe2\x93\xeb\x80\xe9R)Sy\xc872\x1e\x9a\xa7I\xe0[\r+\xcb\x0c\x9c\xae\x8b\xac\xba\x95RF\x1c\x9e\xcb\xc0\x11YvS\xa8\xd6\xd6\x14\xd63I\xad\xaa\xaa\xca2\x88m\xb9\xd9\xf9\xe7\xff&gt;\xd9\xdf\xb9\xbd\xfe\xfa\xe8\xf5Q\xed-\x11k\x87vT\xefJ\x0c\xff\xea\xf3\xcb\x14a\x97j\x99\xd1\xa0\x17\x848\x81\x95\xd0\x0e#\tz\x89z\xd1\xcb+u\x86U\xc3\xa2\x05\x11\xb0\x8d,\x934\xb7\x14\x05M\x90,@\xaf\\\xb2=\xb2\xca0)\xcbj\xadW%\x82\xf5\xecf+L\x12\x0e\x1b\xbe\xdf?d\xbc)^m\x00\x00\x04\xddIDAT\xf5\x9bo\x7f\xdcG\xac\xd7\xaco\xe4\x89@\xd8\xdf\x07k]\xad\xe9\xf4\xe9\xc1\xdb\xc3\xbe\x96\x9a\xb8c\xdb\x15\xdb;A\xe5w\xf1\'\xf2\'\x81KFq\x7f\x8a\x8a)\x82d\xd2m\xcbv\xa4\xb6\xba\xd5\xc8\xf2N\xc7\xc8\xb24e:\xee0\x87\xcahE\x87\xe6.bJ\x1dGq0\x18\xf4\xae\xb1Z]N\xd6+\xeak\xd9\x98\xf3\x1f\xf7\xa6 -\x17`?\xc8\x12\xc2\xd7?\xf0\xf5\xdf\x0f\x1e\x1f"q\xd3\x83\xccQ\x9b1\xae\x12\xea\x17\xc7\xf1\x08\xc7\x15*\x0bb\xfa\xb6\xda\x8dF\xe9\xa4)\xb3D\xcaCo\x18\x9d\xbe6\x97\xf4\xa4xMu\x9e`\xe7\x11\x13\xb6\x1d\x153n\xd4\x8cF\xa3\xa0\nW\x04\x85\xbdH\x0bRH\x12e\xad\xc5\xf1\xc5\xc5\xc5\xd7\xd7\xeb\x81zV\xdfs\xf9\x02\xce\xff\xbe\xeb\x84r2\xe9k\x19d\x142\xaap6\x06q\x8b\xc9\xe9\x99\xebJ\xae\x17\x8c\x81q\xaa\x9b\xb8\x0b\xb9\x16\xf4\x94\x8c\xde\xd2h\xf6\xfb\xa2O\xbf\xdf?\x84\x0b$M\xf5\x9df\xe2\x99\x05\xa6(\xe4~b/Y\xb9Y/e\xb1V?\x0c\xfd\xd2\x0f\xf37W[j=Pk\xf9\xf2\xd3\xba:_`\xc2\\\x0eM]\x9f\xb0\x1a\x8f\xe3\x04\xb5\x8c\xd4\x14\xac\x89;\x88\x0b\xe99\xab\xf2\x16\x91\x93\xd2\x1bi6\xf8\x8b\x96\xdcP\x19\x0eF_^C\xb8\xe8\x8eyN\xad\xbam\xec\x8d\xbb=/\xb0\x03_Fy\xd5\xac\xf99\x1cVU=Zn\x99\x9d\xefn}\xb0&gt;@\xe2;\xce\xbd\x0e\xc3\x06\x1dU\xe3\xcf1\xa9\x05\xb8\xc1W;\x10\xe3\xca\xf0\xb56\xdaV\x01\xbaj:i,\x03\x8e\x82"(\xf4\x064\xa2\x11t\x9a\xe1\x87\xa1\x10j\x0c}aWm\x98\xae$\x04\xbb\xd9\x0f\xc1\xe9\xb7Z\xdc\x81_Iv\r\x06\xf8.\rfp\ry(\xa8\xad\x0f\xa9v\xdf\x9fY\xe6\xf6\xf66\xe9`\x9a\xa9\xcd1\x85{\x0cl\x19\xc1\xcb\xaa\x92\xd0i3=\x8fT!%\xd7\x1d\x9b\xd1&lt;S\xc3\x97EnA\x95\x8b\xcd\xfb\x1d6\xa7\'\x06c\'b&lt;/\x81L\x12\xb4%\xfb/\xf1\x85]6a\x8f\x84\xe8\xc9\xbfo\x18\x12\xc0\xf1\xec\xfd\xee\x90\xb55\x1c&gt;\x18\x823\xdc\xe2e\xf8\xf5pxu&gt;\xcb\xcc\x99\xc4\xf6\x0c\x87J|\xdai\x1c\x07T^\xeeW\x86\xd4\xd1\xd8\x9dL\xdc`\xacF\x07~\xce\xcc|\xf6\x1b\x15\x9eI\xcaw:\x97\xccY`5\xc5ml\xcb~\xa7\x1f\xd2\xa1H\xde2lu\x05\x8bz\xb6\x13\xee\x16\xa8\x12&amp;2\x83\xecBj\xa683;;\xde\xad\xb1\xd4B\xb4\xa1P\x1d\xbf\xd4u\xde\xc9\x949\x01\x1c\x80\x10\xa9W\xb5\xd1\xbf%XkcQ\xe9l5\xea\xad!\x98\xf4\x1b\x06\x07\xf2\x93\x19_\xf5k\xb0T\x11\xa9a&amp;\xb3\x96\xd1Q\xfa\xd8\xfc\xc1\x19\x9d=T\\\xaa\x98\x14\xcf/E+^\xfdR\xe6\x1f\xd56\xe1\x1a\x8aT\xf2q\xbd(`\xe6,\x91l\x8f\x8e\x82L\x95\xa4\x95\xf2\x05\xa6\x1d\xb8g\xa7g\x93\xc2e\\mW\xc1\xb8(\\\xb7p\x1d\xdb\xd7taZ\xdd.\x14\x96\x9c\xe5\xc1\xca\x9b\xb8\x08\x85@\t\xd9\xad\xb3\xd9"E1u{\x02&amp;\xa5\x84\xa9\xf4\x13\xf8J\xa9\xa2L\x1fVz\xaa\xf4R8\xbb\xbb\xc3\xdd\xba\x80\x163BD\x0c\x05\xb2\xcaAO\xb9IU\x8f\xcd\x12\xbb\x93\xd3\xd3\xc9xPu\xdb\x03\xd3\x0czq\x9dj\x91\xa1e\xd7X\xec?\x15\x0f\xfd\x9c\xd9\xaaU\xdbI\x1c\x15\x96)\xaeX\x98)`\x02J\x92b~\x1f\xcd\x12\xbf\xa2\x90T\x05\xac\x94\xb7\x17.\x85#X\xac\xab7\x0b[\x97S\xe9\x92\t\x89{\xb5V\x8aI\xce=\x92\x0fc\x8eg\x15\x11\x11\xf1\x1aD&amp;\x82\xe1z5w\x11\xff\r!\xeaH3\xd1\xe6\xcd\xbe"Z\xa9W+\xe1@\xb2@1\xb6\xa1\\\xef.\xb9\xa0\x92\xc6X\x96lu\x9a\x03\xa1\x9c\t\xd7\xee\x05dBu|\x9a\xa6*\x86m\xbb\xa6BaE\xd5\x96T\x19ER]\x0c$\'\xec\x80h\x0c\xa0M\xaa^\xec\x8a\xbb4O\x87\x8b&amp;\xda8T\x81\x05WGz\xa32\xd35W\xe8\xd36\xf0\xben$J\xc4\xae`%\xb2\x96X2a\xa7HVs\xd5\xeb;rA\x82\x98\xae\xb5\xa4B\xadj\x99t\xd2id0u\\\x19\t\xe3b\xd5)\xdb\xdd$\x88\xabn\x15\x15\xab\x85\xee\xfb\x06\xad\x88\x03`\xe3\xd9!\x11\x01\xd6JG\xd3t\x0e\xae\xda\x07`\xdd.\x16\xd3us\x91\xf9\xdd\xff\xe3R[\xd23\xd4t\x92bk\xfb\xec\xbdb\x1a^\xbd\x99\xd5f\x8f\x96XA\x8d\xd5\xe3\x1c&amp;\xe7C\xeaG\xaa\xc4\xec\x01\x1cV\x14Q%\xb3D\xc0s{\xe0\xa2\x96\xef\xe3\x0c9K4\x9e\xdd\xbcVK\x9b\x13\x0b\x99%E\x13/\xc1Q+F&gt;\xe9\x12\x16+\xb5\xbf\x12_\xb0\xd8\x8bj\xc9A\xc9\x8ec\x9b\xe3\x9d\x14\xf0\xa5)s\xba)\x031\xfd\xb8\x16K\xad@\xfa\x8b\xa9N\x16\xc2+\x99\x111P\xb4\xbbU\x10$\xd2Q\x98\xa6\x03M\xf5bNZ\xf9\xff\x00\xa6\x18F\x17\xfb\x94M\xd0\x00\x00\x00\x00IEND\xaeB`\x82'</t>
        </is>
      </c>
      <c r="M33" s="3" t="n">
        <v>45492.67628472222</v>
      </c>
    </row>
    <row r="34">
      <c r="A34" t="n">
        <v>47908</v>
      </c>
      <c r="B34" t="n">
        <v>1961</v>
      </c>
      <c r="C34" t="inlineStr">
        <is>
          <t>Douglas Costa</t>
        </is>
      </c>
      <c r="D34" t="inlineStr">
        <is>
          <t>D. Costa</t>
        </is>
      </c>
      <c r="E34" t="inlineStr">
        <is>
          <t>PD</t>
        </is>
      </c>
      <c r="F34" t="inlineStr">
        <is>
          <t>ATA</t>
        </is>
      </c>
      <c r="G34" t="inlineStr">
        <is>
          <t>PD</t>
        </is>
      </c>
      <c r="H34" t="n">
        <v>172</v>
      </c>
      <c r="I34" t="n">
        <v>90</v>
      </c>
      <c r="J34" s="2" t="n">
        <v>33129</v>
      </c>
      <c r="K34" t="inlineStr">
        <is>
          <t>Left</t>
        </is>
      </c>
      <c r="L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b531367-e8cc-4203-b209-4c68acd790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2#\x1f\x00\x00\x02\xfdPLTE\xff\xff\xff~Q&lt;sN=sL9xUC\x9caNoJ9\xfe\xfe\xfeyO;)&amp;)\xa8wgnL=wQ&gt;\xae|k|R@\xa1dP-*,\x96^JUA:O&lt;6#\x1e$\'"&amp;\xf1\xf2\xf9jI;\x84U&gt;\xa4tf\x88VA\x83Q&lt;\xa4iS\xaf\x7fo\x90ZH\x89WJ\xaeu^\x01ed~WF\xb2{h\xaazj\x85TE\xabqY\xa0rc\xdd\xdc\xdesRB\xfb\xfb\xfa\x98k[kOA\xadxd\x82QBb@4 \x1c!\xb4~j\\@6\x84&amp;0\x9em\\\x8eWC\x1c\x18\x1eoQEV;4\x9bocmF5zI;1%\'\xf8\xf6\xf5\x95[GxNB\x9446\xe0\xdf\xe4}RG\x14\x11\x16:..\x8d[N\x9chT\xa2jYuPJ\\91E0*fE6\x93`O\xabiWC21sF6\xa8sbP6/\xb1ydM.&amp;]E=oWS\x84]Q\x9fdW\x06LN\xa8dU\x84UOrLD\x8bf]K63cI=\x84c[\x95lb?*%\x13LL|!-4+.hL?\xb6\x81nlB&lt;\xa5j^\x8c.2\xe0\xd6\xd5\x93h[\x97]P\x01``w]X\x9abU\xe5\xe2\xe2\x8daM\x9b9;lJF\x7f`X&lt;35\xed\xea\xe9cB=\x07FGF79\xf3\xf0\xeffEByZN\x8a\\G\x03A@\x82ZH\xabk`\x9evk\x8ekb\xb1\x83s\x8cZU\x11TW|TO~\x15.\x95eShRN\x8dcWU3.\xa4p^dMI\x19\x15\x19\xb2od\x9eYJ\xd5\xd1\xd1\xe5\xe3\xee9#!\xb6\x85urVK\x80K:\x08VT\xeb\xec\xf4WDB\x0132\x05:9\x10[\\t\x1a) FC\x1bMM\x8a\x1a4\xbf\x81l\x8cPB/\x1f\x1e\xbaunh@2\xc3\x8f|v\n\'\xd8\xc9\xc7L@@\xb5zt\xd1\xd3\xdd\xb0sk\'\x1a\x1b\xbd\xb4\xb1\x94^[zD3p@1i:*\xbb\xa3\x9euE=\x98\x1f&lt;\xc5\x85u\xbd\x87\x84`::\x98QC\xb2l^\xa6=@\\JI\xa7}pogi\xa8$A\xbb\x88t\x99\x8e\x8c+ME\x80H@\xa7[M TT\xa6\x9f\x9c\xd0\xb5\xb3\x93&amp;6\\+\x19\xb9tc\xc3\xbd\xbc\xbb\x7f|`3%\xcb\xc6\xc5\x1f&gt;:\xd3\xbc\xc1\x9cb_\x81jd\x8f5=\xae\xa9\xa8KLK\xa6W]\x9e\x84{\xed\xe5\xe3\xa4jj2XQ\x05)*g]X\x9bRS\x8eNM\xc3\x94\x8d\xae\x8b\x83\xda\xd9\xe9\x94\xa6\xa9\x9f+;S[U&gt;&gt;=u\x90\x93\xaf\x98\x8f\x853;\x8aH9\xcb\xa6\xa2\xc4\xa4\xbd\xbf\xca\xce\x89\x83\x82\x90tn\xd8\xc5\xd79ba}vt\xb4kSK#\x17\xbe\x82\x9a_\x81\x80\xa9\xb7\xbc\xa2Tq\x99:Q\xafi~Npo\x83\'I\xd0\x95\x9d\x91FaE~w\xee\xa2\x16\x1a\x00\x00 \x00IDATx\xda\xcc\x98\xdfO\x1ak\x1a\xc7[\x04\x81\xeaA\x98\x81\xd8Z\x8a\rmU~\xd4R\x83\xa2-`BPF\xab\xa3\xb6#\xa4R\xd0&amp;C\x97\x14S%\x14\r\x02\xc1v\rAZ\x8e\xc7tm\xc2m\xdb\xd3,Fm\xf6\xea\xec\x85!5\x9bxccrN4\xbb\'1\xe9\xb9\xa8\x97nb\xf6\x1f\xd8\xe7\x99\xa1\xdd?\xa0c\xbb\x8f2\x0c\xc4\xe8\xc7\xef\xf7\xfb&gt;\xef\xf3r\xea\x94\x00%\x95\xc2\xf7\xe7\x82\x97\xa7\xfe\x1fJ*5\x1a\xe7\xa6\x97w6\xf6\xf6\xf66v\x1f\xce\x18\x8d\xdf\x9fKjt\xcc,\xef\x1d\x95\x0f\xf6\x0f\xa1\xe2\x87\xfb\x9f\xca[{\xcbs\xdf\x91\x0c\x1dsL\xefl\x95Kq\xa5\x1cK\xa3\x91k\xe4J%\x1b\xdf?\xdehqp~~\x0f(#\xe8T&gt;\x04$\r\x12\xe1\x93R\xaeFB\xa52^\xde\xfe.`\xf0\'gv\x8e&gt;\xa1NJ\xa5\x1c\xaf\x08\x87h|q`\xc6o\xcd\x05\xf6\xed\x1e\xefW\xccS\xf2Z}.%\xbc\x867\x94\x87\xe5\x8d\xb9o*\x18@=\xdc\xdaG\xf74j\xb5\x06/\xea\x8e\x0e\x8b\xdab\x81\x1b\r\xbe\xc1\x9b\xaa,\x1d-\x7fC\xc1\xa4\xd2\xb9\x8d\x03V\xaeQ\x03\x86\xc5\xd2a\xb1X4\x88\xd5\xd1\x81\xb7\xc0f\x0165\xef\xe4\xc1\xde\x8c\xf1[a\x19[\xb6JrN\xa4\n\n\xfaf\xe1\x009\xd1\xd4(\x9a\x9c3Xyx\xb4\xec\xf8&amp;R\x9dr\xec\x96\xdd&lt;\x14RpX,\x0b\x89\xb7 \x12\x87\xc5\xd9X\xc9&gt;\x0b\t;\xf9\xbe\x0f\xb1B\x03Q\x10\xce0&gt;\xf3\xeex\x82v\xdb\xed\x00\x87Bi\xb8\xd5\xc9\xcb\x05O\xfb\xdb3\'\x9d|\xa0\xda\xdb\x87\x95\x86\xf1\x01(\x8d&lt;\x9eH\x90P\xc5$C\x10\xc5b\x11\xe8\xdcq7t\x0c\xec\x1a\xca\n\xde\xe1Q\xcb\xc9bA\xd8\x81\n\x0c\x02 \xb5\x9au\xbb\x13D0\xe6\x87rQ~?\x95J\xa5Vl\xc9 \xc3\x90t\x1cl\xe5\xc8\xb8:&lt;^&gt;\xc9\xdd\x08\xa8\xb6K\xd0\x16\x10Ln\xa7;\x89\xd9\x9a\xeen\x97\xcb\xd5z\xe5\n\\\\\x19o4\x9f\xf3\xea\xf5z[\x90 i\xb7\x92\x0f=\xf2\xc5\xcb\'\xc9\x05\x0e\x02\x95\xdc.\xb7\xdbi:0[S\xd3\r@X\x8d\x8d\xdc\xb5g \x07\x05\x97hj%H$\x12q\x8e\x1f\xf5b\x8f\x97O\x0e\xcb\xb1\xb1\xcf\xfd\xfb,M\x82P\xa2Z\x85\xa2\x15\xb8\x1a\xda\xdb\xdbu:\x1d^\x07\x00\xa9\xb7\xd7jm\xb6\x9a\xee\x8d\xa7\x16\x17\t7\xaeQn\xfb.?&lt;).\xc7\x0e\xe4J\xe9\xa6i\x92\t\xf9\xbb\xbb\x81\t\xc5j@&amp;\x9d\xd3\xe9\x84\xabj\x00*\x87\\\xcd\xcdO\xba\xee=^\t1\x04\x99\x88\xb3\xb8V\x8f[N\xa8\x8b\xeelb\xe3&amp;\x99\xd9X\xb7B\x81J)8\xa9\x1au*\xa7\n\n\xc8T:\x15\xa2\xe5r&amp;\xab\xc9d\xca\xe7\xbd\xb0\x08\xcc!\x86t+Y\xf6\xf0h\xfa\x04\xd6\xa3\xd4\xb8{\xa0\x94\xb3\tb\x16\x96^k+\xaf\x14/\x95jR\xa5\x9a\x9c\x9cD4\x8e\x0b+7\x10\x8d\xa6\xa3^qJl0\x00\x18\xadd\xdd\xa5\xad\x19\xc1\xb9\xa4\xc6\x87eV\xe9&amp;\x931\xb3\xbf\x1b\x96\x1e\x9f\xf5Fp\x0f\x88$\x92\xa9:\t\x96j\x92\x97M\xa7KCe2z\xb1\x18\xb0\x0c\xa1 \xc9\xda\x81koN`.\xa9\xf4_Gq\xf8\xc5\x85\x98\x9f\x82^P\x81j\xec\x99D&amp;\x89\x0fJRW\xc7\xa3\x01\x1c\xc6L\x97&gt;{Z\xa1\x10\x8bk\rbq(\xd8\x16p\x03\xd7\xa7\r\x87\xc0Xs\xdb\t6\x0eT1\x03\xd5\xcd5*\xae\x1fLN\x01\xd0\x94\xcf\xe3\xd1z\xb4&gt;\xc4\xc2\x07\xc8\x05\xcb\xb2\xe1\xfcK\x99\xacVQ[\x0b\x82\xd5\x04\x83A\x12\xfb\xff\xc1\xaeT\xe0`m\xb2\xee\x04c\x8b\xd9(C\xb7K\xd1\nJ\x01\x15By\xc2\x9e\xf0\xe0\xbc\'\x1c\xd6\xd6i\xe1\xfb\x7fX/o\xde\xac\x92\xd5\xf2X\xf5\xc1 C\x06\x80\xebxZ*\xa4\x85\xd3\xc7\xee8\x88e\xb3\xd9\xfc\x10-\x05\xfa70\xe0\xfb\xd5\xe3\xf3\x85\xe7\xe7\x97\xc2Pw\xeb|\x80\x05j\xe1\x8at\xa2XCCCU2Q-\xfaX\x836\xd2\x01\xda]\xda\x16r\xcc\x81\xee\x1e\xa7\x13D\x81\xa2@,0\xb1\xb1\xa7\x07\xb4\xb2\x86= \xd6\xfc\xd2\xd2&lt;\x96\x96\xa7B,\xb4\xf0\xfcM\x0e\x8b\x93\x8bO=M\'\xc8\xc0\x81\x90\xdd\xbe\xa5\x0c\x83\x02\xc1\xc4(J\x0c\x89\xd7s\x16\xf6\xbc{7\xe5\x9b\x02\x1f\xc3\xe1\xf9\xa6\xe1\xf9&amp;\x9e\x8b\xa3z\x05Z\xdd\xbc9\xf4\xb7\x1bCU\xb5X\x06\x919\x14$\xc0\xc4\x04\x99\xd8\x9a\x13\xae\x91n\x97\x80\x8a(\xda\xa8l\xd6\xa5\xcf@\xda!\xef\x18\xf8)\x1d\x00\xea$uZ\xcf`xp\xf0.\xa6\x9e\x97\n\xa9\x00\xab\xc2e\xa81c\xbb\x87\xd0\xd3\xf4\x81p\x9b\xf6t\xb9T"\x8aL\x92\xa2\xb2^\xaf\xb7\xb1q\x0cM\x84pM\xf64^\x81\xbe\xfaJ\xa7\x92h\xb5\x83a\x94K\xa5k?\xff\x12\xa1&gt;c\x89\xb0jB!\xa6\x93\x0c\xd0\xfdn\x1a\xd2%\x10\x96tc\xb3T,2\x85B*\x8bX\x0bQ\x84\xe2\xc8`ph\xfdG\xeb\xf9\x86v\xa7D\x0bjy\xb4u\xce\x86\x86\xd6\xd6\xd32\x19,C\xc8\xd6\x8d\x1b\xd5\xd5\x00\x06}&gt;\x08j\x01\x17\xe4\xebxF \xac\xb9\xadbq\xb3P0\xaf\xa4\xbc\xde\xbc7\x9f\xcb\xe7\x90\xa8R\xb8\x03\xbdjw\xaa\xc0H\x10\x8b\xf3\xb0=\ro+d"QU\xf5Puu5b\x99\x83L\x1bA\x90\x81@\x80\xde\xdc\x15\xc6EiK\xb9T(\xc4\x16WVR\xf9|$b2\xe5\xa2\x00\x85\xb1\xe7\x16\xe4\x80\xae\x1d\xb0\x9c\xd0J}\\\xe2\xa1g\xa9z\x07\xa0\xc9+D\x1c\x15\xaae3\x83\x8b\x1c\x16I\'\x04rQ\xba\xb3Y\\, \x15b\x99L\x91h#\x8f\xc47y\x9f\x04\x07\x88\x9f~\x92T\xba&lt;\xe8\xe5\x94\xa8pS\xd4+\xaa\xc0E\xa4\xb2\xd9P/\xf01@\x92\x89cAvF\xa9c\xbb\xb8\xb9\x88T`!\x88\x15\xc9\x8f\x8de\x90\n7\x1d\xe8Z\xf3\xf3\x83uu&lt;\x12\xe8\x85\x94*\xe7\x97\xcd\x1a\xc0\xea\xebk8,&gt;^$\xd7\xba\x84\xc0\x9a9*\x16\x16GW\x1e\x8f\xe7Q\xac\x88\xd7\xe5\xcap;\x0fl8\xf3kk\xab\xab\xabkK\x83\x90\xf7\xbbZ-P\xc2\x97\x0f\xf7\x1f\x98o`\xb0\x89\xa6\xf5\xa2\xfa[A3r\x81\x8dE\x8eksC\x08,cK\x19\xc4\x1a}&lt;\x8e\xfe\x99L\xde\xac\xdf\x95\xc1\xed\xd0\x13\x1eF\xa8\x0f\xbf\xfc\xf2\x01\xc0n/]\\Z\x82\xd7kkk\xc3\x08&amp;Q\xc1\xc0\x15E.C=\xc3q\xd9\xcc\xbc\\\xc4\xe6\xb6\x00\xc7F\x1c\xff@\xac\x14\xfa\xd7\xdcl\xcag)J\xefE\xa9\x86\x87/sPP\xab\xabo\xde\xc0=\xd6\xea\x9b\xb5\xb5yO\xaf\xafw\n\x06A\x1dpy\xf5\x86 \xcfe6C\xea!\xf7\xc5-\x87\x00X\x8e\x8dQ\x14+b\x9a0Y\xad\x911\x03\x88\x15\xcd\x99\x9e\x9f9s\xf9B\x05\xeb\x03\x18Y\xb9\xfb\x00j\x81\x8dSSS9n&gt;Mg\xbc^8\x9f1A\x9bm\xc5\x16b8.\xe2H\x80)\x15&amp;-\xa4\xba\x17\x99\xe8\xea\xb2\x9a\xbc\x94\x1f:\xfd\xd8\xd8\x02\xbe\x9c\x98x\xfat\xe2\xc9\x93\xae\xdf9/?~D\xc0a\xeb\xaf\xef\x16\x16\x16\xc6\\\x19\x9cMkkE\x06q&amp;\x05\\f\xc0\xc2\x1d\x08\xeb\xf8\xeb\x87z8\xb1n\x81\x87\xe3\x88\x01\xd9\x1a\x83!\x90\x8a%g\x99M\x98\x08\x99\xbf\x17\x19&amp;\x99,d\xdf\xfd^\xc9\xd8\xeaZxa,\x1b\x9b\xed\x1c\t\x8c\x8ct\x8e\x8c\xc0\x13\xd9\x19ZI\x99\x83!\xb4\x11\x17#A\x12e\x01\xce\xfe\xd2\x99\xadQT\x8b\xc3\xf2f\xb3T\x12\xcf\xa5qx\xe0g!,\xeb\xa6\x03I*\xbf\xb6\xfa\xe0\xc1\xf57\xb7/zz\xa8\x18\x13\xb0\xbf\x86Z\xc7z\xfd\xda\xfe\xa2\x9f0\x1bx.\xaeG\x10\xc5\xf2\xb2\x00jM\xff\x1b\xb0\xc69\xac\x08`\xb5\xe1\xe7\x0b,\x1bg\xd5\x16\xb5e\xdd\xf2\xdaN\x07\xc8X\xf6\xdc\x0fW/]\xba}\xb1)\xe7\xaf\x9f\r\xd8\xd7\xd5\xeb\x96\x8e\xf5\x8e\x8e\x1f\x7f\xfc\xb1\x03\xc8\xdc\x01\x06\x88\xccf\xceE\xc0\x82\xd1\xf9\xeb\xb1\x1e\xfe6:\n&amp;B\xb2&amp;\xf2c\xd9d\xa0TB\xb5\xe2\xac\xddnW\xab5p\xec\x87A\x8c\x9a8\x07XKM\xda\x01\xff\xb5\xce\xfe\xfb/x\xa9\xd6Q4\xf81\xb7\xbb\xbf\r\xda\x96\x19[\xaaPX\xc6\xbf"\x16ob\xde\x9bM.&gt;\x82\x1a]Y\x81\x80u\xe2D\x10\x08\x10\x0cC\xe5\x9b\xaf^\xbf~\xbbI\x1b\xad\xe9\xbb\xd3\xdf\xdf\x7f\x1f\x81^\xdc\xef\x1f\xe9lc\xda\xda\xda\x08\xba\x9f1\x7f\xc1\xda|\xb4#\x00\xd6\xeeo\x8fFG\x1f\xdd\xc3\xc0\x03\xd6\xd3\x7f\xfe\xf9\x1c\xdcD\xe1\xc4\x9cQ\x88\xea\xaf\xb5]\x9b\x9deb\xd9\x05\xeb\x0f\xd7\xc1\xc3\xde\xb4\xa8o\xe4\x0e\xd6\xfd\xfe;\x9d\xb7\xaa\xabj\xf5X)\xdbHg\x10\xb9\x10\x8bd\x0e6\xbez\x860\x1aw\x1eA\xb6\x1e\xdd3A\xb4\xf2\xf9\xae?\xfer\xd9Z9\xcdG3\xb2\xea\x9f\xafA\xd5S\xde\xc8\x99\xeb\x97\xae6\xd59\xcfV\xdd\xea{\x86X\xcf\xfan\x89\x14\xad\x8a\xb3g\xd3\xe9\x86tOT\xcf0\xe6/j\x1d\xec9\xbe^\xad\x9d\xd1B\xa1\x82\x15\xe9\xfa\xe3\xe3\x85\xe7\xbd\xbd\xbd\xd6\xde\\$\xa2\xafF\x82g}\x7frE\xce]x\xff\xfe\xc1\xa5&amp;U{\x83\xec\xe7&gt;N\xad\xbeY\xbf\xab[VU%S\xb46\xa4\xd3=\x03\xfa\x90\r\xb9\x00\x0b6\xd8\xed\xafn\xf3F\xc4\x02\xb5\xc6M\xcd\xb0#^~\xfb\xf6\xc1\xf0sk.:\xe62\x84\xc8\xfb/\xa0\xee\x00V\xd7\xfb\xb7o\xdf_\xba\xa8\x85s\xd8i\xc0\xfa\xcf\x9dg\x04\x93\xf4S\xfe\x1bP\xd5\xb2\xd3W\xae\xc0\xa6-\x16\xf3Xp$(\xfc\x97U\xb3\xfbI3\xcf\xe2\xf8\x82\xf2\x12\x14\x88\xedE_P4\xa8\xed\xaa\xf5a!\x1a)\x8c\x9auF^*\x0cR-\x06\xb0j\x93\xa9\xb0J\xca\x1alIE\x03\xa81Zp$\xd1\x92\xf4\x12\x14\xd2l\xb4\xc2#\xb1@\xd4\xd8@\xd2\xc0\x94dl\xb6\x19\xbd\xd1^\xecfB\x93\x9d\x0b\xbc\xdd\x8b=\xbf\xc7\xce\xfe\x01&gt;s\x12\x12\xc3\x8d\x9f\x9c\xf3=\xe7w^xG\xba\xb5\x01m=Y\x02qMB\xd4\xc6[\xaa"\x11\xb6\xaf\xa5\xbb\xb4\xac\xff\xe1\xfa\xbf?\xfd\xe5\xdb\xado\xd6W\xbd\t\xd3\xbc\xe8\xf0\xf0\xbe\xc6\xd0\x11\xe2]gJU}\xdeD\x82hC\xbf_}\xa4\x13\xf6\xf40)\x94z\x97\xdeU\xda\x00\x95\x8b\xc0\xda\x03\xac?"\x13A]\x93M`\xbds\x91\xc3f\xb9\xc0\xa9[}~\xf0\xe9\x87\xa7[?\xfe\xf0\xaf\xe7\xab\x8f\xbcf\xec\x96\xa8F\xc3\xa5\x85\x02\x01\x9e,\xec\xedSyW\x9f\x1e\x1c&lt;\xfd\xf4\r`\xaf\xf6I\x84L\n&amp;p\xb9\x88q\x11i\xeb\xca\xab?\xc0[\x8c?\x7f|\xf2diyz\xbcI\xde\xc4\x1a=\x14)8*H\xff\x87\x1f\x1f\xa0\xea\xf4\xfd\xde\x15\x9d\xd7kN\xd34@\xc5O\x07x\xbc(\x0e1\\]\xdd;8\xf8n}\xeb\xc7\xf5\xe7\xdfm\xad\xdf\x1329\x1c\x81\x00Q5\x0cAc\xf3j\x8f\xb4\xb6\x18\x8c\xc6\xe3\xff&lt;x\xb2\xbc\x0c\x1dDS\x0bK\xc4\xf6\x19\xcd\xde\x87\x0e\x93\xb2\xb3Si"\xc4\xedM\x98\xe32&gt;Wc\xe0\x9e\xa6y\x05\x1e%\x96G\xda\x92$\x1c\x12\x94\x91\xba{\xab[[\x88\x0ba\x81\xbf\x10\xd6\x95\xbd\x7f6\x92\xa5jo\x9fz\xb7\x04\xb98\xd9\x04\xf9\xd7\xcc\xee]\xec2\x99M\xfaq\xb0m\xa3\x19eb\xc2l\x8a\xa7+\xa0=\xe5\x82\xb4\x02\xbc\x9b\xb2p\xbe\x0fa9Mq\xad\xd6l\xbe\xe6\xd0AZ\x84\xa9\xa5\x84A\x9e\\}ue\x99l{\xda\xf8\xf77o\xc6\xa0\xdf\xda[\x1e\x06,_s\xb3Om4vuAcc4\x1aM\x80\xa5B\xbe\x92\x85\x0c\xa9\xd4\xefXX\x14\xcf{\xfb\xbc\xe0D\x98\x13\xb52jY\x0f8U\x85\xb8\xd0\xee\xe61\xd2\xd6\xd2O\xe4\xae-\x8dc\x9f\xf5\xd3\xbf\xbd{0\xd4\x7f\x81\x85j\x83\xba\xbb\x1a\x91uuv\xc6\xcdfs&lt;\x9e\xe6\xf1\n\x1d\x9a\x94\xc6\x9f\x0c\x85\x02\xd1(\xaf\xba^\x1b\x8b\t\x01X\x85#\x0b\x87\xc31\xf8HK.VJw\x00\xeb*\xd9\x19c\xea\x8b|q\xa2\x0b\x1a\x92\xfe\xe5\x17\xd0\x9a\xfa|-r5\x1a\xa7\xab\xab\x91\xb7\x8cXZ\x96\x0e\xf9\xfdI\xbf\xe1\x82*T\x88".L\x06\xd3\xbe\x14Pbx\x18\x8f\x81ie\x17\xdb70*\xf2\xd6\xc1_\xdb\x9f\x91\xa9\xf3Sg~Z\xef\xb8\xd15\xed\xb4\xbf\x00\xc5\x83-\xaa\xd1B\xc4f\xb5Y\x01\x0e@:\x0c\x06C\x06B\xe8O"\x03\xae\x98\x0c\xab\xc7\xb0PkH\x06\xc1EF\x84\x92\xc3)\x05\xcd\x0b@\\\xfd\x08k\xe7\xd7_v.?\xf23\xa6\xce2I\xcd\r\x98\xa2\xef\xb4\xbdh\x92\x13T6b-i\xb3Z\xad\xfcS\xbe\x9fk\x80\xf0\xc1\xc7\x00.C\x16\xe2E\xa3\x01\x1e\x86\xc1\x94\xdd\x11\xa2\xc8\x02\x18\x16\x08\xa0E\tQ!\x080H\xc5\xab\x926\x81@\xbf\xd3N\xc2[\x99d\xf1\x1f\xec\x16EW\x1b\xe1-\xb9Z\x8d\xb8\x14\x00f\xb5vX\xb9\x90\x7f+)\xb7\xc6m\xc8\xf83\x19\x84\x95\x0c\x01C\x80\x82\x85`\xf6\xefhE\xdb\x1c\x1e\x0f-p\x98\xcc\xf2R\x82\xabtH"\x91\xe8\x1ce\xe5\xe5#c\x97\x16\xd8q\x04\xb0"\x91f\xdf\xc4\xcbA\x14\xc3\xa6\x0b,\x0b\xb1\x944\x18R+`)\xe0\x82@~\xa5\x02\xachT\x06\xde\xa2qa\xe0\xe7\xf3o\xd6\x13\\\x14&amp;\xe1-\x02\x0bz\xa12)\x8e\xeb/\xaf\xfb\xe3\xd1d2\x13\x8c\x88z\xd5\xd3\x83w\x01K\x8e\xa4u\xb1\x97L\xa5\x00j#\x97\x030\x03\x11?\x04\x96\x0c\x81\xe6\xa3\xb1\x98\xac\x9e\x8f\x16\xe1\xe8\x84\xc0GK8\n\x86q\x04\x17\xee\x1a\x92\xf4\xf4H]\xcclv\xf6\xf2\xe2:\xae-$\r\xb9\\\xf1\xd6\xe2\xf4\xec\x05\x16\x88\x0b\xa067W\x80\'\xb7\x01\xb6\xb2\xe2N\x16BI\xa0\x02\x97\xf9\x93(\x17cx,\x1a\xa2q3_\xf7\xf4\xd0V\x80\xd5\x7f\xc5z\xdc_&amp;\x8d\xcd\xd4g\xf1\xcf\x97?\xadO\xbd-\x142\xb9\\\xaefQ?;\x02T\xc8\x14\xeeM\x84\xb3\x81\xa0\x82\x80\x95\xf2\x87\n\xc9L*\xb7qv\x96\xca\xf8;:\xf8\xad&lt;\xa8\t\xd1V.D\x99\xcb\xe5VV\xd2:**:\xd0I\x03l\xba\xf4\xf15\xc0\xa2\xcc\xe4\xf1\x9d\xcb\xd7\xae\xf6\xf7\xfe\x82ew7\xc7]\xd4C/\x8f\xb8\x14\x8a\xde\xcd\xe0\xee\xeen0\x08\\\x10\xc4\x8b\x10Z6\xde\xfe\x17\xbeLA\xad\xb0Xl|,\x10\xc5\xa3\xa8t\x80i\x88u\x0e\xb7bfffB\x0fm\x04`i\xa3\x94\x19\x9c\x0cV\xe3k_k\xedn\xb0\xe8\xb7\x02\xd6m\x9fO\xa1\xb8Us\x1fQ\x11\\\xe0*\xc8\xc2\x81\x81\x95\x8d\x0f\xbb\x91\xb3\xdd\\\xaa\x08a\xb4"SW\xc7\xf2Q\xabA\x83\xa8ni4\x95\x95r9\xb1(\xd1\xbb\x1a\x86\xae\xd1\x99X\xfdL,O\x02\x8bq\xbcf\x13\x05\x8b\xc5\xa2\\?8\xeba5\xd7\x00\x95(\xb8\x1b\x89D\x10\x18P\x81;\xdck\x91\x0f\x9bn\xf7J\x0e\nX\x06\xa5"\xaf\xb5\xc2f\x0b\xe4\xf3i\x1a\xe1\xac"\x80Ur\xe5\xf2\x89\xc5\t=Z\x93\xf4\xe0\xb8\x8c\xd7\xad\xc5\xc9&lt;\xd7Sg\x8a\xda\\\xb1\x98S\xbc\x18\x9e\xf5\xcc\xcd\x89j\x11\xd5.A\xf5\x81\xa0r[\xd6"nY\xdf\xa3\xbep}w\xb7\xd5\x1a\xc0\xfbV\xd7\x1f\x85o\xf2\x01+\xd6\nP\xff\xf7\x16\xbcb\x13.\x97\xa0m(\x9c\xcd\xe21\x8c\x13#\x81\xc5h\xff\xe2\xabI\x15\x91\xe6\'\x01\xebm\xe4\xf0\xf00\xf85\x88\x1b9\x88\x91\xdbm\xd8TD\xcf\xa19N\xd8\x17\xe0\xf9V\x9d\xafo}\xbbu\x1e\x93\xc5\xe0\x9f\x07\xfc\xf0\x04\x00W%\x08_\xd1"\x07,Ai\xdbc\xc0\xca\xe2QJ\xc9O$\x1e\xc5\xc6\xf77,\x86L1\x95\xf3M\x0e\xde\x05,\x14&gt;\xe0\n\x82\xb2V4\x03\x03\x06w\xca2\x10\xc2\xcd\xfa\xc1\xc1\xc1a\xfd\x82\xe9\x1a1\x8cy\xbd\xf9|6\x9b\xc7\xa1J .t\xa0R(Z\x16g\xd0u\xf1\xcec:\x8e\xb8\x98\x9d$\xb0\x18\x8c\xd7\xac\x01\xa8\xa8\xa9`\xed\x8b\xe1\x91\xfd5\x18p"A\xc2r)\x03\xcdj\x1bp\xbb\xdd\x16k\xd7\xfc\xf8\xe0\xa0^i2\x99\xec\x0e\xb1J\x95p\xa8T\xf9\xbc\n\xd7B7A\x03(d\n\x85|\x02\xd5\xf8\xd2;\r\xe5\x08+_RJ\xe6\x84\xc7\x18\xdb\xaf(\xfc\xad\xc0\xad\x19\x1d\x9f\x1c\xb9\xc1\x9e\x03\xae\xe0(@\xe5R\n\xa8\xe1\xe8\xbci\x18\x18\xd8\x9e\xd7/,\x98\x9c\x0e\xa7\xdd\xe4H\xa0\xce\xd0\xe1\xa0\xc7\xb5\xf06\xc6b\x18W\x83B\x08\xda\x9apq\x80\xea\xe5\x9dR\x814\x9f=\xcf\x97L\x93\xba,&gt;\xfbLKF\xa3\x85\x10\xdb39\xe2a\xb3\xd7\x08o\xdd\xcf\xb9\x07\xac_\xcd6o\\P\xda\x9dv\xa7\xc3\x91\xb0+\x9d\x80\x05\r\xa0\xd0L\x87\x96&amp;\x10\x88\xe1i.`!\xbd\xbb\x04\x9c\xf2\x06\x98\xc9\\\xae\x12\xc0\xca\x96\xe8\xc9\\\xca@\xf3\xbd\x16&gt;T\xc7\xee}\xd0|]]\xd5\x1a\xd2|\x8d\x86\xc6G\x1dW5jT\x11\x94\xd3n\xb7;\x13\t\xbb\xc9\x8c\xb0\x00L(\x94\xd2\xa1\xcd\x02.\x0c]&gt;\xd5\x1379h1\xd8\xd0\x06-\r3\x7f\x0e\xde\x1a&amp;\xf3\xf3\x03\x10\x17\xbb\xd7Bk\x8db\x9e\xe1\xd9\xdb,\xe0\x1a\x15\x8d\x06\xefs\xb1j\x9b\xb5\xde\xa4T\xda\xd1\x07\x82\xa7\\\xd0/\x98\x13\x0e\xb39\x1c\x16\xaa \x8eb\x95X\x18\xee\x91j\xb5\xe1p\x05WN\xab\x98\xb9\x0eT\xe8n\xd0P^\xa2\xcd\x9e\x9f\xe3\xd4\xdf\x9e\x91\xc2zv\xd6\x0b\xa5\x9d\xab`\r\xce\xde\xaec\xd7\xd5\xd55\x8bD5|\x99\xda\xd6\xe5p*\x95N\xbbR\xa94)\x8d\xdbG\'\'\xdb\xc64\xeaF\xa1\xc3\x17\xc2(-\x16\xebTb1\xfc-\x83\x16\x87\x7f\x1d\x1a.*\xb5\x0c\x06ET\x1f\xb2y:\xf5\xf3\x14)\xac?\xbd\x9e\xeb\x15\x05kk\xd9\xb3\x10Dv\x1d\xab\x8e\xc5\xbe_\xc9\xabV\x18\x1db\xe7K\xa5]\xb9`\x9c\x9f\xdf&gt;::\xd9\xdc&lt;9\xb1\x16\xd2\xe9@Z\x16\x8f\xc7;M\x0e\xb1N\xa7\x93\x88\xe1a\xe6\x83\xb3(%%\xe8\xd8\xd9\xd0@\xcd\x9f\xf7\x85\xe9tz\xe7\x1bR\xbf\xcdc0\xa6\xde\x83\xce!t#\xb3\x9e\x1bl6\x8b\xd5\xcc\xf2U`M6\xb3\x04\x04\xd5\xa6\x9c\x1c?\x02C\xce:9::M#CX\xc0\x85\xf6\xba\xba\x87\x12\x93YVQq\x9d\x89\xb0\xca\xc1YTiX\xca)\x97\xd2g\xc7\xc8\x0e\xb0S?\x9fED\xa3\x87\x9eY\xcf~U\x15\xe2R\xf0\xab\x9b\xba\x13\x12\xfb\xb2\xfd\xe5\xb0\xe7\xe4h{\xdb\xb6M\xd8\xfc)LB\x10\xc5\xb89n.\x83\xe0:\xc5\x92{\xf7z\xa8\xe1\x19&gt;\x87\x8e\x9cE`\x953\x99.N\x89\xfe\r\xe9K:\xa3}\xecK\xe40\xb2?\x82\xb0\xaa\xeaX\xbd&gt;\xbe\xfav\xb7J\xe2X^\x9a\xf4\xec\xdf\xdd\x9e\x9f\xbf\x98fOOO\x7f\x87\x02C\xb9\xe0\x10\x03V\xa7\xb0\x9e\xc0\x82\xfa\x00\x05\x82\xca,\xe1\xb8\\\xfa_\x8f\xc9_}\x18\x8dSc?\xbf\xdf\xf9e\x7f\x7f\xae\x8a\r\xf2\xf2\xa9\x9bnT\xabt\x92\xfe\xa5\x8f\x1e\xcf\xc8\xe0\x82\xc9\xae\x04\x81\xfd\x8f\x96\xf3\x0fi#\xcf\x02xo"\x93t\xc6\x04\xafQs\xb3\xe0\n\x1a\x89?jc\x83\xc4\x99t$l\xd4m\x9d\x14\x7fl\xab\x85\x98t\x12p\xab\x97\x1c\xa9\xbdFC4\xc5&amp;\x16\xc1T\x03n"\xac\xff\xae+\xc4R-G\n\xdb\x05=V\xf6\xd0?\xec\x95\xd4[V\xfbG{\xfe\xe7\xb2\x05\xe1@\xe8\x16\xfa\xc7\xbd\xf7\x9d\xf6\xb8\xfbs\xf7\x9c\x17\x13\'"\xf8\xf1\xbd\xf7}\xdf\xf7\xbe\xf3^\xee\xdd{\t\\@5\xb4\x8c\x91~\x88\x1d\x98\xe0{%\x9f\xe9\x03\x16V\x89\xf1\xa2b\xcd_\x0c\xb7\x84\xfc\xc9tC`\xff\xf2\xfea\x02\xb0@[\xcc\xec\xcdf\xae\xd2\n\x7fr\xb1\xcf+G\xc0\xed=o\xde\x1e\x1f\xbf}\xfa\xf6\xcd\x9bGGG\xd3\xd3\x0b&lt;\t\xa9\xd6N) \xf5NP\xd6\x9a\xdf\x1b4\x94\x01\xb9\xe2\xf1\xfe~\xef^&gt;wb--\xe0by\xc0\x02.0\xe2\xa7\x1c\xd71\xd4+uI\xd2\x93\'\xd1\x89\xe9\x83\xe3\xe3w\xef\xde\xfd\x1c\xcc\xbd;~\x9d+\xec\x1dn\xed\xce\xcd\xdc\xcf\x04P\xbax\x13m\xad\xfc\xd8\xa0\x94\xfaqys\xad\x10\xdc?\xc9v&lt;m\xeb\xf6\x06bM1==\xcdLE\x83\x93\xf7\xf9\xa4\xccjf\xf1_\x9b\xaf\x0b\xdb\xdb\x85\xedB-Xz~&gt;\x97_\xdb9\xdc\xdc\x9a[]\xcd\\\x81_\x89:\xe9\xe5\x8e;\x14\xad\x14\xfb\x9b#\xf5x\xcf\xeeD\xfbYr\x1b\tp\xf9)\xb0"\xc7d+R\x13&lt;\x1f\xbd\x9f\x89\xfdu\xf3\x87g\xc1\\.\x98\x9b\x0f\xce\xe7r\xf0\xb5\xb6\xb6\x93\xdf\xca\xb7d2\xbdQ\x1b\xcf\x0fL:4\xb7&gt;"\x1e_\\\x14\xd9i\xd5\x9ep\x07\xaaV\x1b\xdcKT\x80\xb6*\x18\x861g\xa7\x9a!\xca\xe3\xd6|\xdbs\xb4\x97\xcf\xe7\x0b;\x85\\a{m{{\xed\xf0\xf0p\xef(9\xd4ie\x07\xa2\xbc\xcd5IWv\x18\xde\x9f\xd7\x1c\x05O\xbc\x9dR\xab\xdd?\x80\x081\x95E\xa77g\xb3\xcd\x9e\xdb\xb7!\xc2{ ~z\x1e=z\xbe\x91HLA\xb0x\xf1B w\xed`=B\xfae\x8aF=U\xce\xcbwh\x07]\x8c.\xbf\xb7\x7f\xf2]x\xda\xd6&lt;b\xe1b\xd4\xc37.\xe4\x81\xb0\x00\xdb\xce#\xdc|~Dy\xa9\x08\xc4/\x8f\xcb\t20\xc0\x0eL:\'o\xfd\xe1?Xc*`\xd5o\'`-f\xb3\x00\x86\x0bRH\xf5\xdfK=\xb7p\x1c\xec;/\xeeBuv\xf7=\xdb+\xc8x\\.W\x1dp\xb1\xac\xd3\xd9qGG\xbf\xf7\xadM5\xb0\xb4\xf3{\x89\x8d,\xc1B\xe1\xfc\xa1\xd0\xcdY\x8e\x99\xca&gt;x\xf0\xf0\xe1\xd7O\x9f"\xd7\xcb\xbf\xbd\xfc\xf6\xd5\xabJ\xcfd\x95\xab\xa8\x88p\xb9:\xaa4\xb4\x06[T\x8bA[\xa7T\xc0\x1a; \xda\x02.3`%B)\x7f\xf3l\x0fS\xf1\xcd7Y\xfdC&lt;\xbb\xb9\x8bf\xfc\xf6\xab\xef\xbf?W\xe9!\'\x0e\xae\x81\x01\xaaj\xb2\x98\xa6\x91\n\xc2\x96\x1aXP\xfa\x1f\x82_\xa3(X\xde\xfe\x94\xa5\x87C\xf7\xcf&gt;x8\x0c&gt;\xd6Q\x89\xc9C\xf7cgMe\x8d\xcbUU\xe5\xa9cY\xaa\xa8\x98v\x80\xb2p%\x02\x96\x1a\x8d\xba\xad\xf9#\xdc\xad\x11\x0bD\xf0\xca)\x0b\xc4\xd6\x1e3\xc42Kj\x1aRgH\xb1lVG\xb7\xb3\xe6\x9c\xc1\xe9\xaar\xd5\x99\xdc&amp;\x8a\xa5\x1d\x04\x8b\xa2\xe2\xea`i\xb5\xf9\xe4\xd1\x86^\x8f\xd9\r\xc7p~\x19\xd2h\x88\xf8\xcd\xb3\x8d\xfa\xd9\x8eK\xd1\xe8\xc4\x19_\x97\x8f\xb7\x0e9\xba\r\x06\'`\x15A|0\x99\xdcn\x87\x03\xbb\x7f\xa8\xba\xf8\x82JXk\x90\xa1\x82\xd5\xccf\x86\xe3\x04oD\xf6\x03\xd6p\xf30h\xac\x012\x9bK\xd13&gt;\xdf\x13\xebPw\xb7\x0e\xa2C\x95\xcby\xfd*f\xcfn\xa0\x02\xa1\x8a\x16\x166\xd5\xc1\xdaN\xcaB\x823o\x98\xcd\x9c\xc5\x1f\t\x87\x93\x1c7;;|qxx\xf8"D/0\xa3\xcd\x16\x1dz\xec\xbc@\x94\xe5b\xa36\x10\xac\x81 n\xd1lK\x8bZX\x85\x847)p\xa8-3\x97\x8c\x84\xe5\xa4 X,\xb3\x00u\xf1\x9a\xd2\x92\xe1T\xc4`0\xb8\x8a\x06\xae\xdb\x08\x16\x18\xd1\xe1v\x9bL\x9f\xb7,\x1c\x8e\xab\xe1\xf2\xb0Y\'\x01\x85\x03;2hC\xd9\xeb\xf5\x0b\x80\xd5|\xf1\xdaM\x08\xf5\xb8\x14+\xd1\xdb\x01\xca\xe5r\xb2\x80\xc5\xf3\xbc\xd5D;\xdcV\xdb\xd5\xab\x9f\xd7\xc5\xb7T\xc1\xaa\x0fnX\xe4\xb0\xd7\xef\xf7\x0b\x827\x1c\x8exe\xec\x8e\xc0\x83\xf1k\x7fz\x84X\xd8\xbfh\xc0&gt;zP\x1b{\x9d7\xf2\xbc\xd1h\x03\xef\xb2\xa2\xdaT\xc3\xd2\x0678\xffB8\x12\x89$\xc1\x84\xe1\xf0\xae\xecM\xa5R\xf7R\r\r\xa8,pz\xd7\x10\xe6\xf1\x8f\x9d\x14m2\xd9\x8c\xa4\x19\xc1\xc8\xdb\x90\x8a\xe7\xaf\xb3-\xf1\x1f\xd4\xc1\x1a\x99\xe2,\xf2\\_\x1f8\xbb\x1c\x0ecw\x84&lt;=}\x89tWz\xf0\xbb+j\x8dB\xb6\xec\xb6v\xda\xa2@\xd5\xde\xde\xde\xe5\x83Z\x11\x1e\xbd\xbc\t\xb1ZU\xc1\xda?\x80\xc0\x10\x99[\x9f\xeb\xdb\x8d\x84\xfb\x16\x17g\xa6\xa7\'\x88@m}\x1b*\xd9K\x90\xf8\xdd\xbf\x0fe\xab$\xf9\x00J$\x83$F#\xbc\xefu\xb3\x10\xb8\xd6T\xc1:5v\x00\t\x83%\xb2\xb8\x82\x1a\x9bYYY\x9f\x9b0\xfa\xce\xe0m^\x90\x95\x89\xdb\x13\xbc\x0f\xaa\x8a.x\x10&amp;\xb1\xac\xac\xddh4J\x81L\x00\xaak\xaa.\xa2\x12\xd68b\x01\xd7\x19\xe3\xfa\xcc\xcc\xfa(H\xac}t\xa5\xab+\xb6\xd2\xd5\x0e\xaf&gt;PQ`iI\x84\xebv\x91\xcc\x98\x01\x96O\x922\x01\xdeM\xb0v\xd41\xe2\xf8a3\xe1\x8a\xc7b\x8b\xeb\x8b\x83\xa7K\xb0O*\x06.\xb4\xd2%\x8a\x83\xe0I\xed\x01qu\x15\xb8@W\xa7\xcb\xec\xe9\xb4]\xec\x922\xa2B\xa5\x1a\xd6)\xc4B3z\xe7VVVb\xed%\xa7O\x0f\x0e\x8e\xc6F\x07K\xdaq\x02\x0f\xbb\xb9D;vF\x89biYY\x93\xbd-\x9d.\x15\xc5\xa5L\xaf\x95(\xab.\xf2L\x9d\xc9\xa8\xd6\x0fX\xe1\x99\xc5\xd8\xe8hIi)\xc1"s\xafd\xd0M,K\xb7\xa5WWE\x1cVL\xc3e\xbaiiU\x94@Y\x88U\xa4\x1aV\x1e\xb1\x18\x8b7\xd2\xb7\x8e\xdaj*\xc5\t\xa9\x12\x1c\xfd\xc3)S;\xbc\xa4\xdb\xda\xd2v2N\tW\xf0\x93\xa5\x8c\xd4kC,\xe0\x92s\xaa`i\x11\x0bR\x1a\x0b\x84\xf7\xbe\xb9\xc5\x18\xf0\xe0\xc42\x02\xd9\xb1\xb3\xadT,\xb3\xdb\x01\x0b\x94\x04\x06lC@1\x10\x80\x14\xcc\x8dT,%\xcf\xab\xa9-N\x80\xed\'\xd2\xd7\xb7\x0eV\xc4a\\\x1c4U\x94T&amp;6!M[\x9b\xf2joZ\n\x04$\x05\x8bbYV\x9e\xd7\xaa\xa6-T\x97\xe0Oz\xe5\xbe\x99\x99X\t\x99\x11N\xdb\tJ\xda\xae\x98\xee\x83\xd8KEI\x92\xae\xf0\x88\x85\\\xd4\xae:X\xa0\xad\x06\xc42s~\xaf7\t{\xcf\xcc\n\xb8{\xa9]\xd1\x0e\xfa\x12\xd8\xef\x7f\xa8\x02\x12\xb6\xe1)\xda:\xcb\xee\x06U\xc2:\x0c54cZc\t\x85\x92\xb8\'\xce\xac\xc7\xc0\x92\xe0\xd9M\xc4\xbdp"Wa"\xa1\x81\xe8\x8a\x87\x94\x0b=\x1eD-\xac\xf1\xc3\x86\x06\x0bI\xb7\x1aB~\xbf\x8c\xad\x8bss\xc6A\xb1d\x90\x8cW\x97\xe1v\x03Wi\xf0*1 A|\x07]Y\xad\xc4\x86H\xa6\x92o\xc1\xe6\xd3\x80a\x9ea\xcc\x16H\xb9B\xb2\x0c\x1b6\x840cl\x14w\xc0L\xbb\x84GZ\x19\x11\x9b:\xc1\xd5Q\xae\xf4vb&gt;O\xb0\xce\xaa\xb5\x12\xc7\x0e@Y\x0c\x9e\xd8\x98-\x16\x8b\x1f\x1c\x1f$\xb20\xb3\x8e3\x16\xd8\xd6\t\x0b\x8f4\xe6\x05\x14*\x9e\xef\xec\xb4)\xdaB\xae\x88:X\xda\xfd=\x81(\x8bi\x84\'\xd4&gt; B"\xd4\x1f_\x98\xbb\xca\x83f\xc8\xf9_\x80@\x81\xf5\xc0\xab\xb0\xcb\x12\x92S7M\\\x8b\r\xab\x14NG6\x10\xab\x87Q\xc0,Io\xd2/$\x12\xfeT\x7f\xfc\xd2u\xe0Rl\x88*\x83\xe5\xf7\xbe\xbe\x00&amp;({h\xe2\xf3au6\x1fm0!@\xd4\x02\xa4\x9eF\xbdY\xaf\xe7\x04\x01J\x8c\x84\xc5"\x84\xfa\x07\x86\xacJ\xbf\xa9\x84-n@\x85Z"\xc5\x18Mk\xa0\x1c\xa3T\xc3\xd2js\t\x81\xd8\xb0\x87\xd1W\xeb\x1b\xcdf=\xb8\x18\x87\xdef\ty\x9cC\x90+w*\xf7\xc7:m$\x84*\xa5+\x8d\xc3+,\xd8\xd1\x14\xdf9\xd1\xc3\\\xad\xf2Z?\xbe\ru!gnd\x1a\x1b\xf5\xc0\xf5\x10\xcb~3Z\x94\x99m\xbe\\\xe3\xa4\x87\x1c\xcbV\xeb\xdf\x81\rW\x1f.&gt;\xa2)R\xeb\xc3\x15kZX\x1b?\xb1O\x87 g\xb0\xf8\x910c\xb9\xfc\x9e\x1f\x8c\x88\xb7\xc9\x90\xea\xc6\x8d\x8alv\n\xdf\x98\x1b{f?\xbd\\y\xce\xa9\xc3\x1bu\xcb\xcb$T\x01\x07M\x15k\xc8\xb4\x16T\xfb,\x80\xb5\xec\xe5\x9f\x8d\xd5\xbf\xff\'\xb5\xff/\xd4x\xb0\xf6\x8b\xf2\xf2\xb1\xb5dX\xf6\x0b\x18\x1d\xf4z\xfdy\xc4\xcaf\xbf\xfb.KNo\x98\x9e\xd9\x9b\x1dP\xb9^\xb8\xd0\xedp,ck.\x19\x86\xa2(\xda\xa1A(\n\xdd\x8b=\x1b\xd9=\xda\x1ai\xad\xaf\xff\xafO\xe2\xf9\xad\xbb\xf3~!_\xf8\xe4\x8b/\xbf\x0c\x1e\xb5\xf4\xc9\x8a\xb6P\xaa\xab\xcf\x9fG*&lt;\x83\xc3\xd3$P\xd7\x9d\x1a\xc3\x05\x1dr\xa1\xd944@i&gt;\x08E\xacx6\x1e\x89\xec\xae\x8d\x8c\x81\xd4\x06G\xc6[\x7f\xab\xa7i[\x83\xf9\x17?\xbe\x06]\x95\x97\xcf\xef\x02\x16T\xfa\x0c0\x99\xf5\xd5\x8d\x9fU\x9f\xbf\xa1`\xe9\xcd@u\xf1\xe6\xe5\x8f?\x82\x9aZG\x9a\xee\xc8\x14\xa7\xa1\x98\xd2iPY:\x9c\x04t@\x98\x8f\x87#\xe1\xad\xda\x11\x90`\xe1`\xe3\x9f\xdb#\xbf\x12\x8c\xa8\x17\xa1\x9e\xff\xe3\x97\xe3O\xca\xbfT\xb0\xc2r\xd2O\xb0@W\xd5\x9f\xc1\x13\xecxc\xeaF\x85\x1e\xb1.\xe24[\xcd\xb9\xdf\x01\tPit\x06\x83Ag\xd0\xe94x\xad\xa3\x8a\xa1\xd0f\xcf.\xc4\xe3\xf1M\x825R\xfb\xf3W\x7f\xfc\xf3\x8b_u\xf3G\xf1\xf2q\x80\xfa\xe9\xa7_\x8ek\x11\xaa\xbc\xbc\xf6h\x01\xb1,\x8a\x11\xab\x1b\xff\xdd\xc8\xbd\x86\xb6u\x9eq\x00\xb7R\x12\x9b\xaeq\x08\x05[\xf3%\xb5qp\x85\x89\nB\x0b\xde\x85\x80\xf4%\xf9\xb0/A\xec\xa2AX\xcb1q*\rg\x9e(\xe6$cZ\xd3\xa1\xa9\x81\xc1\xd0a\x994I&gt;\xd2\x871\xa9Q\xe8\x97Ls:A\x9c\x88\xc8\x16dTnd\xbb\xae\x1c\xc7\xb1\xe4h\xc2Vg\x15,\xdfra\xff\xe7y\x8f\x9a\xb0k_cY\x0e\x18\xff\xf4\xff?\xe7=\'\xb6,#\xb3\xe0\x1a6\xf5a\xe4\x7fs\xea\xe4\xfb\x94\xd7\x97,v\x91\xaa\x05\xb7`a\x83\x00\xeb\xca\x95)+\xb3F\x9d\x13\x16\x97eim\xe1+\x8f\x18\xbf\x9c\x8fszb&gt;\x9f\xafT\xb67\x94\x00\xa75z\x1b\xac3\xcc\xeaf\x97\x8dYp\xe1&gt;\xc5E\xac\xd7\xde\xd0\xe9Z\xe8I\xf2\x84!V\x0b\xdd\xdb\xd7B?\xa3$\xd6\x95\xc1\xf3w\xadV\xab\xa8\xf1\x8e\xc5b\xf9\xe8j\xfc\xc4W\x9a~\xfa\x15\xdd\xf4\xf2\xb5\xa5\x07.\xac|\xe5\xfa\xa8"\xd2\n\xcc\x9e\x7fGc\x1d\xa4\xbfRA\x8d\xdc\xe3\xef\x86M&amp;\xc1\xda\x7f\xe45\x94\x08\xd7w8#\x9d`\xf1\x02\x0b\xdb\xd8\xb1\xc1+\xc7\xbe\xf0A\x05\x97\xc1\xe9\xfc\x0bX\x16\xd7\xfc\x13\'\x8e\xcd\x81\xff#\xa3\xdf\x01_}\x90\xcf;\xf2PY\x1cOg\x14\x8d\xd5\xf6\xf1\xbdw0\xf2`u\x1f4\x9e6RX}6\xa3\xcd\x84\xc0\xc0\x82\xea\xa7\x87\x8f\x1ca\x96\x8e%:\xb0\xb4\xbb-\xad\x82uv\xf0\xca\xe5)\x83\x81\xe3\x02k\x19-Z\\\xa9\xd4\xbb\xcb\xd3q\xe7\xc2\xc5\xff\xf5\x8aJ\xcd\x03\xa3\xcbK\xe8\xcea6\xc3\x95w&lt;\xddP\xac\xa2\xc46\xeb\xa7\x82u\x90X\xa7O\x1b9,\xba\xa1\xd9:\xc5\xac_\xd0\x9f\xbd\x92KG*\x9dv\x97X\xfbDZ\x837?\xb6\x1a\x18\xe6t\x8e\xaeQ\x1f`\xa5\\\xae\x8f\x96\xde\x9e\x98^\xf8\xef\xcfV?\x11\xdf\xcd\x9b\x81r\x98\x87\x1c\x16W6\n\xd6\x8a"X\x81\xd97\xb9D\xb0\x8e\x1a\xc5\xb2\x99L&amp;\x1c\x92\x1c\x16:\x04\xabC\xaf\x87\xa5\x93n\xf0N\x9fPp`\xbdt\x80\xd2\x1a\xbc-P\x08\xcb0\xbaF\x1d\xbaRx\xb38\xf0\xcd\xee\xfcq\xcd\xf9\x9f\x0f\xcc\xe6\x8bk\xf3\xc9&lt;\x82"\xd6P\x16\x8bYZ\x8b\xbe\x7fh,\x1ay\xa0zh\xef2a\xb4\x90\x15XT"=gR\xaf\xd7w\xe8;;\x81j\xc5]\x82a\xc8\xb0\xdd\x7f\xb7\xfd\xec1\x0c\xbcp\x19|\x06\xc32\xb1R.\x1e\x16\x07\xb5\xb9\xf3\xc9\xbf\xff\x0e\x1b\x01\x0e8\x1f\xee$\xb77+C\xcc\xf2F\xb3\xd9$\x0eD-\xae\x13m\x81\xbf\x9f\x11%v\x13\xca\xd8\xd3\xc3.\x8c\xbc\x8d\xd2\xa2\xa7\xac\x1c&gt;\xcc0\xd0:\xf5\xac\xd3\xeb\xb5\xf9\xc2.\x8f\xb4\xce~\x9e`\x95\x01\x1dZ\x9d\x13\x0eh \xc3\x9b\xc3\x92"\x9c\xb9\xf2\xd9\xf4\xbf6\x89\x0b\x84\xf9&lt;\x1c\xf1\x07\xe3\x15\x07\xa5\x05Wr{\x05\xac\x84\xa2\r\xfd%\x9c|\xbe~\x94\xd2\xea\xeb3\xf6\x9c\xee\x11\x9b\x04\xef[\xa7\xba\xa0\xda\x7f\xf88Q\x98\xd4A\x8dvjCO\xe7\xc4\xf6\xf6\x9f\x7f\xffC\x84\x05\x94\xd5\xe7\x83\xec\xaa\x83\x96\xc5a\x11\xa9\xed\xeeV\x86\xccC\x0f\x1e:\x9f\xc3\x9aiK\x9f\xd8I&amp;w\xd6\xdb\xc02[\x98\xe5\x8dFwf\x02\xca\xcaV\x15\xa6\x01L\xd7u\xbef\xa63\xb5\xd9\x91\x8f\x93\x00\x00\x05xIDAT\xa9\xdb\xc45\xd2x\xe1H\xec\xe9\xe9?u\x88_\x9f\xe28\xb5\xd8A(.Pc\xbdt\x80\xd3BX\tJ\xcb7\x8b\x0e}\xd7\xf0\xe0\xb1\xc0B\x85\x96\x9du\xe7\xc3\n&gt;\xcb\x7f6\xbd0\xd0\xb8\x96j\xbe8\xfd\xae\x05\xaaM\xc50U\x19\x8a\x96\xb2`Q^\xc9\xf5\x80b-\x96\xb5\xb8|\x9f\xbe\xde8U\xd3\xb0\xf7Q\x916\x1b\xa6\xbe\xe7t?\xbd\x10\x04\xf5x\\\xab\x91V\xa7\xee\x85\xb4\x0e\x9c\xbbw\xd7\x90HP\x87S\xf0Y\xe3o\x9b\xf1M\xcc\x1cW\xdea~\xbaau\xee\xe6\xb3tdN\xc4\xf9G\xbf\xcd\xcd\'\xe2\x13;\xa5\x9d\xed\xddu\xa5Z\x9f\x1b\xf7f\'K\xe6!\xb3\x17q%7\x03\x01\xa5X\xdb\x12,\xeb\xe7\x97\xdf\xe2\x0e\x8d\x98u\xecXp\x19\tf\xb3!\xad\xaeC\'\x0fi\xcf\x14&amp;Q\xa78\x1e\xc9\xd5\xda\xf2\n\xce\xd8\xdf\xfe\xf1mR\x81\xf5\xe1j\x19\x1f\xe3?$\x94\x83\x8eFJ\xed\xd7[Hqs&gt;\x95*eK\x7f}\xe2\xe4\xff\xd1\xac\xedn\xefn\xce\xe0&lt;S}&amp;=\x1a\x8feK\x14\xd78\xb5\xb8\xa9\x80\xa5\xd6\x134\xf3m\xd5Zd\xf5[\xdd4\xf2}\x14\x17\x02\xa3\xbc\x00C\x89]]]\xd4\xe2\x91\x8eN,\xca\x89`:\r\xf6\nj\xfcf\xba^e\x96\xef\x8b4\xb3\xeeh#\xef\xb2Pj7jE\xab2\x1a\x7f\xb2;\xbf4??\x7f\x8dv\xd0\x99\xf5\x99\r\xba\xa6\x82\xcao\xbf\x10\x8bEK\xc9R\x96X\xde\xe8.\xfe\xb9\xa8JE\xae\xb1\xd8\xdb\xeb\x99{\xef\xe0p_\xdfA\xda\x1b\xd0\x1e\xe6\x8b\xb2\xa2\xb0\x98\x85\xb0\xf4BE\xbb\x97\xf8(\xa6\xebU\xd5.\x95\xa9C\xc3\xd4\x9cZFf\xf1\x1f\xd1.\x8f\x85\x00\xc6\xc7\xcd\x17\xdc\x99rb\xec\xe2\x98a\x03kf\xad\xa9-\xa0\x90\x083\x94\xd8z\x16\xf6\xdb_\x8d\xc5\xbc\xc9\xc9R\xc9&lt;N\xae\xed\x95@`+\xe2\xe6\x1a\x03\xf5\xde\xde\xde\x91\xc2\xfdK\xddD\xa2\xe1\xb2\xf1\xa2\xbf\xe2\xec\x17\xafP\x81\n;\x7f\x0f\x16\xd1\xb4\xe1\xd2\xd1\xa5D\xfb#\xb7\xec\x0e\xedU\x91\xd2\xecjN-[G\x15\xe7o\x1bQA5\xe4x$K\xb5z\xf1\xae\x8fv\x10%0\xd6D$k\xa2\xbaU,\xef\x85\xc3#~\xe9F,\x16KNN\xa2F/\\O\xa9\xd9\x9a[\xde\xc3\xd1\x98x\x06U\xef\x88\xa7p\xefe\xdaEy\xeam\xdah\xf5w\x89\xe3P\xcf%vj\xfb\x04w\xf8F\xeb\xbe\xef\xa5\x81\n\x063[\x06C\xf5f.\r\xd6\xd8\xd8\xe8\xdf,\xae\xe7\xaa\xfc\\$\x83U\xa8\xed\xd5\xeb\xf5\xf2\x96\xafI1T!\xaa\x15"\x92\xdd\x1f\x0e3\x0biMN&amp;\xb3\xde\x98\xd7\xbb\x83subO\x96#\x18\xaf"\x855\x82\xf7\xcc\xea\xbd\x97\x87y\x99l&lt;\\\x9c\xd6~zR:\x16\xb2\xe2\x1d\xb5\xd1\xa5\xee\xec#\x95P\xc1`\x08-\xdeN\xe7\xd44\xb1\x16\x96\xe9\xac\xc3\xaaqs*5\x97\x89\xf0\x92$\t\xba\xbd\xa6r\xbd\x96\xc9H\xbc\xec\x9e\xb0_\x1d\xf2b\xb8\xe0J&amp;\xa3\xb8\xf7x}EY\xa9\xe3\xb1\xaa\xe5-\x84EK\xc0\xce\x1c\xbdu\xeb\x96\xc6\xea\xef\xa7\x89\xe7\x8d\x8b^i\x04\x91\xf1\x88q\x8d-\xeds\x8cZ\x0c\x86B\xa1L\xb1\xb8\x9a\xcb\xa5\xd3u\x03\xae\xe7\xd7R4\xeb@\xc5\xc6\x1d`\x91)\x93\xf1H\x92\xdf\xef\x89D\x9a@\xd2\x94\x92\x14\x0e\xdb\x1f\x11K\xc4\x15\xc5l\x81\xb5\xa2\x94%w0\x18\xa9\xf56\x16\x9a\x0c\x03\xd6\xfd\xa7[\xc3\xd4\x9fX\xe2\xe9\xb8\xfc\xba\x0b\xc7i\xf3\xa2\xb8\xf4\xba\xf6\x0fT\xd9\xcdI\x85Bn\xb7\\\xa8\xa9\xb9t\xa1\xb0\x97\x00k:\x8f\xa8DX`\xfdA\x05#\xe3\xf1x\xfcXR\xa4\xc9n\x97\xec\x90\x01\xe5AX\xf6\x0bf\xb0bQfE\x05k\xa5\x18\xa1\xc7+\x85\xa9\xc1\x86\x8c`\xef\xfd\n.6\xf5|i\xe3\x97f\xc1\xa9\x91`\xba\xaf1j\x11(7/9\xa7\xa2B\xb0\xaac\xca\xe8\x1a.\n\x84\x8aX\xe7\x1a\xacp\xd8\xe3\x97$\xb0\xb0D\x89\xa0\xca7\xa2\xd1\x98h\x91\xe3z\xbc\x9eh\xb0B\xf8\xaa\x91\x17\x02\x83\xacv\xf3\x92Qx\xb4\t\xe3\x19\xdbO\xa7\xec\xe3\x1d\xad\xc7\xe6\xc4\xa47P\xeeP.\x07\x15X\x85-\xc5j\xbd^\x11\x1dB\x05\xd6\x9fU\x11\x0c\xe5\x85w\xc1"WD\xf2\x84\xed\xb9!fq\x8b\xe4\x02+\x91(\xaan9\xb8\xb8\xb8\xa8f2\xe1\xde\x17\xab\x04l\xf5\xfe\xcfNvi,\x1e\xfd.\xb1Q\xb4\x1e+D\x08\x85\x99r\xcb\xb2l\x97\xe5\x86\n\xabP\xc4)\xe8!\x9d\xe0\xc6\xb1\x93\x82UJU\xd28\xe4\x08\xc42\x8d\x85/\xe4\x89\xb7_\x88Fi\xd2\xbd\x1c\xd7d4\xaa\xb1B\xee\x10X\xc1\x90\x1a\xf1\x8c4\xaa\x1c\xe1\xc4z\xc3\x99\xc2\xfd\x1ft\xb1\xab_L\xff\xa1\xc3\xbf\xbc&lt;\x97\x96\xdcZR\xb2\xf8\x0e\xa1PNeT\x04\xe3\x05V\xfc\x133\x9fx\xf9\x0cT*Y&gt;\x90h\xaa\xb8E\xac&amp;\x81\xe2\x1b?:\xcc2\x0b-&amp;\x9f\xa75\xab.\x065W\x8e\x9a\xa4\xc5[\x85\xd6%\xc6\xec\xfc\xfb\x8d.\xfb\x7fr\x7f\x95\x83\na\xcc\xdd\xb2@\xd91a\x9c\x94\xaa\xca\xb2\x1a*\xe0\x04H\x13OQ\xd1\xca\x96\xb2\xd9\x1b\xcc"\x99`Q\xc0\xf8jI\xb6\x87\xfd9s\x96U\xb1(\\\xc9\xa4\xf7\xf1\xf6\x06F\xbeZ\xde+\xc8nb\x0590\xd4?"lZl\x90\x15V\xdf\xfc\x06&amp;\xff\xf5{\xab5\x0f\x1e\xa3\x98pa\xf2#\xaa\xc5EjPU\t\xaa\xaa{Uf\x11(K\x17+p\x95\xceEFF4\x18X\xff\x04dq\x8a{\x1c1\xca,\x00\x00\x00\x00IEND\xaeB`\x82'</t>
        </is>
      </c>
      <c r="M34" s="3" t="n">
        <v>45492.67724537037</v>
      </c>
    </row>
    <row r="35">
      <c r="A35" t="n">
        <v>76507</v>
      </c>
      <c r="B35" t="n">
        <v>1958</v>
      </c>
      <c r="C35" t="inlineStr">
        <is>
          <t>Eduardo</t>
        </is>
      </c>
      <c r="D35" t="inlineStr">
        <is>
          <t>Eduardo</t>
        </is>
      </c>
      <c r="E35" t="inlineStr">
        <is>
          <t>MEI</t>
        </is>
      </c>
      <c r="F35" t="inlineStr">
        <is>
          <t>MC</t>
        </is>
      </c>
      <c r="G35" t="inlineStr">
        <is>
          <t>MEI/MC</t>
        </is>
      </c>
      <c r="H35" t="n">
        <v>184</v>
      </c>
      <c r="I35" t="n">
        <v>33</v>
      </c>
      <c r="J35" s="2" t="n">
        <v>32797</v>
      </c>
      <c r="K35" t="inlineStr">
        <is>
          <t>Right</t>
        </is>
      </c>
      <c r="L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e91b107-e444-4bb5-9772-8e7a79ec4c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dc\x8b5\x00\x00\x00\tpHYs\x00\x00\x0e\xc4\x00\x00\x0e\xc4\x01\x95+\x0e\x1b\x00\x00\x03\x00PLTE\xff\xff\xff\xff\xf6\xed\xff\xfc\xf3\xfc\xf4\xeb\xfb\xf2\xe9)&amp;#\xfc\xf3\xea\xfe\xf7\xef\xfe\xf4\xeb\xff\xf8\xf0\xfc\xf6\xec3.+/*&amp;\xfe\xfd\xf3\xfd\xf5\xed\xff\xfa\xf1\xfa\xf1\xe7,\'$%$!\xfd\xfb\xf2"\x1f\x1d#"\x1f\xfd\xfa\xf0\xff\xfa\xf3\xfb\xf7\xef\xf6\xee\xe40,(\xf8\xef\xe6\xf1\xea\xe0\xff\xfe\xfe\xf6\xbd\x97F- \xf8\xb6\x8d,)&amp;51-\xfd\xfb\xf6&lt;&amp;\x1aP6\'\xa8oI\'\x1a\x13830\xf6\xf0\xe7K1#.\x1c\x13:63\xe8\xac\x81#\x15\x0e\xf9\xf4\xeb2 \x18\xfa\xba\x93\xf4\xeb\xe2\xe9\xe2\xd8\xfb\xc3\xa0\xe6\xe0\xd6\xfb\xf8\xf3\xf5\xbb\x93\xfe\xfd\xfb)\x17\x0e\xe7\x9ci\xea\xa0m\xfd\xce\xaa\xe5\x98d\xf6\xb2\x88\xec\xe4\xda\xbd\x80V\xd1\x84R\x9egB\xe3\xdd\xd47$\x1b\xdc\x9ft\x16\x11\x10\x1f\x1c\x1a\xf5\xaf\x84\xe2\x95a\xfe\xfd\xf8\xee\xb1\x87\xed\xa3paC1\xa3gA\xef\xa6u\xf8\xf5\xf2\xcf\x93i\xf2\xb3\x89\x88[:T:*\xe1\xda\xd0\xea\xaf\x85\xea\x9eh\xd5\x99p\xee\xe7\xdd3\x1b\x10\xd5\x88W\xb5wN\xdf\x92_\xcb\x83TB(\x1a\x83]E\xfa\xbf\x9a?+ \x90[7\xf1\xa8z\xc4{L\x9ac&gt;\'"\x1f\x95a=8!\x15\x1c\x18\x14\x9djH\xfb\xc8\xa4\xf1\xb8\x91\xc1\x87`\xf2\xab|\xe0\xa3x\xce\x8b`\xaciA\xa0nN\x8f_&gt;\xc3\x83Y\xc7\x89_iG3\xc9|J\x95eE\xc8\x8efP0\x1e[;(\xea\xa3rzWA\xda\x8f]\xee\xb5\x8c\xb9{R\xbc\x83]\xafsK\xe1\x99gZ?/\xf4\xac\x81\xf9\xf8\xf7\x9cY0{I,\xa4lF\xeb\xb3\x8b\xd6\x96j\xa2_7+\x1f\x19\xe3\xa8}IFDJ\'\x16\xcc\x81N=87\xb8rH\xe4\x9co\x8cbEY5!\x8cT2\xd9\x8cY\x82O0\xcd\xcb\xc9\xdd\x99m\xa7rP\xde\xd7\xcd\xf4\xf2\xee\xec\xea\xe6\xdc\xda\xd8\xec\x9fw\xacwSvO5\xfc\xd3\xb1qI1pQ&gt;b&gt;)\xc6\xc3\xc0}R7\xbcxK\xf1\xed\xe5\x83V8\x95nT\xc0\xbc\xb9\xc3zR\xb1nFhA+\x8egN\xfc\xd8\xb9\xda\xd4\xca[/\x18\xb7\xb3\xb0\xc2tCF3(A!\x11\xb3}Z\xa2\x9e\x9c3&amp;\x1f\xf0\xee\xebb6\x1e\xb4zTfJ9ZUT\xe7\xe5\xe1\xeb\xa8{i&lt;"\xf1\xe7\xdc\xd4\xcf\xc4\x84\x7f}\x96S*\xd5\x90cca_\x90\x8c\x8aC&gt;=\xde\x94f\x81eSROM\xac\xaa\xa9\xabb5Q*\x16\xb8lAqA&amp;mih\xef\xac\x81~B!\xd5\xd4\xd2\xa7\xa4\xa2xsr\xf2\xa1\x83r&lt;\x1e\xe4\xe0\xdd9+#\xdd\xa8\x89\x86I&amp;\\J?\x9f\x95\x90\x91ud\xcb\x97s\xbd\x8bl\xd6\x88j\x8dM\'\xb9\x98\x84\xb5\xa6\x9c}oeO@8\x9c\x87z\xce\xc9\xbf\xcf{b\xd6\x9e{\xec\x90}\xa4vYp[M\xd1\xbb\xa8\xdb\xb1\x96\xc9\xa9\x95\xae\x81c\xed\xbf\xa3\xab\x8bw\xe3\x86u\xf3\xdf\xd0\xdczi\xf0\xcd\xae\xe2\xba\xa7\xe2\xca\xbdg\xb1\x80\x19\x00\x00 \x00IDATx\xda\xcc\x98\xefO\x1b\xf7\x1d\xc7\xf3d\x8f\x92\'\x91\xf2h\x12\xfbz\xd2\xddn\xba\x93N\x87\x84\x14\x0e\x07\x0bo7\x835_\xcc\xc2\xb5\x96\xce\xd8g\x0e\x9c\xec\x9cl^\x18\xad\xdd\xda\xd8\xcd\x9238j\xac\xdac\x18\x92\xaa\x10\x95b~4#\xa4*`\x94\xc3rX\x94\xa0f\xf5\xc2\x8f\x944\x027@\xa5\x8c\x1f\xd1$&amp;My\xb6\xcf\xd1\xee?\xd8\x91~t\x92\xe1\x91_z\xbf\xdf\x9f\xf7\xf7{&gt;r\xe4\xff0]\xf3\xeb]G~p\xd3ust\xfb\xf3\x1f\x1cW\xf5G\x9b\x9fOO\xbf\xf1\xc6\xa7\x8d]\xd5\x15\x15\x15G\xe0y\xadSQ\xdd\xd5\xd5X]=\xbaS\xda*\xc1\xb3\xf5\xea\xd5?\xff\xbd&gt;7\xb8\xfe\x9a\x1d\x1dx91\xbd\xbd&gt;\xb8\x83\xf3$\x19+\x91\xa8X\xe4\xf7\xb7\xf6\xf6\xb6J\xdb\x8d\xaf\x93j\xfb\xe1\xabW\xa5\xbd\xed\xfdPH\xc5sE^\xcd\x85\xee\xf0(\x1d\x8d\xe5r\xdb\x03\xaf\xcdH0ok?\xe6+\x95\x86\xc6\x86q\x84\xf3|.w\'\xe6\x8b\x85\x8a\xa0\x9d\xb09\xff\xba\x8c\x1c\xdc+\xf2\xe9\xc8\x9d\xe1\x98\xcf\x97\x130\x8cTU\x1c\xcf\xc5\x86\xa3\x82J\xa2Hq\xf3\xc1\x83\xf9\x8aC\xcf\xfa\xdc/?\xda\xdb\xe0C\xbe\x98o(\xc4\xf3\xbc\x90\xc7p]%\x84x\x15\xfe\x88FC\xa5\xfd\xd2\xe6\xfa!s\rL\xec\x95|\x02\x0e:\xf1\xfc\x88 I8\xae"$\x08$\xa2(\t\x17p\x0c\xe1B1\xca\x17\xf7\xe6\xab\x0fQ\xaa\x81\xf9\xed\xe2V,\xaa\n\xa1\x1c\x1f\xe2U\x15I$.!\x19C$\xc6R\xfa\x87\x1e\xb4\x91X\x8e\x17\xf6\x0e\xafd\x07_n\xef\xf1\xbc/V\xcc\x15\x05&lt;\x8fp\x1cG\x98\x02d\x02\xc6\xc9\xb2\x82\x81j\xd1\x10X\x1b\xf3\xe5b\xc5\x91\xd2\x83\xb9C\x11\xacqb\'\xb7_\x0c\xe5r!^\x10\x04$K$\x89Q\x04\xcbq\x0c)\xe4e\t!\x15\x92\x85\xe3\x10\xae\x91l\x0ebW\x9a8\x0c\xae\xc6\xbby\\\xe0\xa3\xaaJ\x92$\x84HB$\x8e34\xc12\x18%*\x9cL"R\xdfC\x8c\xd3\x18J\xe2\xc1F\x15\xed\xdf0&gt;`\x157?\x90!\xd9\x11\x9c&lt;H\xb8\xccp\x98\x8c\x11)\x8a\x15e\x04\xff\xc9yI\xe10\x90\x8c!h\n\xa9QD\x16\x05\xb4\xb19g\xf4BV&lt;\xde\xdd\x87\xad\x13"Q\x1cd"\x19"\x95b\x08"\xc5*\xa4 \xe0$\xa7`\x18GQ\n\x89s4\xc1(\x98\xc8\x96\x05&gt;\x87\xe3\x8f\x8d\x96\xab\xfa\xeb]E\x12\x8a\xa1(\x8fK\x18\x06\xa1\x02.\xddB\xa4\xf2Q$r\x98\xc22\x14\xcdb8\xa2Re\x8e\xa2\xeb\x192+\xe4\xd4\x8d\x9b\x06c\xbd|\x821y\x10&amp;\x02T"C\xb1\x04\xc1\x124AazsA\xd8\xf22K\xa7h\x96\x91\x018EQt\x80#Q\xbe\x18B{\xc6\xd6\xc4\xdc\x0e\xc9\xe5\xf3`\x98*`\x0c\x05\xc2\xd0\xc0E\xd3\x8c\xac@\xb80\x88\x99\xae\x1fMS\x1cd&gt;Eh\x84\x8dB2!\x14\x8b\xa5\x89F\x03\xe3U1\xba\x81\xb02\x07\xe1\xc6\x14\x8a\xa5(B\xc7\xa2Y\x8a\xe3(\x8e\xc2d\x96Rd\x8a\x05LJ\x14\x99\x14XK\x04h\xaeLH\x11a\xa8tw\xd08\xae\xae\xbbyM\x93\x15\x840\x91 DL\xa4i\x96\x83%\xe4d\x0cV\x12\xf2D@M0\xffS\x91fi\xe2\\ \xc0P\x94\x88F\x8a\xea\xddF\xe3\xdaa\xa7\x1c 8\t\n@\x86FW\xe0\x9b\xa1\xd3Q:\x12\x99\x95\xf4\xbd\xe4\x08\x06&lt;d8\x19\xb0\x0e\xece\x89\x80\x8d\x86\xa5\xc0p\x01\xfb\xc7M\xa3\xe4\x1a\xb8\xbb\xab\xd5\x13\x1c\xa9\xef\xa0$1\xe0Y:\x9b-\x0c\x17\xa6\xb2SY&gt;\x9aE\xd0\r\xe0 p\xc1\x0e\x02\x92\xae\x17M\xdbl\xb6\x00\x91\x17\x14\xed\x91A\xb1\xafx\xba/k\'Re$\xe02#\x8a\xac\xb8t?\x99L\x8e\xdd\x1a\xce\x0e\x8f\r\x8fD"\x12x+RPW\x8a&gt;"\xc30\xac\xbe\x0f\xc0Es&lt;\x9ezf\x10V\xe3f\x9e\xd3\xcei2\x12\x90\xae\x87R\xe8\xbbv\xed\xec\xd9\xb3}\xd7WVV\n\x91\xd9Y)\r3\x9b^J\xcfF`\xd2\x924\x0bE&amp;s\x04m\xa3\x19U-?3(\\\x83\xf7(\xad&gt;\xa5\xc1\xb9\xa7\x88T\x8aN\xb7\xce\x84gz\xda\xdb\'O\xf7=_-\xa4\xd3\x91\xf4\xd2T\xa10\x05\xb3\x04\xa6f#\xd9\xa9\xa54Bp1\xe4l\x01\n\xe1\xf2\x939\xa3\xb0h\xad\xbe\xbe\x9c\x87/\x82\x0c\xb1K\x8b3a\xab?c\xb5z\xc7\'O\'\xa7\n\xd9\xa5\x91!0um5\xb96\xb5\x04h\xf7\xefO\xa5#H\xcf!}B\x03\xacg\x03\x06\x99\xf8(p\xfcD@\x13HLo\x00qu&amp;cu\xbb\xe3\x1e\xb7\x7f&amp;\xeen\x7f\xd1\x97\\YI\xae\xac\xf6-,\xbcx\xf1|mmmeu\xad0\x95\x16\t\x86e\xd9\x94FJ\x1b7\x0c:\x18\xbb\x1e\x9f\xfb\xd1\xd1zB\xc3\x14\x86\xb5\x89\x85ew\xbf\xc7n\xaf\xf5x\xdcV\xfb\x97^\xbf\xf7v{\xf7\xc2B\xf7\xb5\xc5n\x98\x05\x98\x17\xabk\xf7\xd3\xac-\x00u\xcbh\x92\xbca\xd4\xbd\xbek\xfa\xe8\xb9\x1f\x9f\x08\xd8\x08J\x9cM\x17\x163n\x80\x82\xa7\xb6\xf6\x8a\xd9\xac\x7fx\xe2\xe1\x1e\xff\xccr\xfb\xe4\xe4b\xfb\xf2\xe2\xe25\x00\x9b\x9a\x85\xca\x85\xfeJq\xe5c\xa3F]#\xe6\x9f\x04\x02\xf5\x01\x9b\x8d\x8at\xb4/\xceX\xfb=\x80\xe2\xa9\xa9q\xb9\xcc\x0e\xb3\xb9\xc6\x05dVk&amp;\xec_^\xee\xf1\xde^n_\xbc\xd6\r\x82\x81\x8f\x14\xc3\xd2\x9av\xdc\xb0\xdbM\xc5\xc4O\xa1\x1b\x03\x84\xb2Rg\r\x87\xad\xf1~\xbb\xddSkv8\x1c.s\xa7S\xe7r\xc53\xfepx\x19va\xc6\x0f;\n~.&lt;_]\x12\xf3\x1c\xa1i\xccC\xc3n\x11O\xff\x0c\xddHp\xd1V\xf8r+D\xcbcw9\x9c0@\xe5t\xb8\\\xae\x9aZ\x8f5&lt;s0a\xc0\xd2\x05\xeb~\xb16+\xc9)\x8eQv\x0c\xc3\xba\xf1sP+%%/{\xbd^\x1d\xcb^\xe3p\xb6%\x1a\x12\x9d\x8e\xb66\xa7\x0b\xe4\x82\x88\xd9\xe3\x9e\xb85\x93\x81J\xbb&lt;\xb9&lt;\xd9\xde\xfd&lt;y\x7f\x96J1\x9a\xfcd\xc00\xb5&gt;\x80\xf3\x8d\x89\xf4]\xf2z3z\xb4j\xcc\x8e\xb6\x06\x93\xc9\x12\x04*\x90\xabF\xcfY-d,\xde\xef\xb6\xfa\xc7\xc7{z&amp;\xf5\xaeMf\x19*\xa5\x95\xff\xben\x14\xd6\xfa\xbd\x00\x91\xe2\xa2g\x9b\xbdV\xab5n\x87\xa8\x07\x83\r\xa6\xcaJ\x93\xa5!\xd1\x16&lt;\xb0\xf1;+=\xfd\xee\x8c\xdf\xdf\xd3\xd3&lt;y\xba\xf5\xfa\xf5a\x92\x83\xc8\x1f}j\xd8\x8b\xeb\x17t\x8a\x91\x86\x7f1\x99q[\xad\xf6\x1a3\xc4\n\xd4jii\xa9\xac\xac\xb448\x1d\xdf\x07\xcc\xee\xf1\xc4\xdda\x08\xd9\xf8\xa5\x9e\xd3\xad\xb7n\r\xa9\xa4|\xec\xc4\xd1\x1bFa\xcd\x7fA3\x18&gt;t\xbeG\xc7\xaa5\x9b!\xef\xa0V\xd5\x85\xaaJ\x13(\x16t:\x1cf\x97\xb9\x06\x02\xe6\xe9\x87U\r\x87o\xd75\x9f\xfemS\xd3\x18/\xe4\x8f\x9d3\x10\xeb\x1e\xa1\xa1\x91\xa1\xf3\xcdp\x12\xba\xedP\rNg\xc2b\xaa\x02\xb1L\xa63_%:;;\xa1\xbf`?k\xe3n\xc0\x9a\xf1\x7f\x8fu\xeb\x0e\x9e/\x1f;:j\xd8\xef4\xcf\xe0t\x0b\x8d\x9d\xbf\xec\x07,\x8f\xcblv\xb6\x05\x13\x96\x93\x00\x05.\x9e\xb1$\x82AH\xbe\x1d\x06L\xcc@\x85\xe9X\x1d}\xadMC\xf0\xfeS&gt;&gt;a\xd8]\xfe!\x83\xa9c\xbd\x1d\x97\xf5\xc8\xeb\xa5\xd5\xd6\x16\x0cZ,&amp;\x0bp\xb5\x9c4\xc1NZ\x12N\xc8\x96\xdd\xd3\xdfo\x85\xcc\xd7\x01VkSSGo\x08\xe1H\x9b6\x0c\xeb\x11\xbc\xa7\xfa\x9aZ\xeb\xbc\xd0L\xb0\x89\x8e \x94\x16P\xc1"\x02\x17\xc4\xeb\x8c\xc9\xe2\x84\xd0\xdb\xfb\xdd\xc0\x15\xf6\xfb\xc7/_\x05\x13;\xde\xe9\x1d!Q\xf9k\xc3^}\x1e\xcb\xb8z\xab\xf5\xe3\x8bzo\xc1\xb9\xe3\x04,K\xe5A\xda\x13\r\xb0\x8c\x7fk0Y\xda rW&lt;W\xae|\x19w{o77_={ \xd7X\x94,?2\xec\xd5gz\x97\xe4\x9b\xae\xbee\xfd\x0e\x0b*\xbe\xc1\xa2\xf7\x83\xa9!\x91\xf8\xca\x02X\xa0\\C0\x18\x84\xec\xff\xe5\xc3\xf7\xdf\x7f\xf7\xed?\xf5\xb4\xebX\xba\x8d\xb8l\x18\xd6\x91\x89]\xbc\xd8[w\xd1{\xdb\xef\xcf\xc4k\x1cz\x97\xb6TUU\xb5\xe8\x06BG\xe8\xd5\xaaw\xeb\x99_\xbf\xf9\x87_}\xf8\x9b\xb7\xdf\xaak\xfe\xd9\xf9wt\xac\xcfbFb\xdd\xd8\x15B\x1d\xbf\xbf\xe8\x1d\x1f\xf7{=.\x97\xf3\x0cP]\xa8\xbap\xe1\xd4\x85*\xbdT\x0f +O\x9ely\xef\x9b\x7f}\xfb\xed\xc7\x7f&lt;\xdf4\x96\x1c\xf2\xf5\xeaX&gt;A~h\x18\xd6\xcd\r&gt;\xd7\xfbn\xdc{\xa9\xc7\xef\x8d\xdb\xed\x9do\xfe\xee\':\xd4\'\x9f\x9c:\xa5\x8bV\xa9c\xb5\x9c|\xef\x9b\xff\xfc\xd57\x1cR\xa3*\xcfG#\xd1\x18p}V*\xe2O\xfeK\xab\xd9\xf7\xa6u\x9d\x01&lt;\x7ft\xdfaSe\x07i\xf6]\xe7.\xeb\x92\xbaI\xc5\r\xe8rUkxq\xae\x83Ik\xcf\x17\x13\x12\xe0\n\x8b\x18|y\x8b\xc1\xbc\x84\x97\x10 P\x17\xc6\x85k\x06Ruq\xec\xcc\xc4\x88\x97\xd4u\x8d6\x93\xc9L5\xd2\x88d\x1b\xd9\x7f\xd8\x93\xdd\xc5oI\xaa\xa4n\xe6$\xed\x94\xec\xa0\xee#\xc0\xf9\x04?=\xcf9\xcfy~\xcf9\r\x1b\'}\xfe\xfd\xf9\xa9\xb4\x80D2)\xb9^L\xea\xf5}c[[[\x9f\\on\x071\xab\x15\xd5\x93C\x97/\x9f\xd9\xda\xcd\x9b\x8f\xff\xee\xb7\xc0`\xdf\xbdr\xd1\x1cmk\xb5F$\xe9\x87S\xad\x7f\xff[\xa3\xb0.&lt;\x06X\x06\x12\x11\xd9\x8b\t\xadQhD\x13\x87Jc\xc4x\xa8z6t\xb9\xf9\xccI.\xf7\xdc\xf5[}\x05c\x0e\xb8\x11\xb0\xd7+\xad\xd1\xd1;\xd7\xcc\xad\xf7%\x92\xfcCk\xeb\x93\x86M\xb9n&gt;\xbe1\x95&amp;I\xc4^\xd4M\\3\x83$\xdd\xbf_\x1b\xbf\x1d7\xebv\x86\x86\x86\xcep\xf9\x8b\'\xc6\n\xcai\xa0\xd8\x80g2\xa2\xd5j\x95\n\xdd\xcct&gt;\x1fI\x03\xac?7\x0e\xeb\xfcOX\xda\xc9\xdc\x9d\xdc\xe4\xd4\x8d\x16\xa0\xcd\x1f\xb5\\\x1a5\xebLc\xb7z\xf8j\xcb\xf0\x98I9=1\x1d\x9b\x11* \x91\xa8Xpb\x04aL\xa7\xf3\xe0(&gt;\xf9\xcb\x87\xff\xba\xdb\x90\xfdu\xf3[\xeb\x94De\xd2\xeb\x93\neAe\xdaI\xc6\xbcB\xdd\x8c\x94\xd6\t\x85\x90\xe0\xc4\x9a[F\xf9\xfd\x06H\xaa\x13Nz\xa5X\xc0C\xc7\xbc\xd3B\x9dT\x97O\xe7\xd3\xd6\xb6\'\x8f\x0e"\x87\x7fl\xc4C\xcf/\xff\x1d\x99\x928L\x08\xa22\x99\xe2q?\x02\xf9|(\xaa\xf0x4\xa2\xa2\xaaoq\x91\xcf\xb5\x94I\x04\xa3\xbd\xa5\x9c\xc2\x87\n\'\xa6\xa7\'\xa3\xd1j,\x16\xc9\x03\xac\x8b\xad\xd7\xb6\x97\x96\x8e\xeaO\xf5\xeb7\xaf\x1fF$\x11\x87\xca\x9e2\x08\x0c)\x8dg_q\xf8"\xe2\x8dy\xd7\xb7\x03\xe1\xf2\xa2z\x8du\xf9\\\\\xef$6\x17\xbc\xca\xc3\x07\xdf|\xfa\xe9_\x9f\\l\x1d]\xa9\xc6f"\xf9\xf4\x83\x1b\xd1\xd2R\xc0\xb3[\xffc\xf8\x9f\xb9UZ\xf2\x13V\xc6\x90\n\xc4b\xb1\x89\x1bO&gt;\xfb\xe8\xf8\x84ws? g\xab\xf9\xcdW\x87:\x10\r]\xa2\x15\xda\xa3/\xbf\xfe\xd9;\xff\xfc\xfa\xfb6`\xba\x80K\x92\x7fp\xbeD\x13\x81\xe5B\xdd7\xd7/\xc2\xab\xf8\xdc\xfe\xa4\xd5\x81\xd83b}\xd8\xb39[\xfd\xf6\xf1o&gt;\xfb\xfd\x9f\x1e\xed\xce\xd0s\xe3\xecnus;+.\xc2\xf6\xbd\xb1\xd8\xd6\xed\xe7\xdf\xfc\xaa\xff\xfe\xc1\xa1w68[\xf5\xc6$\x12\xc9\xb5\t\x02\xd2,\'O\xd7\x1b\xebTX\\\x19_\x8dY\x0bHJ\x1c\x92/oon*w\x0e\xee\xb4\x0cZ\x8fv\xb5\x98\xd8\x06\x94\x91u\xd9]\t\x03\xc9\'|\x19r\'\xa9\x93\xfa\xb4\xc0\xc7r\xa5\xcdu\x80\xf5`j\x86\xd0h\x02\x89\xbak\xd9\xdb\xe5\n\xec\xe2a\xd6$\xb8\x11G\xe6\x802g\x11\xb2\xcf\x01\xa1"\x11\x86\xd9\xcb6\x18\x86\xc1\x96\xb7\xa5\x02\x9e%\xac\x18\x0e\xdb\x11\x10Ug@*\x9c\x9e\x06\xd9\x06\x05U"\x0c\x04\x08\x8f\xb2\xee\xa5\xfe-\xd7\xb8\x8dc\xcb\x18\x0bv\xbb|$\x14\xce\x86G\xc8\xbeg\xcf\xfcz\xe7\xeaj\xd6Pvuqza\x8a\x83\xaf\x02\x93\xf6(\x13P6kG\xecY\x08U\x18\t\x85T*\x94\xe4#RO\x00\xf5h\xef\xd6\x1d\xab\x12\x12s\\\x19\xd4\x8e\x88\x80\xf9\xc8\r6\x9e\xd8\x00Jk&amp;\xec\xcc\xf8;\x18\x0b&lt;\xc0\xe9t\r\xf0@\x12\x974\xa9\x14\x92\x05\xb2\x1f\x08`\x9a\xacH\x04)\xa4\x92H:M\xef/\xa1X\xa2\xfeX~q\xc5\x16J9\x11\x87&gt;\x14\xe2\x95\xcb\xb8\xcdV\xc1yz1\x1e\x1f\xebY\x93uq\x80\xe8\xb39\xf8\x1c\xc0Z\x1e\xc1y\x99\x94\xd3\x99\xd5\xa4@\xe3\x1cvB\n!\xc0R,-\x05\xb0d\xfd\xb1\xfa\\\xb2\xd0\x9c&lt;\xe9p\x88A\'?\x8e\xdb\x06\x06\\\x80,n\x01\xdd\x1f\xb7\x9b\xc3\xe9\xed\xecd`\x9b\x1c$qY\x8e\x8f\xdbpy8\x95\x01\xfd&lt;\xe0\x82\xd0\x1a\x96\xb2\x96\xdeD\xdd\xcb\xfc{\xc3\xddj\x1c\x8f\x17\x11\x95\x98\x07d~\x80=^\x1b\x8fP\x8c\x0cX\x06\x1f\x06]!\xbbK\xc6TB\x98\'\xa0\x91\xe3@\xac\xc7\x81\xfb\x00\x87\x95\xcbE\x10\xaa\xab\xdd\x8b\xf6\xe5\xfd}\xe5\xfb\xf5.\xf2\x17\xc6\xba96\xe6D\xd2a\x10\xe38^\x81a\xcaB\xc1l\x06\xac5\xae\x1a\xeed\xf7\xf6v\xb9\xdd\x94\\C\x044\x99\n\x9b\r\xb4l\x00\xc87\x8f\'\xd6\x17!\x05\xc0\x92\x88\x96\xb7\xd7\x89\x8f\xeb\x1f-6\x0f\x1f\xea\xd3:\x0c J.X\x06d\x07h!\xc3t\xbbkId\x83\x02a\x01Xb\rFh\xc2e\x99\x8ca\xb3\xd9\x14\xa7f\xb2z\xc4N\xe8\xd2y+\xb6\xb4\xbe\xee\xab;\xd6\xdb\xfe\xf1P\'\xcb\xa4t\x98\xc82\x07V\xab\xf955\xacI\x0f\x9f\xcfu\xc3l\xb8\x0b\xee\xe6\xd6\xb0|\x18\x86\x85\xfd\x8bn\x86\xd9\xa8\x85\x92\xaa\x18\x90b\xc2\x98\x7f`\xf5mon\'&gt;\xa8\x7f9\xe5\xad\x86d~_\xc1d\xf0\xc325\xf7d\xado\x07\xba\xb3\x01\xbb,0\xa7\xb7\x97\xc3\x96\xb1X\x8b\xa4\x06E}\xd9\xc0\xb2\x98\xd9\xf8\xffb\xfc*{R\x9b\x97H\xe8\xf5u\xe2\xf0n\xfd\xa3\x85//Sc\x87I\xd2\x14_\x04\x19\xbcz\xfb\xde\xedv\x96\x9b\xe1\xf0x.WW/\xa7\xd3\xc2\xba\xda\xdeC\xa50T#\xc2\xb6\x97R.\xfe\x86\x9b\xcb\xedq3q\x03\xc02Z\xad\xeb\x1e\x0c}Q\xf7\xab\xfa\xadx\xafx\x8eW\xdeM\x98\x04\xc3k5\xac{\xf7\xee\r-2\x15\xde\xc8\x88\xb8\x0c\xc3\xec.w\xf3\xed{\xed=\x06\x8d3\x9c\x82\xb6\xb7=\x19\x8aY\xdcp\xf3\xdd\x8c_/\x02\x9d\xbfU\xb8\x0f%\xb1\xe7uol~\xfer\xa0C\x8d\x8ft\x1c:\x04\xc32\xb5\x9b\xd5~\xf6l\xf3\x1a\xe3\xc2C#6\x8a\x92\xc9*2\xf7\xb9\xf6\xb3\xed\xd7\r\x1aQJ\x94P\xd0\xfb\x80K\xb6\xb1\xa1f\xa8\xb2\xc8\t%"Vc\xb6\x90\xac\x7f\xd9:\xd6\xf4\x8fa\xea\xccZg\xc7aA\xd0a\x91\x01\xa3nn\xee\xe9\xae\xcd\x96mj.\xd8\xda\xf1\x0e\xaa\x9b\xcf\xfd\xa4O\x84j\x13&gt;\x94\x90\x12\x81\xd5q\xd9\x06c\xa1*\xa4\x1d\xf2%\xf3\xd3J\xa7\x13:\xa8\xff3Y\xd3\xe9\x97\x03C,5UH\x92q\xb86\x7f\x00\xc7\xd0\x02n\x9bq\x19w\x8d\xa9d&lt;\xb4\xb3c\xb8cX\x00M\x98s1\x05\xa8\xa9\xf6\xcc\xdc@\x17EQ\x15}1\x81j#3&gt;\x9f/\xf1q\x03\x14\xa3\xe9G\xcb"\xab\xc7\xe2H\x0b\xe2.6\xdb"\xe3s\xf9\x8c8L\xbaY\xdc5\x8a\xb2o\x97t;}*\x074\x13m1OH\x03\x1a\x91\x9e\x14\x8f\x0c\xc0T|O\xef\x84P\xa5D\xe7\x84\xb4\xcf\x1b2\x9b\xbf\xf9\x92\x92\xf1\xf9}i\x95\xdf\xe5r\x81n\x94\xbfH\xae\xeaO\x9c;w"Nf0z\xb6\x9a \x05\x0ea\xeeR\x7fp\xc1K\x13N\xc4\xb4\'\x1e\xc1\xa98\xc8!J\x18%Fg\xe1y\x83\xbe\x1d\\xMY\xf8c\xda\x82\xa0\x02\xb0,ju9\x10~\xb6#0\x99\x8a\x18\xe1]\x08F\xabt193;\xdf?\xd8\xd2\x96\xf3\n\x89\xa2\xc1&amp;^%\x07x)\x1f\xa1P\xbczt\xf4E\xa3\x1e\xd1\x9b\xfe\xf0\xe6\xe5\xf5[\xbbIS\xb9R\x01\xdb\xcb\xe5\xa1\x8bJ\xa9NJ\xd3\xd5\xc9`\xb0-:;?\x1a]\xc8\x05[\x06\xe7\xe7W\x16\x16J3F\xad\x16[\x1d\xc73&gt;B\x9a\xff\xe2\xc3c\x8d\xfc\x00t\xfa\xd4\xa97/T$\xc0\xb2\xc0\x99\x92U2\x99\x8b.\x94\x16f\xa3\xc1\xf9\xf9\xe8h\x7f\xff\xfcJ,\xda68\x08\x129:\x1a\x8d\xde1W\x038\x99Bu\xd2\xf4\xfb\xc7\x1a\xba\x9a\x9a\x9a&gt;p\xa8@\x93\x0c\xae\xe6p\xf5\xda\x9d\xf3\xd1h)W*Uc\xa5\x85R5W\xf2\xc6\xb0\xd8l\xb0\xc6\xb4\x10&lt;~\xe5RK\x7fU\xcc\xd3(h\xe9\xab\xcf\x8f5z\xfd\x888\x0c\x06\xd0\xba\x80h\x8d\x06G\x83f\xaf\x0e\xcd:\x9f:\xb2X\xf8\xa9\xeai&amp;\x83y\xabU\x8071Z\xfbQ\xd2?\x9b\x92\xa3:\x9a&gt;\xba\xd0p\xacS\xa4\xc1@V@\xb8\xf0\xcd\xc1\xf9\x95\xd9\xa0Y\x98\r\xab\xf6\x9e\xee\xed\xed}\xf7\xdd\x7f3\x99\xac\xb2\xf6D0\xdd\xfa\xee\xfcJp\xb0\xbf\xa4\xd7(\xa4\xb4\xf4y\xe3\x7f\xe2\xbd\'@\x1ce\xbf\xcbb\xe9\xf5\x05Wt\x0ec\xf0\xfc\x8b\x9d\xd7\xcfv\xb6~\xd8\xda\xfa\xe1\xe9\xee\xee\x8b\x83\x83\x83\xa3W\x8f\xbf\n\xc6 \xa2m\xd0\x8b\x00\xf1\x91j\xff\xc7\xbb\xdd\xc76q\xdeq\x00G\xb2\xb1K\xa6\xa4\x1e\x06\x93`\'6KlJ\xac\x83,\xc6IHDl\x9dcC9\xe2\xc46&gt;.Y i\xdcy&amp;\xd7\x18\x1b\xbf\xc9N\x0c\xf1\x0be8.L\x9a\xec\xd0\xc8&gt;\x10\xb6\\\xe3b^B3\x86\xccK\xa6\x9aXJ\x0b\xda\xb4M\x91h\xd7\xa2\xa2\x04\xb5\x7f$\x04\x95\x97\x91\x14\xf6\\\xd0\xfa_\xb7\xb16\xbe\xbc\xc8\x7f~\xf4}\xbe\xf7\xe4\xf7\xe8.\xc4\x92\xabJ[1\xe9\x989\x122\xb9\x1bB\x86\x1bc\xa8\xe9C\xe5\x93\xefJ\xbe{1\xfft~\xfc\xe9\xa3y\xd1\x8b\xf9\xf9\x17\xda{\x97N\xbcw\xd1\xe8I\xf6\xe1\xb1\x13:\x83\xee\x9f\xd7\x97\x9c\xb5\xacU\xfe\xeb\xe8\xb4&lt;$\x97\xfb[2G]\xa8)8{\xe1\xfe\xd3\x8f\xc6K\xe6\x19E\xf3\xf3%\x8c\xf1\xea\xf9o\x1fg\xc0\xe8,\xf0*o\x8cX\xf4:\xa5A\xf3u\x1e^?\xa5c{\xa3\xd3\xaa\tU\xd0\xdfb\x17\xa8\xd4Y\x7f\xe4\xfe\xec\xc2\xe7\xcf?"\xc6\xab\xc7%\xd5\xe3\xc4\x8b\x17_\xcf\xfe\x11\x9c\x11}\xb6\xc0pJ\xa7\xc3\x03\xce\xf07yx\x8b\xb8\x06\xdb\xe3\xbbd4\x03VCH\xeaE\x90\xb7\xfd\xa1\xdb\x0b\x0b\xcf\xe6\xe6\x1e=\xbf\xfb\xf8\xf9\xf3\xbb\xf6\xfb\xb3\x17\x0e\xfc\xf6\x80R`\x0ffR\'\x0c\xb0^\x13\xfef\xe9U\xcb\x8e\x04\xdf\xdc\xaby\xe8\xc2"~\x7f\xc4\xaeB\xd4\x83\xa6`$\x14\x99\x03\xf3\xf1\xdc\xa2\xee\xd9\xb3\x85\x03\xef)\xf1\x80\xd4\xeer&amp;\xac:\x9d\xb5+\x95\x0fV\x1dv\xe86\xde\xf5\x043\xf9\x83\x13\x13\x0fP\x04\x82\xb0\ty\xf6\xf4\xe7\xbc\xcd\xdb\xe7\x00\x8a\xdc%.\xfa\x02\xb0O*\xcdhR\xe43\x8c\x83\xf1\xc7y`\x95&gt;\xd8S/\x8d_\x02\xd3\xa0\xffW6\xef\x83\x01\x08\xca\xfa\'"\x90\x9a\xc7\x03A=\xfb\xdb\xec\xc2\xec\x05O\xd4\x19\xf0\x80Y\xd9\x99\x1eN\xc7S\x0e\xcd\xb7y`-\x03\xacC\x86\xc49\xe02\xdb\xa4\x18\x04F\x9b\xfd\x11\xb3\x1d3eO\xcf=[ \xb7\xd5\x8c\xd3\n\x0b\xa4R\x81\x01\xa8\x8e&amp;\x1c\t|&amp;/\xacC\xa1\xfa\x0b\xf1\x0f\x1e\xdaUv\x9b :\x85\xa2H\xe3~\xb9\xf9\xc2E\xa9\n\xbb?;\xeb\x1d\x8b\x865\x06\x81\xc7n\x8b\x0e\x1fM\xa5\xd2\x8ef\x9d%\x97\x0f\xd6\xdd=\xf5[\xdf\xcf4w\x8d\x8d]\x94\xc2\xba\xe9\x01\x04\x9al\xdc&gt;)\xf7\x08pM8|01&lt;|"\xda\xf1\xa1\xdd\xec\x8a\xa6\x12\xf1t\xe2pJo\x19\xcd\x0fk\xab\xff\xb6\xd9\xd2\xf5\xd0\x12\x03S\xb2\x0bR\xa3\xd9\xc9F0:c^\xf8\xe8\x8d\xbe\xa4\xa1\xc3f\xdf;\x11Qy\x9d\x89d&lt;\xde\x9f4\x18\xf2\xc4:\xb4\xd5\xef\x8e\xb8\xa2i\xa7\xd1\x98\t;1\x04:\x8e4\xf2x&lt;5$\x17\xfc\xe3F\xda\x169.\x9f\xa8w\xabb]\xcd\xc9\xc4\xe1~+l\xc8\xc3\x9fDp=:\xb4{\xa7;+\xf7\xa6\xbb,\x06\xabU\xe3\x95\xa3\xbd\xe4C\xf4\xcd\xeflFUF\x03l&gt;=\x89E\xdcr\xa3\xc5\xb1+\xf1U\xc5\x08\x9e?\xd6\x9b\xbb[\xdc\xd9\x887\xee\x08G-]N#Z\xb6\xb9\xac\xb6l\xf3;\xbd(*\xef\xf0\xd9#\xa1\xdb\r-\xe6\xcc\xb9d\xf3\x9f\xf8I+83:eyb5\xb4LB&amp;\x0c\xff\xeb\xc8\xb9K\x8e\x11\xdc\x85\xbe\xf5V\xd9\xc0\xe0\xe0\x00*\xb7KU\x13f3hV4\xfdA\xb3\x83\xefp\xe2z\xbd\x15\xcfSZ\xfe\x86\xacZ\x8dB\xaa\xf4P\xf3\xc1]\x9d\xc9\xf04T6xw\nC\x83c\x02\xc0\xb2{&lt;.K\xbc\xff0\x9f?\x14\xc6a\xbd^\x8f\xdf\xbb\x9e\x0f\xd6\xfb[\x1b\xdc\x8b\x0f\xca\xbd\xe1\x91$\xbf\x8a\xdb\xdf\xf5d\xea\xc94\x16\xc4\xbc\x9a\xa3\x01\x951\x86\x07,\xa9]\xdc\xee\x8a])\x10\x16\x0c\xc3\xfa\xaf\xce/9\xaa\xf4\xfa\xd4\x9e\xad;w\xbe\r\\\x10\xe6\xd2\xdf\xe4W5U4\x1f&lt;\x98\xb2Z2^\xcb\xdf\x87R\x16\xa75\xac\x89\x0f]\xb9&amp;\xec\x8c[\r\x06\x03\x0c+\xf1+W\x8f,\xe5h\x03\xce=u\xadW3~\xf25\xb7I5\x8a\xa2A)&gt;R\xd1\xcd\xad\xe4\x1fv8\x12\x9ap\xa2\x7f\xc8\x11\x8f\xc7\x13\xcd\xfd\x95M\xab\xae\xf1S\xfa\xc0\t\x9d^\x19\xc0\xbb?\xfb\xa2\xb5n\xe9N\xaf5\xcc5\xcc\x99[\x96\x90\xdfM\xb2\xd4\x83P\x10l\x9a\xfc\xaa\xee\xee\n.\x97\xdf\x9c\x1cI\x0e\xf5\'\xfb\x93\xc9\xa1n&gt;wc\xcf5GZ\x07\x835T*-Wn\xe5\xc4\xa7N\x1eY\x02Yi\xdd\x8e\xf2\x92\x92\xe2\x82\xf2;\xab\xf1\x108\xeagQ\x88\xc7C\xe5r\x95-\xdc\xb9\xaf\xaa\xbd\xa2\xbb\xb2\xb2\x8f\xbf\xabo\xa8\x9f\xcb\xaf\xac\xb8\xd6\xb4Eq\xac2\r+a\x98|\x12\xea\xbc\xd2sO\xa2%\x88\xb3\xad\xad?ih\xa5u5\xc54\n\xbb\xba\x80\xc5b^]\xed\x0c\xd57\x00\x16\xaa\xe6!j\x93\xcb\x95Iu\n\xb7T\xed\x13Vp\x81\xac\x8f[\xd1D\xfe\x9f\xcd\xfa\x8d\xdc\xb8\x15\x0f\xc0J\x81@\tX\x8a[3_h\xcf\xe4D"I\xdb\xa9\x93u?ULk\x8a\xd9%\xec\x12\x0e\x83\xc5*`\xde\xd9\xa6\x01GW\xf7q\x08Q\x83k@n\xc4bC\xed\xc2\xf5\xc2\xaa\xf6\xf6\xf6\x8a\xce\xce}\xc2\xf5\xeb\x15\x1b\x85U\xdc\xb8\x13\xc6\x03\x81\x80@\x10P:\xbf\xecQ|\xca\xd1j\xcf\x8fje"11*;\xf9#3[4\xd1\x8b\x18l\x06\x9b\xcd\xa8\xde\xc4\xa2\xb3\n\xff\xb2\xed`\xe8{\x16\xa2F\xe5\xa6\xa9\x87\xa9?p\xab\x9a\xaa\x84\xc2kB!\xf8]\xd5T\x99\x1c\x89\x9f\x8b\n^^\x01\xd8\xd9\xdd\xa3\xf8\xe4c\xadv\xe6\x8cv4\'i\xd3\xe6r\xc4\xa9\x1fQ\xb4\xd2:&amp;\x9dN/\xa2\x82\xa8\x18%l\x1a\xbb\x98\xb9\x82^xgUs\xa4\xbe\xa1%\x8b"j\xa4\x97\xa7F\x8e\xcbM\xa6\xa0\':"\xdc\xb2\xaf\xa9\xa9}_E\x1f\xbf\xd9\x91\xb0Z\x9d\x96\xe8\xbfU\x80\xa5P\xfc.\'\xd6\x12\xe7s\xc4\xcc\x8c\xacMB\xcc\xe4@\xd1\xfe/\x18\x08j\xcd\nzQ\x11\r\x04\x05\xc2\xaa\xa616\xd0Y+\xe8\xe5wVv\xdb\xea\xebwf\xa1Iu\xef\x00\x08\x0c\x82  \x93O\x85o\xde\x8c\'\x87F\x12iM*\xad3\x18\xf0\xa8\x8fDEI\x96\xb5\xa9G\xf1\xc6\x19\x11A\xe4fr\xe0[+\xe1\x88Fs\xa3\xe2\xb3\'k^\x19V\xb7\xe3u\x10\xd4\xf7\xaa\x12vA\x01\xa8\x16\xbd\xb0\xfc\xce\xbac\x96\xdd!P\xf9w\xd5\xbd\x83\x08\x18g\xc0\x19c\xf1\x92cS\x190-X`\x9dF\x8f[b&gt;\x9f \x1a#\x13\x0b(\xadM\x8a\x9e\x9f]\x96\x90\xac\xd1\\.\x07\x1a&amp;\x16iG\t\xb1Lt\xea\xd5\xb6\xd9\xba\xf25+\x8a(\x14\x1a\x8d\xc1(aP\x19T*\x9bF\xa1P_g\x162\x99W\x97\xaf\x8f\xd7\xbb\xdd\x10\xb4\xbd\xb1\xb6\xac\xb7W\xcd\x1bD\x17a(:\x08a\xc6L\x14\xc7a\\\x10\x1b\x1b\xeb\xe8\x88\xc6\xc6b$K`\xfdR\xd1\xf3\xc6y\t\x01\x9a\x05\xbe\x88Q\xf0A+&amp;]b\xad\xecly\xe9\xab\xf4\xbc\x88\xb2\x89Fe0@\xd9\x19T\x1a\x8dJ}\x8dBa\xac(,.d]]~\xacr\xaf;\x9b\xcd"\xa4\xab\x16\xd4\x1eAPd`\x10B\x07Q\x93\xca\x1b\x8b\x02M\x86Tu\xf8:&lt;\xe0\x07\xb8\xacU\n\xc5\xefg\x80A;\n.\x82\x00\x1f\x08\x02TM,\x12\xc9\xb4\x92\r5\xffK\xc9J\xeb\xcak@T\xd4E\x0cp\x81\xc0(4\x06\xc9\xa2\x82%d\xb1.\xaf\xfd\xcd1\xebNw\xcb\xa4\x9a\xb7]M\xba\xc0\x11\x03\x19\x00c\r\x82B\x98\xdd\xeb\xcd\xc4\xbc\xc6\xb1\x0e\x9fGj\xf3H\xa5\x1e\x80\x13\xc0\xe9c\n\xc5\x9f\x81C&amp;#\x08\xc0\x92\x815\x94\x8d\x12\x80$\x92\x8c\x8b\xb5b\xce\x86\xd6\x1d\xa5\xff\xbd\xe8d\xcf\xa9\x8b$\xf2"ulr\r)4:\x93\xc9*&lt;\xbfv\xf5\xca+\xe6\x96\xfd\xe0\\\xd8\xa8\xae\x05\xae\x01pO\xaa\xc1\xb0\x05\x81\xf3\x99\xcdht\x19\x8d\xd21\x9f\xcf\xe35J\x17]\xbe\x80\xc5\xd1\xb3J\xf1Y\x9bX\x06\x16\r\xc4D\xc8\xc0\xae\n\xba%\x13\xcbd\x12\xce\xb8H,\xe2p\xaaO\xfe\xa7\x92\x91\xcb\x07:\x05\x02z\xa9"W\x90\xb2\x98\x1b\r\xb8h\x05d\xb7&gt;\xfed\xf5\xba\xe5]\x93\xd9w\x81\x8b|=\xaa\xb6l\x00\xb0\x90A\x042\x05\xcd.\x95J\xe5\x02,\xa9\xddn7\x1am^\x92\xe5\xc3\xbb{\xb6)&gt;=\x0bB\x022-\xc9jk\x93Hd\x04XB\x11\xa7\x84\xcd\x11I8\xd5\x12\xd1\xf5\x1d?\xa8*\xaf\xa9).\xdaD\x82^f\x05\xeeA\xd0z\x10\x17\xed5\xb2\xf2\x05\x85\xac5\xe5\xcc{+\xd7\xae\xfb\xc5\xf4\xfe\xfd\xe0N$Q\xb5\xb5\xb5\xbfl\x9c\x84\x10\x14\x85Lr\x0c\x93c\xe4\xabA\xaa\xa0\xcaew\xd9\xbc^\xc0\x8a\ro\xdb\xd6\xf3\xf3\xcbg\xc5\xa0J"\x90\x12y\x1f\xb6q8m\xa0Vmb1\x87\xc1\xe6HD\x9c\r\x1c\xb1dC\xdd\x0f\x95\xaa\xb8\x80B}\x99\x14\x95\xdcD\xff\xc5\xb6\xf9\x86\xb4\x91\xe7a&lt;q2\x99\xcc\x1f\'\x99Lf\x9c\x99\xccJg\xf2\xa2\x99#epbb_\xc8e\xc1\xb3)\xf6M\xba\xa08\xef\xae\xaf\x06\xc4,\x1e\x07\xf7\xa2\xaf\xbc\x85r/\x94*\xf8R8#\x87\x1c\x1e\xe1|q\x82\x08\xae\xb0\n"\xa8\xb4\xbe\x11\xac`K-\x85\xb2\xfbb\xb9\xed\xdeu_\xf4\xb8\xe7;z{\xe5\xb8\x9fA-m\xccg\x9e\xe7\xf9=\xdf\xdfH\x03\x1e&amp;\xc5\xe0{&amp;\x93\xc90\x19A\xedQU\xf5r1\xb2\xf2OF\xefO\xcc\x0e\xcd\x0e\x0c\xf4\xf7\xf7\xb7\x816;qg\xe2\xce\xc2\xc2\x0cf\xf7\xe3/\xa1\xd9\xe4$t\x83`\x90\xeb\xb7\xdbS\xda\xbd#8Wm\xd4\x1a\r\xc85Rk\x84\x81\x19\xd8##\xa1\x1ds\x05a\xb5a\x16\x1b#\r\xe3\xee\xff\x81\xea\x83R *\x12\xd6\xb5\x89\xe9t&amp;\x03\xff2x\xe4\x189\xc9`&amp;\nu\xf5*\x12\xc5\xa7\xcf\xe6\xee\x7fq+V\x0b\x1f\xfd\x8f\xfa\xdb\xb3\x0f\x16\x88\x0c\x8a=~89:::IX\x9f\x7f\xf5\xfb\xcf\xff\xf2\xb4\xd0l\xbe\xe8\x86\r\xa4\x08\x9f\xc6\xc7\xc7c,\xb3\x18\x8c\x8c\x04vu$\xcc\xa5\xc9H3\x15\x8e\xd4P\x17\x9f\xfd\x8fRhO\xc6\xff9\xe9D\x06\xef2\xf4\x00\x92,\xf82\xfe^\xd7\xb3\xbc\xda9\xba\xed:\xe2\xdf\xbf\xb8\x7fk`h\xa8\r\xa4~\xc8\xd5\x9e\x05\x18n\xb0\x81\xf5pr\x86\xe8\xe6\x1f\xfe\xee+\xa4\xebO\xdb\x85\xfc\xd4\xe2j\xb7Q\rk\x8d\xe0\x00\xdeA\xb8\xd06\xf1\x02\xd0\xcb\xf4\xc2Fh\xca)\x1b\x9f\x99.\x04\xf3?i\x8b\xbb%\x83\x97\x91\xea\xf4\x8d\x83q\xb6\xe8;J?DK\x19\xad\x96ap|\xca\xe8Mr\xad\xd6\xc6\x12+:\xbfx{\xeb\x97\x03\x03\xc0\xa2\xd5\x86\x8b\x13\x0f&amp;\xe0"\xe5k\x86\xdc\x84\x8d_R\xea\xff\x1c\xe55m\xc7\x0b\x11\xf3\xaa}\x10\xd8\xe8\x89\xea\xc1\x81\x1d\x98x1{\xbcf\xe6\x82\xf0\xc0\xc4\xa9\xa9\xd1\xb0}\xa1\x8b\x84\xf5\xdd\x80}F\xf6\xa5\xb1&gt;Q\x8a6\x1f\x13o\xbfT\xce3\xea\xad\xe5\x9ds5\xcb\t8C\xa8F}e\x87U\xdc\x97O\xbe\xefG\xb4\xaeC\xdf\x1ej?\xa0\xd9\x18/\x1c.\xe2\xf4S\xca~\xf3W\x91\xcd7\x8f.=3\xb4\xab\xd5\\Ply\x9896a\xd15\x07\xb5\x06\xa2u\x10\x06\xa8G\xbb\x1a\x9a\x82\xdf\xa8\xd9\xbez\x97\xfc\xa3\x89L:\xa5\xd3\xd7\xde\xd1\xce\xc3B\xc6\x19\xa0\x01je\xfdp\xd1\xddj\xf92\xcfeU\xddP\xd5\xce!k\x89\xd27\xaf\x86\x06\xe0 \x04\x03Z{\x96"\x0f\xb5\x16\x16P\xf7\x13\x0b\xa3\xf3\xf3\x8f\x1f?~\xf8\xf6\x89&amp;\xe5\xc5\r\xbf\x1b\x986\xe4`\xf6\xb7\x96;\xdd\xcbF\xd1\x0c\x8aA.\x99N\xdb\xe3\rD+\x08\xed\\:\xc0\xee\xb4}\xc3\xae\x85&gt;?\x96\x18\xd3\xb9\xb8=o\n4u]\xef\xf1\xa2\xa1\xe8w\xceO\xcf\x96\x14\xc5\xddi\xa9\xb2\xc1s8\x9f\xea|\xe9|\xcf)\x8b\xca\xdf\xe6\x86\x1e\r"\xecP\xac=;;3\x03\xbd\xee\x00j\xa8=7qgt\x1e\r6?\xf9k\xe5k\x85=^\xf1rA`7\xba\x9e\xd1\xb9\x10\xcf\xb6\xf6;]\xcf\xa4p!\xb6\x07#\x8d\x1c\x933m\xbb\x98\x02\\\x18z\x86W\xadzB\x82c\xd2\xb2\x1c7\x14\xe5\x89\xf2\x95\x8ac\x96\xce\xf9~}wu\xeb\xe2\x04\x8eY\xaet\xbcR\x97\x93\xbc\xa1\xf7\xf6\xe8\xaa\xdaZ&gt;qD\xeb\xeb\x7fb+\x82\x8b\xb0\xe6\xda\x0b3s\xb4\xdam\xfcab\x06X\xf3\x933o\xb7Y\xa9y\xb4\xdb\xf2 N\x95\xb4X9l\xde\xcb\x1fm]\xae\xf8^\x11U\xcd\xf8\xbeY\x0b\r!\xe6\xf2\xec8\x7f\x82_\xad\xd9\x89d\x92IS/\x10IF\x102\x0cLd\xa8;\rc\x7f\xfdx\xcf\x9a*\x88\x95\x8aX\x96.:}\xc0\xc2\xf1\xb4\x07U_\xba\xfb\xc2\x95\\\xe5\xe5O\xd3\x8f\xfa\x87\x1e!\xf6\xf1\xa8\x9e%*rt\x16\xd9\xc2\x8e\\x\xf5M\xe4\x16\x96\xd6\xeb\x9eo\x06(\';\xc7u\x0e\xa3\xa8yO;\xbaZ_\xed\xe2\xb2U&amp;\xe5\x17ka\x0e\xe7\x80\x00\xcb\xb6\x0f\x1a\x80\xf7\xc3Z\x02\tJ\xf9\x0c5&amp;\xc3\xc8\x02\xe5\t\x85\xe0\x1b\xea\xee\xf2\xceQEk\xb2\x96DX\xa2r\xb6_\x12\x18\x8e\xd7\xb3\xe0\xeaU\xc7Z\xc7\x91\xe2F\xdb\xef\x06\xe3z\x88}\xc3\\\x9c\x9b\x1d\xa2}\x197\xeb\xcc\xf7\xed7\x8a\xc8Z/V|\xc1\xf4\x8ba\xd0\xb0M~\xe5\x98\xd5\xf2\xf9\xe6\x14[~~\xf1b\xfd\xbc\xa3\x1a\xbea\x8e\xd84\xe4\x907\x02Cax\xbe\x9d \x95\x04\x86\x11\x92\xc9\x0c\x9aI\xce$3\x8c^*u\xb6.\x96\x94\x88\x15E\xcb\x12\xddr\xc5\x15\xa5\xbd\xf31\x83\xe1\xb2Y\xbd\x97\x96Z\xda?\x042\xfb\xdd?\xa6\x01\x16G\x1eP\x98\x91\xf4\x1f\xe8\x87hW\xde\xb9\xf3\xe1\xdd\xb6#j\xc7+-H_4M\xa8\xe5\xe9+W\xac\xa6\x15"\xc5)h\x91X99:\xde\xda\xaf\x97v/m\xda\xf2v\xe0\x01+\xa0\x80q\td\t*\xc9\x1c\x97L\xc6\xc7Q\x8e\xabw\xc8\xbc|\xc4Z\x8a$)\x96\xeb\x96\xcb\xa2\xe5..\x8fq\x82\xccg\xf5,\\$\xae\xd5\xb3\xbc$E\xaf\x7f\x1c\x1e$\xc5\x90y\xa4\nL\x83\xd3\xb4\x0b\xc0\xd8\xff\xe3\xeb\x97R\xf3l_o\t\xb4\xcf\xd1\x05A\x91k\xed\xb0\xf9\xbcV`\x1dVR$%rX\xeb\xf9\xe1\xe9\xean\xb7\xebsi\x0f\xad\xe1\x11\x99m\x9b\x89T\x0e\x91\'\x1a\xee?T\xe7\x17n\x81\x05\x91\x85\x07\x9eW\xae\x00KtO6\xc6\xb8\xa4\xccey]\xed\x19\xebE\xf4[\xe7{\x91\xe4\x14~\xf8\xd7\xda\xf4\xf4\xe0\xa3\xc1G\xfd\x10jz\x18k\x9a~\xdb\xd5\xee\xff\xf0\x06\x17\xb5\xb8\\\xc2\xc0\x12\x98b.\x1c\x0fs9\xa3\xb5\xe3\x14\n\xc0\xca\x03K\x14\x1dK\xb4\xd8&amp;\xfb\xfcx\xbdc\xe7d\xaeh\xdb\x1e\xb6(I\x96H!01\x15Y(\xcb|_\xdfUA\x13EQ\x8a$\xc9q\x14JV\xd9\x15\xc5\xf2\xd2i)\x9b\x94\xaf\xe5\x1a\x83\x10\x07_\x93\x00\x00\x08\xe2IDAT^z}l}Qs\x94\xa7\xcf&gt;\xaeM\x0f\xde\x10\xc5k\x10\xfb\xa0\xff\xc3\xf4O\xbfr\xd8\xca\x06\xc6\xbf\xae\xfb\xe8\x80\xea8\x86\xb2\x0f,M\xcb\x17\xf2,\xab(\x96\xe3\x88\xf8\xc9\x92R\xb8w\xb4\xea\xa1=\xe4 4}p\x81,!s&lt;OJ\xd1]\x0eZ\x89\xe7\xd5\xad\nQ9\x8a#\x11\x15\x80\xf0\\\xe4\xebj\xac\xce1\x19.\x8b&gt;\x8dm\xcc\xaa\xa5\xf5\xc5)\x8b\xbd\xfd\xec\xe30\xf4\x8a\xb1\xd6H\xac\xf8\xbd\x06\xd3\xef\xb6\xd9\xc8=-\x19\xbao@-\xa6X\x1b\xef\xa6L\xa6\xf5\xc2\xd2\x10.`\xc1D\xcbr\xcb\xa2k9\x92v\xb2\\\x17\xf0\xefrvh\xe6\xbc\x00\x13 \xc1gy\x8e\xb8b8]\xe5\x19}k\xc9u%\xd6q$\x89e)Y\x08\xbc%\x96\xcb\xc7u\x15X$\x97\xaaR\xea\xb3j\xcc%I\x857k\x9b\xc3\xf1{2\xd66\xe9\r\x10\x80\x9b\x1e~\xb7]P\xa2\xab\x95\xbaa\xa8\x82/$\xd3\x18\xcb\xe8\xd4T\xebT$\xac\x88U\x1cEQ$\xb7\x0c0$aq\xb9\xc5$\r_\xf0\xbb\xb6\xe7\xe7 W"\x9b%\xfb@\x95\xc5.\xd3u9W__\xb4,\x85u,\x04K\x11\xcb\x84E%Q&gt;\\Q\x05\x86\\DI\xf4\xa8\xbd=\xaa\xae\xf7\xd6\xd7O\n\x92\x93\xffvm\x8d\xde(\x02\xac\xcd\xcd5\xc2Z{\xf5\x9d\xe64\xafvu:\nq\x1c\xba\xd0\x1e\xa9\xe1.\x8a\xb9\xc1\x82Z\x84\xa5\xe0\xc7V\xca\x96T8Y6`\x84a\x18\xbeG\xe9\x82Z\xd9X&amp;\x82\xcab\xe0a\xd3\xa8\xe7\xcfY\x84\x15\x16\xe2\xb9\x16Lt-\xb4D\xd9\xbd\xd8-q\x19\x18\x8d\x89\r\xa1z\x08K\xad\xb76N\xa6\x1cV{\xf3q\xed\xbfT\xf8\xfa\xfe\xf5S6:\xec@+!N|*u0^\xc5QN\xbe\xc1\xd2&gt;\xc1\xaa\x88\x16\xa9\x95\xca\xf8\xbe\x8f\x0e\xf7\xa9z\xcd\x04\xa5\n\xe6\xf5\\c\xf9)Y]\xdd\xd3 \x97CT\x8e\x84\xda\x12\xb1#\xddJ\xe5l\x7f\x8c\']\xaf\xb1P\xaa}\xbd\x86Q*m,5\xa3\x88\xb8\xa6\xd7\xd6\xaeM$\xaa\xdbZt\xb1\xff\x07\xc3 \xb1x\xcc\r\xcc\xe4\xaa\x87MOXQ\xa1\t\xb9\xae\xb1`F\xd9\xb2\xa0V]fd\xdf\x8f\xc9H\xb1\x04\xdc\xe3\xe9\xbe4K6\n)\xdc\xde\xec\x1f\x15$`)\x84\xe5H.\xc4\x92(\xf2G\x97\xb8\xfd\x80\xb0Y.\xc9\xc1E\xb5\xa7\x0f.\x1a\xf5\xbb[\'M)?\xf5\xe6\xc3\xe60\xbd\xb5\x06X\x9b\xef\xf7\xf2\x11\xa8\xea\x82\n\xb1\x0c\x0c2\xf0\x10V.\'\x18\xa7\xd6\xcfX\xb8n\xbah| \xf2\xad\x14J]\xc0\x01\x9d!4?\x11\xfbqC\x95\x15\x98$gt\xce4\xc9bI-\xba$\\L\xdc\xf4\xe5\xbd\xd5\xb1,\xd4\xe2\xb3\x84\x86\'\xf4\xe9h\t\xf8X\xda@\xee\xa3\xa7?\xbc\xdf\xbc\xee\x07h\x85\x17&gt;\xbc,\xf5\x08:\x0f\xb1P\xe0x\xb5\xf0\x8f\xd5"\x86m}\xcb\xd5\xf2\x1a\xb0\xf2h\x08VAF\xb0\xcb+\xd1\xe2\xf9\xbf\x9b2\x7f\xd7\xb6\xf10\x8cK\xd5o\xd9\x91e\xfd\xcaWr\x16K\xc3\xc9 \x108Td\xcb\x10\xa8\xc0\x93\xd7\xac\xb7\x18\xc2\xfd\x1f\xb7\x15\x83F\x0f\xb6\x87\x1b\x0c\x05/=\xb2\x84\x0c\x0e\xe4\x0c\x8e\xc1^\x0cI \x85r\xcbA{\xdbu+\xdc\xf3~\x95\xa3g(\xa14\xc6\x1f\xbf\xef\xf3\xbe\xcf\xf3\xaa9xpeQ`\xc8{\xb9)0wpD\x1d4\x08\x0c\xae\'J\xb7k\x8fVVDo\x03\x16J\x06\xac,\xdd=\x0eh\xbb\x01\x0bj\xac[\xce\\\xeac\xb1X\x95\x8a\xe2}\xfe\xe7\xe3/x\xfdF\xbaR\xd6w.\xfe\xd1\x80u\x98\xb0\x15\x9c\xbf\xf7\x08\xa2\x08P\xec:\x05\x96\xe7s\xcdS\xb5\xd0\x894S\xc6\x93\\\xed`\x8d\xc8\x14\x8bsp\t\xc8\x03\x81\x8b\x0f9\x06\x96\x81j\xe9\xea\xf0\xc1ism9M8-a\xd1[\xb3\x1d\xdc\x07:\xe4X\x96\xd5\xc2W1\x03\x97Q\xca)&amp;\xe0j\xff\xf4\xe5\x1b\xea\xf5\xf1\xdb\xe7\xf7\xa3\xf8fV`"\x82\x00v%Q \xa9\xb5\x85\x1f\xc0r\x1c\xdeD\xbc\xd0In\xba\xa9\xb2\x9a\xe7\x1d;W\t\xab\xd3\x01UOx\x99b\xe5\xf194\x0c\x91\x07\x1blbl\x07\xac\x07\'j\x8e\xd2\x14\x0b\xb9\t\xc5\xa7\xe3\xc5\x19C&gt;\x85\xb6`\x0b(\xd7\x9b\x80\xb5\x18\xab\xfb8?\x94^\xfb\xea\xd3\xd7\xef\xdf\xff\xfa2\xf2\xab\xfd\x14\xdf5`&amp;JO\xc2\x92t\xf8\xf0\xc5i\xcf\x92-\x8d\xb0J\x8f\x9aH/r\x9fn\x93c\x85\x9d\x1c\xbf\x87%\x12\xa2ZSa\xb38+L\xea!\xfe\x98&amp;\x12\xa0\\\\\xa7\nv\x1c-\xd3\xd1\xa8Ji\x85\x91/n\x97g\x01\xc72\xf8\x923Zo\xdeh\x16\xc0\xb0\x9a\x8ad\xf6\x10_)\xde\xfb?\xbf\xfe\xecy\xe3\xeb\xb3$\xc74\xb0#\xba:\x91Y\x10Jl\xc2\xd2d\xb5Xd\xf0\x1e4\x11\\\xd4\xc8\xa8\t\x13J\x95\xcd\xdc\x843\xc9t\xd1\x84}\x0c\xe2T\xf0n\x12\xc6\x8e\xb9\xe2\rI\xa2\xb3\xd0]V^\x8d\xd5-\xdbYL.\x81be\xdb\xeb\xb3\xe3W,\xfa\n(\x98\x0b\xac\x80\xbfp\x84\xec\xc7W\xbe\xf7\xfe\x937:L\x18\xaf\x15\xeaHb\xc1\x11,J\xba}\xf2\xf6\x14\xda2\xd9\xa2\xf2\xfd\x92$\x0f,\xc8\x1ev\xadtc\xff\xf0b\xa2\x89&lt; w\xfa\xb0\xc7B(\x9fgp_\xaa\x96\x81\xa1\xd1mUg\x93]\xc9M\xb1\xad\x94\xcd\xf8\xd5\xae\xe3l\xbb\xe7X\x16\xfd._v\xb4\x86%\xcd%\x05i\x1a\x1b&gt;&gt;\x8f\x9a\x91\xdfx\xb8K\x12\x80B\xf1X7\x92\xdc\xe9w0\xf9\xc0\xc2\x81\x8a\x00\xc5&amp;[\xd2\x16d\xef\x10\x19\xe4\xd1\x80a\xfb\x87\x8b\xdcFN\xad\xb1\xc2\xf0\xc3P\xf0v\xf3c\xfa\xfa\x01\x9d\xaf4\xccf\xf0\xb2\xb9j\xc0\x14\x15\x98}\x8cM\x811\x06VZ=!\xa3\x04|\x14\x83\x16\xe3\xde\x00\xf1\x8889\xb0\x08X\xf1\xeb|\xddh+\xd5\xd3m\x82]\xab\x99,\xd0$\x13\x113\xa4\xcb\x8b2\xf1\xe9i\x1f?\xb5\xc9\xd6WH\xf2\x0e\x91\xc1\x19\xbbu\xb5.\xe8\x1a\xa5\x87Vr\x18\xf6\xc2\xfcV@\xf8(h\xc0(A\x00\n\xae\x17\xcc\x9e\xbd.\x8fZ\xa5\x12\xe3]\x18\x17h+\x03\x16\xd6\xa3Xc\xf1i\xc4\x84\x88z\xc0z9\x83\xb8\xf6;\xa7\xab\x8c\x97\xc3\x01|&lt;\xd0\x026\xc3\xfd"q,\x99\xd6d\xff\xfc\xbcoI\xb21\x19S\x0c$,\x9f\xb6\x84\x12u\x9d(\xf6\x80EO\xd3d\x9c\x1da\xcf\xfe\xc0\x16B\xc3\x81w\x91+"L\xd1\xa3\x10\xcb`\xb7\x0f\x1e6\x04I\xab\x11\xb7\x11\xd8\xd28\xab\xd24\xbb)Zf\x8d\xa5q,MD4\xb0Zw\xd7\xf3\xc1\xaf\xf3\xe7\xa6\x17)\x9bI2\xa0\xd1\xc4N\x9b?\xdcX4Z\x84\x05W\x94\xc3\xcb\xf3\x10X\xda\xe3\xb8&amp;r\xbc\x1a\x0bm\x89\x1a\xe5\xe6"\x94\xea\xf1\x00\x96\xdc+\xd6B\xe4\x8c\x1f\x87\x94\xffD\xd1R)\xa9\x1a\xee\xf4\t\x95B\x17}%\x8d0/\x11u\x10\xd5\xba)\x02t\xcd\xaa\x95UW\x0bf\xd4\x9a\xae7\xcb\xe5\x8e\xd2\xe6z\x96P&gt;\x0cL\x96&lt;\x1e\xd2k\x96\xab\xff\xc3\xba\xbf\x04\x96\xfa\x03\xab\xce\x11\nl\xae\x1dy\x9b\x8b\xcb\\\xa3\xc7i8\x19\xa1\xfd\x97\xb1\x80h\xf54\xd4pZ\x88:\xd6\x0b\xb0ZAN\x0f\x19P\xa6\xb2\x91\xb6\xa1\xcbFF\xe1\x86\xaa\xc5\xb8\xb6P\'\x8e\x05\x9dk\xa4\xf5u\xb4\xc5\xd5\xd8Non\xa9T4\x97\xc9b\x87PPHu\xb5l\x8a\x10\x9d\x93\xfb\x90\xb4EX\n\x11\xf9\xaf\xbb\x1e\x8b\xbb\xe1\xaf~\xbf\x94,\xdb\xee\xd1\xfdc\xdb\xc5\xde\x13\xe2ht\x98i\xb4\xdeu\xb2\t\x1d\xc5\xc8\'c$\x0f\xbc=n\xe0G\xc4K\xf5_\xb58\x</t>
        </is>
      </c>
      <c r="M35" s="3" t="n">
        <v>45492.67711805556</v>
      </c>
    </row>
    <row r="36">
      <c r="A36" t="n">
        <v>82576</v>
      </c>
      <c r="B36" t="n">
        <v>1963</v>
      </c>
      <c r="C36" t="inlineStr">
        <is>
          <t>Marcos Rocha</t>
        </is>
      </c>
      <c r="D36" t="inlineStr">
        <is>
          <t>Marcos Rocha</t>
        </is>
      </c>
      <c r="E36" t="inlineStr">
        <is>
          <t>LD</t>
        </is>
      </c>
      <c r="F36" t="inlineStr">
        <is>
          <t>LAT</t>
        </is>
      </c>
      <c r="G36" t="inlineStr">
        <is>
          <t>LD</t>
        </is>
      </c>
      <c r="H36" t="n">
        <v>176</v>
      </c>
      <c r="I36" t="n">
        <v>2</v>
      </c>
      <c r="J36" s="2" t="n">
        <v>32487</v>
      </c>
      <c r="K36" t="inlineStr">
        <is>
          <t>Right</t>
        </is>
      </c>
      <c r="L3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cbfcf5ec-8311-4bb2-8283-2c7654ffa9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7\xba\x13\x1a\x00\x00\x03\x00PLTE\xff\xff\xff\xe7\x8bi\x00E3\xe2\x92l\x00Q;\xf3\xf4\xf8\x00A.\xff\xfe\xfe\x00L9\x00O9\x00A1\xec\x9dy\xed\x99r\x00=+\x00O&lt;5\x1c\x13\x16\x08\x06,\x19\x137"\x1aB!\x14\xfd\xfc\xfc\x1b\x0c\x08X-\x1d\x00I50\x16\x0e&lt;\'\x1f\x00R@_1\x1e\xe7\x93m\xe9\xeb\xf0&lt;\x1d\x11\xf7\xa2\x811\x1e\x17\xee\x9cu\xe3\x84b\xf0\xa0z\xd9|ZR)\x1a\xdf\x80^\xb0iJ\xd1\x82_I$\x16t=(\xdf\x8dh\xe5\x87f\xeb\x8fn\xf0\xf1\xf5\xb9kKC\'\x1cg5!\xec\xee\xf2\xc6zY\xcc~ZZ?4\xfa\xf8\xf8\xd6\x81^\xd1}Z\xa9Y;`E:C-%L*\x1cU:.\xf3\x97uK3+I/%)\x16\x11Q/"&amp;\x14\x0f\x88J1\xbfsR\xe9\x97p\xd6\x85do;&amp;iPF\xf5\x9e|\xee\x93q"\x12\r\xc7uR\xf5\x9cw\x028(\xb7bBa5%\x01VB\xf0\xa4\x80zA+&amp;\x0f\t\xd9\x8ad\x10\x05\x03\x97U;-\x0f\x07\x9fX;\x82G2\xdd\x86dp5#9\x15\x0b\x1f\x0f\x0bpYR\xacaDN%\x16\x90Q9\xcdxV\xc0wWi9\'_-\x1b\x95N4J\x1a\x0e\xcepM\x04YH\xbenN\xe5\x97t\xb7pR\xc6lK\x81@)\n\x02\x01\xfa\xa7\x87\x01G9\xe6\xe7\xedQ5)\xf5\xf2\xf1Y2%h.\x1c\xa4eK\x9cQ5\x90K2|E/fJ?pTHXB;\x9c^E\xf5\xf6\xfaB\x1a\x0c\x8eYD\x02M?\x89N8\x88qi|:#Z(\x17\x91wo\xb0^&gt;\xa6aB\xe1\xac\x9a\xa4T7\xf0\xe9\xe9\x82jcy_WT"\x13"\x0c\x08\xc1gF\x8dE,P;3\xd4vT\xcc\x82b\xf3\x93o\xd4\x8bo\x14V:\xdb\xe1\xe7\x10E.\xa6\xa8\xb0\xcb\xbe\xbd\xea\xb9\xa8\xa4ZDsI8\x87D-`;.\xf3\xa9\x86h?/\xef\x8dh\xe2\x9f\x85\xd7rM\xe1\xa5\x90\xc9\xd3\xdb\x9d\x87\x81\xb7\xa4\xa1\xc3\xb3\xaf\xe6\xe4\xe6\xaf\xb2\xbb\xd3\xd9\xe0\xd9\xce\xcd\xe4\xdc\xdc\xdf{V\xdf\xb3\xa3\xbf\x87s\xdb\xd5\xd6-Q0\xc8\x96\x84\x7fP?\xbc\xc7\xce~w&gt;TuE\xb2aOr0\x1cyd_Ma7 XP\x8f\x8dM\xaf\x9d\x99\x9a\x80x\xa6\x8f\x89\xa6\x95\x93\xea\xce\xc7\x0b_Q\xablS\xfa\xaf\x91\xc9\xa0H\xd9\xc6\xc2\xda\x93w\xec\x83]aKD\xbf\x96A\xa3\x8cEAxr\xb1\x8c&gt;\xb7\xbd\xc8\x80\x89N\x89\xa8\xa8\xca\xcb\xd3fn=\x93\x7f&gt;8eb\x7fWK\xe5\xb7Q\xb4\xa6[m\x99\x95\'^=\xf2\xe1\xdd\xd9\x99\x82\xc1}c\xed\xc4\xb7\xa5|l!h^=i@\xa0\x9cV\x98\xb4\xb4\x8b|}\x1eK5\xb3\x95H\x8faQ\xd4\xa9Ni\x80J\xb4yg\xc4\xacZ\x90obO\x81}8]7\xbfjYc\x88\x87\xd4\xa4\x93\xa6\xc0\xbf\xd2{h\x9bjW\xccsd\xeb\xae\x8f\xdb\xb1W\x7f\x9a\x9c\xa6\x827\xef\xbdW!\xd7F\xc0\x00\x00 \x00IDATx\xda\xec\x98\xcbO\x1bY\x16\xc6c\xb5Z^\x10\t\x97\xa1\x90-#p\xbb\xcb\x0e\xd0\xb6\x80\xa1\xcb\xe0\xb2\x0b\xbf\x981\x85\x9d\xc8(!n7`W\x03\xc1\xc6\xe2aZ\xb21\x8f\xb23F\xc1\x86\xe1a\xc0\x06\xb1A\r\tI\x10\x0f\tP\x90X\x0c, H\xb4\xba\x9b\xe5,\xb2"\xca&amp;R\xa4(\xcb\xec\xe6\xdcJF3\x7f\xc0\x14\x99\xc5\xdc*_\x907\xfc\xf4\x9d\xef~\xe7\\n\xdc\xf8\xff\xfa\x12K\x0c\xaf\xb8\x90\x7f\xc5\xe2\xff\r"\x80)\xd4G\x0fWOO\xf7\xf6v\xa3z}\xe1\x97\x06\x13\x03\x93~\xf7\xf0\x1f\xab;\xdbo\xd9D"\xc1\\N\xbc=\xdd^\x9d\xd5\xeb\xf5_\x0c\rD\xd2\xef\xef\xecl\xb1\x97\x97\x97\t\xb3\xd1\x9c3\xa3\x95\xcb\xe5.O^n\x1f\xce\xea\x0b\xbf\x0cU4\xba\x7f\xcaR\t\xa01\xca\xe5Rx\xa5VL\xa9T\xca\xcd\x16\x8b9q2q\xbe\xf7\xf5\xf5\x0b&amp;.\xfc\xd3\xeaV\x06\x98\x8c\xc0\xa4Tb\x88\x08\xb3cR\xa9\xd4(\x97*\xe11\xd3\xeci\xf4\xba\xb9\xc4\xfa\xd5\x93\x04\x95CL\xa0\x92\x14\xf3\xdb\xad\x80\x85\x01\x8f\x12\xc3aI0\xa9\x85\xcc\x9c\xce\x8a\xaf\xd7U\xb3\xe7\t\xa3\xd9l\x01\xa1\xa4 \x8e\xd2\xea\xb2\x82^V+\xe6rY]\x12\x8fG"\xc1A9rrg\xf6Z\x0bx\xf86!\x97\x9b\xcd@dU\x1a\xa5\x18`a\x18\x90\xd9]\x12\x89\xcb\x8f\x03\x16.\xf1\xfb\xed\xf2\xc4\xc9j\xe1\xb5\xe9U\xb8\xbb\xcd&amp;(\xa3\xd4\x92\x93C\xc5x\x91@-;\x90Y\xf1A\x0fP\x81\\\x80\x85[\xab\x8c\x96\x93C\xbd\xf8\xba\\5wI\x92\x94\x05Y\xdd\x8e\xe3\xe0*\x17f\xb7Z]~\xbb\x9f/\x9fg\x10\x1eP\r\x93\xcb-f3sM\xbe/\xdcaI\x92\xa4\x8d\xe0(\xb9\xdd\x8f\xfb\xa1Xp\x04q\x97\xdf\x8fK\x06%\x98\xdf388\x88\xbb\\~\x17\xf8_\x1e\xa1if\xe7\x1a\xf4\x12\x17\xae\xb29\x92"\xcd\xe0(L\xe9\xb7\x03\r\x98\x1cN\x9e\x0b\x07\x99\xc0\xe8\xb0\x0f\xe2\xfc\xd7v;\x86\x19-4\xc5\xee\\C\xae\x1e\xce\xd1\xe68\x19\x91c.\xdcn\x07\x16\xdce\xf7{\x00\x05}\x00K\xc2\xef\xe8{\x89\xc4o\xb5J!&amp;H\xf6Ph\xdf\x8b\xa3/\xe3f\x92\x8b\x80\xd7]\x12(\xa0\x04\x92\x80\x07\xfa\xbcx@\x00\x02(\xb4\xfb1\xa5\x856\x93g\x02\xdbK\\\xb87\xc7\xd0\x14\rZ\xa1,\xc0@\x14\x80\x90\xa0\x0f\xbf\x7f"\xf4\xe0\x9f3Bb\xc7\xe4R\xa3Y\xce\x1c\n\xacV\xf4\x9c%\x19\xca\xa8\x848\x00CY\xed\xf8\x82D\xb2\xd0\xe2\x95%\x0b|\xb2\x05$\x91\x07A\xb9\x80\xca\x03~\x83j\xc2\xc9\x80\x80\x9b\x14V.$\x16\x95\x89(\xedv\xab\x1dB!\xbf\xc5\x0b\xcb\xd73\x9f\xae\xaeP\xa8Kd\x0bv;\x18_\x82/\xe0\x9eO\xd2y\xfcU\x11\xabTn\xc9\xed\x08\xea\xae\xe8\xf9%\x19g\x8c\x98\x0b\xf5ek~IA\x91"\x1d\x0b\x87S\xeb\xc1\xd1\xc6\xc6\x8e\x82\x82\xfc\x96\x05(\xe0\x82\xcc\xebm\x01\x19\xc1\xfe8\xf4\x00\xb9\xd2h\xce\xec\n\xa9\xd6\x1eKR4]\x95\x8f\xe5\xcbd\x05\xe5\x1d\xed\r#\xc1\xe0\x8ca\xc6\xe0\x9er\x8f\x8e)\xd2\xe9tyO\xd2\xe7m\xf1\x95\xf8|&gt;/:\xa1\x1e\xdc\x0e`U4\xb9-\xa0\\\xfam6\xc7\xd1\x16KA\x95\xa9$_]1\xe2\x06\x9c\xa9)\xf7"\xac\x01C8\x90\x8e\xa5b\xb0\xd2\x1d\xe5\xf3=\xc9\xf2d\x89\x0c\x1d\x04\x1c\x93\x1ai\x9a:\x11n\x96\x10\xcf\xbe\xcd\x19)K\xc46\xd4&lt;\xa4V\xdf3\x0c\x84\xfec\rLeS\xc7\xa9p8;\x9a\r\xa7R\xc7\xb1@\xba#\t%\x95\xe00\x80\xc1\xac\xc1\xfd&amp;\x1c\xd6*c\x8cP\x16\x9bm\xa8z\xac!hX\x0c-\x11\x07\xcf\xd1\x82_\x88\xe7!\xb7\xdb0333\x02E\x1d\xc9\xae\x87\xc3\xed\x81\x8e\xa4\xcc\x8bz#\xf8\xd0H\x9e\n\xd6\x82\xfez\x9a3\x92\xb4\xc9\xd6\xdd\xf0c\xef\xed\xdbK\xc0r\xa0\xd1\x00\xda\x12\xfa\xa9!\x96B\x8b\x8b\x80655\x05\\\xd9pEcu\xb5\xdaT\x02u\xb4J\x959R\xb8\x8c\x88n\xe5\xcc\\d\xa8{\xb8\xe6\xfb:bIs\xa0QiU*\x9dV\x0bL\x1a\xadJC\x84\x06\x06\x06\x00\xcc=e\x18\t"\xac\xee\xe6\xe6\xc7\x8f\xe5\xd0.\x95R\x92f\xf6\x84\xc2\xda?!)\xea\xf1Fg\x99\xa3\x96 4\x1a\x95J\xe4t\x8at: R\xa9\xfe\x855\xc0c\xcd \xb5\xda\x01\xab\xf91#\x85Y\xc2H\x9a\xc9s\x81\xce"\xcc\x0e\x14\xb7\xb6\xd6\xb9\xecp\xd4\xd6\x12\x7f\xa8\xb4:\xe7M\xa7\xce)\xd2\x82jZ\xadH\xc3s}Rkf4\xbb\x0eET\x00\x16G\xca`|\xa6#\xe6Ia\xcc%\x8e\xbe\xa5\xe8\xf8\xda\xf8\xeb\x15^,D\xe5\xd4\xe5\xc1G\x04L"xU\xc4\x12`-Bd\x18\x0c#\xd9p{\xbbB\x01\\\x14e\x86\x11H\x1a\xa1\xe7\x84\x89\x08\xf1\xee\\\x82\x8c\xaf\r/\xf3X\xc4\x01\xc2r\xd6\xd7\xe79E\xb0t"\x84\x15\x02\xaa\x81\xc5)7\xc2J\xf1X\x8a!\x98\xcd,UJ\xa5`X7v`T\xe6\x8e.x,p\x16\xb8J\xa7\xabo\xca\xcbCJ\xe9\x90\xc5\xfe\xad\x16\x1cE\x14]\x8a\x80b\x88&amp;\xe9\x88E\x0e\xb7\xc6\xf8o\x82L\x83\xfa-\x8a\xa2\xb8\xf1\x8beGm\x1d\x81\xfc\xaeC\xe5\x83\r\xb0\xd0\xa6Bj\x85\x90\xb9\x80*\x08j\xc5b\xd5\x81@\xd1\x10\rXF\xb9\x05\x86g!\xb0\n\xa3\x93\x1cG\xc5\xdf\xf5/\x97\xd5u!,-\xf2\xb9\x8e\xf7\x16"D)\x01\xc1\x15BX(\xb6@\xad\xf6jE\xa0\xc8F\x93\x11\x0b,\x8a{\xa9\x17\xa4\xf3Lp\x1cw\xf4\xae\xbf\xac\xecv\x17\x1f\x0f\x88\x0c\x80\x9c:-r\x97\n%\x04\x92\x0bN\xe2\xc8\xe8:`\xb5\x83^i\x1e\xcb\x16\x89\xd0$u\x16\x15\xc6\xf1\x0cw\xf4\nau\xd5\xf1TZ\x1e\x07)\x05\x91\n5T\x11\x10\xf4\xc8\xf5nd-\xb0|,\x10H\x17\xa9#d\x84\x8eDH\xb8j\xec\x0b\xe1\xf9\xfd9&amp;\xfe\xee\xe3pM\x99\xa3\x0e\x85)x\x1eyJ\x87\xce\xa3S\x04\x8c\x1a\x15\xa1\x81\x86\x04\xb6\x87*\xae\xa7\xc2`\xae@:\xadV\xdbHTF\x9a\xe6\x04\xc9y\xf1a\x86y\xf5\xee\xe3\xc5\xf7\x90\xf1\x9aOX\xa2zXw\x9a\xee\xd4;u(\xe5\xe1!\xa0O.!\xacl\x98\xc7\n\x04\x00\x8b\x86+\t\r\xf7]n\xf5\xbf\x8f\x05\xf7\xc3\x0c\x88u\xf1\xa0\xce\xe1\x80?\x8d,/\xaaoj*\xfd\xf9\xe7\xd2\xa6o\x81K\xc4WU\x13"T\xc4\x00o\xae\x860r|\x9a\xc7bH\x8eb(\xeaT\x88\xa3\xc8c\xbd_q8\x1cm|G\x14\x89\xbe)--}\xf2ki\xe9\xdd\xa6\xbcbU\x9b\x0e\xb8@\xad6\x02\xa9\xd5\xd0\xd00z\x0f\xb8\x8a\xd4\xe5\xa6\x08\xcc\xd9\xf0p\xcc\xb6\x00X\xe2\xbd\x89\xcc\xc7\x8b\x95\xab\xdf\xdb\xa0\x86\x04(\xa3\xfb\xe6\xee\x93\xbbwK\x9f\xdc\xfd\x16E\xaaJ[\x0f\xde"\xbaj\xeb\xba*\r?v6dGG\xd7\xefAWTw\x98l\x14\xc3f\xd8x\x9c\xdb\x12\xa2+\xeeM~x\xf3z\xf3\xeaYY\xad\xa6\x16\xb4*\xbe\x99\x97\xf7,\xaf\xaf\xaf/\xaf\xaf\xb8\xf8/\xc5ZQ\x9eh\xa9\xae\xab\xf7vM\xef/\x8fZ\xc7Z[\x1bZ\xc7\xeeu#\xb9L\x11.\x9e\x99\x98c\x99\xc4\xa4\x10\xedg\x7f\xf2\xc3\xfb\x17\xd3\x9b\xcf\xd0\xf8\xd0&amp;*\xfe\xea\xab\xbe\x95\x95\xd7\xfd\xfd\x17\x0f^\x97}\x07!\xdfvS\x04\x83\xf3O\xb7\x86\x1fm\xd8L&amp;[\xf3Fwwcs\x91Ba\xb3\xd1\x1c\xcbNLf\x18\xea\\\x08\xac\xc3\x89\x0f/&gt;ci\xda\x1c5\xfd\x17\xc3\x1f_\xad\xd1\xf4\xd0F\xe7\xad\x9a6\x08\xae&gt;\xed\x80{$\xf8\xc3XsU\xbek\xa1EVe*/R\x17\x98\x8a\x86\xc0Z,{v\x96a8!\xbc\x05E|\xf3\xe2\xf7\xe9\xcd+\xb0|[Y\xff\xc5\xf8\xd1\xda\xe3\xaa\x12_AGw\xeb/\xbd\x84\xaa\xad8\x8fX4\xac\xa7Z+\x8aJ\xbc---\x0b\xb2|_~\xbe\xccW`\x8a\x80\xb5\xd8\xb3I\x96\xa5^\n0\x08\x8aw\xcf\xde\xbc\xb8\x9a\x9e\xbe\xba\xff\xdd\xfd\x9a\xe1\xf1\xa3\x8d\x8d!\xf5\xfc\xfc|\xa0\xbd5hp\x874*\x9d\x8ep\x07\xdb\x03\xd5\xd5\xe9$\\\xb4\x93\xc9$\\\x15}2\x99\xaf$\xc2\xb1\x99\xcc\xd9D\x9c\xa1\x84\xf8\x0f\x89x\x1f\xd4\xba\xda\x9c~\xb6r\x7f\xf9\xe2h\xad\xbb\xb1\xa2\x1d\xee_\xc7\xb1XEpj1t\xa0\xd2\x89\x96\x0c\xa9t\xcf\xfc|\x8f\xd7\x1b\x08g\xb3\xa9@2\xa9V\xab\x0bJLq\x845\x07XB\xe4\x96\x18Y~sszse\xf9\xc1\xc3\xce\xf1\x86\x8ale\xd7\xedJ\xc3h*\x0cW\xb3\xe7\x9a\xa7\xf5\xce\xa5\x99\xe3\x1et\x9b\xeex\xf4\x13L\x11\xc1p,\xe9ST\x17\x95Wq\x97\x99\xcc$\x9cDJ\x90\xdc\x9a\xdd\xfa\xf0f\x1aa9j\x1e\xfc\xf9o\xa9\x99\xba\xba\xdeJ4\x85\x1eg\r\xee\xe7\x7f&lt;\xbd\xd3D\x00\x96\x17\xa4\xea\xbc\xe8\xbf\xf8\xfb\x0f\r\x15\xd5j\xaf\xafYQ^\x10!\x99\xb9\xc9\t\x96aV\x85\xe8\x89\xd1\x97\x1f^ ,GYYY\xefz\xb0\xf2\xd6\xc3Gc\x8d\xb1\xe3\xe3\xd8\xf1He\xe8\xe0\xe9\x9d;\xc4L,\xe9]\xe8y\xf4\xf0\xfd\xfb\xf1\xb5\xe6\x7f\xd2jv=i\xa5[\x1c?;\\p!\ts\x8a\x87\xd8@\xa0\xa8\x1b\xd9 \x01\x03-\xe8\xe0n\x87#\x8a\x9b\xb8#\x11\x1d\xe4-\x82(l\xe3\x0bCR\xb1b\xd50\x11\xc1j\x91\xbeX\xbc\x19\x18\xad\x88\xa1\x9d\xe4\x14\xdb\xd4\x0b\xf5\xa2Z\x132\xd2\x0f\xe0\x8d=\xf6\xb2\xc9\xc9$\'\xcdI\xe6\xe6\xac\xcd|\x85\xedC\xd8\x81\x1b\xf8e\xad\xf5\xac\xb5\xfe\xebyP\x9f\x0f\x13\xf5c\x80\xa5\xbe\xd7v\x9cL\x0e\xb5\r]K\xa9\x9e\xfe\xf8\x17\xd6f\x97\xcc\xefX\xf6\x0e\xdb\xac\xddw=\xb1Dbff\xd94V\xaadpp\xa2gpP\xf0\xf3\xa2\xf3`=~\xab\xbf\xbf\xaeN\xc4\x1d\xf4\x01\x96\xba}=\x19\xef~\xb8~\x1d\xc37v\xed+\xda\x89{\xe7\x03\x03]=\xb3\x0f\x86[\x0e\xee\x1e?\xe7\x1a\x0fZ\x12\xcb\xcfT\x1b\xe0E\xe5F\xebQl\xd0c\xb6%\x0e\xde\x17\x17\xfe\xc9\x15\xa9\xb9\xfd\xdc\xba\x18\x8du\x7f=\x0eN\xbc\x1e\x8d\xc1\xfe\x85\xc6\xdae\xb1X\x03~\xd5p\xe0\xe7\xf7\xebF\x8c\xbf\xb3\xe8\x0cEs\xbdc\x85J\xa5\xb9\xb0\xb2L\rR\xe9\xc1\xafo?\x7f\x81D\xcf3\xaa\xfb!U\xf0x\x90\xba\xe6\xe3\x90 \xe2\xd7\xd1\x9d\xfe\x8d\xfd;\x8d5\xc1R\xb0\x06\xf4\xbd[\xcfF&gt;\xbf\xff\xd5:\xba\x14\x0c\x06\x0fg\xa7\n\x85R&amp;\xb3\xd1\xbb\x95\xf6P1\xbe\x93\x0e.\xab`t4\xc0\xab\x83\x0c\xc6\xc3\x0c\xc6\xf9xr\xa8;y=XoN\xbe\xec\xefM@Yv\xd1%\xd9\xff\xbf\xf3\xb7\xff\xf1\x82\xc8\x99=4\x8d\x15J\x15&lt;#}\x1a\x85\\\x95\x9e\x99\xb3{sAh\xb7f\xd21\x8f(\x86\xa1\xa8\xc1\x08[q\xbd\xbbx-\xc3\x91\xda\xc7\'_\xb2U,!\xe2\x82\xfee\xca\xa4\xca9@\xe3\xac\xa9\xfc\x1b\x05z\'J\x9f\x06\x03T,\x9dpw\xd8\x97\xa2@\x95\xa0D1\x1f\x1a\x10\xf0\x8d\xf7\x1f\xa6N\xd6\xdb\x00\x8b\xf1\x83b\xf8\xc5\xc7\xf1*\x16\x87\x94p\x00L\xef\xef\x19Wy[[{\x9f\x8e5\x96J\xf9\x0cI\xd6OEi\xac\x19w\xc8i[^\x96\x03\x16\x96\x10\xb4\x98\xcd\xd6H\xa4;U&lt;^\xf8\xf8\xeeU\xf15\xb3\x8e\xac\xbd&lt;\xbb\xfc\x8d\xc6\xda\x15J\x1a\x1a\x1a:;\x85\x08p\xf5\xf4\xf8\xbb\xc6 9T =\x10\xa4t*(\xf0\xc5(w(\xb4\xd5\xd1\xb1\x05\xe6j1\xcbm\xb69\x9by\xbb}&gt;u\x9az\xfe\xfcS{\xdb&lt;\xa33\xd4\xda\xb3\xbd\xdd\xcf\xef\xbf~\xb9\xda\xdb\xed\x94\x00\x17\x87\xd3\xc9\xe9\xec\x9c\x98`\xb9\x1a\xc1\x7f\xf9|\x06\x87W\xfd\xd4\xac;\x8d\xc5f\xa2Q\xe8\x98a+\xc0\xdb&gt;\xbc\xd41\'\xdf\xd9\x9e\x8f\x9f\xc6\xef\xa9\x8d\xc6\x08\x7f\x9d\xc1,\xc1~\xbc;\xa5 8\xff~{\xb5\xba\x07X\x1c\x89\x90#\x91\xd0z\xba^*\xad\xe43\x80\x95\xc9\x03\xd6\xc6\xca\x96 \x1dK\x07[\x1d\xb3\x8e\xd9\xd9Y\x87\xc3\x91\x03.\xa7|g\x07\xb0\x8e\xd5&lt;\xa3!=\xf3\xeb;&amp;]\xd8\xf8\xd4%!\x84\xef\xb3\xab\xbb5\x12X\x1c\x92\x86\x82\x95\x07\x1c\x1c\xa1\x1fD\xa6\xbeq\xdc!\x0fPT\x87w\xa5u\xa5\xb5u\xcd\xb1\xf6\xc8\xe1\xb0/\xcd\xed\xec\xec\x0c\xfdQ&lt;\x16\xf1"&lt;\x08\xbc_\x18\x0b{v\xedU)o!\x1b$\xe7\xd9\xecn\r\x87\x04i\xc8\x01\x11f\xc1\t\x90\x89$\x8e7gpR,\xc6\xeb\xa5~\xaf\xb3\xc5\x17s\xe7\xe8\t\x17\xe4\x0e\x80\x1a\x1ev\xd2X\xf3\x7f\x14S\\\x1e\x1aK\x1c\x1d1x\x9eQ\x9b\xad\x90\x99p\x1f9AcIHBL\x80B\x84\x07\xc7\x02\xda\x15\xb7\xc06\x04\xbdH4K7TK\xa3|Oz\xb8\x15\xd6\x9a\x17B\xcb\x1e\x85\xd0\xb2n\xef\xcc\'\x8b\xc7uX\x9a\n\x1c\x1d1\x17\xf3\xec;\xd9\x8a8S~Y\xc5\x92H\x80(\x1c\x0e\x97A\xb7\xe2b"\xa3\xb4 y%\xc8\xd8\xb2\x18\x916\xf6v\x8cZ\xd1\x98&lt;X\xe5\x82\x98\xb7w8\xe5\xe6H\xa4m&gt;y\x1a\x17\xf1\xb0\xb4`y\x99Ak\xdd)\xe7\xc3d\x99\xc8\x0b\xb3\xfb5\x9c*\x96\xb8\xfc\x12\xcc%\x16C\x8c\xe5\x11%\x1e\x16\x87\xb3e\xa4\xd1\xdf*\xe7\xf3\xadT\xc2\xe9h]\xa3g\\[[N\x9b\xdc\xca\x8f\xb4u\x9f\x9c&amp;\x8d\x1e*\x1d\xd9Zf\xec\xa8\x9f\xcd\x9e\x16W\xc2\xf0\xd7B\xc5U\xb6\xa6\x93ci\x00,\xb0\x15\xed8\x12W\xd67\x13\xf4\xf7r\x9fN\xdfc\x0f`&gt;\xd4\x17\x93\xdb\xe9\xa2\x14\xdd\n\x85lf\xb3\x005\xb6\xcd\x7f&lt;Mm\x03\x16\x7f)\xc4\xdci\x06{\x9a\xa8Zk\x0c\xb0 \xcbs\x88\xaa\xbd\xe8E\x90\xca\xe6B3|h\xa8\xa9Q\x8c\x9b\xbcr\n\xf3a\x98\'\xb1\xe4hu\x04AV\xdb\xcc\xa3-|\x83\xf1a\xea\xc3\x87\xe3m\x8a\xa2\xd0\x03\xe7\xbf\x98K[w^V\xc4\xe2\xb2\xb2Psu\x05\x12Z\xc8i\xf8\x8b+\x1c\x16\xe3\xf9\xd2Xs\xcd\x84fiQ6\xeex\xd4\xe1{\xd2\xcf\xc3b\x83\x14x\x11\x8c5g\x93\xbb[hY=T&lt;\xfd\xd8mMS\x94\xef\xe0\x80\xc1!\x17\x84&lt;\x1e&amp;*\xa5\xbe\xec\xd9.K!\x14Jh{\xd1q\x1f\xc6\xeb\x0b\x85f\xa5\xde\xfd\xa4.7,\xb7\t\x06\x7f\xfa\xc9\x83y\x00+\xe7]\x8b\x86\xe4@%@Ab\xaf\x9f\x9e\x16oG\x00\x0b\xbd\xf8\xfa\x981\x9d\x01y\xab\x92!*\x85\xfa\xbe\xfd\xb3U\x85B\xa8\x10ZH\x92\xa4\xc1\xc4\x16i\xa1\xd1\xd5\xd8{\x94\xc8uyCn\xea\xc9wO@\xfax\x12\xc3\x87\xbd\xde =\x19\x11\xf01L\xdd\x9e:==i\xb7V\xb1N\x18\x1c\x8f\xb0/\x91fe\xa9P"V\xaf\xb2\n\x97B\xef\x12*94XY\xac\x94\x96\x10djm\xcd\xafT\xea\x0e\xed\x01\xe8\xe5\x07\x9f\xc4\x02r\x87\n\x14\x99\x9c\xa6\xf2Aw\xda\x1e?-&amp;\x8d\t\x88-\xe3\xc5\x07\x06\xa9\xd8\xd3}\xcd\xf9R\xa1@\xacfWi,\x9d\x0b\xa1\xb9\xc0Z\x88\x14\xc1-\xd2\xa9\xa7\x8d:\x85k\\\xb3\xe4\x03,jfy\x0b\xb0V\x82r\x01\x1fE1\xc0\xba\x1d/\x9e\xac\x1b\xc0X\xd8\xf6\x05\x93\xc7\x8a\xec\xda,\x82\x17\xc6\n\xe4\x9f\xfb\xfb\xe7,\x85K\xaf\xaf\xb7pp\x92\x00\xacf\x9c\xc43\xcaz\x9dF\xdb\xd5\xabY\xe4{biwh\xeb\xd9\xacW\x05X|\x10e&lt;\x9e\x88\xd7\x9dL\x16\xbb1\x8a\x1f1\xec\\0)3\xd8\xec3%\xc1\x81~\xe1\xcf\xfd\xd5]\x05K\xa1\xf7\xeb\x10\x0b\x87\xb6\x96\x92\xae\x8b\x19D\xaam\x1a\xd1\xac\x8c4\xb9)_@\xde\xd1\xf1,\xba\xb6\x02\xb1%0\x180\x9eH\xa4~x\x9c*~\xe2\xa1\x916\xd4z\xc2\xe8\xe4\x8d}\x89g\xc06\x96\xdd\xfd\xd5\xcf].W\x15\x0b\xc2^LX\xaa\x03]\x9d\xa6\xe9\xc1d\x93w\\\x15J\xa7\xd1\x16[G4\x1a\x84\xd6&amp;\x04X@\xc5U/\x0c\xa5\x8a\x0b"Cd;=\xca\xec\xc5\x03\xf6t9\x93\t\x87\xc9\xbe\xfdo\x9fe]\x03\xe0E\x96\x05\x9a\x07\xba\x83\xb0X\x10\x97\xe6\xc1\x03SO\xafJe\xb2\x07\xf8h\xc2ms\x02X4h\xb3\x1a\rjn\x1d\xf7\xe6\xf3\xee\xe3\xf8]\x91a\xbb\xcdz\xc1\xech\x1eR\x04\x01\xd5\x87\xac\xc9\xee\x9d\xbf\x90\xe9\x06tz\xc4"\x81v\x06\xc7q\x96K\xa6mZ\\\xec\x91&gt;U\x8d\xf7\xf4\xca\x05\t4`\xa6\x9be\x9bS\xce7\xdeSs\xb9\xa2\x1bw?\ru\xaby&lt;\xe3\xf6\x0e\xc3\xa3$6\xfb\xf2%\xd1\'!\xfb\xb2\xab\xe72\xbd\xa9G\xafC\x84\x96L\x86\xb6\x94Lcj\x02\xff\xe9\x91\xc6\xb1\r\xbf\xca&gt;\'@1(\xd7f(\x86f\xc0\xfa\x9e\xcb\xbdq\xf3^\xdb&lt;`\xd1^d\xfc\xc0\xfaN\xb6\xa6\x81,\xbf\xdc\x07,\xedH\x8fi\x84\xc5R*\xf3:\x97KkRM6\x8d\xfb!\xdc\\z]\x0e\xca\xa0;\xe0\xf3\xf9P\xeb\x0e=7\xbd\xff\xfc\xfb\x1f\xfe\xce\xbdy\xf7vjH\x8da\xc6\xc8\xf6G\x86g\xcdl\xf6U\xb8\\.\xf7\x01\x96\x96\xb6\xcf\x88B\x81\xe4\x11=|\x9c\x9c\xec\xd1\xe9\xfc*\xef\xe1\xf8\x7f\x0f\xa1\n\xb6$\x12iHW|+\x8a\xa1\xfc\xfb\x0b7\xabX\xed\xf1d\xc4\x00T\xc9\xdf\x18\x17\xb0\x974\xd5\xe6\xea\xb7M\x8df\xc44\xa9\xa5\xa7\xcb:\x8d\xa6iR\xa3\x1d\xd0xs\xb9\x07\xb9\xc5\xc5a\xdb\xdc(\x1f\x13yx\x18\xc6\xb7B\xd5A\xdb\x17\xe8{\xbb7\xef-\xc4_\xbf\xfe\xe3"\xf5\x8a\xf9\xd9\x08D\xd7U\xf6\xea\xec\xec\xdb\xe6\x0b\x8d\xc6\xa4\xd1\xc8\\\x88T/\x1b\x994\xc94\xde`\xd4N+\x1c\xe7\x9c\xdc\xcd\xa7&lt;u\xfd\xfd\x83u\xbeQ\xab\x81\x87\xdd\x06\xac\x1b\x10[\x0b\xa9\xdfk\xa7\xa7\xa7\xaf\xe3\xb4\x80]\xbd\n\xfffuS\xa6\x855\xf2\xc2\x05\xc2Z3\xd2\xe4}\x14\xb5\xd9@\xae:\xdd\xf4\xf5\x9a\x00E_E\xfa\xf1\xc7\x7fx\x04V\x9f\x08\xb0n\xfdp\xeb\x86\x1a\xac\xf5\x8eM\xdf\x15\xbf\x96\xb3j\x9a\xec\xcd\xb7M\x99N\xa7\xd3j\xb4.\x85N;\xfe\xc8\x19\x08\x04f\xe4\xa1e\x10\xd1Gnz\xf1y\xdc\xfe\xef\xfe\xcf\xcb\xd9\x86\xb4\x9dea|;A\\\x9al\xb3\x89\x8eD\x13C\xb3\xd6M\x9at\x93h\xe2KM$\xa9\xe6\xad``\xad\x1a\xd2\xc4\xad\xc6\x98\xb4\xd0\xc4\x0e\xd4n\xc86\xad\x91\x98\xb23\x19\xdaRp\x82[\xe2\x9au\xa5\xac}\x89\x15-*\x94R\xba\xb5\x15*B)\n#\x14\xc7e\xa0\x0e\x85BiK[\x18\xd8\xe7\xfccg_&gt;\xcd\xee49\x89~\xfe\xf1\x9cs\xcf9\xf7\xdes\xf3K\x81\xde\xdf\xda\xa3V\xd7\x0c\xf3\x04|5\xb0r\x10T\xff\x99\xed\xdfl\xcaduV\x87\x0cI\xb5\xd7,M\xc8\x8fV\xc9\xe3c\xaf^\xbd\x7f\xff\xea6ll,6\xd1ZY\xb4\x17\xabP\xb8W\\T3\xcc\x15\x94\xea\x90 r=\x1c\xb81\xb3\xa9\xd1\xd4\x81IfU\xd4\x05\x90\xb0Tc^\xe7\xedW\xef\xdf\xbe}K\\cN\xb7\x1f[\x8aP\t\xaat\x91X]c\x10 m\xe9\x0c+\x8b9\x1e=\xddx3\xa2\x959d\n\x87Uk\xad\x0b$\xa4\xf6:\xab\xe6\x15\x89\xf5\x96\xe4\x1a\x1b\x8b\xbbm6\xbf\x9f\x1a\x1a\x14i\xf50\xb2iii\xe9\xf0\xd9\\O\x9e*gF\x922\x99\x8c\xd5\x89\xe8\xea\r\xa8\x02\xf5\xfbv\xec\x13\xb1:!\x16\xb9\xd13\xe6\xf4\xba\xdb\xfdB!\xb5Y\xa8\xd1\x86R._]\xaa\x1e\xbes3\xc7\x93\x94\xb5\x8f\xe6\xacI\x8d\xa3S!\xd3\xf8\xec\xa8\xcd{\xd0\x10ZD\xbf\xd9\xd7\t\xb5T\xf0\xa1\xd7D\x83HB\x86\nB\xed\x16\xf0u:\xdd\xc0\xd5\\\x8f\xa7\x17o\xcc%}\x1a\xabCd\xd5\xf6\xf9\xcc*\xfb\x9e\xba_\xed\xdb\xb1\xa3\x93\xd2\xbc\xcb\xe9\x8d w\xc1\x89H\xa9b\xb1\x00\xadC)*\xa2Ng\xc8\xc3Ts\xed\xcc\xec\xa66)SX\xb5&gt;\x8dTj\xef\xdd\xb3\xe7\xab=\xf5\xf5v\x95\xc7\x19w\xcb\xfd\x11\xfc!\xbfS\x97%@z\xe7s\xe1H\x83\xe1\xe2\xa3\x9c\xcfZ\x17?\x98\xddL\xca\xb4\xd6_\xd7k}}\xc4e\xb7\xdbO\xa8&lt;\t\xa7)"\xf7W\xd9lt\xdfJ\x0e\x14\x08\xe8\x01\x04W\x0c\xac\xdc\xdc\xba\xfe\x97\xdd\x98\x9bM&amp;}\xb2\xce\xbaz\xad\xca#\r\x04N\x9c8\x11\xf0x\xc6\xe2&amp;\x84z\x95\xbf\xaa\x8a6;\xf0`ss3\x0fb\x15\x19\r\xc3\xdd\xf7~\x9fs*\nz\x94E\xa4\x87zM\x1f\x1ae\x15\xec\xb7\x9e\xfd.\x93\t\xfb\xaf\xa3U\xb0\xa3=b\x82j\xe9\x00\x16_m\x18n8w/\x1f\x03\xf3\xe7\xdf\xccnj\xb4Z\xb4]\xc0\x92\x8e%&lt;_x\xbep\x1d\xc3\x1e\xda\xdfZ%\x97\xdb\x80u\xe4p\xc7\x81\x03-\xf4\x94\x85\xaf\x1b\x1e\xb8\x98\x1f\xac\xda\xd1\xb9M\x9f\xc6\xe73\x9b\xd1\x96J\x13\x89\xfd\xfb=\x1e\x97k\xcc\xe5uG\\\xaec\x10\xad\x04&gt;$\xe3\x01\xcbPs\xf0B\xf7\xb5|&lt;\xc7\x80\x17g_\xf8|}*\xb3/\xdc\xa7\x92\xc2\x89\x01|\xcd\x81\xdb\x9e\xdbf\x95\xeb\xb4\x9b\xaa\xb5@p@ \xa0\x07R\x03+\x17W\x0e\xe6\x05\xab\xf8\x1f\xdf\xcc\xcd\xcd\xc2\x83}\xb4\x14\x03\x01\x95\xbd\xb7\xbe\xb7\xb7\xceZ\xaf\xd5\x04&lt;c^`\xd1~\x07^\xdc\xcd\xe7\x0f\xaft\x0f\xe8\xce\xe6\x07\xeb\xc1\x95\x91\xb9\xb9\x17fix\tX}H\xf5\x1as@#{k\x05\xa1\x94.]\xb19\x14\xf0x-\xcd|\xbea\xe0\xe00\xdfx\xf6z^\x9c\xf8\xe0\xca\xf2\xc8\xec\xec\x8bp\x14\x16\x8e\x86\x13\t\xa9T\x83\x9c\xb1I\x0b \xee\xf6\x97\x88I,\x1e\x8f\xc7/\x1d^1\xec\xe6\x1a\xf3\xa5\xd6\xdfX,\xeb\xec\xec\xbbp,\x16\x03\x974\x11^B\xa8\xf9\x96\xc2\xe1p4bk\xdd\x8bd\n(\x04\xbcn\xa0\x14\xcbQ\x97\x9f\xd8\x82Z,\x91B\xf6\xe2\xdd\xf3\xd8\xfc\xfc\xf3\xf0\x12p\xa2a\xfc\x8bE\xddnyk+\xe5\xf8\xdd\xf4\xfc\x8e\x1ea Kp\x8dg\xf2\x82UHX"\x96u\xe9\xf9z:=?\x0fG\x86c\x10.\xee\x8d\xa5\xfd\xfe\xd6\x90\x9e\x11\x0b\xf5P\xa7\xe3\xb5t4\xf3\xb8\xba3\xf7\xf2\x88\xc5\x92\x85\xd7\xcf\xa6\xe7cQb\x8a\xa5\xd3\x13\xf86\xe9\x9b\xf4j1\xb7\x19T\xe8\x95\x9b?\xbd\xd4q\x80\xc7\xcf+\x96\xc5\xc2\x92-\xc5\xce\xac\xaf\xa7c\xb1\xf9Xzb||\xdchT\xc3\xf8|.\x0f\x9b0]i\xd7\xa7\xc0B\xd3\xackX\xccG\x96\xff\xd9\x83+\n\x91E\xc4a\x07e}\xb1tCcz\x1e\x9f\xf1&amp;\xa3\xbe\x88\xa1\xe2"\x8b\x1au\xf4h\xea\x03\xd6\xc0\xfd|`\x15n|\xd9)\xb2p\x82l6\xcb\xea\x8bF\xc6O56\x8eO\x8c\x13\x10\xfac5\x13W\xa5\xbb\x9b\xbb\x18\xb1\x9a\x81e\x1c\xb8\x9f\x977w\x1b_\x8e\xb0D\x1c\x8e\x84\x1dd9|\xd2Xz\xdc\xa83\xaa\xa9\xe5\xe3#\xda\x0f\xc0x\xf4\xb2-+\x16ZTc\xc3\xd5\xbc`\x9d\x9f\x01\x96\x84\r\x03\x97\xb6/\x1cK\xb7\xaa\xf9\xe8G\xb9b.\x88\xe8\xb9TWK\x0b\x89\xf5\x03V&gt;^\xc0\x16\x9e\x9fY\x16!\xb4$A\x86\x0b\x851\x8c\xdd!u\xcaH\xee\x1d\xf4\x1c\xb7\xab\xab\xa3\xa5\xeb\x12\xa8\xb2Xg\xfe&gt;\x9d\x17\xb5\xfe\xbc\xcc\x12Y\xd8\x8c!\xaf\x9a\xd1vE\x01&amp;\xac,B\xa3u\xa9\xe3R\x17x\xb2\x06*\xc2\xfa\xfcf\x9e\xb0\x14,I\x05\x83ea)\xact\xc8%\x8d\xc6\xe2\xcc)\x92\x80&amp;\xf0:\x9a\xf1w\xf80Q\x89\x81u./\xefr\xcf\xcf|\xa3`q*\xc0%aK\xc0\xa5p0`\xe1\xb0\xb7\xfd(\xb8\x04\x87\xe9\x83~\xeb\x08\xa0\xc4b\xb5\xb1\xe1\x02U\x9f\xc2\xdcc-+\x14"NE\x1b\tf\x11\x81\xcb*K2\x8a\xc5m\xa8\x88G\xb2\xbd\xe9\x11q\xd6\xd4\xc6\x9a\xee\xab\xb7\xa6\xabs\xba\xdd/,\xe8\xaf\xde\x98Al\x898\x92\x8a\xb6\xb6\xb6\nT!\x16\xc8H0i\xc2+\xa7m\x0fm\xc7\x8e\x88\x8b\x8a\xe8^\xa5\xa8H\xad\xaf\xe9&gt;\xb7\xb5\xb58\xaa\xcc!\x95\xf2Vj\xf1\xfa\x1b\x85\x82\xe1bW\xb0+$\xa4\x96\x82\xe5p$5*`a;F\x9bW\xb1\xb8\xa8\xa7\xa7g\xef^"\xd37\x9e9{\xe7\xce\xb9\xad{\xb7jsEU\xdb\xbf\xb6u\xe7\xfe\x08\xa8,\x16\x0e\x8d\x8fP\xd0\xb3\xb6\xb1\xcc\x1e\x97\xdb&amp;\xa4#$(UYRR\xc2p\xa9\xf5\xa7j\x1a\xba\x0f\xde\xb9\xb0\xb5\xb8\x96#G\x16+\xcbonu\xbf\x00V\x96\x0bX\x15\x15\xe0\xa2Q3\xab\xd6,uy\x991f\xe0\xfcQX%\x14V2\x82\xa9\x81up`\xa5{k1\x95\xa33\xc1Ae\xf5\xf4\xd6\xf3\xcd\x11\x16\xb5\x10\x1c\xc2B|\xb19A`)d&gt;\x95\x14[\xfe\xec\xd4w\xe5\xf6\xb6\xbf\xb2\xb2G\xafoj\xac\xa9i4\x0c\x9c[L\xe5F\xae\xda\x02\xa5\xb2\x7f1\x06,\x9a\xf9\xb60\xc1\xc5,\xc7 \x8b\xca\x10\xf2}\xc2\x19\x8f\xc8\xab\x8e\x96\x08mrl\xb2\xe1\xc7\xcaJ\xbd^ol&lt;e0\xea.\xa4R\x99\\\xec\xfa\x8b\x0b\x80U&gt;\xba\xeesP\xbbEz!\xba\xda(I\x90^\n\xab\x16\x8b1\n.\xbfPX%o\x973W\xc2\x0cW\xd3\xa9&amp;c\x93z+\x93JM\x17\xe7\x82\x8a\xb8n|\xbe\xa4 $\x8b\x85\xdc\x08(\x0e\xc7\xc2\x12\x05\x83\x0e\xc2R%\xa2^:\r\x94\x9bL\x11[\x15\x9d\x93\x94\x90\\M\xd4\xb6..dR\xa3\x1f\xbd\x97(\x1c,`\xb8\xcaG\xdf\xb1\x00\xc4\xb1\xd0\x97\xdc(\xe1\x04-"81\xa9eR\xaa\x17&lt;rS&lt;\xdeNX$XS%\xb0\x9a\x9a\x1a3kOR\xa9\xb5\x8f}\xe9S[P\xb0\xcdum\xc4BPdP\x8b\x16#\x9b\xc6+\x93\xda\xac\x17\xdd\x11y\xbb\xc9K\xb1\x8f\xb0g\x02\xac\x04T\xa1\xee\xb5I`\xa5n~\xdc\xeb\xd7\x0fT\xe0\x9a\x9e\x0bJ\x08\t\x1f,F&amp;\xbc\x82A\xe4\xf9\xa4\xd6\x87\x1c\xe1t\xb7GLN\xc2\xf2\xcb\xe56[k\xab0\x14\n5\x85BW\xa7\xa6\x16\x80\x95YS~\xbci\x96\xc2\xe2\x82\x7f\x99\xf2\xe6\x1ch$\x12N\xd6\x8d\xe8%\x82A*?Z\xad/\xe0qyM\xa6\xd3^\xc2\xfa\x9d\xad=B\'\x84\xad\xb0P\xa8\xe1\xfa\xe5)\x04W&amp;\x93\x19-\xffX?\nT0U\r\x9c\xc1\xc1\xc1m\xaeG\xcb\xc8X #,\xf8\xd1\x12\x04\x17\xb0\x10\xf2\x1e\x97\xd3dr\xba\\\xa4V;=\x13\x91\xdb\xfc~\xff\xc4x\xe8\xe2\xe5\xcbSkO2O\x9edRO2\x97\x0b~2Xaaa\xf5\xea\xe3\xcbJ\xe2\xfa\xa0W\xf5\xe82\xaa4\xc0\xc8\x97\x15\x04Ej\xd5\x03\x0b\x99\xcb\xebt%\xe0J\xb9&lt;b\xf2\xc6\xddH\x14H\x16\x13\xa1k\xfd\xc0ZXX\x00V\xea\xf5\xe3\xa7\x0b\xca\x9fr7\x05\xa6\xda\xf2\x85\x97\x0f\xbf\x9d",\xd2k0\x1b\xf6\xd7\xb3\\\x0c\x16\xaa5\xd3t\x91ZR\x8f\xcb\x95\xf0x\x12\xce\xcf\xda\x11\xf7^pE\xe0\xcatz\xfd\x16\xb0&amp;\xd7\xd6\x18\xac\xef\xfft\xf7\xeb\x97\xcf&amp;o(\xc9\x9b\x85\xff\x07Sq\xf5\xe4\xea\xcb\x87\xc7\x0f\x1d_\xd8\xd6i0K\xa6\xec\x9f\x0b\x12\x17\xc2\x1e\x06\xa9\x1cV\x99\xb6\xd7n\x0f\xa8TR\xa9*\x10\xf08\xff\xf2\x99\xc9\xebt\xba\x9c\xde8\xd9&lt;\xc4\x02\xd6$\xb0R\xab\xa9\xd5\xefN\x0e\r\r\x01mu\xe1\xc6\xff\xf8\xbbX\xc4\xd4\xbf\xf0\xf4\xf1\xb7\x0f\x8f\x1f/++{6\xa8T\xfe;\x98\xf2\xd6,\x1b\\\x16\x0eV\xa2\x05\xfdC]\x9d\x8c\xb8\xcct0h\xb7\xdb\xbf\xf8\xc3i\xd3i\xe8\x16\x8dF\x9d^o,\xf6n\xfa\x03V\x06j\xa5\xbe\xdby\x1264Tv\xf7\xeb\xd7\xcf\xa6\xaa\x8b\x7f\xb4f\x80\x9a\\}\xfc\xf0\xf8C0\x1d\xda\xb5\xab\xec\xfb\x1f\xb0\xb6\xa3\xbezt\xb6\xad\xed\xaf\xe4H\xb6DQW_\xaf\xed\xd5j\xc1c6\xdb\xb5t{\xe0:v\xcc\x99H$&lt;\x89D\xd4\xe9\x8c\xc6\xae\x97\x83*\xab\x16\xad\xc6\xbb\xbf\xd8\xb9\xf3\x93ON\x9e\xfc\xf9\x10\xe0\xee&gt;^\x9d\x1c\xfcQ`p\xde\xc2k\xe8t\xe8\xd0\xa1\xb2]eeCC\xbb\x9e\x0eV+\xe9\xa3\xdc\xa6C\xcd\xfeg!g\xf3\xda\xb6\x19\xc7\xf1,Q5I\xadu5\x18L\x19=\xac\x10\xf0\xc1\r\x8b\xff\x81\xb60(\x06\x15\xc2\x0e9\xa6\'\x95]\xecK\x8f\x06\xdfZv\r\xb5Ew\t\x14\xcc\x9a:!T%\xd6A\xd6%\x01\xf5\xe0\x97\xda\xc8\xc6/t\x9b_\xb0\xb1glR\x1f\xe2\xb4\xfb\xfe\x1e\xd9\x89\xdbm\xec\x97Hr\xac\x10}\xf2\xfd~\x7f\xcf\xf3\xc8y\xf9m\xf7\xe1\xde\x1e\x14{x}-\x04\x9d\xe87\x8976vvB\xf7\xd7\xb76\x80\xf5\xd3S\xd8\xc9^\xf3}\xf2\xe4\xcf\xc3d\x8a\x15a\xbdv\xb1\x00&amp;\xadB1\xb0)\xd9q9\x1d\xf8\x9fa\x03\xf6]\x9b\x8eO\x15\x1f1\xc9\xb2 \xc7\xb1?\x8b\x05\x83\x04\xc5\xc0\x02\xb1\x1fb\xd1T\xfa\xd5G\xc6\x05\xac-\x86u\'\x14\xda\xdc\xdc\xc4\x12q=\x84\x81\xe2\xe9\xf7\x8f0\x17\xb1\xfa\xebE\xfa}\xb9Z\xad\x16\xce.\xba\x18"\xde\xbf\xaf\x86=\xbc\xc4\x8a$\xc3\xbb\x1co\x9dM\x83\xff\x9d2\x9c\x89%\xbb\x85S\xd2\xc9\xe7\x13\x04`\t\x84U\x88\x05\x16\x15\x8c\xe2"\xe3l!\x15\xd8?9:\xdf\x03\xd9\xbd\xcd\x9d\x07\x8f\x1f\xec\x00jk}\r7\x90k\xb7\x1fC\xa9\xbbw\xd1\x99??\xfa\xfd\xed\x8b7\xe9\xe3\x8b\xac\'\xccJ\xa38\x9d\x85\xf99\x16$\x8b\x08\x82\x17[\\\xad\x96S\x81\x7fm\x00\x1a\xcd\x8f\x1b-\x95\x90|D$\xb0\r\x8aU)\xeb\x81\xe8\x9b\x83W\x17\x85j6"I&gt;\xb5U\xf6\x07\xa2\x07\xcf\xce\xcf\xf7nm\x87`\xe1\x06\x94ro\x88\xd6Bw\x1f\xe3\x8d^\xbc\xbf\xf3\xf6\xdd~2y\\\x90\xe6T\xe0\n\x87\xb3Y\x0f\xef!0W\xb3U\xc4L\xa0\xde\x8c\xb7\xc6\xd3\xe8W^\xd2\xe8v-\xdd\x1dS\xc8}r\xdc\x17\x17\x16%\x8b\x82\x9c}s\xf8\xfa\xac\x9a-\xd9\x83I\xc4+@w\xaf\xa0\xaa\xe3t \xb8\xff\xee\xe8\x9c\xc9\xf5 \xb4\xb9\xbd~\x0f3\xe4\xde\xf5u\xfa\xe1?m\xbb\x80\x8aF\x93\xdd\xec%\x94\x99\xa9T2f\x8f\xa7\x92\xa4+\xcdXcF\xe2&gt;\xb5\xda\x98&amp;\xafnv\xe9\xdf\xb4%\xbbg-\x97).\\A\t\xa2($\x0ckTo\xe2\xb15\x18\xb4W\xbd\xf3R\x94V7\xe8\x0f\xee\x1f\x1c\xbd\\\x0bQ\xd8\xb7\xbf\xf9\xee\xc7\x9b{\x94\xb5\xfb[\xa8\xfb\x1f\x08\xca\x9f:\x8b\\R\xe9\x9f&gt;}\xcad\x00f\xf6&lt;\x9eK,\xfeR4\xa2S\xab\xd3\xd8\x02*\x96\x9c6\xa8\xf5\xe6\xd6\xc9.\x91W\x10\x05o\xa2=,\r\xedAGfX#`\xb9`8\xa7\x9c6\x92~\x02\xfb\xb8{\x1by\xdf\x86\x85\xb7n&gt;\xbc\xc1\xee9\x9e\xbfdPi\xa4\n\xb5\xc0\xaa|\xaa\xe8aM3\x8b\xc5\x8a\xa3\xeb\x9a\x87\xa9\xc6\xf3\xab\xd2\x1c\x8c\xd0\xe2\xd9\xf2|\x85\x97"&amp;\x12j\xa1\xcfe%\x8c\xcep\x92h\x0ejuQ\x149\xc3h\xe2\xdc\\-\x91\x13|j!\xe5GE\xdf\xbd\xdd\xbd\xbdE\x1e\xd2\x1f\x9db\xc9\xfa\xf2\xd9\xc9\xbe\x1fT\xdd*.\xea\t{\xdc\x9asy4\xa7HU\xd1us\xa2k\xa4\x96\xd6\xd3{\x1a\x0f0\x89q\xb1A*I)W\xe6!_r\x0f\xd7O\xd4k\x1d\x81\xe3\x9a\xb3\xcf\xa3\x04\x87\x129\xd0\xcd\xa9E\xce\'rj\xb6\xebw\xc1&gt;&gt;_\xbb\x01*\x1a3\xce\x7f=\x89\xe2)\x7f\xfa,\x82\x0bI&lt;cr\xf7\x9a\xe9h\x8c\nFf\xf2\xb9~\xb1_\x99\xf0==S,\xe6\xf3\xa6\xd4\xeb\x11Z$\x8e%zl\x8a\xd1\\\x89\x93T\xe2\x17X\x89\xe6p\xd8\x9e\xd5:\xa0I\x8c\x08K$.\x02\x93e\xa0\xe1\x00}9\x15F\x06\x89!zp\xf4\xe1:\xa8\xf6\xce\xff8\x8c\x06\tuZ\x8d\xc0q\x97\x0bf\xcd\x05\xf3\x84\'\xf9b\xd1\xd4&lt;\x99\\.\x97\xc1\xce2\xfb\xc5\\\xae\x82\xbc9\xf9\xbc\x83O_\x15V\xbeM6(Rl\xe0\\\x94w\xee\xde\xacV\xb3\x06\xb5\x0edJtJM\x12\xcb\xc7\xf4\x929\x19\x07\x19\x944\xe4\xaa0\x92(\xa0\x0f\xb5\xe5\xaf\'\xbf\xa0\x0f\xe8\xc3\xb2J)\xa4\xbc\xf0ny\x16\xa5;\xa6\x87\xd7\xfb\xb9\\\xbe\x9f\xeb\xe7\'\x8e\x8d=:\xc1A\x9b:\xac/WH\xaa\x7f\xd8\x87\x98\x97\xea\x1d\xa3\xc4\xb0\xea\xc0R\x12D"\xbbj1\xd58\xf7\x80\x19\xd3\xa7\xa8-\x18\x19\xa4(\xf9\xa3\x87A@\x05\x83\x18\x16\x1a\n\xfbR\xc4E\xa9^&amp;\xe35\xa4\\\xef\xdb\xb9\x8cI\xb6\x05`\x00\x00\x01\xd3IDATc\xea\x9a\x9e\xb7s&amp;\xda \x97\xeb#m=\r\\+_I%2\x9dJ\xf5z\xa9=)\x8d\x80E\xee)\x04!S\xaad\x91\xd5\x15\x1c\\\xe4\x14EU\x99\x91,c`"\xad\x92cA`\x1dDX\xb8\x10\xef\xa21\x1f\x99\xa5\xab\x92\x99\xb7\x07\x83~O\xab\xd8\xb6\xc1\xf3z\x1e\xe29\xa4\x9e\xd3\x93VT\xe5\n\x8aF\xa8fsX\xef\x80\xc9\xe8t\x86\x06a\x8d\x86\x8a\xc2q.\x8e\xc8\xd8\xd8~I7\x85\x04+\x1c\x13\x94+\x15\xb0\xd2c\x19\x9d"2\xb9\x98\x8f\xd4dK\x82\xf1\xab\xf0Wk\x9aN[\xcb\xd8vFs\xa9&amp;}\xdb\xaeXNO[\xc1\xfa\x80&amp;\x177\xe3\xeda\xa7n\xb4\x9bM\xc3\x82\x85\t\xafQ\x9b\r\xdb\tP\x89\x8bb,\xb2&lt;\xef\xc8\x05\x1aMU\xe8H\x86\xc4\xb6@\xaa\xe0\x15`\xfa\x1c\x8bq\xb1Z(\x86\xa9\x1aX\xa2\x97\xd7\'\xa0\xb24^\xa3V\x9ch\xf9\x81\xedh\x93L~\x859\x88\x02\x92U\xaf[F3\x91(\x8d\xeaC\x1c\xdaV\xddjc\xcaV],\xe1\x92M\x96\x17\x90\x0b\xd5H@\xe5\xb4\xec"a7my\xe9;u]\xf0.\x81Is+\xe1\xa3D\xed\x00y\x06\xb6Es\x91\x9e\xa9\x98V&amp;?\x18X\x8em\xdb\xc0B{\xc9\x9c\xd1\x1fYP\x06\xedg\x94&gt;\xd7\x0c/\x1e\xd4\xd1|\n-\xb9\xb8e&amp;q\x11\xf6y\xd4.\x95\xc4\xd0zA\xc1\x07V\xf9\x94Q\xe1&lt;k\xeb%.\x89\x05\x8dq\x91\\\xdev\xc9*\x99\x1a#\xd5\xf4\xd2\xac6\x9b\x8d2\xa3\x99\xed\xac\xb0\xc5\x82h\xd8\x83\x0c\xbcC\xd4\x87\t\x0b\x89\xa2&gt;$(\x15\xd1\xe3X\xea\xbe\xe4\xe2\xb8\xe5gDwb\xf0\xa9\r\xf4b \xd9P\xdd\xd6\x11\xae\xc4\xba\x92\x8bqI.\x17\r\xd8\x9a\xe6\xce?\x1e\x1eR\x94J\xc3\x895\x9b\xf5\xcd\xbf\x01\xc4\xf6\x1b\xe4\x9a\x1bI~\x00\x00\x00\x00IEND\xaeB`\x82'</t>
        </is>
      </c>
      <c r="M36" s="3" t="n">
        <v>45492.67700231481</v>
      </c>
    </row>
    <row r="37">
      <c r="A37" t="n">
        <v>83506</v>
      </c>
      <c r="B37" t="n">
        <v>241802</v>
      </c>
      <c r="C37" t="inlineStr">
        <is>
          <t>Hugo Mallo</t>
        </is>
      </c>
      <c r="D37" t="inlineStr">
        <is>
          <t>H. Mallo</t>
        </is>
      </c>
      <c r="E37" t="inlineStr">
        <is>
          <t>LD</t>
        </is>
      </c>
      <c r="F37" t="inlineStr">
        <is>
          <t>LAT</t>
        </is>
      </c>
      <c r="G37" t="inlineStr">
        <is>
          <t>LD</t>
        </is>
      </c>
      <c r="H37" t="n">
        <v>174</v>
      </c>
      <c r="I37" t="inlineStr"/>
      <c r="J37" s="2" t="n">
        <v>33410</v>
      </c>
      <c r="K37" t="inlineStr">
        <is>
          <t>Right</t>
        </is>
      </c>
      <c r="L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7e60745-a3da-4ee2-91d7-e1f2a524ae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e7\xf51\x00\x00\x00\tpHYs\x00\x00\x0e\xc4\x00\x00\x0e\xc4\x01\x95+\x0e\x1b\x00\x00\x03\x00PLTE\xff\xff\xff\xe3\xe3\xea\xde.#\xe2\xe4\xf3\xfe\xfe\xfd\xe4\xe6\xf4\xdf0$\xff\xfe\xfe\xe1\xe2\xf0\xdc/$\xe2\xe4\xed\xdd\xdb\xe3\xb6\x8as\xe22\'\xa4wd\xae\x81h\xe01\'\xba\x8ew\xa5u`\xae\x80l\xb2\x87q1)%\xb2\x85n7.*,&amp;#\xba\x8bt\xb9\x89q\xbc\x90z("!3,(\xe2\xe1\xe7\xaa|g=3.:1,\xad~f\xa2s^\xa0|k\xc5\x8er\xe0\xde\xe5\xa0yf\xaas]A60\xb5\x85m\xbe\x8buC94\x9cwd\xe4\xe5\xf0\xbc\x93|\xaf\x82o\xc2\x9d\x88\x9eq_\xe0\xe1\xe8\xc3\xa0\x8d\xb2\x82j\xc1\x91{\xa8ye\xa5{h\xc4\x93\x7f\xb5\x86r\xe8d[\xae\x89w\xe45*\xbf\x8ex\xbe\x87p\xb0}h\xfa\xf8\xf8\xbc\x84n\xa8wa\xa9pX\xa9}j\xb5\x80g\xb0xd\xbe\x95\x7f\xb0y^\xad\x86r\x9bzi\xadwc\xb8\x8ay\xb4{g\xb2|b\xfd\xfc\xfc\xdd,!\xc0\x98\x83\xbe\x87t\x8bm_\xc1\x88i\xb8\x86n\xb7\x7fk\xdb\xd8\xe0\xb8\x82n\x96vf\xaa\x83p\xe6\xe6\xec\xaa\x87u\xaa\x80l\xa5\x7fm\xbc\x8ar\xe0\xe1\xed\xc3\x8cm\x86YJ\xc7\x8fu\xba\x7fc\xa5mV\xe8\xe9\xef\xb2\x7fl\xba\x86r\xc6\x90{\xbe\x85g\xc7\x95\x81\x86_R\xdd\xdd\xe9~PB\x91se\xab|d\xb7\x91~\x98qa\x87fY\xc9\x92s\xeaG:\xb3\x8cx\xa3qa\x97cN\x9fhQ\xf7\xf3\xf3\x8daR\xdf90\x89pd\xe9g_pG:sSH\xc9\x93{ZB;\x98m\\\xaft[\xbd\x99\x88\xb5}`\xca\x97\x86\x9elY\xe2\xd6\xdc\xe1IB\x86l`cH@\x97iX\xe9&gt;2\x8fqa\x92fV\xadpd\xd6\xd3\xd8\xbb\x82h\xc8\xa3\x91\xc1\x8bu\x91vi\x8efY\xbf\x9b\x8c8)$\x92k]\xe0\xbe\xc4\xa5\x83r\xc5\xbc\xbd\xdc[V\xc6\x8bn\xa1\x81q\x8f\\K\xda\x82\x83\xe0\xa0\xa3\xdc\xaa\xadP:4\x82k_F=8\xd2\xcd\xd1\xdbvu\xdbjg\xf2\xef\xef\xd7\x8f\x91\xb9\x97\x86\xe9TI}]R#\x1d\x1c\xdbB&lt;\xe4\xcf\xd5\xe1\xc7\xcc\xcd\xc7\xc9\x93zo\xb8\xb2\xb0\xe3b[\xdb\xd7\xd9\x7feZZOK\xdfRL\xa1_[\xdb\xb5\xb6\xeb\xec\xf7LA=\xe2\x8c\x8b\xe2\xb0\xb4iPH\xcf\x9b\x9e\xb7\x9d\x91\xbe\xa9\xa3L3+\xa2\x98\x97\xe2\xdd\xde\xa8fb~&lt;;\xdc\x97\x99\xe6\xe1\xe7\xef\xe1\xdfpgdZ:/\x86C@e&gt;4\xd5`^\xdc\xce\xd2\xec\xda\xd8\xbf\xa3\x98\xd9\xbc\xc1s[Q?-\'\xb0\xa4\xa1~us\xf0\xea\xe8\xda\xc6\xca\xb6sl\xd7\xc5\xbc\xd2\xb9\xb9\x98\x8d\x8a\xe2qm\xc3\xb4\xb1\xea\xe8\xe7RGCbYV\x9bZT\xb7x^\xe7\xd4\xce\xe6\x80{\x91P@\xd2\xad\xad\x9aT@\xf8\xea\xea\xa9dP\x8bsj\x8a\x83\x80\xd6NI\xbaws\xd2;5\xe3\xcc\xc5\xad\x91\x85\xa3\x8a\x7f\xcc,%\xc9\x96\x8e\x98}s\xd6{{\xf4\xc1\xbe\xd0pn\xce\x85\x86\xd1\xab\x9c\xcd\xe4\xee\xb0\x00\x00 \x00IDATx\xda\xc4\x99_LZi\x1a\xc6{A\xd2\x9b\r\x93\xa5\xa5\x87Ne\xca\xa9\x129\xddc\xc6\x98\x14\xc1\x18\x05QZ\xb4.\xa4S\xda\x0cM5\x115[\x85`G\x9a\x89\xc5\x18\x90\x1a5)\xa4\xa6\xae\x1aMM\xb7\x17\x88\t\xd9\xe0\x85\x12\xe5\x86\xc4d\xc5\x8b\x0e\xc6+\x95&amp;\x1b3@6\x99\xbd\xd0\x9b\xdd\xcc^\xed\xf3~\xe8l\xef\x17\xec\x0b\x87\x7f*\xe7\xc7\xf3&gt;\xdf\xf3}\x1f^\xba\xf4\xff\xd5\xe5\xcb\x12\x9b\xcd\x17\x8b}\xda\xdd\xdc\xcc\xc5|6\x9b\x04uYr\xe9K\xd6eb\x90\xd8&gt;\xed\xae\'\xd2\xa7\xa7\xe9Dby7fd`_\x86KrI\xf2[\xd9r\xeb\x89\xd3B&gt;\x95\xccd\xb3\x99\xecq"g\xfbb`\xffc2\xfav\x13\xc7\x99\x94\x88\x8aFq\x8d&amp;\xd3\x1fm\x12\x06vIr\xf1P6\xa3\xd1\x06Sm.\x1f\x9d\x16R\x02\xcf\xf3\x1c\xa7R\t\x04WH\xaf\x7fc\x84\xe1.^4\x9c\xcd\xb8\xbb\x1b\x8bmB\xa8|T\xc5)\xe5JN\xc9\xa9\x04*Q\xcc\x17\xb2\x89\x9c\xcf\xe7\x0375\xfb\xa2\x90p\x85N\xcbGG\xe9l!\xa5\x12\xa3\x82R\xceq\x9c \n*\x9eg7\x1c\x97&lt;M\xa7\xd3\x89\xd5\x9c\xf1\x82\xf4:\xb3\x941\xf7\xf64\x9f\xccG\x05\x95\x00G\x81\x03\x1dT\xa9\xa8\x91\x02\xafT*y^\x88\x8ab\xaap\xban\xbc\x10\xacs\xa3\xfb\xd6OS\x9c\x18\x15\x05\x1cL \x06\x85[\x1e\x1d\x05\x16\\F/\xa6\xb2\x9b\xe4\xb0\x0b\xc8\x058\xd9\x18\xdbMd\xf3\x02\xe9\x04&amp;\x01T\x87d)\x81\xb5\x91\x93+\x88\x8b\x1e\xd3\xb0L\xf8le\xd7\x8b\xe2\xdb\x98[M\xa4\xb3I\xe8\xc4\xc4\x120\xfc\x8ab\x91\xdb\x05\xb4Q\xae\x90\x83\x8c^A^\xa4\xb2h#\xfd]\xb9\x07\xe0\xeaqA\xa4F\xf1\xa0R\x9d\x8b\xc5\x1d\xf2\xaa\xc3C\xea\x1c\x06\xa5\\\x8e\x83S\x91\xbfRb*\xbb\xec+sN\x10\xd5zF\xa8X\xab\xc0\xa9\x81\xa4bL,\x1d\x8a4\xb8\x87X\x15\nz\xccq\xc4\x856f\x97c\xe5\xe5\x82\xd5c\xa7*\xc5\x1a;//P\xe3x\xb9\x820\x14\xb8\xa5\xa2\xf8\x92\xcb\x19\x15\x02\x96Gx\x88\xd1|\xe6h\xd7VN.`\xbd\xcdp\x00\x00\x84\x92\xd2\x89\xe3\xa0\x1c\x9eV\xac\xb1;\x85\x1c0\x1c\x11\xa9\x98\xd7\x98\xe7\x10e\xc9\xd3U[\xf9V\x15\xf8\xbc\xb9\xe3\x94\x92\xc9R\xa1\xe4H\x13\xc5\x1a\x01\xadQ\x81\nE~\xe7xA`T\x1c\xa9\x86\xce\xb2\x9c\x00\x96\xa4\\\xceJ$\xc5\xa2Zp\xb5\x02\x0e\x83Xkk\xe7T\x15\xec\x96\x0cO\xc6"\xf3\x9f\xdbL\x95J\xe7\xca\xd5G\xd6B1\n\xb5\x00\xa5T~n)\xd6\xc8\x8a3\xc5\xe4g\xe6\xe2\xe8W\x88\x1f\xfa\x89\x85\xf4\xa6\xb1\\j\xc5\xd2Q\x9e\x14\x00\x94\x9c\xa5\x93bq\xf1p\x11\x07\xc7-*\xd9\xf9\x15\xe7R..rd2\xb4PN\x96S\x89\xc9\xe3][\x99\xd4\xfa&amp;+\xaa\xa0\x03\x99]N4\x87\xb8\xee\xecD"\xc1\xc8Y\t\x87\x8b\x84&amp;\xa7\x9f.R#Y\x8c\xe1S`\x14$\x13e\x91\x0b=\xdc\xccP\\\xf2\x88*\x82\xda\xd9c\x15\xf2\x07\x02\xf1\x00\xab\xedP0\x18\xd9\xd99D-\xb2"\xad\x8aX\x9cR&lt;\xf6\x95\x01\x8b\x0c\xbf\x9cT\xf1\x94\x98\xaa\x1d\xd4\xde\xbe\xdf\xef\xf78\x9d\x1fFGg\xa6Q\xe1pxf\xd4\xedtz\x02\xfe\xfd\xfd\xbd=\xa2\x03\x98\\Q\x1c\xa0r\xa5x\x1a+=\x16\xad\x1ab\xc7Q\xa4\x90R.\x10\x10c\xfa0\xf2\xf2\xe5\xcb\xfe\xfe~\xcd\x84\xc5j\xb5X4\x95\xfd/GF&gt;|pz&lt;\x1e\xbf\x7f\xbf\x88\xa6`\xc3A\xa1\x14\xb2\xbb\xe5\xc0\xb2\xd18\x14D^\xbe\xb8\x0f\x8d&lt;\x9e_~)B\xb5\xb6\xb6Z,\x93}(\xf3\xe4Dkk?^ch\xce3\xb4\xc5\xb3\x9c\x133o%\xb62\xa8\x15Kc\x1f\xa1\x92+v&lt;\x1fp\xda\x11\x14)\xd5:1AP\x83T\xb3}\x96\x89\x89V\xa8\xd7\xff\x19\xd9^1\xe8\x90\x11\xeb%W\x0bo\x08g\x89\xd0Jq\xe8\xff0\x12&amp;\x9d^\x8e@\xaa\t\x0bI58h\x1f\xb4\xdb{\xec\x83}\x93\x93\x93\x16\xcb\x84\x86D#2\xf4\xd3\x1faK\x1dN(,\x97&lt;! V.\x8b\x0e*\x15\xf2\xa0sdz\x9a)\xc2\xa8\xfe\xd1GR\xd9\xa9zz\xec\x00\x1b\xec\xeb#2\x06FhN\xff\x8e\x92\xd6\x16B\xfe\xc8Xz,\xdbzR\x85\xad\x04Z82]\xa9\xd1Tj\xe0\xa9\x89\x89s("\xea\xa1\x02\x98\x1d\xcd\x9c\x04W\xebK&amp;\xe9\x883$(i\xbd\x9a:\x8e\xd9J\x8eeL\xe4\x05\x15v8Ag\xb8R#\xd3\xa0&amp;,\x8ci\x90\xe9\xa4~\x8f:\x03\xb3\xdb[\x08LC\x92N\xc3f\xce O\xdb\xb5h6Wz,\xdfq\x14\x8b+\xa5\x10\x1a\x9d\x96\x99L\x9a\xfbw\xefZ\x1f\xb747\xcf\x81HM\xc7\x0b*z\x88\'\xcd\xcd--f+5\x12\xe3\xb4\xbf?\x1c\x88`^\xe0\xc5\xccf\xe9\xb1r\x98xxt"0Si2\xdd\xbf\x7f\xd7\xf0Gs\xcb\xdc\xdc\xdc\x80Z\xad\xee\xa5\xe3\xc5\x19\x97\x9aa5\xb7&lt;&amp;.M+.\xa6JwP\xa4\rwa\xb5\xf4\xde\xda\xc5\xc4\x83MC(&gt;m\xbao\xb1\xdc5\x98\xcd\x10k\xaei`\xa0\x97q\x15\xa1\x98\\\xf6f\xea\xe2\xac\xd9\x8a\xe8\x98@\xb3M\xb2\x85\xed\x14\xedH\xca\x80e\x03\x16\xf6\xa3\xc1\x90\xbb\x12X\xf7\xadE\xac\xef\x80\xc5\xc0\x18\xd7\xf8\x8b\x17==\xcd\xf6\xc1\xc1\x96AP\x11\x16\xc5\x87\xc9dZ\n\x04SX\xd5\x97&gt;\xb8H\xadh\nT\xdb\x0b\x84ETf3YK;\xd0\xdb\xdb\xab\xee9\xeb\xa2Zm\xb77#Vgay\xa4\x84\xc5JX\xcf\xeb_\x1d\x84\x82\xf9T\xaa\x1cX\x9b\x99|&gt;\x1f\n\x05\x16*\xef[\xcdV@Y\xcd\xdf\x13\xd7\\\xafz\x8e\xd4R\xf7\xf6\x16-\x8f\x88(b\x01\x8c&amp;J\x93I\xfa*\xbe\x1dJ&amp;\xf3\xc9\xe5r`%\x93\xc9\xed\xed\x83\x05\xd9sR\xcal\xb5Z\xcd8}KsO\x91\x89u\xb2g\x8ea\xa1(SI/`\xc9*\x81\x85J\x16~.\xfdH|\x9b\x01\xd3\xf6v\xfc\x95\xf4\xb9\xa1\x885i6\xf7\xf5\xcd\xb2\xd0b\x83\x91U1\xb7@v6\rY42Y\xdd\xab\xf8\x01\xaa\x90)=\xd6\xe5\xd5\x15z\xeb\x03\xefp=\xb0n\x83\n\x1d\xa2)\xda\xde\x83\x1c-f\x04)\xf6\xbeX=\xf6\xd9"\x97\xa6U\x06\xb5\xbc[\xf1\x83\xad\x83L\xa2\xd4\x93\xa2D\xb2z\xb2\xb5\xb5u\x10\x07\xd6-R\x8b\xcc&lt;9;K\xe9\xaefT\xb0V\xef\xb9f\x00\xec\xc1\x0c\xd47i\xb5h42ie\xdd\x92wk\x05\x85es\xa9\x03b\xfdd\xec\xf5V\x9c\xb0n\x1a\x0c\xe4\xacI\xf3l3\x11\xbc\xef\xa5\x1a\x18\xef\xfd\xac\xc6{\xe7\x10\xf4\x88.\x86%\x95\x0e?|=\xf6ze\xa5\xe4s5\x16\xcc\x1b\'c+[\xc0\xd2\xb5]1X\xc9\xf0\x8f\x9a\xd5\x03\xe3\xae\x01\x00\x8d\x17\x0b\x0f\x11bt?0\xd0\xf4\xec\xd9\xa3\xc7\x10\xd5$#\xac\x9a7\x0f\xc7\xc6\xc6N\xd2\xb12`\xcd\xcf\x8f=\xf4\x02\xab\xeb\xcaW\x06\xa2z\xd4\xdc\xa4\x9f\x9a\x9ar\xb9\xa6\x80\xe4r\xb9\x8adTZ\xad\xb6\xb3\xe1\xda\x9f\x0c\x06\xc3s\xc22\x9ds\xa5?\x95\x1c\xebg`\xcd;\x1e\xbe\xa9i\xbbR{\xe5\x96\xc1p\xe7\xd1\xd7\xd7\x81\xe5\xc2\xe5\xac\xce\xa9\xb4M7nt\xb6\xd7\xb6\xd5K\xeb\x01\xc5\xd4\x92V\x0f\xbd\x01\xd6q\xae\xd4\xc1\xe5cX\x1d\x0eG5\xb0n=\xbfu\xe7\xce\xb5\xdb\r\xd7\xbf}\xf0\xc0\xf5\x1b\xd6\x94k@\x8f\x8b\xf6Fgg\xe3\x93j\xc7\xf0\x82\xd7\xebu\xcf\x84\xeb\xa4R\x9d\xb4\xda1\x04s\x9d\x96z\x93!\xf1%N\x08\xab\xa3\xba\xab\x96\xd4\xfa\xea\xe6\xcd\x9bmm\xb5?\xfe\xf0\xc3\xbd\x07\x0f\xa6\xa6~eT(\xbd^\x0b\xa8\xaa\x87\xc8\xcf\x10+\x7f\xc0]\'\xd5\xe9t\x1d\xf3\xe5\xc0\xba\x04\xac\xa1\r\x87\xa3\xa3\xbb\xb6\xf6JW\xd7M\xe9\xd2\xd2\xd2\xf0\xf0\xb0\xa3\xea]\xe3\x8f\xdf\xea\x1f\xfcJ\xadt\x8d\xbb\xb4\xda\x1b7\xae\xd6x\x03\xc1\xe2&gt;;H\x15r\xd6T\xe9tUCC\'c\xc7\xbbe\xf1\xd6FG\xf7\x13h\xd5\xa5\xab\xf3\xb2\xdc\xa6)%\xfe\xa6\xbb\xb1\xf3\x9e^{.UC\xb57\x10bX\x98\xd7\x03\x81\x03l\xb6\x97:\xaa\xba\xab\x86\xc8[\x1f\xcb1\x127\xe6;\xde\xb5\xd7vuu\x0f\xc7\xe9\xcc\xb8\xe2\xec\xc1\xed\xf8p[C\xe7\r\xbd\xde\xa5ojj\xa8m\x1bvcb\x0e\xf9\xe9+\x00\xf7\x02D\xf5\xba\x17\x86\xcf\xb1r%\xfe\xb6Rb[\xfd\xcf\xfc\xc6\x86\xa3\xaa\xfdj\xfb\x93\x8e\xf86k\x0f\x9a\x04\xf7l\x07\xdcK\xba\x86\xce&amp;\xad^\xff\x87\xdf\xd5\xea\xeaf\xdc\xd8\x84\xf9\x03\x1e\xa7{i\xb8\x862\x8bz\xdd]\xe5\x18\x1b{M\x01QZ,\xc9\xe6\xbf) :\xda\x1b\xdb\xbb\xbdhL\x1c\xa3\xcc\xed\x8ecW\xeft\x8f\xce\xd4\x19\xbe\x7f\xd6\xa4\xd7\xfe\xfe\xda\x95\xfa\xe9QP\xed\xed\x87\xa0\x18\xe4\nW\xeat55\xd5U\xef\xfe\xe2x\xbd\xf2\xfa(f\xfc\x14+\xdd\xd7\xf4\xf4\xc5\xfa\xc7\xe3\xa1\xa1\xf9\x8e\xaa\xc6\xc6\xa7\x0e/d\xd0\xa1\x97\xddU\xc3\x0bn@\x85\xc3u\xa6;\x8f\xaek\x81uK\x16\x1e\xf5\xec\xef\xed\x05#\xc2\xa1J\xcc\x07\xfd\x9ep=\xc6!\xb0\x86\x10\xc5\x7f\xfb\xe9\x9f\xf7\xfe\xfcS\xa9\xb0\x98\xf2\xb1\xa3\xb17C\x8e\x8e\xa7\x8dO;j\xba\x9f\xd4\xa2[\xa3p\x18j\xdf\x83-\x9a\xec\xd6\x9d\xaf\xf5.\xedm\xd3\xf4\x8c\x13Z\x05\n\xa9&lt;\x9f\x8a\x14\x0e\x82\xfb\x9eii[w\xf7\xd3w\x0e\xa8\xfb\xaf\xbf\xb6\xb6\x9a\xff^\xa2\x89\x91\xfe\xf1k\xb3\x19\x97O\x1e\x02\x0bj\xbd\xebn\xbfZ[\xe7\x0e\x84"\x11\x81\x17\x82\xa1}\xbf\xf3\x95\xac\xde\xf0H;\xae6\xcb\xc2\x0bd\xac\x8dl$\xc2G\xfeK\xab\xf9\xbd\xb4\x91\xaeq|/\x02{\x13\x12bB \xf1"\x07\rd\xc8 \xcd\t\xe4\x87!$1\xbf\xc6\xc6q\x943k\xc2$d\x0ck\x95$\xb5\xd8h\x8b\xe3\x8f\x0b\xebQ\xda\x1c\xf6\x88\riV(\x82\xf5\xa2W\xb2\xf4\xaa\xb0\xbb(\x0b\xa5-k\xc1EY\x17\x0ekm\x97\x9e]\x95lHa\xb1\x85s\xd3\xf3}\xc7\x9e\xb3\xff\xc0\xe41\x19\x02\t\xce\x87\xef\xf3\xbc\xcf\xfb&lt;\xcf\xbc\x0f\x7f~{kadE\xe3\xfd\x885O\xda\xf0\xe5{[\x8aa\r\x1e\x9e\xef\xbd|\xfc\xc5\xaa\x8c\x95\x00U\xe7\xc4\xc1?\x7f\xf8\xf6\xd7_\xff\xf2\xdd\xb7??Y\x98\x98wj:\xe2\x9f\xdf\xdc\x88\x13\x1f.L&lt;z\xfc\xcbo\xcf\x9f?|\xf2vmd\xe4nY\xf2\xc6Dh|c\xbeL\x86\x03M\xf7\x91B^T\xa9\x8e\xee\xc5u?\xfd\xe7\xc6g\xd7\xfb\xb2\xd3~\xbf\xc1\xe1\xd9\\8\xf8\xe6\x97\x1f\xfe\xfe\xf0_\xcf\x7f{\xfchadsE\xc3\x0e\\\xbd\xf9\xf9(uw\x9e\x0c\xb7\x1e}\xf9\xf6\xd6\x93[\xdf\xac\xdd_\x9a\x92$\x8d7\x96\xf1\xfb\x1f\xdcG7~\x99a\x9b\xbcBX\xf8/g\xb5\xd3e\xaa\xbc\xb2\xf6Y:;=m0\x88\xd2\xcc\xe6\xc8\xfc\x97_ s\x1d&lt;z\xb4\xb001\xb3\xe2\xa4.\x8fn\x0c\x9dFg\xe6\t\xd7\xb5\xb5\xf9\xf9\xb5\xb5)\xb2\xed\xc4\xbc\xb1\x98E\x0f\xac\xa9r\x1b5\x10b\x9a\xd5=\xc5\xb0\xceQ\xb4\xdf\xbe\x1cY\xba\x91\xceNNC,\xc9)IS\xf7\xef\xaf!^@qm\xc5YvR\xa7W\x87\xae\x9eFg\xe7\xa1\xd7\xb5\xb5%\xa7S\xd2\xc4\x1c\x19G&amp;!\x8az\xbdq\xda\xbf\xde\xd5\x19)\xf9\xfa\x99\xe6\xe8\xe1\xa0bX\xcb\xcb\xe1\xaa\xe0\xd2\xdc\x07\xd6\xa4\x1a5KL\xaf\x8f\xc5\xbc\x1a\xc9Y^\xd9\xdc\xbc;5U\xee\xa4\xe2CD\xad1\xc8\x85\x9c\xb1$i\xf0\x1b\x87\x01\xe6p\x18\x8d\x86i\x7f\xd6\xda\xc6\x0e\xf8z\xf3\xcd\xd33\xc5\xb0\xceN\x97k\xc1\xa4Y\xdb\xd5\x97\xd5M\xaa\x8d\x0ebz\xec\x8e\x966\'\x19\xe5.\xad\x94\xa9\xcb\xdc\xd5\x8d\x8dQ*:;\xb39?\x8fj\x06\xf5\x85\xaf\xdf7\x8dr\x10hF\xb5\xdf\x9fi\x8bt\xd8{\xfb\x97G\x15\xc2\x02\xd7a\xf0\xb4\xd8\xcd\']\x9a&gt;\xff\xe4\xa4N\xad6\x18|0\x83C\x1f\xf3z\xa5r\xb9&lt;F]\xbe\xc0b\t\xd7\xcc\xcc\nV\x9f#\xe1\xeb\x87\x99\xd50"WF\x8a\x8eQ\xf9\x82@\x1f*\xb6\x12\xf7j\xa3\xe3\xf7\xdcI\xbb\xc5:=\xd9\xae\xd3\x99\xd4\x06\xb5\x9a\xdc\xd3\x87\xad\xd9\xd3\x89u\x8fF(~uc\xe86EQ\xf2\x98P\xf2\xc4\x1cP\xcbd\xa2M\x01\xfc\xdch\x84Z\xce\xd9zc\x96J\x05\x94\x8b\xad\xbdb\xf5\xce\xbdn\xb3\xab#3y\tX:\xb5O\xa6\x02V\x9e%\x138\x06]#WEl-S\x14\x99hE)&amp;\x94\x17\n\x85\x02\xcf\xe7\xe8@\xce\x8c\xe8\xf2g:;O\x1a\x8d\xc62}\xae\x9c\x13\x8b\xc1b170\xd0\x91\x80X&amp;\x1d\xde\x81\x00\xdd\xdf\xaf\xf6\t\x0c\x0b\x1b\xe08\xb4B\xa3X\x89\xcb\xa0\xc2\xab\xc2\xb0\x1c\x97\x12\x84p\x90v\xbb\x03\x01\x93\x81`EJ\x16\xe8\x155\x9f+\x17\xf2\xb5Z\x98\x8b6)6\xd1\x0f\xb1\xda\xdd\xdd\xe8m\x024m*\xa4\x18\x86\xe18\x99\xeatt\x08j\x11\xa8(\x05(.\x95JU\xc3A\x94;\xee\x00\xbc\x08\xacR\xdc(\xd5\xeb\xcb\x8aa\r\xaa\xce\x8a\xfcr\xb39\xc6\xb2\x068\xb1\x1dXr)\x1a\x08\x14\x84T\n\x04q\xbc\xe2\xd5\xa1\x8d\r\xc8%\xeb\xc5r\xf8B\x80Z&lt;)\xc3\x80\x85\xd5\x98\xe9p\xe5g\xf7\x1b\xb7u\n:q&lt;\xdclD9a\xc00\t\xaa\xf6^`\xdd\x19\x07\x17_\x10p\xff8\'\x0f\x956\xae\xdc\xdc\xa8\xa2\xbf\'X\x0cqa0\x18\xa4\x03\x01\xd4;f\x82%j\xedl\xbd\x1eM\xea\x94\xcb[{\xf7\xaa\xcdF\xa5@\'\r\x93\xba\xf6\xf6K\xbd\xd0\x8a\x18\xb0\xc0%@\xb0T2X\xbbr\xf3\xe6\x95`5\xc5`\t\xc8X\xe1`\x90\x07\x16V\xa2\xd9g0$D\xbdq\xb61\x16\xb7\x9b\x0e\x95R\xeb\x93\xad\x0f\xc1f\xa3)\xd0:C?\xa8\xdc\xbd\xdd\x7fC\xe9&gt;&gt;\xee\xa6y\xbe\x10\x06\x16\x93*\x00kq\xf1J0\x9c\xe2(\xa2\x16\xb8d,\x9a\xce\x99\x93v\x88\x95\x18\xd6F\xebc\x88A\xf7\x9eby\xabg\xc7}\xbb\xd1\xa8\x04\xdc\x86iD\x96\xfb\x12B^n)\xe8 \xcf\x87\x05\x81c\xe2\xe1?\xb1X\x92\x1e\x18\x06X\xb9Z\rTf\xbb\xd1hLd\x86;f\x1a\xb7\x93\x03\xa7\xa4\xde\xfaT!\xacswm\x00+1`\x98\xbe\x04,\xbc\xdc\xb2\x13\xa1\x16\x8c81\xc8\x93\x01\xc9\x15\x9eHGQ!`\xc5\x85 \xd1*\x97\xb4\x03\xcb\xe1\x18\x1e.Q\x03\xb9\\&lt;\xbe\xd3\xa3\\\xd1|8\x1e\xa4\xc3\xcdzH\xed\'Xn7]#\\\xee\x1a\xd4\xe2\x0b$\x13\xd4\xf8"i\xadkde2P\x0b~\r\xf3\xb5\x80\xecB\x97\xcb\x85\xca\xdf[r\xe5\xe8\\\xb0\xf7L\xb1\xd9\x9bJ5\xf7!\x1cX\xac\xce\x96\xd4Y\xc4\xbc\xbb\x1d\xb7\x03\x14\x89y\xbe\x1fI"\x1c\x06^\x11T\xc50\xc9\x17\x1c\x8b\xd8bR\x02\x1f\x00\x97\xd9nwi\xb5(\xe7\x81e\xce\xe5\x82\x1f\x94\x9b\xda\xa0j&gt;\xebv/.\xbai\xc3\xfa4\xd2i@\x17\x08\xc8j\xc1\x8bd-\x86A\x93\xe2\x8b\x8bE&gt;\xc5\x8e\x8d1\x1cCb\x8b\x13h\xacC`\xb9\xb4\x1d\xda\x98\xd5\xea-\x19}\xc9dm\xa7GA,\xd5\xd6\xefXz\x8bn\x1f\xc1\x82\x05\x08\x17\xf2)\x8dm\x0f\xe1\xd4\xac\xefo2\xe1`\x98\xab\x8c,\xbc\xa8G\xd9P\x1eXa\x9a\xae!\xb8\x08\x96\xc5k\xb3\xdaJZ\x97P\x1d?S)\x895xv\xa7\x88\x04j\x18\xf6\x03*\'c\x91\xfd\xa7 \x14\xf8\x02\x17\xad\xef\xd7O\xa2\x15\xec\xd3\xe5\xcd\xfd\xfd\xfal%\x94\xe7H\x82@\xc8C--\xb0lV\xab-d7\x07k;J&gt;\xde\x973j\xad\xe8\x0e\x183~\xc8e"X\xc4\xf8p\x98\xa7\xb11\x8em\x8fU*\xa8\xb5\xa4\xf2\xc9\xc9\xe6\xc9\x18\xcb\xc4\xc9\xde\x03\xb9hSR+\x8b\x05\xb5\xd8d\xc1\xbds\xa4R\x16kn\x87\x0c\xfaR\xe8a\xd4j\x93\x0e\x85\x14&lt;H\x87\x89"\x88y\xaeR\xa9X\xf2!\x86%5\xa1D\x91dZ\xc5w9\xda\x94\xb3kK\x1e\xaf\xad\xcb\xf6\xe0\xddW\x7f\xfdp\xbe\xa5\xf4\x0cB\xb5\xf7aq\xb1\xc8\x89\xe8\xc7\x0cj\x93\xc9\x8c:\x8a\xa6\x83\xc4\x90\xe6S!\x8b\xc5\xe1\xcb\x87B\x1e\'z\x0b\x0f\xc3\xc5\xab\x04\xcb\x8c\\j\xd4vx4]6\xdb\x83\xd7\xff&gt;\x9a\x1bT|4\xa2\x1a\xdc\xfb\xfdNw\xbf\x1f\xfd+JS\xb3\x19\\4/S\x01\x8b\xf5\xa0\x1a-\x08yGL\x02\x97F~|\x86\xbd\xa7\x80T\n\x1fzld8\xf2\xaa\xe7\xe3)Le\x1f\xa1\xab\x06\xb7\x0e\xcf\x0e\x9f\xa1\xfa\xcd\x18\xecF\xb3\x1dIH(\xc8b\xe5-\x1e\x8d\xe4q\xf8\x04\x9fO\xafq.-\x95\xdbJ\xa1\xb8\x90\xc4\xcaD&amp;\xd5v\x94HdY\x1f\xbc\xec\x91\x0f\xac+\xfd\x18C\x9eD\x0c\xbe\x96\xb1P\xa8\x18\xcd\xa6\x1c\xa0\x92\xf6|\xc8\x82\xc6\xcc\xa9\xc9\x93\xaeC\x8f\x8fKK\xce6\x8f%\x94\xf7\x15\x04$R\xbd\x05\xa1e\xb3u=\xf8\xb1E\x07\x92dO\xbe\xf2\xfb\x13\x04\x0b`f:(\x18\xf5\x16\x0b\xa8\xd0\xd1G\xf2\xb2\xb1\xc4\x8bN\xa9M\xa3\xf1\x8a\x0e\xbb\xab#\xa6\xb5h\xc8\x84\xab\xef\xfd\x8f\x83-;\x84\xa7\x1a|\xf9.\x9bH$H[*Zr\x82&gt;\xe6\xb1x&lt;\x9a6\x8d\x14a9\xa6Ra\xb0M\x83Q\x92\xa7\xf1\xde\x98\xde\x05hhE\x06o\xef\xbfn\xd9i]R\xd5\xbf\x83\\\x89\x84\xc3\x88&amp;\xd1g\x14\xbd^\xd1\x12)\x916\x83#\xf5\xcd\xf11\xd2\x17\x1b\x89x\xda\x00k\xf3\x8a\xfa\x8fP\xb6.\xeb\xbb\x7f\xb4J-9M|%c\x81\xcbh\xb4\xa3{\x8d\x89bG\x08uL\xa5r\x9c\x02\xd4n\x85\x18\x15\x81H \x16\xbd1\x19\x0b&gt;\xec{\xf7}+\xb1\x8e\x9efe\xac\xcc\xb0\x03b\xc5D\xbd^\x1fb+\xbb\xb0\n\xae\xdb\xe4\xc3vy{\x1b\xc1\xa6\x89\xa1\x98\xb9\xa0\x82\x0f\xfb\x9e\x1e\xb5\x12k\xeb\'\x12[\xc0\x12\x1d&gt;\xbd(\xea=\x91\xb6\xdd\xed\xff\xd9\xc9\x89|\xc1\x064\xb292\xe3\x11E+\xf1\xe0\x05\xd6\xb3\xb9\x96\x9d\x87\xfdT\xf5\xc9\xdc\xb3,\x12j6\x93\xc88\x1cD\xac\xf2\xc8\xc8\x04v\xe7\xfd\xfd\xfd\x17\xe4\xfd\x7f;X\x18\xd1\\`\xc9&gt;\xb4Z\xdf\xcc\xb5\xf2\x98\xee\xdc\x1b\x7f\xd6\x9f\xcd\x00+\x93\x10\x11\xd3\xce\x89\x83\x83\x03B\xb4\xff\'\xd5\xfe\xfe\xc4\x8b\x89\x19\xc9"\x0e\xc3\x85i\x12\xf1}}\xeb/{Z\x89\xd5\xf3\xda/\xab%\xdb\xb0\xe8px\xca\x9b\x9b\'rL\xed^8\xf1\xc2\x8feO\xa4\xa4GdM\xa5\x89\\}\xe9\xf7\xdf\xabZ\x8c\x95%\xd1E\xe4"\xf1e\xcf\xe7=\xd2\xaeT9\xfe\xe3\x8f\xe3\xe3\xdd\n\x16\xe3\xf1\xee.\xaa\x08O)R\x12\x87\xbb\xbad\xaat:\xfd\xf4\xa8\xa5G\xc0{^e\xa1\x15\t\xaeDf=\x93\xf0\xd9S\x00\x0b\x85\x8e\x81E\xc0\xc8\xa5R\x91*\x11d\xb2R\xcc\x9a\x9e\xc2_z5\x9d\xee{\xd3\xd3Z\xb5\x08\xd6:\x0cd\xc3\t\x83\x0fM\xb5`\xb7\xa3\xe2\x92\xe5"\\\xc7d\x88\x13"\x196fK__\x9d\xba\xbe\xba\xbaz\xfd\xfd\xd7\xaa\x96\xab\xb5\xfe_Z\xce6\xa4\xad4\x8b\xe3\x14\nm\xbd\xe1\xc6\xbcp!\t\xf4B\x12\x92\x92E\x8d\x91\x90\x901%"Y\xc4\xb4\xe0v%\x9b\xea4i\x99\x0f\xab\x1f\xb4\xa6\x91d\xbb\x1a\xfbE\x06jB\xa3\x9b\x0f\th\x0c\xd9&amp;\x14\xb5\xa9C\xd4:)A\xb0\xc4\xd2\x82\xeb\x97\xc4\x11\xa4a2\xed|\x19\tR\xc4\xb6\xb6\x8e\xb2\xe7&lt;\x89\xb0\xcc\xbe\xcdKs\xc4\x17\x82\x98\x9f\xffs\x9es\x9es\xefyn,\xe6\x88E\xba\xafE\x10\xcbz\xd5j5\xc0\xc7\xd5\x9eK\x17\xfev\xe1\x02\xd4\x1f\x93I\x8a7\xa9/\xb1zK\x17\x10\x8dw\x8e\x8f\x87\xd6\x1eV\x1b\xab=\x12\x89\xc9\xe5rG$\xe2\x00\'\xa2ZV\xab\xb8Wl``\xbb\xf7\x17\x99\xae\x07}j\x92:\xa5:}\x1d\n5&gt;\xde\xd99ny\xddQu,;\xa8\x05\\1\xd0\x0c\xb8\xac\xbd\x80e\x85m\xa1\xaaG\xa0\xa7uR-\xec\xb1LR\xa9I\xca\xd6\xa1N\x00\x85X\xc5\x8e\xea\x1e\xc6h\xf9V\xcd\xb5\xc7b\x16\x8b\x05\x15st3W\t\x13l\xda\xc5\x06\x15\x14"\xadJE\xfaU\x13\xab\xef\x1a\x1f\xf1#\x94\xbf\xb3\xcb\xf1mU\xcf\xd4 \x16\x03-2b\x01\x98\xc3!\xb7\x0bp\x9bz\x1d\xda\xf8\xeb\xb0i6\x99\xb4Zhy\xa0\xbb\xe7\x82\x0bGF\x1e\x10\xae\xf1.{\xf5\xb1\xd4\\V\x1f\xb3\xd4\x95\xf5\xb2\xc8\xed*\xebu\xec\x07\xa1\x01\x82\xa8\xbad2\xf5\xfcIe\xbd\xaa\x15\xe8\xbb:\xfd\x0f\xcaX\xae\xba\xee\xb7U\xc7\xe2J\xa5N(\xbd\xc0$\xef\nuY\xe4\x02\xd5u\xe4\x12\xf5\xf6\xf6\x1a0\xde{TV\xebU\x95\xd92\xee\x7f\xf0\xa4\x82%k\xff\xa1\xeaX\x02\xc0\xa2\x95\xc4\x8b\xa1\x81\x81\x01\x8b\xc3n\x80.H$\xea\xbd\xfcG\x83A\r`j\x95\xd5\xc08\xbaF\x1e\x80X\x885\xa9\x915o~\xfa)\xeb\x7fW\x0b\xb8\xd0\x89]\x03\x03 \x97\xc5\xd1\x0e}\xa3\x88\x87\xd7\xe9\x85j\xb5\xc0lW\x0b\xdb\xbb\xe5\xa1\x11\x1cB\xf2\x13*\x99g\xa3\xfaND\xa35P\xe8\x06\x06\xde\x84B\xe0H\x07l\xee9\x97=\xcd\x9e\xe6v{w\xb7\xdca\xef\x8e\x01\xb2\x1f\'\xb6\xfc\x84Jv\xeb\xfbj\x1f\xd6\x02\xb5\x00KW\xe7\x82\xaa\x02&gt;\x0c\xe1\x8d\xf5X,r\x8dl,\xa0 9 \xecb\x96\x10N{\x81\xf9;G\x11\xebQu\x0b5\xc1rJ\xa5\\V\xe9\x9a\x9c\x9c\x1c\x18\x19\x80,\x10z\x13\xfaX\xe1j\x8e@\xf6\x97\xcb\x1f\xbf\x19\x19\x19\xe9D\xacI\x17\xc1Z{X\xc5:\x8d\x97\xdf\x86\x8a\\\xa7\xd3\t\rM\x1dra\xae\x04\x82\xd0c\xe0\x8a`\r\x87\x14+\xb7&lt;\x0e\xc1k\xb8\x0e\x1ftN\xba4\x88\xf5\xcdP\xd5\xce\x90\x95\x8f\x96\xbex\r\xdd\xbb\x935\x13\xaepxp\xd0\xef\x07\xaaPH\xfe\x113\x86\x03\xb3F\x17\xa4\x06\x80z\xf2d0&lt;9J\xa8d\xdf\xbc\xac\xd6\xa1\xe1\xf2U\x88\xe9\xe55t"kv@\xab\xec\x1a\r\x87\xc3\x9d~\x0c\xb1\x01\x88}\xb9\xdc\x05y\xa3\xce5\xde9\xf8d\x10\xa0\x06\x87\'\xee\x11\x17\xf2\xe9m\xc5\xc3\x96\xeap\x11\xb1&gt;\x9f~\xfe\x0e\x9d(e\xf5r\xbc\xb0\x00z\x81`\xe5\xc2\xd7\xe9*\xdbd\x18\xa8\x06\xfb\x06\x87\x87\'&amp;\x08\x95\x8c\xaf|\x96N\x7f\xdfR\x8dCd\x84\xea\xcf7f\xbe\x8b@:\x85\x90\xd7\x83\xbb\x94J\x8dkt\x02\x87\xda\xc8\xc0\xcdpxr"&lt;1\xdc\xd7\xf7\xd5W8\xe22Q\xd1J&amp;k\xa5\xd7\x96\x82\xe9\x7fT\xe1\x10l\xd9\x85\xa7\x9a\x82\xdf\xc9\xb5@\xa5\xe5\x9a\xf5\x0e\xe8k\x94.\xd7(\x80\x85\xc3\x00\xd3\xd7\xf7\x05\xf9\x02\xd67\x8c\x837\xf7\\e*Y\xab~\xe0\xf9\xcc\t\xd7\xa7\xbdFy\xfaL\xc7\xd0\xa9&amp;\xc5\xd2{\xc0\xe2j\x19-$s\xb3\x9e\xae\xab\xd3@\x84\x8d\xbaF\xc9\x81\xa8\x13$`\x9a\xb8\xe7ri\xca\x81\x85\xb15\xf9\x15r\xbdxX\xe6\xfa4\xf7V*\x0fWxx\x9e\n.\xbf\xaf3sa\xa7\xc7h\x81\x0b\x8cV"\x98FC\xd3|\r\xa0\xa1D\xa3\x15\xc3\x97\x01\x88\xcf\xc7\x11O\xe5D\xdf\xb3`:\x98\xdf\xd8\x1d\xfaDO\x8b89u\xbeIQ\xc1\xe7PI\xccR)n\xf5\x18\xad\xdd\x8c\x82)\x954\xad\xa4\xf5,\x98\x8e\xa6i\x90\x07S\x02^\xe3\x92\xf1\t\x12\xcex\xd2J\xcd\xdf?Bx\x05\xb7\x92\xeb\x1b\x1d\x9f\xe0Re\xe5\xccy\xc7\xd0B\xc1F-\x87\xef\xcad,K\xb0T\x8cZ`\x87v\x9f\xd5\xeb\xccf\x96\x15p\xa5\xea\x1e\x81@\xa0\xd3\xd1z\x9c3\xa5\x11F&amp;\x83\x1f\x08\x16-\xbb=\xf8:h\xb3\x05\x93{\xb3o\x87~\xfbC\x19P\xf0\x8e\xdd\xcd\xb7S\x05\x9bb&amp;v\x0f\xde\x83\xc5\x88W\x19\x0c\x06\x88/\xd8/\x80J\x02\x01\x97\xcb0=\x8c\xda\xd4\xc3pY\xd6\xcc\xeat|\x1a\xf8\xe0\x97\xe1K+\x1fd\x93\xc9\xee\x86\x97\x01\x8b*F\xa3\xd9\xe2f\xf9\xc9\x1f\xbf\xedz\xe9\xd0\xe6z\xf4\xa8H)\xa8\xed\xe1Vgk\xab\x13*5\xc8\x05\\*\x861\xa8\xcdd\x84\x06~\xe2p8\xbd\xc0\n\x8a\xd9\x9d\xad|\x1dT\x02\x1d1TK\x06~\x9d\xd8\x06,\xdb\xccQ\xea\xe8\xf8\xc3\xcafeQ\xfe\n\xb6J\xa4\xef.\x94r{%\x85B\xb14x[Z\xc6\xd2"\x16\x0e\x83p\xa0\xd7\x07$-,M\x03G\xc4\x93\x88\x98\x1e\x93Z u\xb2\x90p\xb1\x16\xe8 \xe0\xc8\xfc\xb0\x8c\xe6\x8f&gt;C\xac\xe0\xd1\xc1\xc1\xfe\xde\xd1\x87\xd2\xe2\xee\xaf\x02;S\x89\xf4\x85\xad\xad\xf5\xcc}[\x93\xe2\xfc\xf6\xcd\xbbP\r[\xf9N\xc0\xd2Z\x81\t\xf6~"\x0e\xf4=VF\xcb\xa8\x18\x95U\xfc;k\x8f\t\xa0!\xcePR\xd0M\x00T\xc4\x894\xdbZ\x87\xb1e\xcb#\xd6~j\xeeC6\xbb\xb2yr\xa1\xfe\xf4/\xf4_\xcb\xc6\xd3\xe4Q.\xe5[i:\xdft\xfe\xf9\xcd\xbb\xb8\x8dwr\x11K%\x86\xfd(11t\x89\x06\xb1\x18|\xaa\xb2\xfe^\xabE\xf1\x04&amp;) \xe1\xd5Ug\x19\x8bf\xb9\xad\xb1i\x8c\xadB\xee W:\xde\xdb\x8f\x1ef\xb3\xd9\xd2\xe2\xcb\x96_\xc0u\xf2\xc8\x87\xcd\x95\xe4\x9c\xcf{p.3\x05\x89T\xf1\xfc\xe6_\x01\t\xd2\x03\xfaPeE\xa7\x01\x95\x84\'\x826\x11&gt;\xc1\xa1*\xf4\xad\x10\xd7\x82I-\x14r8\x8c\x14\xd5\x82,\xcf\xda\xb9\xf4\xbb\x19\x10\xab\x7fk\xef\xdcap&amp;\x9b\xdbOef\x93@6\xb51\xf4\xf3\x12\xc6\xe9\x93\xec\xb9\xb9\x95=\x8c\xbaS{\xfb\xb5\xd1\xc2)\xe0\xda\xbey\xdb\x89\xfbeFEb\xcb\xc0\xe1I\x88\xe1$\x10\x90qHom\xa8,Q!\x0f\xe7\x96\x04\x18\x8c\xb0x\xb9\x02\xae\x1e"\x9e\xb2\xf5\x97R\xfb\xc7\xf9t\xb0\x08\x82ySs\xf7\xb3\xe8\xcb\xdd\x9f\x01V\xf1\xf6\xeeB\xb1\x94}5\xef\xcb%K\x87\xde\xccT\rp-\xf5}\xc1\xe72\x80\xc5AY8b\x11\xaf\x01\xac\xadA"\xb9\xcc\x11\x81O\xf1.\x90H\x0c\x1a\x91uI\xb0\xa0\xa5\x84d\xa1\x13\xa8\x05\xdc\xc8t\x1a\xb0\xa8\xe4\xfe\xc1\xdeab\xc66S&lt;\xce\xed\xd7z3s\xc9l\xa9\xb8\xb0\xfb\xffjRe\xf5-\x16\x8b\x89\xd5yw4\xb9\x95N\'\xbd\xbe\x95\x9a\x9a\x9a&amp;\n\x83\x0b\xde\x12\x18\xc4\xa0\x0b\xc4\x96\x04\xa8\xda\xda\x1apF\x89#\xe2\x18\x0cb\x82e\x102BB\x05XR\x96u\xea\xec\xed\xc2v;\xf8\x90\x82:qt\xee\xe0\xc0\xbb7\x9b@\xc5\xb2G)\xaf\xd7\x17\xbd\x8f`\xff\xa3\x8a\x9f)\xdf&gt;iy\xb9X,\xc5w\xbevg\x8e\xb7\xd2T\xbap\xdf\xeb\x8d7\x01\x97b\xe6\xe3\xb0\x99\xbc#\xb8\r\r\xb1@-b\x88\x01\xaf\x888\x08d b\t\x85\x0cD"d[!tD\x91e\x1b\xd5Oah\x01\x96\xd1\x9b\x99M\x14\xd2\xe9B\xe98\x97\xf2\x06|\xe0\xcc\xd2By\xa8\xf8\xf4\x7f\xd9\xbc\x00T)\x9b|5\xef\xf6\xcd\x96\xd2T&gt;\xb1:\x97\xaa5\xce\x8e\x01\xd6)\xc5\xf4G\x8d@\x88\xae\xc3x\x12\x91x\x97\xb4\xa1\x17I\x84\xf1x\xe5o\x1e\x0e\xb2\xc17\x92[!\xcc&lt;\x1eO\xf7\xbb\x19\xaa\xbf\xbf\x9fJ\xa6\xce\xed\xc3\xd2\x060\xdfl|*m\x0bne\x8f\xa2\xbe\x80;3w\x98\xa8\xa4\xd8\xff\xe4&gt;\x84J\xce~\xe6vgf\xe3yj1\xfe*\x130\xfe\xa1\xd6\xe8\x9b\xaa\xa9\xa9\xaf\xafQL\xc7\xf4\xc2[W\xae\xa0\xdf$\x17/J$\r\x92\x06\xc4*/G\x11\xaf\x8c\x87\x93p&lt;x\x91#\xc4(\x13"U\xf3\xb5e\xa4\xea\x0f\xcey\xf7\x8f\xd3\x85uX\xdfF\xa3onu%O\xd9\xf2EXY\xbe\x80/:\x1b\xdf\xfci\xba\xa8\x04\xfa\xd0bb\xf5\x0e\x08\x95K\xae\xe4\xc7\xa6V\xef\xf8\x02\x01\xa3\xd1[\x1b\x08\xecP\x84\xabi:\xe6\x00\xac\n\x182\xa15\xe0Z\xe4 \x17\x1a\xd1\xaa\xa1\xe1\x16zQH\xa0&lt;\xed\xd7\xd6\x82H\xd5\x9f\xf0ys\x05\x05e+$\x0e\xf7\xbc\xc6\x00\xfe\xf3Sc\n*\xbfE\xc82;O\x7f\xb2(\xcbP?\xc4Q\xa8\xe8a"O\x8d=\xdd\x99w\x07\x02\xf0O\xdcOF\x8d\x01\xdf\xd3\xfa\xb3\xf5`7\xa6\xdf{\xbe\xfc\xb2\xb1\xb1\r\xc8\xda\x08\x152\xa2X\x1c\xab\xf8"\x0f\xefa\x03\x95\x04\xd7\'\x01\xe4 \x95\xa7\xf9\xfd4\xa1\xb2\x1dzSY\x8a\x82\xacJ\xa5\xb7\x92\xb9\x941\x10pGw\x12\x8b@\x96.ds&gt;\xf7\xfc\xce\x8f\xff\x02V\xf6\xdfF\xfc\xce\xfc|fn}kll*\xfe\n\xa1\x80)\x91W(\xe2 \xda\xab\x85\xfa\x1a\xe4:\xbb\xb4\xf6\x08\xb9\x1a\x1b\x91\x87P]\xb9B\xe4\x12\x8b$\xe5\xb5\x80\xc1G\\\xcb\xbb\x8cL\xb7&lt;\x9e\xc8\xb6\xed\x06bMEk\x89X`P\xf9\x0b\xd9\xd9\x0c\xfc\xe5\x80\xfb\xeb\x9d\xf5\x95\x85\xb1\x17\xf9\x04H\x86`\x95\x1e\xa9\x9c\x13~\xdc\x99\x9f\x9fC\xe7-\xc6w&gt;s\x07\xdc\xbe\xe8a\xbc@\x9d\x02\x1bKBP\xae*\xea\xcf\xa2`53\xcf\x1e\x11\xacFB\xd4\x08\x1f\xc4\xa5&lt;\xb1\x08\xa3M\x82I\xe3\xc4\xcb\xb7\xd0&lt;\x9ek\xef\x97\x08U\xff?\xdb4\x7f\xd0\xd4\xd50\x8c\'\x06%Q\x84\xec\x17\x1c3\x06J\xe4,\xde\xee]\xdb\xc9\xc1;d\xca\x96\xa1\x83w8\x047\x878t(\x1d\x84P\xb9\x18\x87*UP\xcb\xf5\x82\xf4`@\xa1\xa0S{,\x1c8\x8bn\x1d\xcb\xe1\xde\xc1s\xe1&gt;\xef\xfb\xc5?m\xefC\x88\xf8\x91~\xf9\xf9\xbc\xcf\xfb\x1a\xa1a\xdf\xbb\xcd\x08,p\xe5r\xfe\xf3mG\x90\xf5V\x13\x98\xf6\x17\xbd\x1f\xc5`\x12CM*`\x1a\x0eD\xb8.j#T\xbd(cZY\x96!\xfb\xcd\xdaE/J\xab*\x81)\x97\xeb\xe9Q&gt;/\xc8\x8e\x84\xa8\x8e\xf4?.\x946f%\xaes\xa1\xdf\x7f\xfbc\xed2\x96\xbf9~}\x8e\xcd\xa2!f\xe4d\xe3\xe9~\xden\x8c\xcbDV\x99DC\xff\xa9\xd5\x1c\x8d^\xa2\xaf\x9f\x81\xf5\xf9\xe7d\xd5l\r\x9f\x02\xf8\xd4+\x97k\xa3\r\x92\x98K\x93l\xcb\xb2s\xe0B\x19}\xc5\x14\\\xc5\xebi=O`g[\xae*M\x89O\x9f\x08\nK\x84L\xc9;?9\xef\x9e\x9f\xff\xfa\xc7\xb7\x0c\xa8l\xdb\x1e\x8e\xb2\xff&gt;\xc5f\x11V\xc6\x00\x98\x9c\xf3\x87\xf8\xea= \x0b\x00Z\x99\xfc\x94~N6\xf3\xfb\xa05A\x9e0\x19:\xb7\xad\xef\x0f9\x16\n\x08*\x9c\xcdA\xfb\xa2\x1c)\x94-\x02s\xef\x96\xf9\xab\xd8\xb0&lt;\x1d\x88\xd7/\'0\xe8\x840\x05\xf1\xc9I\x17\x82[\xff X6\xec\xb2\xed\xfb\x9a77\x8cb\xec\x96\x00\xa3\x9b\x94J\x0b?h5\x1f\x81\x06\xb2\x97pH\x9c#\xa9y\xdb\n\'dSo\xb4A\xe0e\xb3D\x89".|\x9c\x1c\xca(\x9bf0\xbax1\x14\x0e=\x05\xecr\xbd\xcc\x93\x98\n/\x8ctvrV=\x12\xcbG\xd5j\xb5K`\xe7\x7f\x7f+\xaa\xc4\x04\x85^\xff\x96\xba.\x13\x9b\xc5~\xd1-\x16\xa5\x92S\xa2\xa4\xb5\x1b0\xa6Wx\t\x83\xa0%\xcd\x11\xf1r\xaf\xb1\x82M9\xc7qL\xae^\x9a\xd1,a\xdb\xc3 h^\xd4\x82\xa4\x99L\xa2\x92\x8a\x92Lf\xaegS\xc6b\xd5\xcf\x84Q\xf5\xfaQ^\xd4\x17\\]\xb4lw\xfa\'S\x11\x97;\xd1\xb5\x1f\xaf\xed\x90\xc9\x84Y\x8c\xc5d\x8c\xe6\x18\xdf\xc3f\xa7G\xa6\xbd\x84R\xaf&lt;F#|\xf7s\xa5\x12\xf9\x94\x8ee\xdb8a\xb4\x0f\xa3y\xfb\xf1\xb5\xaf{-\xe4*I`\xa0K\xda7kNX\xfe\xea\n\xf5\xac\x92SUP\xd5c\xb7\x18\xab&gt;\x9d]gTvJ\xb5\xd5\xccF\xd3NO\xb5\x1f\x8df40\x8c\xcc\x1b,\x02\xb3d\x809\xdc\x04\xa3Z\xb9,\xb5\xe7\x81/\xb3M\xc8\x12\'\x8a\xd9@e\xca\x03\x0c\x93\xbe\x87\xfd\x12\t`\xa9LD\xa6\x99I5s\x07\xc3\xae\xae\x18\xab^\xaf\x12\x15\x94\xe7\xd4\xe1}\xb7;]^_\xba*a!\x91\xb6Zlk\xb1\xfa\x9d\xf0\t]\xb8\xa7z\xa0\xbc\x90i\xc8\x19\xf40\x8cn;\x123\x95v.Q\xac\x88\x0cI\x0c&amp;`\xd2u=\xa5%\x12\t\xad\x13\xc8iUI2\x19\xc1\xa9\xc5\xeb\xd9Rp\x11U\x95\xc9\x84}\xf5\xea\x14N\x11\x14\x13\x11Z:\x1a\xa7\xb4\x1d\x18\xbe\xde\xfc\x9c\x80\x81\x16\xf0\xcbp-\xc3\xe2&gt;#\xd3\x16\xbe\xc4\xb5\x13\x8d\xb7\x8b\x15\x98\x06\xd1f\xece!p\xe9\x89DJ\xd7\x1b\x91\xa1\xaaiS\xa1p\x11\x97\xa2\x16\xef\xd6k\r\x87\xc6\x00\x00\x02\x84IDAT\x04\xb6\x849\xb0\xa7\x1bc\xe5\x97\xcb\xd9\xf5M\x91M\x12N\xd9j\x1a#^\xdfsix6E\x91\x16\xb2\x08o\xce\xb0D\xc4\xa8\xc5\xb89KR\xec\x90\x00#2\xd3\x94\xfdh\xd2\xf0R)F\xd2S$-\x95J\xd4\xe6&gt;\xddFe0\xca\xbf\x82R\xaegK\xc2\xa2\x84\xb3]\xcb\xd9\xfa\xee\xd2\xb5\xb7F\x11\x19\xcc\n\x1e\xb1\x91v\xa0\xc4\xa9\xf6J\xf1A\xd6ej\xf7\x1dU\xdcf\x92\xbc\xef&lt;\xae.|\xc2S\x96\x96 \x90Ca\xc5k\x07\x96\xba\'\x03\x97\xa2\xba7\xd7\xb3z}\n!Zl\x93\xa8\x9d\xaa\xc4d\xd4\x85\xe4\xd5;.\x9d\xf6{\xed41\xba\xe3r1T\x8ceH\x04D]\x97\xa6\xb8-\x06\x18\xff}\x18\x05\xa4\xd3wJ`\xb3\xf1|`\x8b\xd2(&amp;\x91m\xc1\xa6\xd3\xe54fRhm\x87\xc5~\x05\xa3\xb7H\x9a\xc6\xf5D\x1dt\x0fh\xf3\xc0 \xcf\xe4=\x95eH\\=\x82r\x88\xa9Q\xf3(N\x1f\xb1\x84c\x9a\xd7i\xf9\xb6\xe8.\xba\xbfB\x95\xb4\t\xec\x1b\xd5N\xac\xa9\xe2\x10\xa9\x82W\xd1\xa3\x9e\xfd\x88\x85\\\xc02\x90\xe1\xa7\xc6&amp;\xf2)\xe2\x18\xddr\xec\x1a\xb9E\xc3lAy\xc2\x132\x94\xdd\x82\x1d\x90Q3\x9e&amp;\x10~\xad\xdf~6\x04\xd7\x16\r\xaf\xee\xe5MF\x15D\xdb%Q@\xd5\xf6\xc31\xa8\xf4m\xe9\xb6\\\x94VHOQz\xf5~\xbb5\xc0\xac\x17IB\xd2,\xeaD\xc7y\x08\xe6\x8f}={\x1c+\xee\xc0\x03\xb48`\xd8$\x95xm\x06\xae\x1a\x83\t\x08\xdb\x16\x05=`\x8a#\x9f\t\xda}NUJ{\xa7-\x18\xb1\xe9\xfa\xa9\xf7\x18\x02\x8c\xc8,\xcbu\x81\xe58\x83pU\xe3a\x00\x1d\x1f\xef\xd9ta\x1b\xe8\xf8\xe0\xbfg\x8d\x9b\xcf\x19\xd1h{6\x1a\x1a\xecV\x1c([Ul?\xda\xd4`UJ\xd3\xb5\xff\xc9\x16\xfa\x91\xd9\xc8L\xdc\xd9kL\x82\x05\x81Q\xc4$g\xd1\xea\xf4\x81\x93\xdd\xeb\xf8\r\x1b\xbb\xac\xef\x99\x08\xd6\x1b7\xef\x8b;(\x9ec\xa25\xe3\x91@\xeb\xee\x90~L\x90\xef\xda\x07,\x8d\x1a\x1bg\xf1a\xe9\xf3g\xc5\xae\x00+\xd9\xb0K\x1a4kq\xdd\xc4%\xef-\xdb\x8e\xd4=\x13_\xc3\xbf\xa9\x06\xee\x16J\x90\xed\xbcr\xfd!\xda\xa7\xcf\xed\xa3\xbf\t\xd5\x0e\x8bc\xbf+bl\x887\x9e\x0c\x1c\x13\x0fhR\xb8\xaa\x08\x15\xf6\xaa\xbcQ\xe1P\x95BE\\Q(\xac\xf0\x08\xf2\xb5\xe4|\xf9\xa0$\xcd&gt;\xb1ma\x04\xf1\xe9P\x05:\n\x1f\x85\xebW\xe1\xe2\x0b*\xf9\x1f\xa0\x9cp\x03\xea\x16\x02\x8e\x00\x00\x00\x00IEND\xaeB`\x82'</t>
        </is>
      </c>
      <c r="M37" s="3" t="n">
        <v>45492.67835648148</v>
      </c>
    </row>
    <row r="38">
      <c r="A38" t="n">
        <v>84845</v>
      </c>
      <c r="B38" t="n">
        <v>1961</v>
      </c>
      <c r="C38" t="inlineStr">
        <is>
          <t>Manoel</t>
        </is>
      </c>
      <c r="D38" t="inlineStr">
        <is>
          <t>Manoel</t>
        </is>
      </c>
      <c r="E38" t="inlineStr">
        <is>
          <t>ZAG</t>
        </is>
      </c>
      <c r="F38" t="inlineStr">
        <is>
          <t>ZAG</t>
        </is>
      </c>
      <c r="G38" t="inlineStr">
        <is>
          <t>ZAG</t>
        </is>
      </c>
      <c r="H38" t="n">
        <v>182</v>
      </c>
      <c r="I38" t="n">
        <v>26</v>
      </c>
      <c r="J38" s="2" t="n">
        <v>32929</v>
      </c>
      <c r="K38" t="inlineStr">
        <is>
          <t>Right</t>
        </is>
      </c>
      <c r="L3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fcea3b-f84f-4cd8-a365-5c1843800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9E\x9a\xf2\x00\x00\x00\tpHYs\x00\x00\x0e\xc4\x00\x00\x0e\xc4\x01\x95+\x0e\x1b\x00\x00\x03\x00PLTE\xff\xff\xff\x17\x19"xVW\x12\x15\x1cnUP\x14\x17\x1frUQ\xff\xfe\xffuUT\x19\x1c%qYSiPL|WZ\x1c\x1e&amp;\x1d\x1f*\x80X\\^DB}TS\xf4\xf5\xfb\xfe\xfe\xfe\xb9DJlRN\x1f".X??804aGFv\\U\x89ZSrQS/(-|]^\x83WQ\xbfIMP&gt;@\x82[_\xf7\xf5\xf5?37z[X\xec\xea\xecqLKpPP\x0f\x12\x18"!(jTP\xf8\xf8\xfa2-1&amp;%,}SN\x80cg\x83TLR::\x96gf\x82!4I8:qJCzPJ+%*\x80c_\x8aVK\xa4keXCDeKG\x91kj$&amp;2\x92nq\x01XV\xfc\xfb\xfcB7:\x84QHxPQeOK\x9df`)*6Y&lt;9\x9dcX\x86]^yaZ\x8dkm\x99sv\xf0\xec\xedMBK\x83UW\x85ab?/1\x97`VkLM\x85jajKI\x8ccb.-9R53\x8eZO\x12JI\x9dif\x8b^Y\x86fj\xa2i_\x01\\[\x7f\x1e2\x01SO\x9brp\xf4\xf1\xf2H;AuOH\x97nk\x96,;\xac6@\x90edgGHrUWeQP7+.lQU\x8ahkH44]MJ\x97c]\x8aqg\xe2\xe5\xf1bJL\x9f1&gt;\x86ZX\x90^X_?=tOO\xf0\xee\xf1\xb3@HtZ_vNM\xa55@hE@\xa9oiyLE\xc7JO\x8affWGH\x87 5\x91a^\x8ffgRDD\xac=E~PH\x08IGoE?q^Z?9D\x16RQ\x0c7:\x80\\W\x8b^a\xa8,9\n@A\x9e*8\xea\xe7\xe873?\xa2ro\x1cf_kYZ\x9a\x8d\x8c]NS\x9f\x85y^BH\xa4vt\x18Z[g?8\x03aa\xa2nj\xac\x94\x8a\xabso\'ZTdAC\x8e(:\x91uj\xb18A\xe5\xdb\xdd\x96{p\x92]P\xae\xa1\xa0\xc6\xbf\xc0\xf1\xf2\xf9\xa2y{\x88\'8\xb6\xac\xae\xe6\xe2\xe3\xc0CJ\xa5\x8d\x80\xb6&lt;CdRW\xc2PT*\x1e!xhd\x99\x7ft\x8f\x81\x81\x9a[Ry_d\xb2zs13=\x06ic\xbe\xb8\xb8\xd7\xd0\xd4%PL.bZI/,\xcb\xc5\xc8\x94UM\x8cvuXHP\x8eS]\x82uv\x96Ye DC\xda\xd8\xda\\63\xe4\xc1\xc5\x07ph}ll\xd2\xcc\xcc\xc8Y\\?DI\xb9hr\x98\x97\x9c\xf4\xe2\xe5\xe7\xd0\xd3\xc1\x89\x98\x9eeu\x7fNVB(\'mcf\xdb\xde\xe4\xb5\x81\x83Ajc\xd4\x9b\xa3\xb3\xc4\xc2PQZ\xc3z\x80\xd5\x84\x889XS~\x9e\xa3\xccjl\xb0T^^_f\xb5IRjux\x92:J\x99GY\xdc\xac\xb1M\x81~yBP\xa7\xb8\xb7m\x8b\x8f\x92\xad\xaa\x82\x82\x860wq\xbf\xd3\xd5\xcf\xb1\xc2u4@6\'h\x9a\x00\x00 \x00IDATx\xda\xcc\xd9QK[i\x1a\x07p\t\x87\xd3\x90\x04\xa2\x1cB\x9a\x18#\x89M\x13\xe6\xb8\xb4Fl\x8d\xc6\xb28\x9bHk\xa4U{LG\xd1\xf6\xa2\x9d\x1641\x1aC0\xcd\xa0\xd4bHK!\x0b\xcd\x85,&amp;v.F\x19B\xd3x\xa1\x88T\xc3\x08\n\x15K\xc0\x8b\xf4\xb6\xf5j\xef\xe6#\xec\xffyO:\xbb\x1f\xe0\xd8\xee\xd3\xe4\xe4P\x06\xfa\xe3\xff&gt;\xe7y\xdfd\xea\xea\x94)A\xe8E\tu\xff\x17%\x08x\t\xbd-\xb7\xb7O\x8f&gt;\xa1N\xb7/\xb7\xb4\xb2\xbf\xfb\xae(T\xcb\xca\xd1a)W\xa9\xee\xa1\xaa\x95r\xae\xb4y\xb4\xfd\xa8\x97h\xdf\x0f\xd5\xb2\xbdY*\x9f\xad\xeeFS\xd1h4\x1fF\xadf\xf6*\xe5\xd2\xe6v\xab\xf0}"\xc3\xda\xdd&gt;.U\xcevS\xa9T\x14\xafh&gt;\x1a\r\xef\xae\xa22\x99L\xb5\xbcut\xbb\xf5\xdb\xc3\x04\xa1u\xe5\xb0|\x06J\xea%\x8aXPAD\xaa\xd5]\xca,w\xf8\xb6\xe5\x1b\xb3\x84\xde\xcb\x9b\xe5\xd5\x148L\xf5\xb2\xa6\xa2\xa0\xa8\xc7\x02\x19vS&gt;\xdc\xee\xfd\xa6\xaa\x96\xa3\xdc.3\xd9^\xbe\xb4\xd9l)\xaf\xd7\x9b\x8a\x8ab&amp;\x10\x18\x89\xc5b#\x95Xl\x8fU\xee\xe8\x1b\x06\xd6\xbb\xb2u\xf6RV\xc9\x05\x95\xd7\xe4\x0fk&lt;\xb1\xd8~\xb1P\xd8G\x15\x8b\'\'\x85\x93j\xf9p\xe5\xdb\xb8\x84\xba\xdeS\x16\x15\xda\xca\xcb\xaa\xde\x14\x8f\x9bzz\xb4\x9cyD&amp;\xad\xa1vvv\xd6\xf6\xd7\xf6\x8b\'\xb9O-u\xc2\xb7\xe8\xf5\xe3J\x1e\xa8\xb8\x1f\x18\x93)\xee\xd7j\r\x06\xad\xa4\xd5r\xea\x00\xb1\xd6\xc0\xd9Y\xdfY__\xdfa\xb4Xe\xeb\xf6\xb9?\x91PmV\xa3\xf1x\\+\x1a\x0c\x06I\x92\x0c&lt;\xaf\xe6y\x0e\xf7\xc4\x8a\x15\x10\xd3\x1a\x99\xd6\xd7KL\x06\xd7^i\xfb\xdcw\xa5\x96\xcd\xbdx\x18\x01\xf1!\xdeB \xb5Z\xa5\xc2\x07\xef\xe2\xd5\x0e\xcfH\xac\xf8\xbf\xac\x1db\xad\x15c#\xb9\xd3V\xe1|\x1f\xc1\xc3\xb30\x07\x058\x8c\x04\x94\xcaA.\xb5\xc3\xea\x19\x8a\x15\x8akrc\xd5\xd6\x90\xd2*\x16\xf7GrG\xe7\x99\xd7\x05\xa8\xe2&lt;\xaf2\xab\xcdj\x8dZMI9\xe0R\xd1\x9d\xc3jEZ\x05\xb9\xdf\xd7\xfe\xba\xe2\x99,\x14\x8b\xc8\xeb\x1c]\xa4\x8aPJj\x9e\x99\xa0r\xe8\x1c\x0e\x07}\xc2\xe5!W\x11\xe9\xe0\x11\xdcg$6)\n\xb1B!\x96{{^}\x8fn\x87\xca\xa2\xae- K\x8b\x85\xc5T\xaaZ^0\x80\xc6tE\xb9\n#\xd0\xc6\xd6\xb7\xcf\xc7%\xf4~\xaaF\xb5\x16\x94\x1c\x16\xca\x02\x8f\xda%\xb9\xe8V\xadFl\x0e\x04&amp;\xcb\xe8-\x03\x0b\x85\x11\xd2\xc6\xb6~\x11\xcee4l\x97\xf3q\x83\xc5\x82g\x8e\xb7\xd4X\xe8y\x8bK"\xaa\x0bZJ\r0&amp;cU !6#*\xcf\xc9\xe69lD8[\x95v\xf3\x06\x97\\2\xca"_\t\xe5\xb2XjT\x84\x16\xf0\x90c\x99qb_U\x9e@\xf9\xed9\xb4}\xef\xf1Y&gt;\xe2\x8a0\x15_\xcbJ\x1d\x92A\xcc\x95L\xaa\x93I\xba\x83,@\xed\xcf0t\xc1\x9f\x11O \x90)=R\x9e\xb5R\xce\x87#\x9c\xcb\xc2\xf3\xf2\xd8\xa2x\xa0\x9a\x92,!r%\xe5r:\x9dP\xf3rf\x9e\x00]\x88\xe6!\x96\xb9r\xa4\xf89\xa7ek5\x8fAJ*\x0bOm\xa4F@\xc0\xd1\x15\x97d\xd2UC\x91K\xa2Dy\x8d\xc6l6\x07\x02\x8e\xd7d\x83\xd0\x9c)\xb5(\xcd:\xad\xe4\xf3\x11\x0e;\x0e\x0bC\x9e\xa1*\x9d&lt;\x1e\\\x92\xe4t&amp;\x93&gt;b9\x9d\x92\x14\x0c\x06\xa5\xa0\xa45p\xbc\xc6\xec0\x9b\x1d\x01*\xb3Y\xa3\xa9\xbc=\x8f\xb0"\x11\x8b&lt;\x1f\xe0\xd1\xe1\xa5\xd7Q\xa9T\x16\xc9\x99\xb4@%\xb3\x80\x9a\xc2;H\x1b\'o\xa6\xc8\x02\x81\xd7\x01\xdch\xb8\xbdCe\x9b\x8b\x86C8\x0cU(\xc4\xc6;\xb1tV\xbbN\xa7\xb7\xeb\xf5:\x95\xc5\xa7\xf2\xf9|\x8b(b!\xae)\x14N`\xc8\x8b\xe7x$\x06\x95\xc1\x80\xd3k\xee\x91\xa2\xac\xd6\xe3\xb3\xdd\xddH(d\x91\xb7\x1c\n\xc9\xaa\xb7\xdb\xf1B\xe9\xf5\x9f\x1b\x1a\xc0\xf2%}\x8b\xb5\xbc\xa6z\xa6LS=\x14\x18\xc7q\x1a\x8aL\xc3\x19D\x8e\xab~R2.\xe1Qi7\x12\t\xa9\xd4\xea\xff\xb2\xf4:\x88\x86\x86\x98K\'\xb3|r\\\xc4\xa2\xb0p^\x85\xca`\xe04\xb4\x92\xf8\x14\xb5\x81\x92\x82\'\x1cAX)C\x15b$f"\x96\x9eT\xa8\xfe~\xbb\xae\xe1s\xd2\xd7\x00\x9b\xbc\x8ehxt\x97$g\x85\xb3+%\x86\xb4p\x88\xd5\x94\x15\xdc\x19i7\x84*\x04\x12\x0e\x0c:\xea,\xbd^^@\xbb=\xdb\xdf\xaf\xd7\r6\xf8\x1a\x06\xc9\x05\x185&gt;\xe2\x92\xc000\x8bV+\xd3p/V7\x85\x0b\xca\x1d\xfe\xb6VYc\xa9\xd8\xe2\xb1\xa8\xbe\xaa\xa8\xc1\xf4\x10\x815(\xe7\xc5\xa6\xaa\x84\xd1U#i\xb5\xfe\x9e\x1e?-\xa7V+jJ\x8am\x8c\x82\xf0KnW\xe4y\xc6r\xc8}\xa5g\xadN\x85\x8fAV\xf3\xf3\xc8l\x91u\x18fE\xd2E.2\xf9\xfdZ\xf4\x19c\xf9E.\xb7\xa2\xd4*\n\xc2\xdbJX\xc4\xb3Ng*\x96T\x8d\xc3d\xf3\x83\xf32\xaa\x9fX&gt;\xb9\xf7}\x8bI\x97\xd3\xc0\xe2\x82\x8a\xe2\xa2u4hE\xee\xe4T9\xd6\xf1\x9e\x88%\xa4\xb4\xb0\x84zk\xcdE\xaaA\xfb&lt;R\xba28\xdf\x9f\xcd\xc2E\xeb\xd8 \xaf%\xc6\xbd\xdc]ZQ$\x1d\xc6\x03&amp;\x97X\xfd\xd4\xab\x18k+\x83\xd6b\x8b\xf8Z\xa7\xfb\xbaz\xac\xa0\xc9f\x11V\x7fvr\x92`,9\x82-\xb2\xfe\xc2\xf6\xf3\xf5)\xe44\x1cTb\xe0P\xa1\x11\x81\xaf\x86\xa5L\x88\xc6\xbbJg\xa7\x87\xd0.\xaf\xe1g\\\xfa\xb3\xf7\xeee\xb3\xe9\xecDv\xb2\xbd\xbd}2=1\xc1`\xcd5\x96\x14$\x93\x86\xb98\r\xa9D\xc5N7\x82p;\xb7\x10bGu\xbb^\xa5\xabu;k-\xa8&amp;\'\xd3\xd9\xf4d:M\xac\xf6tb\x82`\xf3\xcd\xcdW0\xf3\x9dAmP\x8bs\x04\x15\xcb\x8c\xb9r\x97\x95bm\x97ihYiv~\xed),\x1f\n+\x07N\xba\x9d\xbd\xe7\x98*1\x91hlll\xbere1\x19\xec\xa1I\x8f\xb6\xd2r\xb4Qg4b\xd8\x1f\x0eW\x14\xfa\n$\x08\xa7\'\xa1\xd0\x82\x95f\xfa\xf2\x90\x1dC\xdd\xde\xcfL\xf7&amp;_L\xbe\xa0\x90\xc6\xc7\xc7\xdb\xe7\xd2T\x89\xc6\x89\x04l`-\x06M\xf5\xf2/\'^\xa37*",3\\~\x7fx\xef\xb8W!\xd6QeuA\xdeh\x96\x97q\xa1\xb0\x86\xb2\xd9\xc9\x17/^L\x92\x89X}}sT\x89D"=\x97hl^tN\x19;:~D]\xba\xd4\xd1\xd1aK\xf99\xc6B\\\xab[-\n\xb1&gt;U\xc1\xa2\x8dyf\x80\\V\x95\x8a\xfa\xea\xde\x8bI\xea\xf7l:\xdd\xde\x07\x17c\xddM\xbcK\x80\xb5\x18\xacww\\\x9a\xfe[SgS\xd3\xf4\xf4\xc5\xe1\x1f\x7fNEE\xac"uW8\xa7\xcc\x0f82\x0bk\xb8&lt;\xf0\xf7\x01R\xa9#\xb4o[T8o\xa9h\x83\x1e\x9cH\xf7uw\xf7\xf5\xf5\xdd\x9a\xbb\xfbn\xec\xdd\xddwm\x8f\x91\xd5\xf0\xf0tS\xe7\xfb\xf7?tv6M\xc3eK\x85\xa9\xbb\xc4pX\xa1\xdd\x9a\xa6)X\xcb3\x03\x03\x033\xcbC\xd6P8\x95\xfa\x18\x8f\xc7\xc3\x11)n\xaa\xaf7\x05\x17}\x8d}\xddK\x0f\x1e\xc0uw\xac\x8bX\xd7\x9e\xb9g\x19\xabSFu\xd0BFe\x96\xbf\xaa\xcc\xcf\x11\x82\xb0\t\x96\xe7\xfe\xcc\xfd\x19\xa8&lt;\xa1\xf0\xc7;\xac&gt;\xa6l6[G\x87q\xca\xb9\xd8\x9c@\\\x0f\xfan\x11kll\x0c\xac\x9b\xa3\xb3\xc3\xd3\xd3\xd3\xc3\xb3\x1dn\xb7\xdb\xe8\xad\xaf\xf7\x1a\xa3rwE3\xca\xf4\xfc\x85\x0b\x9b\xd5\x85\x85\xab@\xcd\xcc\xdc\x1fZ\x08\xa7\xee\xc0\xf53\x8a\xfayx\x16\xac\xebW\x12\x0f\xba\x1f\xa0n\xbd\x1b\xeb\xea\x1a{\xd7u\x1d\xbd\xe5\x9e\x9d\x9d\x85\xc8X\x8f@qN5\xf4\xf4h\xf0=C\x13\xf6\xaf*3\xe7\x91Vu\xf5\x8f\xfb`\r\xdc\xf7X#\xf9\x8f\xf9|\xfec\xea\xce?/]\xbc4\x8c4\x8cA_s\xe3\x1c\xc2\x82\x8c\x85\x05\x1aXF7\xc5d4\xd2\x1b,\xec\x8dA\x9e\xb1\xc2\xa2R\xacc\xb0\xae2\x96u!\x12Y\xb0\xe2+\xb3#\x12\xf7\xdal\xf8\x87\xebM\xae\xd7\xe99\x98\xba\x97\xba\x1f\xdcbk\xd8\xd5\xf6\xf8\xd9\xd3\x9b\xee\x9b\x14T=TF\xcaKk\xd0r\xc4\x12\x15c\xd5\x1dU\x16\xfe\xb8\n\xd7\xc0\xccU\xab\xca3@S\xc2\xaeWKS\xd4\xf0S\x92\xd401\xde\xbd\xb4\xb1\xb4\xb4\xd4\rV[Wc\xdb\xf5\xbfT\xf8/\x8cOA7\xe1\xc90p\x01\x0f\xbe,*\x97\xd6v\xb9\xa6\x9a\xc1@}\xf8\xf0\xc92&amp;\x83*\x14\x99\xa2(L\xa6\xdf\x83\xc9\x89\xee\x8d\x83\x8d\x8d\xa5\xee\xbb]mmm\xaf^]{::\xea\x1euc\xbe\xcb+Y\xcf\xfa\xcb\xc09&lt;\x0e\xc4%\x1e\xb6l+\xf0\x7f7\xe8p\xba\xc7X\x98\x0f7\x1e\xfe*\xb3B\xa1H\xdc\xe8\x9e\x1du\x1b\x7f\x7f6\xe5K\xffvpp\xb01\x9eh{\x05\xd6c&lt;\x87\xa3\x1f\xdco\xbc\x1d\x17;1\xb9\x9af\x8d^\xd0\xb0\x8c\x1a|\xb56\x8b\xfe\xdc\xd6Z\xee\xad\x02\x81\xf5\x96d\xd6\xcc\xc0\x8d\'\x0f\x7f}rcy\xc8\x11\x91\xa4\xb8wv\xf8\xcb\xf0\x87\x0f\xa3O\x9f9_\xb7o0\xd6?\x9e\xbfj\xa3\xb0&gt;\x8c\xbeyc\x8c\x9f\xfd\xf9\xe7O?\xfc\xf4\xef;\xc3\xb36\xb7\x97\x0e\xa8\xf4\xa3\x84\xc6/f\xc4\xcc\xb1\xa0\xc8\xa3\xc8Z\xfe&gt;\xb1dU&lt;n\xbb4\xfd\xfe\xfd\xf4\xf0\x97/_\xe0\xf2\xdd\xfb\xd7\xc1\xc1o\xe3\x8d\xcf\xaf=\x7fu\xfd\x1a\xc2\n/\xfc\x87U\xb3{i;\xcd\xe2\xf8l\t\xa94\x85\x1a$$1MB\xa6\xc9\xc4jcL$\x89&amp;\xd1\rF\x93\x89/i\x8c\xc9h\x95h/\x1c\x15\xc6\xb7\x9a,\x123\xa0\xa8(*\x12\x03z\xd1\x04u\x94\x10C.fG\x11\xcb"v\xea\x0b-X\xdb\xb5(\xb4\x880\xb4]/\xdc\xab\xb2\xb7s\xb3\xdf\xf3Kw\xff\x81\xe4\xf0\xc3\x0b\x11\xfc\xf0=\xe79\xcfyy\xf8k++\x9f\xaf\xbf\x17\x7f\xb9\xbc\xdc-\x1b\xd0A.\xf4\x8d\x94\xbal~\xbf\xd9\xbf\x95\x85\xbda\xde\xd9\xe9\x01\xb8::\xa6*{z*[\xdc}\x83\xfd\xd3]eG\xd7\x85\x7f\x11\xacj?}:&gt;O)\x1b\x13\x87\xc9\xd2\x19\xa9&gt;\xdcm \x1f\xf2\x07\xd7\xf8\x96\xcd\x15\x17.\xc5\xb7/Vv\x07\xc4MZ:\x8d\x1c`-\x14\xf9\xfd\xad\xd3\x19\xabU\xf5\xdd\xab\xb3\x0f/\x98\xa3X\xe2\x06W\xa5;gpX\xb6\xfa%rq]\xb6\xd7\xf5f\xd1q\xde\xda:\xae\xe4\x06&amp;|#A5\xb0\xba\x81u\xecp\x1c\xa7\xee\x96\x9c\xeeZ\x91\xe8)Ih\xb5f\x06\x8b\x95\xbfP\x0f\xb9\x8e\xfd\x996\xfdy\x0f7\xdf\xbf?=@\x9a/))/\x07\xd6\xec\x1d\xefZ\xd3\xdc\xe5\xd6\xa9@\xbc\xb77\xfd\xf7\xf6p\xcd\x9d\x94^i\x10\x05fDRC8\x1c\xd6w\x8f\xb7\xb6\xc2\x8d\xa1\xd4`\x9fwM\xdb\xea\xc8\xad`\xf1*\x84Ba\x85\r]6\x83e\x1b\xb2\xbd\xca\x14\xeb\xd7\x0eo\x7f\xff2\xa9%\x91H\xa6,\x95\xee\xdb^\xfeP\xee\x9b\xcdST.b~A\xe8\xbc\xb7\xafW\xa9\x9f\xd4\xa0$\xd5\x18\xc2\xe3\xe3z\xba\x10\x1dk\xc8g\xde\x02oo*\xd5\xcbc\xb39\x80\xaa\xa0\x9d\x15\xeb\x16\xb08\xbc\xd6\xfe\xb3\x8c\xb1$)\xc9(Q1X\xf0\xa1\xfb\xdb\xbe\xc1\xdb\x12\xca\xf7|\xad\x03\x04\xa1\x94\xf7.\xb8\x90\x1a\xa4\xeaI\xa85&gt;\x8e\xb4\x95\xeb%$\xd8xo\xb3\x97\x83l\x9a\x1e+\x11\xd6\x02\x87\x13Z&gt;\xcb4\xe4\x9f\xbd\t\x95w\x1c|\xe5\x9a\xaa\xac\x9cmiq\xbb-\xce\x06\xb7\xe2ns*\xe4p\x00\xeb\xe7\x1a\xbd~L#\x15\x89\xd4z2\xe2r4\x93T!\xb2\x94\x90&lt;X\xc14\x1b,\xd6\xc2\xf3\x85"^E}\xc6X\x0fWB\xb7\xd3XP\xcb\xcd`\xb5LY\x9c\x96\xa9\xc5\x1c%.\x99sGJ\xc9\x1d\xd3\x1b4"\x14\xcc\x9aI}\x1a,\x14\xeaU\xfe\xccLH\xc6\xc7\x99\xd1`\xb3\x92M\xb37\x16+\xffy=\x87\xc5z\x9f1\xd6\xbd\xcd\x14\x17U\xd6AI9\xb8\xdcS(\x94Q\xc3\xcf6\xcc\xbao3X\xa1\xe61\xaeT*\x15\xb5y&lt;\x1e`M\x12\x18\x0e#b\x0c-\x19z\xeb\xee\xee\xb1\xb1n2\xb6\xa2^\x01\xac\xfa\xe7\xf5\x15\x15\xec7\x19\x0fQ\xab\xb6\xc6j\xa6\xa6\xfap\x12\xcb%\xd4\x93\xd5\xb5\x80\x0cVw\x87K\xc3\xbf\x1a\x945\xd0\xc9S[[\xbb\xdf6?99\x8f\xf0\xeaV\x13\x87\x9a\xab\xaeQ\x1b\xbeZ7\x9b\x9d\xafP\xa4\x9d\x98\xeb\xe0\xbcx\x96q\x15\xf8\xca\xad\xacs+\xfa\x0e@%)\xaf[\\\xa4q\x03q-\xd1\xc8\x01\x1d\xb4h$\xe0\xb1\xa3\x04\xac\xdd?\xc1\xdd\x93\xc6J\x1b\xc9\xa8V\xcf\x03\x8a,\'?\x9f\xc5+\xba\xf5|\x81\xdf\x1az\xf14\xf3i\xaeS\x19l\xaf\x1b&lt;(9P($\x8b\x8b\\i\x90zit\xac\xe8\xa0I\xa8\x00\x9a\x0b\x94\x80\xfb\xfb\'\'\'\xd5\xd5\xd5\x93\xe1q\xbdA\xad&amp; \xb54\x88\xac\xa1!\xb1\xe0X6\xf5\xfcE\xb7\xea\x97\xf9\xc7\xda\xccG\xbb7\x7f\xdc\xa8\xa9\xf3\x89\xbc\x14\xf3\x8aE`-\x06\xdb[\xa8\xb5G\xb3:\x12\x00\x93\t\x95)*\xc0\x93\x13\xe2\x82`\xf1x&lt;\xcd%\xa5\xc3)\x02_Z-\xc2\x82\x13\x17\x8a\xcc\xc7\xda\x8d\x07\x99O(\xb7\xdc\xb3\xb1\xea\xafXw\xe0\xc4%\x86\n\xdd=\x0c:\xa1\x024\x99@\xc5`\x19\x8d\xd5\xfax&lt;\x0c.\xa9\x08P\xf4\x11\x17\x8c\x9d\x93\x9f\xc6\xea\x9f\x1e2oVe~U?\xdb\xeeI\xa4\xb1$L\x9b\x0f\xaa\x9f\x96J\xa9\x93\xb6\x93V(K\x93&amp;\x0f\xa8\xe0F\xe3\x89\xb1z&gt;\x0c\xaen\xa8%"\xa3\x9f\x1a&amp;\xd2\x14\x8a|J\xa7\x0b\xfei\xf3r\xe6k\x83\xbc\xbc\x07/\xb7\x03\x9aA\xe6(\xba\xd1IC\xaa\x1e\x06\xcbg\x82V\xc0J&amp;\x93\x01\x86j\x9fQ\x0b\xd1\x05.\x032\x99\xa8\x8d&gt;\r\x99T\xba\xb8\xa8\xc8\xa7\xb9\xcd\xf2\xb4?\xffo\x1f\xb22\xa3\xdc\x18\x99\x1fD\x97QBWui\x0f\xcc\xd7\x13\xa3\xc1\x035\x16\xa0:\xf4\x89\x8c\xfb\xc8\x10\x8fq\x18\x19.\xf8Q\x8fk\xd2(jk\x1b\xa1\xa0W\x13U\xb9\x82\x19\'\x15\xc9\xfc?\xfc~\x969\xd6\xcd\x9b\xf76\xdb\xe7\xfbv\xa9\xe2B\x19\xd8\x19\xc3\xb7\xbe\x1e\x83\x0f}\x8cV\xe0\x12iD\x01\xc2K&gt;&amp;.c\xb5AOq?\xcfp\x89\xda\xa4\x8cV\x10\x8b\xb0\x8a\xfc\xba\xb9\x1f\xfe\xf1,s\xaco\xaa\xf2\xb6~\x9a\xbc\xb1\x8c\x0e\xb6\xc1\xd2\xb9\xfe\xd5\x12\xe4D\x8a+py\xaaE-\xb1\xab\xab\xab?\xfe\xb82y~C\xb6\xc7\xe5\xc8p\x19\xd3\xe1\x05\xb5@\xa5`\x16,\xfds\xd6\xb9\xf2\x8d\x87\xd9\x994\xff\xc2\xcd\xd9].\xe9\xb08\xb7\xb7\xb7\xd7c\xb0$\x9c\x98H@!p\xd9\x8dm\xf6\xf5\xab4\xd6\x04|\x19\x98i\x0frI\xb0\xf0\xbc\x86\xc2K\xc4\xb8pQq\x8b\xc6\x94\xfe9\xddt\xfdFV6R7\xef\xedL\xf5\xb9V\x0f\xfe\x87\x95H\xc4\xe0\xc4D"\x01\xb7\x81\xca\xe31%\xaf\x0e\xaf\xae\x0e\x0f\xaf\x0e\x91\xec\x03\x01fT)\xed\x8e\x9f\x87\xe7\xa5\xe9\xc3\x18L\xfb\x90\xc3\xb1M[\xe5s\xb7\xb2\xb3(\xcb\xab\xfa\xf0\xbb\xc4\xe5Z\xeehp:\xb7\xd7;)\xb6H\xb14\x96\xa9\xd6\x0e\x9c\t_\x82\xc0&amp;\x80\xe5\x11\x19\xba\xe9\x1cJ\xe3\xe7q\xbd\x86\xae\xf1 Q)\xd8l\x9a\x83\xcb\x04\x82\xb9\xa2\xcb\x07Y\xc1\xca{\xbaQ\xfe\xd6\xb5[\xd2\xe0\xec\xdcvR\xd0\xf7P\xd0\'b\x84\xf5\xb86y\xf8X\x13ou\xa8\x93\xff&amp;\xac}\xa3coo\xefS\\\xad\x8e\x9f\x9f\xc7\'\x99t\x9f\xc6b\x15q8\xfe.\x81|n9K\xdb\xce\xbc{;%o/\xde\x8e&gt;\xb18\x9d\xebN\xea`\x11\xfa\xb1\xd8:u\xd2\x8f\'\x92\xf6\xf0\xa7\xbd\xbd\xfb{\xea\xc3\xc3\tP\xc5\xf7\xee\xdf\x07\xd6$\xa5\xaf\xf8\xa4!\x8d\xc5e\xe7\xe4\xf0l6\x9b\xd9\n\xb5\xb2\xb5\x1b\xbe\xf9\xe0u\xc7j\x84\x91\x0b\xc6\xc4\x17\x9d\xc6\xe4\xfa\x042\xeaa\xb26|\x0e\x8b\xd7%L\xb5\xbf\x19\xc3\xadh\x1d?\x9d\x87\xf5h7p\x0b\x11\x17\x17\xe9!\'\x87\xcd\xea\xf7O\xcb\x80\xb5\xba\x93\xadMz\xd5\xab7\xab\x91\x88k\x14)\x82\xc1\xda\xde&amp;\xaeX\x02\xb7\xcf\xc4a\xd2\xdeV=)*\x9dy\xf7n\xa6]\x13FG\x8d\n\x1f\x94`\xa2\x8a\xd0\xa0\xe6\xe2zW\x80\xaa\xa8\xdf\x0f*\xb9\xf5\xcf\xacm\xa3\xbe\xf9\xf5\xc5j$\x1a\xc1a\xfc\xbf^pb\x822*.D\xbb\xc7\xa8\t\xf8J\xdf\xfd\xb3\x91\xabL9\x1cZ-\x1f%\xfc8:Y\xdc\x84\x06`q\xb9\xd0\x8a\xc7\xe3\x0c\xcfY\x05*\x81\xebe\xd66\xb07\x9f\xae\xecF\x8e\xa2\xaeer\xa3\xc5\x02\xac\xceR\x1f\x12=\x93\xe7M4\xfd~\xd7\xde\xf8\xb1\xb1\x11\x08J\xfeP\x93\x8e\x9f\x82P\x14V\\5Q\xb1\xd9,Z\x1b\x98ur\x95X\xf59k;2\xc4\xfc\xd6\xfb\x8b\xa3\xe8\xc5\xea\xe7\xf7\x96\xb4\x1b\x9d=&gt;\xc6LL\xb95aol\x16\xae\xf5*\r\\nJ\xdb\x84VZ\x9bb\xc4\xa2\xa5\x14~\xe4\xf0h\xadh\x86\x0bU*\xd5\xe9wY\\\xa3\xff\xb8s\x1d\x8d\\\xb8VG\x91S\xc9\xd6;}\x89X\x82\xa1\xb2\x9b\xec\x01n\xaevhH\x87.\xa8Y\x07*\xf1@\xd3\x90\x03\xbd\xb6rl\x0c\x8d\x06\xfb\x06\xb0*l\xd3]V\xb9J%\x10\xacd\xf5\xc1\xd4\xc3KW4\x1aA\xaeo\x80^\x94\xbd:\x91OM\xf8|\xf6\xc0\x08W\xa8\xd55\xc1\x86\x84^\xf9\x00\r\xbe\xc5\x03r\x1a`V4\xf3\n\xbc\x05l6\xdb&amp;\xf4\xcb\xe4\x02\x01|(\xb8\xcc*V\xd5\xd6u\xf4(\xd2\x85\\\xff\x84\xfc\xe8d\xb0(q\xd9\x03An\xafL\x8e\x7f\xda$\x1e0\x0f[U*\xb1\xb8\xb0\xb0L\xdcd\xb5\xeat2\xb3P\xc8\xe1\xf1x6\xa1\xb0\x8b&lt;X,\x8e^f\xf7]\xd2\xd9\x17\xa8\x15\x8d\xbc\x1d-!,Ke\x0f\xdd@\x89\xd2\x99 \xb7@\xd8\x05(\xb9\x1cB\xc9\xd6(~ \xd7\x1e\xc0\xe8w\xd6\xae9!\x85\xbb\xd0\xcc\xf0\x16\x17Gv\xb2\xf9\xba\x0c\xb5\xf3\x7f\xa2GGG\xe0Z\xee\x00\x97\x85)\xbaz\x96\xb85^\xe1\x9a\x0c\xe7^ \xef\x92\x0f4\xc9\xd6\xe6\x80\'\x18(\x03X\x19&lt;\xa6R\xc9\xad\xb2a\x9bM(\xd3\tH\xab\xe2\xe2\x8b\x97\x0f\xb2\x8a\xf5\xf4\xcf\xc8\xd1\xa3GG\xe9\xec\x05\xbdp\x07\xcd~{\xd7+\xe4\xcbt\xe0\x90\xcb\xf8k|~(\xa5\xbc\xedM\xa5RZ\xfcF0 \x16\x8b\tMg\x1e\x16"\xb0\xa0\x15\xa8\x8a/\xb6\xb2\x8bu\xef\xf2\xe2\xe8{p\xe1\x12".\x90U\xba\x07\xa7\xe7dV\xb9U\xde\xa4[\xcb\xf9\xf8\xb1\xf1c\xcdX\xe3L\xb0f\xacFY\xd0k\xa6| .\x84\'\xad\xb4\x84\x01U\x19\x89U\xecz\x9d\xd5\xa7xyU;\x0cV4\xc2p=\xe9x\xe2\xec\x18tY\xbbp\x9d\xe8d\xb9}\x1d\xb3KuuKu\x8d\xc1 R\x15\xbd\xeb\xca\xb9\xcb\xab0\xcb\xc5PK\xde%\xc3_\x11\x92\xb8\xb8\xb0\xf8\xfaUV\x1fz\xe6\xe5\xbd\xbe\x86\x13\x1f1a\xbfK;\xa0\x86Q\x97\xd5\xda%\xb0\x9a\x87%\x95\x16\xcb\xec\xec\xd2\xd2\xec\xec\xec\x9d\x1a.=\x95\xb8q\x83]\xc0+\xe0\x99\x05b\xd5\x00a\x81\xaa\xb0\xb0\xf8\xaf\xc0\xfa\xf2\xaf,c\x9d}9zt\xf4(\x8a/\xf2_Z\xce.\xa6\xa94\x8d\xe3\x9e\xd6\x03{\xd4s@\xda-\x1f\x81\xa6\x85\xc2B-g\t\xa6\t$\x95\x926\x98&amp;\xa5Pj\xaa\xf4Fn\xecYQ\xaa-\x84\xad\x13mY.\xc4\x8c\xf4bH\xf4\x82&amp;b\xb8\xf2\xc2,\x9bB\x84M\xc0\x8d1\x04/\x08Ec\xc8\x80|\x8d\x99\xd9\x185\x19\x07G\xb3\x17\x93\xcc\xee\xffy\x8b\xd9M6\xbb3\xbb\xd3\xbe\xa5\x87\x0fI\xfa\xf3\xff|\xbe=\xcf\x8b7\x1dj\x88D\xee(NEQn\xa8Z:`\xd2V\xcf\xc8m\x80\x15\xb4\xd1\xc0\x99*T\x1e\xfau_\xdf\x19\xf41\xa7`E&amp;\x96h\xa6%?\x1d\xcf2\xd6\xf8\xfb$\xd4\x02Z2\x99D\xbaoh\xa0\xa6\xc2\x9b\x0e{\xce\x8d\xf8F"\x11we\xc1\x91#\xee\x82\xf2\xb6\xf2\xf2r\xbf?\x1a-\xb5Y\xfb\xadV\'\xe2\x01\xceW/\x9bE\xd1\x0c\xb2E\xa4\xad\xecb\xc5&amp;^\xb8\xec\x01"\xa3t??4\x94\x1esz\x95\x1b!\xdf-\x1a\xbeQ\x95\xd7\xd6\xf6\xf5\x15\x1c\xe9\x9b\xc4*\x86\xc37Z/7\x9d2\x1a\x15S\x86\n\\D\xe6]\xce\xf2\x0c\xb1\xc6\xb25f\xb7\x07\\x K(w\xe7\xe7\xefz\x15`E\xa3\x85\xd1\xb0\xbf\x8f\xde*\xbdz\xd5\xef/.\x9ed\xab\xb8\xb8\xb1\xdfj4\x8e\x1aMN\'\xf3,@\x01\xeb}\xb6G\x9b5\x8e%o\xc0\xe5r\x01-I\xe1\x98\xbeK\xb7aG\xd37\xac\xd6\xe8\xd0\x91\x97/_\xfem\x7f\xe1K\xe4\x8a\xf2p\xb44\x1a\xb5\xd9Fa\xc4\x92\x8a&amp;\x06%\x89\x8b\xa9l\x0f\xf4\xc3\xe7\xdf\xb3\x14\x11\xa0gR\xc9\xdc\x1a\xf6\xcec\x85\x87n\xdf~\xf6luu\x95=\xe9\xabgnU8|\x89\x8ek\xd8\xd06\xd4\xd77\xc1\x86\x1c\'J\xaf\xd75Y\xc7\x8amy\x17]\x8bP\xcc\x0e\xd1\x92\n\xc0\x941\xef\x9d\xc7t\x83\xa3\xb5\xf5+\xb6\x9e\xd1\x93\xe0\nT\xa1\xf0a:DB\xb5\x90j\xb4(p\x82`\x7f\x1f\xcb\xfax\xba\xc62\xfd\x1d\xd4"3\xe2\x19P\xc6\xc6\x941gz\xe8qC\xcf\xca\xca\n:C"Z}v\x1cT]]]H\xa7\x87\xe9d\x8bm\x94JtS\x85Y\xe0!\xd6b*\x07C\xf3\x9ao\xde\x07H(\x9d\x8e\xb0\xc6\x90\'J\xc6\xe6\xf5\x10+\xb2\xb2\xd2AX\x90\xa9k\x95\xb0\x8e\xb6\x95\xd7\xfa\xe9\x8eJ\xa9\x8dUC2!/\xea\xe4\xd7\xeb\x07\xb2\xbf`\xc5\x002\xc4&gt;\x16Q\xa1n\xeb\x1b\x9a\x1f7\xb0\xda\xfd\x15\x13\n\x06\\=\xda\x06\xa8\x13\xa5t\xd7\x95v`\xc0\x02\x15\'\xea\\?T\xe5\x02\xcb2\xfd\x82L\x88\xa5c\t\x0c\xf9~`\x88\xde%l\xf0E&lt;\xa8&gt;\xee\xcf\xba(\n\x8f\xfe\xe17\'\x08\xa9\xd0VXL\xbb\x8a\xa6\nYP\xf3\x82\xa4{\xb1\x9c\x03\xaa\x03\xf9\xa8?.\x9d\xa4\xb3\xeb\xb0\xec:\xd9\xe5\n8\x07Bzz\xc3^OC\xb1mg`\xb5B\xbaa^L\xf7\xfc\xe9\x8e\x9d\x91\xe5,\xd9\xcc\xf1\xbch\xb7\xbf~\x9e\x1b\xac\x9a\x1f\x18\x16\xd4\xc2EGX\xc6hus\xb3~H\x15\xf2G\'\xd9`\r\xb6=N\x1a\x90`\\\xb4\xd7a\xe9\x9dCv\xb0\xbb\xbe\x1e\xcf\x05\x16\xf6e[\x01\x1d\x93\xca\xce\xd8\x90\xc0\x9c\xa3\xe1j\x88\xa5/\x9fTXS\xfa\xf0\xe1C6Wc-\xbe\n\xb5\xac\xcc\xaf\x90\xdc\x05\x8e\x93\xe0Z\xc1\xdc`YRc.R\n\x17&lt;\xa1\x1b\xf4\x8a\xd2\x81(\xfd\xaf\xa2\x8ai\x7f\xd8\x87\xa8N5\x92o5:3T\x02\xd4\x12$iq\xd6\x92#\xacY\xaf\x8b\xdc\xcaNH\xc4\'\xcb%6\xbf\x8a\xb0\xfc\x85\x8d\xd6\xfeS%0":\x06\xab\x95\xb9\x96\x15m \xb0\xc0\x04\x1b\x8a\xe2w\xcfst\x02\xc9\xb1tw\xd1.I0#\xbb\xd8u\x92X\xaf\xd8\x0e\xe7UW\xabj\xcf G\xa1\x91\xc1\x0e\xc3\xcaNR\xc2\xdf\xad\xf5\xb2\x0c_\x14\x04r-\xd1\xbc\x95\x1b\x1b\xd2f\xf1\x8e7\xa9C\xa8KPL\xc2E\x14d\xf4\xea\xa5~:bpfr\x12\xfd\x8cQ\xb1Z\x15:\xdf\x89(4\xd5\x9b%\x9d(I\xc0B~H.\xe5\xea\xdc\x9df\xb9g&gt;\x1d\x90H*0\t\x02\x1cF\xe7*\xb1\x16\xf7\xd5^CZ\x8f\x12\x16$\x83\r\xc1f\xa5\xdc \xa1k\x10QwH\xae\x17\xcb\xb9:\xde\xe6X_y&lt;\xe4\r\x10\x13\xc8\x04\x81\x17\x10\xf6\x15&amp;\xe2\xf2\xd7\x96B-\x98\xd1\x88\xf4P\xc2V\x93Y\x92\xa8\x9f!\x1b\xa2P{s\x85\xa5q,\xb7\xf6\xa0W\x86\xb3K\x82\x80\x0b\xcf\x0b:\xd9\xdct\xd9\x8a\x1cJZ)V\x13\xed^\xd9\x9e\x10\xbd\x8c$\x88\xf8=t\x0e&lt;\xcf\t\xe64\xb0rr6]\xe3\x98n\x8d4\x84\xd3I\x17Y\x90\x9cY\xcd\xb1\x9e\xf325\xa2\xd8v\xa1,\xd3N\xba"\xd3`A\'@\xf1\xbcN\x87\x82h\xae\x18\x9d\x1d\xef\xac\xa9\xa9\x89Uew\xa3\xa8\xc9w\xc4f[=\x91\xc7a/*#\xfc\ndpe\x8eWsflSM\xac\xdf\x03\x12t\x92]"U\x1cJ\xee\xbc\x9a\x97H-s\xfd\xe8\x97\xf7RX\xb3\xd3\xd9:\x04N\xff\xbb|\x87%\xf6\xcd\xd2\xa3H\xc4\xd3\x10\xf6\x06\xc8\xb7$D$\xa7\xe6\xd4j5\'@\x0cz\xe7\x83m\xef\xa9o7\xf3\xa88&lt;\x94\xc2\xe285\xae\xb2s\xa0}p\xe5\xd1\xa3\x89\x89\xad\xf5,\r\xc4\x06c\xb1\x9a\xb9\xe7\xcb\xb3\x13O{z&lt;\x9e\x9eP\x9a\xe5z\x81\x16\xa0Xs\x80\x90\xc4\xb6Y\xd6\x11\x13 \x11\x0c\xf0(\xe0\x10\x91\xbaN\xad\x16+\x94\x81\xf6\xd3\x83+\x04\xb6\x1e\xb4dcNj\xe6\xc9\xf2\xf4lj\xe2\xe9\xd3\xbf\xb0\xce*R\x19J/\xc2\xb9\xe0\xc6\x82\x84F\x8a\xa7\xc2\x020\xc4\x1d\x05\x1e\xea\xb2\xa8\x13(\xf4x\xb5\xc0\xd7\xf1&lt;\xa0`\xc3\x92\xd1K\xedt\n\x15`\xd3\xc1\xaa_\xcc\xa5q\xc0\xa3&amp;\x9e~=?\x7f\xe7\x8b/\x86\x1a"\xd8&gt;\xf7\xf8(Ipj\xd0\x88\x12\xb2*\x03d\x99_Dh\xc2\xa5\xc0Gm\x1fp9\xa2B\xb8J\xb22p\xac\xac\xbd\x9dN\xc7~9\xdbY\x05\xae\xfc_$\x95\xc3b\xc1\xd6bL\xb9\x11\x0e\x85\x08\x8b&amp;\x88{|!o\x80r\xa9(H\xae\x0c\x03ZbR\x0c\xd2\x89\xb0\x9fH\xdd(&gt;\xb1\x7f\xc1\x8f\xe4\n\xd3\xe8\xe1Ce\xed\x0468\x98\xaa\xa9\x82^\x0e\x9a\x0c\xfb?o\x8du\x06-\xe0\xda2)\x97\xf4\xfaP(4\xe4\xa3\xb7(=\x11_eXqI\x02lEI@\'q\xa4\x08\xd0$\xf8\x12G-\x9f\xc0l+""\xd8\x17r\x89q\xe0\x18\x8d\xe0\x95\x95\xc1\xc1R5\xc1`\x15Vpj\xbb\xca\xf1\xbf\x8a\x86|\xb0\xbd\xf6q\x0eT\x8e\xa5\xb0\xaaYO\x87\x81\xf54}\xdaJ\x13\x9e\xfa4\xb8tx]\x84!b\x92P`UQP\xd7\xf1,%\xb0H\xc0\x95\xa3\x1co\xaeG\xbb\x98\xc1:T\xd6|z\xa93\xc8\xd6\xd4\x9b7\x1fw\x82\x8e\xfc\xfc\x9f\x9db\xf3\xe9\x0f\x89\xac\xed\xbe\x9a\xb2\x90ZS\x8fn57W\x97\xe9\xab\xf5\x08DO\x8b\'\xe2\x89\xe8\xc3\xc8^0Z\x1d\x0f\xd3\xe1\xa5\t\x83\xec\x96\xc1\x12\xd9\xf7\x1c\xab\xd00v\xbd\xc9Xx\xf8\x18\x1d~\x00V\xd9\xe0z,\x16\x03U\xd5\xcef|\xef\xdbWk\xdbUH\x89\xf9?\x0b*_\xe3\xd8\xfe\xb8\xb9;g\xb1X\x8a\x1cE\xb1T\xb3\xcfG\xe7\x93\xf54\x06\x0e\xb9ZZF\xf4\xaa\x93N\x17\xe4\xe2\xa8[E\xd2d\\\xfbj\xa99\xbe\xae\x8et$\x0f\x93dhUL\xf3\x8a\xec\x88[Y\xde\xc4T\'\x16\xd0v6\xb5\x86\x85\x85\x8d7\xafv\x82x\xc1\x9f\x8c\x01\xfa\xd34\xdb\x1f\xff\xfa.\xb1\x1b\xb3\x14\xe1a)Z\xf6\xb8}l\xc6&amp;\xc2\xa8"7\xc1U\xa9\x8a*\x8bvQ$\xc7W\xd7\x01\xa3\xae\x8ec\xaa\x91l\xc0\xc2O`ZA\x94\xeb\xfb\x8d\xb6\xc2R`\x1ddT\xcd\xd3\xe3(A5\x9d\xb1\xce\xb5w\xda\x05\x83\x16h\xdf\xbe]\xdbv\xfcT\xb5\xd48\x82;\xa9\xe3\xdf\x0f\'\x12o\xc6AEXs\xf7\xdc\xdd\xdd&gt;HFT\xad\xb0c\xcb\xcd\x9b#\x95\xe1\xb4R\x0f\xa9\xd0\xb8\xa8\x19\x15\x84B:@\xb7@\x9f)[\xa1,Ir\x89\xa9\xd1VX\x98Q+#V\r[\x9d\xe3\xaf\xf6\xb4X\x06\xc3u\xc3\xc2\xc6[\xf2\xb2\xff"X\xbe\xa3smw\xf5\xef\x0f\xae\x00ks\xa7\x88\xach\xb1\xccL\x8f\xb0\xf9(\x1f\xa0Z\xf0\xd1\xe2\xb99\xe2+P]\xbaa\xa22D]\x1e\xcf\xb0H%\xb8\x14.\xa4\x15\xf53RE?\x1a\xe8\xe2\xc2\x13\xc7\x0e\xd2_F(\xcb;\x9d\x11\x0bk\xeaM"\x9eH\x80\xeb\xfau\xb2%y\xd9\x7f\xcc\xb2\x04\xf5\xe1\xc1\xfd\xe1x\xa2\xf7J\xe2\xc3\x8fE\xb4\xa0\xd8\xdc\xc4\xd9\x8b\xc4\x05\xa6s\xad\xe7[\xa0\xd6H\xb7\xcf}\xa4vR)qe\xde\xf5P\x83\x0b&amp;S3\xdb\xa9\x99~H_\xa8\xe1\xfd4\xd5\\z2\x83\xf5\xdb\xb2{S\xfbX\xe3;\x9b\x89D"\xae\x8d\x93\x83\xd1\xda [V\xfd\x9b`\xf9\xfbP\xdf\x0f\xc7\xb5\xda\xbdDo\xef\xf0\x95\xdd\x18\x83\xb2\x14\xcdL\xb7|~\x11\xab\xa5\xb5\xe3\\\x07\xc9\x05\xacn\x9f\xaf\xb2\xcd?\xe9\x0c\xc8\x14\x8b\xcc\x9bxN]\x97\tI\x9e\xb9\x9a\x19\xbb\xa0\xfeF6\n\x0b\xaa\x83y\x87\xf2\x06\xa7\xc7\xc7k\xe8\x83\xb0.\\ \xbd\x12q\x83\xc1\xb0@\x82\x01\xec\xe3\xb6\xe3\xc0\xbf\x86%b\x14yj\xf7]"\xbe\x87\xdf\xd2j\x13\xbd\xf7\xaf\xf4nN}\x92\xeb\xf7\xa9\x8b\x9f_\x84J\xe7\t\xeb&lt;\xf9V\xb7\xdb\xdd\xed\xfe\xec\xd65[I\x00\x96\xe4\xf6\xad\x88Hd\x19\x15\xe2\xa9)\xbbg6\xb2\xa5\'3Xye\xa99\x12k&lt;\xa3\x16\xfc$1&lt;\x0c6\xad\x01\x0f`m,,\xbc]\xab\xfag\xba\xa0\xf8\xec\\{\xbb\xb1\x07\x0f4\xeci\xf7\xe2\xf1\x0b\xbd\x0f\xee\xf7~\xf8q\xa6(\xb3f\x9et\x9c=\x0e\x1c\xba}\xc1\xb8Z.\xba\xcf\xe2\xf1Y\xd7\xb5Qg2 \xb1\xce\x8a:\x1c\xe6h\xac\x9d\x81V\x97O\xd1\xd1\x87\x0c\xd6\xa1\xbc\x83\x07\x7f\xf7\xa7\'P*C5\xb7\xb3\t\xff\x1d\xbep\xe1\x8f\xf1D&lt;\x0e\x03\x19\x80\xa5\xfd\xb3a\xe3\xd5\xf6\xa7\xd4\x8f4\xc5\xa0\xf6 fF\xab\xe1+\xbd\x0f\x1e\xdc\xbf\xbf;\xf3I\xae\x9a\xd9\x9b\x84Eju\x9c;\x0f\xb5H.\xf7\xad\xae[m}F%\x89\r\xa3\x0c\x10\x81C\xe1\x162\xbbB2\xe0\xe5~S\x7f\xe3?\x9a6\xff\x906\xf3;\x8e\xe7\x8fq\x7fl\x0cj\x97\xeens\x10\x8fm\xe9\x18\x0e\xb1\x06\x1d\x1e\x16b\xc3\x05\xc3vr,\xacR\x1f\x9d1\xe7U\x1fe\x07\xbd\x10\xa2\xb9\x84\x8b(\x8b\xabIG&lt;\x92\x08\xe1\x8e\x91\xc6\x91J\xa4\\H}x\xce\x7f\x06MMz\xdcF#Jk\xfcq\xdcr\xd1\xb3Q\xcf\xd6\x13u\xda\xed\xfd\xf9~\x1f\xadoH\xc8?\x92\x97\xef\xcf\x8f\xef7\xc9\xe7\xc3\xb1ho\xb2\xe1\xa7\x0f\xc6\xc7O\xeapz*\xef\x80DYN\xe0A\x89\xffdx\xd8\xad\x96\x86Q\x95\xcb|\xb8\xa7\xb1k~c{f\x87\x90\xc9,7QMN\xa6&amp;S_k\xcf+~%\x0b\xff\xe8\xad\xe9\xbd\xdcMTo\xbdCX\xbd-\xa0z\xbb\xac\xec\x83\xbe\xbe\xbf\xbf{\xe5\xcakt\xdd\xc2\xd5\xf0\x87\xec\x0b\xf8\xdf\xd2\xe6\x11\xfd\xc2\xc8\xbe\x8c`X\xaf\\m\xf8\xf8$\xdf\x9b\xb5\xd3\xe3Sy\xbc\x0b\xb0@%I\xd20\x93\xac\xa6\x17O\x9e\xf2F\xb5\xbc\xb6\xedp\xec\x00k\xc7\x8d^\xe2v\x8f:z\x08+\x95\xfar*\x99\xe4\\\xc9\xe4\xe3\xb7\xda[.\xd3L\x12\xc4\xedj\xa1\x9fRh\xf1\xf5\xc3\xab}\xe7.\xd1O`\xbf\xe6Hd\xd4{,\x82\xd7h\xfb\xe1\'\x94\xf2\x17.8\xff\xf8\xf8\x84\nfi\t\xcb\xe1\x11\x13\xe2\xa8\x9ac!\xf1\xe1\x16\x03d\xf7\x84\xf9\r\x8f\xc7\xb1\x9b\x9fA\xdeQ\xf6\xb9GE`\xf5Lz\xbd\xdeG\xb3\'X\xe7\x93\xf6{-\xfd-\xdd\xef\x80\xab\xbb\x1bX\xbd\xc0j\xef\xd7\x94\x95\x95i&gt;*\xab\xa2\xfd,\xfa&amp;\x1e\xd7\xe6\xdf\xbcG6\xd1\x88\xff\x8dkDu\xb2"\xe2\xfc\xc1\xbdi\xedK\xb3\x9aY\x10=\x9eQ\xca+5P\xd4\xa2\xfa\xc9K\xac\x1f\xc1*\xcfN~\xf5\xf1\xfc\x16e\x15\xe4N\x00k\xb2gR\xa7K\xed\xce\xba\x92\nX\x12a|\x9b\xb8\xc8\xab\xcb\xdd\x7f\xed\xa55IZF,\xab*\xfbHS\xf7\xe1\xc5\xbe;\xaf\xd22\x14\xfbq\xf8\xc6\x1f\xbe\xfa\xea!\xc7jR\xb0\x1a\xce}&lt;7\xce\x9cj\x06\xd5\xb4\x96\xb0\x005J\x99\x83\xcc\xaaP\x8b\x1e\xf5\xd6\xc6\xd6\xd6\xcc\xf0\xb0$\xa9*W6\xb6\xb7W_LuU\xae\x10\x16\xf9\xa5\x96=\x08\xe1dJ\xa7\xd3\xed\xbe\xb0\xbbN\xb1P\x8dU\x9a\x91nfWM\r\xbaXK;\x9b=\xa2\xc9\x82\xaa\xba\xba\x8b\x17\xfb\x06\xef8\x9b\xae!r7\x1e2];\x83u\xf5\xdc\x17\xb3\'T\xae\xb9\x07\xd3\xcd\xcd+\xdb\xa8D\x82\x1a\xa62s{&lt;r\xc5\xd3\xa9\xa9\x95\xf9\xef\xd6\xd6\xd6T\xdf\xe5\xf3k+Hl\xfb\xfa\x12*\x81Q%\x90\x8a\xa8\xc3\x94\xaeS\xf7\xfc\x85\xdd\x9e\x0e#\xca\x89\x00\x00\x05\xb6IDAT&lt;O\\\xf4l\xff\xf4\xf7\x9arp\x11\x18\xe3jo\x07Y?\x9b\x94\xa4Q\x8c\xa1\xa1\xa1[\x83\x83\xce\xa6&amp;\xf0&lt;$\xb3.Q\x10\x9d4\xff\xdd\xe0\xfc\xf3\x83q\x05\xca\xa5\xdd?\x1cov\xcdo\x8b\x88_\x05\x97\x94px\xd4\x15O\x9b\x1b+\x7f\x8e;O\xb3jcm\xca\x95\xb4\x1f\x1f\xeeeK\xdb\x88/z\x08\x95a\x0f\xf3\nQ\xbcg\'\xbbX9\xc2\xae\xc2\xd2\xaf\xaa4\xe8_\xddm\xdd4\xe2\xd9K\x13\xb1\xfd\xe5\x1a\xdfP\x9d\x8f\x06\x13}CC\xb5\xb7jko;i\xe5\x80yu\xad\xa9\xc9\xc9\xb0\x9a~\x91\xd9[\xc7\xb5\xc1E7\x9a\xcf\x9f-i]\xae\xf9\x1d\x99\x1f\xd5D%\x07\x1d\tI\xdaZ\xd1\xba\x92t\x0e\xab\xa6\\\xda\xb9\xfd\x83bF\xf0gv\x87\xa9\x08\x19\x15\xc7\xea\xd4\xa5V\xed\n\x17\xa9\xb0Y\xbc\xffj\x1d\xe2\xa8P\xd9FF\xfaA\xa5\xa9\xf6\xf9|\xd5\'`@S\x1ck"9\x81\x05\xaa\xd7\x04\xbd\x1e\\.\xd2\xdcA\xf1P\xeb\xea\x9a\x9f\x01\x96\xc4\xa8\xdc\xa2#\xecH\xa0\xa1\xfew\xf3\xf0p\x7f\xfd\xf8XUX\xdf\xdc\xcb\n\x90?\xf3\xef\nP\x89\xbce\xa58\x96\xeek;\x89A%\x8f\x0f\xd2z\xff\xd8\xeb\xd7\xdbk\xda\xda&amp;\xdaj\xd8bi;M\xff\x11\x96\xc1G\\\x86!\xc6uk\xf0\xb6\x93#\xd1\xb4MC\xc3\xa5\xfb\x82\xdej\xb5\x82\xab\xab\xcb5\xbeT*\xee\xe3z:?C^\x81K\x8d#\x05\'0\xb0\xd4\x9f\xa5#\x91\xc8\xd1\xd1\x9ej/\x1b\r\x04\x00%\xf8\xfd\x9f\xed$\xd0DX\x7f\x07T\xaaS\xd7\xd9\xa9\xfb\x12P\xb3\xfb\x05\xc4\xd0\xb5\xbe\x17\x8b\xc5,\xfe\xb1+\xd7\x07\x8cm\x13\x13mm6\x1b\r\x10#\x8e\xd5\x06\xa2\xf2\x19\x0cxA\xaf\x98c\xb7\x07!\'\x1eW\x07/\xe5\xfcV\x92\xfeh\x7f\xbc\xcb\xb5_,\x15\xd7qg\x06\x96$\xd1\xad&amp;!z\xc2=a\x11\x97\x89\xd1\x9fEH\x0b\x0b*\xc1\x1f\x00\x96\x1f\xb2.\x8e&amp;pDy\x1c\xac\n\xbd\x80\x82[\x845w\xb0Y\xa8\xb4\x1f\x1e\xc5H\x16k\xe8~\xed\x80\x8d\xb8\x8cl\xb5td\xa0\xbc\xbe\xda@H\x06r\xac\xbe\x9a\xd8|C\xb5\xb5\x83\xb5\xecq\xbd\xf6\xf5\x9c\x95\xbc\xd2[,\xe9\xa3\xc3\xc2\xfa\xb3l\xb6\xb8\x8e\x0f&gt;\xf3O$\xba\x02V\xc8\xe8\xaa0\x0b\xa5&amp;\x8a\x86l$\x0b\xbb\x80\x05\xa3\x04\x86\xe5\xcf&lt;\x17\xc3\xe8p\xd4\x1ct:/\xa3\xd2=*\xd8\xed\x85g\x99\x83\xe3\xcd\x88^oa\\z\x7f\xae\xa1\xd5f\xec\xe8\xa0%\xbb\x0e\xa3m\xa0\xb5\xde\xa0`\x19\x0c\xf5L\x94nl\xc0Z\xa1"(\xfcu:\x9d&gt;:xVT\xb0V\xa8\xf2\x91V\x1e\x07\xbc\xf2\xc8\x92\xec\x08\x07G\x8b\xcc\xae(\xb0\x84\x00\x8b\xa2?\x94#,\xcav\x9e\xefL\x8f\xe6\x80u0\x96\xcbFb1=d\xb1X`X\xee\xa6\x86\x96\xffhU\xf2\x8d\x0e\x93\xb9\xd5\xf0R\xf5\xb4\x0b80\x80|c\xe3\xfb\xb5\xe7\x16\x05x\xa5@-\xa4#Y\x12\xc7\xda\x02\x16%;\x12\xcb!Kj\xe0\x89\xeeo\x15,\xe6\x95\xc0r~\xf1\xf9\xe9\xa1\xa3\xebT\xb0vg\x11\xc5\x83\xb1\xb11!JFq0\x8bUX|\xc5l\xea0\xd9L\xb6\x0e\xa3\xc9ln\xa5\x99a\xc5)@\x99m6pUW\xf9\xaa\xaf\xdfD\x00\xd9\x1f\x81ia!\xc2\xa9"\n\x96\x84\x9b\n\xab\xfbpBR\x8ba\x14\xa34\x02\xbb\xa2\xd1\xa8*$\xf8C\x02\x0f\xe3\xa2R\x86^\xaaA\x85l\xf7s`m\x86\xc0\x95\x0b\x80\xeb\x04\x0c\x81|\xb3\xd5\x04\x99\x15\xb1\xf5\xd2VZ\x9b4\xdb\x8cF\x94C\xbb\x06\xed\xe2\x02YE\x063\xa8\x85\x85l)\x1e\x8fg\xb3q\x8e\x95\x97\xf1~\x8e0pDIJ\x04\xc3aQ\x1e\xde.\x9e\x06Q\xa0 B\xffR.4^&amp;\xaa\xc3\xceNj\xf3\x1c\x0b\\\xe947\x8c\xd0`X\x19l1\x0f\x98\xcd\x0c\xee.m\xbd\xb6\xb6\xde5\x1b\'&amp;\x08\x0bv\xd5\xbd\x9f\xa1\xe8\x9dB\x91U\xc4\x15\x8f\x17\xf7\x81\xb5\x9c\xc7\xd9\x1b\x0e\x07\x83bB\x96e\xa2\x02\xd6\xcc\xef\xb2d\x97J\x08\x858W(t\xc7MT^E&lt;\xbb8\x96@X!!\xaa\x04\x92\x95\x95\xde\x9fy\xbf\x9cF\x98\xcd6\x13\xb9\x05\xa7\xee\x92P\x0b\xf0\xcbf\xd6\xbcY\n\xb0\x88\xc7\x14\xa8x\xa9\x94\x8ds\x95\x0e\xbb*+\x977D\xb0\x84\x83\t\xb4%\xb4\x880\xba\x80\\1\xf3\xcfoKq\n\xa2?D\xef\x87\x1e\x11\xbas\xc6*\x8a!\xf9\xf5|\xed\xd4\xad1\xe2\x8fF\x00\xc6+K\x0f\xc3.\xd0"\r\x8b%_\x12\x86LF\xa3\xc9\xd8a\xfe\xe57\x0c\n\xa5\xcb\xb3\nP\x1c)\x10\x8fg\xe2\x9b\xda\xc6\xc6\xe5\xbcG\xe4fQW\n{\x12r\x02\x1f6v\xda?)E\xf5\xaa\x10\xe4\x07V\xd4\x9a\xfb_\x0f?\x08u^t\x07/\xd2\x0bd\x93\xab\xe3\xf6\xc2\xe6\x18\xc7\x82\x84x\x942\xec\x04,w\xb3\nX\xb4\xb7\x82z\xbcKA\x04\x16\xeas\xe4\x9b8s\x8aE\x10\xb1\x8fgH\x04\x05E3\x99\x03;\xb0p\xcb#\xac`B\xc4SP\x94\xd52&gt;B\xb8\xb7?(\xc5\t\x0b\xef\x17@\xf2\xfb\t\x8bz\x15x\x94\xdc\x02\\\xcf\xea2\xdc\xca)PP.\x04\xcbX\x1c\xad\xd4$\xfd\xb9\xbf|\xaf\xdcD;\xd5\x88\'\xc5\x11\x90o\xb4\xfd\'\x1bE\x1f\xb1p\xb7b\xd1\x00\x90\x04\xc2\xc2\xbfO\x8ag\xf6\n\x8d\x8d]O\x91\xefA\xe2bJ\xc8\x12\xa2\xe9\x18\xcd\xff\xa9\x14\xb1\xa8\xfc!\x9e5z\xeb}~\x0ev\x12S\x8a\xa7\x96\xf7\x0c\x16\x03\xc3\xf3\x8f\xc7r\xb9\\\x86\xb8\xf8\x89\xe2\x172\x9f|\xbf\x1cQ\xe4a4\x9bl\x7f+E-\xbcf\xf5\xb1\xb4\x851\xc5\xb3\x81\xb3\xca\x14\x8f+\x1b\xbb\xd6z\x1c\xc1\xb3X\xb2\x88d\xdbY[*Fc\xff\x07\xea\x12\x03\xa8\xc2u\xa23\x00\x00\x00\x00IEND\xaeB`\x82'</t>
        </is>
      </c>
      <c r="M38" s="3" t="n">
        <v>45492.67734953704</v>
      </c>
    </row>
    <row r="39">
      <c r="A39" t="n">
        <v>90468</v>
      </c>
      <c r="B39" t="n">
        <v>1962</v>
      </c>
      <c r="C39" t="inlineStr">
        <is>
          <t>Osvaldo</t>
        </is>
      </c>
      <c r="D39" t="inlineStr">
        <is>
          <t>Osvaldo</t>
        </is>
      </c>
      <c r="E39" t="inlineStr">
        <is>
          <t>PD</t>
        </is>
      </c>
      <c r="F39" t="inlineStr">
        <is>
          <t>ATA</t>
        </is>
      </c>
      <c r="G39" t="inlineStr">
        <is>
          <t>PD/PE</t>
        </is>
      </c>
      <c r="H39" t="n">
        <v>170</v>
      </c>
      <c r="I39" t="n">
        <v>11</v>
      </c>
      <c r="J39" s="2" t="n">
        <v>31877</v>
      </c>
      <c r="K39" t="inlineStr">
        <is>
          <t>Right</t>
        </is>
      </c>
      <c r="L3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8b9a649-a7c5-4285-baeb-cc3290e254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k~\x00\x00\x00\x03\x00PLTE\xff\xff\xff!  %$&amp;\xff\xff\xfe\'\'(-,.$#$(()))+++,&amp;&amp;\'#""\x1f\x1e\x1e\xed\xba\xa0\x1a\x19\x18\xfb\xc5\xa4\xe4\xb1\x97\x18\x18\x14\xfe\xd6\xb7\x1d\x1c\x19\xfe\xd2\xb2\xfd\xca\xaa\xfc\xc7\xa7\xe5\xb3\x9a\xe9\xb2\x96\xd1\x9f\x86\x1d\x1b\x1d\xfe\xd0\xb010/\xd2\x9c\x81\xd2\x98}\xcf\x96z\xf6\xb9\x96\xe0\xae\x95\xfb\xc2\xa1\xe6\xb5\x9c\xfe\xd9\xbc\xe0\xa3\x85\xda\xa8\x92\xe1\xb0\x98\xcc\x9c\x83\xfe\xce\xae\xe0\xac\x91\xfd\xfd\xfd\xe9\xb7\x9e\xf2\xb2\x8e\xfe\xd4\xb4\xd6\xa3\x8b\xe6\xa8\x8b\xf5\xbf\xa3\xe4\xaf\x94\xf5\xb6\x92\xfa\xbf\x9d432\xdd\xab\x94\xfd\xcc\xad\xd2\xa1\x8a\xef\xae\x8a\xf2\xbe\xa2\xde\xa9\x8f\xea\xb4\x9a\xd6\xa6\x8f\xf0\xbc\xa1\xcb\x99~\xf7HC\xe2\xa6\x89\xe8\xaf\x92\xc9\x91t\xda\xa4\x89\xf9\xbc\x99\xef\xb8\x9c\xed\xaa\x86\xdb\x9c~\xf1\xba\x9d\xe0\xa0\x81\xc5\x8eq\xdb\xa2\x85\xed\xb6\x9b\xf5\xc3\xa7\xc7\x95z\xd0\x92u\x14\x13\x11\xd7\x9e\x85\xdc\x9f\x81\xd5\x96y\xec\xaf\x91\xfb\xc8\xa91-)\xf8\xc1\xa2\xea\xac\x8c\xee\xb4\x97%"\x1e,)&amp;\xda\x9a{\xcc\x94x\xe2\xa9\x8d\xfbMF\xf6\xbc\x9c\xd7\x9c\x7f\xe7\xac\x8e\xe9\xb9\xa2\xee\xbd\xa4\xe4\xac\x90\xd6\xa2\x87\xc1\x8bm#\x1c\x18875\xc1\x92y(&amp;%\xf2\xbc\x9f\xbb\x87j\xdb\xa7\x8d\xdd\xa7\x8a&gt;&lt;:\xfb\xf9\xf8\xe9\xbb\xaa\xe4\xa4\x85=.%\xd7\x99{\xe1\xb3\xa1\xe5\xa2\x7f\xb6\x82e\xae|`\xe9\xa5\x82*"\x1d\xe793\xfe\xdc\xc1RD6,\'!\xcc\x8eo\xf2\xb6\x95\xf1\xc0\xa74)!\xa5w]\xe8\xa7\x87\xde\xaf\x9b\xb3\x88p\xd6\xa1\x83\xbd\x8fu\xdf\x9d|\xa7}d\xee\xb2\x93EDB\xdf\xa2\x8a]J;\xbd\x81bL=0\xf6\xc6\xac\xa0pU\xc6\x97\x7f\xd6\x93t\x8djT\xda\x96u\xe4\xb7\xa682-\xf4\xf4\xf4\x9arZ\xae\x82h\xc5\x88i\xb0uX\xba\x8bp\xf0A&lt;\x94aEI6)\xdf\x9c\x87\xe3\xe4\xe3\x8acK\xa9pR\xc9(#\x9cye\xa0iL\xed\xed\xed\xb7}^\xd2\x8boy]J\x87W=\x97hMgL9jSAuVB\xfe]T\xdd\x99w\x80cPA4+\xdd1,\xcc\x85i\xb2bR\xd0\xcf\xcd\xfeUNsK5\xd1)$\xbbk[\xd8\xd8\xd7LNJ\xf6\xe9\xe2\x82\\E\xe083lnk\xda\xab\x97y&amp;"\x8f*&amp;\xa7\xa9\xa7\xfe\xe0\xc8\xe0\x92\x8b\xea\xa7\x94\xe8C=\xd3?9\x8b\x8d\x8a\xf8\xe2\xd3jXK\x9b\x9c\x9a^_\\TVS}R9\xc1;3\xf9\xf2\xed\xf8\xcd\xb3iC1\xc7zk^$"\xbc)%Y;-\xb3\xb3\xb0\xce}s\xf2\xd5\xc6\x90q_\xab;4\xd4\x82y\xd7\x8b\x7f\xe5\x9e\x8fuwt\xef\xdd\xd3H%"\x876.\xc5\xc4\xc3\xc7\xa0\x8f\xc6qa\xda\x93\x80\xa6\'#\xc3YI\xbf\xbe\xbd\xe6\xc0\xb0\xec\xc9\xb5\xfbj^8 \x1e\xcc\xaa\x9b\xaaVC\xd3RH\x7f\x80}\xd8\xbf\xb1\xea\xcc\xc1\xf2\xac\x9e\xb1\x92\x86\xe0\x86p\xf6UM\x9e\x93\x90\xe6~\x8a\x8a\x00\x00 \x00IDATx\xda\xcc\x98\xdfO\x13\xf9\x1a\xc6\x1d\nSu\xe6\x8c\xdbLr"\xcd\xb4EM\xc1\xc86\xb0j\t\x1e\x96\x18\xb6\x10&amp;\x15w\xe9\x8f\xcd\xa83\x85,f\x85)s`\x0b\xb4\x086\xe9\x90\xd3\x02\x8b\xb5\xdb\xad@\xb5\x94=\x1bI\xbb!n\xaa@\xa4\x17\r\t\r\xc1\x84+\x82\xe0\x85\x17\x90x\xe3\x05W\xee\x9dw\xe7\xbc\xdf1\xe7?\x18\xf4\xbc\xa1\xa5\x0c\t|x\x9e\xe7}\xbeS\x8e\x1dSi40\xd5\x9ac\xffG\xa3\x99{\x9aY/\x1c\x16\n\x07\x87\xeb\x99\xcc\xd3\x01\x00\xfc\xac8\nRak\xfb\xdd^\xd1\xe7\xf5z\xad\'\xca\xbc\xb1\xe2\xee\xbbW\xebs\x9f\x0f\xac\xbaz`.s\xb8\xb5Yd\x08\x8c\xc0KJ\xb4\xa5\x04F\x92\'O\x94\x9d(\x8b\xbd{U\x98\xfb&lt;`\xd5\xeb\xaf&gt;l\xc6\x18\x8c&amp;1LG\xe9q\x9a\xc21\t\xc3\x08\x0c/\xd5\x1e/\xd3\xfa6\x0f\xe7\xaa?C\x9c\xdeo\n\x14\xa5\xd3\xc1\x83\xd6\x12\x94\x8e\x94h\x80#0=\x89\xd1\x18I\xe0\xf8I\xef\xe6A\xe6\xd3\x82\rd\x0e?\xc4JIZ\xe7\x00.\x92"\xb5\x02\xa9\xc3\x08\x92\xa4(\x8c\xd6\xe3\x18\rC\x92D)\xb3\x07^~B\xa5\x0ev\xad\x18E\xd1\x18F\xd1z\x92\xc4\x08=^\x02z\x91\x04\x86\xd1 \x1e\xb0Q\x00F\x918\xc1\xc4\xb6\xd7\x07&gt;M\xc84\x99m\x1f\xd2\x89\xd2A\xd0\t\x12+\x81\xdfO\x93z\x07\xa5\xc3p\x8cD\\4N\xe9)\xf0\x94&amp;%\xc6\x1a\xdb\xfe$\xe9\xaf\xce\xbc\xc3!P\x0e\x1d\xf8D\x12Z\xdc\xa1\xd7\x02\x97^O\xc1\x15BO\x12\x04`\x11\xb8\x1e\x94\xd4\x91\x10;\x86+\x8d\xbd\xfa\x04N\xaeoJ\xe0\x9f\x02VZ\xa6\xc7\xac\xa4C/9p=\x05X$\xc6\xd3\x14\x03\x01\x93\x18^\x92y\xfa$E\x970V\x81\xf0n\xaf\x1f\xb5^\x03\xdbe\x10+\x88\r\r\x89/\xd5RX\x99\xc3A\x11\x94\xde\x01b\xf1\x18\xc7\xc3F\xf2)\xce\'[\xb9\x14Y\xa2\xa3J\xac&gt;\xab\xc4\xf96\x8f\x98\xab\xfa\xbd\x0f\x07oJ$-.\xe1$.\x11\x14\xe9\x00.\x1d\n\x1b/\xea8N 0\xd9\x9fJ\xf1\xbe\x94\x8f\x10t\xd4q\xab\xd5\xcb\x08&gt;\xdfn\xe1(\x93\xafY/\xd2\xa5\xa4\x83&amp;\x1c\xf0\xc0K\x18\xad\x9e\x06 \x18\x1d\\\xe4i\x1d/s\x10\x7f\x9e\x0b\xca\xbe\x14\'\x9d\xa0(\xc6\xeaM\xc5b\xde\x94\xb5\xb8\xf5\xf4\xc8\xb8\xaa\x0fwi\x1a\xf6\x8d@\x1bGQ\x04\xe3=\t\x8d\n\xe5\xa5\x03\xb9hQ\xd4\xf1A\xb0\x116\x90\xe69\x19#\xb4\x04\x1d\xf41\x02\xcfp\x8c\xc4\x14\x0f\x8e,\xf8\xeb{$\x14%\rk/`z\x9c\x80\xc2\xd4\x92@$\xf2\xa2\x08O\xc1\xa0\x18\xe4\x85 \xaf\x0301Hc4\x08\xc7\xa5\x04\xc6\xea\xf3\xc6|\x1c\xbf\xf7\xbe\xfa\x88\nk\x13\x9d\x80\xa0\x12^\xf4q\x18v\\\x92\xb8\x120Q\x0e\xfb\xc30\xf0$\x87e\x18\x80\x0c\x8a"\x1cB\xe0\xa6U\x0821\x86\x01#il\xb30p$\xe5\xfe\x01\xcea\x08\x13\xd4:\xdc\xc4\x08\xbc\xc0\x08\xb2,\x02C"\x94\x08\xc1G"\xe1\xf7#\xc0 \x8c(\xf2\x98$\x83V8\xc6q1/\'\x83\\\xd6\xbd\xc2\x11\xc4\xabzK\xa2Kx\x8a$$\x82\x908/\'\x08\x9c\xff\xa3L\x0b\xf1\xe5\xd5\xdcJ.\x17O$\x16\x94A\xd7e\x19\xd62\xc8\xf3\xa4,\xa6\x8a^\xce\xeb\xe3\xe9\xe3\xdb\xea\xaf\xa3\xe6\xd0J\x11\x82Dc\xd0X\xb2\xc0\xa5\xf2y\xff\xc2B(\x11\x7f\xf3fmm%\x9bNf\x17W\x97\x97\x96\xd6V6\xb2\x1b+Ko\xf6\xf7\x81.\x1fFt\xa0\x9d\x90\x92\xbd2,E\xf1\xa9\xeab=\xdd\xd5\xd1\xc2\t\x1aNg\x9e\x0f\xe7\x17\x12\xa1\xf8\x12`\xacl\xa4\x9f\xa7#\x91\xf9\xc9\xf9\xe9h:\x9b\xcd&gt;\x8f\x8c\x8e\x8c\x8c\x8cNg7^\x7fd\xcb\x87\xe5\xa0\xc8\x83\xe3"\xd4\x08\xa3\xba\x8b\x9a\x03\x9c\xc2\xcb$\xd85Hxb?\xbe\xb6\xf1z#\x9bF\x14}\xbf_\xeb\xe9\xeb\xe9\x1b\x19\x99\x8f\x8e\xf6\xd8L\xa6\x0e\x9b\xed\x1a|\xf5\xc7\xf3\'\xcf^#2\xbf?\xc8\x8b&lt;\xa9s\xc0\xf1\xb4\xab\xb2\\\x1a\x10\x0b\x938A\xe6\xc2\xfe\xd0\xd2\xda\xc6\xf3\xe9H$2\xda\xd7\xd3\xf3\xdbo\xd7l\xc0q\xedZOO__O\x87\xd1\xd8\x01Xch~\xfdsd$\xf2d\xed\xcd\xfe\x02X)\n4\x14\x9c\x83|\xa5jIh\x06\xfe\x83\x83\x87V$\xd5\xfe\xca\xb3\xe7\x91\x9e\xb1\x1e@\xb1)\x046[\x87\xc9dC"u\x98\x8c\xc056\xd6\x0e3;\x0b\xdfj\xb7M\x83dh\x05dQ9\r\x8a\x19u+\xcb\x0bM.xeyaicz\xb4o\xcc=\xebv\xbb\xdbM\x1d\xedcc\x00g\x02\x9c\xab`\x1f\xfa\x1c0)L\xb3/^&lt;z\xf4\xe2\xc5\xac\xe9\x8f\'\xcf\xde\xec\'\x16\x82"R\xcba-\xa8Z\x0e\x07&lt;\xdc\x1e\xc3B\xf9\xe3\xc9\xd1\x9e\xb1vw \xe0\xf1\x04\x80\xccmj\xb7)4F\xa0\xea@\xaf\xba&gt;b\xbd\xb8\x7f\xff\xee\xdd\xbb\xf7\xee\x8e\xbb\xff==\xbd\xb1\xb4\xe4\x07,\xe0\xe2\xb7\xd4tq\xe0\x1d\x9c}p\x92\xf8C\xb9\xf4\xc8X{\xc0\xe3~\xc4\xb2\x1eD\xe5FL\x06\x83\xc1\x04\xa1R\xb0\x00\xd4\xd4\xee\xf6(P\xca\x04~\xfd\xb3/\xbb\xa2p\xc1\x91\xbe\xa7b\xe8\xab\xe7\xf6\xe0o\xe5S\xf9\xd0r6\x02\x0ez&lt;\xac\x07\xcd\xac\xbb\xab\x0b\x8428\x9d\x06E-\x13`\x81\x86&amp;\x93\x87\xb5\x7f\xa4jm\xbdw\xef\xfeX\xfb\xc8\xb3\xb5\xfd\xb0H\xa1\x1fr\xa0\xa2\\\x99\x18\xbcc\x90\xf3\xa1x.\x19\xe9\x03-X\x16q=\x9a\r477;\x951\x00\x11\xd2\xaa\x8b\x05\xd2.\x16Y\xd8\xdaz\xa5\xb5\x15q\xdd\xf5tLo\xac\xe4Q\xbct\xb4\x9a\xbbX\xe0\xd0\xb9\x9b\x88\xef\xac&amp;\xa3SFD\xc5z\\.\xd6\xd3\xd6P\xd9P\xe3\xec\xee\xee\xae\xa9)\xef./7t\x05Xs\x1b@\xba\xee+JY,\nX\xab\xdd6\x9a\xcd\xc6\xfd\n\xd7\xa6\x8a\xf77\x87&lt;\xcd\x0b\xf9\xf8N.\x97\x8e\xf6\x9aX\xd6e\xb7\xbb\xccCC\xe6\xe6\x86\xba\xba\xba\xfe\xee\xeeF\x98\xca\x9a\x1a\xa7\xd3\xe3\xb2\xb7\xb9\xba\\v\xf38hu\xc5\x02\\hj\x7f\x9eO\xae\xae\x84\xfc\xc8F\x15\x0f \xcd\x16\xbc\xb7\xf2\x15\x81*\x1b\x9d\x9f\xe9v\x99\xedCCCMM\xe6\xa6\xce\x9f\xfa\xfb+\xfb\xbb\x9d\x8du\x955\xf5\xa0\x98\xb3\x0b\x164\x00\x81\xb7\xdf\x1bo\xbdb\xb9t\xe9\x12pY.=h\xeeKg\x93\xcb\x0ba\x90\xcb\x9b\xd1\xa8V\xa6\xdb`a*\xb4\x93[MON\xcd\x947w\xd6\xd6\xd6v\xd66\x01\x98\xb9\xad\xb9\xfbg\x08}9LMM\xb7\xd3\x18\x80\xde\x98}t\x1f\xf2\x8e\xb0**.Y\x00\xeeVso$\xb9\x91[\x06\x1bin]\xbd;\xadM^\xe0\xf2\xa1\x9d\xd5\xb7\x8b\xa0V\xff\xc5\x8bw\xbe\xf9\x06A\xb5\xd9Y\xb6\x0b\xd6\xaf\xbd\x03uD}}\xbd\xd3\x00X\xb3\xd0\xa3\xb0\x87\x10\xad\x8a\x96\x96\x16x\x9c\xfd\xa1\xa1w2\x9a\xcc\xae$\xc2&lt;-\xa8v\\\x7f\xc4J\xec\xec\xac\x02\xd5T\xf9\x85\x0b@u\xbb\xc9\xecbQ\xa7\xc2\xfe\x99\xe0\x102]5\x957\x82\x8bP\x10\xb3n\x0f\x98\x0cXW,\x15\x15\x96\x8a\xcb\xa7\xfe\xfe\xcf\x9fz\'\x81\x0bl\x94E\xfe\xbdz75{\x92\x9c\n-\xe7\xdeF\'\xa7z\xcf\xf7w\xc2\x98\xcdv\xd4\x11P\x07\x06\xe8,#\xaa,$W\xb9\xc1\xe8\x0ex`\x1d\xc6\x91Z\x90-\xd0\xea\xd4\xa9\x87gf&amp;#\x91d\x12R\x1f$\xb7T\xbb\xb9\xc9\x14\xc1\xc3D&lt;\xf9v\x11E\xeb"(\x05\x03\xcb\xe8b]Jq\x19\x8c\xd0[Fc9\xa8e0z`\x1b\xed\xa8K\xff\x87u\xf6\xf2\xf5\xfe\x99\xf3\xf3\x91t2\x17\xca\xcb\xa2z\xc5\xa5`\xa1hE\'\xcf\xd7\xf4\xdfi\xb2+Xf\xf3/\xbf\xfcr\xa1\xeaLe?\xea\x06\xe3U\x832\xce.\xd6\x0e\x83\xc2\xa5`]ni\xf9\xe1\xab/\xbe\x9b\xfa=\nX\xf1\x850\xaf\x1e\xd6z,\x98\n\xa1\x8a_\x9c\xa9\xbb\xd0iV\xa8\xccMM\xe0eCUU\xd5\xc4\xc4\xc4\xf0D#\xda\xc5\xf2zT\xa9\xf6\xa1\xa6\xa1\xa1qT\x10\x16\xa4VE\xcb\xe5o\xaf7O\xcdG\xe7\x17\x15\xacm\xd5\xfe\x1f]\xf0\xc9\n\xd6\xe2T\xe3\xb9\xd3Mfp\xcf\xc5\xb6Ak]\xa8\x1a\x1e\x1e\xae\x1a~&lt;888\xd1X\x03S\xf9\xf2\xe5\xcb\xba\xd3wn\xd7\xd6~\xff\xe0\x81\x05\xb5\xa9\x05\xd6\xf1\xecW\xff\xf8\xf1\xdcL$\x9a\xce-\xab\x89\xa5)\xf8\x84|(\xb4\x93\x8c\xce\xd45t\xc2\x06\xb2l\xc0\xe8lk8\x03D\x8f\x87\x87\x07\x07\xff\xfak\xf0\xf1\xcb\xc6\xca\t\xf8\x12.\x9cC\x05r\xeb\xfa\xf5[\xdf\xdf\xbc9~o\xdc\xd2r\xf6\xf2\x8do\x1f\xfeX\xdf\x1bM.%\xc2A5M\x14|\xa1\xf8jz\xa6\xea\x8b;f\xa8\x85@\xc0h\xec\xae\xa9\x03\xf3\x1e\x0fOL\x00\n`UV\x0e\x0f?~\t\xaf\xce\x9d\xfb\xf2\xeb\xaf\xff\x86\xe6\xf4\xed\x9b\xe3P\x14\xd0\x117n&lt;\xfcWe\xfdd\x1aVQ\xde:\xa62\xd6b\xe3\xb9/\xef\xb0\xee\x00\xcb\x1am\xbd\xdf\xcd\xd47\xd6\xff\x975\xf3\xffI\xfb\xce\xe3\xf8\x12\x7f\xe6 F\xe1C&lt;\xec\x07\xb0\x88\x14\x15\x81U\xf1\x03\x12\x10\x14Q\x81X\xb0@R\tX\xd0\x1e\xa9\x90N\xf1K\x8d\x9e0\x95o\x1e\xa2Vq\x03%\x94\x93\xc0\xa9U\x8c\x1a]L3MMfL\xaam\x97\xda&amp;m\xea\xdd\xdc\xd6Z\x93\xdb\xb2.\xb7\xae\xcd\xee\xcd\xfe\x051\xfc\x01\x8f\xbc\xde\xaf\xcf\xeb\xf5|\xbc4\x9b\xefP\xa9\xbc\xdd\xdd\xe9\xe9\xe12\xde\xf0\xf40\x05\x14\x0f\xc3\xc4\xd1\xc9tr&gt;\x0e\x97ODt\x02\xcd\x9fc\x95\x84\x95\x11\xcb\xcc\xc1\xc5\xd1\x8e\xbf\xbfL\x1f\xd6\xd7)\xacEg&gt;\x91)\xb2\xd9\\.\x82\xdc\x1b&lt;\x8e\xc7\x8f\xa7\x16\x93\xc9\xb9`\xe8\x0e\xb5\xac\x8c/\xa7\xeeN#\xc5\x14\n\xaf\xd8\x85\xa7P\xdd\xe1P\xc8\t\xfeBf\x91F\x03\xb6\x10\t\xdb\x88\xe29Asu\\}\x93\xbe\xb9\xf5\xf8*\xf0\xc25*\x86f\xads\x89Dx\xb3wgqm%9\xda\x7fx\x98\x04\xaa8h\x0e\xbb[[\x9bv;E\x17\xa8x\xb99\x04\x9a\x1b\xc4\xd1\xd1\xe4\xca\xe2\xce\xdc\xa0\xdb\x02\x81/R\x8c\xceF\xe3\xdc\xc1\xb5\xd1\xf5\xbf\xa5\xef\x02\xf7\xaf\xc7\xa9\xac\x15\xc4#\x88\xd5J\xa3P\xcd\xc7k;+\xc9\xe4!\x88_\xc7k+\x8bsAo\xa8\xbb\xbbM~9\xdfZ\xd9Z\xd9\xea]\x02\xdbok+\xb9\xfc\xec\xd9\xf2\xe2\xdcR\xc8L\xc1\xa88\x85l\xb4\x9a\x1b\x0e\xae-\xaf?I\x9f\xfb\xa4\xb0\xfa\x0f\xe3-V\x04\xa1\xe1(\xee\xf8\xd4\xf1\xd4\xd4T&lt;\x1e\x9fZ\x9b\x02\x96?7\x18\xea\xe9\xe9vS\x898.\x01`\xf5,\xcd\xa5\xd4\x16\x90\xefL\x05\x83^\xa7\x997\x8cR\x15\x8a\xd5\xfa\x1a\xf7Zr\xb4#\x8d1\xf0\xcb\x07\x9f\x8e\xf5\'\xe3x\x91\x95H\xcc\xc7\x07\xe3`\xef\x86\x9ca\xb79\xec\xf5\x0eNL$&amp;\x00U\xab\x9cB\x86\xca1\x86\xdcZ\x7f\x0c\x08\xf5\xd2\x847\x146S\xa9\xf82\xde\xe9\xe9\xb0\xb1F\x05\x8b\xf5z\xfc\xd4r\x7f\xc7\xc3\xf4]\x93n=\xfc+\xe8\xad8\xdej%\xd2\xf0\xa1\x10\xaf\x93G\xe5\xcb\xe5f\xb7\xd3;1\x11\x8b%b\xb1\xd9\xd6\xca\x16:FX"cH\x143\xf3@\xc1z\xda\xcc\x00\xc9B\xa3a\x1c?w\x96\xe5;n\xc2,\xd8N\xf5\x8e\xf6\xaf\xa7\xd1\xc8.=\xfat}\xec\xd0\x8b\xb7"\x18\x8b\xb3\xc7]f\x115\xf5\xec\xbc\xe8X\xff\xbcw\xbd\xff\xc5\xb7\x91Dlv\x86\xc0-g\xaa\xd4\xa5\xb0g \x96HDR\x1d\xbf\xbc&lt;7\xd8\xea\xd2\xca\x8e\xc6\xf3/\xcb\x1aa=l\xe7\x1f\'\xc7\x0e\xff\x99\xbe\xeb\xc8\xa5o@\x80H\x86\\\x08\x13\x87o\xab%\xb8.\xcc&gt;\xfb\xf1\xf1\x83\x1bO\x9e\xdc\xf8\xfa\x8f\xe3o\xefE"\xf3\xb9:mU\xb3F\x8c%\x8d\xccD"\x91{+\xff{|\xf5\x8b\xde_^\xacL\xcc\x08\x1bs\xc6\xc9\xc6q\xb6^\x0c\xf3\xc1\x94\xff&gt;\x8d\x17A\x80\xd51\x96\x0c\xb7\x98\xb8\xc6\xebH\x8bK\x11\xdbz\x91|\xf9\xa8\xf7F\xef\xe7\x0f\xfe{\x1aJ\xc4\xbacu`\xcfH\xbbXlR\xcd\xc4`Od\xe9\xc3\x9b\xc7\xff\xf8\xfe/\xbf&lt;\xfcc+\xe2\xe7\xa0\xd1\xb2\xa3,\xac\x9em\x17\xed\xf4\x8f=L[d\xce\xb8\x94\xf1\xcd\xd5\xbbw\x93\xb5.\x13J\xe6\xc0Y\r\xfe\x04hh\xe7\x87\xfe\xf5\x8e\xb1?\xde\xddq\xb6\xcd\xfb\xe7\x95CC\xd2\xc0j5,\x16$*\x13\xb3\xe6\xce\xdf\x1et\xf4\xf6v\xbc\xf9aj+2\xa0\xcfn\xcc\xea\xcb\xd1\xab\xf5\x82\x95\xb1\xb1G\xe9z\xc3/\xdf\xff\xf6\xd5\xcb/\xc6\xee.6Y!\xe38\x8a\x89\x10j\x9b\x08e\xd4p\xe88\x0e\xa2\xfd\xe0\xe0lw\x9b\xbfu\xc0\xe3\xb9\xb60\xd9U\xc8\xb2\xf9c\xb3\t?\xf5\xdd\x87\xd1\xbb?.\xbf\xdb\xbd\xe3\x8c\xf8\xbb\xb0Yy{y%j\xbbp\xae\x7f\xece\x9a\xfe]\xbc=\x9c\xdb\xd4\xea\xddY\x19[\xe3#\\\x87\x83k\xd2\x89D\x08\x91H\xe1\x95\x9d\x9e\xba\xc1v\xe9nsW\xd6V\x02\xad\x98\xdcX\xe8*,\xf4\x0c\xf8[k\xcdf\xb33\x1e\x0f\x0e\x86\xf9\xa8z\x83B\xaa.(\xea\xeb\xcbf\xb3G\xa6\xfa\xfb\xbf\xbat+\x1d\xc1\xe6\xd6O\x06A3\xc3\x90\x1b\x1a\r\xbah\xf4\xf2\n\xc8\xa4\x03\x93\x9e\x89\xc1\xe1R\xd9\xaf\x0cL\tw8E\xb5\xfa\'\x16\xa7\xb0\xbaKQ\xc9\xa7\x96\xed\xbe;\xa5R\xa9\x08T_c\x1fQ\xd9\xd1\x05}}9h\xbd68\xfa\xe4\xe5\xe9\xbb\x9f\xb6\xcf?#\xb6\r\xb1\x84A(\xc4P\x97\x07\t4z=$\x14\\\x04X4\x0c\xf12e\x17\xace&lt;_^Y9\x00\xa8&lt;\x81\x05\x80U\r\xec^\xda\xc4\'\x14\xf3(&lt;^\xb1\x85\x06\xd5\xd4\xc0v\xbb]\x8f.\xca\x03M\xaf\xf5n\xdd[\x1a\xd0\xd8K\x0e\xce\xcb\x95\xf1\x83rC\xc1\xa4\xd3\xc8\x94%g\x0b\x93\x0e\t\x9bAZ\xd6\x99\x98L\xc4\x92\x12i`:\x17\x14\x8a\x94\x18\x06&amp;SX@\xa19\xd5\x1e[\xae\xa88e\xff\x97\x89\x10\x04\x8d\xd8\xed :c\x8b\x8aJ\xd95\xe1\xb9J)\x1a\xdb\xd5\xd5\xf84\xe3\xbcXW\xbe\x8br\x8f0\xcc\xeb|9\x82C1S&amp;\xa63\x99L\xd6\x94\xf0\xe4\x12R\x07$e\xc0\xb3\xba\x1aX\x18XX\x98\xf4\xa4t\xa7\x90\xe3Q*\r-\xc5\xc5\x16\x0bb\x12B*\x0e\x8be\x17\x93\n2A\xb9j\x83(t\x81\xfa\xfe\xe6\xc8\xf6\xb9\xb1|gQHF\xcfG\xf1\xf8\x16:\nJi~\xb3\x10\xe2\xd2\x10\x91\xcf\x02\xd0l\xca\xd4\xc5!\xf5\x82\xa9K\xe9\xb5@\xc0\x03\xb8\xda\xc1gi34\x88\x1a\xae\x80\xca\xb6w\xd9a\x18f\x93\xb2\xb2\xb2\xe1\x0b\xe1\x12l)\xfa\xf9[\xcey_1\xe3\xd5\xfeITSS\xf1\x19\xb7\x98O\xc09\x8c8\xa1\x10&lt;\x0c\xc4%\xe3\x80\xf0\xe4\xfbR\t\x1a\xf8\x97drc\x03\x94K\xa9\xf4\xacznsX\x1c\xe0\x90\x9e\x80\xd2f\xb8\x16e4k\xb4Gl\x18\xc4\xd3\xecR\xac\xbe\xce\x85\xcd\xcc!\xbd\xdd\xa8N\x03\xd6~\x94\xa1\xd9\xf71\xf0|\x02\xe2p\x18\x8d\xc6\x8a\xaaz.\x86N\xee\x9c\xbe\x8eH/J\xce$W\x04R\xa5Ry\xf6\x9dB\xa1TJ\xbb\xaa\x87\xaa\xc5Z\x06\xf0Di`R\x12mg\x8chK\xb2\xd0bq*\x06\xa2\xf5u\x1a8/\x07\x9eM\x07\xd6\xc9I\x03\x98\xe0\x1e\x86K\xdeBC\x19e2\x99\xa3\xa2\n\xc2\xe108\x10\xd4\x81\xc0\x82\xbc*\xb0\xd9\xa2\xd1\xe8\xd9\xd9Y4\xda~\x1b\xf4&lt;K\r\x84L\xa3\x91J\xa4Q\x86\xaaJ\xafG\xabI$46\x07\xcd\x16\x0f\xdd\x0e\xa0\xb1\xac\xd9\x85\xdb\xe7\xc6z\x7f\xedD\xd2\xcePi\x04\xad\xe6\x16\x84lD\x19\xc7\xc7Q\\.\xd7\x84`h\x02\x01\x83\xc1$3\xeb\x0c\x92\x8b&amp;\x86\xcf\x07\xd0N4\x1c\x16\xcc\xe2\xd44\x0b\x85`G\xb6\xb734#\xb0\xfe\xa6\xac1\'\xa7\xa04\xab@-\xae\xeeZ\x85\xc5\x9a\xcd\x8fi\xa8\x96\xe7,\xca`\x8c\x08f\xe6\xe5\x04\x11\xc6q4&gt;.\xab\xa8\xaf\x17\x9a\x98\x18\xa6N\xd0\xcc\xbdN\xae\xcb\xadc\xa2\xe8&amp;\xda\xf4\xfb\xce\x93}\x15\x18Q$\xbdV\xa0\xe3\nU*\rC\xa3\x023\x0b8b\xdf\xde^_Q\x0eI\xbc\xaa)D\x8b\x03\x9b\x1f\x0b\xb7\xcf\x8du\xed?Q\xd0\xf5\x06\x85KNp\xd1\x8c\xe32\xa3\xc3\x81\xaa\xd763\xb9@\x9e\xb9t2bh\xc1\xc8^\x1d\t\xf7\xdf\xbf\xfal_\xa5\xd2\x17\x1d\xe4e\x96\\1\x90\xa1\xe6\x91\x11\x95J\x05\xaa\xa5/\xc9\xda\xdb;\xd8\xcb\xcb\x16\xc3\x1b\x1b\xfa\xbc\xa2\xe7\x9b\x1fK\x9e\x9ew\x9c\x1eH\x17\x18\xbf\xef\x9f\xf8\x1aha\xd0\xf3t\x94\x83\xeep\x94Wh\x85\xa9/\x12Cc"W\xea*P\xa6fa3C\x87DO\xf6\xb5\xea\xecllQ\x96`\x80\xc8\x85\xb45\xe5Z;\x98\x0c\x8d\xd9\x99}\x07\x07{\x99hq\xe1\xfd_W\xedy\xcf\xef\x7f&lt;:o\xe8\xca\xd86-\xa8~?9\xf1\x15\x93\xcd|\x82\x88Nw\xd0\x8d2c\x15\x80\xe2\x82\x1f\x91\xe8k\xf0A\x02\x9b\xc2v\xf1\xa2D\xa9\x8c2`\xb6\x18f\x91Ju~\x8b\t\xd2V\xdd\xacR\xab\xd5\xa5E`O\xef\xed\xed\x15\xa1\xe1\xc2\x8d\x7fo.\xa8\x15\xf7\xcf\xdd\xf1\x9f|\xf2\x94\xbe\xa0\xda\x8fF}\x16\xdc\x1d\xf0\x8aLz\x05\xcahDA\x90\x96[/\x142}\xbe\x86:\x9d` \xf2\xecY\x8fM\xa9PH\x86\xecv\xff\xbd\xcd\xdbl\xc9\xac\x08\x11B\xf5\xe5%\x8d%\xd8\xc6\x9cTg\x15d\x96\xa2Y*\xc5\xeb\xd7\xf79\xbe\xb7\xe5O\xcf\x9d!n\xfd&lt;\xa9\x19\n\x9cE\x1b\\f\'\xdfE\xe3\xa2P\x15ULP\t\xadVh\xd2\xf9\xea|&gt;\x9f\xc4\x9f\x98]\x1a\xc4\x0f\xcc\xcc\x0cH\xed\xb5\xf7^\xff:\xc9\x99\x9fi\xf0\xf9\x18\xc2\x9a\x92\xff\xd3nv\xafi\xf4Y\x1c/\xe4ZFD\'#\xe28\x9aL\xaa\x93\xaa\x13\x95\xf8\xda\xc8\xf8V\xa3c\x14\'#Q\x88\xa2\xb6*\x84\x1a\xc9J\x9f\x98B\xa0.\r\xd5&gt;\x12\xa4i\xe9\xc2&gt;&amp;\x84\xc0\x03\xd9\x84\xf6&amp;\x17),\x05\xf7\xe2Y\xb6\xb9\xc8MI77\t\x9b\x94Ph/Z\xd8B\xb7,\xec\x99\xf4\xf9\x0f6s\x08y\xb9\xfb\xe4{\xce\xfc\xce\xf7\xfc&lt;\x83 \xe0\x00A\xaa\xe5\xe1a\x95\xcd\xd8\xf1\xff\xf6\xe1\xeb\xe2\xea\xae\xec\n\x8c\xf3\xc5\xb3\xfa\xfdg\xbb\xe1B\xf2\xe9/\xdeV\xd9\x82Ic\x1e\xcc\xd7\x01*_\x89M\x06rdx\xb7\xdb\xe50O\xe1Aw\xa7\xf7x\x16{rg\xef\xf9\xfe~\xa4\x1e\x0e\xd34\x9fGSv\xd9\xf2?.\xc1\x14\x84\xb1\xfe\xebo\x7f\xff\xba\x17y|x\x05\x96\xf9hu\x96\xe7\x1eLO\'\x1d\x1b\xf1\xb2\xdb\xed\xb3\xc4B\xb1\x18\xa8E3\x1c\xc7\x91$t\x99\xfd^8\x97K&amp;\xfd\xbd\x07\t\r\x16+\xee=\xdf\xbb\x9fN\xd7I\x92\xe6\t\x1djH\xc9\x96\x87\x854Bi%6A\xad\xc7u\xec\xe8\xff\xc7\x02\x1f\xf8\xac\x88\xd5r\x01\xf5\xc8F[MQ\xb1\x98dbb2\x94\xf11u2\xc2\x91\x91\xc5\xc5\xd9g\x89\x9eFS\x06\xeb\xa5,3%\x80\x8d\xac\xc0Q__YYI7m\x88\xc14\x0c\xb1\xbcl\xb2\x11\xfc\xfa\x87\x0f\xff\xfa\x98\x8f|\xb9\x8a\xcf\xf7G\x0f\xc3\xb3\xbe!\xc9\xdd\x98$\xdeVC\xff\x81\x10\xb0\x8auZ\xb8\xa9\xe4"\x91\x02\x8eG\xb3\xc2\xc5\xa9W\xe9P\'Y\x96\x8c\xd0\xe9[\xd0\x1a\x9d\xb7\x80K\xa7\x90\xc9\x86\xe5\xf2\xe5eC\x90(\xeet\xf7\x9e\xa7\'\x17\xaf \x87\x82\\\xb7?\xad\xde\x00\x12\x89c.\xaeT\x0eI$\x90E_\x87^\xa9G\xea \xd8\xe30\x8ek\xb2\xb8Z\xf8&lt;X\xa9\xd4\x03W\x80%\x19\xda\x99v\x82\xf1Zq\x12v(.9\xc8e\xb7\x11\xb9X\x1e\xc9\xcf\xfc7tt%X\xd7\x0eW\x0b\xd2\xd8\xc1\x01fn\xb7\xbd\xe6!I\xcc\x93\xc9\x14y\xa1\xe5\xd5\x19.\xcc\xb5\xd4^\xaf\xb7\xac\xf7\x02\x1b\xeeW\'\x12\x81@@]\x0e\xe4|\xbc\xd1j56m\xa8i\x18jkx\x18\xb559\xd7\xb2Lw\x7f\xef\xf4\x8a\xa6\xfd\x85?\xb0\xa5\xcc\xc1\xc1A\xb9\x01E?(\ty|&gt;\xc0J\xd3+\x0c[P\xab\xf5\x0e\xc7M\xb3Y\xed\x8dF\x81,\xb1\x8f\x07r\xa5\xb2R\x1f\xb0\x94\xf8L\xd0fCt\x90D\xc0\xb2\xcf\xd8:\xec]\xb9&lt;\xbf\xd7\xe9_\xd5\xfc\xda\x1f\xca\xc42\x99\x83\xe4\xc6\x9c\xd7\xec\x1e\xf4`\x8c/\xd3I\xa7\x8b4\xab\xf6\xea\x95\x8eK,&lt;z\xdc\x8d\xf6z\xbd}x(-\xd7\x87~\xba~\x9d\xf2e\x10T\xa1@T2\x19&lt;\x8b\n]0==#S\xd9\xac\xa7Wv52z:1\x11\xf2`\xd4\\;\xae,S\xd2\x12S\xccdx\xdeWS*\xe3O\xf50\xe1\xb4\xca\x85D\xaf\xfbz}}g?1\xbbH{$\xb7%\xd7\xb5\xf3TlF\xa1R\x81\x897\xc9\x96ev]\xbe.\x95\xa7\x88 rtUT\xd7\x06FOoK\xb5\xee\xf2F\x1b\xfa\x8f\xdbR"I&gt;\xc3w,f\x87\x12f\xc1\x9b\xe3\xee\x00\x9b\xc4\xf1l\xd4\xafIlq[d\x84\xcf\xcf\x8cI\xb4Z\xed\xe0DJnR(\xe4&amp;\x93L\x85\x86\x9a\xdc\xd4\xf2\xbb\x94\xfc\xf0*\xd7YF\x17\x16\x8e\xfa\x17\xdf\xda\xf1\xd6\xbc\x96\xa2J\x0c\xdf\xe41\xb7C\xaf\x7f\xaat\x8cS\xc2\xa8\x918&gt;&gt;&gt;9???;\xfb\x04Fy&amp;5u\xc3l\x86\xa6\xae2\x99\x0cv\x95\\\x96\xd2\xf1\x9di0c\xef\x0e\xafv\x85\xeb\xf2\x7f\\\xf8w&lt;\xe0\xb6X(0-\x80U\xd6?m\xeb\xcbn\x98\x81\xd4\x0f\x8e_C|&lt;\x81\x10\xe8\xf8\x19\x85\xfdN\xa0\xac\xbd=\xa5\x92\x99T\n\x83\xc1\x9eB\x9a\xc5\x9f\xfa\xfd\xfe\x91(\x8be\xdf@-\x8b\xdb"\x95b\x99\x0cf\xd6\xcf\xcdy\xcb\xeey\xbc\'0\xbd~\xf5\xea\xf5\xc9\xf1\xc7\x93\xb3\xe3\x8f\xc7\xbbt\xc8~\xb7\xd6\nh\xa7`:\xb4#\n\xbb\x1d\xb5Y\xdd\x17\x03\x03\xd7D\xd9Z\x1c\xbd\x98\xf3\x06(\n\xaa\xcb\x92\xe9X\xe6\x1d\xf1v4\xae\xa9\xaeo\xbf\xfa\x11__\x01\xdb\xf1\xc7\xd7\xe7\xbb\xbb\xb3\x0c\x9b\xcd\xb2&gt;A\xadT\n\xd4B\t\xa3\xf6\xe8\x9aH1\xf0\x17\xf0\\n\xcc\x036\xbe\xd3\x81\xd3)^]Z\xdb|\xb1\xb9t|rv\x06\xd9\xbb\xcc\xe2\xd9\xd9\xf9\x9b-|g{{\xbdw\xaf6\x06\x83\x05he7 D\xe7\xb3h\x8b\xa7\x03P\\q\xb6\x84a\xa5\x1a\xd6\xb1\x08X\x8d\x8d\xea\xaf\r\xcd\x9b\xcb8;9\x17~\x1c|\xbf\xfbG*Z\xd5\xfb{\xd3lHa\x07,\x83\n%\x9c\xe9\x0b\xf1\xd6aG\xe1YT\xd7J\x96\x1c[\xe4kjM4\x9b-\xd7\x02\xf8\xf9\xa7\xad\xf7o\xde\xc0C\xf8\x83\xea{\x08+a\x93c\x19nv\xa5\x89\x1aP\xd4\xa0R\x04\x9d\xe9\\_4\xaa\x81\x05\xc0\xca\xb6r&gt;\x1f\xcb\xd1l\x01\xaa\xa7\x96+\x96VW\xdfom\tjA\xfe\xce\xdf\xbc?8\xc8\xc4\\(\xa2\xb35W\xd2\x04\x82\xea\xa0\xe2\x11k:=(\xde\xf2\xf0\xc0\xe8\xb7\x8d\xb8?\xcb\x96J\xadB\x8eii8\xbaH\xfb|\x0c\xcd\xacrj\xfc\xfc\xec\xe4\xe4\xfc\xd3\xfb\xef\xa11D\xa7CQT\x97\'\x88\xbcM\x98\xa7\x11\x9b\xd1\xb8\xf2\'\xf1\xde\x7f\x18\x18\xfd\xfch\xce\xeb\xc7\xd9Z\xab\xc0\x90\x05\x8e,\xf2E\xdeG\x17I\x0e\xaf4\x96\xd6\x97\xd6w\xba\t\xa6\x93\xd7]b!\xb6\xdfCg#\x9cF\xf2\x8b\x88\xafe\x8c~\x8eW\xfd\x15?[c\x0b\x05p\xcc\x0c]\x04\xb0\xa2\x8faq\x7fu\xe9ga}QC\xf2y\x1d\x82\x00\x15\x8a\x80j\x80\x14$\x8cNc\x9a\x11\x15\xeb\x8brc#\x1aU\xb3laz6B\x92\x0cI\x0b\xc1\x90\xb8\x1f\xe4ZZ\xda\xa9\xe0\x11~rFg\x032P\x0c\xb8\x82\x04auZ\xf9zGL\xac\x81/Zo\xb5\xe2\xf7\xb7X\x18\x0b\xc3\x91\x1fP\xc5"M\x16\xb2\xd1F\xb5\xd1\xa8D5\\\xbaI\x04/KJ\xa0\xb2Y\xc1\x0c:\xadu\xb6\xf9N\xccwk\xfes\xdd=W\xcdBuq\xf7\xee\xc1\xd8\xf3\x03\x8b\xa6\xeb\xac\xc6\x1f\x8dV\xa2\x95l\xa1n\x84\x01_\xa8(!\x87PUV\x884\xd7$D\xc5:\x95\x0e\x96\xab\x95h\x02*\xab\xc019P*\x9d\x16\xae\x8c\x18\xdc\x1f\x17v\xf0\xb2\x1c\xff\xbbX\x88\x80\x15\x14\xa0\xac\xc6p1\x9f\x7f"\xaeZ7\xa4\xdej5\x9a\x08\x83a&amp;\x8b&gt;\xe1\xba\x08\xbe\x04\xa3*D \xc9\xf1\x04`!\x82/U\x80X\x02\x95\xb3\xce\xe4\x11\xdb\xd8\x82\x88\xb5u:&gt;4T\x8b7\xaa\xbdi\x8e\x84\xf3\x01\xeb\x80\xab\xef\xf0\xe0\xeds\x01\xb39\x19X\xad\x15;\x02\x16\xaa@\xc1\xce\xe8\xac\x97{e+\x0c\x81*t.\x11\xb1\xae]\xb8c\xa1\xc1\x80\xbf\xdb\xed%\xc2\x85\x02\x83a&gt;\x8b\x05+\xf9|9\xf7\xfc\x08\xb8\xc1U\xa6\x94\xc9\xe7\xf3:\x85]\xa12\xa9t\x97k#\xb7\x8c\x04bP\xe8\xee\x1e\x89\x8b51H\xa9+\xdd\x1d\x00\x9b.\x141\xca&lt;\xa2\xa5,R\xb7{d\xde\\N\xae\xae\xe6\xb0Phrl\xca\xae\x82\xfelu:\x9d\xb7n9\x9b6\xf8\x0b\xc9\xf7\xc5\xc4\xa2&lt;\x13!\xac\xa6\xa9\xec\xect\xbb\xd1(^s\x8f\x8f\x8f\x8ch\xb5\x14@\x95\x93\xc9d\xad\x86e&amp;\'\'\xa6\xa6R)\x94\xb8\xdc\xef\xb4\x12yT.7\xa0D_\xc4\x17j\xfaZ\xcf\x84K\x82\xd5\xbc\xd5Fu\x07\xd0\xfcj\xb3\xfe\xa6\xc3\\6;\x84%.\x1c\x0f$\xd9\xdc\xa4\xeb\xce\xd0\xd4\x93\xc9\xe2"@\xc1\xf9@\xe4\x15&amp;\x99\x01\t\x1e\x8a\xa8V\x9f\xf2\x84\\\x137\xa8\x96\xbf\xda\xadv\x81\xab\x12\x8f\xc3\xf4\x18\xd7\x0bSu\\\x83\xab\xa1\x01\xb8\xe7\xa5C\x9eI:"lxZ\x83A\x10\xcb4\xacBm\x87\xe2\xaa\x15rI$\x9eZ\xb6Q\xa9T\x00\x0c\xfa\xe0\xa3G\xed\x8d\xb9v\xbb\xb2!l\xaa\xe3\x05\xbc\xe5\xad\xd5\xa8\xda\xe3\xfbN\xa7\xb0\xb2hC\x0c\xe0\x9c\xe5)\xdb\xe9\xa8\x98X1\x8f\x0b\xd2h)\xfb\x85}\xf9J\xe3\xe1\xf6\xda\xc3\xb5_\x96\xa0O\xff\xbc\xd4h\xc0\x89\xe6\x8d\xc7\x85}\xf0\xc4,$P8\xee\x11\x83\x1c\xc6D\xb9B\'*\x16\x05\xbes\xcc%\x91R5\r4\x1b\x7f\xb5\xf1p\xf3\xe5\xda\xda\xda\x9f_\xbe|\xb9\x06\xbf=\x84~\r] \x9a\xa8;\x9di\xc0\x02\x13(7\x01\x97\xc9\xae{\'\xe2Kd}*\x86\x81X\x92\x1b\x98\x85U\xc3\x1c\rz\xado\xbex\xfb\xe2\xed_\xdf\xc2\xb7\xb7/\xfe\xb6\xf9r{{\xa9\x9b\xa8/.\xd6\x85\x1c\xe6Q\xbb\\\xfeN%\x83a\xff\x89x\xe7\xe9\xc0\xd1x,&amp;q\xb9&amp;\xe0\xf0\xa2\xd8\x96&amp;\xeb\x07;\xb3\xbe\rT\xff\xfc\x1f-\xe7\x1a\xdb\xd4y\xc6\xf1\xf9\xe4\xdc\x8f\xddX\x96\x1d;\xf1A\xe5\xc4\x99/If\xe3\x14_\xea\xd8\x0e\xd0\xc4\xaa\x05N\xaa]\x8c\x8b"A\xd7$T\x06cBG\x0blf\xda\xa26CU#UN\xaaJ\xa8\xdc\xa4(\x19\x14\xc1\x07*\x05h\x03\x99\x82\x80\x0fI$H\xb3NP4\xe5C\x06\x15j\xd0\xb6\x164i\xd5\xfe\xcf\t\xd56m\xddhi\xdeX\xb9\xc9v~\xfe?\xff\xe7\xf2F\xaf\xcf\x1f\xe8\xf6\xe1\x87\x1f\x1d\x1b9\xbc\xfe\xb97\xf6\xbc\xb1\xe7u\xf4\xec\x95\xb5\x91\x88\xd5\xef\x04\x96\xb36\xb7\x8c\xf5\xf4\xf7\x9ex\xba1\x19K\x9a\xe2a\xad\xbey\xc3\x8a\x8e#\x83\x83\xfb^\xc3\xae\xec#B:u\x8a\x0e\x90\xbcw\xe8\xed\xf7\xdf\xff\x19\x19\x1e!\xf49\xfd\x16\x8b\x9f\xb0^X^,G\x13\xb0\x1a\x1b]as\xf3NoK\xc7\x8ew\x81u\xfa\xf4)\n!A\x1d\x1e9\x8c\xc6\xf4\xec\xaa\x9f\xbc\t\xc3\x03\xcb\xea\xb4Z\xfcuuV\x94\xf9\xe5\xf3\xd6AO&lt;\x197%\x93&amp;\xd8\xcb\x15v\x07\xb6\xaeh\x01\xd9\xe0 \xb0 \xd5iP\xbdu\xe8\xd0\xa1\x9fn\xd8\xb9\xee\xd7th\xd8\xe6\x8b\xf8}H\xc5:\x8b\xb5j\xe5\x9fw-\xdb;\xe6\xa1\x169&gt;\xa6s\x99\xb5b}\xf3\xce\xd6b`\xdbo\xf6\xed{\xed\xf4\xb1\xc1\xbd{\xdf\xdb\xd7\xb1\xb3\'\x9eIa_\x81\xe1&amp;\x1b\xc9bGmu\xd6A\xadH\xdb\x8f\x7f{~\x99\\\xdf\xf0\xa7b\xbc\x00&amp;\xa22\xb9\xccf\x8f\xb9^\xf3h\x9a\x96\x88z;\x8e\xbc{dEu\xb57`\xea+g\xb3Y\x8c[\xbe\xac/\x12q\x96\x9d~\xfa\x17\xb8\xd5\xb7\xfa\xf5\x91;\xdb~\xd7\xb0,T;V8\n:U\x92\xa2\xe8\xb2\xdb=\x9e\xb0\xdd\xd3h\xf7\xb8\xbdGZ\x12\x9e\xaeF{\x17\xba\xb4\xd3i\xb5:#\xfe\xf6l\x04_|V\x0b\xb0\xfc\xbe\xda\xa7\xdf\x19\xb9\xf2\xf7?~\xc7We\xa0\x8bP\xfc\xed\xee\xb9\x03([\xc9Xw7\xc4jtuy\xc2n\xb3\xdb\x85\xd5\xd8\x18\x0e\x80\xaa\\.G\xa0\x90\x93\x8c\xee\xf3G\xda\xa1X\xa5\xcdi\xa9\xc3\x87\xb3\xf2\xa9=\xef\x1c\x9b\xfe\xcb\xe7\xf7\xce\x9f\xf8\x8e\xc8\xe8\xc2\x18\x07\x87/~~\x7f\xee\xad\x03\x0eS2\x9e\xec\x86\xeb]]]\x8d\x1e\x97f\x07\x92\xcbcv\xf5\xf7\xbb\xfb_.\x7f\x0c$_\xc4\x86b\xe5/;\x9dY[6\xf8\xa6\x8d\xfe\xa7\x0b,\x0c:??4\xff\xe5\xfd_\x0eL,\\\x1dnx|\xb2\x8a\x86\x13\x9f\xce\\\x9a\x18\x98\x9fZ\xfc\xd5\x06X\xbe\xd1\xd4m\xca \x88\x88"\xc2g7\xc3c\x1e;\x9dn~\xb9\\\xfe\xd8\x87es\xa2\xe3 \x84\xd9le\x16\x81\xd4\xb1\xacUm?xz\xcf\x17_\x9e95\xd0\xabJ\x033\x8f\xfd\x86\xe6\x8a\x13WgU)\xa4~25}\xe19`\xa1%&amp;\x1b)\x13\xbb\x88J\xd3\xccM\xe4}3\xb0\xba\xe0\xf6\x88\xcf\x86\x1c\xf49m4\nfmN\xea\xd4\xf0\x96\xc5\x1aY\x8d\xdd\xc6\x17Sg\x16{\x07z9\x86\xef}p\xf11N&amp;U4\x1c\xbcw]VDUU\xefLM\x9f}eC\xa6\x80V\xadc\x99\xba&lt;\xfd\x1e\x8fF\xd9X\x1f\xd64\x8f\xbd\xdf\xd3\xd5\xd7\x1e\xb1Ua\xd7\xe3\xb3\xe5\x82\xed\xb6,\xc6\x07\xd8\xdf\xb2\x1fz!\x15\xdbV&gt;un\xea\xcc}`\xe5YE\x11\x06\xae\r\x7fK\xb0\n(u]\x95\x15FRC\xea&lt;\xb0\x9em\xcd\xc4b\xb1\xbe\x98\x9e\x8b]\x08\xa3]\xb375i\xf5X\xe1p\xb1\xd5\x1c\x83BY\xda\x8cUU\x06s\xedz\x91w:\xeb\xf6\xd7a\xe2\xf2\xd5\xb6\xb5\xb5\x9d[\x03\xac\xde\xde\xbc\xca\xf0\xac\x14\x9a\xb8\xf6m\xde\x02NP\x13\x9c \xf0\x06YR\xd5\x8d\xf3\xa5\xe9\xb3?\xda\x99\x8a\xe9\xcbd\xea\x06\x93\x1d7\xbb\xb9\xa9\xbe\xbe\xb9\xbe\xb9\x18hyfC\xbcPH\xa7sU\xb6He\xb0@_}Ng\x84\n\x84\xc5\x8f\x8d\xd0\xea\xd5m\x8b:\x16],\x85\xc7s\xb2\xd2\xec\xd5\x13\xdf\xd4\xfb\x15\x08\x9f(\x0b"k\xa0\xa7PU`\x9d\xfc\xfe\xceT\x81\xa8\xf4z\xaa\x17.\xb3\xb9\t\x0bq\x0c\xacX\xbf\xe3\x99\xa2\xc3\xb1)\x95\x03\x8d-W(\x04\x81\x17\xc9:uk\xf9\xad\xce\xaa\xda\xca\x95\x8bk&gt;\x98\xa3K\xb8\x848F\x16UI\x14\xd4\xeb\xb7\xbe\x91b\x15\r\x17\x17T^\xe1!V\r#K\x1c\xb7q~j\xec\xec\xaa\xb5\xc0\n\xd2 H\xf5\xb4\x91\xa8\xb0\x10E-\x1chyi\xef\xde\'\x9b7\xafK\xe7PEmA`e\xb3\xedU6\xbfNEX\x95U\xab\xeeo\xf9`\x1eT\xaa*\xf1\xac\x18\xe2\x04Q\x14\xd5\xeb\xf7\x1e\xfd2\x16\x15\x07\xaf\x0e\xf0\xbcb4\xb0\x02c\x80\x0fD\tA\x1c;\xfb\xfc\xdaL\x1aZ\x05\x83\xc9$y\x8b\xd4\x82\xd7\x01\xa7\x85\x8b\xdem/\xado\xf9a\xeb\xe6M9\x14\x88\x08aUUb8}(\x16Hm\xb6\x93S[\xb6\xdc\t\x81J\x15\x15F\xc8K\x82 r\x12\xcb-\\|\xb4HB\xaaK\x1c\xcf\xf3\xc6\x1a\x05j\x19yV\x10\xa4\xce\xcfJcw_\xdc\x9cIC\xaeX_\x90\xa6\x08x\x9e\xb0\xcc.\xb4\xc7p\xb1\xbac[\x87\xb7zk\xeb:`\xf9\xb2AR\x153\xc4R} ,_\xa4\xf6\xee\xd1-k&gt;\t\xa9\x1c\xc7\xb1\xc0\n\t\x02=\xb1$\x89\x033\x8fr\r\x17\x92J\x96\x19\xde`\x84P\xb2b\xe4e&lt;\xbe\xf3\xca\xe4\xe4\xe2\x8b=\x99t\x9a\xcc\x15\xd4g\x08\xb8\xcb\x13\x0e\xebX\x88b5\x9d\xac\xdeZt\x04\xa1V\x96\xd4\x02V\xc4\xafcY\xad$\xd7\xf3\xf7\x8fn\x99\xde\xadr \x91\x15Y\xcco\xe7%\x84\x11\x06\x11\xc5\x89\xffk\xb1\x8a]\xe7\x17$\x9ea\xa0\x95\x01\x8a\x19jjxFf\xb6o\xbf&lt;66\xb7\xd6\x91Jc\xd7\x8c[\xd2\x94!\xaaW_}\xe9\xea\xc4\x00\x00\t\xa5IDAT\r\xbb\xf5(\xa2=F\x03\t\xb7;\xac\xc5\xb1\x05\x83Z\xe9T,X\x85Q\x1eX\xfb-V2W\xed\xdb\xd3k\x8e\xceK*\x92[d\x14V\xea\x05\x9b\x00\xb9 \x9e(p\x97\xfeg\xddGU\xb8\xd6\xcb\x80\x8a1\xd4\x18\x15\x19\x8a\xd1\x15\r\x18\xf0\xdd\x18\x9f\x9c{%\x95.\x14R\xa94\xdd\xe2q\x17\x9dy\xd3\xb1\xecP-\x11\x8d&amp;\xdc(\xf7\x19:g\xd3\x8e\x02Q\xc8\x91Zz}\xb0\x82\xce\x97\xbb;yt\xea\xb2\xc4!\x01Y\x86\x11\xb8\xbc\xa0\xf0\xf8\x16a\xe48I\x90\xf33\xc3_g\xb1\x8a\xef\xed\xba7+\x82\x89\x85J\x08\x1e\xcb(\x86\x9a\'\x0c\xc0R\x94\xdb\xa3c\xa3\'_\xc0_\x03T*\x95\xc9\xc4\x1dq\x8fY\xd3\xc2\xe1\xb0\xc7\x8c\x9e\x18N\x04\xc0\xa5\xd9\xcd\x99`%\xaaV\x8c\xb0H-\x08\x05\xa5\xd0$}\x9b\x17KG\xa7o\x03J\x10\x18^\x16Cy\x14j\x96~$\xbd$Y\x96&amp;\xae~MN6\x0c\xcf\xe4eP\xc9\xf2\x92\xafD\xe4\xa1\x11Q\xe4\xb7+\xca/&gt;\x1b\x1f_\xa4\xd6\xa3sm\xc2P\xdfD\xdd\x10X\xd8nx\xe8\xd8n4\x1a\x00b\x86\xf4\xcc\xa4S\xc9X\xae\xd2\x86)\x073\x05\x89e\xe9;4]*\xcdw\x82C\x86ae)\xdf\x8b\xa8\xf00\x97\xc0\x8a\x14G\xb8,\xbf\xf0\xdf\x1ae\xc5\xae[\xb3\x12KZ\xc9\x8a\xc1\xc0\xd0\xab\x10e#\xb8\x0c\n\xa3\xf0\xdb/\x8f\x8e\xcf\xf5\xb4\xa3j\x11\x17a\xf5\xf4\xa0\xf1\x84\xfbu0\x0c\xf6d\xf9\x84f\x8eor\x98\x1dqdl!HXDD\x9b\x1f\xeb\x93\x17JG\'o\xb0z\x04\xd1{\xb8\xbc\x9a\x87Sd\xe0,\xe9E\xc1\x95\x06\xfeC0\xb8j&amp;$\x93Rx \xa8X\x9d\n\xa5\xcb\xa0[\x9f\xe7o\xdf\x1c\x1f=\x1b\x03W,\x96&amp;k\x91\\Mt\\\x97\x8c\xae\xb9\xa3\xde\xa1\x8e\x96\x03\xcdZSO\xd1m\xce\xc0\x84\xb9`m\x95\r\x1b\xb2:\xe2\xaak=|\xbfT\x9a\xdb\xdd) }d\x9eaC*#\xc1\x1b\xbc(\x01\x8c]\n$\xb8B\x0f\xfe\xfd\x9c?\xd5*\x92Jf\x90\x1e,\xa9\x8b&lt;F\xd1\xaa\x81\xeb\x11E\x9e\xa28:\xba\xd8\xd3N\\\xc0\xca\x80\xcb\x81\x02\xafc\x01,\x11\x1d\x1a\xda\xd6\xd1\xd2Z_\x0c$\x9a5l3\n9X\xbe\xca\xa7\x8be\xb1\x98\x0f\x9f\x9b,\x95\xaet\x8a,^9R\x9b\r\xb1\x8a(\xf2&lt;#r$\x97,.q\xc1\xfe\xb3\x9f\xfeK +\x0e\xde\x9a\x10e],\x96\x85\xd2"E[ \xb1\xc8\xf5\x06EQx\xe5\xf2\xcd\xd1\xb9\xf5\xaev\xacX2\x15\xb7\xdb\xf5\xde\x83\x1d\x86\xdb\x9dH\xc0Z^Dqk\xb1\x18\xa8\x0e$\xea\x9bPI\x82:\x96\x95\x0eB\xd4\xf5\xed\x1bY,\x95\xc6n\xa0\xc5\x82\x8aG\x1er\xc6\x1a\x99\x93\x11\x1a=5\x1f\x16\n\x9d\xac\xf7\xda\x89\x7fz\xfdA\x1e\xaf\x83\xc5\xddd\xd2\x8bL(!\x98F\x03\xc6\x1a\xc5h\xd4\xb1\xfez\x13rm\xedn/\x83\xcb\x94q\x98u0\xcd\x831&gt;\x10\rD\xab\xb1\xef\xa9\xae\x0eD\xbd-\xde\xa8\xbb\xde\xb1)\x1d\xc4\xae\xda\xe6[\xaa\xf2\xeb\x8f\x8f\x90\xe17\x82\x80\xb2\x9a\x15%\xe3\x135\x0c\xaa\xbdL~GX \x84\xa8ca\x85\x16\x86\xbf\xaa\xa0\xd7\xa1\xaeL\xd5\x8d\x14cp\x17\xdcO`\x10&gt;\xc5\x08cb\x01\x8b\xbf2&gt;:\xd7\xe1\xee+\x97\xdb\xfb\xbaM\xb4\xb1p\x11\x96\xe6.&amp;\xaa\xab\xe9\xa8\x06\xb8\xbc-C-\xd5\x01`e\xbe\xc2\xaa\xdb\xbf\xbf\xceu|\xf0\xdcXi\xf2r\'\xfe,^%\x06\x00\xe4\xb7Q\x96B\x12\xb8\x96\xea)\xfcE\xdf\x91\xd38nv)\x80\xd7z\xf1KV\x8f\x1fK\x9f\x04\x92U\x14\x0cO\xd4\x08\x06\xcc5\nq\xf1\x8cB\xa6\xbf\xe0\xf5\x94\xa1W\xdf\xc3\xc9\x06%\x82J\x97.\x92\x17LCC\xe8@\xeep\xf3:\x8c\xb19\x9a\xb8\x08\xcb\xbf\xe3\xf4\xf1\xc5\xb1\xc9\xf1\xdd\xdc?\xaa\xb8\x82\xd0\xb6\xcd0j\t\xc9\x92%E\x8b\t#\x8b\xe6\x1e\x8a\xc1\r%PZp\x08\x0b&amp;\x82A/e\x19\xbe\xac\x81\x9a\xa1\x83\rqcZB\x08\xa5#b\x83\x8c%\xec\x10\xca\xa0\x8c\xf8\xa6S\x93\xd0\xcb6\xd1\x9a\xa1z\x17\xcf\xd6\xc5\x86^L\xc1\xbe\xb4\x87\x91P\xc8\x18\t;\x95\xb0\xf7~\xe52\x85\xd8\tN\xa4\xa7\xf7\xbd\xef}\xef\x0f\xf1\x8fy\x08\xcb\xd1U\x13\x92\x95\xd2z\xae\xa8\xcb\x9aP1q\xc9\xdc~-\xa3\x931Q\xc0\xbf\x8a\xba\x80\xc3\xd1IL:\x1f\xa1{\xdb\xb6t\t)\x90\xb8L\xc8~+n\xb7\x87\x9f\xcf\xe4\x97\x05]\xd5\xaaH\x81\xe8\xc5k\xd3W\x1f\xce,a\xdd\xcfw\xe0\x01U\xa1p\xfd\x16\x8a(`\xf1_l\xa6\x9f\x1d\x1d\r\xfc\xd6)Bn1g\x9dWr\xaac ]"\xc7!\xdc\xa0\x0bu\xeaK\'\x02R\xc5oP@\xf8\xba\xa6PQ\x8a\xa0\x88\x0f\x02[\xdaA\xf9\r\xd9\xb2%\xdd\x00,\x13\xd6\x9f\xd05[%\xacZ\x8d\tb\x1a\xe3\xe6\xea$\xc2\xf3\x02@\xad\xfe\xf8\xe5\xd3\x19\x8c \x01\xeb6#\xc4W\\\xbd\xbe\xb9\xf3\xec\xe8\xdf\x0e\x04\x0fX\xeb\x9b\xbd\xe1\xc9\xa6l\xcbP\x88\x846,\xaaJ\xa2*\x10\xa6\x88:\x81+5\x93\xc2\x08\x041\x14\x94\xc0\xa5\xeb\x10!\'\x95\xae9\xb6-ii\xc5\xc2\x14\xd2\xc9\x17\xfc\xac\x12\x1f\xa0\x19\x97\x16\xaa\xdb\xdb\xcb\xc4E\xba\xb0\xb2\x9e\xccO\xe4\x91k\xd6\x1e\xdcy:KT\x8b\x8b\xd7\'i\xa8+0\xae\x8f?}\xb3\xf8\xcd\xb3\xa3a\xa73\xdc\x04\xac\x97\'}hl\xca1q\xbf8/\xca(\xea\x93\xd8\x03\xb91XT5\xf5\'\xe4F\xb20\x11\x84\xb3\x81KM\x94\xd1\xb2\xb3\x96f\xcai\xcc\x1eG~yr,5\x94\x86L\xba~\x9f\x9d)Tk\xdb\xdb\xb5j\xadZM*9717\x03]1\xd9,\xdc(\x14\x1e.N\xe6\xe7\x08k\xe5\xa3\x9b?\xacL\xae&gt;\xa6iu\xe2\x8a\xaa~\x1f\xbba\xff\xa0g\xa7\xd1\xdf\x8eE]\xe5r\x18&gt;\xc2\xb0\xe0H\xa4K\xd0\x92\x82\r\xd0?\x85[\xd1@h\xb9\xa8\xb6b\xdaY\x1b\xe8){\xc3:\x1e\xf8\xc3Q\x03\x96\xd3\x00]\xef\xd6\x16J\xddi\xe0\xda\xaem\xf0 \xb6\xda\xdc\xc2\x12\x8c\xa1$\xb6:\xc0:-?W\xadN \xc5\xae,\x7fq\xeb\xeb\xd5\xc7\xcf\xffn\xa1\x86\xaa\xb6\x15\xbb\xde\xd9\xd9A\xcfA_K\x92\x06\x9b\xd7E\xd0\x01A\xc2\'(!j\\K\x91+\x82\xbc\x14\x1e\xa0\xa3e\xc1\xa7\x93\xcdJ\x1a\x0c\x86{\x93\x8d\xc6\x81\x1f\xf4\xe3s1\x81\x0e\xc6\x7f\xe0\xf2\xf3\xd3\xd5Z\xed\x12\xd7\xfe\xc6Fm\xa2\xb4\xb44S\xe0\xfbF\n\xddG\xfb\xd5&lt;\xa1N|vsye\xfa\xca\xda\xea\x83\xe7\x03\x1f5\xacl\xc5\xbe\xe7Egc\xc02\xe07J\xda29v2\xecA\x85\x97\x07\x00\x92\x04XB\xdf\xec\x01U\x00\xd6/Y\x93\xb2e\x1b\x82\xd34\xd3\xb1\xeb\xa7A\xd0\n\xbc\x8b\xe1\xf1=s\x8b\xeazz\xa3\xdb-\\%#D\xb5\rT\xb5\xda\xfc\xec\x95\x1b\xdd\x9d\x9d\x9d\xc2\xfc\xce&gt;\x19\xdcGCL\xdc\xbe\xfd\xc9\xec\xee\xe1\x8b\xdf^\xb5Q\xc3\xe3Q\xdc\n\xa2\xd0\x0b\xc1\x96\x84\xe4$I\x16\x1d\x8cL\x89\x81\</t>
        </is>
      </c>
      <c r="M39" s="3" t="n">
        <v>45492.67650462963</v>
      </c>
    </row>
    <row r="40">
      <c r="A40" t="n">
        <v>90812</v>
      </c>
      <c r="B40" t="n">
        <v>1984</v>
      </c>
      <c r="C40" t="inlineStr">
        <is>
          <t>Marquinhos Gabriel</t>
        </is>
      </c>
      <c r="D40" t="inlineStr">
        <is>
          <t>Marquinhos Gabriel</t>
        </is>
      </c>
      <c r="E40" t="inlineStr">
        <is>
          <t>MEI</t>
        </is>
      </c>
      <c r="F40" t="inlineStr">
        <is>
          <t>MC</t>
        </is>
      </c>
      <c r="G40" t="inlineStr">
        <is>
          <t>MEI/MC</t>
        </is>
      </c>
      <c r="H40" t="n">
        <v>174</v>
      </c>
      <c r="I40" t="n">
        <v>10</v>
      </c>
      <c r="J40" s="2" t="n">
        <v>33074</v>
      </c>
      <c r="K40" t="inlineStr">
        <is>
          <t>Left</t>
        </is>
      </c>
      <c r="L4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77c4ced7-aac6-4986-84b9-dcd569ae75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91K\xaf\x00\x00\x03\x00PLTE\xff\xff\xff\x12\x12\x0e\xf8\xca;\x1d\x1e\x1b\x19\x19\x15\x1b\x1b\x17%%\x1f\xfe\xfd\xfd\x14\x14\x10\x17\x17\x12\xbd\x99u\xf8\xcc@#!\x1a\x1e\x1d\x16\xb2\x88h\xfc\xd3G\xb6\x8ek\xbb\x94r!"\x1f\xaf\x85c\xfd\xd8I\')&amp;\xfc\xcfA\xb8\x93p\xbe\x9cw\xbb\x98r\xc0\x9ez\xf6\xc97\xbb\x98w\xfb\xd5@\xb3\x8fs\xfd\xdbM\xb4\x8bg\xbf\x9a}\xfb\xcd?\xb8\x8eq\xa6{W\xf4\xc5:"\x1d\x13\xf2\xc35\xfd\xd7F\xc2\x9d\x80\x9bnD\xf9\xd0E\xcc\xaa\x92\xb7\x92l\xbb\x8el\xcf\xb8\x9d\xb2\x8ap\xaa\x81_\xb9\x98~\xfa\xd6F\xa8\x7f\\\xb4\x8bl\xb5\x88c\xfd\xd2C,.*\xa8{\\\xa0qH\xfb\xd28\xb8\x95{\xfc\xfb\xfa\xef\xb9-\xaf\x80Z\xbf\x93t\xff\xff\xfe\xab{T,(\x1f\xd2\xbb\xa4\xc4\xa0\x84\x0f\x0e\n\xc4\xa1\x89\xf1\xbe2\xbc\x9c\x7f\x9bqL\xc8\xaf\x96\xcc\xb3\x95\xbb\x93n\xb7\x94v\xf7\xcd9\xc2\x98x\xf8\xf7\xf6\xfa\xd2&gt;\xab\x85g\xb5\x93\x7f)#\x15\xf8\xc6&lt;\xae\x80`\xc4\xa6\x84\xc8\xa5\x8b\xc0\x9e\x86\xd7\xc1\xab\xbd\x94{\xb3\x90x\xc7\xac\x8e\xab\x89l\x8fpT\xad\x85_\xb9\x88h\xa3tM\xa5xT\xa0uR\x97tU\xb9\x8cf\x99x]\xfc\xd9@\xbe\x99\x84\xa4\x85j\x96i@\xc1\xa1\x7f\xf7\xbe7\x96jJ70%\xcc\xb3\x9f\x1c\x19\x0e\xa1xX\xf2\xca:\x81`E\xc6\xaa\x89\xb2\x85]\xe7\xe8\xe9ULB\xcf\xb7\xa6\x9e\x7fe}[7\xc1\xa5\x8e4)\x1b\xf5\xc7/\x8e`9\xb9\x9a\x85[A3&gt;8/\xa0}_\xf2\xee\xe9\xc6\xa5\x94\xc9\xa3\x86\xc4\x98}\xa7\x80c\x8chDN;-\xbe\x8ep\xa7xN\xf0\xb0,\xec\xc05\xfb\xd6.\xf5\xf3\xf0\xba\x8ew\xad\x8at\x86b&gt;\x92bB\xc7\x9d\x80bSF\xd8\xc5\xb7\xc5\xa4~\x92g9\x8ajO\xcd\xad\x99:&lt;&gt;\xe9\xb5%\xe4\xe0\xdc\xfa\xc45\xe8\xa8\'yV.\xf6\xbf\'\xbb\x9e\x87\x86\\3eK3\xf5\xb82\xaazf\xec\xe7\xe1\xcc\xcc\xcb\xad\x91}\xfc\xca;vaPqQ7uZBQTX\xee\xf0\xf1B5%\xa3\xa3\xa3\xa5\x8av\x8du`\x82hR\xdb\xd9\xd7\xb1\xaf\xad\xbb\xb9\xb3\x9b\x83m\xb4\x7fwJB7\xc1\xc1\xc0\x95|fmf\\\xfb\xcc0e]T\xd1\xbe\xac\x95\x8d\x87\xdd\x9d \xb2\x98\x84\xb8\xa1\x95\xea\xcag\xe9\xc4K\xc3\xac\x9e\xa0lXGJKM9\x1c\xc5\x9b\x85\xe5\xb8L\xb7\x81bjov\x7fI-|pe\xf1\xcfB\x87\x89\x8a\x89_O\xe8\xbe,\x9cv#\xe3\xd5\xc7?/\x15\x93\x97\x9c}xq\x8b\x82z]ag\xa1\x9b\x94\xdf\xd0\xa3\x87e\x1d\xaduya6\x1a\x94a]\xe9\xcd\x83\xbe\x9b.kBB\xf8\xdd^\xf4\xf1\xd9\x89T=\x86TRx{\x81\xb4\x89 \xf4\xe6\xa7\xd6\xac \xcd\xab6\xa5ii\xe0\xb54\xd1\xd9\xe0\xf3\xeb\xc4nW \xd6\x8e\x19\xb7\x89\x85zJM\xf6\xe0y\xc0\x95\x94\x9e\x88,t&gt;"\xd5\xb2\\\xf1\xdf\x8f\xd8\xb7\x7f\xd7\xe1\xec(j\x15j\x00\x00 \x00IDATx\xda\xc4\x98\xffK\x1by\x1a\xc7\x1bf&amp;3SfB\xbeP\x8e+r$$\x0c(nh\x16\r\xdbR1u\xd0\xb0\xd9\xcb\x91\xe0\x0eY\xc5\xdd\xd5\xa8U\\\x0f\xa7\x11OS\xdb`\x13K\xd5\xe8\x0f\xbaj\xe0\xb6 \x1c\xbb\xa1Z\xa24\xdd\xf8\xa5\x17+9i\xa1\xd0r\x10\xee7\xc5\x1f\x0f\xee\xbf\xb8\xf73\xee\xfd\x05\x97\xb4\x0fI\xc6\x8c?\xcc\xcb\xf7\xf3~\xde\x9f\xcf\xc7+W\xfe\xdf\xe2y\x9e&gt;\xda\x1eo\xcd&lt;\x8e\xb6\xb5\xf1\xc6\xf7O]\xe0y\xb1\xb5\xbd\xb5stZ\xc9U*\xd5\xf3\xd3\x8b\xc3\xe3\x9d\x83\xed(\x7f\xe5S\xc2\xf1m\xdbG\xe7\xb9\\2\x93Q\x15I\xd2TMS\xf5r\xb2z~\xb4\x15\xfd4\xa2\xe1\xa9&lt;\x1f=xy\xa2k\x8a\xc4HfY\x92e3#\xcb\xb2\xa4\xa4Rz\xe6\xe4\xe5\xc1L\xf4\x13\xf4\x93\x8f&gt;&gt;&gt;=K\x02*\x01\x14`\xc9\x1c\x98TU2K\xaa.\x99U=Y9\xdd\x89\xf2\x1f\x1b\xea\xe0\xe2$\xa3\x9a\x15M\x02\r\'\xc9\x8c\x19/\xb3\xaa^3\x9b%I\x05\xa6\xa4Ij\xf9b\xa6\xedc\x82\xf1\xdb\x87\x95\x94\x82\xb6\xc9\n\xc7q\x8c(s"c\x06\xa0D\x1f\x1c\']\x93d\x03O?\xff\x88\x82\xf13\x87\'EM\x919\x86\xe5X\x8e\xe18AdEA`E\x91ee\x16\x9c\x9cd\xe7\x18;\xb0\xb4T\xf2t\xe6\xe3p\xf1/\x8e\xaaEM\x92Y\x98\\\x00\x07\'\x02\x0e%\x98d\x96\x85V\xf8\x90\xa0\x98\x08\xe9 \x98\x92\xf9(\\H\x84\x8b\xa4asVd\x18A\xc4\xf3\x05\xa2\x12EF\x80n,1\xca,\xbc&amp;3\xcc5\xf4T\x91\x88\xab\xde`\xd1\x83CJ\x04&lt;\x1d\xf2\xc0R\xb2(\x98\xa8m\xe8!\xc3\x19\xfd3\x9a*\x18\xf7\x18NBbH\x99\xb3\x9d\xfa\x1a\x9f\x8f\x1eU\x00\xa5\xc8\xa0\x12\xa9[,g\xea2A-\xa8\x84~\x02\x88!`\xd2\xcc\x04\xbb\xe1\xab]\x96\x19IK\x1e\xae\xd6\xb5\x81;I\x82"\x08A\xa0\x87\x8b&amp;*\x01\x1d\x04\x16&lt;\x8f\x8b(\n\x8c\x1d\xbf\x10h\x008Fbh&gt;\xcb\x87\xd1\xfaa\xb5\xed\xe4\x0c*\x0e4\x02Z\xc5\xe2"\x90\xad\x04\x81\xbe\xe3\x8b\xd8E\x94&amp;\xdc$,N$\xdfQ\xd6J\xc9\xe3\xba\xb5\xb1\xed\xd8\xa0\x82X\x84!\xa2\xd0@\x822\xb8\x88F \x15M\xb0\x96 \x9a\x08\x97\xc6\x01\x9dddE=\xd9\xaa\x13\x17\x7fP\xd0\x12(\xb27\x15:\x89\x9fD\xd6\xf8"\x9a\xba.\xef\x9a\xba\x0c\x91L\xa21\x00\x86\xf5\xf1w$$\xfd\xbcN9\xb1\xfa6\xab$\xc4\x04{\xc9\xf1[z\x92T\x86\xbb\xe8JjuuQc\xa9\xbbDE\xf7a{\xea\xa4^\xa7\xfc\xda&gt;K%\x12,\x12\x81hL\x98@\x96r\xc1\xf0\xd5\xa5\xa1@\xc3\xd2\xc5\x04\xe9\xba \xde\xa5\xe7X\xcelG\xecK\xc8\xaf:\xacC|\xdbq\x16\r\xc4\xf8\x99\x0c\x03\x91B\xeco}\xa4\x02\x94\x1d\xe9\xc0\xb04\x81\xa2a5\x93@\x03`b\x19\x14\xe4\xd2\x92\x07u\x90k\xf5&lt;\x05\xbf\xd3\x13\x05\xe3Em2\x1e\x8f61\x88R\xa3\x9f\xb8 \x1d8c\x0c\x8c\xf0\xa0\xbf\x82\x12\x16\x8b\xba9s\xd8V{\xac\x99*\x0c\xcf^\x86\x83!\x96\xc0\xb2\x97\xc1\xc0\xd2~K\xe6.\x8b\xb1\xdb\x01\x89\x9b\xa0%\x8b\xb12\x99P\xb4\x9beM\xab&gt;\xae\xb9\\w^@\xad\x04\xf5\xd0d\xf8\xc9d\xa8CB\xa9\xba^,ft\xd5l\xb7c\xbfe\xc6\x85\x95\x19\xfb\x17f\xc6\x8e%\x00\t!S\x8a`\rW\xb4\xf2q\xed\x17\xa1\xedjJa\r\xa0.C,Z\xf3\x18V2\xeb\xc5\xf4\xde\xde^&gt;\x9d,\x973e\x14v\xf5\xd8\x0bb\xad\xb63\x97\x06\x14\x8dy\x14YY\xd5NWk\x8d\xb5zQL(\x1cb\tSF\x8f\xa3\xb5OR\x8b\xd9&lt;\x98\x96B\xa1\xa5\xfe\xfe\xd2\xfe\xfe~\xa1\x80\x17\x9d8 \x1e-\xdd\xac\x11\x19]D\x87m\xb5R\x99\xa9\xf5 \xd2\xba#\xb3\x84ex\x8be\x15\xb5\x98\xdf\x9d\x9aZ\x9a\x18\x0e\x85n\r\xaex&amp;\'\xe7\xbf\xffa\xb1{\xa0\xbb{qv\xb4\xb4_\xc8\x95\xb1u6VO\x84E\x17\r\x03\xab$\xb7j\xbd\xf0\\\xe8J"A\x81\x84\xc9GO\xe4T6\xff`}i|\xfc\x16\x90\xf0\x06WK\x8b\xcf\xd7\xde\xde\xee\xb7:\x1d\x8e\xee\xee\xd9\xd7\xa5BY\x97\x18\xd6\x88\xd6.\x81\x82C)\x1f\xd4X\xac\xd5\xaa\xa6P&gt;RN\x9aDQ.\xe6\xff\xf6\xcb\xdc_\xc7\x9b\x9a\x06Q+++\x1d\x00\x1a\x1a\xa6\xcfi?\x95\xd3\xd12?[*\xe8\x126\xfa\xe4GZ\x1fY)uX\xdb\r!\x1f=M%\x00E\xf1\xdd%\x88jv\xf7\x81Au\xeb\xd6J\x07\x15\xd1\xc4:\x86\xfe\x87\xe5\xb4z\xad~\xdf\xcd\xf9\xd1B\xd6l,\xdc\x94\xa8\x1cg\xd7/j\xbcO\xe5w\xcaF\x0b\x8d%/\x95\xde\xfde\x0eT\x06T;\xa1\x18\x12M\xb7O\x8f\x84\xbd\xa8p\xd8\x16\x06X\xcc\xe7\x1b\xddO\xaa4\xb7\x0c\xc5\x19\xc7\xa9/k\x8d\xb5]I\\\xb6\x905\xa9y\x83\xaa\x89\x1c\xd5\x01\xa4\xe9\xe9\x11\xffH\xdc\x1f\x8b\xfd3\xee\r\xd8l\x01[$r5\x00&gt;\xa7c\xa0e\xb2\xff$C\x9e\'\xb9D\xb1\xe6XW\xa2\xd5\x84\xb1\'\x15L\x894\xd9\nZ]R9\x9d\xd3\xfe\xb8\xd5\xea\xf5w\xb4\xfb\xe3\xde\xf0\xd5\xab\xaeF\x94+\xe0\xb6Z\xfd\x031\xdf\xe4\xeb\xaa\x8a\xf1\xe5\xecv\x89a\xa4\x7f\xd5\x1a\x8b\xaf&amp;\x10\x91\xd8t\x9a\x8a\xbbs\x1bs\x1b\xe4\xab\xc1\x95v\xff\xc8\x88\xd3\x1f\xb6\xf5\xf5\xb9\xe3\xed\xedq\xa8\xd5\xe0\xea\rv\xa2\\\rn\xab#\xe6\xf0\xf9\xee\xf6\'\x15$0KmT\xcej\x1d\xf3\xd1J\x02+5\xd6@-\x0f\xad66&amp;B\xe4\xaci\xa7\xd7;\xe2\r\x04\xfa@a\xb1X\xbd\x81\xc6\xce`\xb0\xa7\x07\xef^W\xe0wV\x8b\xc3\x12\xf3\xdc\xdd/&amp;\x90\xa7\x12\x83cc\xa5\xc6g\xb3;3\xc9\x04\x0e&lt;&amp;!\x91}077\xb7\x11\n\x85\x06\x07;:\xa6GF`\xf1x\xdc\xb2\xe6r\xfdi\xcd\x1d\x88lv\xf6\x06{\x82\x9d==\x90\xcb\x06.\x8b#v\xf3n.E\xdbU\x19+\x12\xf665N\x883\xc2\xc2\x14\xee\xce\xd1\x10\x86\x06\x87\x87&lt;\xe4w\xf8\xc9\x1a\xf7\xbbat\xb7\xbb\xd5\xeb]v\xf7\xc1Y\x9dP\xac\xb7/\xd0`s\xc6\x1c\xe0\xea\xcfj\xd8\xdf\xd8\xcdvs\xe5E\x8d\xb1\xf8\x0b:\x1e\x8aJz\x1dZ\x8d\x87B\xc3C7\x8d\xc0\xf2\x8f,\xbb\xbd\xcb.\x97\xcd\x12\xf3\xfb![\xdc\x16\x884v\xf64\xa3\x93\xd4\xc6X\xcc1\x10\x9b\xdfK\x999,\x8a_\xa8g5?__\xa4p\xe8\x91S\x94\r\x1bMD\xd5\xd22\xd4Ab\x85\xdd6(\xd4\xe0\x8d\xa3\x9b\xd6x\xdc\x8aF&gt;\xe9A}\x17l\xb4Y\x9d\x16\xc7\x80o\xf1\xa7\xf7X\xb9q.\xd3\xcej=\x88w\x0e\x8b\n*\xfd\x9f\xb9\xb9\xa5\xf1\x89\xe1\x96\x81\x81\x01\x04\xfa\x08\xca?mE&amp;\xb8P\x910l\x16\x88&lt;y\xd2\xd9\xd9x\x9dzy\xfd\xf7\xdeVK\xcc\xb78\x9aN\xd9i\xaf\xa8\x9e\xd6\\\xad\x83\x9c\xa2H\xa9\xfc\xfa\x1c\xa6p\xd8\xd3\xe2\x19Z\x19B\x07)\xd3\x97\x03\x8d\x7fv5\xc0\xe2Vg&lt;\xbe\x1c\xd9$\xac\xcd\xeb\x91H \x1c\xb8\x1a\xb6\xb6:\x16\xbb\xe7wu3\x83I\xcc\x1c\xd7\x1ck;\xa7\xe0T\xb5\xbb&gt;\x87\xad\x8c\xc7\xe3\x19\x1a"\xb1\xc2\x81H$\xb2\xf0\xe4/\x9d6\x9aGt\xd4\x1by\xd2\xdc\xfc\xc7fTO\xe7f$\xf0\x99\xd5\x8a\xe0\xe8\x9e\xdd\xd3%\xa8\xa5\x9d\xd4z\xbfu\x85\x7f|\x82\xe0*\xeen,M\x84&amp;\'}\x1e\x8f\xc3\xf9Y8r\xbdqssa\xb3\xa7\xf9\x9bH`\x99\x92"\xb0\xf0\xa1\xf9\xfe?\xee\xdf{\xfa\xf4\xab\xefz\x82\x8d.\x9b\xb5\x15\xd5=\xbfWT%\xd1\\\x87\xdd)\xff\xa2\x9aP\xb4\xf7\x0f6&amp;&amp;B\xc3\x93-&gt;\x87\xd3jkh\x84\x89\xf0\xeei\xee\x84\xbb\x16\x02\xcb\xcb\x0b\x1f\x82O\xef\xdf\xbfw\xff\xdeW\x0f\x83\x9d\x8d\xae\x860\xbc\xd5\xda\xbax\x97\xb0d\xbb~X\xf3\x93"\xbfz\xae(\xb0\x16a\xddE\x17o\xc6\x1c\xad\xb7{{\xc7\xbet\xb9\xc6\x10\x9e\xc1^W\xdf\x82\xdb\xdd\xf7\xe1\xe1\xbb{\xef\x00\xf6\xee\xe1\xcf\x9f7\xb8\xb02"\xe8-\xbe\xe1\xa9\xb4\x8e\x03l\x1d\x8e\x18|\xdb\x91\xae\x14\xa7\xb0\xe8L \xb4B\x13\xc3\x93\xf3?|\xfb\xe6\xe7G\xbdcc_\x06\x83c\xc1\xb1\xbe\xb5e\xf7\xdaB\xef\xc3w\xa8\xb7x\xbdy\xf3\xfc\xeb\xaf{\xc7,\x08\xd4\x9b\xc3\xfdy\x1d\xce\xac\xc3\xf9\x95\xa7\x1dWvi\x9c\x90B\x13\x0f\xa6\xfaK\xa5\xfdR\xf5\xf5\xab\xe7\x8f\x80\x06\xb6\xaf\xd7n\xb8\xd7\xd6\xfaz\x83\x8f\xde\xbe}szzz~^*\x95^\xbfzt\x1b1\xef\x19B\x17q\xca\xac\x0b\xd6A.\x91\x86\xdfq\xa2\xf8i7\x9fK\xe6\x92\xc9d9\x9b\xcc\x15J\xbf&gt;\x1f\xfb\xfc\xf6\xb77n\xdc\xf8\xbb\xa5\xfb\xc7\xd9R\xb5z\x82\xdf\x95s\x95\x93\x93\\n\xff\xc7V_\x8b\xc7\x13\x9a*\xaa\x8arR\x87\x7f\x8e\xf0\xabg\na\x85&amp;\xd6\xf3Y\x9c\x063\xba\xf1\xd63\xe9\xc2\xeb?\x18T\xdd\xcf\x9e=\x1b\xddK\x17u\xaaL2\x97\xab\xe4r\xb9\x7f\x8f\xfa\xda;\x06\x9b\xd6\xdfk\xacr^\x97\xff\x8d\\h\xd9\xf5&amp;\x1c\t\xd3\xd9d\xb2R\xa9\x14\n{\xc9,*_\x18\xfd\xfe\x06\x95{qqv\x1f\x07\xd9l9\x9d\xdb\x7f\xf5\xfc\xf9\x9b_K\x85\\zwr\x80\xb0\xb2ZB\xfb/\xad\xe6\xfb\x9aF\x9e\xc7\xf1\x85\xbb\xc3\xa3\x1c\x12\x91#\xcb\x11\x86\x8aRppe\x14\r\x1d1D-FLn\xc5\xe2\x1c\x9e\xde\x98\x99\xfa\xab2\xa6\x98T\xa4\x97\x1aC\xb5v45y\xb0ZM\xb6\xa6\x14\x8a\rv%f\xafg\xbc[\xdd\xb3\xb4\xc5@\xdc\x04kY!\xb9v\x0f\xa2P0\xf7$\x8fZB\x9e\xdcw\xd2\xfb\x13\xf4\xf3@\xd4G/\xde\xdf\xcf\xaf\xf7w\xe6\xef\x83\xb8Ib\xfd0\x9bx\nO\xfa666\xdf\xbe\xfeO!UJ\x11\xd1,0\xaf\x81\xac\xc7K@8h\x118\x14$\xdb\x81\xc0f\xd6C@\xca\xdc\xce\xee\xceN\xa1\xb6\x19\t\xc8\xd0\xcfXW\xfe9\x00,\x16\xeb_\xb3\xcf\x17`\xf8\xfe\xc6fegg\x07\x83\x86\xe5D0\x1b\x08,\x04\xb2n\xc2\xa0\x07[\x83E\xa7\x8c\x82?\x02\x012j\x1a\x1e\xb1\xd2t.\x1c\xc6\xbc\xe5\x80_\xc0`]\xb9y\xf7\xbbA`\x8d}w\xf7paFq?[btH\x05\xc9\xf2\xe6\x8bw/V7\xb6\xc8ZJ\x7f\xe3F\x0c\xcc\x9c\x1b^\x0f\x19(F"\xab\x9b\xe5r\xad\x14\xceIA\x85\x12n?\xba\xc2\xa8u\xe9\xc5\xdf\x06\xa2\xd6?~\x04X\x0e\x97\xb7\xbe\xb3\x93\xab\xbc]\x05\x8d\xfb\xf2\xa3\x97/W\xb7\xb6Ku\xe9\x1f\xbe\x8d\x81a\xa8\xc3*\xd9\xe2\xde\xe1\xe1\xe2\xe2\xec\xa3\xf9\x17\xdbn\xb9\x01\xd4\xc2RT\xa6a\xd4\xea\xbf\xed\xf9\x8c\xf5\xd7\xd5\xc3\x05\xd8\xb1d\xab\x871rk\xfe\xd1\xe5_M\xfc\xf4\xe6\xcd&lt;(\xc4B}\xe4\xc2\xb7\x19\x80e\t\xd5\xc9\xce\xe1\xe2\xf3\xdf\xfdv\xe2\xfb\xdf\xcf\xceo&gt;\xe0\xf2\x11\xc4@\\[\x81\x9fF\x16\xc1\x19\x0e$\xe5\xc7\xde\x01,\x01a\xb3\xa5\xb2\x91\xe7?\xfe\xfc\xcb\x95\x89_\xff\xf4\xef\xf7w\x13n/\xc1\xfe\xda\xc8,4\x96P.\x18IDVg/\xdd\xfc\xcd\xe5_f\x13\x1b\x0f\xd8\x08\x04Al\x01\xfctcq~0\x8f~X\xac\x1f\xf6\x16`I*\x95\x8a\x16\x13\xcf_\xbe\xfe/\xf3X\xee\xdd\xe6\xd6\xc2\xcc\xa4\xec\x1a\xb0\x1a\xcb\x99LF\xab$\xc8\xe2F1\x01N\xf1\xcd\xcf\xf3\x8b\x91\xfbK\xa0\xa5\xd9\x10\x99\x02`\xbd]{&lt;\x80KJ5\x8b\xf5\xac\xf8Ta\xb2\x15\n\xc1\xec&amp;s\x95\xb5\xb5\xb1\x95u{&lt;n\xb7_\xc6\xbdu\xaby\xdd\x18\x8f\x1by\x06\x89\xef\xc1\x93@y\xf3\xfd\xeb\xf7\xb5\xed\x9a7%\xcd\xe5\xf4\x10\x17`\xed\xb5\xf3\xf8c\x96\xba\xdfTW\xd7*\xdbO\x00\x16V/x=\x1eo\x01|\xfa\xa3Q\x00\xe5\x96\xc9\xae\x99W4\xcd\xeb\xcb\xaax&lt;\xa3\x85\xa2&gt;\x9f\xcb\x1d-\x81\xc2\x08\xe7B \xacV)[\xf1t!\x9d\xcf\xa7\xd7\xaf\xaa\xfb\xad\xd5\x81\xb3\xd7\xe9\xdcQH\x88T\xca\xbbd"\xb0:$\x97\xb3M\xd1\xa8\xec\x9a\x045\x0b\x14+M\xbb\x18p\x01{!\xf5z\xa2&amp;\xa5&gt;45u\x0e\xa5\xb3J\r\x00\xcb\r\xd9\xd2g\xe8\xbd\xbeg\x16\xd5\xea\xf5Zw\x9c\x80h\xc9\xbf\x84\xd8\xa4z\xa5\xc1`C\x086\xf0\x1a\\\xb3C\xa1i./\xdb\x19\xbdt"\x1dA\x10\x90&gt;47775m\x05\xceC\xc9\xe7*f\x10*\x7f\xdc\xca\xf7\x1dk\xac\xda\xea6\xd23.\xd4$C%\x88T/5H\xa5J\xa5axht\x14l.\nx\xdc\xfe\x19+\xa3\x13\x89\xa6\xf5J\xa54\x17\x9a\xda\x9d\x9a\xb2\x08q\x1e.\xe7*&amp;\xf9H\xfe\xa4w\xda\xf7Y=\x96o\x1d\xe5\'g\x042\xbf\x93\xcb\x1e\x1a\x1e\xd13d\x1c\xce\xd7\xc0\x8f\xc9P\'#\x96J\xc5l\xcd`\xb1\x071\x1db\xd2\n42K\x08\xe8\xc5\x97L*\xd8H\xb5\xda\xb8\xddo,\xf5X\xe3\xec(\xef\x84Q\x81_&amp;@\xb9\x17U\x9c\x0b\x1c\xfe\xd0Wb@%1\xa3\xc0\x06\xd9U\x99\xfd\xb8\x8a\xbfld\xb0\xa6\xa7\xff|\xe3F\xc6\x98\xb1\x80\x1f\x16\x1e\xce\x97M\xc2f&lt;Y=Y\xeb\xfb\xd2|\xd5\xdf\xe96\\\xb0S s-\x90_\r]\xb7_?\x8f[\xe3\xd7\xb8\\\x07\xd0\xca\xc8\xc8d\x89\x8b\xed\x19\xc6\x8c\xc52\xc6/U*\xa3e}n\x9d\xd6\xe1|3\x0cs\x07\x835\x96\xef\xb4\x18,\x14u{\n\xbc!\xfb\xb2\x18\xf8\xe9\xd1\xd1q\xcd\xb8\xd9\xe90\xf3\xf7\xe3\x99\xd8\xdc\xab9\x1d\xbe\xacb\xba\xbd\xc5\x02z+\x98\x92\xc0\x06\xd1:\n`)\xcc\x14\x95?9\xe8\xbf\xc5\xa8vZU\x13\x8c\xa2KD=\'\xe4\x88U\xe7X\xb74\x1a\x87\xd3\x8c\xe0\xf4./\xb3?w\x9b\xa6E\xa2}\xd52cac\x99\x18\x90oj\xee\xf6:mMra\x07\x9f\xa2\xd1\xfc\xe3\xfe\x8f\x1f\xea,}\xd4\x80\xd1%(\x9c\xa3\xa4&lt;\xc6\xae\x82\xbc\x1a_Q(\xec\xfb\xb1}\x8a\x0e\x81\x16\x8f\x83\xb9(\x8a\xc5\x9bM&amp;\xc1\x98\x1c[_\xa7\xa7\xe8\x90\x0eg\xc3\x0e&lt;I\xe7\xab\xcf\xd4\xfdn\xa7\xea\xddV\xba\x97V\xa0\x884\x1c\xa6x&lt;\xdchT\x89G\x01\xd5\x0cjD\x03\xe5%\xf1\xb2]lo\xba\x8a\x91@S\xd5\\i\x82\xee\x05\x98\xd6E\xb4\x88\x06\x87\x88\x8f\xc2\x93\xb89\x9e\xaf\xf6\xfd\t\x19\xeb\x8bW\xad\xde\x99K\xa1A0\x0c,w\x94\x90\xe1\xba&gt;\xaeH\xdfq6\xcfnN\\\x8a\xf85\x1ag\xf1\xd2\xc4\xc4\x9ff\xecv\x8d\xc6\x1e\x171y5\x07\xc0t:^\x92;\xe3\x82\x14v\xd4\xd6\x7f,\xd6Z\xab\xd5\xf1;\x18\xacp.G\xed\xef\x0b\x8d*\xfb\xb8\xe2\xce\xd3\xb4\xa3\xd5\xd9[Ld\x1d\x0e_ \x12\x89t\xd2\xe6}\xbef\\\x15\xfb\x8cE\xeb\xac\x94\x92/{\xe8l\xa4\x9bh\xa8\xff\xce\xe7\x1c\xeblF\x03a\xe1pXJ\xe9tZ\x90^\xa3\xae4\x08_\xdb\xb3\xddn7\xfch&gt;\x95:j\xf7L\x16as|Y\x18\x13\xcd\x9dc\xedS\xf8\xd0\xca\xc3\xc9\x06h\xf3\xb7\x07\xe0^\xd7Z\xbdV\xe7\x89\x13)\xd4ArYi\x8b\xd6h4.s\x05\xfeF\xba\xd7&amp;k\x1eO\x10\xb1a\x18Vj4\xe2:!\x18Cq-\xd3\xb4D\xb4\x95\xe2\xe1f\xf8\xa1D\'B\xf2k\x03\xd8\x02\x0fz&gt;G\xeb\x89\x83\x9d\xc2\x98c\x0cY\x85q\x1e\x87\xcf5\xa3~\xbf\xaf\xdd&amp;\xb7+%,\x8c\x95\n\x18\x06\xce\xd7\x12cvU\x8b\x88\xc9,\x1e\x8e\xe3\x12x&amp;\xb9N\'\xd9\x07\xfd\xde\xb6@%&gt;C\xf3I\x13\xac\xe0B\x98\r\xa3\xc2:\xab\x90\xc7S\xc9\xd9\x00\xcbEf\xcb\xe5m\x86\n\xac&lt;\xa5B\x81\xb2\xea,\xb18h]\xeb\xa2s,0\x12a8yJ%y\xf7\xfa\x8e\x05\xbc&gt;%A]3\xb0\x00\xb1\xd9\x80Z:0\x81\x85I9\x1b\xf5\xbb\xc9l\x96tG\x19\x11\x11\x93\'\x18\x0c\xa60J\x18c\xa6\xe1\xfa\xfa\x14\xad\x8d_\xc0\xe5(\xec\xc2OO\x93}_\x02\xcf/\xe6o\xa3\r_\xda\'0\xa5lJ*g\xb5jc#\xf2\x8b\x12\xb7\x8f1\xac\xa4\xdf\x04)1\x04\x91/y\xdc\x80\xcck\xa3t\xa1?\x02\xb1t\xda8\xefK\x1c8\x0c\x94\xa2\xe9\xe4\x9az\x00Xck\xe6|\xc3\xe7s\x9a\x10\xa5R\xa9\xb7\xea\xb4B\x88\xbb\xe4\t\x04\xca\xd9l\xd6\xcd\x1dR%q$\xcf\xe5\x9b@\xee\xd7&lt;%[=\x17\x02\x03[\xc8S\x8d\xf0\x0cl\x17,\xa1wi\xfa\x1e\xab\xffXj\xd6\xb3\xfd\x8fU\x9f\xcfoB\xc0\xfe\'\x05\x0b:\x11\x0c\x02\x0f].\x03\x8b\xc1\x95\xcb\x93I\xbe\x9d\xcdO\xe2\x06\xf0\xb77\xe8-\xd5\xeba\xadV\x1bWqF8l\'\x0c#\x14u0\xa6\x1e@%~q\xf5\x80\xae\xa6ap\x88\x98\xd4\xa6\xd4K\xa1`\xb0\xb6M\x92\xa4\xc7\x0b!\xf9F\xa3\x91o6\x1b\xbeF\x9e\x8f#\x04\xe1\xf5VJ\x85\xbaU\xab\x15\xaa8\xc3|\xb6\x00x^\xfa`@oz\xaa\xc7\x1e\xef\xda\x04Ln\xd9l\x06\xbd\xd2[\xa9\xd4j\xb5 !\r\xa7&lt;\xddv\xfb\xf8\xb8\xdb\xed\x1d\xb7{\xe9\x86\x99M\x98\x825\xc0\x15\xd6\n\xe3*1(W\x81\xe4\xe0\x9b\xab\xea\x81h\xf5\xc5\xe7\x97\xcf9\xce%\x80\x05AJ(\x08\xb0H\x8f\x89\x9d\xefv\xdb\xdds.@\xd6n\x7f*\xb6|\x12\xae\x9f$+\x95\x92Ah\x1c\x92\'\xe5\xe8\x8a\xfc\x19k`T\xe7\xe5\xa83\xb3m\x98\r\x81\x0c\x04P+\xbb\x15\x08\x14\x8b\x1f&gt;D"\x1f\xfe\x1f`(&amp;\x12{\x9d\xe2\xc6F\x80\xacx\x95&lt;\x8e\x98\rz\x9b\xd3po\xb0oR\x8eMs\x11\x08S"@-oe{k#q\xb8\x98\x00L\x9f\x8e\x8f?\x81\xe8v\xbb\xe0\xcb\x87D"\x12\xd9\xebl\xb9\xbd\x06\xa3X\xcc5\xcb\xcd\x02\xeb7\x03\xc5R\xb3\xfe\xc2F\xc0\x0e\x01)\xa5J"H\x06\x02\xd9\xf6\xa7O\xc7\xdd\x93#\x10\xd5\xa3\xea\xc7\xd3\xd3\x8f\'\'\'\xdd\xa3\x8f\xa5r\xa4H\x9a\x869\xe2\x8br\xb6\x1c\x15\xbc\x1aS\x0f\x16\xeb\xe0\x7f\xbc\x9c\x7fH\x9b\xf9\x1d\xc7{D\x93\x1a\xea\xc3\xf3\xe4!&lt;y\xc2s\x0f\x8f&lt;\x0f\x83\x04\x92\x99,\tM\x16/5\xd7\x9bM\xba\xe4*qx\xa4\x91\x98\x9aDi\x0c\xdeM&lt;eF\xce\xd2x\xd4\x80tZ\x07=\x8b\rdzL\x85\x9b\xa5\xedZ\xef\xb0\xdd\xdd\xee\xda\x1e]\xbbn\x14\x15\xbbR\x07\x1b-\xf4\x07\xb4\xeb\xc6\xd8vt\xefo\n\xfb\xbb\xd7k\xf21*Q1/\xdf\x9f\xcf\xf3\xfe~&gt;\xcf\xf3}ll&lt;\x86,\x8a\xdepG\xa6\'\x9d\x8f7b\xfcC\x94\xb1\xfeB\xb0&gt;\xfb\xec\x9f\xb0\xceC\xc7N\x14\xf2\x14\x17\xa2)Y\xa6\x1c\xd2Few\xe96k\xc6\xa2\x14\xd4\xf2\xca\xc4!"\x8eHc\xbc\xc3\xdb\xd1\x06\x16\x12S@\x9a\x8a]\x8bF[\xd0d\xc5m\x14\xc7\x84\xactl\x8a\x1d4\x8cUT,rYq\xb7$O\xc1:\xbd\xf66Qt\x8a\x88X\xe0\xa0=6E\xb9\xdd\xed\xbfr\xb7\xcb\xf2\xae\x06S\x03Z\x9e\x860-3\xbb\xac23%\'|\xefi*\x8c\xb5m[\x91v\xcaS\xc4!\xec\x84I\xc41\x19\xf6\x86cr\xe3xOO&gt;\xd2(s\x1cg\xa1\xad\x0c#\x8b\x82\xc0X\xbb\xe5\x18C\xf9\xa5bs\xa5\xb1\x9a\'\xdf\xa3\x1aE\x19\xd1\x11\x16\xc5\xb0\x1ca\x9d\xa2\x93Bd\xe0\xf7\x91\x08KQ\x92$\xd1\x9c6&amp;\x90\x8d\x10PL\xf2\xf9\xf7W~\'?\x96\xc6\x86\x03\x8d\xb2\xcc\xc9\xf0\x08\xb1\xd1\xc9\xb2\xacDQ,\xc5\x8e\xa7O\xc0[%\xd6%I.\x9a\x89\x99ZLa\x8e\xa6\x19\xabo"\xb1\xb0\xad\xf2\xa1i\xda\xcd\x1e\x80\nH\xa3\x17\xb6\xea\x04\x92\x93X\xa6\xcd\x9d\x1f\x8f\xe0\t\xdd-Y\xc9\x85\xc6\x96\x06.\x14\nY]\x13\xbdU\xc1\xda\xb6\xed\xb8\xdf\xcf\xca\xe1\xb0\x18\xb6{\xc3\x1c\xc9\x1f\xed\x84h\xed\xed\x14\x0bB\'G6\x1c\x98\xd0&lt;\x048FK\xfb&amp;ff\xa8\xaa`i\xbe\xf0t\xf9\\\xb4\xec\x0c{\xed$O\xb4\xe4t:%\x97\x95\x9cH:r\x04=2\xdaV\x88\xf5N\x80\t\xd1\x0e\xf3\xcc\xa8\xd9Y\x1d\xac\xbd}\xc1\xa4\xbf]bi{\xd4.\x86\xb5p\xf2\x03\x07\xba\xbb\xad\x18g\x8f\\\xbb\xf6\x96\xa9\xbc!\xa9\xa5\xc5\xc4\xb1\x8e\xa4y~4\x98\xa2\xab\x83\xf5ao0\xe5\xe9R\x1c\xac\x88\x81\xd1+0r7\xe5\xa2b1S,\x16\x8d\x8e\xb44\x98\xc8\xe5\xeb\xa8`I\xa4\n\xd3\xf3\x85\x94;\xc5\x8dU\x03\xabi\xa47\xd8\x9f4\x07\x83\xe9\x9e\xa59\xbb]\xe0\x9c\x11\x8aB\xc7\xda!b\xf4\xb8\xf4\xe1\xc8\xa1\xb9@4\x1a@\xfe\n\xa5R_~\xdc\x9d\n\x8f5W\x05\xab/\xa88\x92\x85B\xa13\xb3\xf4\x95\xdd+\xc6\xe3\xc72\xc3qQ\xec\xe8XZ\xbat\xe9\xab\xa5\xb6@ \x8c\xa9b\xa6T\n\x8eG\xc6\xf3\xd5\xc1jn\x8d\x9a\x83n\x87#U\xc8Mw\x0e\x9fY\xca\\@\xbf\xf7\xe9p&lt;.\x1e;C"s\xe6\x98(FR\xd3\xa5R\xae\x13T\xe3\xe3\xc9\xea`Mz\xcd\xa9~\xb7\xad\xbf\xbf\x90\x1b\xf8\rz\xbdO/\x9c\xbd0\xdc3\x9eAk\xdf\x93\xef\xe9\xc4\xe4\x93\xcf\xa7AU \xfd\x05\x15\xb1)U\xc1\xd2\x8c\x89\xe6d\xbf\xdb\xed\xeew\x14r\x9f\xfc\xfaBf\xf8\xec\xd9\xb3\x9d\x18`1\x96a\xe0\xe8K#:\t\x15F\xa4F\xd9\xc9\xb6+\xde\xaa\xa8\xb5\x10\x0f\xa6\x147\xf4J\xd8\xfar\xb9\x81\xce\x1e`\x9c\x18\x98F\xad\x15\x06r\xd3\xd3\xd3\x85\xe9\xe9\xdc\xd3\xdc4\xa8D\xd9\t\xfbW\x02UQk!A6\xb3\x00\xcb\xc6\xda\xd2\'\x06\n}\xbd\xe6\xde\xe9\x1c\x89i\xf2\xa9\x94+}\xfc\xf1\'\x03\xe9\x08\xb9\xa6N\x03\xcbQ\x15\xac\xe6\xa2-\x95\xecW\x1cn\xb7\xc3\xc6F\xf2\xe9\xf4@n\x14X\xa5\xd2\xd3\xd2\xf3w(8p\x02e\x85u\\&amp;\xabeU\xb0\xd06+)\xb7[Q\xc8\xcej6\x12\xcfg\xc6\xd3=\xfd\xa9\xbeB!h.@\xb0\x02)0t^hz\xc4\xffcU\xfe\x8e;M\xd3\xf1\xae$\xb4\x02\x95\xc3fK\xb0\xf9\x9ex$\x1e\x8f\xd8\xd2\xe9\xccx\x7f:3\xdc\x93\xc7\x98\x1d\xcf\xc4\xd1\x1dr2\xc7\xa0\x15S\xaa\x82\xd5\xfac\x0f\xa8l\x0e\x9b#oKPR\x04F\xea\xf5\x8a\xceq\xc2B|5\x13\xefX*\xcf\xb7a\x99!;&lt;\xd9\xaa\x94\xbcf\xf2\xfd.\xe4\x10\xe5\xeep$$\x9a\xb6 [\xe4\x1a\x9e\xd8\xb1\xd4\xd6\x06\xa8\x0c\xe6\xa26\xaf\xd7n\x0f\x87I\x03M\xd4\xb2,T\x1cK\xa3Y\x90&amp;\xdc\xe5\x04&gt;\xc7\xe28F\x08\x908t\x88\x9c\r\xc4\xba\xd8\xe1%\x17\xf4\xc2\x1c\xf9\x0eGK\xac\xa2lTz\xc2\xd0h\x9a\xf6z&amp;\xc0d#`6\xca\t\xac\xb0\x100\x99\xa2s\x87:\xece\xa06\xbb\xdd\x1e\xb0c\xbe\xe0\x90C.$%\x14\xf3\xde\n\xf7\xf2\x1a\xcd\xe4\xd7\xbd\xbd\xa9r\x0eI\xbd\xb3N\x0b\xa1\nd\x03\xd1\xb9\xb96\xbb\x97\x9c\xf8\xb2\xcf\x05\x02\xc6\x06\xa3\xc0\xf0\x0c\xd0,\xd2\xa0b\x8e,T\xf0&amp;S\xf2/\x02\xc6F\xe6\xe7\xcd\x8a\xfby\n1\\89Nh\x08\x98\xb2\xd9\xe8\\t$z\xd0n?\x04\xa9\x02F\xa3Q\xcb0\xbcV\xcbXh\x9aU\xfa\xbav7i\x9a+HU\x8c\xe7\xe6G\xfb\x14G;\n&gt;\xc1\x92y\xc7\xc2\x08h\x92\xb3\xd9wZ\xd0\x02\x1e\x0c\x10*!\x90\x15x\xa3\x11\xa5\xc50\x16\x8b\x94H\xf5z\x12\xc7+r\x03?\xfe\xd6\xe6\xd6\x8d\x9f\x8d\xa4\xe6\xe7GG\xcdJ{;\xdb\x0e\xad0\x11Rd;e\x83 d1R\xb4\xa0\xeeI]\x05\xb2\x06Ak4\n\xa8y\xcc&gt;._2\xd8\xd5\x95|\xbf\xd8\xa4!;)4\xafN%R\xe8M\xad_\x97J\xa3\xa0\xfa\xc5L\x9f\x02$\x8c\xa9,\x8eC\xda\x02,\x83\x00\xc5\x8c&amp;\x93 \x08\x18\x86\x02\r\x04\xca\xa0\xe5y\xa4\xb0\xbb\xbb\x8c\xe5\xef\xf2\xb86\xc6&amp;\xc9\x7f\x16x5`\xe4\xf74M\x9e+\xfe}c\xe6?3\xbd3\xa3\xbd\x88d\xa2\xac\x13\x061\x8b\x85\xb8\x00 \xf00@4\x10\x86\x91@&lt;%T\xa1\x90\x05\xa3\xec`\xd2\x93\xf4\xf9\xfc\x13\x13\x97\x1f.\xae,\x9e\x9b|\x15\\\x1a\xcd\xa9\xf37\x96\x97\xef?\xb9s}\xab\x84Na\x06T\xe6\xa4\rC\xaa\x95&amp;\x01,^k4\x08\x06\xadA\xab\xdd\xa7\x158\x0bo(3\x1ax\x86+cI\x83\x13]~\xdf\x1f|\xfe\xad\xb5\x7f\x9d\xbb=;\xfb\xf9\xf9\xef\xbc\x89\x0bB\x15o\xa8\xeaT\xba\x1b\xcf\xee\x9c\\\x9f7\x07=f\x84GA\x0e\xe9\x10Rd!\xe7A\xb4\xc0\x10\x04R\xdf\xb0\x03\x0b\x0f\xc5\x0c@\xd4\xe28\xe4\xf9\x10Mw\x0f\xfa\x93&gt;\x97\xcb\xe5\xdfz|w\xe1\xbeZ]\xaf\xbf9\xf4\xdd2\t\xa9V&gt;\xd7\xd5\xd4\xe9t\xcb\xcf6\xd6\x1ely\x10f\xbc\xa3\xb6$\x94:\n\x9a\xb0h\x8d\xd9,\xfc\x00oZ\x86xk\x99\x87&lt;\x00\x07\x7f\x90\x80\xe5\xc2\x14\xe9\xf9\xe3\xd1\xbb\xf7n\xea\xf5;j\xf5\xb7V\x87\x9a^\x1a\x0cR\xad^&lt;\xac\xdeQ_\xa3\xd2\xcd.\x0e]~\xb4n\xee\xf2x\xc8C\xf1\xa1\xda\xf1\x8a\xc8\x9f\xd6ba\x905\x900\xcc\xbe}\x02\xcf\x85\xf15\x12&lt;\xa1\x0bY,4\\\xdeo\rY\xbb\xe7\xd7\x7fxw\x0cX\xea\x1a\xdd\xce\xd9\xe5\xd3/\t\x06\xa8s\x7f\xde\xa9z\xf3Mrw\xb9J\xb59t\xe7\xe8\x83\xf9.\xffDrb"\xe5O\xb8$:D\x8e\x7f\x8e\xbc\xba\x81$\x0c\x1f\x05\x80\x84y^\xd0\x92\xca\x82t\xa8\xbcP\x08\x8bO"\x11\xda\x15\xf2m=\xfa\xf97\xa7\xee\xab\x81U\xbf\xf3\xddz\xf5\xd5\xd3\xc5\x97\x00\xd3hZW\x97\xeb\xc8]\xda\xfa\xdb\xcb\xaa\xda\xba\xabO\x8aW\x1e\xad\x07}\x0e\xc5\xe7W\x80EK\x9c\x16\xda\xa0\x98\xb4\x84\xe2y\x08&lt;Or\x87\xa2\':I\x14\xcd\xe09\x8d\xaag\x0c\xda\xbe\xf5\x0f^\xbf\xf7d\x19X*\x9d\xfe\xdd\x1d55\xaf-\xaf|\xdb\x83\x12%9\xf4\xbb\xc3\xaa\x1d\xba\xda\xed\xfa\xd3\xc5\xef\x1f\xae\x85\\\xa7\xee\xac\xfdmF\x91\x126r\xc3\x18r\xc8\x95s\x85jb\xb4\xfb\x90F\x13\x16\x1cT&gt;VA\x14:\x0e\x06p\xa1\xfe\xc1\x88\xc3\xd1b0v\x13\xb1&amp;O\xeb\xd5j\xdd\xed\x95\x1bj\xbdj\xfbO_S\xdf\xfaV\x82\x11\xa3Z\xbc\xa8.\xdf\x8b\xb6ss\xe3\xca\xda\xfa\xf7\xeakfW\x87.\x9f|`\x865$\x06]\xa4\xcd\n1$k\x06\xac\xc8&lt;\xc3\x1b`UY\x13R\'\xc0C\x11!^\x1b"TH-\xdc\x0b\xee:\xf1\xe0\x83\x1f\xdc{rU\xa7\xd6\xed\xc8&lt;,\xde\xd7\xebj\xebT\xdb\xb7_]y\xe15\tJM.\xde\x9c-\xdf!\xa7[^\xd9\x7f}m\xed\xe4V\xbd\xaaf\xf9\xd9\xb9+\x8f\xcc\xe6\xa0\xc2\x96OB\x92CP(\xd7\x13J\x0b\xb5\xcf\xf1F\x13\xb2j\xe9\x1eLH$\x97\x04\rb\x11\xab\x00qh\xfd\xe4o\x1f\xb6n\xea\xf5:\xdd\xef\x1f\xbf\xfdMq\xf3\xaan{\x9d\xba\xeeG\xfa\xcd\x17,}@\xad\xde\x9a\xd5!ju\xcb\xa7\x8f\xff\xf7\xcb7\xd6\x8e\xae=~Z_\xaf\xda|vg\xed\x01\xdcT\x81\xb5c\xc1\x81\x81\n\x10\xc9P~m\x9e\'9ehW"!\x11\x95\x00\x8a\xc0\x8f\xe0\x07\xb2\x1f\xbd\xf5\x91\xff\x1f\xbf\xbc;\xb98\xabV\xab\x7f\xf2\xef\xd7\xdf\xdes\xfd\xaf_l\xde\xd6\xd5\x80\xab\xf6\xe2\xea\x0b\x08\x86J_\xfc\xd3a5\xa0 \xcf\xf9\xfd\x97\xdf\xf8r\xcf\x9e\x93kkG\x1fo\xd5\xd6\xea\xcf\x97\xb9ffX\x81,z\x01\xe2\xe5\xa4\xa0\xcaf@,\x14ZA\xc8rM\x11\xcf\xe0\x89\xcf\xa2\xb5\xf8\x1f\x1fg\x14\xda6~\xc7\xf1\x9c\x9ch-J\x11\x18Y\xbbT5\x021Ub\xba\xc3\x0f~\x908s\xdaC|\x876{\x88\x1a*2\x02~\x1a\x0c?D\\\x86q\xd3@\xabA\xe9\xf6f\xfb\xde\xe2r\xf6\xd9t`\x16\xfc\x90,\x0fM\xe0\xc2e\x99!9RB !%\xb9\xa5-\x87C\x0bm\x1a\xd26PJ\xaf\xdb\xf7\xa7\xa4c7\xb6\xfb\x19+6\x89\xad\x8f\xbe\xdf\xef\xef\xf7\x97!\xd6\xc8Hi\xe8\xe9\xed\xe4\x8b\x89\r$\xeb\xdc\xcbb.p\x1a\xf6\xd1\xfa\xdb\xf9\rk\xa0\xff\xd33\xf5\xad;?\x0e\xf6\x13\xba6\xcd\x16\x0ei\x10X\xf5\xdd\xd1\x95\x8a\xd3\xe8:\x92V\xa9h\xdb\xcf\xbe\xeb?\x8bx\xf5\x9e\xdd\xbbu\xebW?\xfd\xe5\xd8\'#c\x18\xa2\xa8\xb1\x1a6CC\xf4\x93\xfa\x0f\xfeB\xac\xd3E\xf2\xfc\xf9\x11\xaaR\xe9\xca\xb3\xd4\xc1\xec\x1c\x1c&lt;w\xf7M\xb2\xd3\xb4\x1b\x9a\xd6\xed\xae\xf6\xe6\xf7bg\xdf;3\xbc\xb6{\xe7G\xae\x0eD+\xcd\xdc\x1atf\xa3\x03\xd6\x93\xa9\x9e\xed\xa8\xc0\xb29\xb5\xe8\xd8v\xa3\xbb3\xd0\xbf\x16\x0eU\xe2\xc2\xbe\xb0\xbf1b\x1b\xab\xd5j\xa4Ii\xe4|8\xc0B\t\xb1\xa9\x81t\xa4\x94G}p\xe1\x10]8\x8dd\x9c\xfb\xeb\xbe!\x13\x96$\xb5\x8e[\r\xafw\x7f&amp;\xfa\xe9Y\x96\xbd\xfa\x7f\x87\x18\xcd\x84\xfbW-6\x16\xc5\x18\xdeX\xe8\xa9\x8eV\xd4\x9cr\xb7\xe5\xa9\x92\xd3@=\xbd\x0c_\x9f\x7f\x19r}t\xa1T\xbaV"\x94\x12\xe1\xd5F\x08\xab42\x06\x91j\xc0$\x15k!S\x16\x95\xf9d?xtsb\xe6\x1c;x}\xdfu9&gt;\xd7hi\x8a}\xdcm\xab\xd2\xfa\xdb\xb9\x99\xf7\xce\xb2Qkf\xee\x7f}\xe5\rJM\xcc\xcfX\xa4\x14\x16\xc0\xf9\x07\xabA\xa0\xa9\xe0\xb1[]GU\x14m\xbb\xd1h}\xd7\x1f\x19\xd8\x0b\xb9\xfep\xeb\xb7C\xa5L\x86\x94\xc8\x87\\\xa1S\xa5\xd2\x18\xbc\x1d\t\xb9\xc6j\xa5R&gt;\x93\xcd&amp;\x12\x89\xf1\xfc\x95m\nV4:x\xf9\x9e\x8d\xf2\x19\xa7k\x8b\xea\xf1qY\xcbq\xf6zv\x17]\xdf\xcf\xde\xf8z\xf1\xbf\xc1\xa0\xd4\xec\xe2\xd7\xc3\x80\x8aE#\xf5\xad\x07+6\x984\xad(\xa9\xedr\xab\xe5\x18\xa2(m\x93\\\x03\x91\xfe\x13\xae[?\xff\xd9\x85|&amp;\xac\x90\xac\x94/\xe5\xb3!!q\x8d\x84Je\t*\r\xae\xa1\xc3\xea\xc1\xec.KTN \xb9n\xaa\x897\xe5\xf8\x16\xb0\x14SqZ\xeb\xe9\'\xf5\x81\xb3\xacu\xe3\x1f?\x8c\x18\xa4\x9a\xfe\xf63\n\x15\xdb\x1f\xdbXX\xa9\x04\x1a\xb0*\x9a\xc40\xaa_&gt;n\x19\xa2\x99s\xb5F\xe3%}\x0by\xef\x9f\x7f\xc1X\xc5\xd9\xf9\xfb\xf9\xcc\xf8x\xf6\xb4\xf2\xd9L\xfeD=\x82\xa4D\x91P\xe9t:\x91\xfe\xf3a\xf5\xd5\xcd\x05+\x12\xb9|O\x0b\x94x&lt;\xa4*\x97\x93\xf6q\xcbWLQ\xd5l{\xe5\x9b\x8d\xd8\x19\xd6\xfa\xec\xea\xfd\xff&lt;\xe5\xf9\xf8\xce\xd6W\xa7R\xcd\xcc\xf7V\xed\xa2\x84\x82Z\x92+\xfa\xe5r\xab\xab\x8a\x8a\x19\xcfIv\xf7n\xc8\xf5|\xa2\xb7\xbd\xff\xd1/&gt;\x1c\xbb\x96I`\xe7\xef\xc82\xa1|\xf9w\xcf\x88)=\x9aNd~\x17\xc8\x8f\xa7\xd7@\xf5\xba\xb8\xb4\xb4$\x05v\xab\xec0\xa2\xe7\xab\xc7\xe5\xa6k\xf2\x8ac;\xed\xa3\xb7\xf3{\x03\x83\x96u\xe3o\x0b\x97\xfe\xfd\xcf\x83sW\xe9j\t\x18\x0b\xf5\xdd\x07+\x9a$1.\xa8\xe0\xa2d\xf8-\xc2\xeaj\xa2\xc8\x83\xeb\xf6\xfe]\xbaj\xc1\xde\xf3\xd9\xef\x83\xc3+\x1f\x8e\x952\x89qh\x92\x08\xed\xca\x12\xd4\x17\xb8\x9f\x04*\x91\x98$\xac\xd1\xecP\xa5\xf0bb/\x821Z\x0c\x82\xe0\xb6m\xb7\xbd\\R\xd7\x05\xb5\xd5m{\x8a\x1eb!\xc4\xeb\x0fv\xeb\x831\x80};\xfd\xf9\xa9b`\x8a\xc5b\x11\xeb\xc9rO\xd5\x18\xa9\xc8\x80\xccC\xe09\xaf\xacj\xed\x90K1\xcd\\\xce\r\x1a\x0f/\x0f\xc4"3\xe0\xaa\x1e\xfdzl$\x9fI\x84E \x89S\xaclH\x9a\x0ekt4\xf1\xfev\xf5`\xe2\t\xe2~\xaf\x18\xb8\xae\xcbpqA\x16t]\x17\xbd.L4u\xdd\xd4\xd0\xf2\x12\x9a\xbd\xb7\xb8\xc1\xb2\x96e}\xb55}\x121\xb4\x1f{.\xb2\xb1\xd8\xab\x04RXL\x91\xe1\x18\x95\xe1\x1c\xdbP\x9a\xed6\xa6\xc4;.\xfb\xe9N\x94\x8d\xac-~\xfe}\xb5\xf2\x06\xed\x979I5jr\x1c\x95\x18\xff"|\x02\xf7F\x89+Q\xabT\x0fnnE\xa3\x17_\x16S\x85BR\x10\x84$o\xf2\xa0\xea\xf8\xadV\xbb\xec\xcb\x02\xcf4\xb1G\xcdq\x82\xd5\x07s\x16qYW\xff\x1eN1\x1a\x0b\xf5\xb9\x07\xab\x08\x13)\x05,F\xe28\x91\xf3=[\x13\x19\x1f\\-\xdb\x13\xc58|\x0c\x9c\xfd\x1d\x16\xdd\xba0{P\r\xde\x84\xfd\x16*\x83\x9e\xdb\xeff\x00\x00\x05\xddIDAT\xcd\xe4\t\xd8d"\x94i\x94\xb0\xb2\xb5\xd5\xea+\x9c\xcdD\xd9\x9d\xc3T!\x99\xc4\x811\x8cb\n\x82\xd9\xf1\xcb\xad\xb6\xca\x94U\x99\x17i\x87\x9a\xed\xb8\xf1\xcd\xde|=\xe4\xb2f\xee\xdf\xb9\xd4\x17\x8d\xc46\xa6z\x8e\xc4\xb9E\x8e#\x07Q\x8aa\xf8\x9e\xe7;"\xc2\t\xae\x86\xcd\x99\x88}\xca\r\x82\xa7\xd7Y6R\x9f\x9f=HU\xdf\xd4\xf2hG\xa2H///O\x86\x95&gt;\xa5\x82^\x89\x90j\xf1F\x94\x1d|\r(\xc3\x85Y\x8c\xa9\x9fP\x95}\x8fa\xfc\x96!\xe8\n\xd3a\x1c[\xe3e=XYX\x1b\xb4b\x04\xb66\xd77\x00\xa96\xf1\x12X\xaf\x80\x8b!.\x8ew\xda\xbe\xaa:\x9e\xc85}\xdfo7\x1c\x91\xb0\x88\xeb\xdeE\x9c5Y\xbb\xb3/\x92\xd5\xd5\xb7\x19Rkttj\nX\x10\x0bX\xa3\xcb\xcb\'XD\xf5\x08\xe7Xh\xa6\x97\xc5B!\x87F\xe2\x0cA\x96\xf9N\xb3]n{\xa6\xa0\x8bR\xbb-\x08\xbc\xd2\xc1\x90Pe9\xaeI+\x0b3\x83\xc89\x81\xf5\xed-\xa0\xff\x8aE\t&lt;\nC\\\x1e\xa8\xbc6hT\xc7\x17\rFkv:N\xc33s&amp;\xb8R\xaev\xef2"\x1c\xdb\x9a}\xfc\xa8\xba\xf96KP\xc0\x9a\x02\xd6\x1f\xf3\xe3\x93\'L\x84\xf5\xa7\xd5\xaa\xfc\xf8\xcb=$\xe4\xeeaR\x8f\xe7r\x9c\xc1\xcb\xb2\xae@}\xdf\xc3#\x81\x88|\x1et\x1d\xa7l3\xb2\xcc\xd8\\r\xfd\x9b5\xea?\x80\xf5a\xa9a\x98b\x91$\xe68\xc2b\x18\x83\xf3\x19\x8f\xb0\x1c\x91\xe7\xbcfG\xec\xd8\x90+\xd4\x0b\x82=\x04W\x0c\x1f\xf7B\xae41Q-\x8fg\xf2\xd72\xcb\xcbSS\x80ZN\x7f\xf0&amp;\xa5\xbf\x98}\x82\x83\x1f~\x1d\x8f\x17\x90L^\x00\x02\xde\xb5)\x12T\xd2\xe0\x05\xd9\xf4&lt;x\xca\x00\x8b\x0b\xb1\x84\xcd\xf5\x85\x99(q\xc5\xfa*h]\xf2\x8d"\x15\xba\xc8p\x86j&amp;\r\xaf\xe996Z\x10\xea\x89\xa2\xea(\x84\x95\xcb\x01-xxq\x10C\xe5\xc9\tW\x82\xb4\x99"\xd72Xv\xf2\xe4$\x94\xfb\xcd\x9bT\xe1\xe0\xd2\x1c\x922L\x16b\x12\xf0\xba\xa9t\x9a~S\x01\x94\xccsE\xc3\xd4e\xc1 \xb9\x08+\'\xcb\xaa-\nf\xb02\xb9\x16\xb5\x08K\x02\x94KqWO\xb1\x14C\xc5\xa1\x08J\xd3\xd3l\x85\xe7E\x86\x11MFcD^\x8f\x87\x95\xaa&lt;\xec\x1f\xc4\xa2\xb01q\xf3U\xd5\xad\xd8N\xa5R\xa1{e\xfd\xe8h\xfd\xb4\x8e6\xab\x07\x97\x16\xeb\xb0\xe3\xfa~!\xae\x17\xe2\xa6\x9ec\x98N\'\x84\x128U\xe3L\xf2T\xf0\x15Yg\xdae\x87\x97\x05\xcd\x16\xf5\x9c\x9b\\\x9d\x9ca\xc1\xd5\xe7J.\xbc\xc3\xa8\xd3$\x8c\x05\x88%z\x9e\xc9q&lt;\xef5Ut &amp;q\x07\x8b\x97\xc4\x88\x86\x9e\x8c\xe7`H*\xf5\xec\xeeE\x92:\xe4\xaa.-U\xab\xd5\x14n\xf8E\xa1\x80\xc7\x05\xdcR\x85W7\xa7\xd7bV\x8c}\xe8\xe2%$\x97\xe2\x8a\x82@P\x06\xc2\xc1\xf0\x06\xb9({\x9e,\x00K\xc3C`\t\xba+\xc4W\x17fB\xb5$\xea@\x8cPU\xe5L\xc2\xe34O\xe14\x8e\x87\\\x15\xcf4\xd1\xc2\x8a\x08\xc9\x14\x91\x82\x8b\x90\xc4S\xa9\xfd\x9d\xdf\x93^\xe4c\n\\\xc0\xf9AUS\xf1G\x8fq2cY\xec\xdd\xa3T*\xae\xebq\xdd\x94\xb4"\xcf\xf3\xc9$W\xac\xa88h3\xc4\xe2}^\x16\t+\t\xb50.rz\xdc]Y\xa8\xb3\xa4\x16#\x92w\xa1\xb2\xe8EQ\xa5\x94\xa9\x15\x03\x81\xd4&lt;\x1e)S\xa8&lt;`\xe9\xa4\x16\xd9\xb8\xf4t\xe7,\xadYa?\xa6\xb0\x06\x07`;\xad\x02T\x8b\xcb\x8f?\xde\x82V1:\xf3\x03\x15|\xd49\r8\x9b\x1c\x1d\xbd\x01&gt;\x1e\x1br\xd1\x93\r\xdf\xd6\x04^\x08\xd5\n\x0f{e\xbe\x1e\xeb#\xdb\x0c\x83\xf3\x94\xa2\xc6\x98\x00T9\x91\xba\xb1R40QT\x11.\x8a\x84\x85\xbf\xe2\x85d.\x1e\xa2\xa5\xa4\xfd\x9ds\xecp,\x86\xf9%\xa7\x96\x82\xdbT\xcdS\xb4\xa5\xa0 \xbc\xb84_\xb7\xac\xd8\xf0\xc3M\xb2\x1d\xcb \xd6?\x1c*&gt;\x17\xfc\xab\xe72vi\x18\x88\xc2x\x89\xe0\x92\xe1\x96\xeb-!\x1c\x04B\x0fn|C\n\x85..\xdd\n\x81\xe6\x7f\xe8\xd2)\x83\x93\xfd\x0f,]\x05%\xd0A\x84,\xea,:\x08\x16\xecv.\x0e\xa2\x83RA$\xa0\x0e\xe2\xe4\xf7\xae\xe2\x0b\xa5\x04\n\xf7\xbb\xf7\xbe\xf7\xbd\xd7\xb4(6X\x08\xa4+\x9c c\xfdH\x0b1\xf8\xc3\x8a%\xdd\x9cw[l\xa3\x02X!c\xe1\xbb\x90\xa4|\xee\xacJ\xa24\xb1$\x14\x07\x8a\x88\xae!\xb6\xa0\x1e\xea8lV(c\xbb{\x0e_\xedU\x80\xea{\xb2\xba\xd7\x9b.b\xf9&gt;\x87\xb0\xda\xed\xed/g0\x0b\x8d\xd4&amp;\x8b\x8d\x80\xa8f\x83\xb4\x08\x81%\xa1-\x9f.qle\xd5\x0f\xa4\xca&lt;\x16S\x19M\xcfo\x8c\x152\x96\x02\x96\xb0A\x8a&amp;\xa40\xc1\x9bE\x13\xa6\x80\x11\x19\xa8\xb2\x84\xb1$!\xa00\xd8\xd7\x15\xb8p\xf0\xe1\xc5\xfc\x1d\xbb]\xb5\xf8\x8f#\xc8}\xbe\xfb\xc0r?k\xc6\xe4CK&gt;O\x08\\\xb6\x83%\x80K\xe8\x03\xfb\xc4d\xa2\x83\x01\x8eR\\D\xfc\x0cw\x80\xab=\xa2\x88\t\xf0-\xcb&lt;\xb56\x85(\xa5v\xb3\x99\xeb\x94\xc8Z\xc4X\xa4\x12\x95\xe1#\x88\xb1p\xc0\x98\xc7c\xd4\xdco\xc1\xc3o?\xe6\xdfq\xc6\x15\xac\xf1T\xfb\xd7\x9d\xf1\xfa\xf5\xf4n\xdb\x0b\x0bU\x1f\x96\xceZ\xd2\x94\xd4\xb5\xe2$\xe1\xaf\x94\x17\x97E\xfb\xf30R\xc72\xef\x80*G\xdbc\x133\x86\x9b\x95\x96-\xf6\x07+7X\xb8\x0e\xaa\xac\x9b\xa7\x9f\xd5KY\x92\x08\xd1\x97\x99$\xa4\x0bX\xa1\x05VLn\xd9\xfc8\x8c\xb8)\xf4\xb5\xb77\x1a]\x9e|\xae\xf3\xa0\x9aFu]W\x8b\xfd\xbe\xd1\x9f\xdeG\xbb;\x07\x8er,pn\xb9tR\x8b$\xc0\xb8\xc0r\x03\xa2\x12.\t\xe9\x97\x1b\xeb*d@a\x96\xb3\xcb\xf3\x86\x08,C\xd1/\xad\x98\xcdL\x9eK&amp;s\x00\x00\x00\x00IEND\xaeB`\x82'</t>
        </is>
      </c>
      <c r="M40" s="3" t="n">
        <v>45492.67707175926</v>
      </c>
    </row>
    <row r="41">
      <c r="A41" t="n">
        <v>96999</v>
      </c>
      <c r="B41" t="n">
        <v>1984</v>
      </c>
      <c r="C41" t="inlineStr">
        <is>
          <t>Tobias Figueiredo</t>
        </is>
      </c>
      <c r="D41" t="inlineStr">
        <is>
          <t>T. Figueiredo</t>
        </is>
      </c>
      <c r="E41" t="inlineStr">
        <is>
          <t>ZAG</t>
        </is>
      </c>
      <c r="F41" t="inlineStr">
        <is>
          <t>ZAG</t>
        </is>
      </c>
      <c r="G41" t="inlineStr">
        <is>
          <t>ZAG</t>
        </is>
      </c>
      <c r="H41" t="n">
        <v>188</v>
      </c>
      <c r="I41" t="n">
        <v>29</v>
      </c>
      <c r="J41" s="2" t="n">
        <v>34366</v>
      </c>
      <c r="K41" t="inlineStr">
        <is>
          <t>Right</t>
        </is>
      </c>
      <c r="L4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9bfbaa87-a809-4ff8-909c-eaa55bd8a8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car\xa8\x00\x00\x00\tpHYs\x00\x00\x0e\xc4\x00\x00\x0e\xc4\x01\x95+\x0e\x1b\x00\x00\x03\x00PLTE\xff\xff\xff\x1c\x18\x0f\x12\x11\n  \x1b\x1e\x1f\x1d\x10\x0f\x06\x17\x15\x0b\xff\xff\xfe\x1c\x1d\x19\x1a\x1b\x18\x15\x13\x07\xef\xc69"#\x1f\xfd\xfd\xfd!\x1d\x13\x16\x16\x11\xeb\xc15\x13\x14\x0e\xb7\x9b\x81\x17\x18\x16\xec\xc48zT%\x82Y1\xbc\xa1\x87\x19\x1a\x13\x89a8*#\x19\xaf\x87m\xa6\x80Z"\x1a\x0b\xba\x95z\xe5\xba1\x1c\x16\x08\xe9\xbe4\x8cd=\xba\x9e\x84\xec\xc73\xf0\xc9&lt;\xb6\x8ft\x84]5C/\x16\xe3\xb8*\xf1\xc5(\xae\x8ae\xad\x8br\xdb\xac(\xb3\x94z\x81[)\x7fV,\xc5\xa9\x94)\x1e\x10\xb9\x97\x7f\xb1\x8di\xb6\x98u\xc1\xa2\x8a\xcf\xa0 \xbd\x9b\x82\xc3\xa5\x8f\xa0}T\xe0\xb5+\xb8\x9c\x88\xb7\x91x\xd9\xa7&amp;\xb3\x97\x80\xa9\x84^=/!E2$\x86_.\xb6\x91n\xb1\x8fnwQ \xe3\xb1-\xed\xbc4:)\x15\xa3yS\x91k:N6\x1f\xe9\xbb3\xe1\xb702%\x17\xb1\x8fv\xb3\x94quN)\xb4\x8aq\xae\x82^yR.\xb7\x9b{\xb6\x97\x88\xdd\xb1+\xbf\x9e\x86\xb1\x90{\x9f{^\xe0\xb1%\xac\x82g\xb6\x8dj\xb3\x87cJ;*\xe7\xbe,\')(\xe0\xad+\x99sFU&lt;+\xd5\xa2$\xd5\xaa&amp;\x8eg4\xe6\xc14\xe5\xb40\x9awV\x98uP\xb8\xa0\x8d\xa3\x7fj\xe7\xb70~T8\x95nE\x9dsM\xf8\xf7\xf6\xc1\xb2\xa9XA\x1c1#\x0e_H63+!\x93gC\xda\xb1$\x8eiFiJ0\xe8\xe6\xe1\xba\x94u\xef\xc07\xc9\xb9\xb0\xab\x86c\xd4\x9c"TC5\x81ZAyYA\xbe\x9a{\xf3\xf1\xf0^B*lM#\xc2\xbe\xbb\xd2\x96\x1f\xa7\x7fb\x90nMkVD\x80cJ\xa9|V}Y/qaK\xc1\xae\x9b\xbd\xa6\x94\x92t\\uK7\x96qL\xef\xc5\x1d\x94o&gt;lP9\xca\xb6\xa6\xc8\x9b\x1c\xc8\xaf\x9e\x9c~h\xcd\x8c\x1c|hS\xa4\x88t\xb5\x93\x80\x9bxK\xed\xea\xe7\xb0\x89\x81\x88bF\x86fRpG &gt;AC\xa8\x85ltT=\x94yf\xa2\xa6\xaaZ^c\xeb\xc1\x0c\xd4\xd2\xd0]8\x19\x91jT\xe9\xc6-\xcb\xca\xc5h@(^I\x1c\x91\x99\xa4\xba\xaa\x9f\x88mY\xdc\xde\xddinu\xdf\xd4\xcbdO&gt;\xe7\xe3\xce\x8a\x86\x82\xd2\xa8\x12\xa9\x8f|P,\x13\xe1\xa7+eA\x1f\xb6\xa6\x95=8.\xc3\xa5\x9f\x9blG\x82}xN=\x18okf134UOG\xed\xbe$JOV\xdc\xa1%\xdb\xad\x1a\xa0\x9d\x98\xb9\x90\x18`ZP\xdf\xb4\x0f\xb3\x93\x8f\xd9\xb4Hz\\K\x99z\x1e\xcc\xb8~\xa1xyv\x7f\x8a\xd3\xab9@\x1c\x0e\xc1\xa59\x87RK\xbd\x9d\x97\xaa\x82\x17\xa0nd\x87sf\xd5\xc5\xb3\xd5\xba`\xe4\xb8\x1fY.)\x90\x90\x8f\xda\xe3\xeb\xad\x9d\x8ee7:\xae\x81x\xa9\xb2\xb9\xc7\xd2\xdb\xe3\xdd\xaa\xe6\xdb\x95x`\x19\xae\x88\x8c\x9acW\xb9\x946\xe9\xcbD\x90l\x1a\xc8\xa3V\xe2\xd0t\xb8\xc2\xcb\xe8\xd1`\xd9\xb4/\xc2\xaco\xd3\xc5\x97\xaa\x86@"\xc9J\xeb\x00\x00 \x00IDATx\xda\xc4\x98\xdfKb\xeb\x1a\xc7g-qY\x0b\x97\x0b\x85\xa6\xd5\xd2%\x8b\x02\x13\x8a\xced\x8d\xd4P\x94b\x81"\xd8T\xb3\x87\x99E&amp;\x03^\xd5\xc4\xa9\x19\x7fD&amp;\x88\x95N\x986\xee\x9a\xc0\x8b\xb09\xa1\xb3\xb3\x1d\xedh:\xbb\xf6\x8e(\x06\xc9\xc4\x9b\xe8\xa2\xabs\xd5\xc5\x89\xf3O\x9c\xe7]5\xfb\xfc\x01G\x9b\xaf\x89K4\xfc\xf8}\xbe\xcf\xf3\xbe\xaf\x8f\x1e\xfd\x7f\x92\xfdO\xe8\x19\xb5\xb9\xf9\x8e\xa2\xee\x9e\xfc0\xc9d\xd4_P\xd4\xec\xaf\xb7\x97\x97\'W\xa5\xe2\xe5~D&amp;\xf2\xfe\x18(\n\x14Y&lt;\xf9\xa3P,\x16nO\n%?\xebg\x15\x04I\xb0\xf9\x9d\xcb\xa3\xcdH\x84\xa2~\x84STdv\xf7}\xc1\x8f\xe3\x84\x92\xc0\x14\n\x0e\xee\x98\x02\xc30BR%a\x7f\xb9*\x9e\xecG\xa8\x87vL&amp;\xdb\\,\\\xe5\x15&lt;A\x00\t\xcf\xf3\x18\x0f\x8f\x00F(X\xbf\\.\x970\xd5\x92_N\x16\x1f\x18LF\xed\x16M\x18\x06\x0eI\xc0"\x8e\x03&amp;\x02\xe3\t\x8c IL\x01\x95$\x90o\x04\x96/\xec&gt;(\x17ut\x05F!\x87\xferK\x01\xc2\x90\x10\x16I\xa2\xba*06|{\x04\x8d\xf9P^m\x9e\x18\x88;\x91\x08\x8d\x94"\x0c\x89\x04\xbb+\xa4BAH\xa58r\x8cW\xb0\xa5\xf7\x9b\xd4\x03Q\xcd\xde\xb2\xdf\xa9\xe0\x86J\'\x9aF`\x0cMW3\x80C\xe2\x00Fb\x18\x94\x94\xf3\x17w\x1f\xa4\x90\xef\x16\x8b~\x0c\xa3\x11\x15\x06\x9fN\xd0\n\xf1\x8a\xa0ie5C3U\xc0\xc6\xa0\xea\xe2$*1\xd4\xf4\xea!\xb8\xa8\xdd\x12\x07\x16\x89X\x04F\x12J\xe6\r\x83\x8a\'\x910J\xfaNUr9\x83\x93"\x17I@\xc6J\xfb\x95\xce\x17T\xb0\xc0\xf1$\xb2\t\x95\x0e\x89\x91K`rUI\xaaq)\xaeT*q\x1a\xfcb0\x98gw&amp;"\xe4\xab]\xaa\xc2\xf3j\xf6\x04\xf5\xa0R\n\x0c8\xd0 \xb6*9N0\xb4\x12\x97\xa2\x8aV\xd3\x80\x06d\x0c\xf2\nc\x18\xe8\x07\x1c\xf3\x16f+jWdqGB\xf0P\x1a\x1aa\x89\x86\xe0J\xa6\x8aV\xc2\x05\xe2\x82\n2J\\Y\rU\xa4\xd1\xf0g\xee\xfa\x81w\x9cD*\xc7%\x8b\xdc\x9a`$\x90\xa4\x14a\x81p\x12\x07&lt;`\xc1!\xf0\x84\x12\x89\xa1\xd1\x0bt\x15\xe4\x8bf$U\x0c\x01o\x80\xffq\xedW,\xf6\x14\xb5\x98\x87\xef\x0eS\n\xaa\x85\xb0\xc0/\x12}*}7\xd6E1\x8c\x14\x81J\xe4\x12\xe8\x81\xaa*\x08\x97\x88\xe5\xff\xbdrX\x91\x02\xaa\x08\x98\x05\x9f\xac\x94\x8a\xe1"\xa0\x92\n\x96c\x1d,\xcb\x1aX\x83\x01\r\x06\x1c\xf2\xffFN\xd3\xe8\x8e\xe3\xa2[R\xc3\tU\xb1\xb8\xef\xe6I%DH4\n\x92\x84C\x8fa\x0c\xc6\x9aL\x0e\xf3\xbdL\xc0%\x8ez\xb9D\x01%\x84\xf8\xa37\x83\xc3\xfc\xd5f\x85\xec\x92E\n\x1c\x89\xd2$:\x00\xc2X\xd6/\x81\x1d\x83\xd9d\n\xfb|\xc7\xc7\xc7&gt;_\xd4n\xb5Z\x1d\x06\x98\xa1\xf0\xc7H$\xe8;\xe0$\x08\xc2U\x99\xd9EQ\xbf\xfb\x11\xd3]\xa6D,\x05\xeb@\xb2\x9a\x03\xf3\xd9\xebD"\x9b\x98\xcb}\x8a\xba\xddf\x93\xdf\x01\xb4~4ai\xd4\x1b\xd0"\xa4i\xb1BX\x9bEN*R\xa1\x12\xd2pI\xf2\n\x87\xd5n6\xbb\xe73\x99\xbd\xbd\xc4X,&amp;\xece\x13\x01\x1fp\x99\x1c&amp;\xb3\x99\x85\xcc\x03\x18.Evy/+\x83%[\xcc\xf30\x1aE*\x9cf`fA\xd8\xbd\xeeT*\x97\x99YZ\x13b\xb1P\xbbzK\x18[\x9a\xcb\x05\xa2.\xf7q\xdc\xe72\xb3,&amp;\x91+P\xeb\x92&lt;W\xdc\xac\x04\x96\xec\xdd-/\xf6\xa0\xd8\x81\x90e\x0c\xd6&lt;\xce\x9c\x9a\xcb,-\x8d\t\xb1P\x1f\x92\x1a\xc0\x84\xb1\xbdD\xcaw|\x1dw\x99\xcd\x0eL\xc9\xc06\x87\x90\x92&lt;\xef\xda\x95Ub-\x8c\x14\x00\xeb{\r\xa1\xc3\x94\xb8!\x1cOdf\xc6\x04M\xa8\xa9\xbd/\xa8\xb3\x04\x9f\xf7\xe9\xba\x9b\xd5\xcd\xcd\x1b\xd9\x94\x1b\xe4\xbbv\x19\xd0\x12\xae@K\x14\xcfV$\\\xd4\xec\x15\x7fg\x96\x14\xad\x85\x06\x8e3\xcf\x8f\t\x82\xa0\xe9\r5\x01\x95%\x18\xd4\x05u\xba\xa0V\xab\x1b\xe8\xe99]_=L\xa4oV\xe3f\x16c\xe5\xb0\xc3\'`\x03{\xf9\xae\x12XG\xa5\xfb\x1aJa\xa4;\xf4\xee\xdc\xd2\x98\xed\x99\xa6\xb77\xd4\xde\x0e\\\x16\xad\xd6\xa2{\xaa\rj\x7fR\xb5\xa9\x1aj\xbb^\xbe&lt;\xdd\xd8\xd8\xc8\x86M\x1c\xdaF\xa3a\xc6\x17+\xb0M\x15g)ZvPWq\xd6\xe8\xa7\xb9\x99q\x9b`\x13\xbec=_X\xb0&lt;\x7f\xfa\xf4\xb9\xb6\xa3\xd6h\xac\xad\xad}\xdb\xd5\xd3\xbc\x9eM\xc5\xc3\x0eq\x84\x01\x1b\xef:*\x7f\x15)\xea\xbd\x01\x99Eb\x1c\xe7\xd5\x07\xfe^?\xbd6\xfe\xec\xd93\r\xcaU\x13`9uA\xa7\xc5\xd2\xden\t\xfe\xd4P[\xdb\x00R\xa9\x06\xd6\xb7\xb7sf?+aYt\xdepT \\\x14jD\xc0\xc2\x1cz{\xf4\xc5\xe3\xba\xe9\xc9\xb5)\xb1\x88\xc0\x14\xea\x1d\x1e\x1euZD,\xa7%\xa8\xed\xe8\xe8\x00\xaa.UWC\xcf\xc4u\xca\r\xa7m?\xe2\xe2n\xcb\x7f\xce\x96E\x8a&lt;ZE\x0c\xf6\xe8\xe0\x93\xba\xfa\xfa\xe9\xe9\xb5)\x90mY\xa3\xd1,\x8bTA\xa0\x1a\x1du"\xae6\x90\n\xd4\xd6\xf3z}\xf5\xdal&gt;\xce\xb3PH\xaeX\x81\xcco\x96H\xb4\xa3\xf3z\x06\x9f&lt;\xae\x03\xb3&amp;\'\xcf\'\xcf\xcf\x01\x0c\xc8\x00\x0b:\xd1\xe9l\x1amj\x87:Z\x82\xddZ\xad\xc8\xd6\xd62\xf0z"q\xb8\x1d6\xf9Y\x96\x0b\xcf\x96{\xb5\x96\xc9\x8e\xf2h\xeb\x8e9\xc0\xac\xc6\xba\xfa\xc9\xc9i0\xec|\xea\xfc\xdc\xb6\xbc\xbc&lt;&lt;\nX\xc8\xab{9\xdbu:D\xd6\x8d\xf4\xba\xf9t=\x9eGX\xf9\xa3\xf2c\xed\x8bGC\x85&gt;\xf0B\xc4\x9a\xae\xab\xaf\x9b\x9e\x12\xcdZ\xb6\r\x0f\x0f;\x9d\xa3\xcbp\t\xbe\x8d\xa2{\xbbz\xa8\x1bai\xbb\x9b\x87\x06\x9a\x11\x96\x9f\xe5Le?\x98Q\xb2Kt\x1a\xe4\x15\xfa\x0f5\xa8\x88\xf5\xf5uu\x08K\xa4\xb2\xd9\x80\xca9|\xef\x1b\xc4\x0b\x026\xa4\xd3\r\xe9\xba\xe164\xa4VO\xc4M\x80\xe5\xc8\xef\x96\xdf-8\x86\xf1\x04\xc1\xddaA\xe4\xeb\xe1~\x0e\x91\x1fF\x82\xc4[\xee\x1eQ\xe4\x83\x0b`\x14L}\xa4!\xc0j\xdeJ\xbb\xfc\xf9\xbc\xc9U~\xb7\x1e\xddp\xe8\x87\x19\x83}\xb0\xe6\t\xaa"\xa2\x9a&lt;Gq\x1fu\xa2d-,8!R\x08\t\xa9\xa3C\x0b\xf5\x03\xa6v\xf5\x88zH\xbdu\x18\xce\x87]\xae\xf2\x1f3\xc0-\x03\x88sxjj\xc0.\xe0B\xbd8\x05kOo\x93\xc5bYxe4Z\xd0hX\xe80\x1a;;\x8d\xc6Wm\x90x\xadnH=2&lt;\xa2V7o\x97\xc2\xe1\xb0+\\\x81l\xdd:\xbc \xa8a\xcd}\x15\xa7\xc6\xc7\x9f\xc5B\xa1P\x13,\xd3\x1d\xc6\x9f[u:\x98\xa3\xc6\xce\xd6\xce\xce\xd6\x95\xd6\x95\xda\x06U\x9b\xb6\x1b\xb0F\x00kk=^*\x95|\xf1?\xcb\xef\xd6\xa5I\x0f\xdbt\xcf`M\x7fM\xcd\xe3\xc6\xc6\xba\x99\xa5\xa5q\xd8h\t\xb1\x11\x00\xd3\xbej5\xea\xb4h\x8d6vv\xbd]Y\xf9ye\xe5m\x97\xaag@\xadF\\##\x13\xe9x2\x1eO\xfeY~\xb7\xf6]z\xbd\xfe\x02\xcc\xea\xef\xafy\xf1\xe1\xeb\xd7@*\x10\x08\xe4\x12\xd9U!\x14\x1a\xe9k3\xaa\x00\xab\xbb\xed\xb3\xaa\x0b\xf4\x9f\x9e\xd3\xd3\x8du\x900\xb15\x12\x03\x85\xb6\xd3\xc9\xf8q\xb2\x02\xd9:r]\\\\\x1c|DX\x83\xdf&lt; ;`Z\xad\xae\xe3\xc4\xaa \x84t\xaan\x9dV\xdb7\xd0\x06\xeb\xcd\xe9v\x16\xac\x89\x1f\xc7\xe3\xd7\xd9\xc3\xd5\x98\xa0\x01\xae\xf5\x1b\xe4V\xf9\xb1\xa8\xa3\x83\x8b\x0b\x8fh\xd6\x07\xcf\x19\\z\x80\xc9\x0b\x9bA\x87=0?c\x1b\x85\x1d`\xdb\xc0\x96zhK\xc8\xc6\xdd\xf0\x92\xc3\xea\xf2%\x93\xf1Tn.3\xb6\xac\x89M\xac&amp;A\x15\x98[\xb3)\x8f\xe7\xe0\xc3\xdfj\xfa\xbf\xfc\xe6\x89F\x03\xb9\\ \x10\xb5\xeb\xad^\xaf\xd5\x1e\xfd\x94\xb1ACjU}\xc2Xf\xde\x076\x9a\xcdv\xb7/\xbd\xbd\xbe}\x98\xcd\xe626\x9b&amp;\xb6\x9aL\'\xd3\xe5\x8f&lt;5\xfb\xd1sq0X\x83\xb0\xbe\xbd\x98\x9bY\x1b_\xca\xe4\x02\xee3\xbd\xfe\xec\xcc\xfe\xf5E\xfd\xda\xd4\xf0P\xcb\x80\xb04\x9f\nD\xa3\x08;\xb1\xb7\xd5\xd2\xf3\xb2\xe7\xe5\xc6\xde\xdc\xd2rL\xc4:\xac\xc0R=\x9b8\x00\xb7\x10\xd6\x97\xc1FX\xaa3\xf3\xd7\xc9\xe4U\xc9\xec\xfd\x97\xfe\xec\xb7/\x1f\xeb&amp;c\xddm-[{s\x9f&gt;}\xb5\xdb\xdd\xc7\xd0\x0c{BsK\xcb\xe7\xcf[c36\xc0J\'\x93\xdb\xe5?\xef\xcb6\x97\xee\xb1\xfa\xfb\x9f46~\xfc\x1a\x00\xa8\xab\x9d?\x8a%\xd6\xe0=\xfb\xf6\xf8\x1f!K\x87Q\xb5\xb57\x1fp[\xf5\xe1x2\xbd}yr\x93\x11\xda\xe1\x90&amp;\x8c\xdb4\x02`\xa57"\xe5\xff\x19"2v\xe0\x11#\x8f\xe6\xe9\x873\xb7\xdb\xc4\x1a\x14o~\xd9)\xb9`\xc8~\xab\xb39\x17:[\x1b&amp;\x12)\xb7\xfe\xdf\xee\xb0\xcb`\xf0\xbb\xaennr3\x9a^\xb8i\x00\xeb0\x9d&gt;-?\x96,\xb2\xfe\x1d\xab\xbf\xff\xdb\x99\xdd\xea\xca\xcb\xab\xabwv\xfeYrx\xf5\xff\xa5\xd5\x8c_\x12[\xd38~\x7fY\xfc\xc9\x85]\xc8\xc1\xd5\xe4\xe2\x80G\xe80Z6\x83\rs\x18\xb3\x0cl\x84i\x8e\x9d\t\x93\x9a\xb8$\x04u\x0f\'\xcb\xbc\x92\x13#yJ\x97\xcal\xd2\xb8^\x92l\xe7\xa8\xab\xfe\xb0\xca\xd8\xael\xce`\x146-\xc3\xc20H\xe0\x12\x85\x05-3\xfeT\x7f\xc0&gt;\xaf\xb1\xff\xc1\xf1\x81c?\xf4\xcb\x87\xe7}\xde\xe7\xf9~\xdf\xf75\x1d\xca\xd7_-uui\xe8\xc2\x8e\xf3\xfa\xda\x06)\xfc\xc3_\x7f\xfa\xf7g\'\xeb\x96#\xf9*]\x9f\x04\xaa\x9do3&lt;c\t\x04\x82\x99\xd2\xde\x1e\xc2j\x14\xbdr\xee\xf9\xd7\xaf\xbf\xefh\xfd\xe9\x9f\x7f\xff\xdc\xd1\xaat$]\xeb\x90--\x91JEOmz\xe7\xe5Wc\xeb\x9f~\xf9\xcf\'\xbd\xd2\xc7\xd8Q\xb6\xd6\'\x13\x1b;;G\xfcb\x01\xd3\xf2\xcc\xcc\x91\xe3.[\xd0\xb8\xb2J\xa5scgQ\xdf\xfd\xf9\xbf\x9f\x8a&amp;\x93\xe9P}&lt;8\xbad\x91)`\xfc\xe5Xg\xfa\xf2rQ\xd9\xfd\xaf/\x1fO\x17m\xe1-]\x9bgp\xfd\xf1\xea\xc6F`\x96\xd7\x0bP\xd8\x85\x9b\xb1\xa3\xf7\xdf\xf6N\xf6\xfcPYA\x8c\xda\xdbs\xa7\x0b\x99\xcb\x9d\xc2\xc7\x8f\x97\xcel6K\x8a\x11\xd6Rc4\xaf\xe4\xbc\xde\x04\xfc\xef\xe3\x97/\xd5j&amp;\xb4:\xd9f\xe8\xf4\x00V \x108\xda\xdf\xdf_\xe6\xd1\x94=!\x93I\x96\xf17\xb2\x15\xc4\xe4\x18\x15\x0cR\xdeD!7\x9f`}Y_\xdeO!\xac\x85\x05\x02\xb0$)k&lt;\x1cfr\xd5o\x10\xa5\x01\x98\xd6/\x1e\x1a^\xadKWaz\xd2\\]\xf2\x88\xaf\xde%\x10\xbc\x9b\xa4H\n\xa2Q[*\xf9\xbc\\\x0c\x1f\xc6x\xbdL8\xec&amp;)\x12L\xc7\xf1\xab\xd1\x05\xd0}H\x8e\x1aR\xa1\x80\xd7\x1b\xcf\x85\xac\xb4\xe4\x85\x06\xe4\xcd\x92\xa2sP:\x15\xb0\x0es\x1c72\xd2\xceS\x81\t\x84\x1f\xc4\x87y\x8aaD\xe4\x1eZC\xf9\xf4&lt;\xf4\xf8\xad\xady\x906\xab\x80(")\x11v\xbc&gt;\xba\xd0\x10\xef\n\xb0\x15\x03\xb1X\x8a\xa6\xe9T\n\x7f\xa0\xbd\xaf\xd1he\x9d\x9e\xc1\xc7\xf3\xf8\xc5\x10W\xbb\xad\x99_\x0by\xc2\xdaO\x9e\x9d\xe5)Q0\x886bP.\x9f\xfe\xcbc\x0f2\xf8\x9d\x1e\xe9\x94K\xac\xa6@E\xbb\xd6_\x8d\x9a%f\x00#\x08\xa4\x98\xff\xf8\xf3\xe6\xdb\xf6\xaeG\xf7,\x16-\xd4\x9c\x01\xb0\xa6\x9en\x0eU\x13\xe1\xfc\xf1\x07\x1e\xb1\x0e\xc2\xe1`\x10u\x87\x06V\xbf\x07L=\xb8U\x8ft\xdc\x85\x05\x81K|\x8c&lt;\xcf\xc8\x08\xb80B\xa6\x01\xcdl\x01\xe9\x0c2\x15\xc0\xb4/e\x0b\xbdm\x83R\xeb\xf0P\xe5\x1f7\xd5\xc4\xed&gt;o\x8bH\x9de\xbd\x0cE\xf55\xb0\xc4\xf3v):\xd0\xea\x1d\xed\xf4\xf4\x8f\xcb1\xf5\x1d\x16d\x0b\n\x1eD\x17\xa1\x01a\xdf\xd5\x8eb\x1b\xb8,Z\xd9\xc2(hk+&gt;\\\x99-s\xd5\xfa\x07\x01_\xe2\x819\xc8c\x18F&amp;\x1b\x83\x07\x9b\xee\x97\xeaz_\xf4\x8e\xb6\xe9\xa4\xf6i\xb9HMQjW?\x94&lt;aF\x01.\xdfrG\xb5\r\x01\\Z\x99b\xb4\r\x12\xbb\xf2\xb4\\\xbe\xe0\xb8\n_\xb5%x\x17? \xe5r\xf2\xe0 \xd9\xc8\x16\x18\x1eO/\xac\x8bN\xdao\x1f\x97\x8bH(y\xe8\x0f2\x8b\x16\xf5\x073\xd1\xf0&gt;\xed\xc8i\x00\x16\x98 \xadF\x01%\xaf\xb32\xf1\xcdm\xc0\xba\xe0\xebNJ(\x8ce)9upvv\x08:\x1e\x16q\n*\xde38\x08T\x80\xa5F\x1b\xd1\x0e\xd6p\xbb]\x8b\xb0$\xb2\xbb\x05D\xa5\x05a\xd1Z4\x8a6\x9dn%\xbas\x9d{R\x1e\xe2\xda\xf9:\xb6\x11\x08~K2X\x12\xb0\xfc\x80%\x02,\xabU\x87\x06]\x7f\xff\xf8\xaf\x18I\x81i\xb4?\xd4&lt;\xd9~\xb3\xd9\xe8[\x03\xda\xf6;\xae\xc6\x0fT\xbfF\xe1\xd1\xe9\xac\xf4M\xfa\x9c\x83\xe2\xe2\r\x0b\xb4V\x8e"\xb3\x07\x076\na\xc9\xe7WA@y\x10\xd6\xf83\xb1\xba\xa5a\x1a\xa5f\xd9\xe6\x9b\xb7\xe0Y\xc1Jk,\xb0~\x8dU\x84\x80\x92\xd7\x12\x1e\xa9\xeeq\xea\xa2\x9a\xa8]\xccr\xdb\xbca\tg6\xd5\x87\x07\xd9|8\xd8\x82\x16Q&gt;\xbf\xd5\x8f\xd4J\xbf\x1d\xa8\xc8\x96\x9e\x9e\x1e\x91\xc8\xa5\x93(4\xbb\xd0\x1c\xa0\xc05ZK\xd7\xff\x97\x11\xedD\xcd\x0b\x8fNj\xc5/.\xaa5nv\xe8\x8a\xb7\x13A\xe8\\\xab\xeel\x9e\x89c\xc1\xbe\x16\x15\x06X\x8f\xa5\xfd@\xe5B\xf5\xde\xa2Nf\xb3\xd4\xc4\xb1}\x05\xec\xb3\x04\x0c?\xb8k\xc2\x82\xccu\x17\x94\xfe=\x0b\xecD\x03\xac\xb8\x95+\x97+u\xael\xf9\xc0\x9f\x86\x10.?\xa5\xf2y/\xeb\x86\xd6\xa5\xea\x11\xcb\xb7&amp;\xfb!\x8e\xa1\xc3\x93\xa0\n\xb3?\xfe\xae\xd5\x81\x89]S\xac\xfe\x17\xdb\xf1+\t\xa1!d\xe8 \x02\xfa\xc4\xa3\xfb\xd0\xe5\x1f\xb6Aj\xa3\xb3\xefg+\xf5Jy\x9bG\x85*\x14^\x89\x93\x87\xf9|\x16j^\xa5\xc2\xc4\xd3S\xb0\t\xed\xc7\xd0\xb4(\x8aLf\xcf~\xec8H\x92\xa2\xb8\xdb\xd6}\x96&lt;\x96\x10\xd0*4\x8f\xba\xa0\xd3[ \x96\xa0\xc7\x83\x12\x8c\xcd\xbe)s\xf5J\xfb\x15\x9f\xa7\xcd\xb0\x8a\x18\x88\x19\x12\x8a\x0ba\xb9\xa6\xa15L\x8f\xdb]\x98\x88\xa1\xf2\xc8\x91\xe5\x0f\x93T&lt;T\xcd\x9c\x87s\x84\xd6b!\x08X&lt;\xc0\x82\xae%\xeb5@\x7f\xb0Fw\x878\xba&gt;\xa4\xfd\xc0+\xd6;+\x85\xb9\xe4b\x8cjQ\xa9`\xeb=\x03\xa6-\xbb}\xcb%\x07m\x93\xb7\xb9Y\x109q\xba\xf4\xadT\xcb\xa54Z\r\x0ch\xb4\x03\xe1\x83\xd13\xda\xd9\x06\xa3\'\xf6[\xf9\xe2\xa2\xbc\xdb\xce\xab\xcb\x10\x087)\xd2\xcb0^T\\*tv:&gt;&gt;\x8e\x96q\x1ei\xaeH:\x11\x8aF\xe9\xdd\xcd\xa3Jl`x\x18\r\xeb{h\\\x03\x19\xe8\x07t\xc9\xa1\xb3\x96\x80\xaaR1_\xf1z\x06\x0e\xe3z\x92aX\x96eH\xc0RM\x88\x9f\x8d\x8fOO\xbb\xc4\xf18\xa2\x8a\xac\xeddJ1\x9a.\x95J\xb1X\t\x1f\x80\x01t\xef&gt;\xb4\t-R5\x0b\xbd\xc0\xa5\x9b\x8c\xc1F\xe4\xb8v\x9e\xef\x14\x05\xc2\xb7\x90,\x86\xa1\xc0\xee\xabT==\x13\xbfN\xcb\xc5b\xaf\x97\r\x83\xb9_t\x82]-$X07;\x971\x1c\x97\xe0\xc4.\xf4\xaf\x85%\xa0Z\x92\xbd0t\xb6\xad\x84J\x90+N\xbb/\xe4\xdb\x91\xbd\xa6\xbd\x10\xc1\x06\x96\xaagbB\x8c\x051/\x9bv\xfblz\xfd\xd8\xd8\xd8b\xd1\xa9\x1fs\xae\x15\x8bk!\x00\xc3q\x82\x18\xed\x95i\x97\x16d\x80e\xe8\\Y\xe5\xca\x17\xe5\xf2\x15\xef\xd7\x18\xd0Rc\x0cj\x07}\r,\xf1\x84H-J\xb3\xac\xcfd\xea~\xfe\xbc\xbb\xbb\xdb\t\xf6ll\xd1i\xb39\x8b\x85h\xac\x04h\xbd\x08K\xf6\xf0%`\xe1\xd6\\\x05\xb0\xf6\x97\x9bq\xfd\xfa\xee\xcd\xcfO3~\x84\xd5\x03\\ \xb3"\x11\x9f^\xa9\xd4\x1b\x8d\xb6\xb5B&amp;\x90\x0e\x07\n\x1b6\xdb\x98mmc#\x93)\xe1\x86N\x05,\xa1\x0ca\xa5r\xab\xb1\x8b\xab\xd73M\xb9\xac\x16\ngf^\x87\xfaZ\xd4(]=-$dJi4:|\x116D\x9b5\xbb\xe6:\xfcD\x0b\xc5bdcqm\xa3\x10]\x91\x9aQ\xb2^\x1aR8\x1d\xc8\\\xbd\x9bi\xd2\x1b.!\x02+\xf9\xef\xb0T}\x87\xe8\x94Ri\n\x831\x0b\x87\xc3\xe7\xb5\xda\xed\xf9\xf9m\xad^\x8a\x16Nmc\xc5\xc5\xf4\xe4\xca(\x14\xd6\xcb\x07x*F\xb3\xe8\xf8\xa1\x89O\x92\x84\xdf\xfc\x8d\x16\xa1R\xf9O\x80\xc9\xe7&amp;\xc9d&gt;\x9b\x87\x00\xb2\xf3s&amp;\xcc\xdc\xd2\xa9L\xc0\xe7t\xfa\x02V\x89L\x01\xde\x95\xc6c\xd1\xc0\xecL3\xdf\x95\x01\x96\xc3\xd1\xa7\n\xaaTj\xbfRiK\xbb\xb3 \x0e!\xae!\xbe\xa3@\x7f\xc3\x90&gt;\xb7\xd3\x17\x994+\x0c\xc4\x0b\x9c\x8ee\n\x81&amp;\xbf\xc2\x13\x1c\x9d(\xfd-\x80\x15\xf4+M\x116\x82\x1e\x88t\xeb\xf5\xd7\xdf\xaf\x81\xed\xfb]\\\x7f\x8f\xc0f\xb0Eh\x85\xc20000\x9c\xd9\td\x9a\xfb\xd8\xed\x07\xe1\x91Cy\xe2\x0f\xaaZ\xd4\xa4\t\xb0\xd8p\xb8\xb1x\xe7\xb7\xa8\xb0\xaa\xf5j#\xb8\x12\x9d\xf0\xd9\x028\xa10&lt;xP\xcall\xb0\xb1&amp;\xbf=E\xd92:\xfa\x82\x08\xcb\xc66\x1a\xffy\xe2\xb6V\xab\xddTn\xaa\x1c\xfc\xdc\xd4\xeb\xdc.!\xc9\xb9#V\\\xa1\x18x\x80\x87\xd6\x9c\xa7\xe9\xd2rS\xb1\x04\xc2?\x8f\x19\x8d\xca=\xd8\x8e-\x0e[\x9a\xc1D"\xc6;\x0fTuDT\x81\xef\x86\x1b&amp;\x14\x12I\xc2\x17\x89\xe2f\x1c\x8f\x85N\x9d\xc5\xa2s\xb6\xc9\xa5%\xfc\xdb\xe2\xdc\xdc\xdc\t:\xdbu\x98\xdc\x98\x18z\xbdH\xee\xba\xbdE\t\xab\xd5\xb9:\xc7\x99\tB2\xb2\x12\xf7\xb1\xb4$EgBl\xc4\xe949\xdf7\xfb9\xec\xf2\xa7\xb9\x8e\x0e\xe3\x89\xc3\x0f\r\xc2G\x81\n\x141\xe8F\xddu\xee\xbau\xdd\xd6VR\xf8\x00x\x9f\x91\x91\xc9t\x80\xa6\xa3\xa1\xd3\xb5\xa2\xcdfS^.7\xfb5\xac`\xd6\xd8\xda1g49\x1c\xca9\xe5!\x82\xc20,\x1e\xf7\xba\xc3\xd0\xb3\xe6\'W$8\x8en\xebrl!\x14\xca\x04\xd6\x8acz\x98\x95\xb3\xcd~&lt;,\xf8\xe1}wkkk\x87\x11\x06\x8f\xd2\x94MR\x88J\x1c\xff\x1f/g\x1f\xd3D\x9e\xc6qi\x07:C\xa6\x9dL\'\x94\xbeX\xd3\xc0\x9e%\xa1)\xbd\x16_B\xca\xd5R%\xc1\x92mA\xa4\xb1\rY\xd2@\x8e\xa4\x85\x88\x9c\xc0\x06\xb8\xc4 \xa2D@\xd6\xb0=XB\xa4p\xbc)\xa0\x88K\xa0\x82\xb0A\xa3G\r\xb9E\x8d\xbb\xe1Bb\xd6\xdd\x98K\x147\xb9\xe5n7\x9e\xf7&lt;S\xc9\x9a\xdc\xee\xdd\xed.\xbd\'\xa2\xfea\xcc\'\xdf\xe7\xfb&lt;\xfd\xfdf\x9e\xa7\xad\xa7\xbb\xbb/_&gt;=\xe8\xf7\xf0\xf7\x9f\xf3\x93MMC\xed\x8f\x87\xdajJ\xad99\x8e\x07\rQ\xc7\x12\xcd\xce\x19\x81\xab:\x17\xa3\xf4F\xbeL\xabP\x0c\xd6\xd5\x9d\xae\xaf\xaf\xffpp\xd2s^\x85\xaf\x10}\xdd5smm\xdd5\xa0T\x8e\xc3Q\xfc\xd7\xa8O\xa6\x8bE\rC)j\xb5\xa6:\xf2\xd6\xeel\xfeqE\xd2\xfb\xadu\x83\x83\x80\xd4\xeb\xf1x\x8aTE\x90\xc3\xc9\xb3\x8d\x8d\xa555\x8d\xd6,\xab\xd1a\xdd\xfe7P?\xf8 \xf5F\x8eQc\xcc\xa9\xae\x86sVi\xfd\xf1\xf7\x03\x81\xc0\x89\x9d\xef\x1d&lt;\x03W\xc3c\xa6\xcc\xcc\xddNg\xc5\xe3F|a^\\\\ku\x18\xadm\xbd\x1fU\x89\xa2\xae\xd6\x80/\xbf&gt;\xd7\xa8\xae\xae6*\x959\xa5\xdd\x83\'\xfc\xfe\x9d\x17p\x98\xe5\xcc\xfecpY\xddov\xf7\xf5\xceYkkq\xf2A\xa9\x94Xk\xbep\'6G\xdf[\x03~\xd9\xf1\xfa\x94j\x9c&gt;P:\xb2j\xda\xfd\x93&gt;\xbf\xef@\xea\xc1\xdf\x03\x919\x18\x0c\xba+:g\x8ak\x1d\xb5\x91\xa9]\xeb\x07W\x16\xdd{\xa3\x8f%\x1e\xf0\x19\xb4G\x97r\xd4\xf1\xf1j%p\xcd5\r\xb6\xb6zN\xa5\xee&gt;\xb3_\nB\xf5\xf5vv^j\xcc\x02\xad\x00J\xe9(~|e\xf1\x91\xfb\xd8@\xf4\xd5j\xf0\xc9\xb4\xc7\xcf\xe5\x1a5\x1a\xb5#\xc7\x91\x93\x92[\xdf&gt;\xd9\xa9*R9Mf\xcbb_g\xdb\xdc\x07m\xc5V\xc0RK$\xca\xe2\xa1&gt;\xd7#W0\xfaXP\x89~\x99\xacc\t\xb2\xa8\xd1\x18\x1d\xb5F\x07$\xb2\xbb\xc93\xaaR\xe9\xdc\xba\x8a\xce\xc7p\x07j,\xb6*%\x12\xb5\x11\xa8*\\\xaeG\xe5\x7f\xdc\xff\x7f\xe8[\r\xad\x06\xd9\xd1\xa5\\\xc0\x8a\xd7H\x8cF\x89\xd1\x91u\xb6\x1eN\xf3\xe7=\x9e\xc9\xf6\xeeF\xa0\xba\x13\x99mS;\xda\xae,\x9a\x81+\x98\x19\xf5\x0e!\xde1\x0fX\xf97r\xa1I\xc4\xc7\xe3\x8a\x96D\x02\\\x97\xdb\'\xa1yu\xd7\x97\x16\x17g\xe1\x04\x99P"1*kf*\x82fK\xb9+\xe8\xbc\x19}\xb5\xe6\xeb\xe0\xd0\xd0q\xee$\xca\x15\x17\x83\xcbO`\xfc\xd2\x9a\xcb\x1f\xe2M677\xcb\xea@\xa8\x98\x18G\xe9L\x05\x8a\x85XO\xa3\xde\xe5\xc5\xf3u2\x08m~\x8a\x1a\xf7\xda\xf8E\x1e%\xceU\xc3\x87$\xfc\x82\xbb\xac\x92_\x1fSf\xb5\x8f\x06]@ev\x05\x8f&lt;\x8d\xbeZ7\x93\x0c \x97\xec\xe8\xc9j\x8d\x06\xf7?4jp\x98\x03\xce\x868\x82\xe3p\x18y\xa8\x18IV[\xa7.\x08b\x99\xcd.\xb7\xea#q\x94w\x15\xe1\xce\x0fG\xbf\x0e\x83\x01\x8a1\xc7\x08y\x84\x88\x81\x13\x85Q\x8dcTF5nC\xc9\xe1\xc7\xda\xd69\xeav\x99]\x16\x10\xcc\xad2\xdd\xbc9\x10\xd5\xd5;Q\xd5E\x1bh\xd5\x01r\xe5\x9f\xac6\xaa%\xfc~\x91F\x13\xc7k\x14\x87\xbbdq\xc2Z\x07\xb4\x86Qg\xd0l.w!\x96\xae\xe0\xc4\xe9\xe5\xa9(r\x89\xabnw\xf09\x04w\xd9:\x96rs\xd4\x1a5\xbf#\x85;+qq\xf1\xb1\xb8\xfe\xa7,m\x9a\xa9P\xe9L\xfcpR\x10\xb1\x8a\x0e\xdf=\xdb8%\x16E\xe5f-\xc2\x1bF\xd6RB\x04\x0b\xc9d\'\xe1|S\x8dh\xfc\x82\xa9D\x13\x036+nl\xf2T\xe8\x9cA\xa9yo9\x18\xde\x15\x04\xac\xf3\x17N\xdch\x7f9\xcf/\x11o\xb7\xd9E;\xc4\xcd_\xa8\xcf\xa1ZZ\xb8\xf2tth\x01Lv\xeeZ\n\xbf\x14\x12#\x81c\x8c\xb2Vi\x9d\x1b\xea\xd59\xf5&amp;\x8b4q/\xa8\xf5\x06\xab\xe0\xc2\x89\xec\xdf~\xb315\xb0\xbd`\x80$\x9e\xbd9\xf0\xf4\xec\'\xf9\x11,\x00\xd3j;\xb46\xb8_\xe7\x9f\xfb\x98\x1fBj\x84\xabWc\xd6\xfdK}:\xbdE\x0f)L4\xf3Xn\xddh\xd1yUQ\x81\xac\xe7W\x1b\xa1\xe5\xb1\xd9m\xe4\x12\x89w\\\xbdw\x7f\xf1\xcb\xbf][2D\xb0\x14HfSh\xf1YW\x9aM\xdb\xdd\xd4\xde&gt;4\xd3ye\xa6\xedR\x9fE\xaf7!\x969\xd9,uY@,\x1d\x1cY\x8f\xbcw\xb7\xe7\x9d\x8d5\xc2\xbb2\xb6m\x9b\xcd\xb8\xbfy\x87\xa4?]\x7f\xb24\x9c`H\xe3\xd5Rh\xf9\x99X\x1b\x86B\x91T\xd7\nL\xbd}\x8b\xa3}\x8b \x15\xa4P\x1a\xd1K\nXp\x13:\xb2{\xf7\xe1\x9e\xeb\x1b\xd3^\x9a\xf6&gt;k\xd8\x96G]"\xc8\xdf2\xc52^\xc0\x1a\x1eNHH\xb3\xa1ZI\xfc\xec\xa9\xa2\x0c\xb1\xca\xca\xec\x80\xd5[\xd1\xb7\xe8v;!\x83z\x8b4\xd9d2\x1dKL4\x07\xdd\xce\x08\xd6\xae\x82\x9e\xeb/\xc7\xbc\x04A\xd0\xe3c\xb3\xbf\xf8q\x97H$\xae\xba\xba,`\xe3Xzz}5{)!\xc1`C\xb1\x92\x92\xea \xec W\x9a\xad\xcc\xde\xd5U\xe9\xf7\xe8\xdcn0;\x06\x0e\xa5K\xf7\'C\x16\x83\xa8\x96\xaa\x08.\xb5\x05\xfbx,\x9a$I\xfa\xfeX\xc3/\xf2&gt;@\x89\xaf\xde\x1a\x89\xc1\x15?\xee\xd9\xdfW\xbf\xbe\x96m0\xa4i\x15&lt;UekeWD-\xbb\xdd\xdeU\x92q\n\x1f1\x03\x94\x05\x872L\x00\x95,\xb5\x04Q.]Qf\xa6\xea\xf5\xc2\x1f6\x00KHR\x04\xc1\xa2bb\xd1\xcf\xcb%\x96_sK(,\x8c\x11\x08X\x96a\xd6^\xf5|\x06X2\xbc\x1b&amp;\xe1\xceQ\xc0\x1f\x00\xae2\x14\xab\xcb^\x92q \xf5\x90^_\x08J\x15\xf2c\xfc\xc9H\xa5\x07\x05u\xba\xd1\xdd\xbbv\xbd\xfe\xf3\xf5-,!\xc9P\xde\x91{\xb8=\xbfC\xf43\x84j\xbez\xcf\xcb1r9\xee\x8d2\xb1\xe3\xb7{V\xaf\r\x1b\xf8\xd9aP\xab5\xe0\xf7\xfb\x03\xf6\xb2\xb2\xb2\xae\x92\xfe\x92\x92\xfe\x9d\xa7\x0e\xed)\x94&amp;#\x8et\xeb\x8f\xa0\xdb\x1d\xa9\xc4\xa0\xe9\xf5\xc3\xeb\xf3\xd34AP\x14A\x0b\xe5\xac\x9c\xa0\xc3\xa1\x16\xc8\xe5O\x92\x0c\xbfJa\xa0\xe5\xd6\x1d\x86\xe1\x18F\xce \x96`dl\xbd\'{8-\r\xf4\x82\xd2\xab\x0b\xf8}&gt;\xbf\xbf\xd2\xcec\xf5#Vz\x1e\x88\x85\x1b"(\x15RY\xf4n\xbd\x13&lt;\xaf:d\xd2?y\xf8\xcd\xec\x1a\xc1c\x81f\x8c\x80\x14\x12\x84\xf7\xa7\xb9?\xf2\xfd\x0e\xe3a\x8e\xe18\x8eaI~\xcd\x96\xa5\xa6_-l\x0e\xa7\xc9\x0c\xf8\xaa\xb3\xae\xae\x15\xb1\x02%]\xe8\xab~\x08\xdc\x17\xe1\xf5B\xaa\xc4D\xa9\x14\xc7\x87\xf5z\xa4Re\xba\x8a\x9eL|7\x1b\x82:\xa4(\xda\xcb\x91$+\x00\x8f\t\x85\xde\x95[W\xffG0`j\x06\x9f{\xe5r\xa4\x02,\x1a\xd5b\xd9\xd8\xd0\xc5\x9e\xd5\xe14\xfe\xb1&lt;\xb4\x84@\xab\xcf\xe7k\rT\x82\xb3\x00+\x83\xdfbI\x07.\xc0JD\xc5,\x10z\x1eK\xa7\xcb4\xdd]\x9d\xf8\xc7\x8b\x15@\x91\x93\xb4\x97\xa1\x08*\x96%\x91\x8bF\x93U\xfd\xd7\xb2\xc4\x86\xd0\x80&gt;\x97Cp\xdc[j1\xb1#\xcf\xd7\x176\xb3m\x88\x95\x04-!\x92\xc5\x12\xbb\x1d\x8c\x85\x1b?\xe9y\x10\xb8\xe6\x83T\xe6d\x8b&gt;\xa8wb\x0eG\xe1\x90\xe3,[\x98\xd8\xf86\x0cX\x0c`\xc99\x8af\x04\x0c\x89X4A\xdf\x01\xc5\xc4\xff\xc9\xfc|\x97\x1a{@0\x1c\xc5m\x05\xb8K\x1e\xc9"=\xfd\xf9\xc2j6\xa8%\xb3)\xec\x80\x05\\\x9e\x8c~(B\xa4:\x90\x9eWX\xa8/\xc4\xcd#h\xa3(\x17(\x85\xa1\x1b\xd5\xb9-\xa3\x9b\xe8x\xb0\x16\xc9\x08\x11\x0b\x90X\x01C@\t\x08\xa1\x02\x88\x91Og\x7f|@\x0f\x1aIs\xcb\xbd\x11\xa1\x9c\xc2\x90oa\xe1\xae4\xbf\xf4\xce\x8eO\xad/|\x96-\x03\xb5\x14\xd0\x15\x02\xfcb\x94\xbf\xa4\x04\xcb\xf0\x00\xd6!/\x15\xfc\x94\xf3IDc\xf1r\xb9\x83f\x1fZk\x8d\xa4\t\x8a%h/I1\x1c\x01\xf6\x92\x83V\xa4\x10$\x13\xd2\x0f\xc6\x06~\xa4\x8fa\x97Z\x0eK(\x82\xe4\xb1\xdeV\x0b\xb4\x02&lt;\xd6;\xf6\xf9\xbe\x9eM\x03\xef\xad.^.\xe0\xeaG\xc3\xa3Z\x80\x95\xc8/j\xc1\xeff\x14\x0b\n\x11*Qo\xb1\x98]\xf6\x85\x89\x97/V\xc0Mr\x96#\xbc\x14\xc9\xb1\x14M\t\x04\x14-$\xb1$!\x97\xe1\xf1\x96\xe6\x1f\xe8\x16\xe0\xf3\xa9\xe50\x12\x91\x94\\\xfe6\x16v\x08\x01\xea\xc5\xb2\xe3-\xeb\x0b\xabH\x05=\x14\xd3\x88X\x19X\x85\xe0\xf8\xd4&lt;\xe0*\xdcs\xa8\x90G\x93Z\xf8\x8f!\x00\x83\xf3|y\xc5\x93\x89\xeb\xf3\xcf\xbd\xa0\n\xbd6\xbd\x02\xb6\'9\x8e\x142`{\xe4"\xd0\xfbBa8\xf4o_O\x82\x1d\xe1Y-\xfcs\xa4\xa2\xc8\xb7\xd5\x82\x903\xdeP\x98\x95\xa3\xbb.\xee[x\x92\xc6c\x81`%[r!]Az\xde\x1e\x88\xf4\xef\xb1\xa0\x12\xb1\x1c\xcb\xcb\xcb\xbbz&amp;\xbek\x08A\xce\xe8;\x17\xe7_\x84\xbc\xf8_rB\x92\x8d\xc5\xbdp\xe4\x02\xc9h\x9a\x0c\xa3\xf7\xdf\x02\x13\x89\xaaZ\xc6i*\xa2\xd5\x9b\xf8\xde\xf5\xac &lt;6u\t\x97\xe0\xd9\x95o_-,lF\xd4\xb2\xdb+K\xfc\x19;Q.\xa0:|!\xf5\xe0\xc1=\x11\x7fa\xdb\xb2\xf0!\xb5\x98\xcbo\xdf\xee\xdb|8\xb1\xf1b\x044!\xfe\xb4\xef\xdd\x7fN=_[!\xa0\x10I*V\xc0\x81\xbd\x08\xd4\x0b\xabR(\x1c\xc16\xf6&amp;\x95\xf01\xd3p+\x0c\xd4[Jq[d\xf0\x17N\xc0\x86C\xcf\x7f\xb7\xbe\x9a\x82\xf6b\xd6\xc0\xf5=\x9b\x11\xb5\xb0\x8fB\r\x02W\x06\x9f\xc5\xd4\xf4\xbc\x88\xbf\xf8F\x8f]\xdebF\xaa\xf2\xba\xd5\x89w\x1a\xe0\xb0E\xd2\xf4\xd7_}\xf5\x9b}\x7f\xf9\xf2\xd7\xd3!z\xcb^\xc4\x9b\xf8\x17\xd3f\x18\xd2F\x9e\x86q\xdb\x84\xbb\x84\x04\x9d6\x01C\xf7\x8ea\xae\t\xb7\xb1\xcc\x81\xb7\xd5\xd9\xee\x94i\x0fV&amp;\xdb%Y\xfa\xe1\xbc9n\xe0\x18gI\x9a\xf4$\x14l\xe1\xe6(\xb1\xf3m3\xf4\xc3\x11\xe1R\x8c\x9b\x0f\xbb\x1c\xf8\xa1\xba`i\xa4\x1e\xadGp\x0b{\xbd\x9a\xd4\x131\x18\n\x85*\xb5\xa0\xad`\xad]\xdb\xbd\xe7\xfdGo\xefU\'\xc5"\xf9\xe5y\x9e\xf7}\xff\x11\xc7E\xf1\xf7\xd3\x18\xfb\xe9\xfe\xf4\xcc\xff\xe7\x98\xc7\xdd\xd2\xcas\xa0\x17\xb1!\xef\x0f&amp;*\x1b\xf9\xc6vI\xda9\x04.\xa4&gt;/\xd5\x17vH+\xb2\xf1O\x17\x89\x0bdtk\xcdI\xa6\x16\xb4\xeae\x83k\x90\xd5\xdc\xf4\xdc?wf\'w\xd7\xe7I\x90c\xcb\xc6Z\xdd\x99]\xb3\x9a\x8dG\x13\xfe\x80\xe7\xd0\xe1#.\x92\xcb\xc3f+\xac\xc4\xe0\xff\xf6\xde\x1d&amp;\xd57\xf7\x06&lt;.\x06\x83\xff\x06\xd6\x01WG\x87{|ec\xb4\xf1\xb8TZ(K\xa5\xef~\x12\xea\x08\x1d\x9e\xdfl\xcc\xce.\\\xb8A\xa7\x86\x0b\x9f~~\xf1g\xf4\xb7\\t\xb3\xe9\x89\x13t?g\x7fkJ\xa0\x15\x99Nss\xd3\xcf\x7fw\xbd\x15x&lt;\xab\xe7}\xe9\xa1^\x97$Y\x9f\xad7\xbb\x11~d\xcc\xeboqy\xd8\xb3{\x901\xff&lt;\xfd6\xf4\xd1\xbf]\xec\x1b\x07\xc1ja\x05\x0e\x07\x1e\xcc&lt;\x9bk&lt;^(I\x92d\xe3\xfa\xe4\nq\x05f6\xdf\xce\xd6\x9f\xdc\xc06\xc4:\xbc\xf4\xd5G\xfbXX=\x1fS\xe4{\xfa\x7f\xdf\x1a\xf4\xa4\xd34\xea\xf9\x97[$\xd6\x0c\xa6\xa6+\xb4\x95~%\xeb\xf5\xa4e\xa5\xa2k\xf6\xebBe\xde\x8b\x81A\x99#27\x81\xbb\x89\xab\rQ\x1f\x80\x7f\xee\x96{\x8c\x99\xb8\x8e\x1c\x1e\x98x\xf6\xfcm\xb3$\xd9\x0e\xa8J%\xa7,Y\xcb\xed\xe8\x9f\x0ewes\x15\\\x97&gt;g[\x1aX\xd7\xae\x9de\xb7\x9ab!\xf6|\xdcs\xfe\xfc\x87\x9d\x9d\xbd\xbd\xbd##\xd3\x85\xc2\xf4\x10\xb0\xfeNb\xbd\x19`\x81/\xf1\xafx\xc3JY\xba\x16\x8df\xed\xf2\xeb\xe1\xca8\x86\x84\xdb\xdd\xf2\x91\xd9\x88\x8c\xb9\xdb\xee}\xebb\xa0?\xea\x84\xaf\x00\xcc\x9bn,\x95J\xa9TJb\x95\x94JRJ\xba}\x04\x87\xaf\x8e\x07\x1b\xb7\x96\x16g\x97\xff\xf6\xd5\xa5\x0b\x0c\xebD\xdf\xc9\xbe\xd6\xed\xc2\xd0\x8a\x86\x04\xb8:GFF\nCT\xd3_\xa2\rw\xef\xcc\x84\xc8\x9ee+\x9aRTM\x94\xa3Q#\xcae\x13\xa5\x85\xb7\xf9\x95\x81\x90\xc7u\xd0\x8e\xfb\xd5F\xba\x85\x98\x83\x07\xee\x06\x02\x03\xf3\x95\xe1\xdd\xa6\xa3\x00*\x95L\x02J\xc1\xc5\x96\xa4\x14\xba\x11+\tS\xe2Vsq\xf6\x06\xceZtV\xa6\xdb_\xfb\xc0\x058\xbaW\x98\x9dm:G\nD5&lt;&lt;4t\xfa\xd3\x05\x96,Z2\x97%]\xaf\xd9vR\xc9\x1a\x06\xc7saN/\x97\x93\xefn\xce{\xbd.V?bA\xa7\xfd\xac\xb1\xc2\x0e\x1d\x9fy\xf4nUT\x94\x94\x98J\xb5\xc0\x94$\xc5K*\xa5,\xe2\n\x05\x8eLl&gt;\xb5\xc0u\xfd\x06\xb0\xce\x9d=y\xedb\xdf\xf9\xbe&gt;:?\xc0B:\xda\x80j\x0cX\xa0\x1a.\xfcayq\xf2\xe5\x9d\x89\x0e\xd6\x86V]\xaf9\xb6\xa9\x9a\xd9\xa0\xcf\xc8\xf98\xb3\\V\xf4\xd5\xd1\x95\x078W\xfc\x1f\x15\xb0\xf6\xa9Z\xb3\xe1\xb0w\xbe\x92o,\xa5,\x11\xc5\xd4J\xe1\xd1\xb6m\x12\x8b\xea\xc9\xaf\x81\xe5\xf5\xae\xac\xbf\xb3\xd6J\x7f\xb9\x8eC\xcd9\xb6\xa3\x89\xa9\x8fQ\xe1 \xd1y\xaa\xbb0\xca\xa8 \xd6\x8d\xd9\xc9WW+x\xd2v\xcf\xe5\x94\xbe\x16\xad\xd9\xba!d\xccLD\x881,;=\xd5|\x9b\x9f\xc1\n\xa7\xb0\xb7\xa8\xfcm\x072\xe1,\xeb\x0e\xe0\r\xc9\xe8j\xd3\xd2EKS\x14\xe2\x82dZ\x12?j;%\xc7qJR2\xb9\xf3\xf3\x907\x10\xf2W\xd6\x1b\x8bk\x0b8\xd3\x03\xeb\xfc\xd1\xce\xe3\xfd=L\xac\x96Z\xbd\xddcc\xa3\xa3\xc3^f\xd4\xb0\x00\x00\x07iIDAT\xc0*\x0c\x9e]\x98,b\xc0\xc3\xc2\xf6\xcf\x9e\xe8zT\xaf)Y\x81\xd7D3\xce\xb0\x9c\xb2m\x849{{\x0cN\xd2\x9c?Pk\x7fX\x90\x7f\x80z\xbaj\xd5eU\xb3D`i"\xd3\xca.\x97\x1d\x80%mpI\xb0t\xeb\x10\xf6\xf8\xa1\x81\x8d;\xbbk\x0f\x9f\xfc\xf6\x97\x97\xce\x9d=\x7ftp\xf0\xf8\x99~\xece\x16\xf9\xfe\xe3\xa7ZP\xc3\xa3c\x85\x9e\x1f\x16\'\xbf__\xc1\xe2s\x05\xbe\xd0\x91sQ\xccr\x1ca\x99\xb1x\xce\x07\xb5\x1c\xc1\x17N$K\x14\xfd\x00\x1d\xbe\x98b\xfbj\xb9=\x01\xf7|\xe5\xe9j\xaa.\xefi\xb2\xa5i\x9a\x92$\x1f\xc5\x14hJe\x94\x83\x84!\xf8\xe8\xcc\xdb\x01\xd8\xdd1\xfe\xe6\xce\xea\xe4\xe2\xce_\xff\xfc\xd1\xb5\x1e\xb4\xdd\xdci\xb6l\xd8\xdc\x82XD5\n\xaa\xce\x1fJ\x93\xe1\xbbo\x1e@\xab\xf6O\x16\xd6\x0cC\xd7\xb3\\\x90\xcb\x9a\xa2\xa9\xc6s1\x9fJ&amp;\x86}\x80u\x9a\x88\xbe\x9b6\x91\xff\x7fj\xb9\xbcG\xc6+\xc3\xab\xf0N\xb34Y\xd6D\x91\xb0\xf0 &amp;\xed$hl\x87\xc0\xd0AI)e\x95\xde?\xe4\rx:\xe67\xef\xa6\x8b\xd6\x85_\x9c;\xd9?\x88\x015\x82=\x83E\x08\xb5\x8e2\xb1\xf01Z8ura\x92\xf2\x0e\x0b=\xed;\xb2a\x18Q\x83\xf3q\x020\xb4L\x96\xcb\xe520Q\x08Gx\xc5NF\xf7^\x0f?\x1b\xe8h-m\x16yo\x87\x7f&amp;\xdf\xd8\xd3\xa3\x0cH\x06\x97&amp;\x8b\xc0\xd2T\xa5\xaa\xd8\x8a\x08\x9d\x1c\x809\x0e1\x8a\xfa\x93+\x98(n\xef\xc4\xe6?\xd2\xc5\xd4\x85\x8b\xef\x1dE\xdf\rM\x8f\x8c\x10\x17\xed\x9e\xee\xd1V\x8du\xf7o\xc3\xc2\xab\x15\x9a\r\x9e\xef\x9a\xa028\x8e\x0b\x06\xb9\x8cij\xd9x&lt;\x96\x8b;e\'\xedcX\xbc\xcfz\xdc\xb89\x1ebg/\x86\x15\x18\xbf\xf9\xaeY\x8f\xa2dM\xd1\x12\x89\x84\xa6%\xcc\x9a\xa9\xaa5\xd34\xed\xa4\x06X\x85e\x0b\\\x12\xb8\x96\xaf`\x18{&lt;3\xeb/\xa6\x8a\xa5s\xc0\x1a\xa3\xb1Iwp\x92\x95\x9d\x85}\xacB\xef\x1fg\xc9B\xca\xbb\x07;zjj\nL&gt;_\x10\x8d\x08\x0f\xe3\xb1X.f\x13\x96\x8fW\x9c\xa4\xe0KG\xa5\xd78^y\x18\x96+00\x93\xdfM\xe9\x80\xe2y&gt;!*2\xcf\xcb2\x9f\x11\xd5*\x91\x99\xe4&amp;\xe9\x07?1\x08\x93\x8a$\xea\xc6N\x88\xf5Le\xfde\xb1\xb8\xfd\xde\x87\xf7\x87\xa8\xeb\xa6\xa7\xe7\x06\x07\xf1\x16\xb1\xb7\xbb@\x8d8V\xe8\xee)M\x16_\xae\xcf\xd0Hr\xdd\xde\x0bc|\x86\xc3&gt;\xc2\xca\xaaj&amp;\x1e\xcf\xa1j\x14\xf9\x88\xa08\n\x171\x84\xac\xb4\xf4t\xc5\xef%\xac#\xe3\xe8?\xf8\x87}\xc0\x1b\x06/&amp;5\x81O\xc8i!S\xad\xa9&lt;\x9f\xc9\x98\n\x13\x10%*\xd5*\xe6\x86bE\xad\xadCt\xa2\x1c\xd8\xb8\xba[\x9cz=86\x9c\xcf\xe71\xa4\xc0u\xe6\xcc\xf1S\xad?\x95/\x8c\xf5\x92\x85_W\x06h~\x7f\xb6\x1d\x0e\xc3?\xa2\x02\x16\x9f\x91y\x01b\xe5"\xd5\xb2\xc3\x1d`q\x86\xae\x08\xcdFe\xc0\xebo\x0b\xcc\xe7\xdf\xed\xc1\xbd\xa8\x9c\x88\xf2\xe9\xb4 K\n\x9f\xe6\xf94W\xadU\xd5\x0c\x9f\xcd\xaa&amp;\xf2\x96\xe0II\xd54\xab\xa6.\x8a\xd1h\xea\xb2\x17{,4\xfe\xe6\xee\xabb\xfa\xed\xd8\xf0\xfd!\x865=x\xfa\xcci\x98\x89\xb0\x81\xebc\t\x16bd\xa1\xe7=[\xe9px*\x1c&gt;\xc0\xe2\xb3q\x8e\x8b\xc5\xe0c\x8d\xd4\xe2\x14[\x0cF\xc2\x86\xa8p\xe9d\xe3\xe6\x03o\xdb\xc4\xad\x86\xb5\x96\xa0X\xc9QPq\xbc"\xc9\x02\x97\xf6\xa9\xb5Z\xb5\xaa"\x97Y\x15\xe3\x02z\x11X\x06`\xa6\xaa[\xb2Q\xfa\x04\xd9\xf4{&amp;\xd6_\x84\xbb\x96\xc6\xe0!\x93k\xe4\xf4\x07\xbf\xea\xa4\x8c\x01\xac\xd0\xbf\r\x0b\xf1\xfe\x1e\xef+\\\xbfy\x1c\x9e\xf21\xa8\x08\xbe\xb88\x1f\x17\x82\xb9\x18^3&lt;\xe1"\x11AL\x9a\xc0\x8a\x8a\x8a\x91\xe6\xc05\xde\xf6\xcdj\x1d@\x19pi\xbc\x00,AtD\x81\x0b\xc6\xab\xaa\xd9\xe2\xe2\xb3d \xe3\x12\xc0\x08\xac(\x86\xf5Cl!\xcc&gt;\xf7\n\xe2\x15^\x1d\xcd\xdf\x82\x8dH\xfd\xe9\xfe\x0fN\xdd\xbf\x8f\xe8\x0f\x8e\x9c\xd9^+~\x7f\xf5&amp;\xbd\xd9\xf1\xbb\x96I\xa9p0\x12!.\x8e\x13\xe2x\x8a \x13\xabZ\x05V\xd0T\x80\x15\xc4\xdcH\x1bA\xae\xdc\xd8h#*\x99\xa4Jhr:\x8d\x9f0\x81\x15\x8c\xab\x02\x17W\xabU3\x03\xbd\xf8\x04\xdf\n\x17\xc0H0U\xd6\xe5\xa8\xb1\xd3N\x93\x8f\xc5+\xbc\x84Z\xa5\xcbR\xb3\x89\xcbk\xaa\xedz1|\xf7\xd68\xcb\xfb\x17{`\x82X\x11\xe2\n\x06\x83\x02*\xe8\xa3p\xc5j\xb5\x18\xb0TQ\xf6E\x82&lt;a!\x83N\xa3\xadnY\x96L\xd9\x8aj\x1a^\x02\'h\x8e"p\x99\x9c/\xc8\xa53\x90\x0b\x1d\x13g\xc1B\xc9\t\x81\t\x06.\xac\x91\xad\x10\x8d\x89\xf1\xcd\xbb\xaf\xba\x8a\x93\xf8`\xd5\xf5\xb0\xf5X\\\\,v\xbd\\\xff\x17\x05\xeb\x18,$\x03\xf1IX\x14.A\xe0|\xbe\\,\xe7\x8bek*\xbe\xa9\x9a\t \xf3hr\x03\x92\xea\xa96PY,X\x84\x8a\x17\x926m3\x9e\x89\xd3\xbf8!\x83F&amp;\x1bI&amp;\x80\xc92\x13L\xd5\xe1\xa2a\xec\xddn\x87A\xde\x99;/\xa6\xba@\xc3&gt;\xbb\xba\x8a]]ty\xb8\x08\x0b\xbf\xa6\xdf,\xfb\xff\xdb\x84\x19\xb3\xc6\r\x03P\xf8v\x1dA\x83\xd6"\x041\xb4\x06\xcf\x19\x0e\x0c\x99\xe4E\x9a5x\xe8\xe5 Wi\xf1VJ\x17C\xb7\xfc\x83\x0c\x19;w9H\xd7B\xb6\x0c\xa67t\xc8\x10n\x0ct*\x071\x94\x04\xd2\xf7\xe4+D\xbe\x9b\x0e\xce\x9f\xde{z\x92}\xf6\x89\x16*\xe6*\xab\x85\tOj\xf5,.\xd7\xdc\xf4\x85H\xab\x0e\xee\x02\xcbth\xb6E\x98}\x0ePK\x83K\x87Z\x03\xc6\x01\xabK\x12R\xc7\xa8\\\xb2\xd9E$\xd4\x98I1\x8f\x84-\x16\xe4\xda\xac\xdf\x1e\xf1\x8d\xcb\xf7\xafO\xc0\x1a\xcaW\xe3r\xd8\xfe\xba\x1c\xb1\x17B\xac\xb3\xf9^2XT\x8aX\xb8\x07\xa22\xa9E\x17]\xd3\x15\xa2\x0bPK\xf8\xca\x1al\x99\xa2\xadf8Y\xad\xc3\x12}\xa9\xc3\xb9WR\xb8\xfa\xdcZL\x05Xh\tm\x13]\x04\x15b\x9a\xb9\xb2b\x9a\xdd\xbb\xdc&lt;~\xa4\x8f\xd9F\x08\xc5\xeb\xffx\xf81\xe4"\x05\xf6\xd1\xf5\xb3\x9a\x9a\xe1 \x96\xe8\xc1\x85\x0e+\xa6p9\x83\x93\x84I\xba\xa0Z\x0b\xf7N\xa9c[\xcd\xd6x\x08\t\x91w\x0b\'AI\xa5k\xe4\xc9D5\x8e\xd1\x1bl\x13\x18\xdd\x84E\xbd\x0eN\xa2I\xb8\xc1m\xee\xdeP.\xac\xc6c1\xbc\xd6k\xd8&gt;\x94\x7fy\xf6\x83V\xb7;Z\x08k\x90l\x18\xc5\xcd\'cI\xba\x88\x9eo\x0c\nL8\x07-5\xb6$\x8b%J,\x1cU\x80\x85f\n\'\x15\xb0R\xbd\xaa|\x1c\xef/&gt;D\x8f\x84\xb9\tK\x1a^&amp;\x1e\xb2\xaf\xa3\x89\xe4\xd2{\xb4\x17W\xe3SI\xae\xa1\x94e)H\xd5\x96c&gt;\xce\xcc\xe7\xefw\xb9\x1ar\xd8\xa7u\x88o\xaf8\x84\xa4\\H\x99\xc2\xff\x1b`\x99\xca\xbad\x94l3\xd6UP\x1e\x0f#\xf6K\x1d\x8dJ?W7\xcf\x8f\xd7/\xfb\xd3\x97\xbb{\xac\x01\xef\xbb\xa4\x1b.\x1d\t*r\x11m\x197\xe4\x8a\xeb[\xbe\xcef\xa9\x16\xcd\xd0\xc0\xc5\xbe\xc4\xa7\xdd\x0e\xe2\xcf\xefo|\x13r\xba+r\xbd+U\xe4le\x0f1{R\x</t>
        </is>
      </c>
      <c r="M41" s="3" t="n">
        <v>45492.67712962963</v>
      </c>
    </row>
    <row r="42">
      <c r="A42" t="n">
        <v>106456</v>
      </c>
      <c r="B42" t="n">
        <v>1966</v>
      </c>
      <c r="C42" t="inlineStr">
        <is>
          <t>Enner Valencia</t>
        </is>
      </c>
      <c r="D42" t="inlineStr">
        <is>
          <t>Enner Valencia</t>
        </is>
      </c>
      <c r="E42" t="inlineStr">
        <is>
          <t>CA</t>
        </is>
      </c>
      <c r="F42" t="inlineStr">
        <is>
          <t>ATA</t>
        </is>
      </c>
      <c r="G42" t="inlineStr">
        <is>
          <t>CA</t>
        </is>
      </c>
      <c r="H42" t="n">
        <v>177</v>
      </c>
      <c r="I42" t="n">
        <v>13</v>
      </c>
      <c r="J42" s="2" t="n">
        <v>32815</v>
      </c>
      <c r="K42" t="inlineStr">
        <is>
          <t>Right</t>
        </is>
      </c>
      <c r="L4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8f765af-15b3-4c49-a604-2694ed61c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f5\xd3\xab\x00\x00\x02\xfdPLTE\xfd\xfd\xfd!\x1c\x1c\xf9\xf9\xf9^B9\xfa\xfa\xfa\xff\xff\xff#\x1e\x1f\xfe\xfe\xfe\xfc\xfc\xfc\xfb\xfb\xfbhI&gt;\xe9\xeb\xf5&amp;!!\xe7\xea\xf6gG:nMA\xe4\xe5\xeb\xe8\xe9\xf2\xe5\xe9\xf5pK&gt;\xea\xed\xf8`D&lt;\xeb9)nMF-%$jJ=uOApI&lt;\xeb\xec\xf2jH&lt;cD:{RDmJ&lt;sLA\xe76\'vOD\xe7\xe7\xed\x1f\x19\x19\\?6kKCiIAxRG\xe97()##eH=fC7vM&gt;\xe6\xe7\xf0tJ;1(&amp;\xed:+cF&gt;\x8b[H7*(qOEjE9\xe9\xe9\xedd@4`@6~RCX:1\x8e^KrRGmG:X&gt;6O83mL&gt;gQHyOC`D9mJ@iND\xe9\xec\xf8h@2cB7{PAyM&gt;\\&lt;2\x86YH\xe1\xe2\xea&gt;0-fI@mE7qH9\x85VDnXO\xe55\'lSI`G=ZA;\xe8=/\x8b]K\x92bN~TGqM;~M:S:4\x81TExe]\xef=-`&gt;2\x88WE\x83VHcSLSF&lt;fXRT6-jM@{VKiUMjC6vH6S?6\xed@2cOF\xe8\xd9\xde\xeb\xed\xf5\x7fP&gt;\xec\xef\xf8E3/s\\SqS=\xf7\xf6\xf68/.gC&lt;d&lt;/qaYl\\U\xe5\xe2\xe4\xefC5\x83SB\xea\xe1\xe6~jb\xed\xec\xeemPDH73\\9.nC2ZF5`M:\xe8\xc6\xc9\x8eZC\x88T&gt;L5/tUJND9\x94eR{J9qE6\\RM\x84Q&lt;\xee\xef\xf4uYN\xeeh^\x8bXB(\x1d\x1cvW?\x81YL\xe0\xde\xe0\xea\xe8\xe9\xf7G8YJ;\xf0\xef\xf0\xf3\xf3\xf4M2*y\\QdKB\xcb\xc8\xcafS&gt;\xae\xa8\xa8_IA\xe8\xb9\xbc\xeaSI\xe7\x84\x81D/*\xbe\xb9\xbb\xf4[Mj`Z\x85\\N\xa9\xa1\xa1\xd6\xd5\xd6\x84rl\xe8G&lt;\xda\xd9\xdd\xeark\xd0\xce\xd0w`W\xe6\xb1\xb4\x80zw\x9f\x99\x98\x9aZWwic\xb5\xb1\xb16$\x1f_YV\xeb\xcf\xd2SKGK*!\xf1I;mYB\xc4\xc1\xc3\x95^E\xe1\xc2\xc4A96&gt;+%\xf4RD\xe7\\RJ?9T0&amp;\xe7yuvol\xe4\x90\x8e\x8e\x89\x87\xd7\x8e\x8cNE@\x8c\x7f|\x95TQlfb|[@\xe3\xce\xd2\x98\x8f\x8d\xf9O&gt;\xeb\xaa\xa9\xe4\x99\x99\xe7\xa2\xa3\xf3cVYJD_5)\xe4e^\xec\x9a\x97\x9b\x82}\x9fd[\xee\x8a\x85}bX\x8bUR\xd5\x9b\x99\xda\xaa\xaa\x80_C\xeb\x92\x8f\x8efY\x95rhn&lt;9\xd9\xba\xb9\xe1MD\xf2qe\xddqj\xf0|s\xe0\x81|\xa5\x92\x8f\xd3\x81}\x8bFC\xd63*\xa8mg\xcb\x8f\x8b\xcawr\x88yho\x00\x00 \x00IDATx\xdat\x98\xcfK\x1b\xdd\x1a\xc7\x0fc\xc2\xcc\xc9"Y\x84\x10\xc6b\x9b\xd0\x85\x11\x82\x08\x01\xb9\xf0B\xe8M\xaaY\xd4\xc5\xf5\x96\x90\xb8h\xb8\xb8\xa8\r1 n\xae\xbaH\\T_\xdedq\x15\x1a\xe8B+\xb1\x10\x7fl$\xfdA\xb1X\x14\x11Z\xe8\xa2 b\xb1t\xd5\xdd]\xdc\xff\xe1~\x9fs\xce\xcc\x9c\xe4\xf5}\x8c\x93If2\xf3\x99\xef\xf3\xe3&lt;\xe70\xcbb\xf8\x13\xc6}\xc28\xed32K;(\xdf\xc41\xce\xf1"\x13\xfb0\x9fs\x12]\x83&gt;\xab+Y\x9a1\xf5k\x9fA\xb7\xf0\x89\x1f\xebW\xd6&gt;2\xba)\x17;\xcc\xc2\xb9\x86\xc2b\x1a\x95:\xcf\xbb\xa9\x02\x97\xbc\xf8\r\xd9\xeb\x9d\xd5\x0f\xef\x8e\x8f\xdf}X\xdd]1|\x9c\xaecH,y\x19\xba\x02w\x9e\xcc#f\xe2\x80\xc5tD.\xbf\x92\x02`\xeb\xf3\x8c{\\\xfac0K&lt;\xa8\xe1s/\x03\xc8\x95\xddW\xc7G\x9fN.o\xba\xe7\xe7\xdd\x9b\x93\xab\xb7_^\xed\x1a\x92\xca\xe7*\xc1L\xda1\x9d\x1f\x91\xd0\xac_-\xf1\x15\x93\xf7\xa1\xa7 =\xb9\xc6\xe4\xf3\xc9\xc7`\x1a\x8f\xba\x9a\xaf\xd79\xdcX\xfb\x00\xa4\xf3\x8b\xebo\xdf6\xc9\xbe}\xfd\xfa\xadu\xf9iog\x05*:\xe1@\x972\xf12\xcd\xbe\xe7\xf4\xd0$\x10\xce\xa2\x93\xd4\x99\x12\xc5A\x12o\xfc\x16,\xa5\x80\xf4\xa1p\xe0\xca\xea\xd1\xcf\xcb\xd6\xf5\xe6\xe63\xb2v\xfb\x19\x81\xc1\xae\xcfO\xceV\xc9\x99\\\x10\xb9\xc6L\x9d\x89\xf7a\xa9s\xe4;aq\x11\x83\x0e\x94\n\x1e\x0fK\xee9\xe4\x86\xa4\xe2|\xe5\xc3\x19\xe9\x04\x94\xb6\xb0f[\x91\xc1\xae\xcf\xbf\x1f\xad\x1at\xa2\xe9\xf7\xfbq\x1b\xb9eZDq\xee\x05\x97\x90\xd4\xc3\xc2\xb9\xcc\xb9\xa1\xe7F\xca\xac\x1e\x99u*.|\xc8\xb9\xb1sv\xe2\x08\xd5n\xee\xc3h\xd3\x04]\x93\xbe\xda\xbcn]\x1d\xaf\xb8R\xf9MG\x83\xbf0.&lt;\x88\xd3,O-\xf7~2T\xb9\x96\xbc^n\x1b\x86\x16}\xc6\xee\xdeU\xeb\xfaZh\xf3\xac\xbd\xbf\xff\xf9\xe5\xe7\xfd\xcf\xb0}\xfa#\xdd\x08\xec\xe6`\x953\xa9\x94_\xaau\x1b\x90\xe3\x15&amp;\xe9-\xb3\x17K\t\xc5EQr\x1e\xc1\xd9c\x90\xc70\xb8\x83\xbe\xf2\xea\xe0\xe6\xe2\x9a\xee\xbd\xf9la\xa1\xd1\xde\x17D\xc2 XS8\x14\xc7\x84`.\x97\x86\xc5\x98\x93rDC\taI\xdf\xe1\x0c!\xae\x9fY\xdc\xe7\xe9\xa0J\x9e[b\x9c\x1d\xc6\xbd\x80G\x95:\x86T\xcf\x84$\x0b\xed\xc6Bc\xa1\xd9\x94H\xe4\xc6f\xa3\xd9\xfe\xbc\xdf@\xc0mn^\\\x1e\xbd6\x1d\xae~\'\x92\x87U\xd9\x06\x9f\xf2\xb6\xe5\xa8\xa5\x97\x86\xdb\x8a\xae\x8b%s\x01T\xbbG\x97\x17\xad\xd6/\xc2Z\x80\x81\x0b( Zn\x82I\xee\xb7\x1b\xcdf\x9b\x02\xaf{\xb0\xeb\xeae\xfa\x99\x17\x1f"\x84\xfc\xb2\xa2S\xba\xaa\xe8\xb3\xb8\xcc]&amp;\x8b\x11m\xf5\x90\xd2F\x1c\xe6`\xc9d5\xd6\xcen.\xe6\xcas\x8b\xedg\x0b\x8d\xc6\xc2\x83\xc6\x02\xfe\x89\x068M\x81(\xf7\xdb\r\xe2\xbe\xe8\x1e\xac9\\B\x0c\xee*\xa5\x12\x81\xe9EDf\x18|(\xca\xa9\xe1\x16I\xf5&lt;\x8e\xf3\x9dQPf"y\xd2X;8\xbf\x98\xcb\xe7\xb3\x8b\x9dv\xa31\x01\xa0\x89\x89\x89\xa0\x1d\xcc\xd8\x8d\x06\xb0\x00\x04\xb9\xa4l\x08\xb0\xc3\xc59\xe8e\xba\x15\xc2\x94Q\xa4\xd52"\xb0\x14\xa2+\x82S\x92\xfa\x93O`1/\x16\x94\xa6\xc8\xc6\xd7g\xe7\x17\xf5|6\x9b\xdd\xef\x14\x8b\xc9 \x90\x82\xb1\xe5\xad\x1f\xb0\xad\xe5\xfde\xbc\xb6\xb6\x96\x97\xf1\x82%\x9b\xcd\xc5\xb9j\xb9{\xb6"\xb9\x9c\xba\xe47\xb5\xb2\x81\x12\xc5\x98_\xec\xbbU\x8d\xbb\xe3\x90VA\\\xb5\xe8l\xa0\xa9\xa6AE\xfbQ\xf7b\xae\x9a-d\x0b\xb9d1`\x07\x83A;SZ\xfe\xf1?2\x80\x81\x87v\xb0Kt\x95\xf5B5_\xab_\x1e9\xf9\xe8\x16q\xbf\xb7\x95j\x89\xc8c=A\xc4\xfa+\x9b\xd3_\xf8eTJ\x93\x95\xe1\x0b\xc5U&gt;\xbf\xb4\xb4\xb1^\t\xd8\xb6\x9d\x89eJ%pI#\x95\xb6$!qU\xc0\x95\xaf\xcd\xd6.\xf7\x0cm\x04\xa2\xf1\xd1\xaf}\x16\xd1d\xf6U5f\xfde\xe9U\xbew{\x1a\xc3g\x1c\x9f\xfcj\xd5\xebK\x1f?\xbeL\xaf\xafW\x80e\x97B!\xe2\xc2\x0b\xee\x13[ \xfd\xd8\x92r\x85*\xb9j\xfd\xf4\xb4{\xf2N\xa3b\xfa8)\x1b\x18f\xbaX2r\x18\xeb\xcf=w\xb8q\xa4u\xc8!\xd6\xab\xabVk\xae\xfeq\x16T\xe9\xf5J\xa5bW2\xa1\xe5P\x06V\x8a\x11ZL\xc0\r\xe2\x8fl\x83\xf4\x82\\\xcfO\xbb?w\x98\xe30U\xd8\x99l+\x98+\x81_\x05\xbb\xa9\x8d\x94\x0e\twr\xd0U\xcb4\xb9+\xd7\xce\xdb\xf3V\xb9\\\x9b\x15Z\x85*\x99\x8c]\t\xc1\x04U,V\x12\xaa-\x8f\x96D\xbc\x8f#\xce\xd2\xa1J WX\x9a}\x7f\xda\xfd\xb4\xd6\xdb\xc0q\xcb\xfb\xc8\xa4^L\xf5-\xa4\x1ag}\x83\x9f\xfa5%\x83So\xdd\xe6\xea\xcb\xcd\x1cQ\xfdwi\xa3\x00\xad@Sq\xb9\xc2\x19[\x80\x01/fg\x94U\x02\x81d2\x97\xff\xf8\xfc}\xad{\xf6\x9a\xfd\xa9\xdbbZ \xe3\x13W\x0e\xee\xeb@\xbd,\x91-.S\xa1\xc5Uh\xbd\xfa\x0e\xad\xea\xb3\x08\xac\x82\x08,\xbc\x02\x81\x8a\xc4\x8ae\xec![0\rQz\x06\x02t,\x99L\x16\x8b\x9d\xec\xd2\xec\xf3\xf7\xdd\xcb=\xce\xfa\x86\x10\xc6Td9\x99\'\x1d-R\x961\xbd\xb6\x9b\xccMZK\x9c\xe1\x16\x13\xee\xdb=8/\x03\xeb\xe3\xd2R\xbe\x90\x13H\x81@\x02\\\xeb$X(f\xdb@\x02Qp(\x08\x1c:6\x9dL\x15a\x1d\xe1\xc6\xf2\xd5N_\x9b\xcc\xdcPs\x87#\xe2q2\xc3=\xd03\x08P\xfb\xc3\xdc\xc1\x15X\xc6\xbbK\x88\x85\xfa\x0e\xaaB.\x11\xa0[\x83*\x91\x1b\x0eIGN\xdaC\x02+\x18\x94T\x89\xe9\xe9b1RLu\xb2\xf9\xa5\xd9\xd3z\xf7\xcc\x1b\xdd\xdciGO\x81\x92\x8e\xd2\xca\x86\xd5?P\x99\xda\x18\xa0"\xeb\xf5\xc1yknn\xae\x9a\xcfC\xac\x1c9\x08T\x89Dt=:&gt;\x0e\xac\xc9\xc9I{\x92\xfc\x17\xb4\'\x03\x89\xe1\xe1\x04\xfe\xa7#d\xc5\x1cj\xeai\xad|\xb2\xaafp\xeeL\x8aq]&lt;\xa6\xd7\x0e\xe6\xf6\xf7\x16\xeb\xadq}\xe3\xf6\xeawP-f\xb3\xa0\xca\xe6D0\x03*1\x1c\x8dF\xc7\xd3\xe3\xd1\xe8\xa4 \x9bDPMF\x87\x95\xa5\x06\xc8"\x9d\x02\xe4\x9a\xad\x97\xcfV\x9cy\x80\xf7\xb8\\\x8b\x1f\xa7\x1d\xf4\xcb\xc2\xe1xXE\x9c\xa9W\\\x11\x94\xa2\x1d\xfc\xd2\xfd\x85\xb6a1+\xc4\x9a\x0e\x88\xc8\x1a\x1e\x8e\xa6\xd3\xe9(\xa8\xc6\t/\x1a\n\x01&amp;JF\xef\xd3\xa9\x99\x19\xe2:\xccV\x97P\xeb\xcb\xdfW\xe5\x1cT\xaf\x96Z\xf1f^\xcb\xd3\xdb\xc1h&lt;\xac\x7f\x0e\xb7\xf2\xb6\xd5\xaaC\xadjU`\x89\xa8\x9e\x86X\xe9\x8d\xa8B\x19\x87E\'\x15\x16\xbe\xcc%$V$\x85gY\xaa\xd5\xea\xdd#\xc3\xe0Zl\xdd\xda;\xeb\x99\xa9&gt;\xba\xa38\xf7\x0e8\x07wN(\xe0\x17\xab\x18\xa6\t+\x95J%\xa7S\xd3\t\x05!\xd4\xc2\xc6\x85\x8a\x0e\'r\x89\x0e"kbb\x005\xa2\x9a\xaf/\xd5\xca?\xd70y\xe1\x9a\x13\xa9T\xdd2k\xe4=\x85\xc4T\x05\xeb\xd6\xa5\x81\xbd\x1b\xa2"\xac,\xa8\x80%"\x8b\x9cH~L\xa7\xa1\x14\xd0\xe8\xab\xc4dH\xb2\t\xf8H\x04\xc1\x05\x91I\xaf\xcbc\xce\x996\x1ffLw\xd8\xed\x13[\xab\x7f\xda\xcb\xb4\x99:3\xce\xce\x11\xf0\x08-\xc4;a\xc9x\x17\xe2`\x03\xf7\x81l#Mr\rO\x86\xc4G\xecK\xac\x08y\x11!Y\xafu\x0f\x0c\xbd@\x88\x0b3~k\x9b\xe0\xb5\xa1\xa28\xb83CQ\x1d\x98\x1bs\xaf?!\x0f\xb3\xd5\xec\xa2\x14+I\xe1&gt;\x9c\x80\x1b\xa7S\xc9\xa4\x8d\x02\x11\xbf\x9f\x1e\x19\x19\x19\x97\x8cT\xc8\xec\x00Q\x81\x0b\xc1\xd5\xe9@\xe6j\xad\xfbs\xed\xf6x\xbam\\bZ\xcf\xaf\xc9\xc5\x9c,\x15\x07\xfev\xd5B\xf7\x97\x05V\xae\x82\xf2-\xb0\xa8\x8c\xa7"\x13\x91Tr(\x16\x0b\x0f\xde\x1f\x19\xb9?.\xa8\xe2\xe1\xd8\xd0P\xf2\xee\xc0\xc0\xc4\xdd\xbbp\xe2D*ux\x08\xaez\xed\xe4COcw\xcb\xda\x8b\x17\xd9L\xab\xa5\xb2\xad`\xbdX\x94\t\xab\'\xa4\x16\x0c\xe3N")G\x17\xd0\x91\x1aw1\xde\xd8\xc0\x1a\x1c\xbc?\x18\x8f\x8f\xc7\xe3\xe1;\xc0\n&amp;\'D\xd1\x02\x16\xe4*\x16Q%\xea\xb3\xa7G\x86[\xac\x987\xdb\xd3\xd6\xb5\xdcLT\xebT\x96\x1c\xba\xb5\xf6]-p\x89\xde\x9b\xbd\xba\x04\x16\xe4B\x1aVPISP\xa1\x98\x12t\x18\x0b\xef\x94Jwb\xe1p8&gt;\x16&amp;(X\xa9\x94\xb1I.i\x11\x1a\x1a\x17\xab\x14\\+j\x95\xcc\x8d\x15\xab\xcf=\xea\xdb\x9e\x05\x10\xce,m\xa9MN?\x84\x8a|\xaf\x8b&lt;\xa4\xc8Bu\x80Z\xc5\xc8L$EM3\xd1\x8c\x8d=~&lt;\x06\xb2\xd2\xd8\xd8X)|\xa7\x14.\x95FG\xc31;\x90Du\x98\x99y03 F\xecj\xbd^\xfb\xb4\xa6fQ\xbc\xb7\xc6\xff)\xe4\xbc\xa4\xd0\xc3\xdf[\xa7\x91X+G\xe7\xf52%b\x16\x9dV \x89\x80\x8a$\x03v\x06\x02\xc5\xe3\x83\xa3S\xa3\xa3S z\xfc\xf8\xf1\x0b\xfc\x03ntt4\x1e&amp;O\x06\xefN\xcc&lt;X\x98!\xb9:\x8b\xe5z\xed\xfb\xaa\xb8\x81\\\xa6\xf4\xf0,\xd6\xb3\xbc\x84\xccs\xd7%\xfaW\xff\xbc4!,jj\x04\x15\x9a\x07hERe\xc2q\n\xa7\xc1\x87\xf7\x9e&lt;\xf9\xed\xd1\xd4\x144\xfb\xe3\x8f\x7f\xbex&lt;6:\xf5\xe8\xe1\xc3A\xc4=u:\xe0ZX\x98\x11X"\xe6\xd5\x1a\x9f\\{\xc5\x8e\xb7\xfe\xd93\xdax\xda\xf4\x8e\x9f=T\xe6\xee\xa7V\x99B^Tx\x84U\xb2\x92\t\x97\x90z#\x1b\xf3\xf3\xf3O\xb6\xdfl?\xfd\xed\xde\xa3\xa9\xb1\x17/\x88\xea\xe1\xbd{\x0f\x91\x95\xf7\xe3\xf1P\x08\x82\x15\x07\xc0\x85T\xccb\xcax\xf9\x8e[\xbd\xeb\x8f\xacw\xca\xc5\x9c\x9e\xcaS\xcb\x9b@\xeb\xb5D`\xed\\QS\x93-\x88\xf1\xb0X\x9c\xae$\x83v%W(\xa476^\xceooo\xbfy\xf3\xe6\xe9\x93{\xf0\xe4\xd8\x18\x89\x07\x03\xee\xcb\x91\x91t(3\x84H\x9c\x01\x17a\xd5O\x8f\xddp\xd2W\xb5{;|\xa9\x96\xd3\x89\x9a\xde\x04\x96\xeb%\x8e\xceC}(\xa3\x9a\x8a\xee\xa1\x93\xcbU\x8a\x08\x18a\x87\x91\xd40\xea(qm\xcfC\xa5\xa9\x91\xf9\xed\xa7\xe0\x9c\x1fI\x8f\xe7r\xc3\xb9Nq\xa21S&lt;\x9c\xc1\xb4\x1fT\xe5\x9b/\xeeZ\xb9X\\\x95\xcb\xa1ZHk\x8b\x94*\xf6\xe5d\xa2o\xc1T\x954Q\x1f\x16E\xf3\xb0^(t\x06\xfe\xf5\x9f\xbf\xff\x0e\xfb\xf7\xd7\x7f\xfc\xfe\x7f&gt;\xcd\xef\xb5\x895\x8d\xe3\x83I\xe9I\x91\xc9E\x08n\x13&amp;?(\x0e\r\x9e\x84\x14mg3\x8d\x99$z"\x93dD\x13K\x95c\x9a4\x8c=8\x8d\x89\x08\xa5\xa5\xcd\xb4 iM.\xda\x86\xd3\x9cR\x14]\xd0TY/*j\x8b\x9cr\xc4u!`\xa1\x17A\x84\x83\xe0\xd5)\x9c\xa5\xff\xc1^\xec\xc5&gt;\xef$\x99\x99\xa4\xdd\x9d+)J?&gt;\xef\xf3&gt;\xcf\xf7\xf9&gt;o E\xe26S\xe2\xcd\xe5\x84\x03\xe2\x04\xa1KL&lt;N\x98\x0c\xb8\xc6\x8f\xec\x9c@ \x15\x08\x04\xae?\x87`\x8d.\xa4_\x03V\xd3@m\xfa\x1eMw\xbfM\x88\xaa\xb1\xb0n\xac\xc3\xfcU\x87\xeb\x9d\x84\x85\x14\xe0\xe8\xe8\xc6\xa8&amp;\xb0\nX\xd3W\xe6\xe6\xe6\x06\x07\x07\xafL\x0b\x9c3:\x15\xb9\x08\xc9\x8fr*\n\xd9\x1f\xe3\xbd\xabW\x1a\xdf4|\x81\xebp[\xee\xcc\x7f\x90\xb0\x943\xd1i;\x0b\x83\xac\x8f1L\x1e\te\xbb\xa4\xbd\xba\xa1\x0fa\xdd\x03\x1d\x0f\xb2fc\xe3\xaa\xdf\xeb\xf5\xa6\xfcP\x91\x02\xab[\xfb\xfb\xfb[\xd5\xa2X\xc9U\xa0.\xa0J\xcaTr\xb9\x92(l\xed\x0f\x0e\x0c\x0c\x0c\x0e\xce!\xae\xd5\x14\xf4\x9e\x91\x06\xd6q*\xa1\xf9\x8b\x9b\xfe\x89\xca\xfc\xed\x96\xd3L\x16\xd5\xea\x7f*a]@2~ds\xc9B\xf3\xbc\x07\x0f\x95}\x06*\xeb\xe4\x8b\x82P,\x8a\xa2\xc8\xc6\xe2q&amp;\xc6PY\x96\x15E\xa1*\xf1\x02\x8f\xdf\x9f\x82\xd8\xae\xdeE\xc5T\xc1\xc2\x8eJ\'\xac\xe5\xe24\x1c\x14\xb5\xa89\x8a\xd5\x9c\x04\x9e\xa0\x96\x08\x9aidcc#H9=l\xcc\xed\xc8d.\xe6rq\x86\xa1X\x91/\x02Y6\x1e\x032\n@\x0f\x04\xf4y9\xde\xe3a\xf4\xa7p\xde+\x04R\xf7\x16\xe6\x11\xd6\x0b\xc5\xb1\xd2u@5\xdc\xa4\xae\xa6\xb1s\xac~\x95\x7f\xdct\x91\xa4\xf9\xe2\xa7\x91\x99\x99\xcd\xcd\xb2!\x1e\xcb\xc6\xe2\xae\xc4\x9b7\xe3\xc957\nQ\xd6\xc3\xf3"\x9b\x8dQ1\x80\xf4p\x80\xc4\xd14NPT6f\xee\xeb\xb3\xb1\xbc\xd7\xeb\x7f&gt;2\x9f\xfe\xf0\x1a\t\xc1\xf6\x9d\x93j\x14\xec\xeaR&lt;\xe9\xa33N{\x1fo`-~\xfb\xe7O\x90\x1d\x08\xcb16\x06$\x80\xf58\x11\x8dg\x9d4\x84\x04&gt;g6\x9b%\xfa\xf3N\n\xb0\xbc^.l\t;q\x8a\x82\xbffu\xb8b\x1e\x9e\x0e\xf7\x8c\xec"\xacm\x9dNY\x97a\x8a\xf9\xd7\xdd\xad\xe2\xea&gt;.\\\xd8Q\xc1\xaa}\xf6V\x9a\xa8\x81j\xd3\xea\x06}\x00\xfdo\xcc\x91\xd1[\xce\x1ao\xf8S\x02\x9cV\x9ea\x18\x98u\x9cD\x0f\xed-B\xacxo*E\x86\x81\x0bZf\x8c\xc2\xc3\xf8$\xcc\xd6_o\xff\xf6\xa4\xb9,k\x08\x1by\xe8QCub5\x15V\xdb\x0f\x1a\xd3\xbev\xf6\xd5\xeb\xdb\x90\xb3\xbb\x9b\x9b\x19\xd7\xd8\x98i\xcc\xc9\xc6\x83\xd7\x03\x83\x03s\x0fR~2\xe5\xe5\xe8\xbc\x8d\xa1\xfaO]\xa5\xf3F\xa1*\xc0E\x15\xa6\x03\xa01\xce\xe2z\x1f\xe5\xf1PA\x82\x08.\xc1h\r\x13\xbf\xd4^\x9a\xae\x86Nu\xdf:\xa9\xda\x15k\xbb}\xd1\xe8\x03\xc8\x80x\xf7\x19\x82\x05X\x19\x87\xcb\xd5g\xf2xh\xef\x83\xb93gN\x9e\xf9e\xfe\x06P\x90\x16tz\xf9~\x0bG\x92B\xb5\xeaM\xa1*z\xf7\xc1\xdc\xe0\xc0\x95\xbb\x16\'\xcf\x07\xf56\xdb\xd2\x06`\xbd}\xa6\x18\x08:\x9d\x82\xd5\xa5\xc6Rn\xe2\xff\xf8Z\xe6\xb9N\xfb\xf4\xfd\xeb\x85\x85\xf4\xeeF\xc6\n*\x94 \xab\xfb\x1f\x1f\xfc1770\xb8P\x18\xa5\x85\xaa\xdf\x18vz\xa4$sz\x8a\xd5\xaa\x005\xa1\x9a\x9a\xffe\xe0\xcc\xc9\x93\x03\xd3\xab$\r\\A\x1f`}}uB\xb9KZU\xb4\xda\x98\xe4R\xf5\x7f\xb1P\xd0\xb5\xb3\x9f&gt;\xdf\x9eOo\x96\xadV\x93\x81 \xbd\xf0\xab\xc3\xfd\x90W$\xdc\xb70\xe9\xbf\xe1\xe7\xb9"\x0f\xb5+[*!\xae\xd5\xad-A3\xf3u\xee/\x03s\x7f\xbc\xdc\x1f\\\xd5X\x82z_9\x9d\x06]\xa3\xda"\xe9\x94\x8d];V\xfbB\xf6\x88\xd8\xc2\x9a\xbe5\xf6\xdd\x89\xc5\xed\xdf\x11\x96\xcfd2\xd8p\'e\xb3\x9b\x1c\x19\x87\xdd\xccP\x14Mj\x8c$\x87\n\x17\xcb\x96\xe0\xcbB\x85\xdfz\x10\x08xiK\xaa:}\xf7%Y\x1d\xdcO\x85\t\x18\xd1v?\xbc\x7f\xaa\xeb\xd0\xa0\x18\xd6\x81\xd5\xf4S\xdb\nT\xcb\x00o\xd5-\xac\xe9\x97\xcf\xbex\xff\xe5\xb3\x8c\x15\x94Ti\x9f\xa3\xcf\xec\xa4I\x8e\x0ek\x10T\xb1\x08P9\xf8J\xacX\xdd\x9a\x86\xe4\xf2\x93t8\xdc\xd3c\xa1I\xf8\x93%\xe4\xf3\xcd\xec|\xd2\xb6\r\xccXk\x19\xd5V\x1c:/\xdeQ\x11\xd8\xc4\xd2\xbd\xd8\xb9\xa41^H\xa77\x86L\xa6\xa0d\xf4!\xfb*\x1f\xa6I\xd2\x92\x87\xb2\x0ei%\xb2\x95Jnm}e=\xc7\x8ap\x8c\xd5\xd5\xc0j \xe5%\xc3\x16T\xc1p\x0b\xde\xeb\xf3\x8d\xfc\xf6\x8f\xedE\xad\xee\xc8P\xd1\xad\xda&amp;t\xcb\x0b3\xec\xa87\x8f\xc9\x87(\xe1\xff\xf5\xcb\xe8\xa9^B\x0fX&gt;\x93\xbe\xf7{\x9c zCh\xa8\x0f\x11\xf9&lt;P\x89,j\x84(T\xc9\x95\x87+I\x08W\x11\xae#\xe8\x99@*\xe5\xd7h h@5\tX\xe9\x85\xf9o\xdbZ\xc53U\xfd\x9a\xeeN\xa7\xbe\xbb[\xe5\xda\xe8\xdas\xab\x11\xad\xef~\x9d)\xf2\x06W\x1f\xc2\xf2\rM"\x11\x0f\x12\xd4\x1a\x89D\\f\x8arf\x193AeK\x10\xab\xe4\xfa\xf2\xde\xf2::F\x01\xd5.t\x8a0\xbfjh\rTS=\x1cb\xfa\xf9\xcb\x0b\xdf\x16u*\xa7Mq\x8a\xba\xdb\xac\xfa\x96\x18\xc4\xd4\x0e\x98"j$\xac\xd9\xbf\x87\xeb\x07\xb9\xa9D\xa10S\xf6-M\xda#\xe3\x97/\xdf\xbau\xed\xfeT\x14\xb0\x9c\x8c\xc1\xc0\xe4\xb3\xb1R\xa9\x02X{{\xcb\xc9J\x89\x85\x06\xc4\xf1\x1c\x943\xc2l7\xd9\xd1\x04\xd43\xe9+\xcf\xa4/\x91\xfe\xf4\xb6b\x04b\xb2%\xd3%o\x12Z\xd3O\xabuw*\x08\xc5\x1f\\\xfc\xb3^/IX\x9b\x08\xcb4~\xee\xfc\xf9s\xe7\xae\xdd\x8f\xba\xe1&amp;20\xe0\x10\xb8\x13\x1d"d\xd6\xde\xdeC\x14-\x0f4g\x122\x8f\xce\x9b]\x91a\xebE\x97989::S\xe8\xad\xd7\x8c\xaf\xb4j\xf7L\xca\xad\xae\xc6rI\xfdFC\x15\xc16\x01\xa12U\x9e\x14j"\xe4\x8d\xb5P\x90\xf6\x04\xd6\x89s\xe7o\x9e\xbf&lt;\x0eGh\x86\xb9\x1e\xc6\xc1\x10\x01\x19_\x82\xccZ\x86hAr\x89"OrP \xc2t\x98B\\\xe3\xc3\xae1\xfd\xe8\xe8n\x819\xa8U\xdf\xcf\xaag\xf7\x86\x9d\x84u.\xd7uXc/\xaa\xec\\0\x15VcA\xfc\xeb\x9dzv\xad\x92s!\xac\xf2\xd2\x90u\xfc\xf2\x8f\xe7\x7f\x1c\xb7\xba\xa0H\x98`\xb8\x0f\x85B\x14\xaaX\x95$\x04koO\xba\x8b"\t\x1f\xed\xb4Xp\xa2\xc1\x151\xf9F\x00K\xac\xd5\xff|\xda\x8a\x81Nu:\xcd\xa3k=\xdei`)\x0bn\xac\xcd\th4\xd4\x17\xf7j\xac\xdb]9\xd8\xdd\x812\xef3\r\x0fO\xc0\x98\x93\x80A\xb0\xcf\x01\xf3\xab\xc1l\x0b\xc5s\xc9\xe4Z\xf2\xfe\xcd\x7f\xc1\xf7\xf3\xb5h\xbcR\xf2\x90\xa4\xc6\x92\x87;\x8bC\xe9\xb5\x0e\x03Vy\x03\xb0\xd8zm\xe7o\xb2\x95\xac\xe4V\xebi\x84\xbc\x9f\xc6\xe4F$\x9b\xde\xaam\x94\x84\xf5\xe9R\xad\xc8D\xd8\xfa\x0c`e\x1c\x91\xc8\xf0\x04\xcc_\x99\x0c\x0c\xafhF50\x94aj\x05r\xed\xd6\xad\x9f\xff\x03X7W\xa6\xa6\xa6\xa2\x15\x9e\xa3-\x96\x9eP\x08j\\\xc8\x14\x89D\x01\xeb\xb0@\xb0\\m\xe6I\xf3\x965\n\'\xd6\xf4\x98\xdb\xa0\x1aX\xaa\xe5N\xbb\x8a\x97\x1e6\xe9^\xdc\xa9\x0b\x86\x84xp\xb8S\xd8\xcc\xa0\xba\x00\xe1z\xdc\xc0r@\xb0b\x8c\xfb\xfe\xf2\xde\xadk\xd7V\x1e\xeeI\xb95u\xff\x1cD\x8c\xe34\xc6\xb3=P\xdc\xfaCv\x97\xcbe\x18\x02\xac\x90\x93\xae\xdd\xd9\xc6\xd4K&lt;E\x99\x9fh{{$\xc7\n\xc3\x8eu/\xb5\xba\xedt]\xb0\xbb\x0fX\t\xab\xcf\x15\x8dF\x12@\xd5\xc0:\x85|\xa3h2\xc9\xee\xefWE\xc8\xf9\xe5\x955\xb6\xc8\'W\xd6\xa3\xb4\x97#\x8d\xc6\xef\x81+\x04R\xd0\xcc\xe8\xcb\x85C\x83\x13\xa2\xf5N\xb5M\xc4\x94.\xa3m\xbe\xc1\x92s\xabc\x99\xd1\xdeJ!\xb6Ov\xbc\\^&lt;\xa8\x00\xd6\xa1\xc3\x84\xfc\x18k\xa2\x89\xe5\x1b\x82H\xb8sk\xe2\xc7\xd3\xa7O\x7f,\xae\xad\xaf\xe7\x84G\xa7O\xd7r\xc9\x1c\xcfCz!_\'d\xb0\xbb\xdc\x0c\x11,\x176\xcdyoU\xca\xad\xe6\xc3\x1b\xe5`Z\x0fjt\x9dX\xc7\xda\xe2\xd2I.~\xa1\x9dE(\xa8\x87;;\x87e\xf8\x8f\xdb\\\x17\x13R\xa8\xac(\xb9"\x11wV\x84\x8b_\xab\x1596W*\xee\x7f|\xf4\xe8\xe3\x01\xd4.g\xf8\x07\xe4\xec@\xb4\x0c\x063a\x0b\x95\x0bz\xf1\x07A\xf8\xf73e\xcf\xafR9Z%R\xc8\xd0\x91\xb7\x16\x9d\xa3\x9b\xecw\xe9\x9e\xbd\xbd\x1a\xca\xd6\xea\xa5\xc7\x10-\xc0\x1ac\xdc.\x90\x0fC}(f\x89ak\xc4\xcd\x16\xeb\x82\x87\xcd2a\x1e\xcd\x17B\xb5\xb6_\xaf\x17\xb3\x0c\x8elU\x84E@\xc5\xed\xd5o\x14\xe8\x1a\'\xbc|\xa5\x93\xd7\xe9*\x03^\x8d\xa5\x95\xb10u\xcb\xc1\xda\xa7}\xdd\xec\xa7;=&amp;\xbe~`/\x14\xd2\x80\x05\xa7\xe6\xb6\xdbM}Vk"\xf1xb||x*\xce\xc2\xf0\xca\x84\xec\xb60m\xc1i\xa4\xe4\xebE6\xee2C\x87\xee\xed\r\xe9\xf5\x04\xc5\x10\xbdK\xbbi\xa1\xc6\x93\xe9w\x98\xbc\xefRYX*,\xe9u\n\xa6\xac\x90\x8fY\\7\xac\x95\'\x1f\x8c\xfa&gt;\xb1\xc6\xa5\x0b\xbb\xe5!\xc3\x98\xcbm6\xdb\x0c\x12\x16P\x8dCot\xc3pc\xc9\xf7\x10y\xdcF\x90\xfe\x94\x9f\xf7d\xe30\xfa\xe3\xb8-D\xf4\xda\x82\x04\x85\xc3\xe4\x93NW\x85\x1e\xcd\xef\x8brk\xc6:\xceP+\x07Kr\xe3\xb0c7/\xaa\xf7"O\xdf\xf7\xeb3\xee\x03n\xfe\x03\xc2\xb2!\xa7\xc1\x06\xfa\x14d\xc4\x04\xc4j\n\xba\x10\x81\x1b\x8d\x92\xe5L\xa0\xad\x18*\xf0\x8c\xdbmvB\xb4zph\xd4\xff\xa5\xdb\xeaB\xda\xda\xb2\xf01?\x9e\x9c\x10\x92\x87\x10\x8c\x96\x9c\x1a\x82I$f\xa8\x84\xc4\xd1\x8a\xcd\xb1\x8dar\xeb%\xb9"\xf5&lt;\x142RZ[\xdb\x12\nC$\xc9\xd5&gt;8f\xde\xb4\xcc\x14\nB\x05K\x15}\xb0pm)^\xaa\xe3\x15\x1f\n\x16\x84\xa1\xa8\x17\xfa\xe4}(\xf8\xd6\xb7\xa1\xf4a\xd6\xda{\x9fs\xf6\x89\x9dSlS\x11\xf3e\xad\xb5\xbf\xf5\xf7\xed\xb8\xdb97:;m\xed\x92\x13\x9b\x15\xc9!\x8a\x8d\xb6\xd0\xc4\x92\x06o\x997,\\&gt;\x144E\xa3d[\x1dO\xfd\xf2\xe3\xdf\xbcS\xd0c\xa4\xa0\x89!\xb8\xbc\xc1\xb6\x8b\x17\xc1\x85\x97\x7f\xb8\x1e\x1ct\x16\n\t\xb9/\xe7n\r\xc8}r\xc6j\x95\xe5\x9e\x91\x91KW\x00\x92\x8cONvB\xa2\x9e\x91\x0b\xe1\xd1U~\t\xae+H\xa9\xdeN2Dw\x9a\xe8R\xd2\xf5\x98\\\x07\xae\xc1]\xde\x9e\xfa\xe5\xc7\x8b\x1e\x80\xb5\x90\xf2\x04\x02W\xda!C{\xbd\x10^\x971\xad\x04=\x9e\xa8\xd3\x19\x08\xd4rp\xfa\xe2\xb5\x00\xc1\x02\x86\x83\x8e6P\x933\x99\x0c\x84\xdc\xe4\x8d_\xff=\xda&gt;\xe8;~\xcc\x84\x89f\x9e\xa4\x8ce3\x84~4\xf1\xd1\xc9\x9c\t\x8b\x01P\x92,\xabo:\xdb&lt;\x85\x07\xbfN\xdd\x98\xf3\xb4\xb6\x07\x02\x04W0\x84C\xd2\x94g.\x85\xbb\x95Pg*\x05\x15\x8c\xb7\xa5%\x14\x1crgP\x10D\x8c\x05/\xfa2\x89\xec\x8d\xe9\xf1\xab\xde\x81\xa9\xdd\x8a\x83VQ\xa2\xa9l\x90\xcc.$\xd6\x12$}*g\xb6\x96\xa8\x19\xd8\xb2\xb4\xf9l!U\xb8:Ea\xb5\xc3\x89o\x87\x9a\xa6\xed\x1a\xf0)\xa0J\x85\xee\xe3P\xb2\xa5\xe5\xfe\xcd\xce\x96h\xd4\x13\n\x06\x03\x19k&amp;\x03\xc1\x86\xb0\xaca\xdfJvtzf\xdd9p\xfc\\b\xd2\x1fN(#\xe8\x1a\x1e&gt;\xb6\xd8Z\xc1\x90A\x98\xf6\xb4T\x8bT\xd9z\xf3\xac\xd3\x83\xe3\xc0\xec$\xc2\x02{\x81\xc1\xdaR\xa9\xb9IO\xa8\xf3\xfe\xfd\x05\xdc\'F\xa2\x9d7;\x87j5(\xf3[\x82n\x08\xb1\x8c\x8c\x7fep/\xfc\xe8\xc1\xcc\x9d\xd3\xc2\x00\xe9\xaa\xf5j\x94[\xf2\xea,\xcf\xc3\xe2kx\x81/\xeb\x05-\x1c_\xac\x1e?\x93\'\xee\x8c^\xcdzZ\x07[\xb1\xc7\xc0\xe8\xf2\xcc\xcd\xcd\x01\xabv\xa6\xa2\x85HK\xaa\xa5\x16\xfc\xe1\xfaP4\x1a\x89\x16\n\xb5\x9a\xdb\x8d\x90(,\\t\xde9=\xbd:\xbejq4\xd4\xed&amp;7\xda\xcc\xd62J,}\xd3\xa3\x7f\x87\x92\x89\xa5\xf2|\xf7\xddS\x8057\xe9t\xb6:\xdb\xdb\xa1W\x1c\x1c\x9c\x9c\x9b\xf3\xb4\xb5\xb5\xcba+\xb4@\xb5/\xbd\x7f\xf9\xf2\xe5\x0b\xbe\xaa\xe5\xc2\xe1\x9c\x9b\xec|2\x90\x81P\xa3\xf1\xe0\xf4hbzmY\x93\xc8\xd8\xf5\x08\xd35)zV\xb4\xe9c\x80\xc6\x1a^_$\x08\x0e-\xad\xdb*\xcf?\xde\x1d}\x94\x1d$\xfb\'\x02\xcbY\x88D&lt;\x81^hsjC\x17\x00\xd1\x97?\xfe\xf8\xf9g\xfc\x17r\xd0\xbd\xfe&gt;\xb2"CT\x89\xb1\x95G\x8f&amp;\xf6\x7f\xdf]"oc\x179\xbd\x1b\'\x1dg\xdap\x9b\xb6h\xd7\xed\xc4u&lt;D&gt;\xc8$\x94\x16\xca(/6\xef\xdeY_\x99D\x95\x8a\xd39\xe8\x81\x8e\xb1\x10\xed\xf2)\x1f\xe6k\xc1\xdbgg;\'\'_\xbf\xfe\xf3\xeb\xd7\xaf\'\'g\xd7\x82\xb5\xfe\x8d\x8d~(!\xc0\x81\x89u|&amp;\x8e\xf6?&gt;\xb61A\x01\xa7.#s%I\xd0\xa5k\x92.\xd164\x07\xfar\xd1\x98\x13\x1a\xc9\xcaQY{z\xba\xbe\x9ep\xb7\x02Y;\'\x07\x87\x00VA-\xd57J\x91\xd0M\x80\xf5\x19\x80\x9d\x9c\xec\xec \xacP0\xaa\xfc\xb6\xa1\xa4\xb1\xb6\x19[\xc7u\xc1\x93C\x80\xc5\xb4\xf0\xba\xaa\x9aUz\x04\x96`\x08\x81\x99VB\xf8\xae\xa0L\xe0w \x08\xcb\xb2\xb9\xbf\x7f\xaa\xc2\xf9\x82\x13\x06\x95\x81\xa7\xd5\xed\x1bSK\xa5t\xda\x17\xb9v\x06\xb8v\x00\x13&lt;\'g\x7f\rFk&gt;\xa5\\WJ\xe9\xb0ull}]U\x9e\x1c\x1e\xee}|\xcck\xe4\xf5\xc9\xb2h\xb2\x16\xc7\x9f\r\xaa^\x81\xeb\xd0\x98\xb1\xc8\x8c\xac\xb2\xbd?1\xa1\x94 \xe3\xf5e\xba\nP\x1c\xc8V\x9fOU\xb1\x02\r\xdd\xde\x812\x1e-\x85\xb0.\x07k*\x0e\xbe\x8b\x00\x19\xad5Q\xaa\xd7\x0f\xf7\xf7\xb6\x974\xd5\xaf\xc0\xa6\xb8v#\x84\x898K\xd2\x05\xe6\x82Y\xc8nj\xbe5m?\xa5[\xc7\x8b\xed\xfd\xc3C\x1c,\xf4\x17\xc3VUv"\x03tuA\xcb\xe5\r^\xbc}\xf6\xf9\xdb\xb7o\x9f\x11\xd6\xce\xc9\xedkC&gt;\x9f\x15*\x89t\t`\x81\x9f\xeb\xf5\x83\x03\x88\xf8e^\x14\xe90\x1fx\xc1\xe0\x08}\xf6,\x9c[p\xf0\xb0\xc8}\x02\x00V\xd9|z\x08\xb8\xc8\xf8\xbf\xa8\x84\x13&gt;\xf0\'\xe6\xa1\x0b\x97\xae_\xbf~\x19\x82\xeb3\xb1\xd6\xce\xd9\xcdkC574\xd5V\x84e%\xdb!\x80\xf5\x9fW/\x1c\x9a\xf6G\x03\'\x99\xa4v\xda1\xd4P\xf1\xa2\x0c\x1d\x96\x80\x94\x85{,\x89eu\xcb\xe6\xcc\xfea\xbd\xae\xd4\xf3\xf9\x8dr\xbdh%\xe9%p\x05P\xfd\xe9\xd2\xc8O\xf0\xf4\xc0\xd7\xbf.\x8d\x8c\xfc\xf40\x1e\xef\xe9\x01\\\xe9bI-\x95\xf3\xe5z9\x7f\xb4\xf7n\xb5\xa2\x91\xb4\xe3{\x1as\x1d\x96\xa0\x9fW\xbd\xc7v\x18b%\xbe\x9f$\x0b\\\x84u\x00\x9f&lt;\x9fL&amp;?l\xcc\x17\x11\x96\xec\xee\x19\xb9\x80\xa0\xe2\xb9&gt; +\xe5\xde\xfc\xbd\xfe\x7f\x0c\xf7\xc6\x1f\xc6s\x04V\xb1\xa4\xe4\x93\xf9r\xbez\xb4\xf7q\xab"5l\xca\r\xcd\x05\xeb}\x8c\x15#\xdf\x1aQm\xa3@\xa3]ph%,1\x180\xfd\xda\xdd\xa3\x83|\x1eP\xe1\x92\xa9\xac\x80\x83\xac\xb9\\\xfc!\x1a\xa9\'\xde{\x0b\xf7\x04P1\xf7\x0f\x0f\x0f\xf7\xf6\xf6\xf6\xf5!,\xf8\x14\xc9\xeej\xbezp\xb4\xf7\xe9\xb9M\xbfP\xd0(\x9d\x17\x8c\xfc\xc3\x92\x9e6\xc4aW3\x04\x16l\x12\xdb\xc0\xeb\x04\x01\x9ff\xed\xeei\xbe\n\xef\x01\xb8\xfc\xdd\xf9\xb2\x02l\x99\xc9A\x91\x85.\x8b\xc7\xc38\xd0\xba5&lt;\x8c\xb0\xf0\t\x87\xc3i\xdc\xde\xc1g\xa8\xe6\x01\xd6\xf6\x92\xe4h\xd8\x126\xccC\x0c\x15:\xbdi`\xe4\x02fR\xfeF\x8e\xcd\xc2\xae\x1aI\xbb3\xa7\x07\xb8C\x847\xf2\xfb\xbb\x93\x1bp \xe58x+N\x9ep:\x9dFk\r\xdf\xbaE\x8c\x06\xff-\xce\x83i\xe1G\xab\x10\xf1\x18Z\xe6\xda\xa9a\x08)qT\xca\x8b\xb1MQ\xc6gu\xdaP\n\xc2\xab\xe9\xab\x87\x88\xcaO\x1e\xf0c:\x0c\xb5\x9e[\xc6r/\xd7\x97\x06\x9f)\x8a\xd2?\x0c\xde\x0b\x0f\x13X\x10W\xe4\x13\x00\xac=\xa0\x07I/\x9d\x18\xd5\x0b&amp;\xe9\x8f\xa4\xcb6\x1c\x06,n3%q\xad\xae\x96|\xf0w\xbc\x1f\xbf1Q\xad\xe2\x1b\xf9c\x08,\x89\xfbB_!:\xe4\x89D\xa3(\x89\x02$\xaaU\xae\x05\xe4\x0cz\xb0\xa8\x94\xd1\xdd1\x82\xeb\xf7-.\x96\x05\xe3&gt;\x8f\xc0\xd3\x80y\x0bd7F\xbd\r\xde\xe6B\x0b~\xcb\xea\xec\x80\n\x91\xd5\x1d\xc3\xc7\xe5r\xf9\x93\x1f\xf2\xe5b"\x8bB\xbcH\x01E]\t"5\x8b8\x9d\xb25\xad\x94\xf1p\xf8\x19\xacOK\x94\x14\xf8[?\xfa\x81?\xd7\x06b\xc8\xdbEcjc\xfa\x01z}\xc4\xc22\xb5\x03`-d\xc1\x8b\xf0F\x00\xaa\xb9\x19pA\x80)\xeaJj`a BPu\x11Q\x17\xd4\x81&gt;k\xb1\xfc\x01\x0e\x061+\xc4\xfc\xdej\x85\x9eC\x91\x1bt\x0b\xdcZ\xda\xbc\xa03\xe9\xd7\xcf\xddx\x11\x1c\xda\r\x1b"&amp;\xde\x9a]H\xa9\xf5\xa4\xdf\x15\x03P\xf8\x80\xbd\x80X\xd5\xb1\x95l6\xdb\x92\xf0%\x12&gt;"\xcb[I\x8ca\\\x01&amp;4j,\x06\xc6z\xb7d\xb1pdm\xd74\xfc\xba\xe0\xb6q\x8b\xa2_+\x11\xbf\xb3\xff\x91\x0c\xdd\t\xc0z\xfd\x06\xfa\x8cR\xd5OM\x15kn\x8e\x81\xb9\x80,\xeb\x8a\xaa\xae\xaf\xa8%U\xb5\xfa\xa0\x9fH\xf8J\xca&lt;x\x90\x82\x07`~\xf0\xe1\x0b\x0b\x97\x82\xf9)\xbc(\x98\xd6\xc3Z\xc8\x9f_\xc3\n\xa6=2\x1dg:4XQ5\xef\xc7\xf7\xc3\xb7\x04\xab!\xb1V\x81Z\xa1\x86Q\xe0\x00\x14\x8bJ}^)\xd2\xa8\x82\x1fijj\x06\x83\xf9\xabG\xdb\xcc\x87Z9c\x17\xf9\xc1\xbb\xe08\'\x1e\xd1&amp;\xba|\x0b\xd4`1F\x10\xe2\xf3c\xe8^\x13e?\x86\x96\xab\x89@sA\xfct\'\x89\xd8!\x8f\xb9\xaf\x8c\xd2\x87\r\xa4\x05b+\x80\x05N\xf4WO\xd7\x98\xb6S8\xd7\xf9\x98\xe3]\xd4\xb8\xcd\xd8w\x9e\x87%p\xb8\x04\x87\xf8\xf8\xf8\xd9\x80\'\xa1\xc0{\x02*x::\xc0\x18.\x88\xea$III\x9a\x97\x92\x84\x15H\xfc5u \xf8X\xf7\xc1\xddW\x16S\xae\xd3\x96;\xbc\x91\x98\xacE\xa2}\xa0\xdd\x18\x07j\x82/m\xc8\xac}\xd1\xfb[\x82\xb8\xf4\x11`9K\xd5nb\xad\x0e\x04\x061\x86L\xd1M\x9e$\xe5\xff\xdf\xfc\x84&gt;\x88\x0f\x89\xb9\xaa\x873\xefi\x85.p\xca\x02\xf1\x9cR\x91\x89\x02Q\n(\x98\x96\x05\x92\xa5\xd1\x8b\x92f-\xf8%K\x9f\x9e\xa5\x82\x83\xd6z\x92\xc2\xea \xb0b\xe0N\x17\xa1}B\xb1\x84\xd2\x16)\xaaf\xeaF\x7f\xf5\xc9\xf4*\xf6)\x0c\x96\xc8mt\x1a\xf8J\xa2J@\xd1\xc1\xeb\xd3\xe9\r\xca\xc6\xbd\xb5\xa4_\xbfEX\xde\xc1@\x11\x98\xab\x99\x9a\xa2\tO\x1a\x83\x15k^\\\x04F\x83/D\x14kn\xc2\xd8k\x82?\xfe\xfc\xe9\xf8\x16a?]\x06\xc5.j9$\xa3\xf8b\xd5\x0b\xbd\\\xa0mX\x99v\x9d\xd4\xc7B\xc3\xd1\x90\xb4{xK\xff}\x99\xf2\xb6\x07\xd4&lt;\rh\xe2G|\x7f\x17\xd2\x05a\r\xe2&lt;\x12\xec\xf4\xb4"nWw}evK\xcb\xabz\r/\n\x9c\xa4\x87\x02a\xc2(]\xf1fD\xbc\xed;g\x91\xc5\x96d\xfb\xfb\xf6K\xd4\x94\xca\xc5*\xc5\xd5\xc1`\xc1\x1f\x86\x811\x07\xe5\x05\xf6\xadX\xb5\x98\x9d}\xad\xc12\nu*j3ja\nU\xe4a\t\xdcd\xf5\xff\xc0\x02f]\xde\x9c\x02X\xde\x002\xbd_\x83\xc5\x82\x1f\x90u\xa0\xcf\xa8oi\xd0\xd1D\xd0\x9d\x0fk\xb0x\x16\x17\x1a\xd7\x884\x1f\xd9\xd9\xf6\xd5No\x9a\xb2\xcb#f]\x9c$\x19\xb0l\x08\x0b\xad\xe5\x1d\xf2\xa9\nr8\xc5C|\xd9A\xa1\xd0c@^7Q\xc2\x852#?\x1f\x9e\x9b}\xedh\xbc\xd2\xc7\xc1"d\xc0hJ\xdf]\x18\xbd\x1a\x1bbJ\xdc\x8dr&gt;\xba,\xcbk/CmAo\xb0\xd5\t\xc0\xcaI\x0c|\xc4\x85\x04\xd6AX\xac\x83=hGr\x0ec@\xb5J:\x03\xd6\xd2o=K\x86:\xd1\xbc\xd0\xe7\xaf\xc9\x1a\xa5\xbb\x8e\x84\xd2\xb1qe\xd8!q\xb0:\xdb\x82\xc1\xa0\'\n\xe5\x95Jr1\r(\r\x17{\xe8K\xc8\x98H\xb4\xf3\xe9&gt;9;\xfb\xfe\xed\xeb\xb7\xcb\x92`\xbe\xe6\xc0\xcb\x1f4\xfa\x149k\x89\xfc$\xc2\\\x98\xeaJ\n\x8c-b-\xbaBt&amp;\x88\xc1\\\x18\xf0M:$\xfa\x82:\x12`a\x81\x91\xee\xcb\xc9\x93\xb3\x9bk\x9b\xdb\xbb\x7f6v\x10\xdf\x85e\xe7\x13\x80h\x1ec\x1a\xedm\x03\xb5J\x12\xb5V\x1b \xf3\x0cE\x9d\tkx\x1eJ\xc2\xc5E\x80\xb0\xd8D=\xb8Ha\xe1\xb7\xa0\xe8I&amp;\xa1m\x0b\xe7\xe2\xb5\xc8\xf8\xa7\xedO\xc7\xdbo+\xa6\xcb\x04\x8d\xb0\xec\xa2\x19\x96\xb9\x16\xd3\xf6\x1b6.F\xe9H\x1fB\xbe3D\x94\xb9\x88\xab\x90\x90\x8b\x1b\x1bI\xa0\xcfE\x80\x06_\x0c\x0f \x82\xff@\x95\xb5\xf1?F\xce?\xa6\xc9\xfc\x8e\xe3\r\xe3\xa2\xbd\x06\xe9#\xc4D\xa8Vgs\xb9sBY\xd2\xc8/\x91ec\xb9\x00^\xbb\x83\xde~\xb4 \xc3\x03\xe7\x98\xc2\xf5\x02\x86\xf2\xa7\x00\x00\r;IDAT\x9e\xc2\x19\xa2I\xa1\xd3iR\xd4\x08\x81\xab\x8b\xa5\xa1n\x86\xb5\x95N\xa0\x94\xf4\xccA\xc8\x1a\xedl\x8f\xa6\xd7\xf0G\x85\xb6\xb3\x18L\x1b4\xfc\x94\x18\x97}&gt;\xdf\xa7\xa5\x85;/{\xa7O\t\x90\x86\x17\xef\xcf\xe7\xf9&gt;\xdf\xcf\xf7\xf9|\x9f\xeb\xd7\x8f\xfd\xac\xa8\xa8"g\xd7\xfb\xe7\xbf\xfa\xea\xeb\x7f&gt;\x19+HM\xae\x93\xdf\xeeVl\x13b\xfc&gt;\xc7\xe6\xe9\xc7L\xb3\x12{t\x99\x9d\xd5\x97\x86!\x88\x80\x05:\n\xf9\xf5\xee\x85\x1f\xbdw\xec\xfa\xaf&amp;\x7f:99\xf9\xd7$\xfd\x04\xbe\xc7\x0b7\xccp&gt;*\xaa\x80\xc2\xe8\xc2\xdeO\xa0f\xfa\xe6\x81N2\x90\xfa\x03\xb9\xb5\xa5\x99%&gt;\x87\xdf\\\xa1d%=\xd8!\xbeX\x88\x95\x7fj\xbb\xea\x15\x04\xf1\x10#\xdc\xd5\xb3o_\x0e\x149\xbf\xbf\xf7\xf8\xde\xbd\xc7\x93\x93\xf0b\xf4\xf8\xde\x9d;_\\\xbf\x0e\xf55\xa1\x02\xb7\xf6~r\xee\x1f_|3\xa1\x93p\r)\xb1\xcb?k[\xc7O\xc2\xb2D\xcb\xc6\x8e\xed=\x9d\xacX0\x13\x8e\xb3S\x0c\xaa\x89Q\x08\xe2\xa12\x82\x05y\x0f\x03&gt;T\xad\x17*\xa0T=\xd6tgz\xfa_(dj\xc25J,`!\x82XD\xe6\xef\xbdq\xee\xf3\xdf~\xfe\xed\xe0\x08W0\x90\x9a\xdc\x83\xf5\xbdnmY\xf8\xfb\xa1\x8e)\xb6A5rw\xe8\xc9\xe8s\xcc\xad2\xe0"\x8d\xd4\x073\xf6\x95\x96V\x95\xe6T\xe47\x97\x17^\xb9\xf2t\xbaiz\xfa\xcet\xd3\x15\xa8_\x1b\xe0\xc0r\xbf\xa8\x08\n\xee\xfc\xfc\xbd\xc7\x7f\xf3\xf7#\x7f\xfa\xc5\x1f\xbe\x1dQ\xd1S\x066\xfb\xff\xc0J\xee\xd4\xfd\xbe-K\xf8\xe3\x14\xdd0\xe4\xec\xf9\xf3\x7f;K\xb0\xb0\x1b\xf7\x10\x0e\x15\x07JKK\xab{\xaa\xaa\xaa\x9a\xcb/^\xbcx\xe5\xe9S\xecL\xbaXX\x08\\\x85\x85\x85\x15EE\x85\x15\x04k\xdf\xe5\x0f?&gt;\xb2\xeb\xc8gg&amp;T:\xa7}\xeaRJ\xacW\xe4\xadX,f0e\xb1X\xc9;\xf5\xb7\xdd\x1af\x1b$\x0f\xfes\xe6w\x97o|y\x96\x8fP\x95ee$\x92Y\xb8\xc3\xa1:/\xaf\xba\xe7\xea\xd5\xab\xe5\xd8\x06\x0b\x07|-\'\xcd\x95EE\r\x8cW\x04\xeb\xc8\xfe\x9c\x8ac\x9f\r\xaa\xb8\xaa%odI\x9d\xb2\xf3m\xb9\xb5#Q\x90%]\x00\xb7-=\x91s \xa5O8\xf8\xef\xeb\xbf\xbc|&lt;\x86\x05o|\xb0\r\xc1\xb2K\xab\xf1\xbegO\x0f\x921p\x88E\xcc\xc2\x9e&lt;\x06\xeb@\xfa\xfb\xfb+*\n\x9b\xce=\xe4r\xb9\xaa\x80\xc9\xbd\xe14$u\xe5n\xc5\xda\x9c\xf2o^\xab\x99\x9a~\xcb\xf3HR\rj5\x8fGM\xfc\xe5\xd8\x91\xcb\xc7o\x9c\xe5\x03\x13\x1f\xdf\x88`\x00\xcb.%\x8b\x81\xd8P\xd6\x82pU\xcd\xcd\xc4\xad\x9cB\\\xc9\xc9\xc9/E\x1dH\x7f7\xa7"\xa7\xa1it\x04\xb0\x04v\x93c\xf5M\x84f6[\xefx\x8b[\xef$\xdd\xabf\xb3\x937\xd3\xa0R.-y5\x1c\x1e5t\xe6\xa3\x9f\x1f\xfd\x0eV\xd9\xa1\xac\x0c\xb2FYW\xd7\xdd\xddM\xb8z\x90\xab\xb0\xb0\xbc9\'\xa7\x19|"T\xa5\x19\x80\x95S\xde\xf0\xde\x03\x15`q\x8d\xa6\x8ee\xf7\xf2\xaa\xbd?\x95\xb5\xe3;\x99\xcf,\x88\'\x8f[;\xe3k\x9a\x9b\xf7\xfb\xd8\x97\xfcK\xdeE\xb5\x92\xc7\x1b\xf9c\x03\xb9\xe7\xc4\xe7\x17\x03Tqq\x9c+7\xfb\xc0\xc1\xdc\xdc\x13\xddu\x08\xd6\xd2\xc2\xe4?\xf8\xd5\x0c\xaa\x02\xa0l&lt;\xb2\x11\xab\xb9\xb9\xe1\xdc\x10\x97\xb8eU\xc8^[e\xcb\x1bK\xfd\xec\xc4\xd4fk\xe30k\xdb\x03$\x98Y5\xd9\xba\xc86\xf8}\xab\xab!;\x05A\xd4}]\x91\xf5\xc1\x07x\'\xbf\xb8\x96_K\xd8 \xf3++\x81+\x17b\xc8\xd8\xd5\xdd\x82[W\xaa\x08\x12\x08x\x10+;/\xe3`\xfa\xae|\xc0\x9a\x19\x91 W@\xa6\xb0nD\xc3\xd6\xf0\x7f\xdf,\xa9\xdb\x13\x15\xed\xd6q+\xb9 \x8b\xb7t\xe1/\xdb\xd5\xd1U\xebk\x85\xcb\xc8\xa3(J7\xb3?\x8b\xcf\x07\xac\xda\xfa\xfaZ`+\xc6v\x1exU\xe2f\x9a\xcaV\x10\xf1+\x8f\x18F\xa0\xaa\xab\xb3\x19\xe5\xe5\xe5f\x01VU\xf3\x87\x83\x12\xc4\xd2y\x0e\xcb\x96\xa3\xdc\xa5\xd5\xe5\xf0\x06\x82\xa5$\xd6\xb2\x92V&amp;\xe3W\xee-\x8b\xcdP\xa9\xf5/\xad\xbb-\xab\xcb\x0e\xc0\x02\xb7\xb8\xc3\x1f#\x166\x18\xc4\xb8\x18!\xd7\x89\x13\xad\xad\xbd\x04\xac\xbb\xae\x9b\x89#n\xf7\x01\x9e\xec\xbc\\\xb2\xeb\'+c\x1f\xc4vt\x1c\xa9\x84\x1a\xb7l\xcf\xb2O\xa3sn,\xbb=\xbe\x8d7\xce\x81\xadU-\xd9c\xcazgKY\xcd,l\xb2\xdb\xfb5\x91\xb0K\x1b\xf4\x9b\x1d.;O\xa9\xe4Q\xe3\xa7\x0e`\xdf\x03\xc3\x85\xdd\x0f\xa0z\xc2Uy\xa2\x0e\xb0z{\x01\xab\xb5\x8e\xe4W\x0f\xd9\x82\x84\xdbXpg\x12\xb8\x99\x95QZ]\x95&gt;(\xe1\n\x05\x02n\xd0*\xfb\xf5kk8\xe8\xf7\xfb\xdc\xd6\xf0\xbao#\x02\x03?\x8b\x95\xb4`\x12s+\xd1\xfc\xc3\xd4@\x06z)\xb2a\xb3\xd8\xec\xfdj\xafC?_\xa0Tr(\xee\x83t\xfe\xe9\xb3\x80\xc5\x08\x0cC&gt;\xc0\xc2\x00\xf6"\x16p\xb5\x92\xbcoi\xe9\xee\x86t\xcbE*\x80\x86\x04\x84q\xe4d\xf5\xe8\x88\x10E{d\xb2\xd7\xafe\n\x93\xd7?\x06Y\xe2\xd0z}\xbe(m`\x86\xd7\xc4\xea\xfb\xb6\t\xd8\x0eV;@\xf9\xd6\xb5!\xb3F=\x15\x0c;\xf46:\x13\xb9\xc6G\xf9\xe2\xdb\xb7o\x8b\xc5R\xb1X\x0c`\x8ck\xc5\xf5\x9d\x9d\x88t\x8d\xe1\xaacR\xff\x04\x11\xfaD\xc4/;x\xf2\xe4\x97\x13\x84Jh4\xc9d\xcb&gt;\x8f\xb5\xc3dv\xea\xfc\x91\xb0\xd5\xa5]G\xb0\x94\xd8\x00\x9a\x8c\xb5\t\xc6jW-E"\xde\x15\x8b-J\xd3s+.\x99Bo1\xb6!\x96d\xe2\xf9\xed\xfb\x88\xc5\x881\xad^\xda\x89\xbav\r\xb1\xeaz\xeb\x18a_\x19\n[\xbd\x88\xf8Y\xb9\'\x9f\xe9\xe0\xcc\xa1\x84*\xb3B\xb1\x1c\xa5\xfd^S\x87C;G\xeb\x9c\x81\xb0\xc3\xa55\xfb|\xc6K;\xe3\x01\xc3\x07\xc6\xc4\xa0\x98s E\xed\x8c\xf8\xbck!\xad\xd7O\x1b\x17,z\xbdU\xa6w,Br\x01\x97\xee\x15n2\xba\xbf\x05\xeb\xb44F\x85\xeaE\xa7\x08Tk+cS%\x89t}-\xbf,\xeb\xf9\xc3\xdd\x88E\x19M\n\xeb:\x8c\xaa\xba\xa0\xbb\xa3\xc3\xb2\xe0\xd4\xa9\x9c^\xb7\xc3e3\xfb \xc5\x12-\xfdI\xddn\xac\x9d\xfd\xceh\xc4\xbcb\xd1z\x9d\xb4f!4\xab\xb7\x98\x03a\xbd^\xab\x81(*\xd3\xa8\x91g\xc0%\'\x12\xc5\xd9\xa4Ri\xa7\xb4\xf1V\x0c\x0b\xb8\xea\x88}\xad\xad\x8cM\xf5\xf5R)$"?\xeb\xe8\xb0\x04\x988\x94z\xb1C\xe1\xd6\x08\x04\x12\xae\xca\xe8q\x80a\xf3\x1a\x98Tx\xc3\x0e\x8b\xc7\xe7\xb3\xabS7s+\x91T\x06\x7f\xd4\x17\x87\x9a\xd7\xce\xceZ\xccF\xba\xc0n\xd2\xcf.\x08\xd0.\x0euw\xe6\xf6}y\x89\\^R"\x17\x89Dr\xe4\xc2\xbf\x0bX \x12H\xc8\xfe\xcek\x88\x85H\x9d\xf5\x0c\x15`\xa5\xcf\x8c\x01\x14\x87\xe2h\xb4\nk\x00NG\x1c\xc1\xfc\x10?\xbdK;\xefG0\xad\x0b\xc0"\x9b\x83\x05+\xfe\xa8\x85v:\n\x89N\xa0\xa6\xe6W\x00\xcac\xa7\x81Fm\x86\x8f\xda)\xa52\x93\xc3\x11\xde\x9d\xb9/\xaf)))\xa9)\x89\x9b\x86A\x946v\x81\x18\xb2k\x8dR4\x10\x84\xbcR1\xbc\xc4\xa7k3\xfe&lt;N\xa8(a\xc0\xa1\x08k\x84@%\x91\x08\x05\\\xa7\xd9\xe4\xd0;\x10L\xa5\xf1\xba]!\xcfFT\x9dJ\xe6\xf8\xb15\x88\x9d\x03N\x9fGkY\th\xc0\xa98T\x1bd\x14\xa5\xd1B\x18\xa7\xda8`\x17G8\xfe\xe4EMM\xcd\xcd\x9b\xc0\x96\x8cu\xab+\x0e\x06G#!#b"]\x9bu\xeaa\x1abq8\xb4\xad\xa3#\xa0&amp;T\xe0\x97@\xa82\xae\x9b\xf4\xfaY\xed\xa2S\xadB\xc7B</t>
        </is>
      </c>
      <c r="M42" s="3" t="n">
        <v>45492.67895833333</v>
      </c>
    </row>
    <row r="43">
      <c r="A43" t="n">
        <v>107414</v>
      </c>
      <c r="B43" t="n">
        <v>1981</v>
      </c>
      <c r="C43" t="inlineStr">
        <is>
          <t>James Rodríguez</t>
        </is>
      </c>
      <c r="D43" t="inlineStr">
        <is>
          <t>James Rodríguez</t>
        </is>
      </c>
      <c r="E43" t="inlineStr">
        <is>
          <t>MEI</t>
        </is>
      </c>
      <c r="F43" t="inlineStr">
        <is>
          <t>MC</t>
        </is>
      </c>
      <c r="G43" t="inlineStr">
        <is>
          <t>MEI/PD</t>
        </is>
      </c>
      <c r="H43" t="n">
        <v>180</v>
      </c>
      <c r="I43" t="n">
        <v>55</v>
      </c>
      <c r="J43" s="2" t="n">
        <v>33430</v>
      </c>
      <c r="K43" t="inlineStr">
        <is>
          <t>Left</t>
        </is>
      </c>
      <c r="L4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0dcc7a5-64af-4632-a16a-21aaad0cbf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0\x80\x88`\x00\x00\x00&gt;tEXtComment\x00xr:d:DAEewil2SDw:3461,j:7954900097623563676,t:24013121\x82D\x15v\x00\x00\x00\tpHYs\x00\x00\x0e\xc4\x00\x00\x0e\xc4\x01\x95+\x0e\x1b\x00\x00\x03\x00PLTE\xff\xff\xff\x1f\x1e&amp;\xeb\xec\xf6\x1c\x1b"\xf7\xf7\xfc\xf5\xf6\xfc\xf4\xf5\xfb\xef\xef\xf8\xf3\xf4\xf9\xee\xee\xf7\xf1\xf1\xf8\xe4\xe5\xf1\x19\x17\x1e\xff\xfe\xff\xe6\xe7\xf3\xdf\xb5\xa6\xf2\xf2\xfa\xe8\xe9\xf4"!)\xde\xe0\xec\xfd\xfd\xfe\xe0\xb7\xab\xfa\xf9\xfe\xfb\xfb\xfe\xd6\xae\xa0\xf9\xf9\xfd\'%,\xda\xdd\xea\xe2\xe3\xef\xd8\xb1\xa3\xda\xae\xa1\xdd\xb1\xa4\xe5\xbc\xb1\xda\xb3\xa7\xc1\x91\x81\xe1\xbb\xb0*(/\xe4\xc0\xb5\xe8\xc2\xb8\xd9\xac\x9d0.5\xd4\xab\x9d\xd8\xa8\x9b\xd7\xda\xe7\xdf\xb4\xa2\xcb\x9c\x8c\xc9\x99\x88\x88aW-+2\xd1\xa8\x9a\xd6\xa7\x98}TL\xd2\xa5\x96\xea\xc6\xbe\xc7\x95\x85\xea\xd6\xcf\xce\xa1\x93\xdf\xad\x9c\xde\xb0\xa0\xd2\x96\x87\xe3\xb4\xa7=&lt;B\xb5\x82n\xa4wj\xce\x8f~\xd3\xd6\xe4vPH\xb0{h\xdc\xb7\xaa\xe7\xc9\xbf76?219\xdd\xbb\xaf\x91g[@-.\x92`U\xdd\xaa\x97\xd5\xa7\x91\xb8\x84uF11\xdb\x9c\x8e\xd7\x9b\x86\x81ZQ\xd8\xab\x93\xabs`\xdd\xa2\x92\xa9kZLO]\xcd\xa5\x97\xc0\x8d{\xcf\xd1\xdf\x99l_\xd5\xa0\x8d\xd0\x9d\x88\xce\x95\x83\xdc\xb3\xa0\xe1\xad\xa3F8&lt;\xc2\x95\x87\xa5rcFCGrURX&gt;=UOR\xd3\xaf\xa3GHR\'"\'\xe6\xb6\xad\xe6\xc5\xba\xb4wd\x99fWpICmMI\xdb\xaf\x9a\xe1\xc3\xb8\xe7\xcd\xc2\xd5\xb2\xa6\xe6\xd1\xcb\xba\x8a{\xe9\xbd\xb5\xc8\x92~Q87;59\xe3\xbb\xaa\xaa|n\xb9\x8f\x82\xcf\xa0\x8e??IhFA\xabwf\xce\xab\x9f\x9dqe\xde\xc0\xb5\xc1\x86t\xd4\x9a\x8d\xa2m^\xd4\xa1\x92\x8a\\O\xa1cUUGI\xd6\x92\x83\xc7\x9d\x90\xb1\x85y`:5\xc6\x8ay\xb3{mO&gt;B\xe1\xc8\xbf\xba\x84o7.0\xb3\x8a~zI@]30|[V`B&gt;\xb9\x8au\xc3\xc5\xd6h&gt;9\xc1tk\xcf\x8az\xe1\xa3\x99\xc6|r\xc9\xcb\xdc\xae\x82tqB;cJI\xc8\xa3\x98\x98vn\x82PE\xc0\x9a\x8dP30\x90ld\x98[Mqox\xec\xe9\xee\xc4\xbf\xc9YV^\xec\xda\xd5gen\x85d^\xd7\x93\x8d\xba\x95\x87\xb0\xb2\xc3\xe3\xcd\xc7\xd5\xb6\xab\x8c\x89\x960$\'\x8bUJ\x96\x92\x9f9(*\xc9\x84r\xf2\xf0\xf2k^a\xe3\xde\xe4aTU\xdf\xa4\xa2\xf96C\xe7\xe5\xea\xb0\xab\xb5\xcf\xcd\xd5\xa7YV\xe8)5\xf7\xf4\xf5\xa4\xa6\xb8\xbbod\xba\xb7\xc3\x85ig\xa3\x80v\xed\xcb\xc7whe\xbd{n\xb0ld\x9d\x9a\xaa\x80}\x89\xfaFS\xd9\xa4\x8d\xb9\xbb\xce\x8czx_\\g\xea\xac\xa5\x82qw\xa6\xa0\xa7\xd9\x8d\x7f\xf3\xe6\xea\xa9\x89\x80\xdb\xd8\xdd\xcf\x8c\x87\xf1\xe0\xdfG"$\xd5\xc3\xc5\xd3\xbc\xb8\xc0\xa0\x98\x8b\x84\x8a\xd0~u\xd7\x9b\x99\xb4\xa2\xa2\xf1\x8d\x94\xca\xac\xa5\xcc\x84\x80\x99\x89\x87\xd8\xca\xccQ$%\xdb\xd2\xd7\xc6\xb3\xb3\xb3\x93\x92\xf6]e\xb3g_\xa5\x98\x96\xe4\x90\x8d\xf3s~\xee\xb6\xc0\xe2CP\xbc\xad\xac\xe4nz\xb1,8\xb6EO\x80\xb6r\xb0\x00\x00 \x00IDATx\xda\xcc\x99\xefOTW\x1e\xc6\xbd\xb9\xbe0\x9bk6\xb9;\x049\x89:\xcaa\xb85M9\x8bb\xc4\x99\x13\'\xddx\x8f\x8bl\x98\xe9\n,\x1b\x98\xcct/\x8csG]w\xb3q\xe4v\xf1\xbam:Rf,J{\xab\xd0E0\x95\x85J\x07\'ckd\xca/\xa7\x11\x12\x7f\x14\xc5N\x88D\x1a\xed\x8b\x96d\x93\x9a\xecn\xda7\xfbb\xbfg\xac\xff\xc1\x0c\xee\x01B $|x\x9e\xe7\xfb|\xcf\x1d\xd6\xac\xc9\xef\xb1\xc1\xdb\xff\xc5\x01\x10\x1b\xa0\xc0\x87\xad\xd86ve\xf6\xeeM\xf8j\xfd\x8b\x86\xfa\xd7D6\x91\x9d\x1b\x1b[^J\xa6RIU1\x1bC\xe3\xcb?^\xb9Y\xf2"U\xbb\x95M\xcd\xcdN\xa4\x82L\x91e\x01\xcb\x82 \x0b\x08!EFjre\xae\xe4Ei\xb66\x91L\x98\xaa\xc9\x18\x91\x05\x91\x1f\x99s\xd1P\x88R\xcd\xa4\xa9\xd9\xb1\xe2\x17\x82\xb5\x1c2Yb\xa9QS\tB \x18C\x1cN\xa5\x94\xaaDFX1\x13\xb3\xb7^@\xae\xe6\x1a\x01+\x15R\x19\xc1\x08\x9b\xc9\x90I\x89,\x82Z\n\xb7\x13\xc9HQ\x93\xcbc\xab\x9e\xb1\x92T\xb2QI\x85\x14\x8cd\x19\xab,\x98\x0cA\xa8\x04Q\x92eY\x92D\x01\xbe\xc9\xb4\xc4\xf8\xcd\xd5\xe5\xb2\xddJ4\x86\xb0\xa9!\x01\x98d\xc64\x13I\x12\x96$)\x07%\x89\xa2 \x88j\xcad+\xd3kl\xab\x97\xfd\xe2\xe9%5$\x93$\x820\x99L&amp;\x04\xd8$\x81I\x92"\x00\x94$A\xca\x04\x99hK\x04\'\x97\xa7m\xab\xa5\x98mz\x89\xa8\n\xd6\x14A\x94\x19\xf4\x02\x12B\xaa(!$bA$L\x14\x91\xa9p6L)"X\xcb\xceN\xdbV\xa9\x1a\x04E\x91\xd5\x10\xb8\x85\xb9o\x02S\x14Id\xf0\x95@T\x11\x82/\xca\xe0#\x8c#\x16X#\xa2\xa9\xf1\xb9\xd5\xe0Z;!\xcb\x8a\xa0\x98\x14\xa2-\xf0\x8cc\x91\x02\x1d\x92\x08\x16\x04\x01\x83\xb3\x0c\x83\x97\x0c\xf3\xa20\x89\xa6(\xda\x95\x92\xc2\xcf\xe0\x1c\xe5m\xae&amp;\x99\x04\xc1\x862\x10E\x0cY"\x92\xa8\x8a\xa0\x1f|\x96\x14YB\x02U\x15$ \x85\xf0\x1e#\x8f\xa6\x0b\x8d\xf5$\x0b\xabF \xca\x12\x910\xfcz,\xf0B\x80\xa6\x92\x98\x02e\x81\xc0V\x12\x82b\xc5\xd0\xfe|\x13\tZJ\x85\x1f\xff\xb1\xc0&gt;\xae\xbfF\xb9B\xcc\xd4\x88@\x91$\x13PH&amp;\x88\x8a\x88(\xbc\xdd\xc1\xd6\x10_G\x08jU\x14\x94PH\xa0IUU3O\n\xcb5\xfd\x15\x86\xb2\x92\xa9\n6i\x18+\x04\x86\x8e1\x05\x8b\xaa\xc0`Q#Q\xa0\n,n\x1d\x10\x89\xa8C\xb0D\xac%B\xdaR\xb2\xa0\x95\xbf\xfe\xee8ld\x0c\xf6\xc8"T\x96\x01\x82I\x12\x15\rA\xc1\xbaB\x0c\x1d\x8b\x98b\x11\xc9 \x1aS$B@6&amp;*\xc1T\xc2,\xa4\\\xb6\x92\xdb&amp;\xcc?L\x1c\x14\x01\x12\x91\xc608e\xe8\xaan bP\xcc`\xe7@\x94\xc0g\x99\xc8\x92\x8edQ\x86?@\xd1`9\xad\xdc(\x1c\xd6\x8d\xac)\xf3\xe5\x92+sh\x05\xd8\xcc\xba\x8eu#M,K3\x0c\x8b\xeaJ\x92\x12\x95aY\xa3p\xd1aL\xe6\x85\x01\x163-8S0\xbdJ\xee2\xdeM\xd2OT\x12\x0c\xa4\xa1\xa7-\xcb\xa8\xb1\x02u=\x81\x80fY!\x8d*\x1a\x95`\r\xe8\xc8\xa4\xb0\xc9E]\x80\xc6\xc7\x86\x16\x9a\xb9Y \xac\x9f%0\xb4\xa7,=?0~\xd4\x98\xac\xab\x0b\x0c\xc5\x8e\x0e\r\r\xb5e\xea\x0cM\xb3\xa8\xa1\xf3\x0b\x04\xd6iHA\xb0+\xa1.tL\xcc\xecRf\xac0\xc9z\xc2dXs\xa2\xf0\x9cJ\xd0\xad@O{\xdf\xc9\xde\x8a\x8a_\xbf5&lt;:z5\x16\x0b\x80f\x81\xb4a\x18\x8a\x88\x0c\xa8TE\x81\xd5\xc8\x98\n\xf7\xfc_\xb0\x95\x82\\\'l\x13H\xc8\xdd\xaaDn"h\x90\xb6\x8c\xd8\xd0\xc9W+\xf6\x9c={\xf6\xed\xad\xc7\xde\x1d\xfe\xb2\x15D\xcb\xb4[\x01\xcb\xd0\x05\x83R\x93Aya\x16LdW\x92\xe6\\\x88\x16\xa4\xec\xd7-A\x8ce1\x07%\x01T:\x10\xeb;\xda[q\xaaaa\xe1\xc2\xd4\x80\xdb\xe7|\xbdc~tx~\xf4hk\xfbP\xc0\xb2\xd2\x94Z\x8a\x0e\xc1\xd2\x05\x84\x83\x8f\xe0a\x84=)\xc8\x1c\x12X\xcc\xd0\rb\xce\xbftM{\xdf\xf6\x8a\xfd\xa7\xfe\xf6\xe0\xce\x85;\x17\xa7\xa6\xa6\xdc\xf1x4z\xfa\xf4\xce\xd7?x\xab\xb7\xb5\xaf\xad\x07\x8c4\xf8ZT1\\z\x045\x99X\x9a(\xc4]\xa2x\x16&lt;\xcca\x89\x9c\xaa\xae\xed\xd5\xfdGN\x01\x13?SS\x17\x01\xeb\xd3O=\xd1\xa8\xd3\xe9&lt;\xd3\xb4\xa7b\x08&amp;\xd3\xa0\x86\x85\xa1\xd1(\xbf\x1f\x92\xc0\xc3\xe5B\xcc\xe2\xad\x14&lt;q\x81\x87\x10\x17}\xb2\xa6\xae{\xfb\xfe#\r?\xdc\xb9s\xe7\xe2\xc5\xa9\x018\xee\xb8\xa7\xde\xe3\xf58\xe3qw|`\xa0iO\xefP,\x163\x14\x02\xf7\r\x82\xa1|\x89\xac&lt;zR\x80\xcc\xdfPe~\x8d\xd1\xc1\xbe\xcb\xdd\xdd\xfd\xe7\xf6w5&lt;\xf8\xe1\xc2\x05\xf0\xcf\xedt\xbb\x07\xe2\xde\xc1A\x0e\x16\x8f\xc7\xbf\x8e\x7f\xed\xf6}0|\xbf5\x13\x0bX\xba +\x04t\x16\x15\x94\\\xbeU\x889\xe4\x16\xea\xd6$P]\xea?\xf7yWC\x03X\x08R\xb9\x9dq\xf7\x803\xee\x19\xfc\xe2\x0b\x00\xab\xf7x\xbc\xf5\x9e\xb8\xd3\xd71\xff\xb0\xb5\xad\xa7\xce |c\xd3\xa0l\x86X\xe2J\xde\xc3\xb5\xae1\x87e]\xbe|\xf9\xfc\xa5K\xe7F\x00\xeb\x018\xe8\x1epG\x9d&gt;7\xa7\xf2\xbb\xc2~\xbf\xdf\xe5\xaf\x1e\xac\x05\xd5\x9c;\x8f\xcd\x0f\xf7f\x86\xda{\xact\xd20\x18F\x8f\x88\x11\xcc{E\xfc\x9d\xf1\xb8\xeb5u\x97\xcf\x9f\xe7T\x9ft5\x1c^\xb8\xf8\xfd7n\x1fOy\xd43\xe8\nG\xc2a{\xc4nwU\x0fr\xc9\xe2\xee\xa6w\xe7\x87G[\x87\x02\x01k\x86\x1a\x9a\xc9\x10S\xf3\xbd\x18m\xb7I\x0ek\x12\xa8\xba/\x9d\x03\xaa\xae\x07\x0bg\xbew\x7f\x03HQ\xa0\xaa\xf7\x87\x1dU\xe1\x88#\xe2pD\xc2.?\x0f\x99\xfb\xf8\xd6\xa6c\x1f\xcc\x0f_\xed1`\x95\x07R\t\x95\xb2|\xdf#\xd6&amp;\x10z\x8e\xd5?2\xf2\tO\xd6\xc2\x19\x9f\x0f\xa0:\x9d\xd1\xce\xfaA\x17\xc7\xb9Wu\xaf\xca\xe1\x08\x87] \x97\xc7\xebu\xfa\x8e\x9f8\xdd\xd11\x9f\xb1,l\x19Y\x9a$\xf9\xc6\x9a\x0e\xe5\xbaT\xcfM\xe1\xc8;\x1c\xeb\xf0\xfbg\xdcNP\x8a\xeb\x05bE"\xe1\x08PE"{\x1d\x11.W}\xad\xa7\xc5\xd9\xb2c\xd7+[;\xbe\x04\xbd\x88\x9aH%\xf3\xbd~l\xbfW\xb9Z\x80\xd5\x0e\x1e\x82X\x1ck\x81cE\xa3&gt;\x1e-?70R\x05FB\xbcx\xec\xeb\xe14{O\xbc\xf4\xe6\xce\xa6\x8f\xe6gb\x06\x99Y\n\xa6\xae\xe5\xbb\x1en\xf3W\xd7D\x01VNww.Y\r\x078\x16\x8ca\xa7\xb3%\xda\xe9\xf1G\xe0p\xb1\xec\x80\x17\xf6WCQ\xd4/z\xbd\x95\x1bv\x1d\xff\xf0\xa3\xe1\xfb\x19\x8dR-\xb8\x92\xef~\xb0}\xc5_!\x82\xc7\xd3\xba\xf6\xfe\xfegX\r\x87\x0f/L\xc1\x82\x8e\xb6D\x9b\x9b\xb7\x85\xed\x0eG\x15\xe4\xca^j\x0f\xc3,\xd6\xd6{=\x9e\xc5foy\xe53\xac\x99\x98\xa6\xc5B\xe3\xf9\xc6Z\xfb\xacL\x01\xab\xed$\xc7\xcaE\xfe\'\x17\x9d\xd1\xca\xce"{\x04\xa0\xca\x1ce\xd0\x0f~\x97k\xb0\x16\x02\x0fb5\xef\x80lu&lt;\x9e\xbf\x9f\x89Q-\x96\xc9{\x9b\x16_\xe3j\xc1#a]__\x7f\xae\xb4@\xac\xc3o\x9f\xf1A\xb6:\xb7\x95\x97\x17\x95\x969\xf8\x01\xa5\xeca\xd7\xeeE@\xe2\xa7\xb9\xb9s\xc7/?{\xfc\xf8a&amp;\xa8i\xc1T\xdew\xcf\xdaq\x1ex\x11\xa5k\xfa\xbasX]\x07\xc0C\xc0\xea\xac\xec\xdc\xb6ysQ\x91\xab\x14\x0c\x04.;P\xf9\xabk\x17\xbd\xf1\x1cWK\xe7\x86\x83\x1f?~\xfap&amp;\x18\x84h\xe5\xfd\xf5\xd4uY\x8e\xc5\'\xb1;\x87u\xa4\xeb\xc0\xd9\xf7\x9b\x9a\xce\x9c\xa8,\xdf\xb4\xf9\xe7E\xa5\xa5E\xa5a\x08U\x84+\x16\tWW\x83\x89\x9c\xab\xc5Y\xb9\xf1\xfaw\xffy\xfa(\x03r\x05\'\xf2\xbe\x11\x8b\'\x9ec\xb5\xc3\xe5\xe1s\xee\xe2\xaf&gt;\xdc\xba\xf3\xf8\xae\xf2\x8d[6m.\xb2\x97\x95\xba\x8aJ\xedeUp\x0e9\xc2\xae\x97\xab\xebsb\xf9Z\xca\x0f^\xff\xee\x9fO\xefg\x82\xc1X\x01\xd4*\x19\x7f\x8e\x05uzi\xe4\xdc\xc8\x91\x03P\xa7M\xaf\xec\xd8\xb0iK\xd1\xbeR\x9eu\x88\xfc\xde\xaaC\xf7\xa0\xe6#o\xb8v\xd7B\xbcZ Z\x1b7\xec\xbb\xfe\xdf\xa733\xc1\x98\x11\xcb\xe6\x1d\xab8\x8b\xe4gX\xb0\xaa\xbb\xbb\xdb\xff\xf8\xda;G\xfe\xf0\xd7\x8e\xd3\xbf;\xb8e\xdf&gt;\xc0*s\xd8\xb9R{\xf7\xde\xcb\xb5\xc4\x1b/\xff\xe9\xb7\x8b\xcd\xcd^\xefo^\xda\xf8\xe7o\xff\xfdpf&amp;\x13\xa4\xdaD\xde\xb1l\xb7\x9f\xf5V\x1a\xee\xa55\x93\x93P\x13G[\x8f\xb6n\xbf:\xfa\xf8\xb3\x8f\xff\xf1\xe6_J\xed\\\xb0C\x87\xf6\xc2{U\x99\xbd\xa8z\xf7\xa2\x0f\xae&lt;\xbe\x16\xc0z\xef\xbdo\x9f\x02\x15\x8cb\xdekk\x8d\xed\x1a\xe1\xff\xa6\xd0\x01+\x9d\xae\xa9\xa9ko\xaf\x81\xc7\xd6\xba\x9e\xb6\xa1\xde\xd1\xf9\xff\xd1j\xfe?i\xe7w\x1c\xef%\xcd~XbL\x1a\xcd\xcc%\x8a`\xab\x91\x08\x14A\xf8\xf0eb\x107\x11D\xb4b`\xa8E\x88\x96\x1c*\xb6\x15\x81Y\r\nT\xb0" T\xd0\x0b\x05O\x14\x04w=\xa6\x06\xa7\xc1\xee4\xb7\xf4\x07\xa7\xd2\xfe\xe08;f\xaa\xb6Sc\xaa\xd7\xcb\xd9\x1f\xfa\xc3\xde\xb8\x7f\xe1so\xc2\xef\x8f&lt;_\xdf\x9e\xaf\x17\x8c\xce"\xd3s\xdb\xdb\xdbK\xdao!\x97\x07\x07\xbb\xe5r\xb9\xd0B2\x8aJ\x9d\x9a\xfeB\xa4C\xf5\xf1\x12\xb4S\x90[\x7f\x83\xfd*\x98\xf1\xfc\nk%\xf64\xb6\xa2\xed\x9a\x08\x07\x02[\xf1x\xbcuF\xab\x9dl\r\x8f\xcf\t\x8b{\xf3\x01\x95\x019\xbb\x1f\xd8Z\x08\x80\xb5l{\x94!\xd6\xb3\xf5"a\xb7#rt\xf9\xe6\xaaA\xfc\x13f&amp;\xf0\xfe\xf5\xc7Tf\xc5b\xb1*-\x13\'\x96\xd9\xfb\xe6\xce\xce\xce\xde\xef\x07\xeatJ\xdc\xf6\x12\x0f\x93\x93\x97\xdf\xde\x9e78\x1e\x98\x00+\xec:\x08\xf0B \x10\x9e\x98\x08K+\x1d\x07\xe7\x97\xa0o\xad\xdf\xfb\x0e^W\x93\xf1\xd3\xe7\xa3\xeb\x7f\xfa\xc3\x8d\x1b\xa9\x10\xc6j&amp;\x9986c\xbc\xafo)\xf5\xc6G\xa7\x03f\xb3^\x86*\x06)\xdf\xcb\x9a\xed\x1b\x0f/Ll%\x12\xdb\x89D \xbc\x1d\x9e\xc0\x05\x96\xa3\x91\xf3\xcb\xff\x82\xe9s\xef/\xb0\xde 2N\x95~\xcf\x9bo\x80\x83\xf8\xf2)H(mW\x17A\xff\x88\xc1\x08,\xb4N\xcel\xed\xef?\x1a\xdf\xafS\x9a\xed\xcd\xd4\xfc[Ew!)J*\x05\xe5Y\xf9\xc0a\x00)&amp;|\xbf\xb4\xfds4B\xbe\xfc\x10\x8f\x03\xac\xebpb\xfd\xd0\xeaq\xb9&lt;- \xb5n\xa6R}\xa6\x95\x89\x0b\x13\xd8JmU(\xa4K\xfc\x9b\xb1\xb44\x17\xb6\x06\x1b\xd6\x04\n:\x17\x02L\x18TO)O$\\f\xb1\x90Y\x85x\xf9\xf2\xa9\x83\xac\xfa\x98\x88\xc7\xef\xdd\xfb\x07\x9c\x85\x98v\xe4r\xbb]\xfe\x9a\xaf\x80X5\xda6\xb0\xe0O\x04\xea\x98\xda\x99\xbfkC\xbfO\xb4\x9e\x9f68\xcf\x02V\xff\xfc/^\xc1\xaeI:\'%\xf1\xca\xf5[m\xbaVF\x9f\x94\x08\xb0\xba\x97\x1d\x0er\xf4\xdd\x877\xf1\xf5uXW\xfd\x8c\x8f\xab\xee\x0b\xb72\xb4\xf2\xc5\xcd\xa7\xa1I]\x17.\x8c\xc3\xf9\xad]\xb8D\x9b\'d]x\xd7=&gt;_\xcf\xb0z\xe67\x9bieX\xcb\xa0\x90d|\xf49\xee\xb6\xd6\xd4t\x89y"H\xbe\xdc\x1d\x8d\x92\x1f\xbc\xbb\x8c\xc7\xc7\xd6_\xbc8r\xc0\xe6!2~\xe6\xb8\x0f\x0f\xad\xa1\xd8\x17\xb7\xab\xdat\xcc:\xb6\x9e\x13\xf4{pz\xc6\xc2\xc4\xc2~\x9fE*E\xf5\xe8\x81Z\x9boi^\x92\xa5\xf2\xae\x917\xfb\x91\x19\xfakW(\xd1\xda\xf9\xb5S\xb8\xdc\xedP\xa9\x0c\x86\xcf\x89\xf8\x93\xd6\xbe_6\xa7hp\x99\xf9\xdfL\xcf\xbb/\x0eC\xa1\xd8\x8d\xa7U\x93J\x02[/\xeb\xe4\x98\x83\x1c=c{tiN8(\x97[\xc6\t\x1e\xd7\xcbgoik"lz1\x84\x82&gt;.\xf8\xdd\x9e\x99\xd3\xfd\xbaz,\x16/7\x90\xa3\x06\xc3\xbbD|}x\xcdK\x9bz\x86\x86i\x00}\xcf\x9bw\xa7\xb8\xaa\xbe\xfcs\xcddW\x9d\x9814\xa4g\xe8\xd9\xe2G_K-\xf8B\xbcp\xb6/\xecOay\xbd^\x9b\xa8?\xcb@\x84\xa4\xfb\x0b\x13]\xa7g\xd2\xf1\x01#\x16\x1ad\x01*\xc3\xbb\x0f\xf1p3\x9fo:Y&lt;&gt;\x80\xe5&lt;\x92vn_u{\xac\xa1P\xd5M\x80\xc54\x8beC2\xc6\xf4\xe8\xe8\xf4x\x1f\x18\x86\xf2\xc1\xd9\xb9\xe9\xa0+\x8555\xb5f4j,\x90\x1c\x82,\xef\xdf\xcfYPX)\xcaF\xc2\xe0\xf1\x06V\xa5\xc1\xf1akT\xc0U\xf0\xf9\xbe$\x19\x9e\xab\xcd\xd1k\x17(\xc4\x8bC\x80\xa5\x9dT\x82\x06/\x93MO\x8f\x8f/\xcdY\xb0By7\xc0b\xbb\xfc:\xd7\xcb\xa9\xa9gk\x1a\xa3M\x84\x82\n\x89P\x96|\x10\x0f\x11\x89\xfd\xfd\x18,T\xc8B\xe6\x19\xa2\x97\x01|Af/?)H\xe6_\x83\t\xcb\xef\xaf\xb3\x1e\x1e\xc6n\xb7\xa4\xb0\x80\x9d\x99\xe6\xf1zD(\xa9\x05\x1a\x1c\x04T\x8cU\x97\xdf\xbf\xbay\xecM\x8eh\x8cF\xa3H\x03ee#Y\xac\xecB&lt;\xe0\xeb\xc76\x15\xe7d#\r\xaa\xd3\xfd\x1cI\x89\xba\xd6\xeb\xfb\xa4\x80\xa7m\x9d\x0f\xbb\t\x04\xf7\xc5\xc5\xca\xed\xb1\x96\xb6.\x02\x871\xcd\xebA\x89P$\x8beV8k!9;W]:\xd7\xfc\xe6\xf1qr\xa4\xd9f\\+\xd3\x90\x88H$\xab\x92\x85\x94w\xe3\xf1\xa6&amp;`\xe6\xb3\x90\x95\xe4\xd3\xa5j\x81`/y\xec\xfbD\x87\x07\xeb\'\x8e\x9b\xad\xbc\xb88\xfc\xea\xf6\xd8X\nK6P\n\x06\x0c\t\x03\xe1!\x12F\xa3)\xef\x0c\xfau\xc1\xe1g\xded\xd2\xeb\xd5\xd8\x80\xc7\xc2b\x88\xc4\x1cdv\xb7&lt;+\xab\xb0\xb0\xa9\xa91\x0b\x99\xa7\x8a\x9c\x8e\xd2r\xe9WX&gt;x\x82\xf8\xed\xaa\x9b\rRke%6666I\xe8\x94\xd9{P$,\t\x82 \x0cI\xa31\xd6\xcf\xbb&lt;), \xd6H\x19\xa4\x01\x8bccc1\x1a\x9f\xd5\x9d\x9d\x9dS\x90]Pm2\x15\xb3\x1c\xe4\x83\xcf=S^\xbazcd\x0f&amp;\xb5\xae]\x9f\xf0p&lt;\x17\x87\xb1\x95\xa7WX\x1cYy\x8f\x88\x84\xc16\xd3\x9a\xc1\xb3\x19\x1b\xcc~+38\xbc\t\xb0h&amp;\x08X\xd2\x11\xbe\xe9\xb1)=\xaf\x92\x85@\x14\xa3\x0b\xeeT\xa3\xb3\x1d\xaa\x83\xc8i\xa1d\xc4\xe7S/\xee%w`\xea\xf2\tO\x10d|M\xac\xaae\xec\xc9$\x81=`G\x89H$\x9b\xd1V\x06^\n\xcb\xea\xa9\x0b\x0eO\xbd=Y\\4alM##\xd4\x82\x1c\n\x9a\x92\x9e\x9eYPPP\\]]\\I\x8e\x1cD\xceh{\xa0;(N&gt;%\xe1\xe9[\xd7\xd2N=\x04\x80\x15\xaa\x02X@-v*\x88"\x9b\rD\x8b\xf6\xb8Lc,w\xf9]\xe6\xd5\xd7o7*6N\xd0Dcs1_ AH\xb8\x02z&amp;\x1d8\xfaj\xee\x1dDE\xe4\xe0@\xf5\xbeV\xb2\xb7\xb8\xb8\x87Nn\xc0d\x9c\xd3\xce\x99\xba\xb66`\xffRXmL\xf3\x10\xe8\x0fN#\x10\x0b\xc4\x90\xd6\x84\xd2\xfbW\xcd\x1c\xce\xab\xc5\x8d\x12\x89OR\x891fR\x05\x12\t\x9d+\x10P\x8b\xe8\xf4".\x82\x9aI&gt;8 G\xcf(j \x97\x84?\xb2\x03\xd7\xac~\x81\xf3k\xbb\xac+\x00\xab\x05`\xe1\xc4\x03\xe5\x1dv\xe7+[s\x19\xc8\xee\xfe\x1e\xd7\xaa}@\xccy\xfd\xf6dC\xb2\x91\x83@\x94Q\x1f\xa6#$\x14\n\x85/\xe0R\x8a\x8a\xa8\xf7\x11\x0f\xc8\x07\x11\xd5\x91\xa1W\xed[LR\xf8|\xd8,D\xda\xa9n\x86\xa0&lt;\xac\xaaiiiiS\x9a\xc5\x8c\x81\xfa\xfaR\xa7\xcd\xd6LC\xa3\xa1!\xf7\x80\x94\xc7\t\x0e\x1bO6|h(\x0b\x81.\xd8\xa9\xb8uul\xe6R\xb8\xe0{?\xb3=\x12!\xab\xa2\x0fs\x15\xfc\xe3\xa4\xcf\x97\x0f\x9b\xe7J{\xd1\xca$\xe8B5\xff\xc7\xc2\x89\x19\xb2\xa1\x86r\xa7QC3I\x10\xb3A\xb7\x9d\xb4\xbar\xe1\xb2\x93NN\xf4\xfe\x0e\n\x1d\xb1C.QH\x80T\xa9\x0f\x85B\xcd\xac\x00X\xe4\xf3\n\x10\xbf\xe3Z\x85\xe0?p\x9ay&amp;A\xe9NQi\x01\x16[,\xee\x1c\x1ap\x1a\x9b\x1e\x0b\xd2Y\x96\xe0\xc5\xf0c\xcc0\x90\x8b\xc7#\xf5\x89_z\xd1\x92\x12\xf2\x8e\x9a.\xf1q\x05\x14 \xd7\xfd\xbby\x0f\xc9\xe0\xa9*\xa7\xbc\xb5H\x89@\r\xa7A\xfd\xed\x16Siu?\x19\xbb\x1a\x8alN\'\xa7s\xc0.j2q3\x11\x16Y\xd0\xffr\xf3\xb5\xbd\xa7\x07K\xcc\x91\xecQ\x04\x8f\xa9\xf9@\xae\xd4)\tDP\xb0\x0b\xb0*T),a\x99Da\xe0\xc3)\x16\x90\xeb\xbc\x8e\xe9\xf1\xb4&gt;\xd1\xa6\xdc)\xa8;sg\xb9S\xd4_\x9c\x83 :\xeb\xeb\xebe\r\x1d6\x13\x1a\x91G\x97\x08\xca\xca\x1a\xb9t W&gt;=\x85\xc5\xdd\xbds?\x1d\xb4x\xc0\x15E(\xd4\xea&lt;\xbe\x1a\xdem?\xe3y\x98\x90x~\x0f\x88\xc5$\x10\xccfsg\xbd\x13\xd5T]@t6\\\x1d\x05_5Q\x11\xbd\xb9t*\x95[\xbd\xbbK\xc9\xdd))\xc9\xa5\x83\xd4\xda\xdd\xad\x06\x85\xf8P\xa5"G\x1c\xbd\n\x85\x82\xce\x82\xfb\xa7\x95\x8c\xdf\xbdH\xfb\xfe\xbb\xb1I\x90d\x04\x00\xd69\xc0#a\xfa\xb1\xce\x86\xe1r@\xe5\xd4\x98$\xd4L:\xfd\xfe\x9d]Zm\xed.7\x7f\xa7D\xdd\x0b\xb0\xa8\x08\xf4\xddlC4\x85\xf5\x00\xcc\xe9=\x05\xf9\xd7\xf8\xcb\xc1\x0f?\xb6\xe9\x08L\xf0\x08f\x8e\xac\x94D2\x966\xd4\x97\xdb;:\xea;\xa6\x9aG\x1a\x8bi\xfc\xc6\xc6\xa6\xd4@\xda\xa5\xe4\xe7\xab\x8b@\x15\xa6\xe7\x15 Y\x0f\x1c\xaa(\x99\\\xa9V\x80\x89\xf8\xab\xfc\xb7\xf2\xdb\x1f\xdb\x94\x04\xa6R\xa9$\xd4\xfd\x8fw\xf3\x8bi*\xcf\xe2\xb81\xa5\x02\x06/\x13[,\xc1\xb6\xb6Mm\nW\x1a(\x81\xb13\xb9\x15\xda&amp;\xc5RX\xdb\x86\x00mi\x84\x05\x9bl\x0b\xbd\xb7\xc0\xd6i!\x94\x96\xed8,\x8a\x94`\xa4\x8aA\x02\xca\x8a0\n\x02F\xa2\xa0\x01\x89\x08\x9b\x01\xcc\xb8Y\x8c\xab\x9b\xac\x7f\x12\x99\x8d\xd9\xb8/\xf3\xb0\xe7w\x99M\xf6y\xe4\xee\xa1&lt;\xf0\xf6\xe1{\xce\xef{\xce\xb9\xf7WC\x80\x10\x13n7\xa1\xb1\x94\x96&gt;][{=99\xf9\xc7\xdf&lt;\xfa\xc3\x15\xf4j\xf8\xca\x89"\xfc0\xa8\x85cR\xa9\x9e\x0bXy\xd3\x8dy\xda\xdf\x01\xd6-F\xeeg&lt;\xb8][_P\x00\x1f\xa5\xd2\x10$\x9aJ{zz,\xa3\xa5\xee\xf6\xae\x81\xad\xad-D69\x89\xc0l\xb6\x13E\xfeC~\x1c\xf3\xeb(\x18\xe3\x91Z\xd3yO$\x7f}\xf4{fn\x8d\xa4\xde\xa4\xb1\xea\x0bL&amp;C\xf5`\xa0\xb4\xbd\xdc=:\xfa\xc9\xdd\xbf\xb6\x06\xebE?B\xdb\x82\x91\xeb\xbe\xfd\xc7\x1fO\xa8\xfc_\x7f\xed\xf7SR*\x1c\xd6S\xe0\xf1\x7f\xdfu\xe0\xe5Kf\xa8\x928\xcf\xc0\x1f\nP\x0e\xa1\xe6\x03\x11Mf\xa6f\xf4\xbb\xd2\xf5\xf5\xf5\xa5\xa5OO\xe97\xe9\x03\x03\xef\xeewU\x1a1\x15\xee\x87p\xe9\xa8(\x15\xd6\xbb\xf2\x1a\x1b_2y1\xfcmmk=$Q\xa9P\x80CD\xca[|\x9a\xeb\x97\xaf\xdf[\xfa\x9f\x00\xba\x81cF\xa9\x142\xe8\xf7\xeb\xbc\xbah\x94\x92H\xc0L\x99\xbc\x83\x97\xf4\xa2\xa3\x0f\xb8 \x87g\x0c\xd0~\xc4\xb9]\xc5\xa3\x17\xee\x8d\xae\xaf\xf7\x0fl\r\xf4\xf7\xbf{\x07\xa9\\\xff\xb4\xf44\x13w\xf9\xfdR\xe9a\xaf\xd7;\x1d\xa5\xb8\\0S&amp;\xaf,rV:\x90\\J\x13p\xd5Y\x88\xf2\xf2v\xf7\xd2\xe8\xe8\xd2\xa7\xb5\x81\xd7\xaf\'\xa1\xe6\xdf\xbf\x9f|\xbd\xd5\xbf\xbe\xb4\xee\x83\x8a?$\x95\x02N\xa3\x97\xd2j\xa1\xf7\xecbR\xadW\x0f\xfb\xfa&lt;\x80\xa5P@S\x8c\xc5\x08\xb7\x05\xfc\xe1\xd3\xd3\x81\x01\x9aI\xf4\xe8\xd1\xa3\xf7\x03\x90\xc5\xca/\x1d~\x0c\xce!j\xd1^J\xcf\xa5K\x8b\xc1xr{\xa8\xaf\x95\xc6\xaa\xab&amp;\x9a\x08\r4\x1e\x8b\x9b zz\xda\x07\xeeo\x1b\xc4\xe4\x95c6\xbb\x99\x87\xe3\x0e\x12\x03,\x18\xb4\\\x12\xbdw\x9a\xc5(V\xd2\x8b\x87C\xad\x1e\xc0*\xac\xab\x8e5\xc5\x82\x11\xd4\x0f\xdd=b\xb1\xb8\x89\xe8\x11\xc3\x00\xf6\x95\xcdh6\x1b\xcd8\xe60\x9b\xfd09\xdc\xba\xd5\x18\x95\x88\xa2\xb7v1\x1b\xe3sCC4\x965@\xc4\x00+b!\xdcDyfK\x961\xd3\xd7\x92+\xf6\xd9\x8d\xdbX\xb8\x03\xc7\x0f\xe9\xbc\xa0V^T\xcf\xa7^2\x8c\xb5\xb89\xe7\xf1\xd4\x98\x147\xacA\xc0"4A\x8bF\x83\xb0\xcc$iDaFTF\xd2\xe1\xc0Qm!\xacFJ\xef\x0c3\xfd5\x83\xc5S\xcf\x80\x0b\xd4*\x0c\x05\x89\x9e\x18A\x10\x1a\x82\xf0\xd9[\x8cf\x12&gt;\xa4\x99DTf\xb3\x8ct`\xb8\x1f&amp;\x1a8\x8bzg[\x94\xe9\x1b\xcd/J~\xd8\xac\xa1\xb1\xacj\r\xe8\xd5\x03X1\x9f\xddn#U*R\xe5\x00\x99H\xe0Br9p=\xa5\xf3\x82?4\xb4\xcdLs\x18\xc7*\xd9\xdc\xac\xa9Q\xa0y&gt;\xa8\xe9\x89\xc54\x96\x9e\xf2.\x9f\xcf^\xa4\xc2\xf0\xa3\xa4\n\xc7\x10\x96\xdd\x0cX\x0e=\xe5\xf2z\xa9\x99\xb66}\x1e\xc3T\xbb6J\x8e\x97l\xae\xd6\xa0\x1b\x8a\x85!\x0b\xa40XZ\xde\xde^i\xb7e\xcb\x84\\\x1c\xb6B\xdca\x86A\x19ai\xc3\x14\x04z/\x15f\xfa \xee\xba\x8b^\x8d\xad\xfe\x00X\xc0\x15\tB\xc9#\xb5 \x89\x02\x81P\x8b\xf91\x15\xd4\x17\n\xd2\x01\x03\r\x0c\x0f\xfa\x0f\xc3mz\xc6\x0fb\xd23\xc0*\xa9]]\x9d\x98\x98\x80&lt;V\x07\x11V\x97\xcfn3\xa6\x0b\x85R\xe9!\xbf\xaah\x1b\x0b\xa8\xc2@533\xdc\xc6\xff?`\xdd&lt;\x8e\xe4\x1a\x9a\xa0\xc1\x80K\xa3\x8156\xb7\xd2n\x84\xaa\xc2\x0e\xf9\xb1\xa3\xdbr\x91a\x89^\xaf\x9d\x01*\xa7V"\xa1\x98\xbe\xc2\x9f4w\x9c\x96\xab\xe6\x17\xaeP@S\x1c+\xf7U\xda\x8cEE\x00\x86\xab\xe00\x02\x96\x83\x16j\xa6\xc1\xd9\xe6\xd4K$\x92(\xd3\xb6\xc5:U\x82\xb0N\x0f\xd5\\\x04\xb0\xd5\x1b!u \x86\x9e\x0c\x82oA9!k\x87^H\x92Z=P5|\xf8\xd0\xd6\x80\xee!H\xbdLc\x8du\x94\xa08]\xeb\x01\xae\x89\xd5\x1b\xd7\xae\x05\xce6\x8b\xabF\xca\xb2\xb2\xb2\xe5|&gt;\x80a\xb8\xc3\xc1\x87\xf4\x01S\x9bS\xa4\xe7J\xb8\\)\xb3\x8d\x9a\xc3\xe1\xbc\xea\xfe\x13\x04`\r\x01\xd7\xc5\x89\x1b\xe8\xd5o\xef\x9d;#\x9d\xc3\xc3@\xc6\xe3\x8b\xf8"\xad\xa8\xa1\x01\x94z3\x0c\xce\xa0\xe5r1.\xd7\xc5\xe4\x0c\xc8y\xf0q\xf1\xed\xed\xee\xd3\xe7NC\xd4\xf6yj\x80KQ\x08z!. \x1b\xe9\xec\x04\x12:\x9c\x1f\x86\x87\x87A+-W+\x14b\x12j\x9a\xa1o\x04r\x0e\x8c=\xde\xb8y\xaa\xa3\xfbTmm_\xdf\xe5s\xe7j\xfbZ\x91\\0w\x15B}\xfdy\xf0los\xb3x\xa4\n~FF\xde\xbc\x01\xa8\xac6\xe7\x8cV\x8b\tq\xc0\nG\x9f0\xd1|R\xc7*\xa6\x96\x977\x9e}\xdf}\xb2\x03xZ[/\xf7\xf5!,\x18$\x90\xabZC\xa1\x90Z\x1d\x18&lt;\x8b\xa2\xb7\x19t\x83\x84\xca\x9d\r"\x11\x86\x8e&amp;\xc6\rG\xe7\x0f&amp;\xec\xb4`\xac\x83\x19\x19\xf9\xf9\x15\x97\xa6\xee~\x7f\xf2\xe4\xf6\x86Q_\x0fl\x1e\x8fr\xdb\xeb\x11\x97\x9a\x8e@\x00\xc9v\xa7\xf3K\xc0\xe2\x89\xf8B\x07:\x99B\x8c\x8a.,\x1c\xdc?\xc6\xda\xc9\x85\xec@~B\xc2\xee\x83\x19\x15\xe3\xcb\xcfN\x01\x16\xa2\xba\xae\x042\x8f\xa7\x00:#\xcd\x14\xda\xc6\n\x00\x15\x12\xab\xb3\xac\xacL.\xe7\xf1y\x028\x96*R\x06%?\xbf\x001\xbf\x83_\xa8\xe1\xe4\xe7\xef\xd9_qi|qc\xf6f\xf77\'\x87&lt;\xe81\x92\xc9\xa4T\x16(i,+8\xd7 ]Zt\xd5\x0f\x03RVV\x99\x9c\xe7\xe4\xf1d\x0e\x84%Sq\xa9\xe8\xabW\xf3\xf3\xf0\x1b\xb7sO\x1d\xa6\xd2\xf6\xec^Y\x84\x98\x9d;\xf9M7\x0c\xccJ\xf4\xd0\xed\x8cIi*(\x00\xac\x10\xf8\x16\x12\xa8\x8d\xe7\x04[h\x98\xe1\xf3y&lt;9\x8f\x0e\x07\x06\xbb5I"\xac\xf1\xf1\xc7\x8f\x1f\xaf,\xb0wJ.\xce\xf2\xf3\xb4\x84\xc4\xfd\xe3\xe3+/6; \x87\x1e\xf4\x08\xa9\xae\xae\xce`P(L\xa0\xd6\r\xf5`30\xf1\xb5zI\x18\x054B\xb0-@\xe3\xf3\xd0\xd8\xac"\xa1\'i\xa90\xfcW++/\x1e\xc4\xed\x94\xad\xae,_M\xdb\x9d\x9c\xf0xe\xf1\xee\\G-\xf4\x1c\xa5\t\xa8"\x11k]a\xa1\x026\r\xab\xbaW\\\xe6\x9c\x819\xd4\xe5rE\xa3.\nZ\xb4H$j\xa0\xc5\xc2\xf1\xa3E\xb2"\x996\xdc\xf0\xef\xd9\x9ff\xdf\xfe\x1c\xcfJ\xde\x19\xb9*6\x9eW\xec\xffbO\xfc\xde\xa9Y\x18\x95\xfbj\xc1\x13\xd0\x96_\x8d\xc2\xaa0]TX\x03\xbdUe|}\x98\xd2Ax\x81\x8d\n\xeb\xc1\xe7\xf9\xd0\x87\xe8z\'I\x99@\xab\x1f\xde|\xbb\xb9\xb9\xfa\x91\xc5J\xde\t\xb98\x0b\xcbS\x97\xf2\xd3\x00+q\xe5/\x13\xa6\x82\xd6m\xb1"\xd5\x96` \x18\xa8\xb6\x9a\x90Zg\xab\xca\x1a\xe8\xe9X\xe7\xf5z]\x14`iE\x80%\x03o\x10\xa2s(\x93\xf1\xf9U\x17\x1f\xce\xcd\xfd4\x96\xcaJ\xde\x89\xea\x8a_\x9ez~5?m\xdf\x9e\xe4\xb8\xf9kV\x83\x12\xb0`\xb7\x88D\x82AX\xc2\x8a\x03!\x05\xfc\xa5\x0e4w:\xd1.A\x87\xce%\x95\xd0Z\x912\x87\xd0\x81\x1f\x15\xc8d\xe9\xd9\xbc\xac\xa6H\xcdo;\xc6\xe3\x01+\xf9\xf3\xcd+ij\xea\xf9%\xc0\xda\xbb;9.\xf1o\xea\xba3\xf5\xf4\xde\x1a\x81\x91\x14\xa8b\x84\xba\x10Y\xbc\xbawD\xae\x95\xa2\x0c\x82X.\xa9\x94\xab\x05*\x99\xcc!\x80\xd2"e\xe9\xe9\xd9\xd99G\x8a\xdd\x86\xda\xb9\x05V\n`\xb1?\xd7\xed9\x97\x96\x81\xaa"?\xed\xe0\x17\x89q\xec7\xe7#g\xe8G\xa6u\x11\xd8X\x89XySq\xc0\n\x0e\x1fBGQ$\xd5\xd1\x01ZqEB&gt;O\x9e-\x10\x88`\xdd@Z\x19sZr\x8b\xdbK[\x7f~\x90\x9a\xc2b\'\xc7\xb3&gt;/\x8d\x9c\x8a\x8d)D\x05X\xfb\xf6\xc4\xb1\xffQl1\\\xa8W*Pi!\xb1\x9a\xc4M\x83!+2y\xa8\xae,\x89\xcb\xab\xa33\x88\xf1\x05\xe0[\xe9r\x19\x98\x16\xa6\x12\xa0w\x9c9-\xbe\xf6ck\xa6\xf9\xf8\x94T\xc0Jf\x7f\xde\x90\x83\xca\xfdjEE~F\xc6\xfe}\t\xec\xb8\x8fb\xb7\xe1\xfa\x05\x1a\xcb\xa29O\x14\x17\x8b\xc5 \x97\x15a\r6\x1d\xe1Ku.\x1d%\xe5\x8a\x80J\x9e\x95\x9d-\x97\x81iaB\xa1,\xdbfk\xc9\xf4u}\xd5\xfe\xaf1VJj\x1c;\x99\xcd\xfe\x9c4r\x12\x97\xa7\xe8\x14\xe6g\xa4\xd1X\x0b\xb9\xee\xba{\x05&amp;C\xa1u\x1b\xab\\,\x16\x9fU[\xad\xa8\xf9\x9c\xad\xca\xd1\x1f\xa6\xa4R\x89\x10&lt;^\x9e\x95\x93\x95#S\t\x11\x95*=\xfb[{f\xa6\xcfg\xd3\xfc31%\x85\x15\xc7\xa6\xe3\xc0\xafw\x86\xd9\xe5_\xa8\x00ko\x02\x9b\x95\xd0\xe9\xfe\xcep\xfd\x8c\xc1\x8arx\xfe|qy\xaeX\xdc\x84\xae$\xa2\x9e\xd8|D \x05#\x15\xa1\x04\xe6@\xc8\x84H+\x95P \xfb\xd6f\xaf\xac\xec\xaa\xb4\xdf\x01\xb1\xfe\x8b\x15\x1f\xffk\xca\x8b\xc3I\x9bZ\x9e\x85\xc2\x82S\x98\x91\x9f\x06\xb1ww&lt;\xeb?\x9c\x9coH\x1by\x1a\xc7e\x98d2\x196\xc90\xc6d\xc8d\x92\x18\x8c$\xb9\x04\x12R\tG\xd7\xbbP\xb5\x0b\xbd\xcd\xabrjh{\x87\xbeQ\x90\xbe\xb8\xeb\xb9\x85\xad\x06w\xefh\xae`9a\xf1M}\xb1D\xe8;\xb5\xd7\xbb\xf5NN\xe8\xcaF%W\xe4\xfa\xc2\x8a\xf4(\xb6\x94\xda{a\xb9\xd2\xda\xa3UZ\xee\xfb\xfcf\x12u\xdb\xe5v\xef\xb1F\x1b2\xe4\x93\xef\xf3\xfd=\x7f\xc4h{z\xe2\xf4\xf9\xbf\xd5\xb0\xda\xaf5\'\xc15y\x89\r\x0f\xd3\xc3}\x19\xac\x12N\xbf?\xea\x8d\xa52\x99\xa8\x0e\xaa\x1fa.\x85\xb5\xce\x9cM\x9e\xbbx.\xff\xd8\xaezTS\xac\xff\x87\xabQ\xcd\xcd\xcf\xe7|\xb7I\xacr\xdc\x17\',\x8ds\xf1\x96g\xedcW~o\x18~\xa2\xbd\x1d\xdbN[\xb2od\xfa\'\x971\xd1L\xe7\x9b\x93^\xb7\x1b)\xf4\x7f\x86\x14\xa6\xbdN\xe7q\xb73\x10\xfa\x05\xb0J\xa3\x90\xeb\xdc\xc8\xb2\xd5\x03\xb1L.\x97\xf5\x87r\t\xe5\xcd\xb2"k\x85E8\x0b\x87\xd0\xc7\xc0P!xU\x1c\x99\xb8|\xaa&amp;V\xfe\x1a\x96\xb0\xe48\xdc\xf5\xf9\xe74\xfb\r7gu\x98\x1d\x91NE\xb1e\xb8\x11\x1d\x01\x9d\xa9u\xf6\xdcO\'\x1e\x8b\x10\xab\x8ee\xb5X\xec?\xc0_\x8dZ!\xa79\x94x&lt;&gt;\xb5\xb8\xb9Y\x80\xab\x14\x1fyK\x93\x05\x0bo}\xfa\xc5\xcf\xcf\x9f\xa2\xf5\x1eb\xc1\xf1Pk&lt;9y\xa9\xbf\x9f\xa8F\x9a\xdb\xb2)\x9ag\x88L\',\xb8K\xd7\r\xb5.\xfea\x12by@U\xe3\xb2X\x05\x87\xf5\xfbN\xec\xb2\xa2h\xbe8\xb9&lt;^^\x98\x9a\xca)\x8a\x89%\xa1+\xf2\xfc\xc3\xfc\xe9+\xa7\x98V_\xa0j\x11V"\xd1&lt;\xdd\x8f\x8389\xd2\xd7\x97\xe8I\xd14\x03*o\x88\x0c\xef$\xb1b\xb1\x8f\xe1\xf9\x8bc5\xb1\xearY\xad\x02\'|\x0f\xc1&lt;\x16\xbbC\xc9\xa1L1*`\x95\xa7\xe2\x9a\xa4\xd5\xb1\\\x16\xd5\xf6\xe4\xc4\xe5\xf3\xfd\' \xd5\xb5k\xbd\xf4+6\xc9D[s~l\x0c\xa3)\x9b\x03\x07\xbc4\x02B3\x7f\x00\xbb!\xaa\xbd\xeeE\xe7A\x16\x7f\xc7\xc4b9\xacgQt`\x14\xb77\xfe\x0f\x9b\x0b\x18\xd6\xcbu\xa8x\xbc\xb0P.\xa3\xba\x03\xcbGu\x8b\x13\xedV\x95\x7f\xdc~\xf9\xca\xe9\x89|\x1eP\xd0\xaa\xad-\x91H6\xe7\'\xc6.A\xac\xeb\xd9\xd4\x00\xad:\x04\xe6\xc5\xc2\x83\xa55\x14h\x8d\xa6\xd1{\xce\x9c\xeb\x7f\x8ecX/Z\x84f\xb1\x88\xb2\xc4\t\x1c\xf7\xdd\xd6\xff\xc0cS\n\xe52\x83\x8a\x9b\xe1\xcb\xa1&gt;\xc4%\x8e\xe4\xf2\x11\x16\x87,\xaa\xb7F\xc6.\x8f\xb5\xd3\xaf\x931\xac$\x92\xd87&lt;11}\xf5\xabq\xcc\xef\x03\x03\x18\xffB\xc8\xa2?Dv\x07"\x89\x95.\x9d\xc9?\x995\xc4\xaa\xfb\xdd\xc2\xbb8\xd9\xa19dNpy&gt;x\xbfPR\x01\x05\xea\x00\xca\xc7"&gt;\xbf^\x8e;p)\xec\xf5\xf8\x1b\x89\xae\xe7U\xcb\xf6\x89\xfe\t\xc3V}I\xe4p&lt;\x91h\xeb\xcd\x83\xb3o\x9cv\n\xa8\x05oeZ\xf5\x00y\x0b\xa5\x15\xd6\x8a\xfd\xec\xe3\xb6KK\x10\xcbcR\xa1\xf9Xx\xde*r\x9c,i\xb2\x03\xf6\xb0\xbc\xcfb\xca\xe6\xe6\x94\xc9\xe43\x91XL-\x14\xe2\xa0qh\xd2\xb3\xea\xbefdQ\x9d\xbd\x8a\x1e\xdd\x0b{\'\x92,(\x8b\xc3y\x80&amp;\xb2\x19p\xf9\xb1\x1a\xb6\x12\x95\xdb\x19r\x06p\x0e)2\xd3\x8f\r\xb1\xeaf\xb7\xf0\xaaK\x949\x99\xf4\x92$M\x12\xde3S\xcc\xd7:\x0c\x0b\xc5\xb8\x81D\xb9\x85B\x0e\xd9\x97n\xdfU\xf6\xab\xa6\\M\xfc\x8b\xfc0\xeahb&lt;K`\x10k\x14\xa6\x1f\xc6]\xc9\x04U+\xf4i\xb2\x16aut\x04\xfc4\x02\xea\xde\xe6\xddeC\xac\xad[4&gt;P\x0ey\xab@j\xc9\xb2$\xe1\x9f\x86\xf2\xf3\x0e\x18\x1a\x0c5\xe3Ca\xfc\'\xbe\xbe\x96\xd3dQ)vM\xfd\xb9\xba/A.d\x91_\x1e\xee\xedmNbi\x06W"\t\xaaD\xb2\xafy\x04fK\xb2\xaa\xd5\xda\xeaeo\xadqC.\xa8\xa5\xb7\xea\xa1\x9e\xe9\x87"\xef\xa1\xbe\xf3z\xe7\x90X"\x87L \x87\xf4))\x8a\xec\xfa\xd6_\xa0*\x18P\x1a\x8b:\x1a\xbe\x9d_\xf7)\xb2\xc8\xcdt-&lt;\xafV\xff\x02w\xda-j\x93e\xbb\xad\xaf\x8fV\xf9Tf4\x01\xb5\x12\xa3Y\xe8E\' \x91M\xa5R1p\xe9d,wG(\x10\xd0\xf1\x11\xbd\xbaM)\xf4\xf0\xd6\x7fV^\x93\xb1x\x04j\x96\xcc\x91\\\x0ex\xcb\x81\x1b&lt;\xb1\xc3u\xe4\x0fP1*\xcd\xa4\xa2\x7f\xb8!a\xb5\xa9\x05\xc5\xe7\x90\xc5\xb5\xaeA\xe9M\xf5\r\x1d\x1a+\xa6\xcb\xa5\xe4\xf8uPy\xa3\xd9T\x0f\xa52\x93\x01W[\x1fu\xa2\xd1l&amp;\x93\x8eA \xa8ECM@\x0f\xe9\xfe\x91\',\x85*\xbf\xb5Q\xf9\xe3\xfc\x9c\x8d\x87\xdfI,\x91a\xc9\xe4y\x82\xd3`\x1d\xe9\xf0\xbccPI\x12C\xa1\x90\xe6\xc5\x96d\x00\x00\x05\xeaIDAT\x08_rH\xb9\xc5U\x9f\x04\xb9\xbaO\xde\xde\xabV\x97\x08\x8bF\x93\xed,-\xf3\xb48\xf7d\xb3\xa3H]*\x9b\xa0S\x89\xdaZ*\x95\xd2\xad~\xdd\x89,:iz\xd0C\xfe\xf1\xc9%\x01)D\x0e_Wv\xb4\xee\x1b\xa6X\x04\xc51\xd7\xc3\xf6\xa6^4\xa8\x1c\xacE\xc0d\xf200\xbaq\x98\xa1\xdc_\xd14\x87\xc8-v\xdd\x94\xf7\xab\xaf\x1c2y\xbeI]"\xaa(\xfd\x88\x01\x03L6\x1b\xa5\x01\x8b\xce%9m\xf4L:F\x15\x1e\x1f\xc8c&amp;\xd0q\xfd\x1f\xcf9\xab\xda\x88R\xbaWyyk\xa1\xb8\x00\xa9\xb0\xfd0\xadH.\x96H\xf6\x8c\x94G4\x14\xadV^\x19\x15\xe3!\x89\xf0\x00\x99i\xeb\x90\xb5\xf9E\t\x83\x96\x98\xeb\xea\xca}S\xdd_\x96\xa1\x16\xaf6Y\xb7\xb3\x19\xea/\xfe\x0b\x03\x99\xd2h\xc6\x8bU\xd5\x9bI$\xce&amp;\xce\x8e\x8e\x96\xce\x94\xd2\xfe\x80\xfb\xa3\xf0\xf1\xe3\xceO\xc3n\xe7g\x97^\xcc\xdaTO\xa3GE\n\xefL\r\xde\x98\x05\x95j\x11D\xd1\x04\x939V\'\x0c.\xd6\xe8\xe2\x92\xb1\xb0\x91\xafL(\x83\xa8\x16\x8e\xa9\x05\xd0\xe3\x05\xc1\xf4K\xd5\xea\x1eF.U%\xb9h\xcc\xf3S5Hc\x0c\xf5RA\x8fe\xa0T)[*\xc5b\xad~\xa7;\x1ct\xbb\xc3\x98\n\xfd\x93\xbb\xcb\xb8\xa8\xb1\xb1\xc9\x8a\x14\xdao\x16W\xacx]\xbc\xcb\xc0b`2\x03#\xd7P\xb2\x98`\x8aL\x16cP\x8c\xb7\x0eD)\xc7%\x85\xc55\x1ai8\x98\x9e\x83\xe9\xe1x\n\x8fm;\xd5\x13\xbdp\x01\x15]\x87\xc5\xf5p\xf0#\xb7\x1e\x83p\xa3%4\xc0\x98\x1e\n\x87\xc3\xc1`8\x18\x0ew\x8c?X\xc2\x98\x06\xb1\x90\xc2\x8d\xad\xf5\xe2M\x9b\x056\xb0\x18X54\xd9t&gt;A\x18h\x8a"46h\x06\x94l\xa0\xd4S\x8e/\xf1\xf5u-\xa7q\xa2x\xa3k\xe57\xd5\xca#r+\x9eE]B\x12\xd1h\xfc\xba\x0e\x8c\xd0\xafZ\x82a\'\xb6\xc1t\t\xc7\x10\xe70\x1cli\t\xe23\xec\xee\xb9\xfa\\\xe4\x9b\xc8\xefH\xe1\x9e2X\\\xb5\xd2\xe5V\x97 \x88&amp;\x19=\xdb\xac\x01&amp;\x9b\xee\x91H2\xad\xa1.\x92\xc8\x1d\x0e\\\xa3\xac,\xe6r\xb2`\xb7\xaf\x17g\x84\x97\x1b{6\xbb0\xbb&lt;\xfbw\x8f\xed\xaf=Q2=u&lt;=\xd02\xd4\x12\t\x861\x99b\t\xd3q\x87\xbb\x85"\x18t\xa7\xf2\xcf\xa8H"\xd4\x9d\xcaK\xfbL\xf1_(\x0e*\n\x18\xb0\x84\xa3d\xb2Y,d\xa3X\x80\xab\x81%\xadF"\xd2m\x8dK[[\x9cWl.\x97mif\xa1\xf0\xe2\xc5\x1cb\xf7\xed\xdb\xb7\xff\xd9~\x8e\xc2\x99\xc12H\xe2\x00k\xe8X\xe7\x10\xf6C\xc2\x84zaFu\xdc\x9d\xce\xbfx\x18\xc7\x98\x05\xacG\x95\xca\x9dr\xb1\xb8\x84Z\xaa\xd2\xa6h7\xb8D\x93\xac\x96#\x06F\x99\x04W\xc3\x81:\x94k\xf6i\xde\xe5(\xaf\xdf\x8f\xcf\xc6\x0b\xab\xe5U\xd6\n\xe8\xa0\x86\xf7\xab\xd5\xeaN\x8cAe\x88\xca\xdd\xd2\x19\xe9&lt;v\xac%\xdc\x81\xe1\xa1\x94\xd6;\x08\xcb\xed\xfee\xacw\xf7v\xf1\xe4\xc9\xe2\xcc\xca-\xcf\xce\xc6k\xdb\xcd\x0f\x17\xd1\x10Y\xd5r\xd9\xed\x06X\xddc\xb5si\x1cJ\xe2j\xe0D\x93I|\xe7Q\xf1\xb5\xf99\xf6\x13\x08ND*m\x98\x03y\xeb^\x05\\\x1b\xaft?k\x7f?v\x86\x83C\x9d\x91\xa1H\x04\\\xad)\x9c\x80\x8e\x16\xf6S\x88@\xe2O7\x8a\x1f\x0e\x0evu\xdd]Y{\xfa\xea\xd1T\xf7\xe0\xac\xc5\xe5\xb2`@u\x1d`\x1d\x81\xab\x97}*\xec\r5\x92\xc3\xec\xec1h\xa6\n#r!\x8fl\xa4\xa4Rh\xbbCzU^~\x89F\xcc\xde\xef\x1a\x8c\x0c\r\xd1\x9bp\xc3N=\x93\xcd\xc4B4-\x87.&lt;\xb8\xd7],vww\xdf[u\xc4\xcb\x9b\xf3s\x9b\x0bs\xb0&gt;\xc9\x85$2.\xfaxW2\xc6\xa5\x1d`\xc1\x82\xc2Q\xb2\x1a-\x0b\xbb\xcb\x86\xa0\xf9\xcd\xb5\xf5\x06X\x15\x08\x16\x02\x02*\xc1\'\xa0\xfa\x04\\\x81X\xba\'\x85r\x16\x08]\xd8\xbd\xd1\xcd\xa8\x06\xef\xce6z&lt;\x1697\xb76W\xe0xpa\xa6\x01\x16\x03;$\xd9\x81\xfdYu%\xb5\xd8\xbd\x82pD\xd6\xf7\x07\xa9\x86%\xc1f\xdb\xdb\xaf\x80\xeb\xe5\x97!7*A$2t,\x12\xc4\xc9s\xa6\xd3\xb4\xfa\x84\xa2\xbb_\x0f\x82\x08qo\x8e\x1d\xc4F\xd5"j\x85\xb9\xcdU\t\xdb\x13\xd4\xb2\x1dp\x1d\xb0\xd5\x053\xf2HXLR\x81=\xc2.\x98\x0f&lt;\xf4b\xec\xc6e\xec[&amp;\x98mk\xa7B`\xaf\x8f\xa3&gt;E\x8e\xc1[\xc1Oi\x89\xc6\x0480\xf0\x15A\x11\xd5\xcc\x9a\xcdC\xe7\x10\x85\xcb\xd3\xa4Z\xe5x9\'\xa8u,\xc6\xe5:\x8a%\x1c8\xac\xc1\xfe\x1dA\x17\xdal\xc6\xd7\x83\xd7\x03\xcdhC\xb0&lt;\xda\xd9 \xc1v\xe8\xdd\xca\x9d\xc8 j\xaa;\xe0\x8d\x0e&lt;`P\x88\x85U\x8c3\x1e\x82j2\x83\xb7\xdb\xd8A4\xb1\xeal\xef\n\x860\xb0\\v\xf3\x11.\x86b\xb7};j\xaf\xabN\xc6o\x01l\x03`\x91_w\x0eEp\xfc~\x1b\x0e\r\xfc\xdb\x84\xbay\x7f\x994\xf2\xd4\xa0X/UY\x97\xa0=\x83\xdc\xe0\xaai\xf6\xdf!\xe7KD\x92f\x80\xba\x01\x16F@.\xa6\xa3\x10\xae\x03\x93\xa0\xae\x0b\xb0\x1a:\xf5\xeb\xe75\x90\xc3n\xbb\xe6\x00\x03\xcb\xe3\xf9\xcd\r`7mx\xb1\x1e\xd4N\x00\xbbKRL\x12\x06X\xe0\xce\x02\x99\x83\n\xb8\x04\xd0\xd31\x03\xccF\x90{@a\xc5!\x80\xc7Y@\'\x81\xbb\x08,\x92`\xdf\x8b\xdd\xbf\ru\x99\xe8\x97\x03`7\xdd\xba\xbam?\xd4I\xe2\xe0`\x02\xbb\x08\nX!\x9d}\xb8\x0f\x05\x04 .\x84&amp;jD\xc6\xe3\x02;\x8b\x8d\x03\x1e`\x1cx\xdd\x04w\x1a(\xb8\xc0\x96\x8a\x89\x9f\xba\xf0\xe6\xe7\xd7k\x13\x81\xa1\xb4\xe9\xea\x95\xe3\xa0P\x94\x14\x03\'r1\x14\'\x81]\x05\x1f\xdd\x82:\x0c\x1c\x93\\\x02\xe0\xfc\x06\x8eM\x10\x0f\xe4X\x01\x00\xe6\x8f=[}\x12\x12u\x00\x00\x00\x00IEND\xaeB`\x82'</t>
        </is>
      </c>
      <c r="M43" s="3" t="n">
        <v>45492.67741898148</v>
      </c>
    </row>
    <row r="44">
      <c r="A44" t="n">
        <v>115183</v>
      </c>
      <c r="B44" t="n">
        <v>241802</v>
      </c>
      <c r="C44" t="inlineStr">
        <is>
          <t>Paulinho</t>
        </is>
      </c>
      <c r="D44" t="inlineStr">
        <is>
          <t>Paulinho</t>
        </is>
      </c>
      <c r="E44" t="inlineStr">
        <is>
          <t>MEI</t>
        </is>
      </c>
      <c r="F44" t="inlineStr">
        <is>
          <t>MC</t>
        </is>
      </c>
      <c r="G44" t="inlineStr">
        <is>
          <t>MEI/MC/VOL</t>
        </is>
      </c>
      <c r="H44" t="n">
        <v>181</v>
      </c>
      <c r="I44" t="inlineStr"/>
      <c r="J44" s="2" t="n">
        <v>32348</v>
      </c>
      <c r="K44" t="inlineStr">
        <is>
          <t>Right</t>
        </is>
      </c>
      <c r="L4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a99d339-ef7d-41e6-ad2b-5c3b8aaa11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x\x9as\x00\x00\x03\x00PLTE\xff\xff\xff\xf2\xf1\xef\xf1\xed\xe9\xec\xe7\xe4\xf4\xf2\xf1\xf2\xef\xeb\xed\xeb\xe9\xf9\xf9\xf7\xfb\xfa\xf8\xfe\xfe\xfd\xf6\xf3\xef\x17\x13\x0f"\x1c\x17\xf7\xf4\xf1\xfc\xfc\xfb\x1a\x16\x12\x97Z&gt;\x1f\x19\x14\xf5\xf5\xf5\xf5\xf2\xee\xee\xea\xe6\xf8\xf7\xf7\x9e_C\x10\x0b\x08\xf4\xf0\xed&amp; \x1c\xaacC\x96V6\xa1`C*#\x1b\x87]I\xef\xee\xec\x9f]?\xacfG\x8bP3\xa4bE\x8dR6\x82M5\xa5fJ\x9aX8\xa8a@,&amp; \xb0hH\xa8cGwG01*#\x99\\A\xa5^=Y7\'\xf7\xf6\xf6\x14\x10\x0c\x99`D\x81K0\xa9hK\x90T8\xaflO\xc2z\\{K4\x93jW\x8fR3\x88N1\xa1dI\x9ebH\x9aiS?7.uL9\xe5\xdd\xd86.\'\x94R3\xd4\x8cd\x99aI\x9egNf?.\xd0\x87c\xbaqO\xb5pT\xb2fB&lt;3)E&lt;2\x85WC,\x1d\x13\xa2[9\xb6nN\x91ZA\xcd\x82Y\x1f\x17\x11\xbfvXS3#\xb8mH\x92^F\xe9\xe4\xe1\x95[DpH6\xfa\xfa\xf8\xce|Q\xa9pV{Q=_D7}M9\x8fgT\x8fW=%\x1d\x17\x94aJ\x98dL\xf5\xf4\xf2\x94V:\x81R=vC(\x9bZ=|E*H-\x1fqC.|I0\x8c^I\xa4kQ\x87O6iH92%\x1cnN@jD1a9&amp;\x93eP\x93X?\xbesQ\xaetY\x81ZG\t\x06\x04\x98gQ\xe6\xe1\xddL0!\x8c[D_?.\x9eZ:4\x1c\x10\xb4kJ\x8ebN\x8bWAuSBV@5;!\x13\xe9\xe2\xdd\x88bN\xd2\x81U\xc8\x7fX~UB\x86T&gt;\xc1xT\xcc\x83a@-"\x8cT;:\'\x1dL@5\xff\xff\xfeD$\x15\xc5tMe5\x1eN)\x17\x18\x0e\t\xa3xd\x9fkSG4)^1\x1c\xa7[9\x9cta\xbcrX\x8dM0\x86R9C)\x1bLE&gt;i;&amp;s&lt;%m?*\xab^;\x86K.\xe0\xda\xd6\x96o[(\x16\x0cU-\x1a\x9bmW\xd3\x86\\\xabkP\xc7~`\xa2r\\\xc5{X\xa0W6WOFgMAUI?\x9bS3\xaeb=\x9cxg\x83E)\xd9\x92j\x1f\x13\x0b\x8cI+\xc8yQ\xafbG\xbeoI\xd4\x90i\xa5~lP8+\xca\xc6\xc3\xf8\xf5\xf3\x8e&lt;4\xdd\xd5\xd1\xbahAbI=\xb5wY\xd2\xce\xcbme[|&gt;!G?9\x8590\x82_O\xa7\xa2\x9d\x8d\x88\x82\x95H7q*$\xba\xb4\xb0p6\x1a\xbb}`\xdc\xce\xc9\xb1\x87v\xd8\xc4\xbb\x84}v_WO\xd2\xbb\xb2\xc2\xbb\xb6pWKwph\xdc\x88\\\xe5\xa0r\xc1\xab\xa3\xba\x92\x82a(\x10\xb7aP\x9a\x93\x8d\xb1\xac\xa7\xcc|[\xa9[F\xb9\xa3\x99\x90se\xadOH\xe4\x97l\xc4\x89l\xcc\xb2\xa9\xa2P&lt;\xb5\x99\x8d\xb3~h\xc7\xa2\x93\xea\xa7{\xc9\x99\x82\xf1\xb5\x8d\xa3\x87{\xccxmW\x19\x04\xba\xd6\x8d\xd1\x00\x00 \x00IDATx\xda\xcc\x98\xffO\x13i\x1e\xc75\x1a\xdc\xc9&lt;\xe9\xdcc\xe25\xb3ddu\xdd\xab\xe3:\x01\'\xae\xde\x05s\x19n$Zd\xc6\xc1t\x02\xc7\n\xd2K\xc6\xdb\x83\x13O\xa4\xc0\x1d\xab\'\x07\xd5\x089\xca\xb7\xa5\x804\x0b&amp;\xc2\xac\xa7\xa6\x04\xf7\xb4\x14#\\\x03i\x13\xdd\xb4\xdb\xa4M\xf0~\x80 \xbf\x81?\xed\x1fp\x9fg\xd0\xfb\x0b\x06\xddO\xe8\xa44\x93\xcc\x8b\xf7\xfb\xfd\xbc\x9f\xa7l\xdbf\xc3\x0c\rm\xa3(\n^\xdb~.3d\xe18\xa8\x8fv\xe4TQ\x16\xd7\xcf\x01n\x88r8\x1c;\x93\xab\x89\x9c\xd5\xec\xc6\xa3\xca]\x945\x1f\x9a\x8a\xa2rVW\x93\x99T*\xb5\xbe\xbe\xb6\x92\xcd\xaen\xdfE\xe5\xdd\xa8\xfa\xc0\\\xd4\xee\x17\xeb\xd1\x95\x94\xa9\xa8j$\x15\r\x9a\xd1\x95\xccRrc9Y\xf5As\xb6;\xb1\xb1\x16T$I\x95%E\x89D\x15\xd9\x0c\xaaR4\x95ZK\xee\xa2v\xe7lw|\x10\xa5\x8e\xfc.\xb3\xb2\xa2J0\xb2\xc5\x16T\x05^\x959N\x8d\x04SK\x8f\x96\xd67v|\x00\xc5\xf6&lt;\xca\xacH\xc1\xa0O\xe0eY\x88\xb2\x1c\xcf\xf1\xb2*p\xc8`eUU"\xa9Hd-\xb1\xc7\xf1~s\x0e\x93HI\x9c\x00\xc6qH\xe1y\x89\xc6,\xc7q\x8a\xc2"\x1a\x0b2/\x08`\xab\x99Mn\x7f\xafr}T\x99x\xb1&amp;\xb0\xac\x1c\x8d\x049$!\x9aq\xd2\xc8 \x82a\x0cr\xb1,/\xb0\xbc\xa2\xa6\xb3\xc9\xaa\xf7\xd8\x16{V\x97#+2y\xba\x12\xe4E,c\xa7\xe8\xc4\x0c/\x0b&lt;o \x03\xb1\x18s\xb2 \x9b\xa6$\xa5\xd6\x93\xbb\xab\xde\x13\x98#\x99R\x01\n!0\x8bw^\xa79\x82\xc5\xf0&lt;\x07\xbf\xd34f\x18\xc4\xc9\x92\xac\xa4\xd3\x92"\x0bfv\xf5\x86\xe3}pQ\xdb\x97\x15\x85g\xc1CE\x10\x04|\xdd)\x8a\xd7\x01N\xc1\xa2\x81yZ\xa41\xe28\x96\xe7YY\xe2y\x85\xc3H]K\xecpl}\xdcwfLI\x80 \xf1\x90q\x08: \x91q\x1a"M3$Y\x08\xae&lt;b\x89\xc9\x8c \t4\xc3\x9a\xcb\xc9][Mud\t\x96\x1f\xcfA\xb0\x11\xd6\x9d\xb4\xf8\x0e\x8bv2\x0c\x80\xc1\xd0N\x9ah\x89\x11\xcb\xb0\x02\xcf\x82\xaf\xd2Z\xc2\xb1\x8d\xdaR\x07\x97"\xa6\xcas$Z\x98\x01&amp;xY#:\x9d4M\x8b"C\xaeN\xcc\xf3\xf0\x06!\xc4\xc0m"m\xa4\xb3\x95_Um!\xd5\x8d\xac$@\x99\xb3\xe4\x81\x0c\r4&lt;\xfa\xbfXN\'\xd6EQ$l\x08AW\x88\x98e@&gt;\x84t\xcc\xa7\x12\x1b\xc9\xadK~\xde\xba\x80dI@\xd0\x9a\xd0U`\x9fh \'\xd1\xcb\xd2\x08lt\x92\xa1\xa1"x\x011,\x0f\x8e24\x02i\xcd\xf5T\xe6\xc8Va9\x96T\xc4\n2l1$@\x80\xf3\x8e\x04\xbc\x13\xc1G\x06\xd0D\xd1I\x1b"c(\x02\x06\x1cP\xcb\xc9\x90\xecG\xa2[\x87U\xb9\x821+@\x9c\xa1\x05\x9c\x98&amp;X:\x13r:C"f\xae\x13&lt;\xd2\x16\x00l`\x8e\x93\x15\x8eG&lt;\x10\x894Y\x98\x82\x99\xf9j\x8b\xb0r\xb2&lt;B\x82\xcc2\xf0(V\xa7\tO\x08\xa1\xf9\x10\x8c\x1e\x82\xf7"\xc1\x023i\xc4\xa9p\xa6\x90\x15\xd8\xc6\x05\xb8\x97\x11x$\xa4\x97\x1fmI\xddW\xe5lH\xe0\x8b\xc0\x19\x06Ye\x1c\rT\xf3aC\x0b\xcf\x03\x98\xae\xcf\xeb\x88&amp;\x16\xc20\x98W\xa4\xa0"@\xdd\xca\n\xf8\x88\x04\x01\x19r$\xb1\x05X\x14U\x995\x11\xb8\xc2c\x83\x83\r\x06\xaa\t\x87B\xf3~M\xf3\x87\xc3\xa1\x90\xc6\xe9\x18\x81N\x84\x0b\xd6\x9e!\xc8QNH\xcb\xb2$\xb1\x0cfe\x92\x7f5c\xffy\x82\xa2\xf22ik}\x19\x8c\x0e\x89\xc7\xb4\xce\x0b\\8\x1c\xf6k]\xc3ZX\xd3t\x1a\n\x8ad\x9f\xd1\xc9)\x827M\x0e\x8e\xaa\xa6*\x80\xe5\xb0\x15\xe9\xb4.\xa7^l\x01\xd6\x8b\x08\x1c\x12\x14\x08/\x03\x7f&gt;\xc6\x0c\xd61\'\xf8\xfc]\xfe\xc9\xf2\xe1.\x7f8DC\xd6\xc0&gt;\x1d\xaa\x02\x02\xaf\x9a\xbc\x94NG\xe1\xb0\n\x070\x84a\x18n\xe5\x91\xfdX;32\x8d\x14\x89\xd3Y\xf0\x0e\x83d\x06\x9e\xd7\xb5\x81\xc1\xc1\xae\xb6\xd3m\xf5\x83a\xc8\x17D\x1d\x93\xc0\x85t\xc3\'\xc19\x10\xe2\xe5\xe3\x0c&amp;\xa4\x03+B"\xadf\x8e\xd8\xdeX\xabiZd\x15\xd9\xd0\rn\xdeIcH\xb8f\x00V&lt;^\xde~\xbe\xbd`\xb2\x0b\x82?\xaf[\x8br~&gt;\xac\r\x0c(\x8a\xa4\xf8|p\x0f\xf9\x80f\xc82Af\xc2\xe6\x93\x04U\xb5!\xd3p\xd0\xf3!\xc3\xd0\xb4\xb0\x01a\nk&gt;\xdf`}{O\xcd\xed+g\x8bZ\xda\xc0\xc7\xb0\xdf\x1f\xf6wu\rw\r\x97\x97\x97\xc7\xdb&amp;\xfd$s\x10?\x02\xcc\x91-\x1b-\xe7\xd9\x8c\x95\x93\xe5\xa0\x13|\x8aO#\xd3\xe5\xd7\xfc0m\x05\x05E\xff\xfe\xf6\x1f\x17\xben\xf8\xfd\xe1\x96\xa9\xd1\xd1\xa9\xf1;w\xbe\xbbsg\xdc\xbaLA\xe2\xde\x8e\x06X,\x86\x8d\xc0\xb49\xf4\xbb\x96"\x1c\xf2\t\x83\x10\xa5\xc9\xfaI\xf2\xbc\xae\xd1\xa9\xa9\xf1\x7f\xd5^\xf8\xe9\xbf_\xff\xb4\xe8\xfe\xf5\x17\xdf\xfc\xa5\xeeR\xdd\xa5\x87\xf7\xee=|\x0e\xf3\xe3\xfdW\x84ljtxxxttX\xd39]\xc7\xb4\x98N\xda\x8b\x95\xb7,s\xd0\x8d\x03\x03\x93\xf5\x05--\xf0\xbc\xa9\xf1\xef\xea\x8e\x9e\xf8\xc5\xf1\xfe\xc5\xc5\xfe\xc5\xb9\xc5\xe2\xc0\xb9O?\xf9\xa4\xc3\xe5\x82\x1f\xd7\xec\xec\xc9\xff\x00\xd8\xfdW\xaf^\xdd\x19\x1f\x1foi)\x9f\xd48\x1a\x8a\x83A\xd9\x9d\xb6\xb6C"\x82\xf8\xa0\xaa\x8c\xc5\x0bN_&gt;\\w\xff&gt;\xe8Rx\xd2u\xf0\xdc\x13\x82D\xc6\x13[\xa8(-=hMY~\xd9\xec\xec=\x90\xecG`\xbb\x7f\xf9r\xf3\xe9\x82\x01M\x07\xb9\xb0\x1e\xb1s\x03\xa2\xa8\rU\x8eD\x83\x8a\x1a?]T;q\xf5\xf9\xf3\xc2\xdc\x8e\xb2\xfc}\x15}\xee\xb9\xb9\xb9\xe2i\x8f\xa7\xbb:6\xb2\xb0Pq\xb3\x14\xe6\xd9\xc1\x07w\xef&gt;\x9d=y\xef\xf9\xa5Kuu\x97\x0e\xff\xa6\xa8\xa8\xb9\xadK\x83]@\xc7r\xc6F\xac\xa1\xbceI\x8dZj5\xf7~\xf9\xe5\xdf\xfe\xe4\xea\xc8?\xb8\xefPEk\xc0\rBu{\xba=\xd5\xb1\xd8\xc8\x08\x80-TT\xdc\xac(}v\xf7n\xd9\xd3\xd9B\xc8\xd9\xc3\xe7G\x8f\xfe\xa1\xa6\xa8\xb9\xbd\x9e\xc8E\x8e\x83y\xb6q\r\x81\x87\x8a\xa4\xaa\xea\xd8\x98\xb7\xe7\xe2\xa9\xdf\xfe\xf2\xd3\x8f?\xdew\xe8fEI_,\xe0\x01\xa9&lt;\x84\xab\xda\x13\x03\xc5,\xb2\x97\xa5\xcf\x1e\xdc-\x03\xb9\xee\x9d\x80\xf9l\xa2\x16\xb0\xe2&gt;\xc3\xd0\xe1;\xa4\x99\xb4\r\x8b\xa2\x96\xa2\x8a\xa2\xaa\x92\xd4y\xfb\xd6\xa9\x86\x86_}\xfe\xf9\xa1\x9b\xe7JZG\x02\x1e\xa0\x9a\x9e\x06\xb9\xba\xbb\xabab\x96\x93o\xb1\xc0\xc6B\x90\xeb\xc4\xd5\xde\xda\x1aR\xb8\x9af \x81U\x97\xec\xc3rl\x98P\xda\x92&lt;6s\xed\xd6\xb7\r\r_\xec;t\xae\xe4\\_ \xd0\xef\x86)v\xbb\xa7\x81\xa8\xda\xe2\xb2\xe4Z\xb0\xb0\xca:\\\xb9\xb9\xfb\xf7\xef\x9f\xe8\xad\xad-jo/\xf7i\x1c\xf9/\xc5\xfan\xdb\xb0 Z@\xa5H\xde\xdb\x04\xeb\xf1\xf1\xe3 U\xdf\x93\x80\xa7\xdf]\xbc9\xe0a5\x11\x8c\x04\xaco\xa4\x15\xd2\xf5\x80`\xb9rO\x1e80A\xd4jn/\x1f\x18\xf4\xf98\xc4\xafU\xda\x86\x95\xb3\x0c\x06\xaaj\xa7\xf7v\xcf?\xffna\x01\x95\x85\xb5H\x06:\x02\x9c\x04\xac\x18\xccH\xdf\x93\xbe\x92\x8a\xd2\x07\xf9e\x1dD\xaec\x16V\xd1yoy\xfd\xd8\x98\x02\x01\x8b\xd8\xf6\x05\x08\xd42\x83\x92\x1a\xec\xf46]\xfb+`\x9d9s\xa6\xf5\t\xa8\x05\x1e\x12\xa8\xb99r\x99\xb6\xd4\x82\xf8\x07\x02\x81\xbeV\xc0z\xea\x9au\x9d,\x04\xac\x89\xde\xde\xda\xa2\xc6\x82\xb6x\xe7\x98\xcc\x01\x96]\xe1\xa2n\xa4TIN[X\xb7\xfeha\x95\x00U\xc0\x03\xc1\x02.0\x11\xd0\xa6A0X\x8e\xd3\xb02\x03\xb1\xd6\xcd\xd4\xbbr\x0b![\x13\xbdg\xcf\xf6\x9co\x8f\xc7;\xe3p\xce1\x13\xf6a\xad\x81\x89\xc1\xa8\xd7\xdb\xd4s\xe5\xd4\x85\xe3\xc4D\xa0\x02\xac\xb7\xd1"P\xd6b\xec\x9e\x06;A\xaf\x91\x8aw\\\xa0\xd6g\xb5g\xf7^+j\xf6\xb6w\xc6\x07|\x9cl\xd7\xf728\x98\xa6\x82f\xe4\x87\x99\x1f\x1a\x9bz.6\\x\xfc\x18\xc4\x82y\xb2\x89E\xd4\x9a\x9e\xdel\x88\xeen\x10-\x10\x8b-,\xbc\x84\xb6\x7f\x96_\xe6:v\xe0*\xc1\xda[\xd3\xd8\xe8\xed\x8c\x83\x8bB\xd6\xa6\x13=\xe5H\xac\xa4\xa3\x91\x99\x99\xa6\xc6\xc6\x9a\x8b@u\xfcL\xc9\xe6Jt[J\x15\x17\xbb\xa7=\x16Tu7\xe9V\xd2\x12/_\x92]\x08b\x9f\xfb\x16\xab\xa7\xd1\xeb\xed\xec\x1c\x03\xb9\x96\xf3\xec\xc3R\x83\xd1\x99\xa6\x19\x82\xd5\xb0Y\x10}\xb0\x0e\xdf\x16\x04)\xaf\xfe71\x88{5|\xe6\xf1\x8c,TXb\xc1\xe6\x98\xdf\xf1\xe7c`b\xed\xb5\xbd\xd7j\x80\xcb\xdb\xa9\xf8\xf8\xe5\x1c\xbb\xb0V#\x92\xf9\xfa\xf5\xeb\xa6\xa6\xf35WN\x01\xd6c\xd2\xa5n\xb7U\xa7\xfd\xfd\xe4\xd5\xff}_\x9f\xdb\xfd\xe6\x8d\xdb\xfd\xfd\xffX3\xff\x9f\xa6\xf3;\x8e\'s\x89\xb2d\xa6\xcbNr)\xae+\xb4|\xf1C\xa5\xdd\xfa\x15\xe4\x8b\xdc!`\xdb\xc1\xda\xea\x872\x88-\x94\xc0*\x85\xb6\xb4\x94bK\x08_V(Z\x04\xb1\xa2\xe0d\x94\xf2\xa5\x14%\xa8@W\x8a\xb8^\xd5\xcc\\\xcbV\xe3\x99\x1c\x9cNw\xc2$w\\.\xdcn\x13\xb9\xb8\xd7\xa7\x98\xfd\x03~^I\x93&amp;\xfd\xa1\x8f&lt;\xdf\xaf\xf7\xf3\xfdz\xbe\xdf\xe7\xc1\xb6\xa4\xd8,AL"\x93U\x04B\xc5X\xb9\xbc\x07\xb8z\x0c\xfaP\xd9\x9f&gt;&gt;\xfc\x12/,\x98\x01\x1f-&lt;\xf7\x86\xca\xcaJ\x0b\xab\xead\xd0\xf3\x02h-\xde,\x8f7;\xbb\xba\xca\xfb\x8e\x07_x&amp;\xb4\xef\xf8\xbc\t\xf8x&amp;\xa1\x10\t\xd0\xc9\x04\x82\x92\xc3\xb1\x8f\x8d\x8d\xc5G\xb0HMV=\xb6\x8c\xbfy\xb9\x07\'\xac_}\xfd\xe8\xe8\x04@\x95\xe9\xe5\xda:\xb3Lf\xe6r\xd9\x94\x8c:Y\x1dT^\x1e\xe6\x17N\x1e\xca\x17\xa3\xb3&amp;)\xcaC\x9d\x16"\x85L\xa8\xb0\x97\xa7\xaa\x1b\x1a\x1a\xf2\xf3\xf3\x1b\xd4\xd9r\x12\xc9\x06\\!\xcc\xbap\xc5\xea\xef\xea\xea*\xd3\xf7T\xc9\xccf37\xa1\xb8\xb5W.\x07\xef\xc6\xfeV]\xc1\xcc`\x0b\xc4\x16D\x8cZ\x02\x16\xbe8\x96\x1e\xa3\xd3\xb8\x8d\x8c\xa2\x96\xda\x96\x96\x96"\xac\xdaJ\x9bl6\xd0\xcbP\xd6\xd5\xdf\x8f[o\x1d\xf8|\xa1\xa0\xbf\xa0+\xa4\xcf&amp;5\x83V\xb2\xbc\xd6l}\x1b\xa3\xa8\xb6v|\x1c\x86\xfbq\xa3\xc6N\xa0\xc4\x06\x92\x93\x05\x08\x9d\x88$\xa7\xa4W\x0f^\x85\x0c\x82\x15\xfcZ\x0bp\x8c6\x03p\xd9l\xd6\x10p=\xf9%~\xbd5\xd1\xdf\xef5\x18z:\x86d2Ye\x0f@\xb5\x8c_\x8a\x84 \xc8\x1aWf\xdc\xf1g\xa2)\xe4\x83\xdcd\x95\x8aL\xd0\xb9\x06\xaf\xfe\xe1/XX\x84\xbc\xcd`\x141\x8c\x0c\x06\xa3\xcdJR(\x14\x80\xb5P\xf0\x04?\x83\x00\xac.\xaf\xc1\xaa\xc5\x1a\xbeJ\xde\xd0\x06\xd5\xd0\xd0\xc6\xa8\x1d\xbft\xf6,p1\xd4\x1a\xbb\x8a@\xe1&amp;+\xa9\xd4\xb8\xea\xc1\x99+Xf\x1c/2\xaai\x1a\x96&amp;&gt;\x9eFkh0&lt;V(lV/\xa6\x16^v\x1a\xf5\xb7\xe7\x8f&amp;B!\x83\x15\x13kH\x9e\xdf\x96_\x9a:&amp;)\x91\x14w\x96g\xe7\x1b\x19Wg\x8cn\xb5NIH\xe0rU\xd4t\x16`A\x0c\xbbjT\xa7\xea\xe2\xe2\xa8G8\x1c\xce\x99\x8a\xd3\xd9V[Z\x9a\xad\xc9\x10\xea\x9a\xf8\n\xaf\xf7\xbc\xa8\x1b\x7f\x87\xa1\xc6k\xe8i\x04\xac\x8e\xd2\xd2\xf2^;\x87@H)\xc9\xcd\x95\x8c\xa5\xaa\xd5n\xb7ZM\xd3Q\xa3aK\x12\x95\xe9\x9aj\x17\x04\xc4\xe1\x06y\xef\x98.=\x1d\xc6@\x8e\x92\xc0d\xb66)\xd2\x14\xb6\xc7\x80U\xf0\xd5\x8f\xf1\xc2\xfa\xdd\xcb\xa3\x05ez\x03\xa9y\xc8,\xab\x94\x172S\x08\x04\x82N\x93\xda[XNs\x1b\x8d.5,U:5\x99\xebt\x06\xda\xe3j&amp;!\xb7\x1a\xf3\xb3\xe5\xa5\xf9EE\x0c\x97\xdb\xad\xe1\x00Vn\xf3tZ\x9a\xe2\xb1\xc1\xdbU\xf0\x19^\xe3i\xd4\xef\x9f&lt;\xea\xf7z\xf5MY\xe0Z\x95\xa7;S\x94JN\xf5 trKmm-d\xfca\xb5F\xc7Q\x11\xc5&lt;\x9eP4Z\x03A\xdfhl(\x83L\x01m\x0f\rf\xac\xa6\x12\x00\xeb&amp;p=\xf6z\xbd\x13_\xef\xc5\x0bk\xffg\x7f^\x08y\xcbz\xb2\xc0\xb5\xf2rs\tq,\xe8\x9f\xf1\xfa?~|\xe8\xd7\'\xc7!\xce\x0f\xabYG\x12\xe9\xd2\xbe\xe3R\x8f?&lt;8\xec\x82\x86\xfbr\xe1\xf9\xa3\x9f\x9d\xacg\x8c\x9fe\xb8\xaa\xe3\x08\xcc*\x90\x0b\xd42x\x17&gt;?\x10u\x19\xaf\xf4\xba\xd0\x05&amp;o\xc5\xb0d\t\x99\x9c\x1a\xd8lgC\xa1\x93\x13G\x0f\xd5\xeb\xe5\xd0\xf3\xea\x1a\x7f\x8e\'x|\xfd\x13\x87\x7fec\xd8m\xccW&lt;\xfd\xf2\xd0\xe1\xc3\x87\xbb:J\xcf^\x19\xaefQ%\x95\x8d\xbb\x8b\x18z\xfe\xd7\xfd8=1B\xd6_\x80\x9e\x8f`\xc9n\x1f$\xc4a~\xc9H\xb3\xd5\x9f\xfcE\xfdE\xd2P\'\xcdMc-\x8d\xfa\x84\xc7\xb6\xbb\x171\xac\xe1\xfc\xb4\xa7\xafF.\xfd\xb6\xfe\xa2\xa1\xd7=83\xec\xaa\xd1UH*\xd3\xa6a\x11C\xde\x977\xf6|\xb0\x0f\x0f\xac\xcbQQ7\x9e\xc3\xe1\xa3\xb76\x83Z\x18V\x8d\xcb\xe8r\x95w\x18.\xd6_j#\xb5\xd2hj\xc0\xf2\xfb\x82w\xb7\xd7\x82\xbe\xf0\xc6\xc6\x8c+[;r\xc7Z{\xf6\xaa{rR\x03;\xb5\xbaFgom\x9c\x9e\xb6\x19BV\xc5\x0f\xdf~\xfb\xcf\x038h\xb5o\xcf\xb9s\xff\x80YIom\x94\x99\x97e\x07U\xd4\xf8\xf2\xd3\xbd\xf1\xd5\xe5=\x86\xb2\xfcl\x9akfx2\xbe&amp;\xecw\x0clmw\x07\xb1Ut\xa9K\xb3{N\xd3\xd4\x93\x93\x93\xac\xb8tM\r\x8b\xa5a\x8duv\x80q\x19\x0cM\x85ju\xf6\x9ds\xef\xaf\xd5\xe5O\xdf\xdc\x7fs\xadI\xdf\xf6\x0e\x8b\x92b\xaf(a\x96H\xecv\x88\x0e\xa9\xa0\x85kR\x13_\xb3\xe4\tv\xaf\xafw\x07\xa7|\xfe\x95\xc1\xd4\xce\xce\xde\xb1x\xd6\xf5\xebq`\xa6\x90\xf7\x81K\xd7\xa9\x05\xe7\xb2&gt;\xee\x18\x8b\xb7\x97\xcc}\xf4\xfeb\xfd\xf45\xef\xfc\x89\x0b\t\x85\xa5\xbbXfv&amp;\x93\x99\xc9,))9\x03\x7f\x9e\x9aJ\xd3hX\xbatX\xc2\x01\xc0:\x15\x9c\x12\xe5,\xadL\xda%\x12\x8eR\x95\x08\x15\x13\x93\xa8\x04\xebg\xc5\xf7j\x15\xd3\n\x83\xadCGMI\x94\xbd\xbfZQ?z\x1a\xcb\x9f\x9f\x17g\xf4\x00\xd6\x9cyY\xc0N\xc8\xc8\xc8\xc8\x8c\x8e\x8e\x06\xba\x8c\xcc\x923\x9c8\xaa2\xc7\x13\x188\xb5\xab\x96\xc3\xe7\x0f\xaf\xd4\x940\xc9*2\x9d\x9eD\x17\x91\xc9\xed1G\xd2u\xba^m\xda\xb4\xc2j+\xa6\x122r\x9e\xfe\xfc\xfd\xb1\x1e\xbe\xf1%\xf1Mbv\xeb.\xd62\xcc\x80l.V\x82e\x14 \x0f*\x95\xaa\xf6\xf6$\xfe\xfc\xe6\xad\xf5\xed[\xf7\xa6&lt;\xbe\xd1\xa5p8.\x9a\x1d\x1b\x8b\x08\x85\x16\x04A\xe8\xed\x90\x7f\xec\x9dZl+vTP33\xfc\xaf\xf6\xe2\xe0\x0e\xcf\x02S\x08\xdf\xc2\xce\x95[\xb30,\x08=&amp;\xbe\t\x85I\x19&amp;Q\x01;Z\x15\x9d\x9c\xe4\x08@p\x04\xac\xbb\x03\x8b\x1e_\x8e\x1f*\x86\x82X\xc4\x16)\x9f\x8f\x8d\xf5\xf4\x18jEk\x07`\xd9\x1a+\x94\t\xd1\xfe\xd7\xfbq\xc0:\xb7\x1a\x10\x88\x11JfaO3\x86e\x82\xd0s\xe2\x04\x0c\xed\xb3&lt;T\xc0=H\xa6p-\x01"\x82^\x98?\xb6\xbe\xbdu*\xe8H\x8c\x19\xf5\x8f\xe6\xf8&lt;D1\x1fr\x1b\xe4\x8d\x00d\r\xa5\xa4\x18\xb0\xa6\x15\x8d\x923L\x89\xfdE\x14\x0eX\x1f\xbe\t,s)\x94\xccVl\x820\x9b\xd1\x0b\xe7#\xb7G}&lt;\xd4d\x89M\x8e\x15\xa0N\x84\x88\\\x188\xb5\xb5\xbd\xb3\xde=\x10\x9c\xf2\x1c\xf1\x8f\xfa&lt;\x1eG\x00\x13\xeb\x9eTh\x11&amp;\xd1U\x84\xca\xc6\xe9\x91\x91\xb4JI\x05\xb38\xed\x0b&lt;&lt;~\xdf\x8b\x00\x97B&amp;GW5ud\xedb\x9d\x88`\xcd\xa20\xc0s\x05(\xcf\x89\x04\xa4\x9ft\xaf\xad\xef\xecl\xaf\x9d\x1a\x08.\xfaF\xe1(r8\x1cSB)TP*\\\x14\x91\xa3\xf3n\x8e\x8cLw\xb4V,\x8d\xe6=\xf8\x14\x97\x83\xfa\x0b\x01\x97K\x8cI\x90iI\x80\xb5\x8c\xee\xde\xd5\xc0*\xa2\x16\xae\xd8\t\x1d&amp;&amp;\x06L\xddk\x18\xd6:`\r\x04\xe9G\xae\x83\\\xff\xe7\x12.N\xd1w\xb1F:Z%\xe10y\xeeY\x14\x1e\'\xe2G\xff\x15\x88E~\xf3r\x15\t\x8c\xcb\xec\xe4\x9b\xe67\xb1\xc0\xca\xe3#\x02\'\xb4&gt;\x8a$!\x9bw\xd7\xd6\xb6vv\xb60\xac{H\xe2\xf5\xd1]\xb9\xa6"7\xcfSI\x18\xd6\xdc\xc8\x9d\xe9\xc6\xe2\xe2\xf4\xb0\x9f\xf0\xaf\xfdx`}\xf0F,\xf5\xf9VW\x87HZ\xc0\x12\x88\xc5&amp;Sd\x1b:Q4\x12\\\x03\xdfX\x8ecX[[k\x91\x8bpiR\xce(&amp;\xd7\x14\xd4\xe2"h%\xa2\xb7g\xe6\xcd]\x03\xac\xaa\xaa\xf4\x95\xf0\xf5Wx\xbc\x94\xed\xff\xc9k\xbe\xd4#\xe2\xad\xd6i\xb505\xdf\xe6"\x88\xd8\xe9\xdc\x85\xc2|\xc2d\t\x98\x8e\x01\xd2\xddm\x0c\x0b\xd4\xe2#"l/\x02\x96\x08\xc3r\x88\xdaE\xe4\xcc\xa1\xb9\x07\x80\x95\x97\xb7\xb4\xb1\x12\xfe\x01\x8f\xb7\x8c\xa8\x87\xffv\n=ttU\xa6\x85\xac\x7f\x9b\x8d \x16\x8b\x18\x96\xcf\x19YB\xde&lt;\x04j\xec\xd5\xe0\xd6\xdd\x9d\xf5c\x80\xc5\xe7\x8b\x91$\xac\xe9Et\x87\x83\x0elt\x0f\x86Uw\xed\xc1HZs^\xc9\xca\xdb\x8d\x95\x07\xb8`\x1dx\xe1\\\xfc\x9e.X5W\x16V\xd6\xd5\xb1\x91\xd8\x08\x16\x96\xf1QL1\x9e\x13\xbd\x7f\xbfov`3r\xe7l\xe2\x0b\x04\\$g\t\xb0\x1ct\x11|\xe0\x00\x12\xd1\xdfae\xe5\xd97\x00\xeb\xe9C\\\x1c\xe2\x19:\xf5=qu\xd5\xdc\\H\xcaM\x80S%\x16\xc1\n\xbb\x9a\x7f\x87\x05\xce\xea4\rl\xf6\xdd\xda\xdcD\x97\xb9\x00\x9c\x12^\x02\xb5\x00\x08\x8a\x0eg#%#\x82u\xb3\x8a\xf5\xf6\xed\xc6\xe4\x7f\xf6\xe2\xe3\x10\xdf\t=\xdf\x00V\x16\xa9P\x9b\xcbf\x13\x89\x00\x15\x1b\xe1\x8a\x9cA&lt;A,\x17\xa2\xfe\xfc\xe6\xe6f\xdf&lt;\x9aA\xa3\xa5\x98\xa3\xc3\xe1\x1c\x0c+\xb1\xfd\x7f\xbc\x9c\xfdoRi\x16\xc7M\x9c\xc9\xc8/\x86\xcd*\xd9t\xbbL+\x85\x1aK\x90\x04\xa1\x82\x03,N\xf7\xc2\xb4;2\x16#AH\x86^\xf02\xdc\xa5P^,/\x0ea\x80\xba\xd0\xb7\x08Z*\x8dMi\xb7\xb6\xa64\xda\x96\xf4\xc5\xa9.\x93\x98&amp;\xed\xaa\x19\xdd\xa4\xdd\xd4]\x1d\x93N\xb3Q\xfbC\xdbMm5f\x9c=\x0f\xdd\x99\xec\x1f\xd0;\'\xb9\x04~\xfb\xe4{\xces\x9es\xees\x1e\x9aN6\x95\x14\xb3X\xae\xc9\x9e\x9e\x11IN\xf7\xf2\xc7\x1f\xaf\xe2\xafv\xa2%K\xd3\x8eo\x9c\xbfug\xb5\xf2s\xb9S\x1d\xc1\x84\xa5EH\xad\x83E\x80UPkb\xe2t\xd3@_\xb7C\x8a\xd6A\r}l\xf4\xc2\x10\xef\xa3\xfao\xee\x9e\x84\xcd\xb0\xa9\xdc\x06VR\\\xcc\xf9\x1f\xd6\xbf^f\xc5\xfd\xc7w\xa6hn\xdb\x98\xfa\xf3_o\x95\xb821f\xc1\x8b\x87\xc0\x8f \x19\x88u\xe9\xf4\xc4\xc4\xc4\'\x9f\x94f\xbb\xbb\xba\x87\x92\x01\xba\xf5H_Wk\xeb\xcbl\xf6\x9b\xbb\x03\'\x8b\x8a\x0e\x9e,\xb7Z\xe9\x08K\xb9\x8d\xc5\xbb{\xcc5\xf9\xe6\xde\x8e\xb4&gt;\xe9\xdf\xbc=\x7f\xf1\xdf\xa7j\x85\x19?\x93IHQ\xc9r\xa8\x14\xc4B;q\x01\xeb\x0f\xd5\xf5}c]\xf6\xa8\x0f:\xd7\xee\xae\x0b\xad\xddW\xb3\x03w\xee\xdc:\xf8\xc7\xa2\xc3\x08\x0b6.\x94\xb6\xfaG$\xa1\xb2*\xe1\xeb\xd7K;\xd3V\xd3\xf6&gt;{r\xf4\xd4\xa9K\xdbX2\x0e(\x05\x8eDT\xb5\xd5\x97\x00\xeb\xf2\xe5\xea\xb2\xe1\xb1\xd6V\x95w\x18\xc7\xf9\xad\xa3\xadc\xd9\xfa\x81[\x7f\xb9\x05^&lt;x\x98N\x0f\xd0y&lt;F\x01k\x04;V5\xfe\xfaE\xdb\xce4di\xda\x99\xb7\x1bONW\x0b]!\'\xd3)\xe3T\x80\x0b\x0f\x96\xc2:\x04\xac\xa9\xa9\x8b\x17/_\xac\x1c\x1c\xd2\xda\xed\xbeaG\\\xad\xea\x1a\x1d\xed\xba\x9a\xbd\xd1\x84\xe2\x1d\xb2C\t\xddl\xa6\xd3\x05\x99\x82Z\x01\xeb\x80\xf4\xf5\xd2\xfe\x9di_w\xed\xda\xb3\xb4\xf1\xb0\xa6\xb6\xf2\xa1&lt;\xe6tbRN)\xca\x11\xb5\xe7\xabkk/MMM]\xaa\xae\xc1\x0c|dC\\\xc0\n\x8f\x8e^\x18\xbbZ\x7f\xac\xe9p\xd3o\xcb\xa1f\x16 ,^\xa6\x1fa\x89\x8a\xad\x8c\x17m;6\xf5\x96\xde\xf7\xe6\xcb\x9ak\x13\x13\x19\x7f,f\x91\xb1\xb6\xb1\xaa++\x11\xd6\xf9\x87\xb2\xb8\xc2\x1b\xe5\xf3U*\x87\x98\xc4\xbd&gt;\x08\xae\xaen\xdf\xf0\x8d\xaa\xf2\xf2\x03\xc7l\x0c\x99@c6\xf3\x94\xfd\xf9\xfe\x11\xbfH8\xfe\xe5\xd2\xfe\x1d&lt;\xad&gt;\xbeqt\xe2\xf2\xd1\x8c\xdf\xef\xb7(A.aie-z=_]]3\xeeJ\x1a\xa2*\\\xa1p\xdf\xa8o`\xa7\xdc\xf5}\xddc]]a\xad\xaf\xc1m\x15\x1d)+\x91)5"\xb3@\x8e\xb0$"\xe1\x937\xfbv\xf2\x10\xfd\x83g\x1b\x13\x17k2!y(\xa4\x94\xb28\xa8\xc9\x10V\xd6\xd4r\x04\x98&amp;\xa9\xf0\x1a\x0c:\x8cq\xa8bq\xfe#\xdbjU6\xfb\xa7\xc2\xac\xc6\xd0\xb0\xa3\x81\xcb\x1512:\xb3H\x0fX\xf9\xfc\xf3\xb5\x17\xaf\xdavv\x9e\xe5\xde\xb3\xb7\x1b/\xb6F\xe4!9\xa8\x05\xbd\xcf8&lt;BYRlP\x19H\\\x8d\x8d\xd7\xcc\xcc\xcc\xac.n\xce\xacn.V\r\xd4\xfb\xba\xbb\xb5Z\xadOe\x18&gt;B\xcfX\xcc)\r\xc2\x9a\xbd\xb9\xf7\xde\x9e\x9d\x9df\xd9\x95\xde\xb3\xaf\xed\xfd\xe3y\xa4\x16\x87#\x1c\x07,\x97+\x8e+\xbc|\xbe7\x82)kV\x00\xe7\xfe\xe2\xe6\xe6"\xd8fy\xd5\x91!\x1f`\xd9\xed|U\xf6\x80%d6\xeb\xe4==\xfd?\xec\xa6`\x08/M\xa3\xd1~=\x1bBN\x04\xb9\xc6\x85\x1c\x97\xae\xf0^\xdek\xd0p\xc6W\x81\xe6\xfe\xfc\xfc}\xf4\xc0W\xab\xd5-V!,m\xd4\xd7@ \xac\x1c\xec\xd4[TM\xcf\xef\xfd\xae\x80\xc5\x91r\xc69\x9c\x0ciP\x18\x0c\n#\xa9\xe7-\xdeG\x06H\xf3\xdbh\xf3\xeeT\n\xf7\xf2\xc3\xf6\xf0\\tX\x17\xd2\x98\x89\xc9\xd9\xd9\xfc\xda~\xaa\xb0\xd6r\xf2\x90\x8b\xe3\x82\xe0\x92\xba2I2\x9e4\x1a\x0c8;\xfb\xf8\xea\xe3\xff7\xf8=$\xc6\xb9*m\x18\xe4\x1a\xd6\xc95\xba\x02\xd6\xf7T\r\xce\xd3\x9e\x03V\xc6%\xe4\x089\x1cW\x86\xd0\xe9 {\xa2\x99\xa3\x97\x8f\x1fo;p\xdb\xe6\xfb\xba.\\\xe8\xb2\x83\x0f\xb5\xfc\xa8\x83\x08i4\x96\x9e\xd9\x9e\xfc#\xca\xb0\x96\x90\x13!\xe6\xc1\x8dJ\xa5\x0eWD\xc3\xd7[\xafw\xf7\x01\xd4\x7f~\xb6\xcd\xc5\xf9,\xec\xd8PIt^\xd7z\rb\x8bE\x03\x11?\x9b\x9f}@\x19\xd63\x94N\x01K\n\xa6$p\x15\x9f\x1fU)p2\xae_\xbd\xf6\xee\xdd\xbbk+`\x88\xab\x8c\xcd\x1d\x1e\xe2k\xc3\xe1\xb0!\x98\x0cY"D\x0e\x16\xe2\x16e\xf7kh\x0fFb\x84\x05\x93\xca\x182\xa9Ri\x89\xe0\x10\xf3x\x1c\x93J\x855G\xdf\xfd\xc4\xb5\xb2\xbaZL/c7\x0c\xfb \xa1&amp;\x98\x11\xb9Eg\x81\x8d\xba\x7f\xed\x0b\xaa\xb0\xd2\xbbg\x9d:\x0c\xc3\x04\x02\x01&amp;\xb3\x10\xbaH\x92$\xe3\x0c!:\xbe^Y\xa9^\x99Y\x99Y]\x9d\x99\xa9\xa8`\xd9\xac\xa2\x03\xec\x06\xae\x98t2\xfd9\xc2\x02b\xe5\xf3K\x1fP6\x98\xfe\xde\x16\xd3\xa9\xd3\t\x90\xc90B\xa7\x89\x07\xf42V\x05\x1a\xba94STL\x0f\x04Rt\x06\xa3\xb8\xb8\xc4f\xb5\x8aD\xee\xc1A5\xd3)\x97[\xe4\x93(\x99\xde\xa4l^\x9e\xb6g\xa9\x1d\xb0\n\\\x18\xa6\x8bh4\x0c)\xa7\x82\xc5\xaa\xa8(\xad`1\xe8\x83$\x89\xa7\xf4&lt;\x1e\xcfVB\xb7\x8a\x02\xe6T*\x02b\xc9-9\xe4\xc3\xad\x0f)\x13\x8bF\xfb*\xaf\x8e\xfc\xc4\x05N\xd4CQ\x88\xde\xe6\xb0X%6tX\x8e\x93)+\x1d\x8aw\xc0*\x03\xe9R\x91\x98_\xee\x97ONN\x8e\xe4\x97\xa8\xbb\x1d\x98\xa6}\xb1\xc6\x8cDt\x04\x86\xd4\x02,\x8d\x9eQ\xcc@=D\t\xf8\xad\x8c\x8d\xe3l\x11P\xa1\xd3Ns\n\xc4J9MP\n\xe5\xc0F~8C\xe1-\xa44\xedf\x9e\tr\x15\x82\x1eb\x1e*Ot\\f+\xb1\xd9\xca\x01\x8b\xedv\x97\x95\x17\xbe[S\x83\x83\xec\xc2\xcbx\xbf&lt;\x97\x93\xe7\xfa_Qy\x07)M\xdb\xff\x1c\ngX\x8d\xba\x82\\fs\x80\x17\xb0\x16\x9a\xae\xf2\xaam,ky9\x10\xba\xddl\xb0\xb8\x1f\xb0\x80J\x92\xcb?\xa5\xf4\xca\x16\r\xe4r:#\x04d\t\x0b`\xe9\x02\x81\x80\x08\x16\x9d\xd5f\xe3\xd1\xd1\xbb\xfa\x00\x9a~@\x835\xc8\x06#&amp;\x89\xc9\x9f\x93H$\xa6\xfc\x03\x8a\xb1\xdaf\xdb\x9dN\'\x81Y\x94\x16\x8b\x85\xd0\x04\x02fQJ\x14\x90\xc9d\xd2\xcfaKb\xd9D\x07\xca@6\xb6[\\8"0\x99\x80\xc9$i_\xa7\x1e\x8b\x19\x8b\xc5\x08\x82\x00*\x8bN\x03\n\x99\x03z\x0c\xd3\xeb1%g\\X\xc1\xb0\x8a\xac\x07\xd8\xe2\x82X?c\x99\xa8\xc7:3\xcbl7\xc1\x02#\x08\x10\r\xa5.\x00\x92)\x11\x96\xcc5\xce\x912\x02\xe0C\xb6\x98+f\x0f\xa6\xe2\x05,\x93)\xd6\xfeK\xa8\xe5\x8c0Q\xcc\xf8\x99\xc1\x84\x11vi\x882P\x8e\xb0\xc8\tL&amp;\xd0\x0b\xf4)7{x\xc8\xc1=\xe2\x86d\xda\xdc\xdc.1\xa1\x89\x91u\xaaC\xfe\xf8,\x11Q3!\x8c%\xed\xc1D\xb31\x12W\x1b\x13$S\xadv\xc6\xd4$\x1b\xa4\x8b\x03\x14\xdf\xae\xf59\xd8\xa4\xa2qzz\xa1\x1dQ1\xd7\x1fQ\x8c\xf5\xa0\x87p\xaa\xd5\xedh\x80 \xd8\xe8\xf1$\x92\x06\x8f\x02\n\t\xaf"ht@\xff\x1a\xc1\x1d\xe8p\xfd:t\x17\x06O]\xcbt\x10\r\xfd\x04\x99\xeb\x7f\xa3\x16k\xd7\xd3\x1e\x8b3\x02\\\x10\xf7\x0b\xcd\x8d\x8d\n\xa3\xc2S\x18&lt;R\x19\xd0\xa7\xc3\x88;\xf8a\xa8\x96\x81+\xeai\x99\xf3\x04A*\xb5\x9ar,\xda\xd3\xc9\x10\x01\x9e\x8b\x00V0\xd8\xfc\xad\xc7\xd3X\xa7\xaaS\x15\x9a}\xd5\x90\x0f:!(\xe1A,\xbb\xbdw\xaee\xae\x17a\xa9Iu\xbb\xe4\xfb_\x00K\x17\x89\xc7\x9d\xb1\x18\x93\xd9X\xf7\xed\xb4\xa7\xae\x0e\r(i\x01\xcc\xc7\xf7\xf9||\xbb\xfdzg\xb8\x17\xac\xa3\xc5\x93`2\x83$\xc2\xfa\'\xc5XKP\xa9\xe84\x91x\x04\xbc\x13\xf4\x00\xd6\xf2rs#\x7fn.\x0cm\x8e\x16\rl\x85\xed\x1d\x9d\x9d\x1d\xe1\xde\x8e\x8e\x8e\xa81\x11T\'H\xa3\x9aizN1\xd6+\xc0\xd2\xeb5q\xc4\xa5N4z\x96\x97\x97\xa7\xa7[z\x11EG\x18\xc5\x14\xb8\xaf\xf3\\gGoGg\xafW\x91H\x18\x8d8\x9e\x08\xb6\xafQ\xfa\xaf\x07\xb4=\xcfsJL\xa0\xd1h\xe2jd\x10\xf0W\xae\xdc^\xbe\xdd\xdb\x0b\n\xd9\xedss\x88\x0e\xd4:\xd7\x01\x82E\rF#i\xc4\xc5b2\xb8\xf0\xc3\x87\xb44eTi\xda{[r9&amp;\x00\xb9\x80+\xa9&amp;\x01\xab\xe5\xca\xed\xaf\xbf&gt;\xf1\xfbO?\x06\xc5\xe6z\xd1h\xe9\xb9s\xf0t\xf2\xbd\xd0r\x1b!\xdf\x17\xb0\xd6\x1f\xbd\xbf\x97B\x1f\xee\xfe\x0ea!\xaex\x12\xd4"\x15\x06OK\xef\x89\xdb\x9f\x9e\xf8\xb8\x13\x8d\x9e\x03\xd0\xd9_\x9d=\xfb\xbb\xceN\xc8[\\1.\xe6r\x1b\x1a\xc4\xc6\xe0\xc2\xc2\xfa?\xbe\xa2,\xbc\xd2\x90M\xe5J\x99@\xc0\xe3\xa1\xf0\x8a\'\x93$\x8e\x1b\xbcQXv\xe7\xc0s\xdb\x97\x93&gt;\x83\xc8\n\xf3\xbd\x0e.\x08\xc5E&amp;&amp;\x13\xc1\x85\xe5\xbfS\x97\xbah{\x9fMf\xfe[\xcb\xd9\xc4\xb6Q\xa7a&lt;\xf6x&lt;cK\xb6*\xdb\x13Y\xb6\x85\x1d;\x1fV\x82\x12,\x92\xa0\xc8\x8e\xa3\x8c,ZAO\xe4\x00\xf2\xd6\xdaR"a\xb6\xb1\x12\x11\xa9\xa5\x11\x08\xef\x12\x05\x15|\x80\x03R$P#\x0e\xa5\x02\x14#8p\xe0\xd0\x1e\xcbZ\x91\xe0\xc2\xae\xc4\x12\x07\xb5EJ\xa4\x1e\xb2\x87\x88\xf6\xb0\xd2&gt;\xef\xfb\xff\xcf\x87KA|\x94\'c\xcf\xf8\xe4\x9f\x9e\xf7y\xdf\xf9\xf0L\xb6\x08\xeb\xd8\xf8_\xd6\x16\x16\x99\xec\xed\xb7\xcf\x9c\xa7\x1b\'\xaf\\\xc1\x99\xf4\x9b8\xcd~\xfa\x91\x97N|\xbc&lt;CPg\xa1\x95\x19d\xfe\x95[_\xfcy3"\x10=\x9c\x9b\xdb*\x97\xe1\x16\x1d,/...,\xd0\xdb\x073\xcb\'^z\xfa\xd3\xf7H\x9f\xbeO\xe7\xad\xcbT\xc1\xb3,l\x9d~\xeb\xadso\xdc\xfeSN\x14\xe9_\xb0\x84w/\xbdJX\xfd\x84\x85e\x8d\xb8\xd6\xe8\xb0\xf4\x9d\xd53\xcb\x1f\xd2CP\xef\xbf\x0b(\xaa\x1f\xcc\x12T\r\xc2\xbax\xf1\xd9[\xf4(\xfa\x03&gt;\xa4\x0f\x84kZ\xc1\xa8v/\xcc\xcd!\\\xb3\xc45\xde?\xbe\xb6\xb6\x80\x9e\xa4\xdf\x03P\xd3w\x86\x1a\x1f\xfd\xe7#\x14\r1\x1f\x02\xd5\x8a\xc0j\xa0\x88\xa7O_\xbcx\xee\xd9o\xf6\x15\xb5\xea}p`\x81@ \xaciF\xa1\xb0\xf7\t]\xb2)\xcf\xce\xf6\x0b\t\xbf\xd6\xc6\x116|x!\xbb\xbd}\xed\xda$ih\x08o\r\x82\x02\xd6\x19p\x11\xd6k_\xde\xde1M\xa5\x13\xd8\x0c&lt;\x98\xea\xe95\xcd\xd0\x0c\xa3\xb3\xff\xdc\xab0\x8b\xae\xd7\xa4 \xe2\xc29\x06\x8e\x9a\xc7\xc7\x1f\xed/\xe72#\xc9\xe2\xe5\xed\xd2\xea\xe4\n\xb0\x86&amp;W\x1a\xd0\xd9\x06\xb6gf\xe6\x81u\xfe\xb5+?\xec\x9af\xbb\xa9\x86\xff\xf8\x8de\x81\xb0\xae\t\x15\x8c\xce\xe1\x05\xc6\x82]\xb9\\*\x97\xcb\t\xc3\xd6\x8e\xe1lq\x9cN\xad\xd7G*\xa5m\xba\x01i\xa84Y\x9a\xbcF\\\xd7&amp;\xa9\xa0\xf3\xf3\xf3\xe7\xce\x9f\xf8\xfb\xbf\xe1\x96\xd96\x83jg\xb3\x8f\x86\xfe\xe6\xe6\xef\x9cS\x02\x8a\xdf\x0c\xa3\xb0\xff\xd9\x9c\xc0\x1a\x1e\x1e\x06U\x8e\r;\xc6"\xac\xd4z\x12X\xa0Z]-aMP\xf4\\\x14\xc2\xf60\xb80\xdf\xfe\xd56I\xd5V\xb5^\xd3\xe1\xd9\xef\x1a\x19HT\xad\xa6\xd7j\xd2-\xc30\xf6&gt;\x13\x89\x07\xd5\xf0\x18IrQc\xf6OM\xe5\xd6+\xc5"\xec*e\xb3\xab\xa5mV\xa9$\xb0N\x9d\x02\xd6\xb9\x9bf\xb3i\xb2af\xb3\xa5*\x8aZ\xd7\xc3\xbf\x11\r\x91b\x1a]\xc7\xa2kH\x97Q3\xbb[[\x94x\xa2\xb2\xb9\xb8)\xfb3\xa9\x81\x81\x81\x89\x91\xe4`\xb6\x843\xc5l\xb6T\xba\\\xba|9K7\xbbI\xb7\xe6O}\xbf\xd3j\xb5\x9a\x8c\xd5\xdeiCfSI\x87\x0c=\xfc\xab\xbb\x93\x06\x82\x94\x83e\xc4\x8f&gt;\xdf:\xfe\xb8pk\x8a.\x1f1\x16\n\xd8\x9fJ\xe5\x06\x06F\xf3\xeb\xc0b\xaal\xb6\x08\xd1Z`=|j~\xfe\xd6\xb7D\x85\x17\xb9\xd5f,\xb8\xa7\xc4\xbc\xf1`\xe7\xd74A\xc0\x86\xd2m\xb7\xc0\x85nl\x1el=_~tvxv\n%K\x00+\x97\xcapK\xf6\xa7\xe8g\xc6\x89\x11"\x1a$\xaeb\x05\x7fE\x81\x05\xaee\xec\x81n\x9b\xd5j\xab\xc5\x86q)\xc1\x04\xc8jU\xf1z\xd5hH\x0b\xff\xe2\xa1\x0f\xfdG-C\xabY&gt;\xd9X\x00C\xe8w\xaf\x1f\'\xaca`\xd1\xefw\x03c\xa9\x0c\xb88\xfb\x99\xcc\x12=\x06E\xf7)\x92Y\x95d\x05\\\x83\x83\x84\xd5\xc0\xd8?\xf3\xdf\xaf\x15\xa5\xca\x02\rq\x81\x0eLP,\xe6U\xd5_\xb4\x0cFI\xa7t\t#65\xc9\x15\xb9q\xa9\\.\x13\x16\x82\x95H$\xf24\xc0rtE0\xb5\xb4\x94\x84C\x95b\x92\xb1*\x95d2I\x1d@7R6V\x86\x86\xbe\xb9\x19SXU\xa5Ed\xa4V\x95\x98HdX&lt;Z@\xc86\xef\x1bsw\xa4\xec\xcd\xb0m\x97\xe1\xdb\xbb^.\xcf\xd2\x05Sd+16AE\xa4Q\x01a\x9c\x92\xa6\xa7\x8bd\x16\xdc",\x14\xb1\xd1\xc0\xccx\xe5\xb0\x05\x04\x0bLi\x11\x15{EH,5\x1e\x8dF\xb5\xf0\xe6\xcf\x1a%\xad\xa2E\x04^d\xabFX\x05\xdf\xce\xc1\xf12]/%\xacD\x9e\x81\x18+\xb3DO$"\xe8\x94\xac"\x13\x16)f\x18d\x93\xab\x0f\x1d6cR\x82\xcc\xa1",U(\x1e\xa5J\x06~\x1as\xdd\xe5\x94n\xad$\x18\xbbU\x88\x14Z\xfb\x97\xca&lt; PD\xca|&amp;\xc5^--\x8dp\x9cH\xd3\xc9\x11\xae!\xb00"\xb2\xa0\xaa\xc6\\\xb2B\xc6T~\n\x16\x16~\xc1\xb0\x90s6B\x83Ss\xb0\xb8\x03\x1d,\xdb0\xc2\x02\x97g\xf7\xe0E\xd8\x95\xcaS\xb8&amp;8\xf3\xd6\xff\x0b\xce\x00\x00\x03#IDAT\xa0[\',\xb6\xabXa\xaf\xb0]\x1a$\xad&gt;\xb7\xafP\x99b\xf4\x07wb(#\x98\xd8,\x7f\xcc/|"\x05\x83\xbc\n\x89\xecc\x17S\xab\xd5\x9c\x02\xdaS\x94\xb7]X4\xbb\x8c\x08\x14\xdb\xeb\x1e\x87C\xa0\xcaO\xe4\xf3\xb9|.\x07\xbcu\x91-b\x12w\xe8&amp;\xb3\xc0\x9a\x9e^\xb8\xfeO\xbf\xea\xb5\xe4\',[\xf0\xcakc\x05\xa5\xa2\xa1\x8e\xdc\xc5X%\xb3#%\xb65ke5\xa3\xc4\x8a\xf8ZG\xdd\xd9L\x8e\x9e:\x07\x1b\xe1\x91m\xeb$B\x1a\xe1GL\x91-L\x8b\x0b?\xee\xa4U\xfer\xbc\x04\x99 \x8aq\x05\xbd2Uq\x89\x15b\xb0&gt;\xa7\xf74\x97]=XN\xba4N\x17T\x8f\xd4\x9b\xfb\xdd\x17)^\x940\xb1"\xc8\x89\tq\x83\x14=\x91\x9b|ap\xf0\x1fWo*q\xd5\x91\x17d1\xb6I\xe4\xaa\x17\x0b\x05\x0c\x85\x08\xad\xcf\x9d\'7\x92\x98\xa2\xbak\xd2\xd3\'\nWA\x82\xf9\xcc\x1b\x07/\x0f\x8f%r\tz\xfe{tc\xf4d\xe2\xe4I\xbc\xd1\x1d[xeF\xa6\xb7\xffvu\xbf\xed@y\x04\x98\x1f\x99\xf7\xfb\xb1@\x16\x16\x97\x90\x8c",\xbc\xfa~\x12s\x17\x96\xe3\x96]F\xc6\x12\\\xf5\xba\xa7\xbaw\xf7\xce_\xc7\xf8F\xb3\r\xba\x9bs\x83\x9e\xdb\xcfs+\xe43\x8b\xaf\xff\xef\xdb\xb6\x97\x1b\x0c\xf2@i\x92\x9f\\\xb2\xc4\xf3\xaa\x17\x0bK\x87\xb1\xc4\xd7[m\xa7Y%\xeb\xc1\xb2\xe7\x85\xe8\xc6\x88/\xe2\xab\xd7}\x91\x88\xbf}\xe3\xc7;/?\xb6\xb1\xf1\xd43O\x81\xeb\tp\xd1mT\x03S\x9fw\xf7\xbf\xaeR\xd7\xab\x12\xc9\xa3\xd2J\x05\x96\xdf\xeb\x07\x9d\xdfO\x90\x02\x8b\x13\x1f\xea\xc1r\x86\xb9\xd6[@\xb7\x7f\xbak\xe8K0@\xf9\xa0H$m\xee\x1d\x1e\xdc\xf9\x8e\xd8\xe0\xd7\xe8\xe8cO~\xd5=8\xdaU\xe2A\xfaB\x8fK\xaa\'\xed%\x8f\xd2\x02\xcb+\xb10\xae\x82\xc8V\x0f\x96n\x1f\x7fZX\xf7\xb4\xa15\xf1-(YI\xeeG\xfeC\xca\xd2\x8a\xb9\xbbwt\xb7\xfb\xd5\x9d\xee\xc1\xdd\xa3\xbd]SQ]F\t\xb3\x04\x96U\xbd4\x150\xcd-\xcaC4\x1a\xa7"\x868Z\x1d\xc6\xb2\x8bhM)\xed\xfeX\xba\xdekX!b\xa1!fu\x1f\xb3\x99-\xf4\x98\xc7\xe3\xf3\xc49QQ\x0fm\xd3\xe2\x91\x15\xf4;\xb9\xf2\xcb}\xa1\xe4\xe2\xb8[\xea\xebuI\xb7\xa6\x96\xee\x1ee\x16\x92\rf\x14\x1c."\xb2\x05\x02\xb1\x16L&gt;\t$V\xe9\xb4m\x16\xa6;\xe6\x97=\x1e\xa8\x86A\x17W\xc7\xea\xc4{\xb1\xe4A\xa95\xe2{\xea\xc8\xe7A\x1d\x8d\xb1l\xa6z\x0f\x9a\xc7c}p\xdcr\xa0\x14\xdb*\xaf\xd8\x17\xb2[!9LCurK\x1a\xf1\xdb\xb0\x0cM\x98\x85\xb1\xea\xab\xdb~y|\xf7\x93e\x97\x83\xc5\xe1\xb2*\x18\xe5#\x07\xb9\xe7\xb1R\xdf\xe7\x9e\x06?\x8b\xe5n\x08\x99{\xab\x86\\EW\x1d\xe5\xa6`\xadK\xc3|\xd6\xcc\x12a\x97Ti\xae\xa1\xedV\x9c\x0b)z\xf1\x1e,\xf7 u!\xda\x87_\xae*\x92:\x11\x19\xf7\xfb\xc9\xc6\x15N\xb9\xb1\xd2\\C\xd5:\xce\x02\x1a\x90\xe2\x94\xb1h\x90\xf7&gt;\xff\x07\x02\xaf\x8dA\xcd\xc6\xc8\xcf\x00\x00\x00\x00IEND\xaeB`\x82'</t>
        </is>
      </c>
      <c r="M44" s="3" t="n">
        <v>45492.67674768518</v>
      </c>
    </row>
    <row r="45">
      <c r="A45" t="n">
        <v>116853</v>
      </c>
      <c r="B45" t="n">
        <v>1961</v>
      </c>
      <c r="C45" t="inlineStr">
        <is>
          <t>Ganso</t>
        </is>
      </c>
      <c r="D45" t="inlineStr">
        <is>
          <t>Ganso</t>
        </is>
      </c>
      <c r="E45" t="inlineStr">
        <is>
          <t>MEI</t>
        </is>
      </c>
      <c r="F45" t="inlineStr">
        <is>
          <t>MC</t>
        </is>
      </c>
      <c r="G45" t="inlineStr">
        <is>
          <t>MEI</t>
        </is>
      </c>
      <c r="H45" t="n">
        <v>184</v>
      </c>
      <c r="I45" t="n">
        <v>10</v>
      </c>
      <c r="J45" s="2" t="n">
        <v>32792</v>
      </c>
      <c r="K45" t="inlineStr">
        <is>
          <t>Left</t>
        </is>
      </c>
      <c r="L4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c7a9f7e-e6d5-441a-84a2-8341537cc1f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6c\xbff\x00\x00\x02\xfdPLTE\xff\xff\xff\xd7\xad\x9b-*.\xd9\xaf\x9d\xb3\x81g\x9aoU%"$\xfd\xfd\xfd\xed\xed\xf5\xb6\x83j\xcc\x93\x85\xd9\xb1\x9f\xb9\x85m*&amp;\'\xae}c\xa6u[.))\xf0\xef\xf5\xd3\xa7\x93\xdb\xb8\xab"\x1f!\'$\'\xd4\x9f\x924011-,\xc4\x93\x80627*\'+\xcf\x98\x88\xf8\xf6\xf5\x1b\x19\x1b\xbc\x8av\xce\xa2\x91\x1f\x1c\x1f\xca\x90\x80\xc4\x8av\xb0\x80f\x9dtY\xd4\xab\x99\xda\xb3\xa26\\]\xc9\x97\x83\xbb\x88q\xd7\xa8\x969db7UVw\x1c4\xd1\x9a\x8d\xb2\x83i\xa1pX\xd8\xab\x98\xcb\x9e\x8d\x90=F\xc7\x8d|z(7\xcb\x9b\x89~0&lt;\xde\xbb\xadu&amp;7\xcf\x9f\x8c\xb3\x88m;6;\xfb\xfa\xf9\xb7\x88n0-2\xd6\xa3\x95\xaax]\xcf\xa9\x9a\xb1|e\xce\xa3\x96\xa1y^\xc0\x8f|\x8b9B\xb7\x87v\xcc\x8b\x84\xdc\xb6\xa7\xc0\x83t\xe8\xe6\xec\xf3\xf1\xf0:31D&gt;@\xc9\x87}\xe2\xe0\xed\xbd\x92\x84\xc6\x98\x89)&gt;?q\x192\xa1oe\xd9\xb4\xa5\xa5|a\xed\xec\xee\xb9\x81w\xaevf\xc0\x90wl\x1f3\xb4|j\xd2\xaf\xa1\x856A\x8ekU\xc1\x87p\xc4\x8a~/PQ\xd2\xa4\x8e\x832=1VW\xc5\x93\x85r"4\x98FK\x95@F\xaf\x85j\xdb\xae\xa7\xd9\xa9\xa3\xb7\x8frA:9\xc0\x84}\x91p\\\xab|a\xc9\xa8\x98\xbc\x8b}\xc5\x90{~+9\x87gSu\x14.\xc9\x9c\x82\xbe\x88\x8c\xbe~qOmg\xdd\xda\xe7oWV\xa8\x83tNHH\xd0\x91\x8b\xc6\x84x\x99va\xa9\x80f-DD\x9al_\xd5\xa2\x9c\xcb\xac\xa3\xd9\xa6\x9c\xc3\xa4\x93|[P\x98eR\xa1JOHd`JAAeNK\xafyq\xc1\x97{\xb0\x7fz\xa9se\xe3\xe1\xe3\xb8~n\x8ebW\xa1~j|SG\xd5\x99\x8f\xa6{n#9;\xb5\x91\x80\xdc\xda\xdc\xbdy}\xce\x9a\x95M;7\x82id\xd4\xb4\xa9pSI\x7f}|\xd5\xc1\xc2WC&gt;{_]\x16\x14\x17\x95e^\xca\x95~\xf2\xe9\xe6gdc\xbe\x9a\x8c\xae\x8av\xcb\x91\x93\x9ewm\xc3\xc5\xc8\x86_T\xd4\x9b\x98\xb2\x82r][Y_ID\xd0\xa4\x82\xcc\xb2\xad\xdd\xb3\xad\xe0\xbd\xb5\xb3\x8b{\xc0\x90lD31\xb5\x94\x8cVOP\xb5\x84\x85oJA\xd8\xd1\xd7\xb2\x82]3KL\xeb\xdf\xdb\xe4\xd7\xd6spo\xce\xce\xce\xc3\x9a\x9a\xdd\xcb\xcb\xa6\xa5\xa4\xc0\x92\x92\xc8\x99v\x87(B\x91K]\xb9\xbb\xbc\xa6os\xacmY\xc6\x9b\x91\x98zv\xb8rw\xb9\x8ac\xa6am\x8dVE\xa3Qf\xe6\xd1\xcb\xc4\xa3\xa2\x8dpl\x94\x99\x98\x99Y^eC&lt;\xd5\xba\xb4\x8d\x89\x8a\xb3\xb1\xaf\x84&gt;P[93\xa4\x86\x81\xbbnd\x94kh\x86E1IWVr\x86\x8a\xa3eP`wy\x83SQ\xcc\xd1\xda\xcd\xb5\xbc\xa8x{\xc2\xa8\xb7\xa0\x9a\x98u6(\xad\x86\x9d\xb1\x95\xa5\xa4\xad\xb6\xa6\\D\x83\x96\x96\xa7w\x8d\xc9yk\x99k\x87\x82\xba&lt;5\x00\x00 \x00IDATx\xda\xc4\x98QH\xdcj\x16\xc7\xdd\xd0f\x181w\x83$\xf3\xc5d\x8c\xc6i/\xa8\x0f\xdeU\xc4\x07\xcd4\x16\xd7Rh\'\x01\x05qP\x84*\xc2&gt;\xc86\xf4\xd2R\xa40\r\xbb\xd2"S\x18\xb7tl\x8btX\x8bAm\x19.\xb5t\xf4\xa1\xc8P_f`^\x84\xdb\xc7\xcaE\xb9\xd0w\xdf\xf7\x7f2\xee\x85}\xde\xd8\x1e\xa6\xc9\xd7\xa8\xf8\xf3\x7f\xce\xf7?\xe7KC\xc3\xff\x19\x91\xff\x89?\x9e4|\xd7\x00@2\x99L\x15\xf2\xe9Tk+V\x01Rk*\x9dJ~?2\x10\xa4n\x1e\x1c\x14\n\xb5J\xe5\xa8vrxX\xcd\xa7\xf3\x07\xf9\x83\x9d\x1dZ&amp;\xbf\x97h\x91\xd4\x89_,\x97\x8b\x95\x92\xe7z%\xcf\xf3J~\xadR.\x16K\x15\xdf\xaf\xf8\xb5\x9d\xf4\xf7\xe0\x8a$\xf3\xc7\x0e\x13y\xc1t\\\xdbf6\x138KuT\x91c\xcc\xf1\x8a\xc5\x9c\x9b\xf3\xf3\xdf\x9c+\x12\xb9Y+\xaa\x1c\xa7I\x92\xe89L\x118\x85\x979U5MA\x06\x96W.\x9b\xa2\xed\xe7\x93\xdf4\x95(\xeb\xf4\x91"[\x9c\xcc\x1b\x92\xe5\xe5L\xc6\xcb\xa2\xc6\x18\xb3\x98\xca\x98j:\xb9\x1cXm\xd7/\xe4\x0b\xa9\xd6\xe4\xb7"\x03V\xb5$i\x9a\xc6i\xbc\xa4\xa8\xae\xc3$\x83\x17 \x95\x8a0U\x8d\xe5\x10\xae\xed\xb8\xfe\xa9\x7f|Z\xbd\xd9\x1a\xf96e\x95&gt;\xa8\xe5dC7xM\xe6\x05\xcdtE\xc3\xe09\xd3\x84P9We\x9c\xe2:\xae\x9b\xb3];WvJ\xa5\xe3j&gt;\xf5\r\xb8"\xad\x85\xdaq\xc9\x92y\x99\xd7\rI\xe68\xa6\xd2B\x83r\xbcf"{\xb2,\xda\x8a\xe8\xba\xb4\x17\xecR\xa9|R\xc8\x9f\xbb\x8f!\x81\x07\xbe\xe7\x99T\xe1\x16r\'\xab\x1co+\xba!\xcb\x12*M\xd7\x99\xa9AEQ\x10Qa\xae\xab\xd8\xb9\x9c\xe3\x9fTS(\xfesv\xab\xea\xb1ci\x12@8\xcb\x92%I\x93\xb6y\x13\n\xf1\x9afY\xfc\xb6\xae\xc9\xba.\t\nsm\xa6@-\xb0\x95\x8bG\xd5t\xfa&lt;\x0b\x8c\x12XtM\x0b\x19C\xa0\xe4\r]\xd2u\x9d\xb8x^G*\x8dm^#,\x81\x04\x13\xec\x1c$S\xca^\x11\xe6\n\xb9"\xe7\x94?\x14\xfb\xa9g2\xcbR-\x816"G(\xdb:\x0f\xcd\x18\x04\xdc\xde\xde\xd6\xb7\r\xce0\x04Q\x96\x14Q\x16\x98\x83\xba\x17\x9cr\xc9?\xdd\xa9\x16R\xe7\x94\xc8H\xea\xe0\xa4b\xc2D9\x8b\x13x\x1e\x0b$\xcc0\x0c\xcdB\xdds\xc66a\xe9:\xc7k\x16c\x9a\xa9\xc8\x8aH\xb9\x94\x15\x07\xad\xa9T9&gt;-\x9c\x0bW$\xb2S\xcc\xa9H\xa0\xa6A+)\xd8\x85p\tY\xb3T\xf8\xbc\xac\x07X\x86\xa4\xa2\x0b\xa9\xccR\x15AQD\x98\x97"\n\x82V\xae\x9c\x9e\xf8G\xf9\xc8\xb94\x1c_\xa5\xfcq$\x95\x00\x8b\xc7^\x94%^\xb0L\x15O\xb0\x0b\x89\xcb\xe0\x1c\xa8\xc9\t\xb2&amp;H\x9a\xaa\xd8\x8e-\xc08\x94R\xb1rttZM\x9e\x83\x89V+.\xc7q0s&amp;#s\xb2l\x99\xa6E\x0f\xd0p\x04\tTu,\x8d\xaa\x1f\xd5&amp;\x81\x86\x13\x99\x8b\x0e`\xc8\xaa\xa7\x16k\x87;\x07\xa1\xfbj$Y\xf0UX\x80\x0c7\xe7H\x1aCf\xe83\x9ce:\x8e\x1a&lt;\xa0\x00n\x80\x84;\xb8\x0c\x89Gm)P\x92W\x94\xb2_;\xac\xde\x0c\x1d+u\x04\xbb\xb2P\xf0\xe8.\x02\xca[\x97\xd1\x97e\x9e\xb0L\x16\xe4\x10$\x00\x02\x12Q\x11\x17\xfe1[a\x8a\xc2\xe3o\xf0j\xd5\xd3Z:\xf4\xc2*\x14\xd1\x009\x13\x12Y\xaa\x80|\xe9\xbc\xc5,\x19\xbfOU-Q \x1b\x13E\xdc\x89\x05z\x11%\xa9\x87g\x8a(\x82\xcc.U\xd3\xa7\x87\xad!7\xa1H\xe4\xd0\xd3\xe0\xeb\xd8e\x96\xc5\xb0\xebt\x899\x0e\x12$I\x1c\xb6!BT\xf6\xd7\xdd}dL\x92d\xa2$2|\x17\x8f\xaf\xc0[\xd1\x1cON\xfc\x1dL\xfc\xa1rE\xf2\xbeE~E5\xce\tpv\xde\xdd]Y\xd9\\\xdfg"\xa3\xe6\xb7\x8e\xc8\xed\xee\xee\xe2\x89-\x06\x81\xbc\x06z\x01\x8c\xd7%\xd4~\xd1?\xde\t\xf9\xec\x81\x01\xabB\xee\x89\xb1\x81\xb34x\xbb\xb8\x99y\xff&gt;\x9bY\xd9\x05\\&amp;\x9b\xcdnme62\xf5\xdb\xca\xe6\xe6&gt;\x02CD}#\x18&lt;\x1a\xa8\xa4(\xcc\xf3wp@\n\x15+}R\xe6\xc8\x160WqH\x90\xb2\xf2\xfc\xcd\xc4\xc4\xc4\xa3\xe7\xcf\xdf&lt;\x9a\xa0\x05&gt;o\x1e!\xb0~\xf3&lt;\xbb\x01\xdc\xcd\xcd\xdf\xd7m\x91:\xa6$\xe9\xc8+z\xa4WK\xa5C\xc6:V\xd1\x9d\x03/\xe2\x04\xc1\xde\xf8:11\xfalffj\xea\xd9\xbf\xa6(\x9eQ\x04\x8b\xa9?\xff\xe5\xd1\xa3[\xef\xb3\xd9\x97/?\xfd\xb6\xae\x10\x97\xa1\xf38y\xe0S\tyR\x8dT\x8b\xd4tx\xca!S\xf63\xef\xd6\xd6\x9e\x8d\xac655\xad\xce VWg\x88\x88V\xc1b\xea*\xd0.&gt;y\xf2\xfc\xfd\xa7u\xd1 \xb9\xb0!0\xea\xdb\xe5Z\xa8X\x91\xd6\x9ag\xa1\xb2\xa4`\x18u3\xef&gt;|\xf8\xd0\xd55K\xf1`\x15q\xe3\x06]\x1f n\x10\xe8\xea\xcc\xc8\xd4\xb3\xab`{\xf2\xfe\xd3\xbe$\x05\x19D\x83T\x98s\x9c\x0f\x15\xeb\xa6\x8f\xbe\x87\xa6"k\x9a\xb2\x9e]\xbb\xde6}\xef\xde\xbd\x04\xc5\r\x8a?nX\xccb\xf1\x00`##?\\\xbd|\xf1\xfd\xef\x02y\x04~\x0e\x06\x06\xf3:\x08\x15\xabP\x845 \x8bp\xad\xdc\xd6Z\xdb\xf4\xb5\xb7\x88\x8eD\xa2\xbf\xbf?17\xd7?\x87[\xe2F\xf0\xbfDb6\x01\x11\x9b\xa2\xd1\x0b#?\x8f\x8e^\xce\xda\x12\xb5#A\xe3\xe0]\xcc;\x0c\x13+\xb9\xe3\xd1\xd4g\x99\x8cs\xb6^\xdc\xbd\xd6\xf2\xb6\xb3\x93\xb8:\x1a;\x82h\xec\x08\x80p\xe9\x0f$L\x10\xd7\x85K?LN\x8e\xde\xd9\x15\xc8\xf3%\x99\x01Kq\x8fBl\xd6\x91\xf4\x11\xe3d\x8d\x1c^]\xf9\xf2\xb1\xa5sqq\xb1s/\xde\x18\x8f\xc7\x1b\x83\xe8 \xac~\xba\x9ea%f\x9b\xa0\xd7\xa5\x9f\x97\x96&amp;o\xad\xcbp|\xf4l\x86\x16\xa4\x14C\x1c\xb9\xa8\x1f\xa2\xf3\xa0\xfb\x99\xb9\xcc\xe7\xb1\xc5\xc5\xb7\x8b{\xf1\xbd\xc1\xf8\xe0\xe0`OO\x1c\x9f8\x81u\x10_\x7f\xa0\x19\xd4\xea\xc26\x8d^\xba\xf4\xd3\xc2\xe4K[\xa6\x89KU\xa8\xba\xca\xd5\xf0\xb0\x92\x07E\x9a\x94qdv\xbd\xad\x87\xc0Z\xdc\x1b\xdc\x9b\x9f\x9f\x8f\xcd\xc7(z\x00\x06\xa2\xc6\xc6xO\xbc\xe3,\x87P\xab\xa9i(\xfa\xd3\xd0\x95\x85\x8b\x9b\xa2@\xddA\x93\xd19s;\xe15\xc5H\xa1\xa2rT\xef\xaa\xb3\xf2\x9a\xb0\xf6\x06\xf6\x06\xe7\xe7\x9b\x87\xe7\x87\x11\xb1\x9eX \x18r\x1a\xebi\x0c\xa4\x9a=Skh\xe8\xca\x95\x85\xc9\xec&gt;qi\x1c/\x88\xa2{\x18&amp;\x96\x8f3\x98l!\x87\x01\xd6\x00\xb27\xdf\xdc\x0c\xa4\xee\xeenp\x05\x82\x91^\xb1X\x80\x95\x08\xb0\xa2\xd1(\xa8\xae\x0c-\xdd\xd9U\xe8\xf4\xc6\x02\x8b\xa8\xb5\x86\xa9\x96\x19\xcc\x0fn\x1d\x0bJ\xcd\xcf\x83\xa8\xb7\xb7{y\xb9\xbb\x8e\x85\xf2\xea\xef\x88\xc7\xeb[\xb2n\x11M\x01\xd7\xd0\xc2?7\xf6\xb1\x1be@\x89b\xa8X\xf9\n\x1d,4\xce\xf4\x80\xf5\nX\xcd\xf3\x04\xd5\xbb\xdcMP\xc4\x14\x00\x9d\x15\xfd\xecl\xbd\xe4\xa3Q@\x01k4\xbb.\xc2\x89\x05\x1a\tCM"\x99&lt;MZ\x94\xc4\x17\x1f[\x80\xd5]\x0f\xaa,\xda\x86\x01\x10]\x1a\xfb\xfb\xeb\xb5ETQ\xca\xe1\xd0\xd2\xe8\xfdM\x1c\x7f\x02.\xc5\t\xb1\xe4\x1bZk\x0eaY\xae\x97y\xfd\xee\x97\x96\x01\xc2jnn\xfe\xafTg:\xd5\xc5\xba\x17\x98)\x15\xfc\x05\xc2\xba24y\xf9\xfe.\x15=e1T\xb5\x1a\x92\x87\x1e\xb0p\xc0 \xac\x8f\xe3\x83\xcdTVgb\x81\x8bl\x94\x98\xc8^)\x89M\xd1\x91\x91\x0b\xd1@\xad\xa1\xa1\x05`m\xac+\xc1X\xcd\x14\xaf\x1an\xf3!\xb5\x18\xd4\xdaz\xf7\nX\xcd\xbd\xbd\x7f\x02\x19\xb6"\xd5{\xc0\x05\xb0\x00\x8b\xa8.\xcc\x80\n\x82\x05XKu,\x1a\xa4\x15\x16\xa6\xcb7\xb4\x9e8\xaa\x8a\xa3\x18%\xf1\xe1\xd8@;\xa9\xd5\xdbLf:\x0c\xb4\xe1\x9e\xa0\xa2\xd0\xaa\xe7\xe6:\x82f=\xdb5\xdb\xd5\xd5\xd5\xd6\xd6\xd6\x05\xdf"\xacM;\xd8\x87\n\xab\x84\x8aU3Uz\xb5\xe0\x943_&gt;\x8e\xf7\xa1\xaa\xc8\xb5b\xd4{b\xc3\xcb\xcb\xe0"c\x98K&lt;x\xd0O\xf5\x9fHLO\xdf\x9b\x0e\xa2\xed\xf6\xd0\xd2\xe5[\xc0R\xce\x03\x8b\xd4b\xcc\xcd\x95\xb7&gt;\x8f\x8d\xb7\xb7\x0f\xb6\xc3\xe2\xa9\xe0\xc9\xb3b\xdd\xc3=A\xfa::\xe6\xfeA\x99l\xa4Y\x0c\x13\xd9S\xc4\xf4\xf4\xed\xc9\xcb\xb7\xb2\xbf\xe18\x84\xde\xa3\xd8~:\xd4\xda*\xab&amp;u\xc4\x95\xd7\xbf\x8c\xf5\xb5\xf7\xf5\xc1\xe6\xdb\xdbI(H\x15C\x16\xd1\xb0\xcf*\x1e\x97\xf8\xdb\xb7\xd0\xaa\xa5\x85&amp;\x8d\xa7OoC\xad\xfb\x9f\xf6\xe9\x84+(\xe6q\x98X\x91\x83\x12\xbd\xdbv\xbc\xcc\xbb\xb1q\xc2\x1a\x18\x18\x1f\x1f\xef\x19~\xfcx\xf9\xef\x01Yl\x10\xf5E-\xb1#&gt;\x08\xae\xce\x96k\xd7\xae\x91X\xe0\xba\xbd\x00\xac\x8d}\x1c\xcf\xe0\x10\xcc\x0f\xf3-\x04l\xdeDx\x99/c}\xbf\xf6!\xc6\xc7\xee\xde\xbd;6\xfe\xeb\xbf\xff\xfax\xf9\xc7@\xb0Xc"N\xd6\x8a)\xa2\xb1\xb3\xe5\xee\xf5\xeb\x1f\x1e\xae\xbdX\xbb&gt;\r\xb9F\xef\xdc\x82\xcf\x8b0.Q,\x16\xc2|\x97\x94:rL\xd3)\xbf~\xd5\x0e\xa9\xc6\xfb\xfe\xf6\xf0\xeb\xd7/\x9f\xff\xc3\xaa\xf9\xbf\xa4\xbd\xefq\xfcD\xeb\xca&lt;[^\x16s\xf3\x1c#q\xaea\xfd\xa0NB$[\xf8\x9d\xa5g\xf3\x83\x82u4\x8c\x8e\x0c\x82[z\xb5\x15\xb1\t:MlN!=\x89Ne\x97e\xde\x93X\xa7M\xb4\xd3\xbd6\xfa"\x97\xed\xb0K\xbfd\xfbAZ\\7\xe8\x1bH0\xe8\x87 \xb8\xaf\xb7n\xff\xc1\xe7\xd5O\x89\xf0y\xf0|\xbd\xde\xaf\xf7\xf3\xf5\xfax\xb0\t\xb1\x05`\xd5&lt;\xd2[x\xb5[h\x882\xe6\x88g\x8e&amp;|\xc9\xa4=\xfb\xdc\x0cY\xb4Z\x07\xe7\xaf_G+\xaf\xcb\xb86\x88\xef\xee}\x06\xb1T\x81\xbd%1\xc2RgR\x10\x89D\xcan\xb7\xefef\xd4\x1a\x1e\xab\x93\xdaa\xa4\x91\x89\xe3\x14\xe6\xd8r\xdc\x8a\xe6\xd7\xf9\xf9\xd9\xd9\xf9\x95\xe4\xa4\xd9\xfcj\xb2\xc1\x9a\\\xbb\x06r]\xfd\x11_\xac\x9f\xe1R\xecR\xd9\x0f\xa4R\x1aW\xb3\xe4H! {`^\xf5\xf7\xb5\xd9\x15\xfb\x91cl\xa8\x937\xce\x13v.\\d/{|h5\x01D5\xb0\x80\xf5\x95y\xb2\xe1&amp;\\\x8b\x80\x05j\xfd\x03G\xd3\\\xbd\xab\x7fP\xd9\xd7\xa5b)w\xe9\xd5^\r\x0b\xc0\x90(+\xf6=\x07\x85\xc7\xe4]y@\xed\'Y\x07\x93\xe5\xd95\x80\rT\x03\xc0V&amp;\xdc\xcf\'oZk\xf7\xcf\x8f\x7f\xe0\x8a\xf5\xf37,)m\xe9\xcd^\x02b\xef\xe0\xe0\xe0K\xe6\xe8\xc8\x1a\x89\x1ce\x1cr\xa0j\xef\\h\xe3d}\xc9B\xb9\x9c\xf4\xf9|\xd9l\xd6\x9aH%\x01{\xe2\xb9\xec&amp;\xc8u\r-\x82\xff\xc4\xed$\x12\x9a\xdf\xbd\xfb\xe9\xf37,\xee\x8bL\xe2\xc3\xc1\xc1\xfa\xfb\x8f\xd2\x9d\xa11]0\xa4\xd5f\xe2o\xd4\x9aVE}\xe7\xc2%R\xc4\x17\x8d"\xa2l\xc43\xa9\x8d\xc7\x9fON$W\x02V\xb7L\xd6\x10\xb8\x06\xa3\xf5\xd5\x7f\xfe\xb4\x88\x93\x0fl^\xa5\xe8\xd6Q\x83P\xa5\xd6\xb94\x8d#s\xb0\xbe\xfe\xf1\xe9S\xf1\xceX\xdc\x83("\x9e\xf8\xd8N\x9dBq\x9b\xda\xcf\xe6d\xa3&gt;_\xb4\xe0\xcb\x1e\x1dE &lt;qG\xdc\x9aLN\xc0\xbc8\x99\xbc\x0fI\xbc\xfa\xfb3q\xef[&lt;\xb8\x08\xf7\xea\xe9\xb6b\xa0\xab\xeb\x07U\n:\xbc\xda\xf1\xe2\xd9\xc3\xa7s\x03\x9ax\xb6\xbc2\rU\xb4_\x8eF\x82\xb4^\xfe-\xe1B\x1b\xa3\xa1T\x88\x16\n\x90\xc3\x94=\x19\xf5E\xb2\x83\xcf\x97\xddV\x9fO\xe6\xee\x93\xf9\xee_\x86\x92\x9f\xe7H\xfe#\xc6c\x84%\xdc\xab\xa3Rm\xd9\xe9\xae\xae\xe9\xc4\x12\x97\xab~\xb1\xf3P&lt; uG\xe77\xa67T\xf7\xa7\xffX\x01\xae\xb4\xfa{E=y\xa1\xffBCt\xbf\\H\x06\xecO6T\x7fY[\t\xf8\xb2\x83@d\x1d\xec\x1b\x1ev\xfb\xe0(^\xbe^\xf6\x17\xcf~Y\xc4\x03k\xf16\x0c4\xcbvU\xd7\x93=\r\xea\xf0R\xf1\xc0\x95\xbe\xc2~2\x91\xda\x98\x9e\x0f$R\xe5\xf2Iz\xb9\xfd\xb6\x90\xb5\xd0\xcf\xf6\x97\xf7\xcb\xe5B\xe2\xf3\x9f@\xbc\xf1\xfb\xca\xda~tP&amp;\x9b\x94\r\x83\xed\x1a\x9c\x05#\xb8\x96l(\x9e\x1d\xe2\x91E\xc2[j\x0cn\x95\xa3\'\xaa\'\x1fv\xb84ik]\xeb\x83\x16O:3\xb3\xb9\xf9a/urr\x12\x8df=\xec\xce\x18\x18\xc0\xb6\xd1\xd2\xfe\xfe~\xf9\xe4\xe8\xc3\x1e\xb4\xdaT"\x9b\x04%\x1bd2\x10K \xb8\t\xf7\xcfZ!\xc2)\x9e\x15wq\xc0\xba\xb3\x8b\xc5X\xc2V\xb5]\xb5q\xc0\xe5\xd2\xae\xb4\xb6\xd2\x1e\xf5\xdf\x1d\xd3\x0c\x88\xa5\x9a\xbb!\x8f\xbfT\x8ahC\x06:\x11s\xd9\x0c\xa4\xe8~\xe1$\x92\xd6n\x7f\xf9\x12\xd7\x86B!\xed\xe0\xe0\xa0\xc7\x8d\x1c\xea\xb0\xa0o\xe5\xfa_\xe7\x07I\xfa\xe2Y\x05\x07,B\xf3\xea\xb9\x93\xea\xad\x97\xa6T\xf6\x17\xb4*\xd7\x15\xde\x02S#\xadk\xe52[\x0cE\x7f\xe9$\xa2\xd5\x87\xe9t\x97\xcb\xa6\xe7@\xc5G\xd2im0\xa8C\xab7}\xc8\xcdp\xbb\xfb\xdcH,\xc1\xb0\xef\xfe\xf5\x80L\xd4(:;\xebm\xc6\xa1?(\xce1b\x8c|%1\x9dR#,D\xb5\xc0\xe4\x81\xe7\xe21\x8da=\xda\xe6\x86\xc27\xbebEPFA\'\xbd\xa1\xba\xbd\\\xbe\x1b^\xee\xae\x89%\xe8\xb6\xce^K\x8a8\xa4\xe2\xd9\xdf\xdap\xa8y\x84\x15\x8b\xb5\xb7&amp;\xa6\xf74\x08\x8b\xf6h\xfc\xc68}\x88\xc8\x03\xd35d\xb4\x80,\x06\x9d\x91HEX\x06R5\xa5\xc1\x19\x9dNW\xdd\xa2\x1a\xd0R\xb0\xbb\xffW\xb3@`6\xbbW\xee\'I\x1c\x11\xe9\xec\x18\x87,\x12\xee\xac\x9ec\xc2\xbc\x82j\r|\xd8\xa1!*\xe6x\x07r\xc6t#\x98d\x8bEi\x0b+;\xa8\xac\x18\xd4\x96\xd2@\xe2\xf8\xfd\xfePP\x07\x1f[\x94:\x1d\xdaV^j\xe9\x07\xcf\xf5\xab\xd9l\x16\xf8f\x0b~\xd1%\xc9\xd9\xf1\x19\x1e\xc5\xb5\x8ba\xde\xfc\xedsOj]J\x03\x1b\xcfc2\x99,\xb0\xa1J\x9b\xb2\x16.#\x11&lt;}\xac\x07CX\x1c?\'\x14\xb6X,\x08\x18-Qm\xca\x85\x7fU\xad3\xc4d\xa1|\\\x91\\\xac\x1c\xeb\xf1\xe8\x10\x8b\xb1\x1e\xaf7v\x1e\xfa\xb2\x03\x175\x8d\xcb\x03S\xcc2Z\\\xca\xeab\xd9\x85\xd1\xe9\x1dD4k8{\\a\x11\x87\xc3\xa9h!\xa9\x18\xfc\x01\x1c\xfa\x02\xb3\xf3\x11\xb2\xce\xe6n\xf3\xf0\xc4\xe9q\xa9"*\x1e\xab\xef\xe1\xd1\xe5MNo\x0c;\xb4mI\xa5U\xb9:\xa1\xbb\xc2\xf3\xd0#]\x18\x86u\x18\xe9T\x16\x0b\xe4"bP\xf3\xa0\x17I\x1f\xb6\x18{P`\x18|\x81\xc8\x03\xacGH-\xb3\xec\x18\xb8\x8a\xc5\xd2\xbfq8\x89\xdf\xddY\x8dy\x9d\xe7\x87\xae\x1d0[\x10h\x04\xa3\x1a\xe9\x00T\xa5\xc2\xb0\x1e\xa0\x82q\x11\xb0\x94\x12\x12\x87D\n\xe9\xc3J\xc0r:\x11\x17`w\x8c3\xabr\t\x04\x8c\xd2\xe9\xe9q\xa5\xc8\xf9/\x1e~\x9e\xb0K&amp;c\x87\xe7\xbcg\x08K\xdc\n\xe3a\x8c\xc5rV\xc5\x80\x87\x13\x81\x08\xa8\xc8\xb5\xe2\n!\xb1\x0c6\xc0r",\xf8\x8e\xcb\xe5\xbaA\xa9\xa6\x11zW\xc3)\x92+\x88\x8b\x85\xf8n\xd1\x14s\x1d\xda\xa4\x0f\xc5b\xb1t\xe0\xfb\xba)@\xc8\xe5\xd0c\x9d\xb1X,\xe7\xf5\x92\x91XdV\x0ft\x08=J\xa2Dg\xacb\xd5\xe4r\xb9:(\x14T\xf4\x82a\xc1\xe8\xf1\xe9i\xa98\xb6\x88\x8f\xe1\xca\x03\xd6\xa1P\x8cb\xe0\xd6\x88W(\xccMMM\x01X.\x07\\0\x1cR\xa9\xe8(:{\x94aI\x08\xb8\xb4z\xcbW*\x14.#\x0c\xb2\xa8G\x0c\xd7\xb0\xfc\xc5\x1d|v\xf3\x84\xd5X\xcf\xe1!\x11\x98\xc4\xe2^\x85\xc2\xe4\x85\xa1\xd5d\x9a\x02\xa8\x1cd\x0e3\x1a!\x91\xd5\xa3\xd8\xa1D\xaf\xccBZN\xc8\xe5\x8c}M"\x14\xd7\xd0\x90\xbc\xc5\x8c\xb0\xd8\xfejm=\xc5\xc7\x9f\x12vc^\xba\xcd\x08\x86f``\xae)?b\xaaF\x0e%\xb2\xe7\xdc\xe62\xd2!\x87@:\xc5rv\xe8\x0c\xc1`\xd0\x10\xf2W\xc2X-\x89p,:\x86(-\xdd\x02s?\x12\xeb8Z)\x16\x7f\xc3g\x82%\xbc\x8d\t\xbd.e\x15k\xa0\xa9)\x9f\x1f\x81\x00\xb5\xa0S\x1d\x1ebPaS@9\x927\xe5Xt#\\;J\x8b\xadR\xf2\xeb]_+\xdeh\xa4\xc8\xef\n\x18\xd0\xb6\x04\xfec\x7f\xa3\xa8\xa2\x7f\x87\xd3\x94\xb1\xe8e\x8d\xc4P\x12\x91ZM\xab\xfc&lt;\x90\x99 \x81@e|\xf9\xd2\x04\xff\xae\xae\xe6G\xa0\xf4\x89Cr9e\x9c\xa2,\x96J\xfeb\xd8\x85\xf5@{0\xca\xe5-\xdd\xecF6\x9c\xc4\x86\x92\xa8\x9bSY\xc2\xeb\xb5\xcf\x9dU!\x9f\xaf\xe8\xad\xaa\x95o\xe2#\x86\x11o\x8e\x8a\xd9\x8a\xb6\x97\xb9\xa9&lt;\x1f&gt;Y\xcd\x9b\xa6\xc8T\x8a|\xaceY\x1fB7\xb6\xdf_\xd1+1\xb4%DT\x8cQ\x06\x9cD\x86\xe8\xe2\x85\x8a\xfe\x13^\xdbS\xc2\xae\t\x1e\xac\x00\xb9\xe6\xe6z\x9b\x80\x8b?b\xf2\x92\x89\xbf\x1c\xea\x9d\xa8\xc2t\xc1\xcd\x1d\xc8\xaa\x905\xd4r1\x14\xc9\x82\xb7\xf1\xfb\xd3~\xbf\xc7\x1f\xb2\x19\xa1\x99\xca\xdb\xd8\x8d\x8d\x08\x8b\xd1(\xb9$\x91\xa8\xdf\xe26\xc0.B\xea\x14^)\xc2\x82\xda\xe2\xf3\x01KH^\x08\xeb-\xb9\xdc\xcb\xd7\x8fg\xb6\x83\xc1\x19\xcdK\xee\xd0\x98$R(DO\xb2\xe9t\xda\xef\xf1p&lt;\x9e\x90\xae\x83&gt;.\xefn\x1c\x1d\xed\x1b6\x0b\x1aI\xa2\x0bz\x03.7\xcf\xb7Q\x11\xb2\xd6\xde\x8a\xb0\x80\x0b\xaa\xab\xb7NH\xa6\x87u\xaf\xabX(6\xbf\xcc\xcc\x84&lt;0\x8cE\xb3\x11\xf0\xa7\x9e\xda\xfb\xfet\x10a\t\x18\xec\xc6Q\x01`\x89Hz\x91\xe17\xfc~\t\xd1\xbc\n\xcdj\xa4^\xfat\xaei\xae\x89\xdf\x04\x85V\xdf.\xa4\xeb\xb6^\xbe\x7f\xfd\xba\x86\x05\\\xda\xff\xc1\xb4\x11=\xf9\x06\x95\x89g\xb4i\xad\x91Iia\xb3\x05\x0c\x86\xc0\xcc\x18\x95\x88$\x92\x9dE\xfc\xb0\x08oG\xa6L#B\x84\xd5T\xc5\xe2\xdf\xaao\x1fW\xbf\x87\xd8\xda\x02\xa4\xc7[\x8f7g\xb6\xb5\xdat\xba\xf6\xc3\x88L\xdc\xe1x\xe5\x88k\xd3\x1e\nu\xbc\r\xb0\xd8\xe0N\x1bI\x12\xc9E\xcd;&lt;\xd7n\xcd\xbb\xa8[\xbd\xfb\x84\x1a\x04\x1f\x85B\xf1\xa0e\xfd\xe3\xc7\xf7U\xb2\xc7[\x007\xb3\xbd\x1d\xdc\xde\xde\xd6\xc6\x83\xf1x\xf0\xd5\x9b7o\x1c\x19\x18\xdb4\xd4\xf1n\x06\x1b\xc0\x04\xeaO\xcf\xe4\xf2\xff\xf3r~!mey\x1c7$\x92\x84+\xc9&amp;B\xd9\xc0\x88y\x88\t\xc6\x87F\x1b&amp;N\x15e\x8cF\xd3\x8cy\x98\x08\xbd&amp;c\x8dR\x1c2\x1a-\x9ad)\xba\x0c\xb2(c&amp;\xeb&gt;\xa4n\xa9C\xb1\xca\xba\xf8P\x83\xb1\xec\x08u\xb0+\xd9J\x02f\xb5EF+\xea"2\xd6\x99\xa7\xa1\x7fh\x1f\xca\xb0\xdf\xdf\xb9\xb1,\xcb\xb0\xdb\xdd\xe9\xed/&amp;\xad}\xc9\xa7\xdf\xef\xef~\xcf97\xe7$\x9a~\xbb{lj\x12\xfb\xfb\t\xf9\xbe\x9f&lt;t1\xae*\x0b\xdd\x89\x88F\xfd\xd11\x866\x11\x8f\xef\x80li\xc9\xe9\\\x02U2992rg\xc5&amp;`\x05\xab\xaf\x1c\xb8\xdd\xe9\xf4\xdb\xdeV&amp;\xcf\xab\x81\xfa\x89\xd9\x7f\xc1r\x02k\xf9\xe8\xe8\xa87\xda76\xb6\xb81\xd4\xbf\xb33=\xed\xf39#\xc5Ng2\x19l\x1d\x99\x1c^\t\x9c}\xaf\xcd\xa22X\x82\xc1+s\xe2\x9d\x86\xa8\xc9\xfa\x05\x0fQZ\xcf\xeazx\x16y6\xfb\xf5\xd7\x18\x89f\x16/LOO\xf7c\xf0\xf1-\xc5/\xde\xc05y\xe3fr\xcavv\xbe\xd6\xa0R\x19\x82\xc1\xa9\xb4\\\xac\x8d\xa7y5i?\xb5\xbc\x8b\xd8\x8c\xdf.,,|\xbb\xb0\xb1\x91\xda\xd9I\r\r\xf5O\xef\xa0\xbeG(\xdc\xbe\xf1\xd5\xe3_\xfd\xfa\xf1W_\xc4W&lt;\xf0\xd0\x12\n\x01\xab:\\\x94\'Z\xc9\x13,\xb7\xe8r\xfc\x80k8\xe7\x99\x98@*\x1c\x1f\x1f\xffx\xb8\xf5tkkw\x17H?l\xff\xfe\xcf\x8f\xff\xfa\xf8o\x7f\xb9\x18wFZ\xce\xce\x9bC\xea:\x03\xb0\x8e\xc4\xdc;\xec&gt;\xa2\xd1\x87\xf5\x97\xcb\xa8\x0fx&lt;-C[{\x0fQ?\xbdD=\x7f\xf1\xfc\xe4d\x1b\xfe\x1d\xff\xf8\xc5\xcd\xb8/\xe2\xb1\xd9\xda,\x8e\x92\xd6\xd1\xd1`2+.\x96_\x90\xeb\x83\xc2B\xce\xae\xd7\xcf\x9c933\xb4\xb3\xbb\xbb\xb7\xb7\xf5\xea\xd5\x8b\x17\xa9\x93\x1f\x0e\t\xf2\xf6\x1f\xe3q\xa73Rj\x9b\xaf\r\x958B\xa1\xd1\xe0TF\xcc\x1d\xe0Es\xb9DE\xf1R\xa3\xb1\xe1\x0c\xe6Zc\x8bC\xd3\xd3;{{\x87\x87{{{\x0f\xf1\xe7E\xc4\xc4\x92\xb3Xg+\xbd\x17\x82X\xad\x84\x95\x16\x17+\xec\xe7\xd1X s\xf1\x9cT\xf2\xe5\x87c4\xdd\xea\xc5\x10\xb4\x03\xc9X\xedB(\x84\x97\xb3\xb8\xd4v\r\x16:Z\xc9\xc4\xa9D\x9e\x98X\xd9p\xd4O\xdd\xe5\xc2\x0f\xdf\xcb\xf3}_\xf6}\x83\x89N\xdf\xcc\x05\\\x8a\xdf\xef\xa2&gt;aHx6\xda\x06\xaf\xb4\x968\x18\xd6\xe8\xaa[L\xac\x9al\x83\xc0\xc5\xf3\x00\xe3Ml\xfe\xdc\xfbM\xef\xd8L\xe0\xf2\xe5~\x1f\xad\xb5}\x91\x88\xb3\x18X\x11\xacw\x82\x04EX\x8e\x05\x91\xb1\xf44w\xe6!\x95\x8b\xaeG\x1e\xd3?6\xb1\x9f\t I\xe3\xbe\xfe\x88\x0f:\x01\xcc\x19ill\xabn%,"s\xc4\x8aD\xc5\xda\xd7\x83\xcbn\xe2]&lt;\x8fH-\xe4\x89\tM?6\xb3x\xd9\x17\x8fS\xc6\xd3\'z\xd0\x8bf\xf0\x06\x07\nh\x8e\x92\x92\xa8\xa8XE\xfb\xe7\x18\x17g\xe2i\x18*tA,\x81*04\xbd\x03\xac\xfe\xcb\x81\x08\x89\xe5\xc1j\'\x18"*\xb4WI\xbe\xc8X\xa4\x96^k\x0f\xdb\x8d\xe4$a\xe5\xa80\xf8 $\xa6\xfb\xfb\xa9\xc5|\xc5:]\xa4:8J\xfeA\xa9\x92\xfc\xfc\x92eq\xb12z}\x97V\xabg\x1dF\xd9\xd5\x8bn\x9f\x99Y\xa4\xe4b\xd5\xdf\xef\x03Vc\xa9\xeeJ\xf5(\xf5\x94@%6\x96&lt;\xa3\xa7-R\xe1\x06}\x18\x13{\xe6\xe2\xd8\xef.,.R&lt;L\xd3\xc4\xa6\x1f\xe5\x8b\x04\x02+\xc9Q\x01\nH\xf9\xe3\xf9\x0e\x91\xd5JC\xac2#\xe2=\x16\xb6\xcf\xd2Z\xa3\xb7o\xf1\x02\xb8\xc8Cp\xfd\x16T\x1f\xf9\x02\x01Orx\x92Z\x9d\xa0\xf2\xc5\xc7\x92\xa7\xb5U\xda\n\x89\xc4h\x07Wx\xf6\xe8hv\xb6\x0f\x16\xce\xcc\xc0\xc4\xa1!\xe6\xe1G\x10\x8b\xa8F\x1c#\xcc?V\xef\x00\xab\xabB"\x95\x18\xc3\xe1X,\x8c\xc9\xe9\xac\x7f\x0c\xab\x1f\xb6,\xdb \x03}\x13N\xcf\x14Q\x8d\xd0\x05\x88*\x07U\xf9;Q\xab\x02X\xf60\xc0\xa2\xcb(\\\x87\x8b\x1b\xc2\xb2\xcc7\x81\xc2\xe2b\x12T\xa4\xd5)\x96\xd8-\x9f\xc7\xd4\x92J+\x8c\x90+\xc7u ,\xca&amp;R\xa9\x14Q\r\x0bP\xccA&lt;\xcb\xc1U^.rn\xc9\x13v`q\xd2\nA\xaep\x0c\x8b\x9f\x83\x85\xd5\xd5\x14\xd6=\x13\xa4\xd5\xf0\x9d;#\x03\x03\xf8!\x89X80*\x87\xd8X\xc6\x1c\x96D\x90+\x16;\x88-\xacN\xadL\xdc\x8c\x03*~\xf3\xce\x00\xaa\x13T\x03%\x8c\xaa\\x8\xc4WK[!\xad\xa8\x10\xe4\x8a\x02\x0cZ\x01k\xf8\xe6\x04\xd6\xab#\x03W\xa9\x06rb\x91Tx\xa2\xd4\xa2c\xd9\xba\xca \x97\x84\xa5D\xd8\x0e\xac\x05\\x\xc3w&amp;\'\x01\xd5IP\x7f\xea\xcca\xb1\xc4\x82\x83\xc0r\xbc\x03,\xc8%\x95H9N\xea\xb7\xdb\xc39.\x82\x1a\xe8\xec\x84Z\x9d\xac\x04*A+\xfa\x0cA\\\xac\xbc\x84\x9f\xedW\x94p&amp;\x13g\x92\xfaYw-LMM%\xd9\xe5\x07\x99H/\x86\x95\x9f\xdf9NXj\xb5Zt\x13\xf3\xdc&lt;m\xee\x94HM(\x8e\xe3\x88*\xe6!,!\x16\x98\x8b\x9dW\x19\xd5\xb8 \x16\xb0\xd4%\xea\xf0;\xc3\xe2$\x12\xbfQPk%\xc9\xb0\x06\x84\xe6\x12L\xcc\x1f\xbf:\xce\xa8\xd8\xc7S1\x91\xb1f\t\x0b\xc3\x0fJ\x82\xf2\xdb\x81E\xa3\xcd\xe8k\xac\x1cU\xfe\xf8\x8dq&amp;\x15\xab\x98[|\xb5*\xc0\x85K\x11Q/\xe18#\xf5&lt;]\x8c\x82\x8b\xe4`\xa7\x90\x0e\x82\x83uu\x84%\xea\x12C^\x93\x98E&gt;PnA+c\x99\xd6\xc8\x998;\xe4\xf2\xe4|les&gt;\xcaw\xb2\xae\x9c\xa0\xa8\xd4u\xd5\xfbEr\xb1\x0e\n\xbb\xaf\xdf\x9f\x0bS&gt;TP{\xe1\x15j\xa1\xc5\x1a\xce\xb5\xb4\x04&lt;\x91Hri)\x18\xc2\xe4O\xadn%\x85\xf0\xac\x0b\xa9\x00\x15\n\xd5\xa9[cs\x191\x8e\xc8\xcbk\x8an={\xb9\xba\x12\xe8\x1264Sc\x19YNp\xc2\xc6&lt;\x0f\xddns*-\x16\x83JE u*T\xbd\n\\!\x02\xbc\xb2\xba\xfa]6]\xf4\x96O\xdc\xc9\x8b4\xf7O\xb6\x87G\r:\xc2"\x17\xd1^\xc8TP\x99\xfc\xf6\x06}\x8b\xa71\x82\xa5ac\xb1\xd9\\k\x91\x19\x08\x86A\xd5\xd7\xab\xa0\x18\xb0\xaa\xafM\x9d\x9c\xac.g\xbco\xeb\x84\xa2\x1cJ\xd5h\x14\xcd\xeb\x17\xf1\x1e2]\x15\xc4B\xc2K\xca0w\x96P\xa8\x9ax\x93\xd1\xaeo\t\xe8\xa8\x04.\x83\x8a\x95\x81\x8eF\xa9H0u\xdd\xda\xa3{\xd7\x92\xdb\xdb\xcf\x9f\xdd\xf2\xbe\x8d.#(M\xb3B\xa1\xc9\xac\xe0M\xeae\xba.\nyj,\xad\xb6\x8cL\x94\x9ax\x9e\xfa\xcb\xd6R\x8a\xd25\x9akk\xabI/\x99\xcc`\xa87\x08&gt;\xa2\xd3B\xc455\xbc\xbd\xfd\xf7[\xde_~\x1c\x1d}\x9e\xb9\xa5@i\xe6\x96\x08\xab]\xa7\x87\x87\x84E\\\x12(\x85\x95,o2\x19\xc1e\xab\xaa\xb2\x95\xb6\x99k\x95\x06\x83L&amp;S*\xf1"#\x1fI-\xc8\xb5\xf6\xe8\xd1\xe6\xe0\xb5\xc9\x7f|\xd7\xec\xf5\xd6\xfc\xc2\x8e\xca\x1c&lt;}u_\x03*\x86%k\',@a&lt;d}O\x1d\xef*\x04\x96\xd4\xd8P\xc5\xa8j\x95\x16\xd8&amp;\xb3\xd0.~\x99RFT\xa1\xd0)\xd6\xbd\xcd\xbb\x9b\x93\xdb\xf75^\xf7\xff\xdf\xfb\xf2\xa2Dv\xfd\xf6\xf1\xf1\x8bf\xa6\xd6}\x98\xd8\x0e\xb5\xb4B\xc6S\x9c\xc2D\x8e\xe3]\x85.\x13\'5j\xb5\x1fv\r\xfe\xc6l1\x18\xd0\xe4\x06\x8bE\xc6\xb0\xea\xeb\xf1\xbbJ\xc0Z#\xac\xbbw\xa7\x9ey5\x1a\xaf\xf7\x7f\xb4\x92n\x9e\xd3w\xf7$\xf6\x97S\x87M\x1d\x1d\xc7\xcf\x14\xac\x9ac\xb4\x91G\xa9\xa3\x83\x05\x94\xa5\xf4\x92\xc3\xe2\xe9\x0e\x9cDRV5_\xac\x04\x13\xaeA\x03Q\xd1i\x0c2\xd2\xa0R\xe7\xe4bXwc\xcdn\x8d\xc6}\xfdI\xb6\xe8\x8do\xd4\x0b_\'\x94\xc8\x1c\xadO\xecv\xf7X;*+O\xb1\x14\xac\xb9\x80%!\x13\x81A\x1d\x067MP\xcb\x05\x1b9i\xd9{m\xb5\x06!\xaf\x0c2\xa5pJ\x84jM\xc8\xb1S\xac\xaeh\xb3\xc6\xed\xd5\xb8\x9fl\xadg\xddo\x06\x06\xa4tvy\xe3\xe9\xe1a7\xca\xdaTy\xbe\xb2\xf2e\x0e\xeb\xfaB\xfd\'\xf5KP\x0b8l\xfe\x80\x99 \xfa\xddE\xc5\xa3\xed%]\xf3fC\x08R\x91\x89\xc2Y\x0c\xd6\xf6\xf8\x875\x86\xf5(\xa7\xd6\x11L\xd4\xb85\x99\x8b\xdd\x87\xa9\xec\x9b\xa4\x05\xa0\x0e\xb6\x18\x11\xaa\xc7\xda\xd4\xf1\xfeg\xe7+_5\xe7\\|\xb2T\xdf^\xab\xd3c\xf0\x81F&amp;\x9aA\x80\xcfE7"x\xa2\xd4\x0e\x16#\x13Xk\xa9\xd8\xc1\x15:\xe9\x93\x93\x8b\x99HX\x83P+\xabP\x10X\xf3\x84\xb5\xa7\xe7p\x83\x14\xfbo\x9f7-\xefv[\xad\xddV\x82"\xaaO\xcf_\xbat\xfe\xd5\xc7\xaf\xe5jW\x9au\xe7H.\xceDm\xfe\x1a\x0bTF\xad~\xbe\x00\xd6\xc9\xe8\x03`\x8a\x07e\xfb)\x155\x97ZM\x1e\xde\xdb\x84\\\xfe\xeb\n/\xaelws\xaa\x07ob=\x1c\xca\xfe\xc7\xc1R\x9eX\xde:\xee\xb0Z\xad=x\xc0@PU~v\xe9\xd2\xa5\x9f&gt;W\x9cv\x97\xb3\xc0\xac\xc3\x12\x03\xad\xc5\t\xb3S\x13\x99HXF}\x95\xad\xad\x00\xc6A\xb0S\x0b\xa9\xb5\x94\x8c*\x84\x01;\x87588\xa7\xf0zI\xae\xccV\x0f\xfb\xcf[\x0fSG\xe9\x9f\xdd\xb1AQ\x9e\x8e\xeeZ\x1f&lt; ,\x02\xb3\xfe\x1c\xd6\xc7\x07\xce\xe2F[\x95V\xc2\xa1\xd7i\x94\x96p\x02\x16\'\xd1Rf\x15\x17\xd7*e\x16\xd2\xa7\xc0\x8c*\xc8e*\xf9Z\xa7\x12\xa867\xa3\xe8\t\xa8\x85|\xeen\x82\x8b\xe8\x15kO\xf7n\xeaI\xfa\xdf\xba\x8c\xbe\xd9\xc4\xbd\xbfNP\x02V\x0fCcX\xe7\x19\xd6\xa9\x8b\x9a\xac\xc7\xdcVZ\x85t\xa7\xc9)\xb5\x17\xe0\\\x85\x85\x85&amp;\xa3\xb6\xaa\xb4\x94\x06\xea\x02\xa5\x854\xaa\x05\x94\x99\xfe\x82a\x88\xe4R\xad\xc9\x1e\tX\xe7\xb2\x1a/3\xd1\xbb\xde\xd1\x01\xae\xee?\xe0\x01\xba\x87\xbb\xa9\xe5\xcc\xeb(\x13\xf2`n\xe8a\xd3\x03V\x9f655\x01\t?\x1d\x08\x87\xca\xf7\x19\xd6\xe7\xb9\xa6W4/;\x1b\xe9`\x9b\x91e\x03YI\xdd\xe5r\xfd\xb3\x89\xf3\x0bm\xdb\\\xc3xBw\xd1x\xb9Y\xef\x04\x1b1\xd9\xe8d\x1fK\rs\x90\x83z \x17=\xc1.T7\xb2\x12F\xc1e\x81\xb8\x96\\_\xd7"\x1br{eNnj\x0eg\x04\x06\xf5L(\xd4\x0cvV\x98/\x02\x83\x8dn3"M\xb3?\xceH\xa1\x944em(\xc3\xc6s\x9a\xd1\x9a\xf4\xe2&lt;\xef\xfb\xc9\xce^\x0b\x99\x80-\xff\xf4\xbc\xcf\xf7|\x92-\x85\xb0\x12\x11\x89\xb1H\xac1\xd2\x8ab\x8b\xfeB\xb2b \x8c\x81\xea\xbb\xcc/\xff\xfd\xdd\x00\x14\xa80\x10s\xb9\xc5T\n\\\xa2\xae\\\xb9\xf1\xe9\xee\xc0\xff4\xe7\xad\xbch\t\xa6\xe9\xfd\xc5E\xa8\x04\x9d \x14J\xd7\x85Z\x81\\\x98\x83jw\x92\x12\xba\x88c\x07\n/hEh\x1f\xbe\x7f\xe2\x1f\x01\x16\xfb\xe9_p\x16\xdf5)\x80h\x86|ol\x96\xa9\x8a+\xab\xbc%\xf4pw\x1f\x9f\x00\xb0\xc2\x10\xec\xc6\xfd\x83\xfb\xdfl\xf0\xac\xf4\xbf\xfa\x0fO\xa8{\xadG\x0f_\xbf&lt;&lt;\xf8\x8d\xbb\x97"\xa1f4=\x7f\t\xde\xca\x03k(\xd7\xc5zZ\x8a\xc4\xc3\xa7\xa0\xd7(\x1d\x99\xbe\xc9.;1\xcaM,\x0e\xd4\xa2p\x18\x0f\x02\x9e\xb2ujj\x8a\xb02\x99\xcc\xce\x06\x85\x039k\xe3\x0f@\x91\x04)\xf2\x16S=\xba[[\xad\xaf\xd4\xe9\xa7\xff\xdfZ\xad\xd6\xc3\xd7\xaf\x0e\xeb\xcd\x92a\x9c\xdcxH\xce\x12\\\xba\x9e\'\xc3\xe7\xf5\xd7\xc0\xea\rCbE\xa2Ka\xc3aV\x8c\xb0@\xc7X\t`A.\xea\xdb IiPb\x99\xe2\x1b\x15g\x81em\t\xad\x10Z?/\xce\xc0Z)t%5\xc0\xba\xf1Eg\xaf\xd1\xac\x1fl\xbc3"\x800q\x1a\xa5^\xe3\xd9\xf3+l\xf6\xe9\xe9c\xacK\xfaK\xd3,m\xf7\x07z5w\xa4\x88e\xc5\xcf\x12\xd7i(EG\xce\x98\xa7\xe9\xc2O)0\x17\xa8\xb8\x87 \xa3\xfeMa\x14\x80*\x9a\xc98uj\x1fc\xd5\x9f\xb0M\\\xdd\xe56\n\xaek\x15\xaf{\xb4\xbdY\xdf\x181VK\xb5^c\xbb\xbfw\xd4\xf5*\xed\x1f\xd9\x85\xe4-\x18\x9e\x9a\x18`\x99\xfdn#\xc0*\xfdu]r\x9c\x04_\xdc&lt;J\xe6\xfa\xe0\xd4\x07\xa0\x8a\x13\x15aq\x03\xc9\xf1cc\xff\x1c\x9b\xa2\xfeQ\x0b\xa3\x18\x9a\xd1$S\xbd%\xc4J\xb9\xd8~^\xd7\x16\x11\x12\x05\x0e\xa4\xe9\xc25\xaf\xe2y\xde\xd1vs\xa4\xd3\xe9v=\xaf\x12Sd;k\xaf/\xba\xae\xa6\xcd\xcc\x10\x15\xe4\xd5\xf4!\xd63\xbf\xdbc\xd3\xf7\x8e*\xeb_\xa7\xd3N"\x01.\xee\xe2\xe9S\x97/\x9fe\xc3\x8b\x80\x18\'*\n\xd3Y\xf0\x08[\xcd\x8eG\'&amp;\xa2\xe9\xfa\xc5\xb7\xd8Vx\xd4^hy\x14\xa0\x06\x13\xcab.\x97\xfa\x0fQ\x91b#1Y\xc6\xa2(\x8a,\xdb\xb1\xa7\xd3\xd8\x03U\xd5\\\x1a#3\x02+\xaf\xbf,\x99\xa5\xbe\xefwJ\xc8\x9a\xednL\xce~\xff\xf5U\xc7b.\xea\xe2\xe9\xcb\tTD\x82\xb32\xc0\x1a\x8f2\x16\xcd\x88@z\x83\xa8\xceG\x87T\xac\xd6\xc9\x8bF\xf3\x0f\x82\xca\x15\x90\x0b\xb0r\x0e\x05\xff\x17\xae\x11\x16)6BD([\x91\x15\xbbsx\xc5\xd5\xd5\x85\x05uA\xd54\r\xc2\x05M\x84\xe5\x7f\xf2\xcb\xfeQ\xa9\xb6\xe7\xc5b\xe0Z\xbf\x99\x96\xacD\xfc\xece`\x8d\x9e\nG\xa4\xc8\xc7\xc0*\xd2\xa5\x89\xf8|b\x80\xad`)\xf6:\xfd\x8a\x87\x0e\xde\xd9:)\xa0@\xb5jn\xb5`*\x8a\xd2\x02\\\xec\xba\xa4C\xaa\xf0\xe8)cy\x84%+\xf4P\xe8\xb9_\x9fv\xf5\x05\xc6\xa2\xe9S"~\x00\x00\x03YIDAT\xb5\xa6\xb1\xe7\xf5W\xc0\xda+\xcf\xcf+\x9d\x8elC\\\xe2z\x90N[d\xaf\xd1\x13\x14\r\xc5"\xce-\xbe\xa43\x8c/\x8b\xc9\xe8DF\xe4\x04\xb0\x00u\xfe\xfc\x04N \xc7\xaf7\x04\x12"\xde0W\rL&lt;\xf0y!\x85\x8eh\xf0\x8dK\tV\xf8\xe1\x19iU\xf1\x06j\xc5\x94,\xbc\xd5\xed\x01K#"Q*tFp\xe9\xaf0\x12\xf7\xe6\xa9\xb2\xb2m3\x98\xdd~\x9cv\x1c\x8brU`I\x12\x98\xe8"l\xe8\x95\xa1\x93\xb2q\x96*J\xbf\xc3B\xad\x9b\xb7\xbc\xa3\x9ep\xfb\xc9\xcdM\xc30V\x88)\xe7\xb2\xe95\xc6BZ\xec6\x88\x8a\xb1l;\xab\x90\xdd\xc1\xd67\x0e\x16U5\xffw,,\x0b\x81Z\x90k\xbe\x9c\xc5\xcb\x03\xae[i\xc4D8\xc0z\x17\\N\xc0\x95\x94\xa4"\xdd\xf4:&gt;K7\xbfR\xdd\xbcG\xbd\xef\xf4\x98j\xfb\xe9\xe6Ec\xf5\xd3\\\x0e"\xe9d{=\xa0JM\x1fnv+T^e$\x9b\xcd\nwe\xbb=\xc2\xd2UU]^PE-\x801?sX*\xd5\x9e\xce\x0b.\xdf\xc6\x1b\x08LV\xbe\xfa\xd6\xb1\xe2$W\x18X\xef.\x15\xa5Pd\x92\xc9,\xa7\xc84\xc9\t\xb4\x8f\x94\xaa\xc4\xb8\x88\xcbx\xb6\xdeAno\xb54\x1d8\x98\xdc\xe8\xd9\x85\xdf1\x12\xf7\x0fj\x9d\x18s\x01\xcb\xb6\x03\xac=\xd3&lt;\x9c\xd1\x08F\x1dP\xb1f\xfb\xc0\xea\xdd\x16XXg\x87\\\xeb\x0f\x1c+|\x1a\x01\x9f\x88$/,I\x93\xa1\xd0$M\x00H\xb0"\x9c\x9fA^\\\xbdz\xfe\xb3[m9\x16T\xa7Q\xfb\xa9]&gt;2L\xe3\x9b\x14!!\xb0a,\xd7\xcd\x89d\xdd?0\xf7b\x82\x0bM\x0c\xb0\xbc\x86i\xee\xbaC"\x12m\x99\xed\x8fW\x97z\xf7\xaa\xf3\xf3\xd5*\x1b\xcc\x17`1\x19\x06\xfb|gn\xf4\xa3sg\x13\xc5\x0bK\x8e\x13\n9\xa1\xb7\xc3\xe1p\xdc\xa2\xb0H&amp;\xa5$\x94j+\xf2\x10+\xd6\xbd\xdd.\xfb}\xa3d\xdc\x85\xd5u\xb4\x8f\xfc&gt;C\xe9\x80\x8ej\xad\xba\xd1\xaf\xc8mr;\xb0\x10\x0e\x8a\xaf\xc8G%\xd3\xbc\xef\xb2F\x00Z^VyMXu\xd3\xdc\xf4\x88\x89\xb1\xaa\x01\x17\x14\xb3\x95\xaf\x1e\xec\x9c;7\x17NHKK\xfc\xcf=\xac\xb5\xb9\xb9\xb93\x96\xe3 \xf0\xa5\xab7\xbfh+\xf61T,\x96-\x97\xfd\nv\xdf|APy]\xd8\n6s\x19\xabi4&lt;\xa1\xd1\x08\x0f-\xbf\x8ct\xc0\xab\x7f\xd6X\'\xa6Z\x0e\xf4\xba\xd4\xda2\xcdF\xa5*J42\x10\x0c`\xed{w\xe7\xe6\xd6\x12\x93\x10k2d\x85\xce\xd0\x05\xf5\t\x0b\\\x8et](5\xc4\x92}\xbf\x0c\'t{\xa6\xd9|\xc2\x9e"*\x96J\xe7\x98|\xd84j]\xdf\xf7\xb3\x02\xcbV\x90\x95\xf26\xb0&gt;!k1\x15\xb0ha\xac&amp;\xb0\xda\x7f\xa7\xaa\xce\xb3\xc3\x18\x0c\x0e\xbb\x13\x8eG\x9c\xc4\xdb\xa1\xd0\xda\x1a\xc4\xfa7}\tg9\xdf&gt;&amp;(\xaa\x01T\x99\xdeZ.w\xd0\x95\x83?1\xb24\x01\x95\xcb\t\xeb\xbb\xb9\xd7%\xc3\xec{\xbe\xcfj\xd1\xa6\xb1\x1b\xa4\xed\xea\x0b=\x80:.&gt;f6\xb7\x95j\xf5X\xafj\xb5\\\x1e\x82\xa1\x93\xcf\xadx"~&amp;~f-\xccXk\xf1\x9d\xcf\x1f\xaf+\xb6|\x8c\xa5dY)\xaa\x0ev\x7fw_W5\x95\xbdN\xedS\xc9f\xee\xaf/M\xc30\x1b\x9dvV\x96\xff\x0f\xbe\x82`\x9b\xa4?\x9a\xea\x00\x00\x00\x00IEND\xaeB`\x82'</t>
        </is>
      </c>
      <c r="M45" s="3" t="n">
        <v>45492.67609953704</v>
      </c>
    </row>
    <row r="46">
      <c r="A46" t="n">
        <v>122971</v>
      </c>
      <c r="B46" t="n">
        <v>1962</v>
      </c>
      <c r="C46" t="inlineStr">
        <is>
          <t>Raúl Cáceres</t>
        </is>
      </c>
      <c r="D46" t="inlineStr">
        <is>
          <t>R. Cáceres</t>
        </is>
      </c>
      <c r="E46" t="inlineStr">
        <is>
          <t>LD</t>
        </is>
      </c>
      <c r="F46" t="inlineStr">
        <is>
          <t>LAT</t>
        </is>
      </c>
      <c r="G46" t="inlineStr">
        <is>
          <t>LD</t>
        </is>
      </c>
      <c r="H46" t="n">
        <v>180</v>
      </c>
      <c r="I46" t="n">
        <v>27</v>
      </c>
      <c r="J46" s="2" t="n">
        <v>33498</v>
      </c>
      <c r="K46" t="inlineStr">
        <is>
          <t>Right</t>
        </is>
      </c>
      <c r="L4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6aea1d2-ebbf-48c2-acd4-0233f6f8bb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XD\x94\x00\x00\x03\x00PLTE\xff\xff\xff  !\x1d\x1e"\x1c\x1c\x1f"""$(, %("&amp;*\xfe\xfe\xfe\x1f#&amp;\x1e $\xe1\xba\x9f\xef\xca\xaf\xd4\xa5\x8a$$\'\xf4\xcf\xb3!!%\xf2\xcc\xb1\xf7\xd1\xb4\x1a\x1a\x1d\x15\x15\x15\xd2\xa0\x83\xe2\xbe\xa4\xec\xc7\xac\xd6\xb5\x9e\xfd\xd7\xb8\xe9\xc4\xa9\xd5\xb2\x9b\xdd\xba\xa2\x1d"\x1c\xcc\x9a}\xd6\xa9\x8f\xe0\xb7\x9c\xe5\xbb\x9f\'\'\'\xd3\xa3\x87\x18\x1a\x17\xd9\xb5\x9c\xfd\xd4\xb6\xf1\xc7\xaa\xdc\xb7\x9e\xf9\xce\xaf\xd0\x9d\x7f\x18\x17\x1a\xbb\x97~,/1\xda\xac\x91\xdd\xb3\x97\xd9\xb7\xa0),)\xfb\xd1\xb2\xb5\x93{343\xf6\xca\xac\xe5\xc1\xa7\xba\x8bn\xc6\xa1\x8a\xc8\x98|\xfc\xfc\xfb\xde\xb5\x9a\xc3\x97\x7f\x1a\x1e\x19\xb3\x8fu\xcc\x9e\x83\xcd\xa7\x902)!\x82kX\xde\xaf\x93\x8ar_\xd1\xad\x95\xf9\xd4\xb7\xd0\xab\x92\xaa\x89q\xaf\x84h\xbd\x9a\x84\xcc\xa4\x88\xe7\xb8\x99\xef\xc4\xa6\xb6\x89k=4+)*/\xd8\xb1\x96\x95{f\xd3\xb0\x97\xba\x8dr\xc2\x9d\x85\x11\x10\x11\xec\xbf\xa1\xca\x95u\xe494t`M\x98\x7fl\xe9;7\xae\x8duzfT\xd6\xaf\x93\xc7\x9d\x84\xa0\x82j\x8exf\xe4\xb4\x96\xbd\x89h\xca\xa4\x8c\xfb\xd7\xbb\xbf\x9c~\xbf\x91w\x1c\x1c\x1c\xd2\xac\x8d\xb1\x96\x88SD6\xe8\xbf\xa3\x85o\\\xa0y^\xc6\xa2\x83\xb8\x9b\x8c+#\x1e\xc3\x94y8:9\xa6\x85m\\I9iVE\x9f\x84r\xfd\xd9\xbd\xdb\xa4\x82\xb9\x94w\xe34.\xf8\xf8\xf7\xa8\x8cz\xbf\x95|\x9c~f\xbe\x8es2/+\xd9\xa8\x8a\xa7\x7fd\xfd\xdc\xc4C:0\xb0\x8ao\xc4\x91s\xf4\xf3\xf1\x8foW\x90u_\xcc\xa9\x8b\xa4\x88u\xb1\x93\x82\x7fcM\xbb\x9f\x91\xd9\x9f{$\x1d\x19")#\xd6\x9cw\xda3.\xb0\x90{\xd0\xaf\x9c\xbf\x8cn\xc8)$\xb6\x86g\x89eM\x99w^\x94iQ&lt;."\xf5\xcd\xb0\xd2\x97s\xb8\x96\x82\xeeC&gt;\xce\x92mM=/F@9\xc5\x8em\xb1\x81b\xc0%!oZH\xb6%!\xc9\xab\x9a\xc7\xa5\x90L5$\xc9\x8ce\xc5\xa7\x97\xbf\xa2\x95\xed\xbb\x9b\xc4\x86a\xe6\xaf\x8d\x9aqXfQ&gt;`QB\xc0\x9f\x8c\xd2,(\xe0\xa9\x87\xaasVgif\xbc\x81^\xec\xb4\x92\xf5\xc4\xa4\xad\x91\x80wW@\x81\x85\x82\xe4\xe4\xe4X^[Z?,\xeb\xec\xecpL7\x82\\D?DA\xe1\xac\x8bfH3VKA\xf4\xbe\x9c\xb5xZ\xc0\xc1\xc0\x9e\xa0\x9f\xf5\xe9\xdfotq\xab\xae\xac\xc9&gt;9\xb8\xb8\xb7\xaa!\x1d\xf3\xd9\xc6\x98\x84|FMI\xe3\xca\xb7STP7\x1a\x1b\xf4\xe1\xd2G!!\x89&amp;%Y"!\xca\xca\xc6\x91\x94\x92fZRi##\xc13.\xb1rn\xa6hd|N6\xa2kM\xd3\xd3\xd2\xbatv\xbf|x\xb2E;\xdb\xdb\xda\xe6\xd4\xc3x$#\xed\xe2\xd8\xad30\x87W&lt;\x93\\C\x9b!\x1e\x82pg\xa4\x8e\x87k&gt;,\xf4\xd3\xbb\xf6]S\xb5WI\xc3\x88y\xd8\xc1\xae\xb4\xa4\xa6\xd2UK\xd1l_\xafW\xea\xc5\x00\x00 \x00IDATx\xda\xcc\x97_L\x13\xe9\x1a\xc6\x9d0\x17=\xf1\xb4\x89k\xd1\x13\xb3\x83:\xcc\x89\x9bjc&amp;vS\xcbR\xb1.FK\xb1\x15,\xd2`\xf8\xa3`h\xb5Xl\xc7b \x08\x1d\x9bR\n\xbb\x95N\xe3\x92\x02\r\tEb\xa0\xc0A`#%9\xfcm\xd9\x12 \x10\x12M\xaf\xd4\x1b\xe1\xc2\x1b\xcd\xea\xedy\xbf\xa9\'9\xf7\xa7\xc5}h\x81t \xdf/\xcf\xfb|\xef\xf7\xbd\xfb\xf6\xfd\xdf\x12\xec\x13\xfcW\xfb\xfe"\x02\x94\xe6\xe5\x0f\xeb[\x1boA[\xdb\xbb\x0b\xed9\x7f\x05\xaa\xf6\xdd\x8d\xf9E\x86\x06\x118\xc7\x91Lbs\xe3\xcdB\xfb7uM\x90\xb3\xb0\xbd\xb9B\x13J%\xf17\x8a\xa2\xc4&amp;\x11\xa1$h\xd9\xca\xe2\xe6\xf6\xf2\xb7\xf2\x0c\x02\xb5\xb0\x91\x90I\t\x00\xa20\\)F\xa2\x94\x80\xc8q\x9c4\xb2\xb5,\xf86N}x\xfb\x9a\xe6hZD\x10J*\x03\xc7(1E\x9d\x14+\t\x82dh\x92\xe6\xa4\x8b[\x0b{\x0f\xd6\xbc;\x0fPJ\xa5\t\xc7q0\x88$\xb1\x0c\x13yU\x84\x11&amp;\\$"p\x92\x94\xcaV"\xeb{\\\xca\xe67\xf3\x0cG\xf0\x82\xaaQJ\xec*M\x8ap\x1cSR\x942\x03E\r\xb8h\x19\xb3\x12\xd9\xde\xc3\xf0\x0b\x96\xe7e\x1c\x02"x\x14\x14)SF\x06NbP\xc6\x0c\xdcD\x89\xc5Jz%\xc1\xd0R\x1c\x97\xce\xefY%\x05\x0b\x11\x8e#\x901\xa8\x82\xa4\xc8$\xa6\x0e\x1e4\x1d\xcc\xc0\xf0\x0c\xca\x84\x89`\x03\x980Z*\x03\xd12\xc8\xfen\xce\x1eu\xaayd\x15\x85\xb0L\x18\x8e\xd3$v\x10\x9c2\x9d\x14\x9f\xc42\xe0Cx\x06Fb\xa4\x8c\x94\xd22V\xc6,n7\x0b\xf6\x00j}\x13\x1a\'\x94\n\xa0\xc0\x17\xb0\x8b\x16a&amp;\xf0\xcc\x04\xb5\xa4\x94\xf0\t\x89\x9b \\"\x99\x8caiN\xc60\x8b\x1bi\xef\x15\x82\xdd\x08\x039\x17\x91\x04\xac\x8f\x99\x08\x00\x14]\x95\x9a\xa8\x83\xd0\x1f\x10\x15i2Yu*\x9f\xd2\x87\xb3,\t\xb1gY\x96fV\xd2\x1d0\xc1\x87\x04\x81#\x16\x02#0X\x16\xc3E\x18)BH&amp;\x9c0\x91$\xcb\xaa|V\xd6\x15T\xa9TA\x9d\x8auY\xad\xae\xd7\x0c\xcb1\x917i\rX\xce&lt;!e1\xe4\x16\n;\x89c4+\xc2x\xa3|:\x1d\xc9\xbatI\x85@\xe10\xc0Y}&gt;\x92\xd512\xd9\xe2v\x1a\xb9r\x96\x13\x1c\xcb\xe2\x84O\xc5\xc2\x92H\xf0\x0b,\xed\xf3YU\xbaA\x9d+d\x9f\xb2O\xc5\xe3\xf1h4\x1a\xfb\xf8&gt;\x1a_\n\xa2\xa7V\x96\xe4\xb8\x95\xad\xe6\xf4\xd5p]\n\x07\x1en\xb5\x06\x83\xc1p8\xbc\x14\x0e\x99C\xba *\x98\xcee7\x9b\xa7\xbc\x1eO\xaf\x05\xd4\xd7\xd7\xb7\xb33\x03\xfa\xf4\x05&lt;\xb3\xaa8\x82#d\x1bi\xe3j\xdf\x84\xb8\xe3\xd6`8\x1e\x9d\x8b\xc5z\xfa\xfa&lt;\x1eO\xcf\\4\x1e\x9f\x8a\xce\xcd\xc5z,N\xa7S\xadV\x0f\r\xad\xad\xcd\xac\xad\xcd\xceNLL\xcc|\x8c\xa2bB\x9b#d\xe9\xf2K\xb0\xce\x10\x98\xd2\x1a\x8c\xc7\xfa,\xce!mRj\xa7\xc529i\xb1  u`\x08i\x16\x90\x90&amp;F\'&amp;\xd6v\xde\x7f\t\xabpt\x8e3\xeb\xe9\xd9\x8f\xed\x11\x8e0Y\xc3s\x96!ywwwMM\xf73\x87\xdb\xe1\xd0k\xe5Zm\x00\xbd\x10\x15\x0f\xc6cM\x00\x16p\xcd\xce|\xfc\x12\xf6\x89\xaf\xc3\xdd"\xf1!\x1d\\9\xdbR\x82\xf0\x85\xa3\x16\xb9\x1cA!,7\xc8!\x07i\xe1\x05\n\x04\x02C\xf0\xe6\xeb\x07H\xa3\x88kb\xe6S\\E\xa1\x83\x93\xd8lOK\xcf\x82\x8b\x8cji2\x00@I*\x83\xcd`\xe3\xb9\xf4z\x87^\xaeGt\xda\x1a9z2000:0\xcac\x8dN\xccD\x83&gt;1\xf8Eq\x1b9iHV\x82\xc3\xf1pl(P\xa3MB\x19\x14 \x9b\xcdf4\xda\x8cz5"C&gt;:\xba\x1d\x86\xfe\xfe\x81\xfe\x01\x84\xc6\xdb5\xfb&gt;l\xa5\xc4\xd7\xaf\x8b\xc5\xcc\x9b\x94\x97\x11.\x0e8\xa6\x8a\xce\x04\x02\xc8\xaagn\x83!\x0b\x94$k\xc95\x82\xf4z}\xb7\xbe\xdb\xe1vg\xf9\xfd\xfe~x\r$\r\x9b\xfd\xf8%\xe8C\\\xd7\xc5i(\xe3\xc2k\x12\x0b\xc7\xbeR\x01\x94\x04}\xe5U\xe5\xe5U\xe5\xe6\xdaZ\x10\x97\xc3\xe1@T\n\x89\xbf\xab\xcb\x0f\xef~\x1ektb\x07\xec\x82k\x19pI\xb7R]F\xc1\x16\x8d[\xe3\x935(Z\xee\xac,IfR\x9a&lt;M\x15p\xe5\xb6\xb4\xb4\xd8\x10X\xc0\x01\xc0\xfe\xae\xc6\xc6.@\xe3+90\xba\xf6)\x8e\xecBudvS[F\x01j\x0f\xc19\xa7\x96\x8f\x95$3[\x98\xcdKs\xfb\xf6\xed\xb3&lt;\x18\x90\xc17\x87M\x01\xc8\x8d\x8d\x88\xcb\x8f"\x069\x9b\xd8\xf9\xb8\xc4s\x89\xc5\xc4\xdb\xd4\xda%\xd8\x85\x810\xd4\xa3\x0e\xa0X\xc1\xc2\xd9\xd9\xc2\xc7&lt;Y\x9e\x06\xec*\xc9\xfdj\x18\xe8\x7f\xb1 d]~\xb0k\'\xba\xa4R".\xe5\xe6rj\xb16h\xdaj\xf7\xa8\xb5\xdd(\xecPB!(;\x93O\x16B2\xb6\x18\x9b`3\xea\xe5\x0e\x03z\xde\x85\xe4GT(b\xb3;\xb1\xa5\xa0\x95\xe7\x92\xa56]9\x11\x8eT5X\xd4r7\xbf\xac$[(\xcc\xcc\x94H\xb2P\x87@\x81\x87m\xc87.\x87\x03\xfd\x01\xb4\x88\xfe$\x14\xb2\xad\xff\xd9L,\x1eV\xf1eTFR\xb9\x19\x05\xcb+\x04\xae+\xb3\xa8\x1d\n\x85\x01\xc5=\x1b\x98\x10\x95\xc2\xc6\xefAD\xe5\x90\xab\xd5Z\xbd\x03\xd99\x80\xb8\x00\xac\xab\xf1\xe5\xcb?\x1a\xfd\x86@_t)\xcc\xdbE\xa5\xb4G\xe4\xbc\xa1\t2\xe4\xb5hmY\n\x08\x16pI\xa0k\xe5e)\xf8\xed\x87z&lt;H\x0bX\xd0Q\xdd\xdd\xcf\xa0\xcd\'\xb1^\xbe(,\xacn\xccr;c\xf1\x10\x9f.j1\x95\xe1\xcayK\x10*\xb3\xd7\xa9\xad\xad\xcf\xd3\x00U^\x1e\xc2Rde\xd9\x8c|w\xd7j\xd17t\x89@\x07\xe6\xb3$\x17\x98\xf5Guuia\xf5cC\xc03\x856#\xdc$^/\xa4r\x8e\x8e(\t\x16\x12\xdfT[\xaf\xb9\xf3\xd5+x+\xdc\xe8\x0e!O\x9e\xd6pR\xc3\x15\x82?\x13A\x06\x1e\xebEa\xe9\x95\xd2\xc2\xd3\x12\xed\xe4T\x08\x85\x9e\xa2V&gt;\xa4\x16\x0b\xd7\x01\x16\xa2\xaa\xccNb!\x19\xdc([&lt;\x18\x1fy\xde5\xb8\xf6 \xb0\x81~\x7f\xe3\x8b\xd2+\'\xae\xd4\x1d\x17\xb6X\xe6\xe0\n\rv\xa5\xd4-A\xf3"`M\'\xb1\x8a\x84|\x05\xd1\xd9#\x81\xc8\xb7\xa0\x8ee\xd4\x1b\x8d\xf0S\xaf?\xd7\xd6\xe6t\xb6\xb5i\x03C3C5\x03\xfe\xc6\xea\x13\x7f?q\xe0\xf0\xb1\xfa\xf2\x1e;Lj0\xf6\xa6t\'\xb6\'\x94\xa4\xeby\xc7\x83\xda\xce\xce\xca\xa2\xa3\xd9\xbcQ\x8a\xbc*h\xa4%%\xbf\x8f\x8c\x9c-h9U22r\xff\xe9\xd3\xf2\x9b7n\xdc\xca\xcf\xcf\xf7z\xe1\x1emqw=\xde\x7f\xe4\xc4w\xdf\x1d\xbet\xae\xb7\x01\xaa\x08\xf3\xf6|*\xef\xce\xed\x8b\x04\xc2*\xaf\xbds\xa7\xf3Rgf\x96\xc2\x01\xf9\xbe|\xa6\xa0\xe0\xfe\x93\xf1\xb1\xe1\xe1\xb1\x911\xd0\xf8\xf8\xa3\xcfw\xff|\xf7nz\xbaaz\xd5l\xb6\xdb\x97z\xba%EuG\x0e\x1c8\xfc\xcf3\x9e9\xb3N\x05w\xfa\x94\xde\xb9\x9a#\x80\xd5\x90_^{\xf1\xa2\xa6S\x93\xdbf\xe9\xed\xed(~\xf8\xf9\xd5\xab\xcf\x9f\xef\x8f\x8f\x8f\x8d\r\xff\xf6\xdb\xf0\xf8\xdd\xfb7n\xbdJ\x0c\x0e\xbaX\x9d\x8c\xd1\xb9\x06\xcd\xf6\xa5X\xf7Q\xb0\xeb\xc4\x91\xfd%\x1dev\x97\xcaJp[\xa9&lt;\xab\x9b\xe7\x91[\xf7\xcak\xafu\xd6kN\xf5\xce\xcdUT\x94\xbdK$\xdeE"\x91Ww\xc110l\xec\xc9\xc3\xbb\x7fVT\x0c\xc2\x80/\x82\xe1\x16&amp;G\xf3t\x83\xddk,:^w\xe5J]\xe5M\xaf\x1dU\x91\xdb\x16\xa4\xb4oq4\x14\xb1\xad\xfe\x9a\xa6\xf6\xd4\x05\x18\nWW\x18\x96\x951\x83\x89\xe9\x8a\x87\xbf\xdc\xfd}l\x18\x92\xf5\xe8\xd6\x85\xe7Sf\x1dK\xd3,\xabs\x99WW\x9f\xdf\xbbP\xe6\xa9?]XZW\xfaC9\xfc\x97\x0e\xb0R:\xff\xe4l\xd1\xf4\xe0\xf3\xe2\xb6\xfaK%\xe5\x1df\x1d\xa3\x93\xa1\xb5IZ78]\x96\xff\xcb\xd3\x82\x91\xe1\x91\x92\x82_\x8b;\x1a\x80+\xe4\n\x87\xec\re\x17n\xdd\xca\xbf\x97\x7f\xcfs\xae\xa8\xba\xf0_\xa5\xc7J.L\xa1p\xd1)\xc5\x82\x81\x9a\x1el\xe8h\xaa\xef\xac\xbd9\xed\x82\xc9^\x07\xb5b\xd1@mn\xa8(nk\xb9}\xf1\xfc\xd9\xaa\x823\x97-\xbd\x930\xd0\xc6z:\x8a[o&gt;x\xfa\xf4\xfe\x93_\x1f6UV\x17\x16\x96\x1e\xbf\xedI\x03\xd6\xbe]\x86f\xa6;\xa0\xc9\x9f)37\xac"\x99]\xa1P\xc8l\x8f\xcf\xf5\xb46i*\xaf\x9d\x17\x1e\x15j4\x1a\xa3\xda9\xd97\xd9\xfa\xe0r\x9b\xdcXu\xfe\xda\xa1\xefGj5?\x83]u\x1a\xc0r\xb1\xa9vk\xf95\xcd\xac\x16\x9fk\xaa-6OU@\xde\xcb\xbc^o\xcc\xeb\xed\xe9\xe9\xe9\xb3\x9c\xab*\xfa\xa9H#\xfc\xb9n\x7fe\x9e\x1af\xec\xde\xd6\x9b\x97/\xb7\xe9\x15\xc2\xd3\x87\x0e\xfd\xe3\xfb\x1f.\x1d\xad\xae.&lt;\xde\xd91e\x0f\xb1\xb8,\xb5\xd9j^Lb\x9d\xf2\xda\xf3\xff\xfd\xe8akookk\xaf\x07\xa0\xfa,\xea\xdcK\xc7N\x0b%\x99/~&lt;\xa2q\xf6MN\xfe\x87V\xb3\xfdI+M\xc3\xb8\x9b\xcc\x07\x138!\x90\x1c\xd8\xa2\x01\xdc\xb3\xf6TB\xceiU\xac\x88\xe1\xd4\x83E-/\r\xd4\x06\xa3\x11_P\xb0F^\xb6,Z \xad\x9a\x83\xc5\x11:\xae\xcd\xa4c|\x19;i\xd5\x98\x99\xe9\xe6\x0c\xda\tNa\xdb\xedF\x87\x16\xd3\x97L\xect\xd7dg\xe7\x8b\xdd\x0f;1\xd34;\xc9n\x93\xbd\x8f\xed\x9fp\xf6I \x10\xbe\xfcr?\xd7s=\xf7u\x1f\x16\xb7\xa7i\xbf\x9f^H\xe8H\x99P.\x14\nP&amp;\xedv\xa6\x92#\x9c\xe6y\xde\xc4\xbag\'\xaa\x97\x93\x86Xb\xad\xfd\xda\x1f\xfex\xa6*\x11\x1e\x9b\x9a\xdf\xbe\xbf\r\xc5j9?H\x12\x8a\xc9\xb6\x8c\xd6\xd7\x14^\x07m\xad\x8d&lt;\x06\xf3z\x9c\x8cu\x9f\x13\x8b\xc5\xa2\x1a&amp;\x9aO[@\xf2\xc3\xe0\\&lt;c\x15qXt\xa250\xdd\xfc\xd9\xef&gt;\xff\xc2\x10Xp\xf8i\xb8`\xf6\xb7\xe7\x17\x0cfD=\xd9\xb72\x93e\xcbj\xe3\x8b\xfb\x8f\xda\x9fU\x9f\xf8\xf6\xb7\x17\x1a\xee\xdeH\x05\x85b\x91\x8c`\xf2yc\x15=2&lt;|\xbb\x81_\xdf**z\x00X\xeda\xdb\xc2T\xd5\xd7\xa7J\xaa\xe2=\xbdo\x1e\x83\xe47\xb69q\xe9\x80\xea\xde\x9d\x8f\xf3Y\xb7\xb9u\xfe\xd1\x9b\xb7\xcf\xbf\xfd\xfe\xd9\x85\xeb\x0f\xbe\xbb\xbb\xa0S\xca\xc4\xe22\x86\xc90\xcd\xd3\x1b\xff\x0f\xac\'\xd5\xd5\xcbk\xe1D`\xcc[\x9b2$\xae\x8d4\\\xbf\xf8\xc1\x85\xe5o6\xee/\xc6W\'\xdbV\xfa\xee\xad@+\x9ai\xb3\xcd\'\xdf\xbe\xfd\xee\xaf\r\xd7\xaf_|\xfe\xe7\xde-\x03Y&amp;\x14\xfa\xf2\x99\x0c\x13_\x1by\xb4q\x88\xc5\xafq\xfd\xbezyd,\x117\xd4\xf6{\xd7\x1dC\xaeo\xae?|xq\xf9\xc9\x8b\x17S\xab\xab+m+\'\xef\xdd\x01\xac\xa8bu=\xdc\x91\xecm\xbf;t{\x98v\xc4\x07\xbcfD\x85[\xdd\xf9L4&gt;\xb2\xb1\xb11\xd4p\xe2\xf9\x0f\xff}\xca\x1fX\xf1\xbf\xbe?\xbb\xfc8\x99\x88{\x9b\xfa\r\x8b\x7fY\xfb\xe7\x93\xdf|\xf0\xab\x86\xe5\x17\x1d\x1d\x81\xd5\xb96u\xdbl\xdf\xadh6\x9d\x8f\xb6\xad\x06\xae|t\xcd\xe1\x00\xef\x08\xb4\x92R\xfd\xa0\x8e\xb1\xe2\x16w&amp;j\x1b\x19\xdeX\x1b\xfe\xf4\xcb\xc5\xbe\x9b\xc4A1\x7f\xc6\xf5\xb0zy\x88nI\xf4\x97\x9c\xd6l?\xa2\xdf\xfe\xe3\xec\xa7\xb7\x87F\xa6\xa7\xd6\x03\xb6I5\xaan[\xf98\xcdf\xb3\xe94\xda\x12\x08w6\x07\xd67\xe7t\x84T\xda\x85)\xa2N\xbc\xcc\x9d\x8f\xce\xae\ro\xdd\xdf\xdazu\'_\xc8\x96\xf1\xd6\n\x16\x7f\xf8\xaczy\xd9\xd5\x92H\xfd\xfatk \xde\xd3\xe8w\xd1\xbd\x8d\xc9\xb1\xb1\xf5\xb9Y\x05\x8a`\x8a\xb6h\xb6\xc0\xb2\x05\xd6\x82\xd9Z\xe2\xe1\x84m\xd56\xa9\xa3(T=\xc3\xb8\xa1\x9b\x07\xd5\xcdo\xccon\xf6E\xd9\n\xe3N\xe6)\x7fm\xf3\x83\xea\xab\xcb\xd3-\x86Ty\xd3\xe8\x80\xb7V\x13\x0e\xac\xc7{\xc2\xe18\xe4Y5DlJ\x9d\xc9\xb2,\x9b\xcb\xe1\x164d;l\xec!R\xaa\xd5(\xc3\x18\xcb \xfc\xe4\xa3\x0b\x8f\x02\x0cf\xa9&lt;R\xa9{=\xb3\xc7\x9f\xb8\x00\xeb*\x9d\x885\x95\xa4\xba\x83\xc1\xee\xeeV\xa8G\xa2\xc56\x001\x16\xc2,B)\xa2\xe9,\x9b\xb3jE&gt;\x06\x9d\x1c\xe7\xa6$\xf5\xdd\x80\x0b\x96\x95\xb78YK::\xb7\xb5X\xe6\x94Lx*\x85\x9b3{&lt;\x89\xab\xee\xe0\x87g\xd5W\xcfN%\xbc)s77\xa0\xd1\xd5\x87\xc6\xc7\x07\xc6C\x98\x92\x0b\xfd(F\xe9\xc0\xca\xb3\xb9\x9cV"72\xea\xb6z\xaa~@Ga\x84\xd1\x02\xcbj\x85m\x84]\\\x94i=\x92\x9c\xf6\x97\xb9\xcc.?\x9ds\xddO+;\xdb\xb7\xcf^]0x\x83\xdd!]\xbdN\xc1\xb1\x85\xeaC(C(\x11\x8cB1][4\x03X\x15\x15\x12\xa1\x11\x83\xbcFq\xe9\x1b\xe1Z\x1a\xa7\x13\xc7q\xe0\x8a\xae\x07\xf0\x8a#l:\xe7\xbe\x97\xe6\t\xeb\xf2\xb9\xa8z%&gt;&lt;\x14\xd7\x04\xcd\xf5\xa1\x90.t\xc8\xa5S\xa8\x19\x92$\x08\xc0B\x07f\xd5\x80\xe5\xac0Ip\x15s83Q(0\xc6]\x069Q+\x91,\x01\x971\x10\x90k+\xb2\xd9B\xf4\xab,?X\xc5\x97\xfb\x11\xd6\x8886\x12^3\x06H\n\x1d\xbc(J\x81bF=I\x1a1\x85\x1a\x9d\x9dTC\xb2\xb7\xe0&amp;\x93\xb0\x0c\x03\xb5\xa9\xb9Q\x05ctj\xc5\x12\x89\xc7#\x81z\xa9\x9a\xe3V\x9c-Hr\xe9\xaf2\xbf\xf0\x93\xca.\x7f\xb2I\xc9}\x9fM\x1b\x82f\x8c\xc2\xb0\xc3y\r\x8aR\x18B\xe8U*\x82R`H7\x85\xa6\xd3\xe9\xbce\xc9\x84[\xe0W\x94\x9b\x801\x8c\xc5*4E"\x13\x11\x8fh\xc9\xea\x8e\xb5X\x8c\xaf2\xbbK\x85[3&lt;a\xd5\xbd\x9c\x9d\xeb\x92\xffi*\x164#J%\xa1\xe4\xf4\x04,\xf0A/ \xcd\n\x94P~r\x8aqZ-p\xea\xc4\xf0\xceAa\x0c\x03\x82\xb7\x8a=\x13\xb0&lt;\x1e\xb1\xd3\xad9\x99\xdd\xfc\xf7f&amp;[HGy\x93\xbcZM\x90\x97\x16b\xc1.;\xa9\x12\x08H%\x86\xa2JXF\xbd\x80\xa0(RZ\xfe\xf28!\xde\xb5\xb2\x16\xb7\xd5\xe76"\x1c\x14P\xb9\x9d\xb8(2q\xc8\x85;\xdd^\x1d`\xbd\xee\xcb\xb0\xd9\xf4\x1eOX/gP\x8c\xe8\x1c\xd3\xa4\xba\x8e\t\xa4R\xa9\n\xca\xc5\xd5\x8a\x00F%F\x94\xd7\x94\x97\x96\xa8\xc4b\xc9\x92\xd6\xeaS\x19\t\xe4=\x95\xc5\x89K\xdea\x99p\x96\x8c\xa9\xd9\xe8\xfe\xfe\xa6.\xcffy\xf2\xad\xba\x97\x1f\xa3nU\xa7C\x93\xb2\x0b\xe4ry\x8d\x9e@\x10\x828\xac\x96^\xa9\x84\xfc\xdfu\xca^#\x14\xcbd"\x93\x90\xdbd`\x06*\xb7\xd3\xf9n\x0f\'"\x12\xab;\xd8\xc2\x14\xd8\xc5\xfdW}\xea,\xcb\xd3\xe5\x03XF\xb9n\x91\x8e\xa5\xca\xa5\x1c\x96\x8a4\x12\xdcR\xdaI;\x81\r\xc4\x82\xfd\x94]&amp;&gt;\xb76\x8f\xe0\xd6\x93\xe0\xb0\xc0\x0bT\x96\xf7X\xa0\xf9%\xe7`l\x94-\x14\xd6\x7f\xde\xfc\x8f:\x9d\xe3\xe9\xaa\xae\xdb%p\xc1\xe4"m0\x97Kk\xe42\xb9\xd4N\x12\x87dvP\x7fh\xf1\xcb5\xcd\x00%\x90u\xfe\xed\xef;nd\x07}\x87\x05\xf6\xee\xc4\x97&lt;\xef\xa5Uf6\x04s9\xf7\xeb\xfd\xcd\xbe[\x19\x11OS\x9b\xba=\xd2G\x86Z\x92\xcdA;\x87%\x93\xea\xc1\x18\xc0H\x81NIM\xbe\xde\xdf\x8a\xdbl\xa8Oe[]\x89\xee\xf4\x01\x16\xa2\x84S\xc8\x82\xbfK\x0e\xb1"&amp;\x19\x19L \xda\xa3\xf5\xfb?\xbf\xbaw\x93\xe5\xe9 \x16\x15\x1f\x90Reh\xd41\x16\xec*\xe5\xaaU#P\xa9Tz#i\xb7\x13\x085\xbe\x1aR6\x8d\xb6\xea\x08\xa3\n\x99\xbcs\x93{\xc0\x810J#\xcb];\x9c\xe2#\x11\x8f\xe4X0\x16#L\x13\xb1\x9d\x9b73\xb9J\xbe\xb0\x8a\x0e\x04$\xd5}\xbas*6\xa8\x97\xcae5R\x81@\x00\xfa\x02*%B\x85\xe6\x06\xcc\xfd\xb5\xad\xad\xb1*\xcd\xe8\x00\\\x92\x18\xf7\xe8\x851\x82\xb2\xac\x1cV\xc4\xe31\xc9\xec^\x83W?\xe1A3\xb9\x8a\xa3\xa6%\xde\xba\xe6\x03\x12\xa1\x9a\x8ek\xda\x9bA\xf3\xb0\x8d\x80\xa5\xd2\x03\x96\xf2\xf0Y\x86\xa2[s\xe3\xa3\x1b=cc\x8e\x9e\xc4y\x04\xe3\xfa\x1c\x04\x01\xd3\xb2\xe6\xac\x12\x0f\xd4\xca#\x91\x0f\xc6bA\xdf\x04^a\x8a\x1c\xa9\xd0\xee\xf26\x10&lt;\x00\xd3,)IM\'\xbdv\x01\x9c\xc5\xf7X\x04\xa7"\x04\xeb\xd6\\\xbb\xd4\xd1\xe1\xa7i\x7f\xaf#\\5\xaa\xc3\x08p.\x04\xcae\xc5\x97$\x11\x8fI,\xab\x19L\x18\x82\xf2\t\xbc2\x12\xa9(\x98\xf8\x8b\x18\x07\x8cBw\xea\xb4=\xe9\xeal\x02?\xad\x91J\xcb\x04z\x92\xa3B\x94f\xcd\x8dK\xbd\xbd\xbd\xae5\xfa\x8d\xcb\xe5\x9a\x9e\xea1\x8cv\x0fv!(\xe3f\x9dZ\xb8\xa6M&amp;\xf9\xa0\xdd\xee\xf5\xa6d\x1e\'^yT\xab\xdd\xe3oL\xf9\xd4\xa8\x18\xaf\xa7\xban\xd0\x8e\xda\xf2R\xd8F\x9fO\xa0?\xf4S\x84\xd28z{i\xba\xb7}\xe4\xc77~?\xdd\xd8855\x166\x9c\xa9\x1dD\x8d\xacUk2\x89Db\xb1 \x154\x07SKrh\xf7s\x15&lt;R\x15\xd5\xc9T\x88\x193\x7f\xe1j\xd4\x9c./-\x95\xfa\xe0\x1cB\xb1\xcc\xfdg\xce\x84\xfd~?T\xab\xfd\xee\x8f\x909h\xd7\xb4\xbf\x91\xa6\x93\x1d\xe1*3\xc2Zq\x91IT\x03G\xb7|0e6\x8b\x95\x99\x82\xd6\xb4\xcb\xe7\xa4\xb9\xf8\'\x81@\xea#\xcf\xbb\x92ao\xd7\xf1R)l!\xc8\xc7{\xa3\xb9\xf9\x8a\xbf\xbd\xddE7v\xd0#.\x7fO\xcfB\xe3\xb4\xe3R\x07|\xed\xb8\xf2\xb5\xd2m\xc5e"!\x08Q~\xac+\x18\x1c\x14!n\xcf\xc4\x1e\xaf\xff\x16,\xfe\xb0\xe6\x98T\xe63O\xd3\x0bU\xa9s\xe5\x9c; f\xcd\xffh9\xc3\x976\xf24\x8e\xfbRH$L\xa0qL\x86\x9a \xb1\x11\x8654\x98\xc6*c.\x9d\x98\xa9\xd1\x13\'\r]f.\x89\x93\x12S\x92\x18#\xbd\x98\xe9\x05\xe3\xec\xad\x98\x9adL\xeeM\xf2\xc2\xb8=\xb9\xf6E\xd0E\xb9k\x15\x8e\xbb\xb5\xf4d\xf7\xa8\xdc]\xe1\x96\x96r=\xbaw\xa0\xcbVNJ\xf7\xc5ui\xb9\xbd\xe7\x17o\xef/\xe8\xfc`\xc4\xbc\xfb\xf0}\xbe\xbf\xe7\xf7&lt;\xbf&lt;\x13\t\\N\x07\x1b\\\x90\x16W\xc4z=\x9d\x1d\x9c\xa4\x98\\uO\xe6s\xb2\x98#c\xd3c&amp;\xbd\x9e\xb0\xdb\tB\x15\x03\xac\xaeko\x9e\xbf\xe7\x19\xc6\x8b\xcf\tBo\xf7\x04]\x02C\xa6\x0c\x16\xc8\xf1\xb1\xacT\x0c\x06\x93&lt;O\x87\xd9\xc0\xc8\xfa\xc8\xc8Hd\xa8\xbf\xad\xd3]\xdb\xd8^\x11r2\xcfR\x931\xd3\xb4\x1d\x8a\x0b\x9d\xde\xac\x0b\xa5&amp;\xb4\xfa\xc7\xef\x7f\x1eo\xfe\xc4b2\x85\x92t:\xcd@\x1da\x1c\x98 \x19\x1eY\x9d\x17Y6\x17\x98\xb9wt\xf9\xca\xdb\xe3CX\x0b\x83\x0e\xa7\xa3\xca\xb22\x15\x8d\r\x18\xedV\x83\xc7g\xb1\x87RY\x8b\xe6\x89\x12\x13\xe2\xf3\xcfFG/\xf1\xc1\xb4\xc0D\xa3\x0e\x9f\xd3!\x14\xf9`\x90\xa6iY\xac\xdf[\x83utx|x\x04\xebp\xf1^\x9e)\x16\\E\x89\x8a\xa9\xec\x84\xc1\xe7\xb4\x98U\x90\xe5u\xd8\x13%flZ\x971l:\xce\xb1|\x80d\xa2\x8eH4-\xf1\x9cK\x92\x04i\xed\xf5\xb7\xdf"\x9e\xb5C\xc0zy\xfc\xf6\xf8\xe8\xb73\x85\xd5\xf2j\x9d\tYt\x067A\x18\xf4\xf6\x89hV\xaf\x0c\x16p\x9d\xd8G\x82\xae\xa4\xc4\x08\xb6\x94\x83\xa4\x04W\x99\x16\xc5\xfa\x17kG/a\x1d\x1e\xa2\xbf/\x8f\x8f\xdf\xbe\x1d\xba\xa4"\x0b\xf7$\x89\n\xa9\xf4\x84\xc5m\xb6\xda\xed\x13\x94Cs\xfb\xb92\x93R\xad\x17\x97_=u\xd1\xb9\x00\xe5\x8fFI\x8am&lt;(\xaf\xae\xdd;&lt;&gt;\x06\x98c\xe0:DPg?\xfe\xc046\xd6{=\xbf\xb8\xb80a1\xfb\x08\x8ba\x93 B\xe9\x14\xa6\x14\x16\x02\xfb*\xc8\xf3\xcc\x88\x83\xf4\xfb\x99dy\xb5\xc08\xd0\xd7\x89\xd7\x07\x07w\xd7WV\xd6w\x1dC\x88\tz\xfbk\x9dg\xf3\x97\x17\x06,&gt;H\x0f:\xdc\xe3\xf3\xe6Cj\xadbX-\xad\x0f\x83R\x92\x15G\xfc\x11\x7f\xb5\xb8:C\xf9=m^g\xc4\xe9\xa9m\xc5W\xe2\xb3\xb3\xbbn\x1d\xd4=\xa8\xb5\xbft\xe6\xc6\x95\x05\xe34\xa1k\'\xdcfO$\xbb\xa8\xc3\xb4\x8f\x95\xc3\x9a\x0f\x87\x93t\xae\n\xa6\xaf\x16\n\x94\xdf\xdb\xd9\xe9\xf5:\x9c\x9b\xb3"M\x87\xe9d\xb8\xea6\xab\xf4cW\xaf\x8e^\xeb\xf4.,\xf4\x8e\xe9u`\xfaR\xca/P\xea\xdb\xb7\x95\xc3ji\xfd\x0bG\xd3"#TI\x8aa\x06\xbd]\xd0\xe6\x0cM\xfa\x03R9\x93\xb9\xcfq\xab\x8bC\x13F\xd3\xf4(\xf4\x8b^[\xb6d\x84\x93\xc7\xea\x89\xb8\xc9@!\xa6\xd1j\x1f\xb7(\x87\xf5e#\xc9\xe7\xd2\xd9\xc0z \x7fy\xb0\r\xd5\x10\xde\xa1\xc1\xcb3ke8\x19\x8b\x8b\xd7\xdb.\x19M&amp;\xd3U\xd3\xa5T\x95\xf2\xe0\x84\xd9\xe2q\x90)Gz\xc6\xa20\xd6Wp.\xb3\x92\x8dd\x84&lt;u\x8a\xd5\x06u\xf3\x95\x1f\xa7\xebE6\xfdQ\x7f\xe7\x07\xd7FG{\x8d\xc6\x90M`7\xadN_)\xe2\x88\xdaH\x89l\xd7jo+\x89\xf5\xca\xd5\xa0\xd9t:\x1a\x90\x84\x00\xe9\xed&lt;\xadO\x87n\\\xbf\xb2(\t\xf9\x1b]\xcd\xb6\xb57VJUya\xd7\x1dq;\xfc#\xa4MJ\x9b\xd5\xcab\xb5&lt;\xaerp6\xa7\x19\xb4\xb2\x83\xe8\xa6\x04\xaa\xf9\xa1\xfe\xfe\x85,\x13\xc8\x0e\xb6\x01\x15\x14b\xa9,%\x8b\xeb\x1b\xf8\xa6\x03\xb4J\xcb.\xbf^\xab\xd5\xf6)\xa9\xd6\xb2\x9b\xce\xd0IV\x90\x98\x00INNN\xb6u\x9eNLM.PT\xfe\xa3\xfe3\x80\x05\x15+#\xb0\xf2.^sz\xfc\xd1\xb4\x90dT\x98v\xb8GI\xac\x96e\x83\r\n&gt;\xba.TE\xd1F-\x0cN\x0e\xb55\xdd\xb5\x90G\x136\xb7\xfa\xcf|\xdcv\xb6\xbf\x1a`xqo\xd7\xe30xH\xa9X4\xdb1\x8d\x06\xb0\x14L\x10\xf3xI\xce\xb8\xc2EV\x10\xe4*\x15\x85\xca\xcf\xdb\xd9\xd5\x7f\xe3\xc2\x95\x0b\xcd\xf1\xe1\x0b\xb7n]\xcf3\x92\x9c\x96\xe3\xb3\x95M\x83;2\xc2\xd2N\xbdZ\xa30V\xcb&lt;\x11s\x87!w\xc1~\x14\xc5\x80\xcdF\x92\x0e\x7f6Kem\xa0\x16\x1al\xce_\x9e\xa9\xd3\xd2\xca\x9e\xbcW\xd9[\x8f\xf8mBr\xbd\xbd]\r\xe9\xa1\xa7\xef\xb9\x92X\xefJ\xee\xddL\x06*\t\xba\xc8\xb3,/K,\xec\xc9@u}}}\xa5\x1a\xa82i\xa1^\x97D1\x97\xdb\xcb\xb1U\xbfMJ\x16\x89S*e\xb1.\xbe\x8b\xb9\r\xb9\x9d\x0c\x17\x0c\xf2"/\xb3p\xe6\xd0\xe9\xc0^\xbc\xb2\xbd\xb5]\xa9\xc4s\x82 \trno6\x9e\x13e\xc6\x16\x10\x8a\x1e\xbd\xbe\xfd\x14\xeb\x89\x82\xde\x02\xac\x90\x1b\x97\xef\xdc\xe7\x1a\xd0\x88\x89a\x91giQ\xceU\xe2[\xdb+\xf1\xbd\xbdx.\x97\x83\x06#^\xc9\xed\xc9aQ\x12\xd2N}\xbb^\x8d5\xb1\xde(\xa9\xd6\xb3X\xc8L\xe0\xfc\xdc\xdcN#\x98L\xb2a\x17\xeb\n\x87\x9f\xf2\x106\xf4 \xa1fs\x95\xd9\xed\xd9\x11\xa8\xa9\x8by\x92h\x07ka\xc3SZ\xc5\xb1&amp;\xa0\x81\xad\xf1\t\x08$\x17d\xc3\xc90\r}u\x12DCu=+\xef\xc5E\x11\xd4Z\x11\xa1\x81\x14J\x16\xb5\x1a\xb0\xd0\xd5|O\x8fF\xc1\xf7DZ\x01\xcbB\xe8\x88Z2\x91\x98\xcb\xd0&lt;\n\xa3\xc8\xf2\xe1d\x90\xe3\xb8d\x92\x0e\xcb9\xc0\xca\xc9\xc5`&amp;S_P\xa95\x88K35\xd5}\xbeG3\xaf\xacZ\xd0V\xeb,\xa5\xe2\x9d\xf1\x9dF\x83\x86\xb6,\x0c]&gt;\x97\x81\x05\xf2A9\x16\xe6a3p\x07\x99Bt\xe0\x9cF\x83\xa1\xfc0u\xb3\xa3\xbb\xef\xdc\xb2\xa2j\xa1K\x08\x1d\x81\x97\xd2\x89\xa5\x839.\xc9\xbb\\\xc1`\xa3\xb13\xb7\xb3\x93\xc94\\\x9c\x8bN&amp;\xf9`\xa2Qdz\xdb1\xed\x1b\r\xf2\x16`u\xf4\xf4)\x8b5\xa0\x02,\x9d\xd5\x97Jg\x96\xee\x1e4\xb8\xcc?3;;\xf7w\x0e`\x17\xdc\xcf4\xd0\x95\x04\xb7\x93\xe0\xeaT\x08\xb2\xbb\xf6\r\x06A\x04\xcb\xdf\xec8\x7f\xee\xb1\xa2X\xbd\x03*P\x8b0\xb8\xfdTp|&lt;\x01*%\x12\x07s\x07\x89\xc4\xdd\x04\xfa\xc052ss\\=e\x9cVc\x1a-\xf2\x16\xec\xc4\x9b7ov\xf7\xbdjU\x14\xcbh!`\xe1\x86\x92\xdfV\xd8\xffd&lt;qgii|\t\xad\xf1\xa5\xc4\xdc\xdd\xa5\xa5\xc4\xfdB6f\x9cn\x87\x03\xba\xe9\xf8S\xac\x0e%\xd3\xfci\x10-V+\x81\xe3&gt;g\x94Z,\'\x96\xc6\x01j\xfc\xe7?j\xbe\xd1\x06\x1f\xf6\xcbL*4\x00T\x80\xd5\x8e\xc4RkN\xd5z\xa2`\x86\x00,\x1da\xc5\xcdV\xab\x15\xafE\xa2\xd9t\xbd&lt;w\xe7\xce\'M(Xw2\xe5\xc5\xac7\x16RM\xab5\x18\x865\xb10L\xdb\x81\xb6\xa2\x92X\'\xa5\x01\x95\x8a\xb0\x1a\x0c\x06\x1c7\xf8\x9c\x0e2\xbfX(\x7f\xbe\xbf\xff)z\xaf\xec\xd3\xfd\x073\x8b\xd9T\xa8\xd78}\x0eJ?\r\xf2;`i\x9b\x96\xefy\xa3\x1cV\xeb\t\x04Q\x07Q\xf4\x01\x16n0xJ\x91(%\x14\xb8\xcf\x1f\xed7\xb1\xbeX\xccgK\x03\xa6\xe91\x0cR;\x86"\x88b8\x051\xec\xee\xc3\x14\xcc\xa7\'1\xa3Je1\x9bq\xdc\x8a\xe4r\xfb|\xee\x08\x99f\x0b\xab\x0f\x1e\xed\xef?z\xb0\xc6DS!\xd3t;\xf2\xd3\xb0\xfa\x07k\xa1\xbc\xd5\xdd\xa3d&gt;\x05,\x13`\x19\xc0\\ \x96\xc1\xed\x83\xc7o\xab\xe6d\xb6\xccq\xe5\xa2@:\'Tz\x94\x1a\x86\xa7\x86\x9bP\x18\x8aa\x07\x98\xabg\xec\x95r?\xcd\x00A\xfc\x01\xcbj\xad!\x87Yq\xf7\xe6\xd6VeE\xe6y\xa1:\xb2\x89\xbeD\x83M8&lt;55\xacA!\x04Bm7\xc2:\xff\xd9\xc6\x9f\xff5\xaf\x10\xd9I\xec\xda)\x96\x01\xb7\xa20"\x8b\xc1\x9e\xc47\xb6\xb6\xa1\xde\xda\xdd\xb0\xea\xf4\xe8\x14&lt;\xc5\xc2\x90\xb3\xb4\x1a\x84\xd5\x01X\x1f\xbe\xde\x7f\xfaN\x89H\xb6"\xb5T\xaa\x01\xf0\x96\x0f\xb7\xfe\x9f\x0b\x9e\x1ap\xcdV\xb6p\xd0\nb\xd7\x0c\xe2\xd40\x06\xbbP\x03\xff"\xac\xee\xf3\x9f\xfd\xe2w\xaf\xff\xf6\xe2\xe8=\xdf\xa16\x7f\xb6\xe3\x95\xb7\xad\xd7h2Z\xccV\xc4\xd2\xe4\xf2\xd5\xf0Z\r\xcdZoool\xe0:\x9d\xfd\x7f\x86\x02si\x9aK\xdb\xdd\xc4\xea\xe9\xfb\xcd\xaf~\xfd\xf5\xdf_|\xf7l\xbe\xe5\xfd\x91\xb5^\\~\xf8\xcd\x97\xdf\x7f\xdf\x05g\xa2\xca\x02a&lt;\xf5\x95\xc1PkBmlT*\x15\x84e\x07\xb9\x9a]\x85fxX\xab\xc1\x90X\xc3`-\xf0V\xdf\xef\x7f\xf6\xcb?\xfd\xfb\xc5_\xbf\xab=\\\xbe\xd8\xfa~d\x9a\xff\xe6\x1f\x7f\xf8\xe3O\xbf\xfe\xc9\x7f\xba&amp;\x06\x06\x8c\x16\xe0\xf2\xb9Q\xfc@\xaeZ\xcd\xbd\x89B\x18\xff/)\xe7\x1f\xd3\xc6}\x86\xf1\xdc\x9d\xef\x8e;\xb3\xcb\x81)P\xf0V\xe3\xc9\xc5\xd4\x9c \xd8\x8e\xac\x101G\x91cf5\xab\x91e\x16$\x90\xc9T41\x84&amp;#2\xedGG\xf6\xa3\x9a\x9ajA(\x93AV\xd3!G\xdaj9LDj$\xbcdIDX&amp;\xfeH\x8a\x12\x8a\x16\x15\x19\x92\x82\xb4T"B4Y#\xf8\xa3\xda\xf3~\xcf4\x99\xf6\xab\xed\xbe \xfe0\x06\x7fx\xde\xe7\xfb\xbc\xef\xf9\x8e\x1b\x18;_\xbd\xbf\x86N\xa7P\x15\xcb\x8f\x00\xad\xac\xbc\xa6\x8c\xd5\x10\xdej\xb8\xf9\xee\x8f\x8f}\xfcdk\xfb\xd3\x0f.\xcf\xdeyx\xe0\xff\x91\x8c\x88N]\x7foa\xce\xd0d\xc3\xb7\xd1\xfd\xe9K\x89\xa6\xd6&amp;\x87\xb5\xb5#\xc1\x12\xd5\xde&lt;\x11\n\x86\xa7\xa6\xa6\x92\x99\xf1\x91\x81`5\x9d?C\x19\t\xab\x9c.;-\xb5N\x1e1\x8b\x08\xac+\xef\xfe\xf1\xe2\xdf6\xb6\xb7\x7f0?l\x0c\xdf~\xff\xc6\x97\xbc\x9bKI\xc9\x81\x1b\xf7\xee_\x9e\x9b7\xe4\xafZt\xd1\xf0-v/~\xedp\xab\xc3\xd1\xea \xd7\x93\xb5\xf0\x19\x0b\x85BS3\x99\xf1\xf6\xd3\xe3\x81\x98\x9b\x861:\x8e.\xa7\x9e\x08\x97\x95\xc2\xf1\xc4EX7\xaf\\y\xe7\xe3\xc5\xed\xed\xbf\xcc\x83K1\xe6\xee\xdf\xfb2\xb7\xb2(9p}a\xce\'K\xb2,\xf1\x02\xdd6\xe0\x15`\x1dK\x00\xcb\n{5\xbb\xe0{\x90\xa1?N\xd4\x86\xa6"=\'\x8e\xb7Gb\xaeJ;"\xc2\xc4*e\x87\xf9O\xb1\xae\x82\xeb\x8dG\xc0z2&lt;\xec3,\xaah\x0c\x83\xec\xd4\x17S\xac\xa4\xe4\xc6\xc2]Q\x91\x14I\x92\x14\x81\xb3\xe8\x9a\xf3\xb7\xc0\xfa=]+b\xb5:\xdc\xcdvJz3\xec\xab\'\xa6gF\xdbO\xf4\xc4;ht\xddO\xd6"\xaa\xaa\xb2\xc9\x86\x86\x86\x96\x16\xb3\x88-\xc0\xba\xf9\xd2\xa3\xae\xedsO|&gt;\xc3i\xb1\xe8Q\xc3\x10\xcdb~\x81\xf7\x8c\xee\xdc\x15A\xa4\xf2 \x13l\x16Z\x87\xd6\xbb\x16_\x05V]]\x9d\xd5\x85a\xb0\x19\xa1j\xa7\xa8\xc0V\x04\xd6\xeb\xdf&lt;\x18r\xc3\\\x84\xc5\xa2\xb4l\x92a\x99\xdez\xb1\xc5\x7f\xf5\xea\xd5_&gt;\xe8:w\xee\xcf&gt;#\xaaY8\xcei\x18\xba&amp;\x1aw\x17\xae\x1f\xf8\x9c\xb1y\xea\xfd9C\x92\x15\x00\xe9\x9a,\t6\x8e\xb0\xf4\xad\xae\xd4\x9f^\xc0\x08Qgu8\x18\x16\xe6A|u\xc5bS\x11o\xcf\x89\xb6x\xd8\x8d\xad\x88\x9eXF\x83i\xd9\xa4\xdf\xdf\xd0R\xc4\xa2*\x82\xeb\xf0N\xd7\xb9\xc5?\x18\xfb\xf6\x11\x96\xe6\x8cr\xba"\x03l\xf6\xf3\xb4\xa5\x92\x9f\xde\xbb\xed\x83\xa3$\xdef\xd3\xf0sJ\x11\xcb\xb2\x92O\xdd\xfa\n\xe6\x16:\x89\xee\xb0\xdb\xdd4\xa6\xdai\xfa\n\x07\x80\xd5\x93\t\x00\x8b\x02\x02\x87\xf7{K\xebK\xfd\xa5\xc0jy\x8a\xd5\xe0\xf7\x13\xd6\xd6/\xf69QC\x8e\xb38}\x9a\xae\xeb\x9a&amp;\x8b\xf3\xb3\x1f\xfd\x8f\xf3z%%\xd7g\x87\xc9\xe7\n\xef\xb1\xe92\xcf\xe9\x9a@7\x13\xc1\xc7Z6\xbf\xf3\\S\x1d\xd4\x02\x17a\xb9\x9b\xd9\\\x1f\xeb\x8b7\x02\xcb\x1b\x08\xba\x18\x16\xb3V}})y\x8b\xb0^dEl\x81^\xcfmtu\xad8\x9d\xd0\n\\\xba\xe8\xd3\x14\x02\x93\xf0r\xc3\xf7\xaf\xff\x17\xc1J\xc8Tx\x16\xa8\x04\x8fM\xd14\xce\xc6k\xe0\xe3\xe8\xf7\xac\xe6\xd2\x1b\xdfh"k\x01\x8b\x85}\xb5\xcb\x8e\xd9\x1ej\x01\xab\x1d\\\xec*\x1c\xc4\xd6dY=\xad\xa2\xe5\x8b\x9eoi\xa8\x7fc1\x95_\xb3hL{x&gt;\xaa*\xb4H\x04Y\xbc\xbb\xf0\x9f\xcc\x8f\xf0\xbcw\xd9 xI\x15l\x1e\xec&gt;\rD\xba\xe0\xf1\x08\xe0\xe2\nK\xd9\xf5cM\x8c\x8a\x16\xf5 \x97\x9b4\xab\r"\xb9\xbc\x99H\x1f\xc3\xaa"\xb3\x13\x95\x9f\xccE\xeez\xde4}}\xd3\xad\xf5|\xb6`Bq\x16-*\xf1\xaa\xaa\x00M\x12\xc1%\x19s\xff\xfe\xd67%\x07\x1e\xce\x0e\xb3\xa0"[\t*\xb0 \x99\x87#,\xe2\x1az\x9c\xcb\xbd\xdaT\xe7 0\x07\xecE\x9d\x11\\.Wm\x18\\\x91H&lt;\xe8\xb2\x83\x0bz\xa1\x82\xf5G\xeb\xfd\x93\xe4\xad\x96],\x7f\xddOv\xd6\xd3K\xcb\x96\xe2\xd2\x9d\xbc\xa0b1\xb9D\xaa\x90q\xfb\xde\xbfX\x0cIu\x7f\x9e\xb8\x11T\xaa \xf0\xaa\xa2\x8b\x9aj\xf3t\xf2\xbc\xc7\xd3\x0f.x&gt;\x97\xbbu\xb8HeE\xd4\xd72.\x17\xa6\xe7\xa9@&lt;\xe3m\x0c\xc6\x9a\x1du\x83\xe0\xa2\xabM\x81\xd5\xc0,_4}\xcb\xd1\xde\xefo\xa4\xb3+\x96b\x115M\xc7\x8b\xe8\xe4-Eb\xbe\xc1\xf2\xcd\xfe\xb3\xc5\x98\xa9\x08\x19\xdf\xa5?\x01T\xd8\xbb\x92j\xab\xe8\x14t\x9b\xc7\xc6\xaa\xb8\x96\xcb\xed\x1c~\x19r\x11Wk\x13\x1b\xe6\xb1B\xa1` \x92\xf1z#\x81pm\xad\xdbZ98XS_\x054\x7f\x83\x9f\xf2\x81y\xfeG\xcfO&amp;^\'\xac\xb5b\ru2;^\x87\xd7ueW/p\xfdf~\xe1\xc6\xb3\xa1\xf0\xdee\xc3TR\xc1Sy\xb5Xq\xd5\xd6\xd9\xe9\xe1l\xa8"o\xb1\xf0\xab\xb9\xdc\xc6\xd7_\xaec\x0bjut\x84B\xe10\xb0\xc284\xf3z\xbd\x8d\xbd}\xe1\x18]Xb\x1d\xac\x19\xac\x81Z~3MM\xac\x9a\xb6\x8b\x0f\xd6\xb3\xb9\x02\xe9\x84x\x00\x16\t\xc0\xe3\x17\xebf\x1dM04\xcb\xa7P\x1f\xcd\x0e\x93\xed\x88\x8aa\xd1\xf3D&lt;\x8d\xf7tV0\xf9\xd4,\x0f\x00\x00\x06\xa4IDATs\xf5\xf3\xcc\xf3\xb9\xad\x9f;\x8aX\x90\xab#\x11\x0e\x07\xd1\xaa\xc3}L\xad\xc6\xef\xf6\xf6\x85j\xedv\xe4\x1aJy\x14\x8e\x9f4\x83\x8b\x8a8\x19;\xfb\xe6\xcez\xf6\xf1\x10\xab!\xc2T\xc7Kh\x1a\xcf\xec"\x99\x1b\x929H\x92\x9fI*\xd1\xd4\x90\xbeO\xca\xe29Q\x03\x8f\xf1P\xabBW=\xac\x8a\x1cy\xfeR\xe23\xb5\x08+\xd8\x17F\r\x81\xe5\xc5Nl\x84\xebc\x98/\xdc\xad\xb0\x18\xb3|\xf9n\xcc\xef\xdd\xdf\xf6\xd6E\xd4p\x95\xd9\xca\xc2Q\t\x91\xa4:\xcf\t6jp\xf4\xc2\xb2\xb9\xa4\xa7=\xd9,\x1f}\x93|\xc5\xab\x1a\xd0\x8d\xa8\xac\xc0\xf1\x9d\x1e\xa7&amp;\xb0\xe4\xe2\xb8MT\xf1`+\xc3r\xb4\x9aX\xc1 \x14\x0b\x9aX\xf1x \x98\xe8\xe8H$b.k\xdd\xb7\t\xab\xd8\xab\x8f\xec\xad\xea{\xfb\xad\x07\xd8\x87\x87H,0i:\xc7\x96@\x8bi\x054\x99e\x93\xc4\xa0\xee\xcc\x19&amp;\x95\xc9D%\xe4\xd1\t\xe5\xa8/*\xeb6\xba\x93\x83\x88=C\xfd\x87C\xa0\xe6\xb6\xde\xf9\xb5\xbb\xce\xbc\x86\xab)\xf1B\x90\xad&gt;R\xab\rX\x81`8A\xac\xe1\x0e\xeb ]h=Y\x0e\xc1p\xdc_ZU{\xfc\xad\xb77\xd2\xe9\xcd\xe2&amp;DN\xa3|\x9c\xaa\xea\x9c\xaa\xb3"J\xd2n)%\xe6t\xdfgP\xa6\xad\xc8\xf0\xd0\x13c\x9f(\xd3F\xec\xf4\x88\xaa\xa6\x0f\xd1_\xc6-/\xa1\x8a\'\xc3.\n\xd3V\xcc\xa9\x890\n\x08\xa8@&lt;B\xe74\x1a\xe3}\xe0\xa2\x87\x12\xd6\xc1A\x98\x0bL\xe8\x8f\xa0r{\xcf\xbe\xf9h=\xbbT\xd0Iu\xdd\xa9\xe96P\xe9\xf0\xafH/O_(&amp;L\xd9\xf6&lt;\x9c\xf5\xd1#"\xab\xe03T\xe4\xf7\xa8OD\xaa\xd2\x8d\x1c\x00\xb5\xb2\xb8y\x86\x02u%\x97\xddi\x83\x81\xaa\xa9#\xba1;\x93\xafz\x03\xbd\x07\xbd=m\xc0:\xd8\x0b.\x944\x10v\x90\xb7\x88\x8a\xde?\xad\xb1G\x8e\xff\xec,\x9c\xb59d\xa1\xcaiQD\x16J\x82\x89\xcbg\xec\xae(C \xae=\xf3\xbb\xb4\xb2R,\x1f%\x96\xca\xcc\'\x1a\xb2*x\x08K8\xb4\xb5\x98J\xad,\xa3\x8eH\xae\xf5oEf\xa6\xc2\xb1j\x17-T\xac/\x10\x8f\xa3U\xd3\xb9\xbc\x93\xf0|\xa0\x0f\x1f\xf1`\xd3 M\x81\xf4~`\xcd\xfe\xca\xda\xcc\x89\xe3\xc7/\xad\xa7s\x052\xa8\xc0E5\x9b\xa0\xc9\x04\x15\x8dF\r|@\x99\xa8\xac\x16\xa9\xa4=E\xa9DQRL*j\x07E\xe8h\xd4\x14\xab\xb3\xc2VH\xe7_K\xe5\xd77\x87\xa8-\xe6.e\x923\x17\xa6\xa6\'p\x8c\xe1v\xd7b|\x88G"\x8dm\xe8\xd4\x8d\xb4"\x11B\xfb^\xeb \x06\xf9\xb2\xb2*@5\x9f\x1fmoo?A\t?d\x11\xfa\xfb\x874\'\r\'\xb0\xaf\xa4\x93\xaf$\n\xee\xa8"\xf0\xe6v\xdc\xc5\x12\xc5\xdd\xb8\x12(D\xcc\x02+2FH&amp;VgE\xc5r:\x9fO\xe7S]\x8f\x0b\xa8bn\xe3\xf4\xc0\xd8\x85\x0b\xf4\xcf\xcb\xd5\xcdnw\x0c\xda\x9cl\xf4\xb6\xf5\xb4yA\x94i\xccd2\x91@\x88\xde!)\xad\xaa\xa9\xa9l\x9e8?6zm|d\xfc\x16\xc4Z\xb5\x08\x9e3\x9b[\xab\xfd\x15\xe8\x1b\xa4\x81`\xe66\xa4QY|I&amp;\x96i9p\x99\xc6B\xc1yd\x1c\x9a:\xac\x85|\xa0x\xc0\xf2\x14\xb2\xe9,\xb0R\xa9\xf5\x95\x95\xa5\xdcR\xe1\x95\x0f\xfe\xfe\xc9X2y\x01\x8a\xb9cAT\xd0\xdb\xd6\x06\xaa\xb1d\x86\xd6h2\x10rU\xd2\x85\xb3\x95\xf6\xdai\x1c@\xd2\xf2\xee\x90X\\\xff\xf2V&gt;\xbb\xb4\xb9\xdc/\xf0\xba\x19]"\xea(*\x18\r\xd8F\xa3IB\xd9c&amp;&gt;\xb3\x96B}\x00Z\x81\x18i\x1a\x15\xa9\xe0\xc8xh\xe5\x11\n\xe94\xa3\xc2\xeaZ\xcc\xe66\xcf\x08\x9c\xf3w\x1f\xfeu \t\xae\x182\x8b\xc4\xea\xe9\x19M&amp;\x07F\xb1\x06\x923aL8t%\xcbtr\x14\x8f\xd2\xba\x95\xa7(=S\xc8\xe5I\xf8\\A\x96\x19\x10\x90D\x1dC\x14\r,\xaan*\xc4\x8aHU4\xf7!_l\x03\xbc`#\xb5\xf0\x83\xbaP\xd1I\x01\xbfJ\x15\xec\xee\xee\xeaz\x8d\xbe\xa6\xd2\xab\xec\xe6w\xce\xe1\x0f\xbf303==33\x13\xf1\xb6\xb7\xf7\x8c\\\xbb\x06\xa8\xf1\xd1\xe4\xd8L\xa8\x9aN*\x9c\x1f\x1d\x19\xa5\x7f\xbc\xc6\xca,\xa6\xd3+\xcb\x85-\xf2B\x1e\xda\xaf\xea\x08\x87\xa8\xa8\xf3\x8c\x08\xcbF\xf6\x91\xcd^\xb3g\xb7\x86p&lt;\xb5h\xa2\x82h\x1e\x0c\x80\xd0J\xe1\x9dZ\x05Z\xa2GX\xcb3\x9enZ]\xa9\xees\x8bkgll\xbew\xfe\x8a4\x9b\x99a\xb3\xfc\xc8\xb5q\x80\x8d\x13\xc8D\xb5\xdd&gt;\x91&lt;\xfd\xc3\x11\x82\x1a\x1b\xf8\xe4\xf4N:\xbd\xb4\xf68\xd5\xfd\x8f&amp;\xce\x9f\xb5A(\x8a\xe2\xf5i"\xed \xc2\xf3\x13H7\xc9 \xf8A:\x05\x1e\x95B\xbb\x85N\x85\x8c\x92!{K\x10\x1c\xb2\n\x81\xd0OP\xe8\xd0\x0f\xd0\xb1H\xa0B\nI\xf7\x100\x99{\xce}\xfd\'\t\xb8\x18~\x9e{\xdfy\xe7\n\xd1\xcc\x97\xc0z\xecZG\x85\n\r&amp;H\xd2\xd4\x82E\x9b\'\x96o\r\x02\x9d\xd5\xf7\x113\x80\x05\xfeH\x13\xab\xa7\xbcA8\xa4Zz\'2\t\x94)\xa8[\xbdn\x89\x8b\x84\xe9\xb1\x9aw\x08\x81\x0f\x90\xeaVJ8\x93\xbf\xf2\xcf&amp;\xd7\xf7\x93\xe3\xea\xe6\xf9}1\xc5\x14\x00\x85\xaa\xbc(\x8ay\x83j6\xbb\x12\xa1\x84u\xc0\x96h\r\x00\x87\x88\xc2\xc5v\xf2\xaf\xe3\xc5\xe89\x18&amp;Q\xc2ND\x04\x8c3\x17\xee\x80k\xb7\xe8)c\xea\x02P\x05\xd0j\x1c\x10\xec\xfc\\\xbb\x1eru\x10g\x9b\xc3\xea\xc5\xb66\xa0x\xdcM.\x0fW\x9bE\x96\xc6\xde(\x89\xda\xcf\xaa\xe2\x8d\xe1\xea\xa7\x06\x80\xcd\x87\x13:\x1c\\\x14\xcdU9gvU*\x1bU\xff\x0c\x02\xae\xc5\xc6\xe7\tLA\xf7]7\x88\xc3`\x90EC\x8cd\xca\xddV\xb8\xcf\xc2\xf0\x9b\xd79\xa0H\xb6\xff(\xa3dD\x7f\x04[\x9cf\xaf`[\x1d\x8f@;\xae\x0e \x9a\xa6\xa9}S^\xbb~C\xe9\x8d\xa1X\xc5S\xd7\x00\xab\xc5\x80\xc0\xa6R6\x9e\x86?\x9b1\xce\xfe\xf9\x16\xcd\xb4/\xb2q\xb2H\xdc@G\xdc\x1a\xc6)\x1c\x1eX\xea\x1b\xcbH\x83\x01\t\xca\xd5yU\xed\xa1\xd8\x08K]\x82\xbe\'p\xd3,\xe3\x13\x86T^\x9f\xa9 T\xd4\xee\xf6,\xbb\xfc\x02\xd5\xea\xba%\xb0\\Gk\xe1BC\x07A\xcff=\xdfF\x88\xdf"\xb2\xa6\xa7r\xa2\x88\xa5|\x8cag\xf1\xc5\xd8\x19&amp;\xea\x1b+\xa7Hu-E\x84b\x86EE)w%{\x0f\x1f=b{HVa\xd4\xe0\xdaJ\x08\xb5\xfe4\x15\x16I-ZK\x11\xbb\xc7eWjQ\x0bf\xc5\xe4\xec[\xab\xe0\xbe\xc8\x95\xd8\xfb\x02&lt;\xa3\xb19\xfc\xbb\xc5\x18\x00\x00\x00\x00IEND\xaeB`\x82'</t>
        </is>
      </c>
      <c r="M46" s="3" t="n">
        <v>45492.67607638889</v>
      </c>
    </row>
    <row r="47">
      <c r="A47" t="n">
        <v>123208</v>
      </c>
      <c r="B47" t="n">
        <v>5926</v>
      </c>
      <c r="C47" t="inlineStr">
        <is>
          <t>João Pedro Galvão</t>
        </is>
      </c>
      <c r="D47" t="inlineStr">
        <is>
          <t>João Pedro Galvão</t>
        </is>
      </c>
      <c r="E47" t="inlineStr">
        <is>
          <t>CA</t>
        </is>
      </c>
      <c r="F47" t="inlineStr">
        <is>
          <t>ATA</t>
        </is>
      </c>
      <c r="G47" t="inlineStr">
        <is>
          <t>CA</t>
        </is>
      </c>
      <c r="H47" t="n">
        <v>184</v>
      </c>
      <c r="I47" t="n">
        <v>11</v>
      </c>
      <c r="J47" s="2" t="n">
        <v>33671</v>
      </c>
      <c r="K47" t="inlineStr">
        <is>
          <t>Right</t>
        </is>
      </c>
      <c r="L47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afaef7f-f564-4a2b-bbe1-daaecb65b1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22\xc0\xb3\x00\x00\x03\x00PLTE\xff\xff\xff\xa4yW\x13!.\x0f\x14\x15\x0e\x10\x11\x0c\x19#\x12\x1c#\xff\xfe\xff\x13\x89\xca\x16 (\n\x15\x1f\x14\x17\x1a\x0f\x1d(|\\F\xa1wS\x15\x8c\xd1\x18\x1c\x1e\x08\r\x0f\x81_G\x11\x8d\xcc\x14\x15\x14\x89dH\x86dM\x17\'3qUB\x11\x87\xc5\xaf\xc0\xcd\xfc\xfc\xfd\xc1\x86gmL7\\H;\x9drWwT?\x17\x84\xcbrR: ! \xbd\xc6\xcfhI5\x92mOG3%pH0\x1a\x1a\x16XA3jO&lt;sM6\xba\x83c\x8bhK\x81cKwZBbI7\x16\x81\xc5\x81[A\x9esP.$\x1b\x1c+81,%\x97iO]F1\x95pQ\xf8\xf8\xf9\x07\x13\x19\xb6~]\x90kK|Y&gt;\xc9\x92rdM?\xa7pQ\x9cz\\I;/\'(%tYHmQC\x96sW\xa8\xbb\xc9dF/\x92dH\xb3\xc6\xcfO?2\xac\xc3\xd2 \x1d\x18\x8e`A\xb8\xcd\xde\xc8\x8cj\x9fo^lE,_B+\xafz[\xa7|^\x15\x92\xd7\x16\x81\xbd\x8cjP:3+\x87^@\x80T9\xd1\x99w\x87_G8(\x1d?."\x8aX:\xa6yl\x98kI\x12\x15\r\x9aqP\xd9\x9d|\xbd\xca\xd4"3ARC:zN3\x9ccE\xa7tW\xa0mL\x1b%,x^N*;G\xf3\xf2\xf4\x9bmR\x90dP\x0f\x0e\x0b3DQ\x05\t\x08\xc0\x8dn\xf4\xbd\xa4\x89\x9b\xab\xaf\x80e\x91lT\x93wd\xb4\x83k\xde\xa4\x87gx\x85\xaftU\x8coZ\x9cxT\xa6s`B7.)\x1e\x13\x17u\xb8\xa4\xb6\xc4O8(\x86iQ\xb4\xc4\xd5\xe8\xe6\xe8\x1b\x15\x0c\x98jXW=*\xc0\xcd\xdb\xb5\xc2\xc8MQT\x94[=\xa5gK\xe9\xa8\x88U[a\\my\xb9\x8ao=N\\\xb0yb\x80\x92\xa1\x7fUIt\x82\x90\x7fdT\xed\xec\xee(\x8a\xbf\xe0\xe0\xe2\x87_TEYh\xc1\x8fw\xd4\xa6\x89\x9d~h(/6\xdf\x98r\xcf\x9d\x82\x9csf]NCz|\x81@HL\xd1\x91t\x8d_L\xad\xc8\xdafSF\xe6\xae\x8f\x92ka\xe7\xa1yRdq\xc4\x82]\x18p\xaa\xdc\xb0\x93\xb6\xb8\xbb\x93\xa4\xb1kZNe\xa2\xc9\x17\x8e\xc4;\x93\xc2\xa0\xbc\xcf\xa4\xa4\xa7\xab\x86r39&gt;q\xaf\xd4g?%\xd4\x92j\xc3\xc5\xca\xf0\xb4\x99\x8c\xbb\xd3\x88\x89\x8e\xd1\x88a\x9b\xb1\xc3\x9c\x89{\x9b\xae\xba\xcav}{\x8b\x98\x95\x97\x9b\xbe\xc1\xc3\xc4\x98~\x81k\\\xdd\xd2\xc7\xe8\xb8\x9ensv\xee\xaf\x92\xba\x97\x89\xd2\xd2\xd6\xce\xbc\xb2]\xac\xd7ehh?\x9b\xca\xbe\xa1\x98\x93\xc2\xddM\xa1\xcd\xda\xd9\xdc\xae\xb1\xb5\xa4\x97\x8d\x81\xb3\xce\x92SL\xb1\x8f\x7f\xb5\x80}\xc9\xcb\xd0\xa2\xc6\xe1\xbdwS\xc5\xa3\x8d\xd3\xca\xbd"\x92\xcb\xcd\xae\xa4\xd7\x88\x90E@&lt;\x82wk\xde\xc4\xb90~\x9a\x1a_\x84#I]\xb8mnPs\x87%\x80\xb3\xe4\xdb\xd4_\x91\xb2\x9f[Y\xbc\xb1\xa5:\x88\xafBf{Q\x80\x96\x15)2\x82\x00\x00 \x00IDATx\xda\xdc\x98\xefKb\xf9\x1e\xc7wQV\xe2\xe0\xe5\x14\'\t\xec\x94(\xae\x1e\xb3\xad\x88Cv%r*\x9b0\x16%\xb5`6S\x9b$X\xa7\x1aL\xa9\xc8\x8c\x86\xae\xd0\x90\tNI\x0c\xdd\xa4E3w4\x99\x18\xc4\x98\'\x19Ma\xcc\x83\xf2bS0O\xeaA76X\xf6\xfe\x07\xf7\xf3=\xee\xc2\xbd\xcfO\xb3\x97\xfb\xf6\xd7\xf1(\x9cW\xef\xcf\xfb\xfb\xf9|\xed\xab\xaf\xfe_\xc5\xe3\xf1\x84 5&lt;\xe0\x90\xf7?\xc2\xa4vE\xb6\xae\xae\xae\xee\xce\x8f\xaf\xb7\xb6\xb6\x96#j\xe1\x9f\xce\xc6\x13\xaa\x97\x8f\xcf\x92\x9f\xc3\xa1p(\x95\n_\\$\xf3g\xfbW\xcb.@\xfb\x13\xa1\xd4\x91\xeb\x9bd(.\xc1%\x12\t\x8ec\x18\xf6\xcdD\xfc0\xf49yp~\xb5\xfcg\x91\xf1\\\xd77\xf9\xcf\xa9\t\x9c &lt;\\=E\x10\x04\x97\x8b\xe1\x12m|\xa2\xec0\x15\xfe\xfb\xc1\xf1\x96\x9a\xf7\xe5\xab\xe7\xba;\x0b\x1f\xc6\'p\x8c\xc3%\x18$.\xd7\xc3\xe5`\x8ci8^\x06\xae%\xf7\xbf\xb0e&lt;a\xe4\xea,\x1c/\xc3q\t\xc6)!q\xd1+\x07+aQ8\x85\xc8B\xf9\xfd+\x17\xef\xcbEj\x19\x9c\x8ac\x0c\x040q\x18\x95s\x08\x00\xe2\x94\xcc\xd2S \\\x82\x1c\x8b|!\xc3x\xae\xe3|H\x8b!\x93\xe0&gt;5\x85\x9c\xc2\x80\xab\xc4\x87a\x900\x8c\xa2\x1c\x0e\x07AH\xb4\x87\xe1\x83\xeb/\x121\xf5\xf5AX\xcbqx&lt;\x0e\x0f\x84\x8a\xeb\xf1\x10\xdc\xf2\xf2\xa9r\xce\xef\x02\xc3\xca\x81\x97rx\x02\x0e\x82\xd2K\xb4\xa1\xfc\x9d\xfa\xc1\xa1\x84\xae\xf3\x8b\xc32\x0e\x87\x00\x1c\x10$\x0b"_\x0eBD8*"z\x0bXhe\xc2\x83\xd2k\x0f/\x8e\x1f\xda/\xe12X\x05W\xe6BO(\xe7\x94R\x05\x18\x1c\x94*\xa0A\xb9\xc2\x98%\x89A\xdb\xc0\x01\x0bNL\xc4/\xee\x1e\x96K\xb8u\x96\x92P\xa5\x95\x87&lt;\x02\xbe\xf2R\xe5p\x9c\x83*\x89!\xc1\xd9).\x85\x11(\xf5\x14\x87\x83\x7f\x13\xcf_\xbb\x84\x0fI\x95?\xc41\x02\xb10\x17\xe7b\x9c\xa9)\x0eF ,8\rg\xb9\xe5L\x93\x00\x9b\xa0\xf1C\xb2$z\xa8#^\x96\xca\xef/\x0b\x1f\x98\n\xd6\x98\x03rD\x04\xf4z=,8J\xcft\x03\x88\x92\x03\xc3\x11\x16\x8e\xe3\x14\x9c\xa4[h\x9a\xf63\x1f\xa2\x16vv\xfd@\\\xbc\xc8\x19P!(\n\xad0\x9a\xb6\xb5\xb4\xd0~\x90^\x1f\x00D\n\x9e)\xe6C\x8a\n\xf8\xfd\xb4\xcdf\xb7\x81\xe0\x1b0\x98\xf0\x89\xd4\xd9\x96\xf0a\xda\xd5M\n\'\x1c\x1e\x87#\xa0\xf7\xdb\xec\xb2\xa5%YW\x97\xcc.\xb3\xc3\xd5\x11\x05\xcd \xd2\xc8"\xbfM\xb6\x144\x83\x82A\xf8\x96\xddF\x07\x1c\xd4D\xe8\xe0!\xb8x\xae\xf3\x10\x0em!\x10\xf0\xd3vY\xd0\xac#\x1f\xff\xae&amp;\x85\xa2K\xd6%CwYP\xa1hU\xc0\x83T\x8a\xda\xdb\xc5J\xa5\\.\x956\xb5~o\x0b\x04\x08I\xe8\xe0\x01\xf2\xa5\xbe\x0bc\xdc)\x8f\xc7o_\n\xea\xa4$)\x12\x89\xf8\x1b\x1b?!m&lt;\xef\xee\xae\x02\xd5\x91btb\x03\xc4onnnw:\x01K\t"\x15\xb6\x80\x03\x9b\x08\xed\xb3? \x97\x93\x13\x1c\xf0\xcao7\x93r\xa9\x9c\x94\xcb\xc1\x10\xd1\xc6F\xc5\x865\x9dv\xbb\xd3\xe9\xb4\xd5088hp\xbbUn\xb7\xfb\'\xab\xb5\xb9\xbd]$\x02,\xb9\xdc$W\x92K~\x87\x03?L^\xb1\xdd\xef\xd57\x87\x1c\xae\'@\xcb\xccR\xb9\xc9dB\x97\x03,\x91\xa8\x1d\xac\xb1Z\xad\x95\xbd\xbd\x06P\xba7\x8d \x11\xa6\x15\x911X\xf0Mq\x93\xcc\xef\xa0\xb4\xa93\x17\xcb\xc9Z\xbe(\x03*\xbfL\xa1\x93\xa2\xbf\x1f\x91)\xdb\x9b\xad\x82\x12\x84\xb5\xd2P\tf\x19\x0c\xbdik\xda\xbd\xb2\xe2u{\xdd\xeeJ\xab\xb5\xdd\x89\xa8\x9cNq]\x8d=\xe0\xd0\xc7\x93[,\x9b\xb5\x9f\xc2\xa1\x84\xb6\xa5V\x1d\xc3tdRZ\xac\xee\x15\xa3\xb1\xd3h4\xd6\xaaT\xe0\xd50\xd2`/T\xd1\xfb\xedwi@m\xb6X,NH\x16\xd8\xeaT\x92\xad\x10/\xc9\xc5\x15\xab\xe1\xe2m]Lp\xa6\xc0,\xb3\xae\x84%wZD\x96f+\x94j\xd0\xeaf\xea7&lt;\x8c\xc0\x0c\x93\xa0Z\xb8/\x1a\x8d*+\xc2\x92#.\xa5RL\xca\xfc\x01"\xb4\xaff\xd9,\x0c\xcc\xb2\x07\x81\xca\x84\x8a\xc8$\x06\xf9\xb5Rk4N\xaa\xc6\'\xc7G\x9e\xbdz\xf5\xea\xd9\xf8\xd8\xebY\x9f\xcf7\xeb[__\x9f\xadU\xf5\x0e2~)I 3\x83]\xf1|\x84M\xacHR\xeb@\xc92\x9b\x18\x1d\x1d1~5\xa7\xdd\xc6Z\xe3\xe2\xe2\xd7\x03\xfd\xb3\xf5mm\xfd\x0b\xfdm\xf5\xf5\xbez_\xff\xd8\xe4$\xd4\xd6\xa8\xeaM\x1b\x0c\x00&amp;R\x92\xa4R,\x95\xd1\x94\xe4\xe2\x9a\xc5*\n\xaf\xc28`\xd1A\x1dJ\x95\xa9\xf4\x04\\\x96AH\xfc\xca\xe4\xe4\xc8\xc8xGG\xc7\xf8\xf8j\xc7\x02\xdc:&amp;;\xc6\x16_\xbf^\x1cS\xf5\x0eC\x19-\x16\xeb\x86\x18U1h\xf7\xe3\xa1s!\xab\xdd\x01w\xa0\x96%\x05\xa3\x8e\x18\xbb\x8e\x80*\xbdb\x84jE\xa3\xebm\xfd\xfdmm\x0b\x1d\xab\x0bm`W\xfd\xb4f(QH$\xa2\xbe\xd7c*\xf0\xca\xd9n\xad\x00\xbf\xc4b3\xd8\x95b3\\\x91|\x19\x013\x07jxd\x86\xd0\xeb\x10\x9b\xd2\xb9\x91^Y\xfcg4\x1a\x9d\x9e\xae\xae\xd6\x0c\xed~8=\xfd\xb03::\xb4\xbb\xab\xd1LG\x0b\x89h\xfd\xeb\xb1\x11\x83\xc1bi\x16T\x88\xc4\xa4X)\r\xda\xf5\xa9\x1b\x17\x9bM\x0b\xcc\xa2m0\x08a\xfc\x9aH\x9d\xf9\x08-G\xb9\x08\x1a\xbcJ5\xf2luuu\xe1\x17P\xe6\xf4\xf44\x93\x81*\xaeB\xf4\xff\x02\xcf\xaf\xa0\x88\xb0^\x05\r\x8db\x12\x16\xa4\xb9\x8b&gt;\xccGX\x0b\x97\xf0:L\x80[\xb0\x0eM\xe6#\x9dN\xaa31~9-\xbd\xc6Y\x88\xd0\xd8\x02\xe8\x97?\x94\xc9d\xfa\xfa\xfa4\x1a\xcd\xae\xa6\xba\x7f\x1c\xb8\x9a+\x9f\x08\xf8b\xb1\x18\x8d\xc6\x16I\xf8J\xc8^\xe2CD\x80\xa2Q{\x00\xbbtR\xb0\n\xecr\x0e\x1b\xc6\xa2\x89DbHS]]\x9d\xe9;e\xf4\xe1\xc3\xce\x0eT\x12j\x89\xd4\xd76&gt;b\x18\xac\xf4z\xa1\x8ab\x91\xa8\xaa\xd5.9\xdcg\xedg\xa3\xf0.DP\xb0\x872\x9b\x10\x96\x94T2\x03\xc59\xfc\xac\xa3\x1e\x88\xaa\xeb3\x19\xe0\xcad\xc0(\x04\x06u&lt;\xad\xceT\xf7\r\r\xed\xf6\xd5/\x8c\xd5\xd6\xf6\xf4x\x91]\xa2\xc6\xc6G]z-{cQx\x9c\xa2\xf4\xb0\xf1\x03,)\xd4\x10b\xa2t:-\x86\xf1\xfe\xfa\xea\xdd\xdd&gt;D\x94\x01\x9a\x92v\x18\xbbvF\xe7\xf7\xf6\xe6\x13\x9au\xdf\xc0\xe2@.\xb7\xdd#\x10\x01\x16\xbf[AK\x92\x11\xf6z|\x9c\xf2\xc3\xd6O\'\x95Ju\xadRR\xc4\xe7\xb7[\'\x17g\xd75\x89\xf9\xb5\xb5\xb5\x9d\x0fL\xe9v\x80\xe8\x1dh\xed\xd3\xda\xbb\xf9O3\xc5l\xec\xbe\x90{\xfa\xb3\xd7\xbb\xfd4\xf7\xd4\x0b\xbb\x1c\xc0\xaa\xb1\xe9?\xb36\xad\xd5\x07Z=\xfd\xb7%\x00"\x01\xab\xb5\x8e\xffR \xf0\xf6\xfc\xbc\x9d\x8b&amp;b\xf3{k\xef\xde\x01\x0e\xc3U\xc2B\xda\xcb\xde\xdf\xe6\xb6\xe767\x9f?\xdf|\xd1\x93[\xafm\x86=\x10\x9f\xffH\xa6\x0fo\xb1\xf5\xafB\xc0\x92\xd8\xba\x14R1\xa22\x9b\xab\x1a^\n*\x1a6\x1a\x1a^l\xe7n\x0b\xc80D\xf3n\xe7\x0f\xaf\x10U\xe22\xf7\xe2\xfd\xdb\x9a\x1fA\x8f\x1b\x9et\xe6\x06*-\xed\x15\xfc\xc6\xaa.m\xf8\x9a=\xac8mW4\x91\x08\xcbln\xe2o&gt;\xef\xaez\x8c\xb6\xec\x8f\xba7\xe7\x06\xd6c{\x00VB\xfb\x84\x84RU\xb8\xfc\xf8\xfcQM\xcd\x9b\xb7o\x1f?&amp;\x1b_tn{+\xf8\xfc\xc6\xc6nE\x0b{X\xae\x03-`IQ\xa3\x06,\xb1\x80_\xf5\xa85\x08\xbf{~\xacy\xf3~s.\x17\x8d\xed\x01\x0b\xf2l\xed\xd3\xc9\tPec\x89\xcb\xdb\x8fss\xdb\x1f/\xef\xefo\xb7\xbd|(\xe4\x0b\x01\x9f_U\x05\xe1\n\xb36\xac\xa1\x88\xb4LQ\x07+\x90l2K\xf9\x8duu`\xd3?@\xff\x9a\xfbx\x0bJd\x8b\'\'\'\x00\x86\xa8N\x8a\xc5b6{\x7f\x0fD\xf7Yt\x18+\xe4\xe66_&gt;yY\xd1\x88\xb0ZX\x8b&lt;O}\x13\x07,)J|Sk]U]U\x15\x7f\xee\xf6\xf2\xb2pyyy\xff+\\=V\x9c)\xce\xcc\x9c|\x02\xaa\x93\x93\x99\x99\x19\x04\xf3+\xdc\xd0+R\xec&gt;\xd7\xf9\xedw\x02\x88V\xf7\x9b\x1f.\x96Y[\x89\xe7\xbf\xd1K\xadM\xd0\x1e\xa4\xad\xba\xba\xa6:\xc8z4Q\x88jb\xd0\x02\xeecH@U\x12\xa2B\xbd\x01\xc1\xc4b\xd9\xf9\xec\x1e\x08\x8e\xa3\xb3=\x95([o\x7fHF\xd8\xeb\xf2)\xdbR\x13\x98\x05\x91\x97\x02\xd5\\\xaeP\x88%4\x9a\xd1Xb\x1d\x0e\x13\x89Xv\xe6?T,\x02Q\x02&gt;\xd7\xc0\xfc\x19E\x8du/[\x88\xfa\xfe\x8a\xdcz\xfb[\xde\xc5\xe2\xa8n\t2fA!\x1b\x11U,6\x0f;\x18\xd8\xc0\xf8\x06f}\xb0\x89\x89\x15\x8b\xffeV\x0c&amp;\xe5\xb4\x06i\xbao\x08\xc0\xe6\x874\xeb\x9d\r\x10\xae\xf7o\xf2\xac\xfd\xe4\xe7-\'\xbfW\x00V\x13\xa2z\xd29\x8b\xba\xe8(L\xe8z\xd8?L\xaa\xbe\xf6E\xa3\x85X\x96\x01C\xd1*\xce\xff\x9bU\xf3{i#]\xe3\xf8\xceU\xae\xe2E A0cB\x96\x98\x9c\xc4\xb1\x86\x898q\x19\x13G\xb7\x86\x0cB\x88\xcd\x0c\xd8$\x9a\x98\xa3`f\xe6\x14\x93\x8b9\x8c\x8e$\x9b\x16R&lt;\t4)\x84PZZl8\xda=J+\xc8\x1e\xbcY\x8bRZ\xbcX\xd4\xb3\x95P\x84=\xb2r\xd8\x16i\xf7\xce\xbb\xf3\xbc\xf1O\xe8\xbc\x1a\xfcq3\x1f\x9e\xe7y\x9f\xe7\xfb|\x134\xa8\x81\xe8(\x81\xe6\xb8\x0c\x13j~%\x11\x91\xf9)\x08\xd7x\xf7\x8bs\xcd\xb8\x16\x7fY\xf0\x01\x95\xc7c\xb7\x19zxUN \xd9@sj]\x9d\x85e\xcc\xa2\xd4\xe5\xc0\xf3Wo\xae\xcf\xfb\x87\xf3\t`\x0e\x80&lt;\xac\xd7ey\xad\xde`\xb8H b6+C\x86~k\xa7\xa7r\xb3\xa5\x91@]\xfc\xedm\xb7\x0f\xaa\xca\xe3\xc6m\xb14F\x13\xa0G\xf3"\xe8\xe5\x8b\xfa\x1e\xe2\x82\x99\rB\x19\xd5\x104\xf8v\xac"\xb2\\\xe71$\x1e\x86\xca\x93Y\x89\x011m&amp;~\x00,+\xdei8\xd5\xa6\xe8\xbfk}y\xe1p\xf9&lt;\xa8\xe8\xfd}s\x1dH\xb7K\xec\xdc\xe8\xc6\xc6\xec\xa4\xc5R.S\xb9,\xafB\xaa\x00h\x1eA\xcd\xcf\x83\x02#\xb0\xa5\xc2\xe3\xf1n\x8f{\xfc\xa6\x89\x95\x18P\xf9\\\x87\xb1\xbf\x13w\xc6\xd2\x17\xab\x1a`\xe9tO\x97=%G\t\xb8@\xd2\xf8\xfb\xd0\x92#\xa5Y\xa3\xc9p\xf3\xa6\xfe\xc6T\xa1\xb0\x04\xab=\xcb\xab\x1c\x010\x91M\xb8{+\t\xb9.\xf3\xc1\xc2\xf1\xc2\xc0\xbd\x81\x85\xe3]7\x99\x96\xf2\\\xbe\xc3\xdb\xd7?\x8eg\xd2b\xfdJ\x93h\x9d\x14zm\xd1R\x05\xaa\xcbf\xf3\xc7b\xe1t:\xcd\x92\xfd\xee\xee\xb1\xe4\xc0\xdd\xdd/\xcb\xcb\x1b\x1bAcP\xe59\x82\xcb\xd3\xe6@`\xfd9\xd4U]\xd98\xfc\xf2\xf9\xfbo_\x7f~{\xbek\'\xd3\x18\x8fy\xe7\xfa\xf4\x9d\xb6\x18\x86)\'Z\xd4|\xd7\xa7 \x1b\xeb\x8dV|\xa1\x10n#\x8d\xc0\xc5\x0e\x93\xb8\xeb\xe5\xee\xe0_\xfe\xfa\xed\x87\x9f\xcf!\x97\xcd\xe0\x92\xaa\x88\xb0S\xd4\x18B\x86U\xech\xad&gt;{qy\xf8\xeb\x83\xd7\xbf\xfe\xeb\xc7\xd6\xa1\xdb\x1e\xeb\xc9\xc26i\x04,\x96\x97\xb0?\xbb4)\xad\xa2\x14&amp;oU\xa2\xa0\xb4ld_8\x16\x0e\x93\xf6\xca\xcb\xb7\x1f\xbe\xff\xfc\xb7\xd7?\xfe\xbbu1\xcb\x8f6\x83&lt;/\xa1m\xbf\xca\xd0\xd0\xabd\x85\xdf;k\x1d\xbe\xbc=\xf8\xe0\xf3\xe1Y\xb3\x13\x8f\x1b\x87\x87\xa9\xf4\xb4\xbe\xd3J1\x82t\xa9\x85K\xbfx\xc6\xd4\xa4t&amp;\x14\xf5y\xdc6?\xf2\x8b\xfcx\xc5\xf5\xe5\xe7\x0f\x83\x0f\x06\x1f\xbc\xfdo\xebr\xcd\xd2\x13\x0cf\xb3l5\x95\xaaV\x05\x91\x80\xc6\xc0[\x8a\xb3{\xcd\x91d\xf2n\xf7r\xf3\xbe!\x9eb\xbd\x1d^\x84E\xf2DM8\xd5\xc2\x14|r\x8a\xb0\xe2\xcek\xac0\x1b\x8e\xf9\x9d\x15\xd7\xf1\xf9\x97\xe4\xc0\xbd\xc1\xdd\xf3\xd3\x0b\x952\x06{X*\\\xad\xa6\xaa\x90F\xe8\x16uU\xccR\xe5\xa5)\x93\xa9\xb0\xdcl\xfe\x90N\x85\xd3\xe8\x9eL\xdf\xe8\'\xb9\xc8N\xfebU\x8b\x16\xbf\x07\xd9\t\xc7zCm\xac\x18\xcbB\xa5\x85B\x9d\xc7\xc7# \x04\x1fmo#\xd3mj\x9aeQ\n\x11V\x1e\x16~E\xa4X\x96\xcaZxd\xdct\xc0n-H\x80\x05\xf2tZ980\xef\x9dh\x80u\xb5\x11O\t\x98\x17\xb2\x08X\xc0\xb5\xc5\xc62\xce^\xbf\xe9\xfeq\xe1\xfeT.\x07\x9b\xbc\xdf@\xc6\xd8pU@T\xb0`stC\xe1;\xd2\xc0\x9f\xc5\x14\xc0\xc2\xe6\xbc^o;Z\x06=eN\x1c$\xd6&gt;\xe9\xbe\xbem\x9d\x142U\x86K\xb7\xb1\xf0\xdeL\x1ca\xddr\xc6zF\x9b\xcdf0k$\xfdV\xff4r\xdd\xae\x83U\x83,\xa2p)\n/z\xbd\x18\x0f?\xe1\xa5p\x9c\xe8M\x1b\rz\x0b\xc8\x8a\xf9\xa3?\xbf~\x85\xed\xfa\xf4,U\xa3i&amp;\xecD\xd1\xea\xcd\x90[\xc8L\x8b\x93\xd0\xe6\x9b\xa3\xc8X\x9b\xceQb\xf6\x9aK\x10j\xf0-6\xcc\xb2\xac\x12\nM\xb4\r\x1c\xf8C\xae\x13\x04\x87\xcd\x01\x16\xbf\x0e\x9b\xa5\xfa\xf5WQ\xd7\xf5i\x9b\x82q\xc3a\xfek\xacx\x8c\xb2x\xe7\xa0\xa5\xa6\x83\x16\x0brM\xb3\r\xa5H\xb5\xad\xd3j\x8d\xa9!\xae&lt;\x8c\xc8\x80l\xa6\xe96\x16p\xc1\x88\x94\t\xcek\xd4[\x87\x8e\x12t\xadv\xf6\xf5W\xb1\xebd\xb9\xc8A^\xea\xc6\x90\x1da\xc5X\x91\xc7DQ\xf4\x8a\x18\xe6\x95$/\xa7\xaa\x8a\xa5\xed\xe8Vk\xf9?\xf2\xf9\x9aP\xad\x89\x04\xe8\x9a\x88\x19\xa2\xd56J\xcc\xc8)1\xd3\x1d}\x86\xfe\x9cJWS\xbfk\xd0!t\'\xcb\xac\xc4\xd1\x01\xd9\x88\xdb\xa1\xb6\xe2lVD\x87i\xdb\x7f\xd0\r\x08B\xe5\xa9v\xac\x84\x1arl\xf2\x82 H\x9c\x19\xa8"\x11\xc4t\x10A\x07\xee\x1f\xdd\xd1sC?\xa4\x08\x99\xcc\xef\x1aD\xeb\x9b\xa7\xcb\xf18\xcb%T\xa3\xcd\x83\xe3\xbd\xb1\xac\x08\xe5\x9bo\x1f$W\xcc\xa8\x1b\xb0\xa98\xc2\xca\xef\xbc{\xb7\xf3G\xed\x9a\x0b\x1d\xc0yw\xd0&gt;@F`C&amp;\xfdh\xbd\xba\x9f\x9a\xd4\xa0\xcd\xebV\x9bVgF \xf8\xac5d\xc73\xac\x05aAV\xdbOEyR\x1a\x96p&lt;\x8e\x82\xb5\xb3\xf9\xcf\x83\x83wy\x86\x11\x90\x97C\x104\nV\xdb!L\x1c\x04"464e\x18\xc52\x19V\xd5b\xfa\xac\x1e\xfa\x9d\xfb\x19\x81\xc1\x10\x96\xdfHu\x88"tL`\x8alF\xcct\x9eS\x1a\xd90L\x17\xd0z\x91\xb6?\xb2CC}\xd5\x1af(\xf9\x1d$t\x12\xc8\xefBj\x96\x19Z\x9a\xa6R\xce\xb08\xdb\xfa\xfa\x06\xa1{ra\x8c\xed\xef\xa7$\xc0\n\xf5B\x97OK^\x91\x88l"\x934B\xd0\x8d\x06_\xa4 \x87i\x91\x86e\x029\x11\xc8\xd5\xaa\t\x8c\xa2ryP\xf1\x88i\x05\x89C\xc0\xa2\xa6L}\xce\x14]\x9fmi2\xaas\xb9\xcc\xbe3\x95\xd5\x03V\x1cdM\x1a\xb0\x02\xe8Y\x10-\x82\xb3\x94\xa9\xadT\x15n\x05\xc8S\xe4\x8a\xbc_\xd9\x84\x182LCm\x80\x9a@L\x0f_\xbdZ\x99\x0f\xc8\r\x862\x99r).qtq\xa2\x85\xdej\x99\x8c\xb1\xf8\xad[1c(d#\x91\n\x04\x84\xc4\n\x9c\xc4\xa6\xccQl\x99ba\x12\x8a\xf0\xbf7\x7f\x7f\xff\x10^\x9b\xc8!\xe4\x1a\xaa*\n\xf9\x08lc\xef\xdf#,\x02\xb0n\xe8\'\x1b\x91\xc4\xd1\xd9\x13\x9d\x06\xd3\xe7j\x99\xec\x19\x8d\xedg\x86q\xdfx?i\xa4\xa8l\xde\x1cx\xbe\xf2\x13&lt;\xab\xc1\xa6\xd8\xc9\xc9\x1a\xd3h4hb\xed?\x08\xeb\xcd\xcafds\x13\xd0\xd6dU\x12\x98\xc0\xfc+d\xe1$d\x9a\xcb\xe6\xeetZ\xccf\xf9\xe8\x93\x062P\xd7\xb5x~\x83\x97\xd5T\xdcb\xf5\xb9\xad~#K1\xd0\xc6\xd7Q\xb4\x08DU,\x16!a\x1c\x84g\xfd\'\xc8\xd8\xca\x1a\xba\xa2\x90_\xb4\x92qB&gt;\x00\x1b\xd1\xc3\xf9\x08\xc11\x94~\xdc\x9e\x85\x0b\xfaqU\x13-\xdf\xd5\n\xf2r]Lc\xfa\x8a\x07\x14\xc44\xbat(\x8b\tBHQ\x96I\x11\xb8`\xfal\xe5&amp;\xd5\xa3\xf5\xf9\xf5\xb5\x86\x85\x12\x84&lt;Jd]^\xa3Q\xbc\xa0\n\xcd\xb4H\x19\xdc\xbe(\x05;\xafF{\xa2n\xf5\xa2\x83\xe68\xc6k\xa8\xf8p\xa4\xb8\x04)O\x04\x12\x9bf)\x95\xe5a*\x96\'\xcb9\xd2o\xc8\x95\xb7gU\xb9&gt;[6\x19\x0c\xc6"\x01yUTyMa\xa5\xb6\xef\x0b\x13\xd1\xe6\x89F\xd3\xe6\xfa\xc7+\x8d\xb6\xea\xefZ\xa3h\xd8d\r\xbe\x8a\x07GU\x8f\xbax\x84hS\xf5\x91$\x99\xdb2&lt;\xea\x1c\xbfS\xd8\xde.\x17gg\xef\xdb=\x9d\xf7\'\x8be\x94\xdd"\xaf\xf2a\x81\x00*i\x98t{|\xa1\xa1\xb5\x8f\'Z}\xdeF\xf7\xf4\x10Vg\x892\xf9J&gt;\xbb\xcd\x8fn#\x0c\x1e)\xce\xf2A\x83\x15\xc7\xf1GV\xfbHw\xa94\xf2x{y\xa3p\xc7\x93\x9c)\x8d\xdc1\xa1w\x8c\r\xf0\xb5\xc7\x87\x19\x82\x96\xc2~\x9b{d\xc4\xdd\xbc\xbc\xd2\xec\xbd(\xddbk\xa3\x0c\x82\xa1\xe0r\xb8\xd0\xc2\x0f=\x9d\xc93)\xb2\x18\xd4\xe3\xf6h4\x1a\xf2\x95J\xc9\x99\xe4\xd8\x84\xfb\xb8\xe0v$\x1d\xf0k\xc9\xe3q\xbbq\xb7\xc7\xe3\xbb\xd9\x9c\x0b\x8b\xd8\xd0\xb4\xcd\xdd9&gt;\xf2\xf2lU\xc3w\xc8t\xabgE^\xe1\x0b\xddc.\x8f\xa7\x12u\xc6c\x92\x18\xce\xe4\x96\xac\xe8c!\x0e83\x03\x03\x83\xb7\xef:J#\xe3\xae\xe4\xdd\x85\x891\x80t\xb9|\x15_i\xccQ\xd2/\x81\x16\x1a\xf6\xdb=\xb6\xf1\xee\xdd\xffi\xfaA\xd9\xae\xab\xcb\xd3\xd3\xd3\xb3\xe31\x97\xcfU\xaa\x84zIK6\x1e\xdf\xb2U\x92\x80\x94\x9c\x99q\x0c\xfc\xe3\xde\xed\xbb\x13\x13\x00\xedp,\xbcx11s/911\xe1\x98\x18s\xcc\xcc\xf8\x0cd\xdck\xc4a\xcb\x1cY\xf8\xf0\x9b\x96X\xbao\xba\x16WW\x9f&lt;\xf9\xe5\xf3\x84\x0ba\xe1\xfe\xe0\xf4-\xbf5\n\x0f\x1dDd\x95\xd2\xcc\xcc\xc2\xee\xe3\xc23\x83\xd5&gt;\xfe\x0cv"\x87\xe3\xff\xb4\x9caL\x1b\xe7\x19\xc7\xa3\xd8\xb2\xe5\x18K6u\x9ck-n\x9eO\xd4\xf1]\x14\xe3\xa1\xcb\xd5\x03\r\x9dr\xbe\xeb"\x9d,dE\x01NUl\x9d\\%\x8e4\xae(\x0e\x12\xc1hb\x98\x0e\x06N\xca\x87di\x89\x19\xae\x04\x92\r\xea,k\x8aV\xd3\x00i\x15\x15-\xab\xd2\x85U\tbTI\x9a8\xd2\x18a\x94D\x8d\xa0\xd2\x9e\xf7\x9c\xa9S\xf7eY\xb9\x17\xb0\xf1\x07\xd0O\xff\xf7\xb9\xe7y^\xdf\xf3\xf7\x00I\x02\x96\'J\xd3\x03X\xd3\xfe\xd7\xeak\xfc\x80\xc5}1\xb4\xd3c\xc5h\x9e\xfa\x8f\xd3\x12\x07\x92\x04\x8e\xba\x0f\xd6\x1f\xad\xf5\x0fD\xfa\xe9\x88\x87\xa4F\xb3\xd9Q&gt;+\xcf\xf7\xbc\xdb\x17\x96\xe5rY.f\xb3\xd5\x16^`Y\x90\xb2\xdf\xa3\xb4\x9dzm\xaf\x8b\xc5\xd9\xfc\xfa\x94\x16X\xc6\xeb#\x92\x87#Y\xf2\\M\x9b\xe3\xa8\x9f\x84\x90\x02*\xd7\xa8:VS\x94\xe5\\8\x1d\x96\xcb\xc0\x95+\xa6Og\xb3YE\xc1\xc9(`u\xbf\xf1\xe6\xabu\x00\xa9\xbe\xcd\xbc\xe3S6N\xe3\xdd\x0bL4\xe2\x81\\pd\xb0\x97\xa2X2\x12\x15Ya\xd4\x85f}\xb2E9\x07\xab\x98+\x97\x91\\\xb0\xb2\xd9Z\x92\xc4=\x11O\xa6\xbb\xfeGmX\x01\xc7\xe3\xcc\xf2\xf8\xce\xcf\x86\x1b\x8dcS\x0c\x03Xp\x91e\x92\x18E\x05&lt;\x1e\xbc$\xd4b\x99\x89\xf9\x1b\xb7W\x1e\xde^Y\xb9\r\x0fk++k\xea\xe3\r\xbc\xbf_\x8c{\x06z\x93\xf5\x87}\x02K\x8a\x9c&amp;XN\xa3\xf3\xe6$#\x89\x80\xe5\xe7{\x15\n\x0b\x0c\x88x\xde\x83\xdf\xb8\xbf\xbd\xb4\xbd\xb1\xb1\xb4\xba\xb8\xb8\xb1\xb4\xb1\xb8\xb8\xba\xba\x08\xbf\xaf.m\x97\x86i\x9c\xf5\xe0\x13I_R\xc1!m\xa4\x98\xa91M&amp;\xe9\xe7\xae\x05\x01\x0b2\x01\x9e\x19\xe4y\xff\x00\xc9\xe2tie{i\x15p6\x16\x9f={\xb6\xb8\x88~\x80luu\xe9&gt;\x1b\xf5+\xb8\x87\x9aOZz\x15\x91\x03\xaa\xe0B\x87\x06PF\xe3\xa3\x91 \x93\xe28N\x14\xf9\xde\x0c\xcfB\xc1\xe1I\xec\xfe\xf6\xf6\xd2\xda\x06,\x95h\xf1\xd9\xe2\xc6\xc6_\xd7\xd6V\x1e\x16]\xa3\xc5^v\x80\x9fO\xf2JI\x94$\x89\x08\xde\xd4b\xfe\xd4i\x1cZ\x0e\x06\x99\xa8\xc4q\x1e6y\x0b.\xb4sT&amp;\xab\x14\x8bI\x19E\xfa\xca\x12\x12iuc\xe9\xef\x7f)?\xed\xdbz\xf0\xe0A:7H\r`\x13\x19E\xc8\xaf3A\x86\xb8vO\x9b\xb1\xd8\x8e\xa9 \x01eFLyHtc\x15\xb0\xb2\xb9"\xa4\x07@\xd8\xea\x93\xcb\x10\xec\x1b\x1bk\x8f?{\xfat\x0bQ=\xe8\x93\x07\xa9\x00\x84\xa1\xc2\xc6a\x07\x83\xc4\x85\xbb\xdaL\x837\xccM\x12A\xe0\xe28\x9cWx\xa5p\xee\x1c\x96\xcc\xa5\x11\xd6\xd6\xd3\xcf\xd4\xf5\xb8\xf2\xa0\x8a\xd5\xf7\xae\xdc+\xf8a\x07K@\xc5\x04\x89\x1d\xbc}\xfe_\xf7\xf8\t"\x14\xa2!\xd9\xe3,^b\xc5\x01\xc0\n\x9f\x1e}\x03a=~\xfc\xb8B\x06\xcfO\x01\xeb\x17\xc7\xce\xcaI\xde\xcf\x96\xf2\xaaVAbrN\xa3Qp\xe3\xf8\xb25D\x84\xe8\x14\x17\xf5p)\xf8"\xb1\xa4,\x87\xd3\x1f \xb9\xfe\x13\xabok\x0bz\xc0\xb3rQ q\x08w$\x15a\x1d\xb9\xa3\xd5\x00q\xc7\x82\xc9\x0b\\R*\x1a\xe5$\x89\x11Y\xbe7\x87F\xb5\xc2\xe9-\xb9\x8c\x82\n\x16p\x95\xa18B\xd3,\xe72l&lt;\x1e\x97\xa0\xef!\xacV\x93V{\x88\xeex^3{A0\x9aA\xc1\xc2\xc4K\x8a/\x8d\xa8d(\xd1\x0fo\x97\x11U\xb9|\xbb&lt;/\x87\xfb\xe4\xb3=rV\x80,*\xd1\xb47\x84\xac\x19\xf74\x1b\xe7G\xbbh6{C!\x82\xf0Z\x89 \x97/\xf0\xdd}\xe1t:\x9c\xcb\x01\x19\x14\xebpQ]\xd9\x0f\xd2}=\xf3iJ\x8c\xd0R\x8a!\xbc^\xb3\xd9t\xe1\xaefC\xf3\xc6\xb1\x05\x93\xd5j\xb6zU#\x08\xc1p\xa2\xdf\x02r\xc1\xa9\'\xab\x08\x02\x0bu\x89\x8c\xc7q&gt;\x93\xed\x0e\xc3\x1e\xfaH)\x14b\xae1\x04\xfc\x85y\xf2\xa6v\xde\x07#\x1a|3\x98\x91)D54H\xd1\x01*\x0b\'2\xc0\xe2\x05\x9cKI\x11h\x9eQG(\xf7\xf4\xc8a\x0b\xc7\x10Dp2h\x02,\xc3\xc8\x1d\xed\x1c\x06F\xe7\x9d\x11\xab\xd5\xda\xa83\xeb\xf41;\xc1HQh\xb8NCp\xe5\x8a\x99\x0c\x9eJA~bR\xb8\x92\x94\xe7\x7f\xdb\xd3\xd7\xcd\x8b T0h5\x18\xcc\x8d\xedPx4\xe4\x1a_&amp;\xcc\xe6\xc6=@\x15\xb3C\x06\x03,!\x0b\x11?/\xe7\x92\x02\xc7I\x91H\x84c\x95\xdc\xfc|\x8f\xdc\xc6\xe3))\x08Qh5\x83\xb8\xd3\xd7\xb5\xb4c\x18\x87\xa6\xa4a[\xe3\x1e}"\x96\xb0{\xed!\x06:A\xde\x11V\xe3])\xb0\xb8\':@\xf2\x83\x13\xb9t\xb8\x98a\xa1&gt;3D\x880\xe8\xf4vbyh\x97\x96X\x1d\xf7\xe3t\xac\xb1\x11yD\xecv{\x88\xa6#\x1c\x8e\xb5\xa9\xd7b/\xd4I\xbf\xc8*\x99\xe2\x84\xa3\xc9b\x11p\te\x11k\xbbA\x9f\xf0J\x9a\xf44\xdf\x95\x9f\x869\xd6\x13\x8a\xe9u\xbaF\x1d2\xb2\x81\x18\x8cX\xf09\x1c\x8el6s\x0bz\x05\x92-)\xb72\x18\xe5\xc7\xa1\x1b%\x80J\xb7\xa7\xd16L\xc7\xefk\x8aetn\x17\xc8HL\x0f\xf1\xa5\xbaT K\x04%\xbc `\x18&amp;\x08\x8a\x82Q$\x9c\x13qX\xf1\xe7\xe5\xd9\x8a\x94\x1d\x8e\xe6\xb5\xc5\xda\xe5\xdcf\x03\\\xbf\x17\xb9\x8dlz\xd5\xa6b\xa5\xe1 \rd8NA\xe6\xe2\xb8x\x1c\xbe\xe3\xdc:*\xcf\x90\x1a\x1a\x1bu\xc3\x11\xbcpcLK\xe7)\x1c\x16\x0b\x81@*\x12\xb2\xdb*\x16-3\x14a\t\x8a6\x9e\x179\x9c%9)\x95\x82\xcc\x15\x97\xa4\x14P\x01\xb3N\xa7\xf3\xd2"%\xfc\xf3\xf3\xa1\x0e\r\xbdQ\x1d7\xf3\x81@@\x8c\x86t\xb6NX6\x1d\xc2\x82\xd8N\xc1\x11\x02m\\(\xc8@F\x95P#\x03qe6\x038\xed\xa1\xdcBa\xf9\xe2\xe5\xaew\xc6\x9c\x9ahft\x9e\xff\xc3:~$\x10 \xa3\xa1\x84\x8ae\xd3\x9b\t\x84\x80XP\x9a\x82$\x8b^\x83N\xaao\xca\xa6\xb7\x079\x9c\xc2\n#\xd3\'O\x9e\xbc\xf4\x9e6\xc6S\xe7X\xd7\x93u&lt;\x10\xa8\xad\x15\xe9Xge\xe9\xedV\xab\xdd\xeb\x050)\xe8\x8d\xd9\xd1+;\xd4@]%\xfa\xbc\xfd\xa9\xbc\x80\xf1\xa5\xc2\xf4\xa1\xaa\xaa\xdd\x9b3\xcd\x1a\xd8;\x8d\x1d_~\xfdD&lt;\nX5\x01)\x94H\xa0\xf0B`\x90/c\xc0\x05Z%bv\xd5P\x89|\x946 \x0e\xa1\x9e\xac\xceR\x07\xa7j.\xa8\xab\xda\xfc\xe8\xea\xec\xd8\x8e7\x83\r\xcdW\xaf&lt;\x89\x7f\x02X\x07j\xc5\x14=\xac\xb7=W\x0c]\x94\xc8\x93\x88\xbc\x89(q\xa8\x06\xc1\xceNoP\x82\xd6\xc72ji\xc2\x04*\xc01\xbb7_j\xfd\xf6\xf7C;j\xbf3:\x1b\xce\xcf|S\xc1\xaa9U\x03\xe7d:QQ\xab\x12c\xea\xa5i\xeb\xb456V~I\xc4B\xd2z\xbeT\xe2-h\xb4\x13\xa3\x02\x81\xf5C\x9b-/_\xf9\xaa\xf9\xcex\xc7\xce\x1c\x81\x8c\xc046~\xfe\xabo[7\xdf\x12?\t\xf8kN\xb9Y\x1c\xe7\xe8\x8a&gt;\xcfa:\xff\xcd\x85\x9e\xa0\xe0\xd0\xa9|\xbeP\xe2\x15\xc0\xb2\xb80\xaa\xf6\x08~m\xb3\xe5\xa5+3\xcd\xe7O&lt;R\xed\xe0?\xf8\xd6\xb0\xb1c\xfc\xfa;\xaf\xcc\xce|\xd3\xbay\x86&lt;\xea\xaf9p\xea\x80@\xb184.\xf6\x98^\x1fK ogE\xad\x8ah\t;t\xa5(\xc7\xf2&lt;_]]o\xa9\x03\xac\x9a\xfd\xd4\xf4fK\xcb\xdb3\xcd\xcd\xcd\xaft-\xcc\xdd\xf9\xa1\x1ebc\xc3\xf8\xdc\xe5\xae_\xff\xfc\xcb\xbf\xb5\xb6n\xae\xabX\x07j\x047\xe2\x92\x98\xfe\x90\xd7\x9bH \x87.Z\xc3\xc3\xb1\xd8\xb07\xc4HP\x83X\n\xab\xb3@\xb9\xac\xaeor\xb9\xdd\x14(\x8c\xb0Z?\x06\xac\x13]g&amp;G\x16&gt;\xff\x7f\xdf\xe0E:\x1b;\xee\xce-\x9f|\xff\xc3\xd9\xd9O\xaf\xb6\xbe\xfd\x04a\xd5\xee\xdf_C\xb9\xddPk\xe2\xd0\x91B2\xa5i\xd5%\x19\xf5\x88\\4\x9a\x12\x81\t\r\xe8\x02U\xb5cP\xc5rA\xcc\x9f\xaa\x1b\x01\xac\x8f\x10V\xf3\x87\x97\xf6\xb5\xb7O#\x9f\xbaq\xd7\x8bn&amp;z\x07\xd09t}\xe1\xc2\xa4a\xdf\xc5?\xcf\xce~\xfc\xbb\x97\xaf&lt;\x11\xcf\x05T,\x01s\xd5\ty\x1c5\xefP\x01\xc58\x8e\xfbY\xde\xe7\xf3)&lt;:p\xf3\x80\x01T\x16_\xdb\xde\xe3{\xab\x9b\x9a\xbe\x87uB\xc52\x1d:s\x11\xd9\xae_\xf0\x83\x1a\x8c\rc\x8f\xe6\xbe\x98&gt;d2\x18\xf6\xfd\xf2O\xdf\xc3\xc2\xdc\xae:\xcc\x8f\x9a\x85|\x016\x0cS|\xbe\xb6\xd7\x0f\xff\xb4\xbb\xb7w\xd0\xa7X,&lt;\x8f\xb4\xaav8\x8e\x1f?\x8e\xb0\\X\xa1\xe9;\xac\xdft]\xdamj\x07\xb0\xdd\x93\x17n^\x1f{\x81\xd4otv\x8c\xa3OUh\xaf2T\x19\x0c\'/\x03\xd6L\xeb\x8f\xaf\x9c\x11I\x1c\xc5\x96\x1bs\xb9!\x8e\xfd\xb0\xd8\x02l\x18\xef\x1b\xec=|\xec\xd8\xaf^\x7f\xb5m\xd0\xe7C\x17\x1f\xdaA\xc7A\x10\xeb\xb8\xa5\xbe\xbe\xa9\x8e\x17\x9a\xea\xa6\xbfni\xf9\xc7\xa7\x08\xeb\xbd\xb7\xe0\x9f\x1aLUUU\xa6\xc9\xe9\xa9{\xe3\xffS*\x03U\xd1\xc7O\\\x984\x19L U\x95\t\xb0f\x01\xeb\'\x08\x0b\x1a\x18\xb7\xdb\xedr\xd5\xc17FQ,`\t\x98\x80!\xac\x89\xb3\xc7\xde\xfc\xd9A\x87\xcf\xe1\xfb\x17!g\x14\x9aV\x9e\x85qsAW\xb37\n\x8a\xde\xc4e\xc7\x9a\xed\xca\xb0[\xd45\xe1\x12\x9cb\xe8:tt\x10!\xcc\xc3\xa8t(,A\xbc\xb3\x0f\xf66\xe5&gt;\x88\x01\x89\x0b\x918,6\x0f\x91\x8b\xd8\xb1\x08\xdb\x87iAX.\xc3\xd8\x98\x0e\t\x0c)A\xec\x10\x08\x944\xc4)y\x88\x0f&gt;\x944$\x04\x9a\xecw\xae\xe9,;\xb0\xccibIh\xe2\xcf\xef\xfb\xce9\x7f\xd3k\xe8zoP%\x12n\xab\xd5\xe61\x83\xf2\xe6\xe8\x17\xa3\xc7\xdf\xc6,{\xfb\xa0\x8aVE\x86\xd5j\xf1\xdd\r\x06\xc8\xb6\xbe\xf2\xe2\xe5\xdd_u\x92~\x81\x01\xccK\xebT(\x03\xdd\x88\x9dg\xe1\xf0\x86S\x0f\x13\xbf\xa4\x0b\x0f\x08j|\xdc\xeb\xa5\x1fs\xdf\xb8\x81\xa5w\x13r\x85 \x97\xcbm3{\x96&lt;\x88\xd5\x08\xa0\xee%l6+z\x91\xb8\xae\xfc\xfd\xc6\xf1b\xcc\xd2\xedA\xadBY\xe0\xc0Eb\x81+m0\xa4\x97\x7f\x15\xec\xa3\x87\xdf\xc1&lt;\xc3\xe0\xb1\x0cntb\x85\xb0\xfa\xfa\xc5\xe3\x8f\xff\xf4\x97?^\x1b\xbf2\xed\x05\xd8\x15/\xe9\xf5\xe7O&gt;\x19\xbds\xc7\xeb%\xaeP\xc2\xe6\xa1B\xac\xcc\xb6D6\xe1\xbemu\xd3g0\xbc\xa6\xaf}p&lt;\x16\xeb\xef\x12V\xb3.\xf0\x0cK\x0f\x19`\x0c\xc3\xe0n\xc4\xf2\x8b\xc3\xffs\xe9\'u\xde\xdd\x87?&gt;_NC\xe0\xcbR\xa9X\x15\xeb\xa0\xaf\x8f\x1f\x7f\xfc\xc1\xa7\x1f\xfe~\x9c^\x8f1BA\x1e\x1f\xc7qytt\xc4\xec\xc5\x8cZ\x8286\xdb\xd2\xd2\x033\xb0&lt;\xc0\xbag\xb5\xba\xdd\xf0\x11\\\x98\x12_\xbe\xb5\xa8\xd1*\xcdT$\x9e\x87\\`b\xd9\x81d\x06\xb9ZV\x06\xbf\xd8\xe2\x97\xa2\xd1\x86y\xf9\xba\x92\xcbU%\xf6=\x14\xf9\xa8%\x13\x0b\xe1\xf0\xe6\xdaX\x1c\xe7\x9aO?\xbc6\xee\xbd\xc4\xa2\x17\xa4x\xd1\x94f\xcf\x88\xd7\xec\xf1\xc0@\x0c*\xb86\x02\xbaD"\xeb\n\xb8\x02\x81\xc0\x80\xcb|gy\x10\xad\xd2L4\'\xf2\x1cG\\P\n\xb7Z\xb8(V\xdae\x01\x03\xe3\xf0\xeb_&lt;\xcf\xfd\xdd\xdd\xaf\xbe{^\x96E^\xce(\x8c\x81\xbd\xc4RoY\xb1\x13~\x86)?\xe6{\xfb\x04X\xe3h\xfe\x89\x89\x89\x91i\xef\xf44\x00a\xe7\x88\xca\x83\x91\xeeN\xa0\x13m6\x8f;\xeb\x0f\xf9\xfd~W6\x90%,"{z\x1e\xa7h\x95J3mE\x80Z&lt;|\x04\x15\xe1A-\xbe\\\xa8H\x1c7\xe8\xcb\xdf\xfc\xf7\x7f\x9b\xbe\xfe\xe1uSf\xb4Z\x96\xa97s\xe5\xba\x98\xd6\xa9N\xaa\xfd\xc2\n\xd5B8\xda[\x8d\xfb\xde\xca\xdf Z\x03\xac\x89\x11\x15\xce\xec1\xd34\x80:n@%\\\t\x9b\x1bt.\xbf?\x94\x9c\xf3\xbbP\x01\x18\xe9\x0e\xb8_\x1d\xf5ij\x95fT\x0f\xd5"\xb18\xd8\x89G\x9e\x96\xdb\x8524dx\xf9\xf1\xeb\x9f\xde\x87\xea\xa3\x97\xcf\x97s9\x01\xcd\xc1+\x9dJ\xb9\x9c\xab\xae\x0c\x94R\x93\xcf\xf29`56j\xbeo\xe5e\xcc\x87\xd1\x9b#\xb7(\xc5\x13\x13\xb7\xac\xb7\x11#\xcf \xe1.\x97\x9f\xde\x08\x82p\x92\x8e\xb99R,\x91\x08$\\\xae\x84rd1\xa9\x1e\x16\xe1\xe1\xa0 \x14\xb0x\x0e&amp;\x1a\xa4f\xa4*\xf0R=W\xa9T\x1f_\xfa\xf7\xd5\xf7+&lt;\xa3t\x14n\xd8\xa0T\xeb\xe8^!W\xe6XJ\xbbJ\xc5rJ;jol\xd6|\xa7\xf5\x9f\xb1\xa0\x94\x19Xn+1\xa1\x80\x05\xe3`] \xe0\xcaB+\x7f\xd2AW[\xff\xd3\xe5\x0e\xcc.d\x13\xdb\'-S\x7f\xb7\x01\x0f\xc3\x8a\xc8Q\xb6H\'\xd5E\xc2b\xc4L*\xb3\xb2\x93i\x17\xda\x15E\x1c\x84\xea\xc7\x9dG\x0c+\x963\x99\xb2T\xef\xac``A3\x89eh&gt;P\xa3\xf0b\xbd\xbae\xb7\x17\xd5#\xc47\xe8=\xaf\x97\x98\xccfzI5\xb41O`\x0c\xb8\xdd\xd9\xac+D\xce\xb9\\sS~\x87#\xe90:\x8c\xa1\xd0g\xfe\xc0,\xb0\xb6_a\xc4\xef\xed\x97R\xa5\x99\xad\xb2D@\xe94\xc5^\xcd\x17k\xe08\xa1R\xba\xdf\xbe\x1fi\xe6\xea\x80&amp;\xff\x1e\xbex\x926\xb0\\\xaeZ_\xa9V\xab\x95\xea\xban\xd8 I\x8c:\x1b\x0c\x9c )\xd5L\xfbY\xd8\x1e\xb9\xda\xdb\xc5V\\\x19\x1d}\x8a\xa8O\x13\x95\x15a\xbe\xe7\xa6\rc%\xe3\xb2\x10\t&lt;\x0eP\xcd9\xa8\x8c\xf9\xbc\xe3\xb3\x10b\x06\xac\x93Z,\xb61s\x08\xac\xe8V&amp;\x07G\xd2\x94vFmGXIX\xa9\xc3\xab\x99:\xcf\x18x\x05R\xfd\xf4\xfa\xb1h\xd0\xb12\xc6\x82\x96\x13x\xb9#\xb3\xe9\xf5u\x9a\xf1\x1c\xac\xbe8\xdb*\x16g\x1a[\x99h\xe4~c\x7f\xcdwz\xfe\x14[\xf8\x0bJ:\x06\xb8\xdb\x8dD\x07\x88.\x80d\xb9B(\xd0\xf8\xa7\xa6\x08+\xdc\xce\xa6\x12\x00\x00\x08pIDATi\x1c\x02\x96\xc3\xb1\xb0\xb00\xbf\xb0\xf3\xaeo\xe9\xee\x97\xa0\x162_*n\x9e\x9d\x1f\xf3\x9c\xba\xad\x99A\xf0\x85N\xaat\x15\xcd\xc0qi\xb1\xa9y\xf9}\xb3\xdd.\x1b\xb4"2\xae\xd5\x0e\x0f\x0f\xcbUY\x90\xd6\xe1\xb6 \x9f\x9c\xadn\xecv7z\x8dFc+\xd7\x06\x16\xf5\xe2\xd1\n\xc4\xfa\xdb-\x0f\xb0\xa8\xf3\xa8\xd3\xac\xc4\x95\xa0\xd6\x0b9\x82\x8e\x90\x7fjN\x15k\x12XF\xe3_\x1d\xf3\x0b\x0b\xff~s\xd1o\xf5\xa9\rK\xa5b$\x92\x9a\xd9\xdc\xd8X\xbd\x80]\xc0\x82d\x06J~\xbd\xd3\xacbDpiN\x0ek\x96\x85z\xa6\xb9\xc2h\xc5NN\xd4\x81\x8a)w\x14\xf9\x91\x8e9\x06Swo\xad\xd6\x8aw\xf7\x1b\xd1FS\xe9\xd8#\xd1\x06&amp;*\xe4\xf2N\xdc\xa2\xd9i\xbb\xec8`\xa1!!\x18"\x1f\x02\x14\xb4\x82PF\x87chh(\x08\xbd\x82!\xd7|\xee]\xcc\xb2\xdb#\xad\xc2[\x91T\xaa\xb1qZ\xdb\xdb]=;\x91\x1f\xc1K\x86\x1d\xa6\x89\xca\x8b\x02y\xca\xea\x9e\x144\xe8\xb9vF\xc4\xda\x940\x13\x9e&lt;A\x83\xae\xac\xff\x81\x95\x00\xb5Wk\x8d\xe9M\xa6\xb1\xee~\xd4\x1e\xcdHJ!\x12)\xf6Vk\xce\xa3\x95\x9b8\xdf\xd1\x0f\x8f\x08\xcb\x8f\xe4\x90\\\xe6\t\x15\x0c55\xe5JN\x82\xc8h\x1c\x1a\xfa&lt;\x08\xd0`2\x00\x0b\x91\xf7\x99T\xaaT\xccd\x8a\xa9\x12R\x1ao\xf5\xfb\xdd\xdd\xd5*\xda\x92\xd1]\x1f\xbe\\w8WhuBG\x03*\xf2P\xa7e\x05\xa5\x9a\xcb\xed\x94e\xc3o\xb9\xf3\xb3\xd5\xb5\xb8\xcf\xe94\xc5pn\xdb\xebE\xee\xdb+\xa2\x94\xb1\xdb#\xc5\xcd=\'\xe4\xba\xf3\xc0cE\xb4\xac\xd6\x01\x96\x1f\x83\xfc\xf6-3}\x0c\xb2\xa9\xa9Y\x88\x05,\xc7\xd0?\x86\x82\xf3\xf3!Gr\xfb\xa2\x16\x83\x85\xa0:l\x9fd\xf0\xd4\xa7\xb7\x8b\x07\x1c\x8b\x99\xfak\xdd\xd53EL#?\xb4\xe3\xb0\xe8\xa8t\x92\xa6S(\xe4\x1e\rki\x9c\x1b0\xe0\xd2i-{|\xb1\xbav\xba\xe8\xc3\x17\x9ab\xa4V\xaf\x08,\x81+\x17\x8a\x91b\x14#\xf5H!\xac%uv\x93&gt;\x98\x98\x88\xbd[M\x18\t6\x95D\xaa \x16\xb1\x05\x83\xf3A\x07,\xec\x9b\xba\xbd\xc3\xc3\xd2\xcc\xfd\x9c\x9c\x01^o\x97\xbe9\xb8\xf4c\xad\xbd\xd5J\x1d\xee\xa93,\x8d5\x03?\x19M\xb3R~\xa4B\xa9\xc5\x0e_\xe7\xeag\xdd\xd3\xc5E\x9fS\xaf\xb7\xe0kMc{\xbd\x06\x99\xc8J\x99h\xb1\x18\xd9\xef\x8e\xc5\x8f\x9e\xe2\xb0\x80"\x0f\xfd\xfe$\xfeP?\xe2C`\xd2\'\x1c\xc6K\x0f\xa1V\x1e`;\xefZ-X\xf8Ci\xa6\xd1\x94\xa5L#r\xb5\xb1k1\xa9^\xc4,\x96x\r\x8a\x9d\x9c\x9f\x9f\xd7\xeb\xb288\xf0\xe84\xb2`\x18V\x1d\xc5\xde\xc1&gt;d\x84\xf3\xb3\xda"\xa8|N\x93\x05\xa57\xe9\xf7\x10\xf9(\xd6%_\xde\x8aF"\x91\x835\xe7\xa9\xe2Y\xa2\x82V\xfe\xbc?\xa9\x16f;j\x96.\xf7\x86V\xa4\x96\xaaU\x1e6\xbe\xc1\xc8\xea\x1f\x90\x853\xcfpJ\xc8\x14\xd1\xd3\xbb-\xbd^OX\xf0\xc3G`\xabx;\xd8\xcaT\xaa\xe5\xba\xc4\xb3\x1aFKiK\xf3\x82$=\x91\xeb\xca\xc9\xd9\xdai|\xd1\x07\xb1 \x14a\xe9\x9d*V\xbb\xce0r%\x1c\x8dF\xb0\x19\xe3G\xaf\x1e,mC0\x88\x13\xca\'\'A5;\xabB\xa9T\x93\xe4_\x90$\x0bR\xbd)\xbf\xebc\xeb\xa40I\x8b\x15\x89\x91\x9a\x98\x10*\xd6@.p9\xa9,\xad\xdan/j\x0f\x13\x9a\xa2a0\xc6\xeb\xd8\xcc\x95L\xb3\xd9\\E\xd4O\xe3\xf1\xf8\xe2 Y&amp;\x93\x1e\xff~o\x13X\x05\x05\xbb\xbd\xdc\x06V\xb1\xd7\x8d\x83\xcb\xb6\x84\xa9\x8e\\\x85\xf2\x93\x93DE\x97_#SF\x95\nR\x91PC\xf9\xe0\xbf\xf2\xa1\x9d\xa3V\x0bg\xd2\x14\xaa\xa9\xf0\xec\xffbQz\x81\xe5\xa3\xfb\xf3u\xf7\xed\xf6h\xf3D\xc9u4x\xef\xa0\x03\xf1\xa49\\8x\x87P\xc5}&gt;\xa2Rs\xa5&gt;\x8c\xb5M\x0c\x08:t0R\'l/F\x11\xafV\xfc\xe4\x955\x10\xc8.dU,\x02S\xdf\x8d\xef\xb1H\xa7\xbc\xca\x16|sD\xc1\xc2xO\xa5\xc29\x81e\xc9\xc4K,\x95\x8b\xc0\x9cd\x8e%\x8e{\x8aD\xb6\xea\xbc j\xaa8\xf8q\xacP)\xa0\x0ej`r:\x17U,\xc4\nb\xf9\x9c\xbe\x01V\x0eX\\\xbdi\x8f6(\xf6\xb5\xd3\x93\xed\xed\xa5\xa5D\x96v\xcd{\x1c\xfa\xcb8i\xa46\x1c\xca\x87\xf2y\xe4*\x14zsQk\xedm\xa6\x08+\x02\x0b1\xb7\x7f\xce\x96\xd39\xe8u\x14\xeeV\x8f\xec\x1fD\xed\x91-\x85\xe7X\r\x87\xe6\xbb&gt;,f\xc2\xe105\xbf\xf3?]\x97\xbfk\x1aa\x18\xc7\x8dp\xc5\x1e\x87R\x84\x1e\xefm\xc2\xd11\xc3\x11\xa4\x83t\xe9\xd2\x83\xe3\xd6p\xfd\x03DG\x17\x07I@\x92!Go\xba\xa5"\x12\x10\x84L\x19\\J\xb8\xc3\xc6\x80 \x82\x8a\x91@\x974$\xa8K\x86\x0e\xc1\xa1\xa1$\xa4\xdf\xe7}O\x93\xf6\x15\xd1\xe1\xee\xde\xcf}\x9f\xef\xfb\xfc \xad\x0e\x1cFXP\x8a1\x06,M\xd3\xcc\xaa\x8a\xfc[\xac\xba\xc0\xd2\xbd\xeb\xcb\xc7e\xed\xe7\xc5\xdb\xcd\x0f\xd4\xbd\x88|\xb0r\x95H\x0c(\xd2\xfb[\xdc\xee\xf7\xbfn\xae\x0b}\xd4;+l\xd13J\r\xcd\xf2=`\xa5I\xad\x08,Cr\x18\xcd\x9e\xadiC\xb4\xaeJL\x96\xe4\x9c,\x97)\x88v\xa7i\x18\xf0\xd5\t\xc4J\x90\xd9\x81e\x08\xac.\xb0\xe8\xb0\xa2y\xb6=\xdf\xb7n{\xa7\xcb\xdf?\xbe\xa0eA\xc7@\xbal\x13WrkE\xb5A\xcd\xc3\xfe.\xa8\x96\xcd\xcb\xebvA\xd7\xf5\x02zu\x85\x1e\xd1\xd04\x81%\xe4\x12\x0bP\x19G`\xd5\x8a\xd9\xd7\xb1\x1c\xc4\xcaI\xf5\xd055\x8c\xcd\x0e\xa7z\x81\xc5X\x86\xb0l`\xa1`J\xf1z\xc5\xc4S}\xab=\xe8&lt;U/h\x80\xd8\xf9\x04\x956\xb8\\\xc9H,^\xa2\x93\xc9\x8f\xbb\xc7\xb5\xe5i\xaf\x0b\xb7\x03k\x08c\xe1\xd4\x0b,;\xc2J\xbc\xe0\xca8N\xa7\xab\x99n\xb5\xa8\xbe\x8e\xbd\x01UNi\x8d\t\xeb\x86\xb0NH,\x96\x10\x8b\xe1\xcf\xd5\xc0\xf3\x80\x15\x97!\xab\xa4~\xad\xb88\x8e\xbenw\x87\x95\xe3\xbb\xbd\xcf\x9b\xef\xf2y\x1e\xc5\x8d\xe43\xd6&gt;-PU\x9f:\x836\x84*x\xd6\xb8Z\x8a\xd3\x8bEX\xbd\xef\x8c\xbb$\x95N\xa5\x05V*\xc3\x9c\x9b.\xec2!,\xa2B\xdb0\xe6\x03\x97\xa0r\x98\xa0\x82`i\xdc\x0c,\x1bX\n]\x99\x93\xb2\xad\x8af{\x1a\xf2\xaa\xe5\xcf\xceGw{;\xef\xf3y\x04q{\x9b\xe7u\xf1\x05\x13\x92\xfb\xddqcq[@o\x07\xac!\xa8\xa8m\x92_\xad\xb1\x10\x0e\x83\x1f-"KSh\x9c+\xc2j\x94\xe2q\x81\xa5V\x87\xae\xd9]DX\x06\xc7J\xaf\xd6\xe9\xc0\xb2M\xb7&amp;q\xac\x9c\x82F\x88\xe2\xa8\xd9\x16"\x13\x9c\xcdG\xbb\xe8\x110\xe6\x83K,j\xfe\x90\xb0\x8eF\xe7c\x1bu\x06\x01\xb4\xbc\xf1\x8aJ\x96\xff\xc7B\x1d\xe1\n\x18\xf05\xf9\xc5\xac\x94#,){\xc8\xb1\x9aB,\x83EP\xa9\x08\x0b\xd7\x8e\xbf\x01\x8b\xce\xac\xa4\xa0_sq6\x11I_\xf7\xfd)\xc8\xe6\xa3\xd1\xd1\x11G\x13\x89\x1dH\xf3\xf9C\xd0/X\x84^\xd0\xb5\xb0V\xa2\x1a\xcc\xb1\x8a\r\xba\xb9\xd7dpJ\xc6\x88\xdc\x92\x86\x87\xa3CoV\xea*a\xc12\xc5\t\xc7z&lt; ,\xc6\x9e\x95\xc2b\xb8\xd6t\xc3\x16a\xd1\xa1\x95\x14\xb5\\\rM\xe8\xe5\xc3\xfa\xf8L\xfd`6\xe3l|\xcd\xe7\xf3\xb3\x87\x87`\xda\xd7\xc5*\xe8\xee\x04</t>
        </is>
      </c>
      <c r="M47" s="3" t="n">
        <v>45492.67643518518</v>
      </c>
    </row>
    <row r="48">
      <c r="A48" t="n">
        <v>123225</v>
      </c>
      <c r="B48" t="n">
        <v>2020</v>
      </c>
      <c r="C48" t="inlineStr">
        <is>
          <t>Lucas Sasha</t>
        </is>
      </c>
      <c r="D48" t="inlineStr">
        <is>
          <t>L. Sasha</t>
        </is>
      </c>
      <c r="E48" t="inlineStr">
        <is>
          <t>VOL</t>
        </is>
      </c>
      <c r="F48" t="inlineStr">
        <is>
          <t>VOL</t>
        </is>
      </c>
      <c r="G48" t="inlineStr">
        <is>
          <t>VOL/MC</t>
        </is>
      </c>
      <c r="H48" t="n">
        <v>177</v>
      </c>
      <c r="I48" t="n">
        <v>88</v>
      </c>
      <c r="J48" s="2" t="n">
        <v>32932</v>
      </c>
      <c r="K48" t="inlineStr">
        <is>
          <t>Right</t>
        </is>
      </c>
      <c r="L4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4485de22-4c0a-467d-b3eb-16a7ab3f8b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\xcem\xe4\x00\x00\x00&gt;tEXtComment\x00xr:d:DAEewil2SDw:3048,j:4010854548617000738,t:23080814\x1a&amp;b^\x00\x00\x00\tpHYs\x00\x00\x0e\xc4\x00\x00\x0e\xc4\x01\x95+\x0e\x1b\x00\x00\x03\x00PLTE\xff\xff\xff\xd4\x99\x8e%\x15\x10\x02/j\x9b\n\x0b\xd6\xa7\x9f\xa4\r\x0f\xfe\xfe\xfe\xa0\x0c\r\xd5\xa4\x9b\xd5\xcf\xd5\xd4\x96\x8c\xd1\x94\x89\xd2\xa2\x99\xa8\x10\x11\x1c\x0f\n\xd2\x90\x85 \x11\r~LC~I&gt;\xc7\x1f&amp;?#\x1e\xc2|q\xbaqcyH?\xc0wk\xd0\x8d\x81rC9\x03?\x94\xb8\x17\x1b\xbfsf2\x1c\x16\x88RG\xbd\x19\x1e\xd4\xa0\x95\x8eOExC8\xca\xc3\xc9N#\x1a\x84G=\xc7|po@6\xae\x12\x14\x04C\x98\x85NCg?7\xb4\x14\x17\xfc\xfb\xfb\x17\x0c\x06\xd2\x9c\x92\xcc#*.\x17\x10\xc6wk\xcd\xc6\xcc\xd0\x89}\x13\x07\x03\xd1\xcb\xd0\x03&gt;\x8f\xce\x9e\x97\x81PGvMG\xd7\x9b\x91Z5-l;1\xc7\xc0\xc5\xa6k_\x96\x08\tc1)f8/\xb4l_\xb9vlH)#Q3-`91\xbc\x85zB\'"tF&gt;)\x1b\x15\xb3pe\xaevkl5,:\x1f\x18\x8fVK\xc2\x1c"u=3\xc4\x8f\x85\xc6\x81vN-\'\xcb\x9a\x92\xa4fZ\xc3\xbc\xc2\xf6\xf5\xf6\xabbW\xcc\x86zY.\'\xc0\x8a\x81\x9edX\xadj]\x03;\x87_-$\xcd\x90\x85\xbe\xb3\xb7W) \xc8\x96\x8dG\x1d\x14ySN\xcb\x8a\x80\x05C\x92\xb3|q\xcb\x7ft\x95[Ps8.\xa6od\x96QD\xca\x84v5#\x1d\xb1fY\x80C9\x8bJ?\x82UP\xb9\x7ft\xd6\xab\xa4\x98UKU95\xd2)0\xb6\xad\xb2\xda\xd5\xd9\x03+d\xcf\x97\x8d\xa2\\Q\x9fXL\xc4\x86}\xabqe(\x10\x0b\xbak^lE?\xae\x16\x1a\xa6_S\x9c\\Q\x022s\xd7/8^A&gt;\xc1\xb9\xbd\x98aV&gt;\x1a\x11\x90\\R\x05G\xa0}=3\xce\x81x\xb0\xa5\xa9D/+\x037\x7f\xa4\x9b\xa0\xed\xee\xf1\x03\'\\\xde7?\x89YV\xe2&gt;GW!\x19|qm\xe6EN\x88uz\xc8\x92\x89\x9c\x8e\x93\xe4\xe2\xe4\x8f\x84\x85K&gt;9\xb5Za\xc9\xb9\xbc\x9dh`\xbf\xad\xad\x83_\\\xee\xe9\xe8iZX\x0fL\x96\xa4\x82\x89\xa6\x8e\x99kKH\xbd\xa3\xa5\xad"(Gr\xaa\x8aXN\xbaQU\xa2IM\x14K\x8d\xaeOS\xdd\xa4\x9c9\x10\tXNIe%\x1e\x8egg9,&amp;!V\x99[u\x9e\xbf&lt;D\xd9\xb8\xbb\xb2\x9b\x9e\x03\x1bD\xc9NV\xc5uy\x94:H\xbfhmL\n\x08\xce\x84\x87\x84\x0c\rq\x81\xa2mfc3\x0b\x08\x8c6&lt;\xc9+2\x9b&amp;6\x9dvx\xb5q{\xb2\x91\x8f\x8d\x05\x05\n$M\x9a\xa5\xbc\xe3\xc4\xbfn\x88\xae\xc8dc\xb9)2\xbe\x97\x94\xcc\x94\xa0\x8c\x8a\xa2\xb3ef\xdd\xab\xaa4a\x9b\xecs\x83n,#\xb0\xb4\xc3\xd9\xc7\xca\x84(,\xad\xbe\xd5\x148i!Cs\xb4\x80\x95\xaaCA\xa1]{\xca\xd3\xde\xab~|\x9b\x16\x1fns\x89;Fk\xe9\xd6\xd5j\x02\x04\xdf\x92\xa0\xea\x82\x90\x9c\xb4\xd1?\\\x85\x87Jh\xebew&amp;;W\xbf\xc6\xd4\x99N^\x1e\x162^Ql\xe7M1\x87\x00\x00 \x00IDATx\xda\xcc\x98\xcfOZ{\x1a\xc6\xdb\x93LNz\xab9\x1e\r \x9a\x80)\x0c?\x12\r\x98c\xd5\xdc\x1a\xa8\x81\x83P\x85\x82!x\xa9\xc0H\xb0\x04I\x15\xe1 5\x98\x9a\x82\x05\x03\t-\x86[\xa2\x9bKz\xa3$Mu\xe1\xc2\x95t\xf8\x0f\xec\xe2.g\xdb\xfd\xfc\x0b\xf3|\x0f\xb73\xb3\x9f\x1c\x9d7@\x80\xd5\x87\xe7}\xbe\xcf\xfb~\xb9w\xef\x7f-\xfa\xbfJ\xfcp\xef\xff\xa0h\xd3\xea\xf9\xfe\xfb\xa7\xb3\x8f\xff:\xfb\xd3\xe9\xfe\xf9\xc9\xf9\xaa\xe9d\xf5\xee\xc9V\x9f\xb6:\xedf\xb3\x89g\xbb\xdd\xb9\xb8\xb98{\xfa\xe6\xe3\xa9\x89\xbec\xadN\x8f\xdbn\n\xe5vsjA\x90\t\x82\xd0\xee\xb4/\xde\xdf%\x17M\x9b^t\xba"\x15\xcbRn5\xb8\xba]\x80\xa9\x85\xf6\xf19}wT\xab\x1f{RQ,\xc50\xac[-[T\x13\xc1\x80\xd7l=\xbe\x1b\x87\xa1\x7f\xef[\x02\xe9\x1e\xc5\x82\x89\x08\xc6\x82\x87r\xe3\x1b5\x11\xec\xec.\x1cF\xaf\xbe\xe9\x08n\xd1T\x82\x9b5\x9b\x81e6\x03\x8f\x11\x8b\xe2(u\xf3\xe2\xc5\xea\xadK\xb5\xdfj\x12}\x88\xa7\xe0&amp;7c&amp;D,c\x9e\xe9\x15\xe4\x13\x9a\xb5\xe3S\xd3\xed\xba\xea\xfc\xac\xdb\xa3\x12=E\xb0\x88V"\x18\xc8\xc8\xc3\xcc\x92F\xce\xdeb#a\xf5\x8e\x00\x9b\x8bb\xa9\xd5h%i#\xe12\x9b\x7f\xc8\x050\xf0\xc2`\xb7\xd7\xc0\xd9\x96\x00\xa3\xc3\xe9\xa4\x85(r\x0cY\xb6T\xe2J%\xa8\xf7\x1f.\x86\x15\x9ag\xb7t i\xd3\x9b\xb6\x1a,=_\x81\x89\x00\x96\xd4&gt;Y"Q\xaf\xd7}u5Wb\xfe\x8d\xc5\t\xed\xf7\xb7d\xaf\xd3\x8b\xa6\xd0\xa3b\xc5x\xc7\x93\xf3\xe9\xe2\xb1\x98-\x1e\xb1\xd9b\x91\xb8\xae\x0e24\x94\xa2J\x1c\x02\xec\xe4V\xe42\xbdi\xb5\xff\xa4\x12\xb18\x08\xb5\x10\x89\xd9\xfd~\xab\xd5\xaf\x1d\xd2k\xfd\xb6XL\xe7+\x91\xb3YB\xba\xee}\xbc\r\xd7\xd3\xa6\xf7\x9d\x1fn\x02\x17\xa7\x96-\xc4\xe31\xbb\xd5\xbf\xa3\xdf\xc9\xe9s\x1aMN\x93\xd37\xbc6\x9d\xac\xc4\x10\xbb\xa9\x85\xce\xfem`\x9d\xb4`\'\xe6Gj\xcath\x9c\xd7\x0f(M:]\xcc\x17\xab\xf9|&gt;\x9dN\xe7v\xac6\xd2K\x8eSS\xdd\x96\xf4\xf3\x916}\xc4\xc0\xa1\xc44g\xb9\xba.\x16\xf3Z\xb5;z\xbd&amp;_,VB\xa1J\xa8P(\x82\xae\x98\xd7\xec\xa4l\t5\xc7!\xee\xbb\xc7\xd2c\xed\xb7)q\x082L\x89K\xc4c6oJ\xab\xd7\xe7\xd2\xc5J%\x94\xcd\xf2YR\xa1\n&gt;\x84\n\x9a\x86W\x07\xbd\x90n\xedSZ\xea \xfd\x84P@\x94\x83\xaa\xae#T~0\xa5\x8b\xa1l\x14Pe\x1e\xa5P\xa9Te\xf2.T\xd0\xa7\xe2\x1c\x87\x86\xbb%\x0e/\xda\xf4\xb2\x8b)\x8cHg\xb9\x84H\xa5\xcd\xa5\xf3\x85P\x88\xe7=\n\xb1TJ\x03jjJ\xa9R\xf1|E\xa3\x8dp\x1c\xe6dwVJ,\x9a\x9em\x93u\x8f\x99azT\xa9\x86\x1ePQ\x02\xa5\x02\x88\x12L\x81L \xb3\xb9\t2\xa5J\xd1\xe3\x02\x96\xf9\x93\x94!A\x9f\xdc0\x08*j\xc6\x0c\xaa\xdf\xe26o\x83\x98\nT&lt;\x88Pry\xc0\x10\x08\x046Q\xbfn\x1a\xe4JE\xb6\x90\xdeY`\x11\xfa\xdd\xc7\xb4\x84b\xbd\xef2n\n?\xff[\xaf\x83)\x1c\xc0B\x88\xcf\xc2OJ9\xa0\xe4\x01\x02\x95\xc9\x84\x7f\rg2\x99@\x8fK\xabf\xd9\x99\x99\x96t\xee\xa2W\xcf\xc8\xd2\xc0\x11\xad\xe2\xd0*\xb5\x93\xd3\xe4+\x80*\xab\x08S\x8f\xca\x90\t\x87\xa7\x07\x06F\x00\xb6iP\xf1\xa1J\xde^\x02VG\xba\xc3H\x9f\\\xb0\xe2\xa6\xd0\xa3\xf2"\xaf4\xc5\x10\x0f\xa3;\xe4\x01@\xc9\xd1FC \x99L\xf6\xf5\xad\x0fL\x13,\xc8\x15\xaajt\xacyFx#\xdd\xb5\xf6\xb4Mv\xacR=\x1e\x89\x90\x166\xa0\x16\xb0p\x06\xe1+\x15)\xb9\x1c\x9e\x0f\x84\x93\xeb\xeb\xc90\x0c\x06\xdb\xf3\xe02\xaa\xc1%\x99\xe9i\xfa\x85\x1bX\x14\x17\x07\x94\x8d`\xe54i\x9c\xc3,I,\x12\r\xa2\xe9\xc5|0\xa0\x950\xfd\x94\n\xa71\xba6\xb6\xc2\xb13\x1d\xc9&amp;\x90\xa9\x85\xf9\xcc\x98e\x11\xec0v{\xcfZ\xc5B\xa1\x10"X*\x92\x0f\x84jJ\x8e\xd8B\x19\xa0\xd6\x14\t\xd6\xd0\x96\xd5\xa76\xb3RE*\xbd\xdf%\xabzI\x14\xcb\xebM!\xdfs\x08\x88B\xa5\x87\xe5P\x12\xcb\xc3\xf8D,\x90\xfd\xa3&lt;\xd5\xc3\xca\x16\xf4\x0b2\xca,\xd1\x04\xa2M\xc7\xe2\xe2\xe0\x8bX\xc4\x16\xfa\xb5\x8d\x06\t\x08\x8c\xbf,\xafT:\xd0B\x12\t\xe8&amp;IzH\x05.\x83\xc8U\xd1\xd8d\x1c\xe3~)\x89\xe9\xe9\xf3\x0e\xb9\xdbp:\x8b\xc5N\xb4\xf2\xfba\xf9\xf4\x9fX\nE\xb9\\&amp;/\xd9\xb2jJ\x94\x0b9!v\x92\xb8\xab\xaa]P3R%\xfdi\x17w\x1bV\xbdbq\xd9\xb1\xf5\xf9S\xfe\x1db\xaeB\x85$\x97J\x9c\x87p8\x94\n\x87\xc3\xc9\xe9i\xbc\xc2\xf4\x06\xa2Wtm\xdc\xe6\xa3\xcc\x17\xab\x92\x9cC\xa8ef(\xdf\x8ak\xc2n5B--\xb0\xf2U\x88\x05\xad\x90\x0f=\xae)C&amp;90\x828\x1d\x19!hp\xbdR\xc1\x07\xc7\xac\x92\x99\x0b\x8e\xefaMLLX\xad"\x96^S(T\x82Q^\xe1P:T\xc4S8\x88\x9b\xe1\x91&gt;\xd4\xc3\xbe\xbe\x81\xe9\x91d\x18\xdeWx\xe6\x97\x8d\x0b\x94\xd9\xfd\x82\x96B\xad\x97\x0c\xaeX\x94,rxxh\xc4m\xc2\xbf3\xae\xd9\n\x82*\x1aE\xca+Ub\xd0\x87\x93##\x0f\'\x1f\xf5?\xe8\x7f4y\x7f`$\x99\x0c \xe9\xf9\xe8\xb2\x11\xd1E\x1dK\x82u\x86+3\xeb\x96Y\x0e7\xe6\xac\xe4\x923\xbe\\\r\xce\x07\xe7\xa3A\x8f\x87`\x05\xc2\x81\x0c\x94\x9a\x9c|\xf4\xa0\xff\xc1\x83\xfeIT\xdft\x98\x0c &gt;\xb8lt\xfaX\xe6L\x92&amp;\xb6\x80E\t+.`\xc1]\xfe\xf1-P\x91\nz\x1c(y\xf2 \x90\\\x7f;I\x84\xea\x7f\xf0\x97\xfe\x9f\xdfb2\xae\x87\xa1\x96\xca3\x7fd\xb4\xc8(\xa6%\xc5Q\xa4?\xc1Zn\x99\xb3v9wh\xb5[\xb5\xcb\x1f\xaak\xd0j&gt;\x18\x9c\x87\\\x0e\x92\xa5Ih\xf5p\xf2\xed\xc3_~\xf9\x19\xf5\xfb\x01\xa25\x83(\xf3D\xaf\x96,\x8b\x14s#IB\xb4\xc8\x9f0\x8b\xce\xbd\x8d\x8dC\xbb\xdd846\xb6\xbc\xf5\xe1\xc3\xd1\xd8\xe0\xe0\x93\xad\xe0\xf6;\x87G%\x07\xd6\xfd\xbe\xdf\x0f\x0ev\x9fo?\xff\xe7\xabW\xbb\xbb\x0e\x0fr\x16\xde:Z\xb2,p\xcc\x85\x14\xe3\x87\xbe\x99\x81\xe1\x9b\xce\xda\xc6\x97K`i\xb5\xc3ccO\x0e]\x91\x88\xc5\xb5t\xb5\x16\x0c\x86\x14\xf2\xe9\xbe\xfb}\xeb\x07\x8eW\x9f\x07\xad\xf6\xd1\xe1\xab\xcf\xaf^=\x7f\xe7qx\xf8\xe8\xd6\x92kE\xcdt\xa4\xc1"=l\xee]n|9D\xa0\xfa\x87\x9f&lt;Y\x9a\x88,\xe8t\xf1\x88}tlY\x93\xe7\xe5#=\xachu&lt;e\x8b\xc7\x8cc[\x9f\xb7\xdfEy\x0f\xcf\xaf\xcdM8}\x94Dj\x89=\xac]nlL\xd8\x91\xf3\xa3\xc6Q+&lt;f\xb4\xdab@\xf0\xa7\xd2Y\xf9\xc0\xfd\x87}#\x01E\xb6\x92\xcf!\xff\xab\xd5\xb5\xedmpE\xa3|\xf0\xc9\x04&lt;/\x05\x16\r\xcbS\xc2\xe2^\xad67\xe7\xc2\xac\xb6\x8f\x0e\x1em\xbf\x0bVs~[\xec7\xac\xab\xb6\\H\x99\\\x1f\x99\xce\xc8\x15\xd9|o\x88\x87&lt;\xcf\xfe\xf6lw\xd7\x13\xe5\xa3W\xa3\x96E\xb74X\xc7f\xb7\x00k]~!\xf9\x00\xa8\xf9\xed`\xa1P\xcd\xebm\xbf\xe9\x12\x89\xc4\xd7F\x1a\xee\xc2\xc5BY\xce\xea\xb1\xb8\x92\x05\xb1Rq&lt;\x03\x17\x04#\x9ew\xdfH\x82\xf5\x82q/6\x9d\x97\x1b\xaf\x81e\x1f\xbeZ[&amp;w\xfcj5?dK\xd4\xeb\x04\xab\x88\xf5\xc1 W\xf0\xc5T\xea\xfb\xf7\xef\xfe\xf15O\xb6\xe0x\xb6+w\x04\xa3[\xc3\xae\x15\xe1F\x12o\xfd\xe4V\xe3 ^~\xd9\x98\x1b\x85\xc7\x8f\x86\xb057\x06\x87\x87\xc8_ \xc0\x8a\xf5\xb0p\x99\x0e\xe5\x1a_m+\xf8*&gt;\xc6\x87\x8a\x07\xc9\x00\xb0\xd6\x86\xedN\x9f$X\xa6\xd3\xaez\xb1\xb97\x07\xac%\xeb\xd0\x951\x16\x8b\xe9\xeauY{O\xa7\xab__\xeb\xbc;\xf9\x10\xaf\x9aR)\xca\x95bc\xf8\xef5\x9dp\xb1\xe2\xd4\x16\x8a\xfczR\x1e\r\x02\xcb\xb2(\x8dZ\xa7m\xc1\xe9\x04\xd6\xeb\xb9\xa5\xd1\xb1A]&lt;\xc1\xf9J\xdd\x9bNk\xef\x1a\x15K\xe9\xf3\xd9\xb2\x12k\x8cR\xfeN\xbf\xfcG\xcd"\\\xd4nj\xa9J1\x90\xccx\x82kCv\xd7\x8a$\xc3\xc7t\xde\x919\xf7j\xb0\xd6\xdc\xa8v\xcc\xa6K\xa0\xa5\x9c\xd0i\x7f\xa9\xd5\xaf\xeb\t\xdc\xb0\xd3!`Ma\x11\xf4\xe4\xf4G\x87.\xcb\xc4\xe5\x1f\xaf\xbf\xa6\xb3\xaad\xc6\x01,\xeb\x84E\x9a\x99x\xde\xc1\xe4\xa9]\xbe\x9e\xdbX\x1a\x1c\xd4%\xae\x17\xf7\xba\x8b\xb2f\xe7p\xe5\xfa\xdbu\xc4\xefm\xe4\xb3\xb8\xfb`\x19\xe5\xf9b.\xa7\xd7\x8f\x1f}\x0eV5i\x85&lt;\x1cV\x06\x83CV\xab\xab%\xc9I&lt;\xbfh\xee\xed\xed]\xce\xcdm\x0c\x0f\xf9up\xb4\xcb\x12\x89\xb8\xec\xf1\xc4\xb7o\t\xa3\xd1\xdb\xa8\x8aX\xb8dD\x0b\xe9t\xb1\x12\x8az\x1cJE\x19\x0bO\x18\xe6\x1a\xb2\x1a]\xd2\xa8ur\xd3t\x02\xeb\x10X\xc3\xff\xa2\xd5\xfc^\xd3H\xd78^/\x8a,3\x172\xa2\x19g g\xa8s4\x03\x0e\x9e@\xf1,;\xa3\x1e\xd1\x18521\xe2\x0f$\xf1\x17\xce\x8aJ\xa2iO\x8c\xae\xe1\x14\x1b\xb3\x95\x089\xa9D\x96]\x08\x1e\xe8\xb6\x1b\xb2fYZHB\xd3\x93\xdct!M\n\xa7\x85e/J)$\xb0\x9c\xbd\xe9]\xfe\x81\xf3\xbc\xe6\xf4?\xd0\xc7L.\x92\x0b?&lt;\xcf\xf3&gt;\xef\xf7\xfb\xbec\xcf\x1a\x90)\x83pf\xa1\x86\t\xd2\x1e0\xb6&amp;\xc0\'\xeatcP\xc5\xa5\xa5\xb9\xbe\xd7\x18\xbb\x1d\x89\xdc\xa5\xae\xb1h~(\x1e\xc3&lt;\xfb\xaf~\xb6\x10\x16[r9\xed`\x7fJ\x81@\x06f\xa9\x81\xf7\x07X\xfd\xfa\xd2\xa8\xf6T\xab\xd3\x82|w\x8f \tV\x05\xb9Z\x80\xa0"\x12\xc2\xe2\x9e\x0c%[\xe6\'\xdf\xac@s\xf5\xb3\xc5\x92\xb4\xbd\x9f\xabL\xd6`\xc8%8.d\xd4\xaf\xa7G\xfb\xf6\xb5\x83\xb8\x00\x0c\xa44\xa8hJ\x96\xa9\xbbR\xda\xc4\xb1\xfe\'\xc3qd\xdf"\xac\x95\xa6(\x10$\xabV\xb3\xe0\xc9\x80+\x01\\\t{\x805\xea\xd3\x926\x0eX\xba\x05\xf0\x89:\xb0\xad`\x1cu\xda8E\xc9T\xdc\rj\x9e$\x86\x83\xa5\xfc\x07*\xa2\x17z\x9ed\x01\x0b\x81\x95\xae\xd3\x95\x01i_^\x05\x06\x99B\xa7I\x0b\xe0\xa9\xd1\xb1\x08\xb2\xaf\xf0\'\x90\xce\xba\x89VH-\xfcl\x1e\x86\xafV\xfe\xed\x07\x84\xd5\x14I?h@\xb5\xb1\xbc\x15\n]c\xa1".\xa7#\r\xf9\xe68\xf4\xf7\xe8B\x07&gt;\xe8\'\x1e\xb7P*P\xf4\x05\xddDL\xbd\x9c\xfa\xb07;\x84k)\xf3\xbd\x8d\x95\x15\x0f\xdf\xf4\xfbi\xc0b\x8dF\x00+\x052\xd9\\\xceY\xa9l\x17\xdd\x8dd\xfd\xf2&amp;\x0e\xd6p\x8c\x02\xa8\x8e\xc5\xd2\xb9\xb6\x8c8l?#i}M\xe7n\xe0\xef\xcc\x83o\xf9\xbd\x9f6V&lt;M\xd8zhH\x96\xdat\xcd\x05+\xd1 nW\x04&amp;\xadm\x14\xc61K\xdc\xd2\x19SY:\x1d\x94(\x95\n\xc70p\xb2\x05\xad{\xa2\x16\xbb\x8bX\xaf\x06]\xc6\xbd\x1f\x7f\x01sa\x83\xad\x87\xa3Qo\x19\x8d0\xcaA&gt;\x18r\xd9\xb6\x10r\xb1A\xc9]-4\xdc\xba\xbbT\x87\xc2\xc0\xe9S\x14bBO\x1d\xb0F\xd6G\n\x94j\xe1\xf6\xcd\x01O\xfa\xef~\xb6\'\x12b\x9e\x07\xfd@Co\xa9\xcbF\xd8a\x96\x8d\xa1@\xf6\xa1\xb3mr}\xfd\'\xba\xd8\x92\xdc\x17\x81\xe3\xa5\xb8\xc5\x82\xa9(H\x16\xa6P`\x18\xfc\xc6\xe4\x88{dI+\xab\xf0\xd1\x8f\xd8@\x0f\x05\x95\xca\xffn\xd3.\'@\xf5\xf2~\x1a\xcd\x07tG\xa7\xd7\x1b\xd9R&amp;\x97\xd1\x07]\x7f\xf9\xebC\x98\\\xd2h\xf9\xfc\xedX\x1c\xb0 0\x85\x15\x02\x83\x00,)\xad-\xc8\xb7\n\xcf\x17\xae\x06\xb9\x1a\x957\x9e\x1dw\xedt\xb3R\xe9U\xfc~\x12ZK\r&amp;\xe2\x8e\x1e2V2t\x97[\xc6\x17_\xe7\x8e\x97\xd7\xb5\x9d\xb9?&gt;\xde\xeeX\x10\x14\x04\xc2R(\xf0:\x1eqO\xcc\x81\x8b\xbcT=x\xffn\xa0\xc3K\xf9\xeb\xf9\xb9S\x14+\xbd\x93\x9e\xd8\xa72\xea\xf5\xc1\xda\x9dZ\xb1\xb6\xec\xec\x1e/\xeb\xbb\xdd@Y\xbf\x14)\xb8G;\xd0\xd8*TB\xc8\x14\xa2R\xc0RlH\xe9tA\xb6^R\xb7\xdf\xbf\x1c$\x96rv\xfb\xfc&lt;#\x82\x06\xec\xf5\xf2\x04\x84\xc9\xa4\xbf\x13\xac\xad\xde___-\x03W\xa9\x9b`c\xd2H\xa4\xea\x90nC\xb6`8\xa8\xfa%\x84\x18\xefc\xc5$pE\x98\xea\xf4\xe0h\x90\x87o\xca\xc7\xe4y\xb7\x9b\xa8\xe4\xf3\xbd\x93\xed\n!\x08\x80\x15\xbc&gt;8\xbdo\x0c\x81\xf71\xd8\xd8VUJ\xd5\xf4\xb59\x1d\x9aY\x96OX\n+\x86\xb0Zny\x1cR\x189\x18l\xcf_\x85\xce\xb3\x86\x9c?/VN\x80\x0b\xb0\x18F\x8f\xb0\x96\xe6\xee\x00\x96\x01\xbc5\xab_L\xa9\x03\xce\x92~dl\x01\xb0(\xec\x13\x17r\xda\x8eVD\x8b\x7f\xa6\xc0\xc6\x9eS\x83\xc4R\xde\x0b\x9d\xc3\xe0L\x88\xbcxr\xd2\xab\x08\x84I`L\xfdl\xdd_.\xc3H\x05\xac\x0c\xbb\xdb\x0ee\xba\x19\xe3\xfd\t\xddB\xfc\xba\xb9\x10\x15\xa6\xa8\x87}\xa9\x18\x15\x1fQ|u\xb4\xf0\\5P\xac\xab\xd29\xfar\x17\xdf\xecc\xa1t\x01\xd6\xeazK\x8fF\x17\xd2\\\x19\xb6\xcd83\x19\',\x86\x964\x16\x8fS\xff_\x88\xf5:\x9e\xf4\x15c0\xb4\x16n]b\x83-\xa2\xf21\x8b\xb2e\xe0]|\x0fU\x11\xc0\x00\xeb\xce\xea*\xa2\x82\x1ajr\x06;\x01XY\x17\xc7n\x19\x97k)\xa9\xda\x90\xfbUT\xd4\xf1Bc&gt;8\x82[\xe3\x9d[\x98\xea\xfd\xad\x81\xb6\xfc\x1e\xd1=\xce\xbd\xc8\x8a\xbc7\x7f\xd2\xebcA\xd3\xeb\xf5&amp;5\xe7L\x18\x0c\x93\x93 \x05\x99\xa2\xc9\x9e\t\xa8\x19S\x10\xfe\x11\\\x9c\x9f\x97\xd14\x85\xb1\x15\xf6\xcd\x17\xb5\xd8xA\x85\xbf\xeft\x06:\xb7\x94\xe6\x93\xe3\xee\xf9\x8b\x84\xe8\xf7&gt;\xed\xf5*\x95~\x19MF\xd6\xee\xb2E\xa1\xaf\\.\x97\xba%\xc5Z\xb5\xfb\xad\xb4\xb4\x16sl\x9a\x18\xb5P\x9c\x96\xadhh=\n\xfb\xd6\xda\x05\xab\x15/\x8c\x1e,\xbc\xbe\x1a\xec\xe6\xf3\xe1\xf7\xee\x8b7\t\xb1\xd2l\x02V&gt;/\n\x02\xa1\xe6\xbc\t\x9b-\x91u\xba\xa0\x9d\xe6$\xb7[:;=}-\x17\x1aIG\x90\xa1\xed\xc4\xa6o|\x1c\xc3\xc3\xc9\xa4oq\xbfq\xd3\x1a\x7f\xf0\xf1\x81\x05\x1f\xf4\x9e\x18\x02\xac\x87\xcd\xbc\xb8\x91\x07\xa8\xbc \n$\rT\t\x9b\x8bV\x9b\xfa\x03\xec\xe2\xe2\xe2\xec\xec\xf4\xf5\xeb\x08:\xa5\xdce\xeclq&gt;,\xcbu\x84\xb5\xcb\x84\x8f\x1a\xa3#KT\xfc\xb3\xc1\ng\xf3\xde\xf6\xf1\x8b7o\x12\xfe\xa7\x9e\x8d\xa7O\xc5|\xbeB\xf8yo"\x9b\xe09\xd2\xd8\xbf\xbf;&lt;&lt;\xdc\xb9\xd8\x81|\x9d\x9d]\xb8\x1b\xbei\x86d6}\xb2\x1c\x0e\'}\xd56\x91&lt;R\xa9\xc6eU\xe7\xe5`u\x8d\xf2\xbb_\x03\xe0\x9est\x13\xb06\xc0\xc2\x8a"\xf8y\x9b\x8d\xa6\xd1\xd2\xd3\x03\xd3\xe1\xabW\x87\xcf\x9f\x1f\x1c\x1c\xec\xec\xcc\xcdI\xd5\xf9\xc5`P\xef\x08C\xbf\'\x93\xd3\x82\xdawttt\xb3\xde\xb1\x0c\xf8\xb2Si\xfe\x854\x18\xbcYWse\x03\xa2\tF\x83\xb7%\xbc$\xc1\xb9\xd0=\xec[\x14\xbf\xff\xf1\x16\xe1\x01\xdcamu\xae\xba\x96j9\x92\xf5du~z\x97\x10\x92\x80udU]\x0e\xda\xfc(\xffL\xb8\x9a~\xa7\xc1\x0bX+\xf0i6\xbd^/G\x10\xae\xdc\xc3\xee\xf1\xd6\xdbW\x9f\xd2\xb5\x03qq\xb1&gt;\xe1\x0e\'S\xa9i\xdf#\x1fP\xed\x13\x84\xcfj\x05\xac\xcb\xc1\xdf\x0c\xef\x9d\xd8\x05.\x9b3x6&lt;\xd1\xc9\xc9\xe8\x06osq$#\xb8\x0c\xb9L\xa9\x0c@;;\xa8\x84;ggg\x80\xe5\x8e\x14d\xd8q\x1c\xf3\xd5\xc5\xc5\xdd\x94\xe0\'\xfa\xd9z7\x84\xab;\xe5\x8f\x95m.a\xc8E7\xa2\x9e\xa9\xc9\xa8\xc7k\xe3I\x82`]\xceL d\xac\xa1&lt;A\xc3C\xc7\x9f\x9e\xeat\x11\xd8{\xe4\xf0\xb4#\xb6\xb6\xb6+\xec\xb7\x05\x9a\xa8\x1e]\xbe\xdc\x1b\x8a\xd9\x9f}v\xe2\x07W8\xb9\xe2\xf1LME\xa36\x1eD=\xcdqv\x8eU\xf7\xc7\xd6iD\x0b\xe3A\xae\x7fQ\x07i\x05\x06\x03\xaf\xae\xcdO/2\xbc\xc8\x904=}\xb5g\x1e\xce\x9b\x10\xe6\xd9{\xbfU\x9c\x06\r*\xa2fj\xc5\xeb\xe59?\x07\nZ\xadf\x8a\x0e\xa9\xeak4\xb4\xa0\xd7\xeb_ ,\n\xa7p\xd9\x9d^\x9bO\x11&lt;\xb9\xcf\x12\xfe\x0f\xc3{\xf7G\xa94_=\xfb\xfe\xa7\x15h-\x8df\xd2\x06\\4\x8d\x04\xb4\x91)\xa6\x1c\xd2\xda\xf4\xb4[Z\x9bo\x84\xc32X/\x1c\xdct\xd2\x11s\xecs^\x82!D\xffW\xc3}S\xca&lt;\xfb\xad\xc739\x05\x11\xf5\xc2\x80\x87\\\x11jS0\x18,\xa6R\xb1X\xab\xd5\x8aI\xeeFA\xee\x1b\xd7z\xb2\xc8\x14IN\x14\x98}\xb1\xf2r\xb8\xef\xbb)\x95_\xae\x00\x96F3\xe5A\xd9\x02\x13\x04\xba&gt;X,\x16[\xc0\x062:\r\x82\x06\xc7\x81\n\xc7\x1fU\xdb\xe4&gt;I\x08\x04\xd9nV\xde\xdd\x18n(?\xff\x01\xa8f4\x93Q/\xcfCg\x81\xdd`\x8a1\x87#V,\x87Xp\x8a\x88\n9\xfc\x86/&lt;\xad\x86\x1a\xfb\t\x81i\xf3\xed\xa1c=\xfe7TP\x03EL\xd8 [\x88\x8bi9$)],\x07J\xb5\xb4\x164&lt;D\x1d\xab:`\xb8s4\xc7\x93\xedM\xd1\xb3\xf9n\xe8/-\xfeG\x03\xc9\xd2\xa0\x11\xe1m\xf2@F\x04\x11\x96\x94*\x97BE\xa9\x80\x03\xd4\xf8#\x9f\xaf\xba\xb9\xdf\xa6Ac\xf3\x95\xddMo"5t,\xe5\xf7\x7fGXPE\x9b\xc7\xe3\xb1\xf1&lt;\x19L\xc5\xd2\x13Rk\xab\xc4\xd6t\x05l\\a\x1do )(\x084\x0f\xfd\x97\xdf\x17=~\xf7\xb0\xb1n(\xff\t\xa9\xfa\x06\x9e\xc9\xe8\x14&lt;6\x1b_\x81E\x08^c\xabTj\xe9"*\\a\xadW\xa1\xd7\x04\x7f\xd3\xcb{\xa2\xde\xa6\xe8\xf1\xc4"\xc3\xc7\xfa\xdc335\t3bF333\x83\xc0\xc4\xfd\xcdbP\xbf\\\xde2I#ZYV\xfc\x8fw\xf3\x8fi:?\xe3\xf8!\xd7\xf4\xa0r\xf3\x8a\xd5\n\x9dmj;\xe9\xd1\x86\x94^I\xb1Z\xa8\xc7h\x0b\x9d]\x1b\xbd\n=\xa4"\x15\x91\x1fVN\x05\xe6\x90\x9e\x14\xbc\xd8@\xa9\x86\xa3\x12r\xa4T6\x8b\x03\x01e\xe9\xb2\xe8@\x81\xdd"N\x19"\x84[p#x\xe8\xc5h$[f\xa2\xfb\xf1&lt;\x9f/\xe5n\xc9n9\'\xec\xa1-\xfc\x01\xc9\x8b\xf7\xf3\xe3\xf3&lt;\xdf\xcf\xe7\x13\x96\xe1,u\xbb\xd9\xc0\xa4\xd2f\x1e\x97\xd4k\x98\x1f\xe4\xact\xc8\xbfA\x8f\xec\x05\'f\xb20\x1f\x8dx\xe3HuJ/\xdet\x0cOX[\xd3\xd7c\x9dwT\xb8\xc5\xfd\x1e\xb6D\x93i\xd6\x9a\xe1%1$\x95\xad\xbcZ\'\xcau,\xf4!\x8b\xf5\x11\x8b\xcb5\xb2\xb4\xba4v\xf4\xd1\xcd&lt;\xde1\'\x1e\x87\x80V\xbe\x98\xc7\xd6\xb3E*\xf8-,\xbd*u\x0c`\xad\xbcZ\xad\x85\xf5,.8\x90+\xcb\xe4r\xb9,\x08/\x91&gt;V\x10\xcd\xdb\xacN_W\xd3^S\xe1\x0c0c\xa1\xa3\xd6B\x15\x01_\xab\x02\x07cb\xcan\xac4\xd6\x1b\x91\xe5\xe5\x85\x12\x96\x8c\xcb\x95\xad\x92q?\xe2r\xa1\xb0\xeaN!V\xa9\xc1\x99\x0eE4\xcb\xc3c\xea\x80\n\xa2\xcfhd\xe9\x02\x1f\xc4\xac\xf9?`\xd1O\xb4*\xcb\xb7\xea\x8c2rK\x8b+\x93\xc1:\xa4\x92\x88b\xa3MV\xc3\xde\xbd\xe9\x15N\x1342:\xad\xc6\x0c\xf1g\xd4H\x0251\x80U\xf2\xe7\x95\x8e\xad\x04\xc0\xc2\x01\x03\xcf\x18\xfd\xe8\x1dr\xe9\x01z/\x9d$E\\\xaa\x86\xee\xddj\xe5)%*\x959S\x9b\xf9i\xa6Yi\xaf9\x08+dL\xd9\x8acAl1\x990\xfa\x00\x17^i[U+\xe3j\xb0\xae\xa6E\xf3\xfay&lt;O\xbfR\x0fT\xd0\xfchY,]\xa9\x01F\xb2\xd5\xd0\x14\xc6U\xae\xf4%O\xfa\x97\xe5L\xb6^\x0f\x93\x8f\x96\xb5\xea{\x88%\xc3:f\xde#\xd1\x83+\x95\xec\x14\x9dNk\xd6j\xa0\'K+\xdd\x01ZA?\x11\x13\x13GKXq\xac~&amp;t\xc1\xfa\xadz\x89\xc4\x8cr\xad\x82l\xc4\xa4\xd3\xc2\x88\r]\x85J\x05\x81\x85\xadO\x8a:\x1d\xda\t\x07\xf8pMR\x89t\xa5\xb1\x12\x08\x96(V\x0f\xeb\xb4\x8eK\xae\x1eA\xb5\xc0~5S\x83\xc3\xbf\x06\xa5c5j$\xeeue\xf9\x8e\xb00\x14+\xa9d\xb5e\xa5\xfb\xc0\x1b\xadJ\xb6H$\x8aMI;%Qi\xb8\xb2w\x8c2#\x97\xf5)T\x03#\xb4\xd3\x1a\xb2\x8c\xb3\xcc\x12{F\x0eP1\x1c\xe8\xc4\xa4\x92|\xcbJ^!\xc6\xfb\xc9\x17\x00+6\x05F\x9e4\x981tfc-\xdeO\xe1\xb2\x8c\x10cP\x11\x8c\xc6\x03\xa0V\xac\x1b\xa9\xf2\xc3\xa4\x0crv1\xa7\xa4\xe6\xbc\xc5bI\x00[\t:\xbc\xad|~\xa2\xb5\x1c\x9c(\x12IR\xb0\rL\xdbc\xe4r1\xeca!j\xe46\x02\x98\xd9\xacw\xdbs\xa1\xa3_\r.\x0cc\x90\xfa\x10\x97nK\x15\n\xe5\xf0\x92\xcb\x97\xfd\xf2\x16=A\xde\xd1U\xbf\x15\xb0\x80\n\x06\xc4\x14\x88|\x91\xce\x0c&gt;3\x92\xd5\xc8\xd8\x08\xfd\x84\xbe\xd0]\x9c\xbbkW{&gt;6\x84KX\xeb\xfb\xaa\xaal6[UU\xcf\xb5\xece\x0e3\xba%\xbb\r\xaa\x91\x1e\xd5"s\xab\x08\x062\x91D\x97\x063\x90\x04O\xbdAo\xef1dd\x00S\x01\x84\x144^\xc8\x85\x99X\xf6\xde\xfa\xa1\x1e\x7fSS\xd3\x90\xbf\xb0\xb0j\xb9\x1fD(|]\x10;\x80\xc5\\\xe2b*\xf5\xe0NXzx\xfd\x1ewqE\xee\xae\x02G\xc1\x16)b\xadq0\x18\xa0\x15\x83\x01j%\xc5\xad\x9f\xf0\xfb:\xfc=\x1d\x17u\x85\xb6\x13\xcb\xba\xd7I?\xe7m\xeb\xcd\xe46\x82\x13\x99\xd1\x82X\x00K\x11\xc1\\\xc3\x06\xd3C\xe3l(\xce\xc8m\xdf-\xe5\xf3\xb7H\x1dR\x87\x03\xc5\xda\x86[w\x98\x899%\x1b\'\xbcm]m\xbe\xb6\xfa=\xd7\x84\x91\x96e}\xaa+\xf7\xfbz!\xdf\x00+:\x9a-\x10 \x99\x1e\xc7@6\x1b\x0f\x99\xc1&lt;]\xb0%*"\x02\xb0\xa4\x80\xe5 \x13\x10\xf8\x91\x81\x05\xa2l\xe3S\xaf\xaf\xab\xb7\xabW\xa5\x1bR(\xce/c6\xd2-U~\xdf\xcfd\xb5\x88\xc5d\x92\x9d}\xa8\xa9l%\x93\t3\x99\xd2\x94U\x9c[ \x8d\x02\xe3G\xf1\x11k5#\x8c\xc4\xd66\nk\x83\xc1\xef\xeb\xaa\xaf?n.\xb4\xc9\xe53\xcb(\x17\xfd\x17^\x7f\x87VV\xcb\xddZ^\xae\\\xe4\x12\xe0\xd0L\xb0\xfa\xad\x86\\\x07?\x82`\x01\x97\x03kC\x98\x94l\xaePXG\xdcm]\xf5\xd0\xee\xf8\x1a\xe4\xc2\x91e\xdc\xeb\xa4\x9f\xf0{\xfd\xf5\x94ZJ\xa6X\x1c\xbdy3\x90\x01\x91\x12\xd0\x94J\x8f:c7\x9ed\x067F\x80\x17\x11J\xbam1\x15c\x92r\xe2\xeaN\x9az\x8fk4\xf5\xdeT\xc5\x8d\xb1\xbf.\xa3Z\r~\xaf\xb7\xab\xb6\xf6vl+\x0f\xf7\n\x88\xe1\xd6"n\xff\xf0x\xa6\xd3;\xda\xc1\x7f|\xd4\x0b\x8fYK\xf9\xf0\x15F\x92\x91\xc2\xfa\xf0\xe4\xb1}\x07\x0e\\\xac\x92G\xdeL\x9cY\xb6\x92J\xb7\\\xf2{\x9b|\xb5\xb5\x8di\xca~\xb2q\xc7\xdb\xb4\x89\'Fo\xc2\xcf\xfd&amp;S\xe9\xde\x0c\x07\xc0\xf0CT`\xd2\xc5z\nN\x8c\xab\xab;r\xf8\xec\x0f\xf6_\xcaV\xc8G\xc6:\x1f.Kt\xc1B\x96\xf0\xe5\xdf\x01\xcb\xfb\x9b\xdb\x8d\xef\xc7\xe2&gt;\x14P\x99x&amp;\x1e\x08\x86X&amp;O\xe9\xe9\xbd\x15\xf9\x0e)Q\x0bO\xa5\xf3!\')/2\x08\xd6\xc6\xba\xba\x93g?S\xf6\xa5*\n\xc6F\x84\xd3O^?\xba\x10\xea\xfc}\xdf\x1d\xc0\xaa\xfa\xfd\xaf\x1b\xdfO\x11@h\x89y\xf8T\xab\xb4\x948\x94g*\xb5fA{\x85r\x91l$\x87\xe6\xa5\x0c\x14\x0e\xb1b\xcaJ\xde\xdb\xb8\xfe\xf0\xa1\xab\xe3\x90\x87#\x897\xe5W\xa6\xcf\xbd\xde3K\xc2\xf4\xe0\xd9\x8b\x17\xbe\xf9q\x7f\x93\xcd\xcfjL\x13\x91\x136&lt;\x98\x9c\xddx\x04\\\x89b\xb9\xd5NCEM;pQU\x02\xc4\x02\xb5\xf8\xfcmR&lt;P\x0c\xf5\x14\xb1\xe6\x0eMd+f~:v\xe1\xe5l\xf7\xec\xd4\x93\xd7\xe8u\x00\xea\xc9\xad\x85\xc9\xe1\xc9\x05\xdf\xbc\xdb\xef\xb5U\xd5\x1fx\x7f\xa7\x00\xe2I\x0cXVu\x96\xd5\xeaQ\x12\xb1\x0c\x15\xb0\x18\x16\xec&amp;\xa9\x88`\xf0\x89\xe1\x85\\Tpm\xa8;v\xd5\xd3)\x04\xb1\xbePL\x05\x8b\x8a\x8a\x06\xa6_Z\xfe\'.\xf8o\xcee?{\xd42999\xbc\xd01?\xef\xf7Ve\xb7\x1d\xd8G\xa8\xc4\x9b\xd0oN\xbb\xda\xcd\xc3\x93\xf3\xea\xe2\x8a\x0cX\x10\xb7`\x9d\x07\x8b"o\x8c/\x8c\xfb\xd5$\xb8&gt;&lt;{\xf5i\x83|f,q&amp;r:X\x14\x1f\x1f_\x14\xbc\xf2\xf0\xdc++\x06\x7f`y0\xf8\xa8\x05mr\xf2E\xc7\x9d\xd1q\xc0\xf2\xee\xdf/\x103\xa9pR\x83\xe7\x0c\x81~%\xcf\xe3\xb6SX\xbb\tV\x14\xc5\x16\x11\x92\x8b\xb1&amp;\xa9l\xdd\x91\xc3s\x82&gt;\xa1p$qD\xfer6\xd8\x1d\x8f\\E\xddW\xfev\xee\x95\xb8HH=\x7fT\xddB\xd9\xf0\x8b\x8e\xd6\xd1\xcf{\x9a\x1a\x1a\n?\xdb)\x16\x13\x85\xacYv\xc0r\x06\xfa)\xac\xdc\xdc]\xed\x04\x8bzE\x84\xdcH\xee\xb0\xe4l\xf8\xf8\xe8\xd5\x80M1\x93\x08bM\x05\x83\x84\xeak0\xfaww\xdf\xd4\xf3\xeaj\xa0\xaa\xae\x0e\x0f\xafn\x19\x9e|\xe6\x1bE\xb9R/\xedK\x89\xa6\xd2\xd0\xaav"\x96\xdd\xed\xf9&amp;\x16\x12\xd1"h\xb4\x08J6\xd4\x0b\xa2\xeb\xe0\x0f\x0f\xcf\xcdM\xa4\x12\xb1\xe4\x83D,N&lt;\x87\xc3)z\x05\xc5P\xa9)P\x8a\x98\xcb\xe5\n\xaf\xae\x1e\x1e\xfe\'x\xf1NOS\xb6\xed\xd4\x8f\x8f\x92g\xcb\xa8\x96\x01\xcc\x9e\xe5v[\xed\x06t"\xf6\x10Q\x88D\xa3Q\\\x94\'A\xae2\x88\xack\x9d\xf2\x9b\x8bb\x11\x1f\xc6\x13*\xb4\xef\xa4\xd8\xa2R Ru\xb8\xab\xb9\xb9\xd9\x15\x1e\x1e&gt;\x0c^\xf4\x8d\xde\x0b45\xc8\xfd)\x82h\xbc\x1d\x02\x89\xe8D,\xa7:\x10\xb0\x1b\x8a1\x13\t\x16\xc8\x15\xa2\xa2Q\\\x80\xb5\xee\'s;\x87.\xdc\xb8\x0eb)\x06\x83A\x0eR\x9d9\x13\xcf)\xe2\x84\xc0\xfe{V\xd2\xa1\xdd{\xf8\xfc\x11\x90\x00\x95\xab9\x0f\xa8\\\xaef\xd70x\xd1\x7f\xe7\xde|\x8fM\x98\xea\x13D\xf3\x00\xcajU\x83Z\xc5\xc5\xa0\x17Pa\xc8\xe7\xe6c*\x12\xbdh\x14\x14\xbc\xf8P\xbf\xc2\xf2w\x1c\xbd:\xde\x99\xfa\xbb\xc4\xb1\x99\xc8\x07\x03\xc1"\x0e\x87\x88\xc5!l\x84\xab\x9bd\xe5\xb7+ey8H\xa0\xc0\x9a\xf3\xf2\xf2\x80\n\x05\x1b\x1e\x1e^\xf0\x8f\x8f\xde\xfb\xbc)[\x9e}\x11j\xa9\xd5\x8a\x97\x8f\x9c\xc0S\x8c\x92\x11\xaa\xdc\xf6\xa5\n\xb1\xc8E#\x82\xf1\xc3j&gt;\x9ek\xedk\x80\xe2\xf0\x85\x02\xc5J&amp;D U\x88,\x9e\x02\xfb\xcf\x8aaIx9\xf8\xd5"\x94\x8b\xa2j\x86o\xcd\xe0\xc4I\x90\xab\xf5\xde\xf6\xa7\rBES\xb9\xb8\xd4\x1a\x00*;\xc1\xaa\x80wF\x06`A\x81\xc0T\xa4\x85\xdc\x17\x8a1\xbe#\xfd\xa8\xb2\xcfvad\xedXe\xe4\xd4@p`\x80P\x91\x98\xe7p\x88tg\xe2\xbfU1\xac\xe8KJ\xb9\\yH\x05P\xc9\x08W\x8d\x85\xde\xef\x9f\xbf\xf7\x87\xa1l\xb9b\xa8\xdf\xe4\x0e\xa8\xed\x94Z\x10T\x15\x08\x85b\xed\xa6\n\x17\x81A$Z%\xfe\xc8\xcf=-\x98\xb05\xd4\xacM\xfcm$\x8a\xe5\xeb\x99\xbe\xd2\x1dOAQl\xc9\xc9E!W\xfe\xbbb\xa8\xd4\x93[\xa8\x94\x8b@\xa1T\xc0\x93\x97\x97\x9c\x1c\x0c&gt;\x7f\xe6\xeb\xfd\xc7d\xcb3\xef\xf8\xf67\x1fw\n\x15\x8a\t\x8f;\xcbnW\xdbQ\xae\x0c\x8a\tg\xc3\x82\x02\xaaB\xd0(\xab\xac$XQ\x0e\xe7\xe6K\xb6\x86\xbe?\xae\x1d\xb9\x01i\xd8\xbd\xf0\xc9\xe5\xebw{n\xcdv/\x82\x81`\xc9\x94\x15%\x13\xc5\xbe^\xc5\xc9\xda\xf7U\xf5\x92T\x14\x15Xpv\xf0\xfe\xf8\xaf\x1e\x8f\xfe\xe5\xf6d\xcb\x82\xb7)\xf0\xe6[?\x17*"\xe5\x97 \x0f\xedv\n\x0b\x89\xc0\n\n\x90\nC&gt;*D\x15A\xf4\x8a\xd8e\x1a\xbf`\xeb\xfc\xd3\xe5\xeb\x95\x91\x0ff\xbb\xbb\x0f\xbd\xfd\xee\xdb\xef~\xff\x97w\xef\x0f\x0e\x90\xe2\x95\x0cX\xf0\x11"#\x8a-)5\x1d\x8a\xa9o@\x01S\xc7\xdd\xc7\x97\xdf\xda\xfe\xaf\xb2\xcd\'\xb4m3\x0c\xe3\x86\xba\xc2\x18\xaa\x93\x8f\xd5\xc1\x07_\\\x10L Ps\x12&gt;\xf6j\x02F\x87\x05\n"\x87\xed\xb0k\xc1N\x07\xebA\x10/\x87\x82\xd7\xd0`h3F\x8c\x0e\x93\xb0\x82\x9b\x1c6\x12\xc7\xa4\xce\xda\xb0\xc6u\xb2\xd0\xd8q\xff\x90@\x9b\x84\xb8c)$\xd0m\xef\xf3~R\xd2\xad/\x82\xd8\x96b\xff\xf4\xbc\xcf\xfb|\x9f\x03\xd9z\xfa\xd7o\x7f\xdf\x7f\xfb\xbeRy$9\x8f]\xdf\xab\xb7\xbco\xce\xb1H\xa6\xd1\xfe\xf8\xff\xb0H)\x14us|\xb3\xa5\x1bV\xc9\xf7\x9e\x1f\xfbD\xf5\xe7Pv\xb2NVUz\ro}\x1e\x92]\xbf(\xea\xceM\x04l\xa8\xd49\xd4\xe4dD\xf5\xd5\xebeo\xad\x19H\x89\xf8\xd6\x16\xb0~\xbf\x7f\xfb\xdd\xa0\xd4Z&lt;|\xeey\x9e_\xb1]\x02\xbbs\xe7\xce\xd7\xd88\x10\x11:\x88\x7f\xb5\xbb\x12\x82\xdd\x12T\x97G\xfa\xae111aXv\xe5\xe3\xd3\xa7_\xbe\x03\x15\x95J\x87\xaa4\x1f\xfb/^_c\xae\x0b8\x98,v\xee)\x86\x82T\xa0ZXZ\x1et\x0f\x1dY"\xaax.\'\xe4\xba}\xe9\xdd\xa0\xf5\xa8\xe3\xf9~\x8b\xbe\xb8\x93[(\xb1\x04\xd6H\xa1\xc0b\xf1\x7f\x00B\xb1\x10\xeb\xf2\x95\x91\xba\x99$\xaadR\xafuI\xf5\\\x82hT\x85J\xfcH\xf7\x1a\x07\x83\xf9\xa5kW#\xcd\xae\x8a\x18\x8b\x91\xa7\xa2\xe9c\xad\xe0\xf2\xa5\xf9\xc1q#H$\xe2\tT\x1c`\xe0\xfac\xf2\xed\xf7\xc3\\n\xb1U)\xa1\xa6L\xf7X`\x91D\x0c\x86A\xc4\xa3\x91\x08\x8b\xa4\xd2\x93(\xc3\xd0\xc7\x1cI\xca\x02(\xcd\xa5\x88\xa2G\xa1d0\x19G\x05\x12-vatAu\xfd\xe7\xd7\xeb\xde\\O\x06\r\xd7\x05\xd7_?\xfc\xb2E\xca\r\xbb%\x9b\xa8\xec)+S;\x06\x16\xc6\x8fq\x84Z\x05|\xbb\x06\x16\x1a\x981t\x9d\x98t\xab\x1b\xa8j:%*O\x95\xbe\xa8&lt;K&amp;\xd6\xc9\xbbw\x91\xae\xd7b\xb4E\xf8d\x00\xaf\xa3yMYb\x91r\xb9\xf8\'\x95\xc3\xd3\x1c*\xd8\xb4Y-\xcb\xd4\xedc\xc6B\xaa\x13\x0es\x8d\xcfR\xd8_A4\x146]\xd343(\xab\xeb(\xe9TQ\x94\xc6h\x17\x8a\xa1\x9b\xcd\xef\xa8\x97w\xb9 \x18c\xdd\x8eb}i\xdd\x9f\x0b`(\xea\x1f\xa3\xc4s\xe7\x9aI\x92,K\xe2\xd5\xc3\xbaP\xcb\xcc\xe8\xee\x8d\x1b\xb3\xc0"\x1b\x15f\xa1\xd7\xf8,\x05X\x01\xc3HTS\x96\xc5`\xb5n/\x9d\xd7\x8a\xe5ry\xa6\\f\xae&lt;\xa0T\x98\xdf\x91\xb3Y\x9a\xcb|s\xcd_^\x8a\xb8b\xf7C\xb9\x18\xea\xa0\xe1\xc8rB8J\x10\xe4\x84Jq\xa6".b\x96d\xe7%\xfe\x88FXf\xc6p\xc7f\xbf\x1d\xe1@\x18)|AT\xa3\xbc\xef\xa2L\x1d\xddtm\xc6"\xb1\xc6\xf2\xa9\x94V\x9e\x99\x99)C,\x8d\xa0\x80\x84\xb7\xc3\xe1\xb0\xf9\xf3\xf9\x8d\x1d\xffE\xa8X\x88\xc5P\xde"\xae\x94X\x9bD\xe4\xad\x88\x8b\xc1\xb2a\x05]{j\x8a\xb1t\xa3.v\x7f4tp\xfd\xe8\x18\xa5&gt;\xb5\xb50\xd6\n\xc1qISc\xa9@\x04\xa1\x14 \xd1\xfd\xe3N\x1dE\x01\xb3\xc6\xe76\x1a\x9e\x00c,\n\x85P)\xb8\xea\xbcmh\\"\x14\rh\x11\x17\xcdv\xafOT\x16\xbah\x18\xf5\xbak\xd7j\xa6YC\xb9\xf5V\xbf\xdf/\xf47\xeb\xb6\xe8\xb2n$k\xab\xccT,\xb2\xd7\xc1\x04\xefB&amp;\xd2(U\x84\x8a\xd5j\xb5\\\xc4,\xa4v|x\x0c\xde\x9a\xbc\xb9\xb0\x1c*\xc5^\x07BB\xd8I\x92Dt\x85`x/Z9H\xf4f\x1djA\x8a\xe4ge\x18\x99\x8a\x0bl\x93O\xaf\xecp\xfb\xc4\xc7\xa6U\x99\xed\xe0`\x04\x80T\xad&gt;\xa0\xaa\xce\x1451\x95\xf9\x8d\xb5\xe9y\xc2\xbatoa\xd9opr\xe2\x88\\\x15\x0f\x1b\xc7`r\x94\xaa\xc4\x96\xe6?\xc1\xa7\x00\x00\x02gIDAT 25\x9d\x9e\x0b[d|\xcee\xe8t\x8e\xa1\xe9\xdc\xc4\xcaN\xf5\x01\xb4\xd0\x90\nJ\x16\xbf\xad\n$b" \x01\x95J\xabY\x8a~\xc8\x97o\x8e\x0fb\x93\xf7\x96\x7fl\x88\xe9\x03\x93\xc4\xea\x9e7\x93\xe5\xc9\x92@\xe2\x15\xce\x07RMV\x95\xa0\x1b9\xe7\xbfHtX%;l0\x05\xfc\xca*\x94\x82N"\xd9I\x8f\x94V,2\x92\xd0i\xa6\xac\xe5\x197\x0b(\xd4\xc6jla\xf02\x84\x12n\x8a\x9c\x1df\x17ZI\xcf\xb1\x88\xa9jV\x8e\xd0\xe8\xaa\xa0\x1eb1\x97Y3k\xb6\xad\xd7\\;c\x97\xcemGZ\xad\xd2\xdc)b\xbd\xa1qk\xce5\x9a\xa4R\xd8:P\x11\x135\x16P\x14!\xa9(oc\xde!\x03\x88\x8a$c\x89\xd8l\t!\x19|\xae\x04\x1fO\x03U\x10\xe3\x829\xfb\x13,\xd7\xd4\xdd\x9a\x99q3\xa5J\xc92\xc5\x8c\n*\x8d\x8d\x8eX\xcf\xf7\x9a\xdd\xdd\xdd\xd6\xc1Awm\xb5\x8a\x9a)o\xa4(*\xb0\xcfA\xac\x15\xc5\xa4bVcAB\x8a\x82\x8a\x07/|F$\xb4\xfd`\x086\x9bD\\\xed\xbd\xed\x8e\x12tz\xe1\xa2\x16\xf4C,p\xb9\xaeY\xaf\x97j\xaeU\xa9X\x19~\x1dX\xfb;\x1a\x8a&gt;NKi\xbd\xb9\x83\xddW\xfb\xbcp[\xbb\x07s\x1b\x94\xaa`\xc2\r\xe7)\xd4\x08\xb2\x18\x89\x95\x8e\xc9\x89\x8b\x92\x84\xe7\x13&lt;\x86D\xe6\x88\xb5\x01\xc6\x1av:N{\xb0\xfe\xechz\xd0\tW4\xb5a\x87XF\xd2\xa8\xd1V\x9av\x15\xfeOL\x85`\x80\xe9\x9el\x80\x87t\xa0\xd8j\x1e\x9c|\xa0:y\xb5B`+\x1f\x9e\x1c\xf5\xd2\xbc\x8b ?\x01\xea\x01\xa6\x02\xc2\xa6\x90\xb61\'B\x91xp\x87\xf4\xf9\x9d!\xc7\x13f\xc6\xe9\xb4\xdb\xed \x1d\x1cMoO?\xfcgo\xfb\xbdiy\x9dp5S\x9dQ\x9eD\xb8&lt;id\xacR\xa5R\xaaL\x9b:\xd6@\x1dX\x06}\xd5\xe1\xbb\x87`\xa0z\x83\xfa\x00\xac\x93\xb3\xb37GA\xd0\xeb!gy a|zc\\K"\xc6\x1c\xe1wP\r;\xcfN\x8fP\xa7\xd4\xabv\xfb\xf4\xf4\xb4\xf3\xeb\xf4\xde^\xe9a\xdb\xb3*\xfe\x9e\xf9boo[\x7f\x18\x84\xbb%\x1a\x81\xc5Z\xd8D(fQRe,\xa6b(=y\xab\x99\xc2\xea\'\xc8\x16O\x18\xea\xcd\xc9\xfe\xc4\xc4&gt;Q\x9d\x9d=n\x7f,\xf9G\r\xf2\x18\x02D\xc3`\xd0j\x0e\xcd\x14\xe5_[\t\xb3\xae\xb0Vqo\x00\x00\x00\x00IEND\xaeB`\x82'</t>
        </is>
      </c>
      <c r="M48" s="3" t="n">
        <v>45492.67648148148</v>
      </c>
    </row>
    <row r="49">
      <c r="A49" t="n">
        <v>124766</v>
      </c>
      <c r="B49" t="n">
        <v>1984</v>
      </c>
      <c r="C49" t="inlineStr">
        <is>
          <t>Gustavo</t>
        </is>
      </c>
      <c r="D49" t="inlineStr">
        <is>
          <t>Gustavo</t>
        </is>
      </c>
      <c r="E49" t="inlineStr">
        <is>
          <t>GOL</t>
        </is>
      </c>
      <c r="F49" t="inlineStr">
        <is>
          <t>GOL</t>
        </is>
      </c>
      <c r="G49" t="inlineStr">
        <is>
          <t>GOL</t>
        </is>
      </c>
      <c r="H49" t="n">
        <v>186</v>
      </c>
      <c r="I49" t="n">
        <v>1</v>
      </c>
      <c r="J49" s="2" t="n">
        <v>34037</v>
      </c>
      <c r="K49" t="inlineStr">
        <is>
          <t>Right</t>
        </is>
      </c>
      <c r="L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3d7390d-16eb-4f66-b5ff-1c1904c509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&lt;(\x89\x00\x00\x02\xfdPLTE\xff\xff\xff\x1c\x1b\x1d\x04\x06.\x13\x12\x10\x18\x16\x15\x04\x06(\x10\x10\x12\xfe\xfe\xfe\x14\x13\x15\x19\x18\x1a\x0e\r\r!\x1e\x1f\x9d\x80t\xfb\xfb\xfc\xa1\x83z\xa3\x87~,\')\xa2\x8b\x883*)\x05\x06!\x15\x15\x1a\xa6\x89\x81\x94yp\x9b}lL=;\t\x0b\x1e&lt;00\xab\x89s\'#$\x08\x0e\'\x96\x80}@56\xae\x8fw\x8fzz\x8cqk\x96yh\xa3\x80g9-*\xaa\x8e\x82\x9d\x82{\xa8\x82l\x0b\x13/\x98w]\x9f|`\xa8\x8by\x90up\\JI\x9a\x83\x84R@=zd^\x9f\x86\x83 \x1f&amp;\xb1\x8f~\x05\x06\x17JAGcTTZF?p\xa4\xfa4.2cNL\x9a|r\x96sS\xa5\x8e\x91H88\t\t\t\xaa\x8f\x8a\x9d{f\x91~\x82\xa8\x88nQFIA:@\n\x15&gt;\x1f\x1a\x16\x96~v\x9ayI\xb6\x9e\xa3jXX0%"\x90td\xf7\xf6\xf7y\xaa\xfa\x91nR\xa1\x85l\x83k^\xa5\x85sM\x8f\xf5u]T)L\x91g\xa0\xf5mUM\x7fig}dSV\x94\xf7fJ:\x9cv_^\x9a\xf8ugm\x86{\x81\x89od74;rbf\x82nm\x89wz\x83^H\x1c8v\x94\x83\x8akSA\xac\x92\x93UMT\x81\xb2\xf9*)4)\x1e\x1dq_\\\x9czT\x04\x066H6.\x180h\xb1\x95\x8cg\\c\x99p[##.D\x8c\xf7\xef\xef\xf1=o\xbe\xb5\xa2\xae\x88rr\xaf\x97\x9d8\x87\xf6\x82r|\\S]V\x88\xd2/V\x9fU=.x\\D\x8aiK\x1e:\x85\xb9\x9a\x96\x9c\x89\x90\x0b\x1aQ3`\xac\x12!G\x90o[\x18\x18%\xe0\xdf\xe0\x14(XaA5\xe9\xe8\xe7\xc3\xbc\xc4\xb3\x8f\x88wmv\xa7yf\x1c=\x94\xdd\xc7))\x80\xf5=h\xb2`\x95\xda\xb7\x96\x81\xa0pf\x13l\xf6\xa8\xa4\xa5\x87\x82\x88\\\x98\xe9\xb9\x99\x8a\x92r@\xa9\x88\x87I\x83\xe4\xa7\x93\x9c\x92\x89\x91s\xad\xf2\'R\xb1Gx\xc5\x86d`\xbe\xab\xbah\x9d\xe6\x8afU{tx:e\xa1\xda\xd4\xd3\r"e!K\xa17n\xcc\xb7\xb5\xb1Jx\xb4"&gt;kU\x85\xc0\x85mTDz\xd4\xd1\xd7\xe4(G\x7f\xd0\xda\xf7\xc1\x9b\x8cDRt\x9a\x8f\x9fG3#\xc7\xb1\xb4\x9e\x87t\xa8ywV\x8b\xdek\xa3\xd8.b\xc2\xab\xad\xbd\x95d`\x13+{wP?\xd0\xc3\xcbJ\x8a\xcd9Z\x91\xb3\x84xp\xa7\xe5\xb8\xbf\xd3\xcd\xcd\xd3\x87anjhs=\'\x18c\x96\xca,w\xf5\x96eP\xc1\xa6\xa6\x90q\x80\xe9\xd6.\xcc\xbf\xbb%5U{\xb2\xe8\xde\xe7\xf8;=R\xcb\xb9-5o\xe2\x88TWwKQ\x83lC\xc2\xcd\xe1\xd8\xe1\xed\x1bK\xc8yRc\x8c\xc0\xf5\xc6\xa4\x98B\x84\xf4Ip\xa8\xd1\xd3\xa3\xa3w\x81 O\xe8et\x97\x10(\x95~\x8b\xac\x88\xa8\xd4\xab\xc3\xe8\xb3\xa1*\x94\x9d\xb8tc\x1e\xe3\xd6U\xe7\xeb\xb4\xeb\xe9\x81\xa0\x8b+\xd5\xc9k\x100\xb7,@\xf5\xe3\x00\x00 \x00IDATx\xda\xc4\x98\xddO\x1am\x1a\xc6;\x99\xc90\x1f\xa0#\xc1b\x9cI\xa5\xeb\x80d\xa0~A\x90`\xb1B\xd5\xcc\xab\xa5\x04:1i\x1b\x89\x8a\xaf\xa4HDcPc|\xcd\x92\x08\xa1\x07j\xfc\xe8\x1e\x99`\x8c\xd1\x937\x1a\x0f8\xddl\xcf6i\x8f\x9a\x1e\xec\x9e\xed\xc9\xfb\x7f\xec\xf5\x8c\xbb\xc9\x9e/\xb4O\x06\x19F\xcd\xfc\xb8\xae\xeb\xb9\xef\x1b\x1e=\xfa?\x97\xc5\xf2\xc8\x92&lt;9I\xda,\xff\xb3\x1e\xfd\xe4e\xb1\xd9l\xc9\x93\xc6\xa7O\x8d\x13[\xf2\xfe\xeb\xe9}\x12\xebgsYl\'\xa7\xf5z\xfd.\x14PF\x8e\xbe.\x14\xb2\xd9\xc2\xc5\xc2\xc2M\xe3[\xd2T\xf1\'A\x81\xea&amp;d\x8f\xf4H\x14\xa5\x14\xbeg\x03\x0e\x9e\xe7\x0f\x0f\x03\xdb\xab\x85\xd3\x1d\xd3\xd4\x9fC\xb5sz\x17a8\x86\nP\xbc\xae3\x1c\xc7\xf1\x0eB\xc6\x07\xa4\xc9\xef\x17\x8d\xa3\xe4O\xe1J\x1e\xfdmJ\xe49\x13\xcb\xc1\t,K\xd3\x1c\xc53&lt;/\x8a"\xc5\x8b\xf6\xcd\xfa\xc9\x8f\xe6\x82AG\xf5\x91\x08\xc3\x8b\x1c\x0f,\x9e\x16XZ\x10h01\x14\xc5;x\x8a\xc7a\x9f\xaf\x1f\xfdP+-\x96dc\xd3-R`b\x08\x00\'\x08 \x83p\xc4H\xc2\xc6\xf0\x14%*\xd2jh\xe1\xdef\xb3\xfc8\xaazV\x81U\xc0\xc0\xfdA\xc52&lt;KA9\x8e\xa6i\x06\x97\x81\xcaP"O3J\xc1T\xec\xc7`%\xff\xfe\xafmi\x1b\x01wP\xa6V\xe3\x00\xa2(\x8a\xa18\x8e\xe5 \x16\xc7\xb3\x02\x8b\xec\x8b\xba(&amp;F\x1a;?\x06l\x07T\xa2\xe4`\x1d\x87\x87\x87&lt;\xc7\x8e\x8fs4`x\x8ay\xd0\r.\xb2\x02\xb1\x93\n\x88$d\xf6\x9b\x9d\xd6cY,\'\x17\xd9\xed\x80\xc8\x8f\xb3\xa0:\x84T\xe3\x0cq\r\xbb\x90C\xc6\x80\xc6Q\x1c\x0b\xb5\x04\x96hG;D%\xb2\xf05\xd9j.\xcb\xce\xcd*\xa5\xe8\x8c0N\x1f\xc2EA\x10\x1c\x14E\xd2\xce\xd0\xa0\xe2\x18"\x14P\xb1\xc0ExE^T6\x8fZ\x1d|\xdbi\x96\x17)\x92v\nT,\xe7\x08\x1cRx\x02\x01+\x80\x84\x15h&lt;\x1e\xa0\xf0\'\xa0b8\x9aq_\x9f\xb4\x96\xcbr\xb2)0:\x82NQ\xa8\xe8\x8e\xc3mH\xc6\x13\x02\x866\x15\xa29\xe2\x9f@\xa0H\xc8\x90\x7f\x1a\xdb\xb3(]\x1c\xb54_\xc9\x86&gt;N\xeb\x90\x8br\x1c\xa2p"E\x84\x89@\t\xd0\x08\xd9\x02\x06\xf7p\rh&lt;C\x8c\xe4\xf4\xa2\xae\xdc\xb52^\x96\x9d\x0b\x81\xa6u\xec?\x07u\xf8\x90!`p\xb4i\x1b\x89\x16\xe4\xc19\xcb0\xa4DP\x0cK\xa3\\\xc0EQ\xefn\xb4\xceF\x8b\xe5t\x92ft4\x1a\xc8\xf2\x10l\xc8\x85n(\x10\x81\x1cp\x8caM\xd1\xa0\x98\x80\xf0\xd14\xcfs$\\\xba\x1e\xd8lY\x8bDq\xd8D\x19\xd79\xc2e\xeaC3\xb8c\xb1\x98P\x88\xadf\x17B\xacLP\xe8\xc4\xb3\xe8\x92\xa8\\&lt;\xf4\xd5E\xa9\x9el\x95XG\xf3:PP-MIh\xb1\x98\xb0\xbb\xdd\xee\xeen\xb7\xdbn\x07\x1a\xf9\x85\x89\x85\x98\x03\x89\x03\x1a\xd9\x1b\x0cM\xe8\xc5\xc9\xfb\xd6\xa8e\xfbV\xc6\x1b\x87C\xa6Rz\xc2\xde\xfd\xa2\xab\xabk\x7f\x7f\x7f\x83,\xb7=Q\xa4\xa0#6\x1e\xcb\x9au\x0c\xa9C\x03RD\x06P\x0c\xf6I\xbd5\xa9?\x1a\xc1\xfb\xa7I\t\x00Uqc0\x1c\x1e\xcd\xcf\x85\xc3ss\xc7\xc7\x84\xed\xf3gw\x02\xdd\x86#{\xc0$!\xe3\x05\xe9\xe5\xc4h\x1dE\xe5\xfb\x8e\xa5\x15\xc1\xfa*\xa1V\n$\xd5\x82P\x1c\xcc\xbf\xcd\xe7\xdf\xe2\x815\x97\x7f@#`\x92R,\x16\x917\xd8\x9b\xc0\tC\xb6\'\x99+0\xedd\xef[\x10z\x8b\xad\x0e \x12\x13\xc8U\x0c\xcfV*\xf9\xca\xfb\\\xa5\x92\xab|\xa9|\xc11w\xbc\x7f\x0c;\x91\xb5D\xc2m\xda\xba\xf1\xd9\xed\x06\x18\xa0h\xfc\x1fM)\xf5\x16\xd4\x08K\xf2\x0e#(\x06c\x9dc\xf9\xf0{\xac\\\x0eG\xee\xb6\x9a3\xe1*\xff\xd5\x8c\x1c\xe1\xfd\x8d\xfd\xe3\xb9c\x90%0v\x99\x0b\xb5\xebS\xf3\xb1P\x1c\n\xd8e4-\xa2\xcb\xf5\xcc\x1e\xbc&gt;\xb8\xbd\xbd\xcd\xdd\xdejZ\xaa\x9aJ\xa5\xaa\x80\xcb\xe5\xbeT\xf2 \x9b#\xeb\xd8\xa4\x9c\x9b\xdb\xef.\x92\xf0\x13,\xa6\xd0\xfc\xd2e\xb1\xdcK\x82\xf9\xa61\xa5\xbf}\x1d\xef\xd5\x0e\x0enS\x9aO\xf5i\xd1\xa8\x96\xd1\xa2\xd5j*\x1a\x05\xdc\x97\xbc\t\x05@X[\xc1\xab\x17v\x9a\xc5\xb8\xc3\xe9L\x0b\\4\xb1\x04\xda\x11\x08P\xca\xe8A&lt;\xed\x8comi\x195\r._&amp;\x83\x1fZ*\xb5\xe5\xdb\x82p\x0f\x9e\xe6\xa0_5E\x0c\xce\x87\x134\x99\xef\xb11\xcb;\xcd\xc7\xfa&amp;\xc1\x8b@@\x94\xba\xde\xf4:\xad\xce\x8c\xa6\xaa\xf1\xb8\x1aW\xb1|\x80S3\x1ay\xd2\x08Y\xea\x1f[[)\xa8\x18\xd5\x88\xbb\x95p\x02L\xa8\xaa\x8cTo&gt;\xd6\xa9\x82\x8f\x0f\x81\x80\xd43\xdbk\xb5:\x9d\xce8\x91,=1\xe1\xf5\x12(\xafW\xcd\xa8\x13^\xf2\nx\x99\xb8w\x02\x17U_\x14\xce\x1eT\xf6uR!\x10\x81\xbb\xe67\xa0\xbaH\xf3\xdb\x81\xed\xc8\xe8\xe2\xe3\xe7\x86\xb3W\x83V\x80\xc2\x02\x96\x17O\xb2\xea\x95\x83\xe7A\xd9\x9b\x9eH\xcb.\xd7%\xce&amp;H\xf24\xad\x9a\xdf \xa3\x05Z@+\xb0\x02\x0c\xb5\x1d\x90BC\x10\xab\xcd\xfa\xa0\x96\xec\x92!\x93\xd7;\x01\x0e\x9c\xc9\xaes\x97\x8cs\xbf+\x08\xc0\xa0,{UU\x8b\xfa\xa2\xb9\xbc\x9bT{N\xf8\x94l\x81\x89L`{uj\xed\xd9cg_\x9b\xf5y[\x9b\xd5o\xf8ePL\xa82Q\x06g\x80s\xc9\x99[\xa7?\xe8w\xf9\r\xc3%\xbb\xbc\x19\xdf:V5,a\xfa\x82Z\xb6\xe6c%\xf4\xc0jvr\x08&lt;m}\xd6\xb6\xab\xceN\xdcYM#M*!\xf2\xca\x84\n\xc7\xeb\xb9\x03\xbf?\x88\xa5\x1a\x06\x91\xcb\xb7\x1e\x8d\xa6*/0\xe1\xb4\x04\xab\xa1\x88J6\xb4fm\xef\xec\xb4&gt;\xef\xeb\xbc\x8au\xb6\xc1\xc8x&amp;\x13\xdf\xca\xc43\xaaJ\xe2\x05Se\xc3i\x18~\x17\xb15\xe87\x00\xad\x01+Z\x1dT(\x8c\x8f\x0b\xb6\x16dK\x8cL\x15\x9ez\xda;:\x86\xdb\xfb\xfa\xda\xa1Zo\\\xd3\xe2\xa4`i\x19\x94\x07\x920\xc8\x03\xb8t:\xadz\xd3F\xd0\x15\x94\r#\xed\x8bF\xd7Sy\xbb\xa8\xb7@-`)R\xa8\xfc\xb2cxle\xac\xe3j\xb8\xaf\x0fXNR\xb82\x99\xad-\xf2@\xd5\x9a\xf0\x9auU\xd34\\\xc98\xbd\x003\xc0\x85\n\x96\xcam(\xadQ\xebF\xca\x96?\xc4b+{\xd7cc\xed}\xcf\x1e[\xad\x86\x15\xf7\xccd\xfe\xa2\xfa2f\xa9W\xbd\x80\x8a\xa6H\x17B7\xda\x8a\xc7\x9d\x06v\x85\xdf\x94\xab\xba!\x81k\xa1\xf9#\xc4E$t7\xd3\x11\x1b\xdb\xdd\xbd\x1e\xeb{\xbe\xd8\x8b\x1aax\xfc~\xd9\x90]\xf1\xb8\x0c\x99\xe0\xa2W#H8\x85`\x10\x125$\xed7\xe0\xf4ztz.b/2\x17\xcd\x1f!\xee\xb2\xe5\xebRlofwwwo\xf8\xf1\xeb\xe7\xb0\xc7s\xe6\xc1:\xbb\xf4\x07\xcfQ\x1a|\xd8\x8c\xbeT\xd4G\n+\xd9\x00\x0f\xbd\xc90\xe2\x90p}\xba:\xd8\x9d\x10o\x9a\x8ee\xdb\x9c\x9a/\x95Vv\x7f\x07\xd7^\xbb\xb5\x1dH\xb1\xceX\xc9\\\x9d\xe7\x7f\xbd\xbc&lt;\x97I\xfd\x02\x1b\xa9\xa5\xa8\xf6\xb2\xcb@\xf4\xe1d\x9c\x988=\xfd\xbe\xcb\xde\xfc\x9e\xf8h\xa7&lt;\xb9\\+\xed\xed^_\xcf\\w\xb4_\x95\xfa~[^~\xf9\xe1\xe5\xcb\x81\x81\xe1\x8e\xd8\xd9\xe5\xe5e-(\x07/\x01t\x1e,\xd5./K\x9e\xe0Y\xd0\x80\x8b\xbd\xe8S\xa9\x14\xb8\xd6\xdf\xf7\xb8\xeb\xcd\xff0V\x1eyR*\xcd\xec^\xef\xcd\xac\xac\xec\r/M\x16\n\xe5\xef\xe5Bh\xb2\\^\xfa\xedY\x9f\xa7Vs\x05\xcfj\xb5Z)V\xaa\xd5V:J\xb5\x99\x953$N\xc5d\x16\xad\xfe\xb1\x0e\xb9\xd6\xc3\xd9F\xd3\'\xf9o\x85\xb5\x01Ol\x0f\xd9\x9a\xd9\xfb8_\x98\xcaF"\xd9H\x80|\x0f\xbf\xbd\x1a\x1ay\xf7K\xac\xe6\xf1\x9f\xd5\xfeY\x8b=\x19\xf8\xf8a~s~\xe1\xc3\x87\x81?-\x1e\x1c8\x9d\x07\x98\xbb\x88\x8b\xeb\x95\xa9F\xf3\x8b\xfc\xc8\xbb\x0e\x8fg\xef\xfazwfyr*\x12\x910=\x93\xef\x19\xd0\x83\x03Rw\xff\xbb\xf6\xd2Y\xf0\xacT\xf3&lt;[*\x97\'#\x8a\x94\r\x15\xca\x85\x91\xd1\xb7\x8bN\x8dT\x0c`M\xa7\x06[\x80\xf5\xeaW\x8f\xcb\x03\xfff\x16BS\x80R\xc0\x85\xc50\xa2d\xef\xee\x19\x1cj?k\xf3xJ\xb1\xd7C\xfd=\x11\x85\xe7X\x8eBc\xcf\xf6\x84Fg\x0f\xa2U\xb4\x1f\x82\xd5Uo&gt;\xd6\xd0\xa2_\xf6\xc7\xc6f&gt;\xc2@\xdcmmiii\xed\xd5\xab\xd1\xc1\xae\xae\xc1p\xff\xdb\xa1\xc7m\x9eK\xcfY\xe7\x9b\xd9\xd1A@\xf3\x0eV`\x1d\x94\xa8Dz\x06\xfb\xf3\xffQ+:\xd8\xec\x9dh\xb15\xd6\x16\xfd\x13\xfe\xab\x95\xbd\xf9Bai\xf9\xe9\xc0\xc0\xc0\xd3wk\xafF\xfb\xc3\xfda|\xbc\x9e}\xf3K[\xd0\xef\xf7[\xdf\xbc\x1f\rwu\'\x14\xa5(\xea:\xc3\x9b`=\xf9\xe8:Q\xeb\x8fp\xd3\xb1\xa0V/J\xf6\xd5\xca\xc0\xd2\x9f?\x8e=y\xb9\xfc\xeb\xd2\xc8d\xa8\xab\xeb\xdf\xb4\x9a_O"i\x16\xc6\xb7\xb3\x9d%\xbb\xa3\xad\x90VHa\x04\xe5\x8fD\xa0\x1a\x18"\xa4K\xa9Qa\xb2Z\xc0D $\x05\x810\x8cH\x04\xb3j\x8c\xd01J4Q\x83\x17\xac\xa1\xa1\xb9\xa2\xd2\x1b5\xce\x05\x84\x89\x17}A\xcc\xd23\xc0E\x13H\xc8\xe8^\x80a\x13\x13\xb5;\xc6\x0b\xb3\xd9/\xb0\xa7\xcc~\x84\xeaS\x84\x0b\xae~&lt;\xe7\xd4y\xcf\xf3\xbe/\x0f\x17\xf0\x80\x8b\x1c\x96\xae\xd3\x0b\r\xd7Nb\xfa]ZATg6\xebt&amp;\x1c\xca\x8c\xc3\x9b{\xc2\xdag\x1e\xab\xbbc\x15\x19\x8d}\x93\xe1W\x07\x84\xa1_9\x1f\x89\x8c!\x03\xcf\x9e\rpp\x95\x00\xe7\xa90\xf5\x8c\x14\xc6/\x85\xc3\xea\xc4\xf4z\x95\x00\xe1\x99L\x98y&gt;\xb0\xa5t\xa1\xb8\xc5\xb2\x07\r\xe2xv?\xf4\x81q\xb5:\\\xae\xc2\xd8\x07\x15O\xb0\x87\x86\xcd\xba\xa5^h\x0c\x7f\xff\xf6\xfa\xdf\xd7\x02\xbd~\x8d\x87:\xfd\x15z\xf4SXIH\xea\x9a\x047\xf1\xc6P\x1d\x86aj\xe5\xcc\x8c\xf3\xb7\xddQ\x1a\xeb\x8e\xec0^\xf2\x9d\n\xd7\xc6\x97\xc6\x88\x98\xe1\xd5\xe0\x96\xd9\xf4\xd7\x97\x1f\xaf?\xbe\xf9\xf6\xe3\x7f\xfe;fQ\xa9x\xd8\x8a_\x04\xb6"K\'\x11\xe5I,\x9co\xfe\xfc\xcd2\xc2\xc3H=\xe9\xef\x9a\xf1\x87\xee\x9e\xb0\xdc\r\xa6O\xe9\xce\xda6\xae\x91n\x10a\xcd\xe0\xe0\xd0\n\x8e|?6\x86\xf4\xf6"\xa6%T\x82\xa0(\xaa\x1e\xae\x08\xc1`\x8c\xba\xd5+z\xc8\xdaO\x7f{\xf9\xa77/\x9f\xf5\xa2$\xe6\xb6\x8a*\x95Q\xba\xcd\x1f\x17\xcf\x98\xdd\x15i\x8c\'\xf7\xb86#\x1f\xb0\xd8\xec\x91\x80\xcb\xb5\xb08\x1dP\x93\x18\xe9$!0\x8c\xc4\xec3R!?k\x04\xac\x1c\xb9\xb6,\xf8\xd7\xf5\x9b\x97\x1f\xdf\\\x0f&lt;\xe7\xa9\xed4\x96M,?\x9e=\xb6\xbee1\x99\xc0\xb7\'\'7\x1e\x11\xb8\xc2u"\xacak\\.X`\x0e\x0ef\xfa\x87\xfd9ROw\x08\xd2=&lt;"\xe5\x8b\xb3\xc6\x89\xa2\x13~ZCp\x01g\xe0\xf5\xebk\xc9\xf3\xe7*;\x17\xc6\r0\xdf\xa0\x96\x8d\xc9\xd3\x1f\xc0\x8aRD\xc2ZQ\x08\xd7\xe3\x066{F\xa9\x1c\x1a\x1a\x1c\x1cT\xfa\x9d \x14Fkf\xb7\xf6OJe\x19\x99|n\xb4\x00\xaf\xa2j7\xe9AQhj\xd8\xeeo\xbbn\xabb]!^\x95C\x87\xc8nt3\x89u\xe8\xbd\xc9\xc7+\x15\x05\x94|\x8c=92\xd2\xaf\x84v\x1ap\xa9\x9d\xf0\xb8\x9dv\xbb\xd5\xd179\xa9\xc8dd\x99\x89Uy\x81\xd4\xe3k\xbbz\xa7Z\x9d\xf3\xdb\xdd\xee\xa2\xd5Z\x91:\xc4t\x97\x9f\x1d\rw\x98\xdc?=k\xdd\xe4;\xeb\n\x9bCJ\xc4\xd8\xec\x9e\xae\xf1\x9e\x1e\x8dF3\xd3\xdfou\x17\x13\xdc)\x91\x08\xd2$uD\x81kuB&gt;\xbaO\x92(\x0f\xb8\xfc\xa2q\x91\xc8j\x9d\x82\xe6Oc\x1d\xcf\xcey&lt;Q\xe66*Y\xac\xb3\x16E\x94\xdb\x8a\x8a\r\xb0\x0c\xec\x11.\xd7FOw\xd6D"AEarqp\xc7\xbb\xb8"*\x03\x11\x1d]\x95{[\x05\'\x9d^\xa7]\xd4U\xe9\xb2&amp;h\x93-\x7fj\x10{\x13\xadN7sX\x9d\xa8B\xda&amp;\xa44\xd6&amp;p\xd1N\xcc\x1b\x9d\x9bK$\xa2`\xc7\xba\x1c\xdc\x17\x9a\xf1D-\x9a\xa1\xa8Vkb"#\x8fz\x13n\xd2\xed\x1fVvu)\x1c\xa2\xa2U!\xd5\xd2\x05?;k\x94\xed3\x87\xf5\x07V\x87h\xb4\xd7c\xec\x8aM\xb1\tC`x2\xad\x10\x03\x16$-35%\x9b\x1a\x15\x19N\xbb(\x8az\xc2j\x81\xf1\x11\xcbdS\x85\xa0\xbb`\x05\x1f\t#\xb3\xed\t\xeb\xf8xV\x9c\xa5Z\x0c\xee6w\x9f\xfd\xde\xe8\t\x86\'{\x00\xeb\x13\x18\x0c"\xad\x95Q^J.k\xcad\x99h!\x98\xdb\x9a~Q\xadVet\x1a\xbdsQ\x99\xb6\xa9Ud\xe6\x12\xc1`!\xe1\x9d\xe2\xdb\x1c\n\xadP\xbe\nX\xc2\xac\xb7\xc6 \x16\xeb&lt;\x9f\xa6\x12m\xa8u\x05\x91\xcf\x83![w\xc8 \xa2TS\x16\xdd\x0f\xfa\xdd\xb7\xb7\xc3#\xe3\xd5j\xa6\xdalV\x9b\xd1`\x82\x9f&gt;\xd2\xf2\x0b\x05 \xf4\x8aeB\xa1\x02\x1e\x9b\x1c\xe4\x12\x1e\xc9[g\xcc\xd5\xd6\x0f\xe5j\xad\xb6^f\xb3+\xd2M\xa0\xcao\xc6\xd6A\x10\x19-U=y\xfbxBQi"\xdd\x84H7\xabZY0X\xe3:\xd2i\xc5\x14\x1f\x1a\x19\x1f\xa4\xd2\n\x85Z#\xa8u,,\xc92\x0cbm\x1c\xdd\xd4k\xe5\x0f\x06MEJ\xe47\xf3\xf9&lt;A\xc4\xd3Z&gt;h\x15L&amp;=\xb1F\xb9\x9cj\x94\x89R3\xfbP\xca\x1eeeT\xadV\xa0\xd2\xe9&amp;XE0e\nZ.\xe1\x13V\xb4\x94m2\x87\xd5\xbdQ\xad\'\x0b\x9d\xb2\xe1U\x8f"\x06T\xa9T~\x13\xca\xab\x99\xc9\xb4&lt;\x9ezR\xd3!6S\x8dT\xf9\xa1T*\xb7\x8fJ\x0f\x0f\xa5f\xad\x16l\xc9\x9a\xda\xf4\x11\x18\xb44\x88\x95\xe5Cm\xdd\x1dgJ\xa58s[\xf3\xac\x8dt2y\xd3)\x0fNk\x14`\x14\x01+\x95o\xc7\xb5\x19\xaf\xb7\xee\xc9\x15&lt;\x9e\x9c\x1e\xd7\x19\xda\xf1R\x89Fz\xfa\xaaU\x0b\xf5V\xb4I\xb4\xe3\xf1\xd2\x11\x0caB\xbe\r\xb0VKm\xa2\xcc\xdc\x168\x0c\x10\'\xd1 \x91Z\x98\xdfRL\x82\xd5O5\xf2)B\xda\xccP\xf0\x0e*\x95\x97(\x87\xb7b\xdeY\x0ck\xb5\xa5\xac\x96K\xaaB\xde\x9e\xf1x_\xdd\xd3\xa2\xd2\xe56\x11?\xcaf\xff\x8fe|h\xe7\x99\\|X\x87\x8d\xf6\xfedy!\x12\x80\xe9\x14J&gt;\x95\xcf\x87\xb9\x19o\xe1\xa6\xd6\xaf\xbc\xbaz\xa7C\xcd&gt;\xdf\xd5\xc1\tW6&gt;\x8c\xaan\x93\x1e\xe5\xe3\xe3I.\x19\xa4\xaa\xed2`\t!\xe8\x17\xf1N\xfb\x90\x0e\x97\x99\\\x13\xdf6\x1a\xf0\xc7\xa7}\x01\x8d&amp;\xb6\x19\xdbLm\x12\'\x99h\xb4\x90\xeb\xf7_\xbatKK&amp;\x1c_\x8a\\\xbdR\x0e_^)/s\xb7\xb9\xc7\xc7\xc7t_\xbd^\xa3\xe2\xb4ZB&gt;\x1f*~\xf6\xee\xee\xa8T\xa3\xdaLbu\x9f]4\xca\xe1\xad\x80zf\xf0\x948\x85\xaa\x8f\xf5LE\xa39\x7f\xcel6\t^#c\xdf\x9b\xc6\x040\x9f^n)/1\x15\x86\xdd_=\x9eL\x16&lt;\xc1h:\xf6\x84e\xb3\xd9V\xe7\xf6\xee\x1ed\xf5\x16\x93X0\xd9@\x03\x08\xbb\xcc\xf3Cl\xc3\xe9)4\x88\xb0T\xecM\xe4H\x95@\x80 ?\xbd\xe6 8bAT\x18\x8a\x0b`\x90F\x10\x1c\xcb=\x9e\xf4\x90\xf5Z\x1fA\x1ce\xa1;\x18\xc5\xa3{{Ea\xabE5\x18=\x8c\xda\x00,\xc3\x8a\xce\xb70h88\x80)",\x9d*\x00\x85\x84\xc3\xa1\xc18\x1cD\xb2L\x9f\xa4[$\x88D"@8*\xd29|\xe2\xaf\xd7\xaa\xf18\x8de\xb3\xc9\x8b!wQ,.\x95\x99=\x8b\xea&gt;\xcb\x13\x07\xf3\x81\xc0\xfc\xf4\xe9\xe2\xf4\xa9\xe1\x95f\xdc\xaaG\x10\x8b\x85\x83\x98x\x88\x00Gu*\xcb2\x1d\x1c\xfa\'D\x82\xe08\xb6\xe2r\xdf\xbcH\x1f\x1d\xf1\x8dB\xdb\xe8h1\x14*&gt;\x94;\x87\xcc\xfaD\xd6F*o0\x07hC\r\x9f\x03\xf6\x903$A8\xcb\x03\x1cA\xc4\x17X4\x18&amp;\xbb\x12{\xb4\x99V\xe1\x08\x02\xfaY,\x12`u\xba\xc7\xa5\xd9\xac\xd1(\x14\x17\xdd\xc5=O\xb1T&gt;c\xf8l\x85\xd5}\x98:]\x997o/\xfe\xe8;]\\d\xbbH\x15\x07\xe1X8\x02\x1d\x9d\xd2\xab\xcb\xcb\\\xaeFU\xa9j\x9f\xa6\x1f\x1c\x06\x8fG\x83!*\xe7\xf8\x0b\x07\x1f\xd42\x16\xdd{{\x1ek\xa9\xcc\xfc\xe9k\xf7\xdb\xf7\xe6\x88n\xfb\xc7w\xbe\x05\xdfB\xc0\xec\xe4q\x04\x1c\x81\xc44t\xb5\xbd}u\xb5}yy\x7f\x0bqyy\x05-\xabO\xe9Vq\x96-\x12\x89\xde\xda\xc5u\xd8`\x96\x15Y\x8b!\x0f\xf7\xa1\xc3\xfcE\x08V\xf7\x99o\xe7\xdd\xb6\xcf\x17y\x17\xf1\x99].\x14\xea\x1c\xc7y&lt;\x1c\xbd\xdf\xb9\x7f\x8a\x9b\xdb{\xc0\xa2\x85\xeb\xb7\xa9q\xcb\x80D\xb2\xe6\xb4+a\x9a\xb7\xdb\xfd\xeaPh\xaf\xf2\xf0\x15.K\xb1X?\xfc\xbc\xe3{\xb7\xe3\x9b\x9f7\x9b\xd1\x15\xb5^\xf2\x9a\x87\xf1\x9e\x7f\xf7\xfd?\xde\x07~\xfe5\xb2\xbd\xbd}\x0fb\xdd\x83hX2\x19\xca\x99%\x16\x84#!I\xb5\xdf.\x02\x7fD\x86&lt;\xa1\xcaW\xb9\x8a\xc7\xea&gt;5E|K\xbf\xccG\xccKc:\x1d*\x10\xa0+\xf8_\xbe[\xfa|\xfe\xe9\xfc\xe2\xd3\xe7\xcf\x17\xbf\x9e6R\xef\x03\xb1\x83\x80\x0b]\x93\xe0&lt;\x01\xa7W\xa2R\x91\xc3~+x6\x12\x92H|\x95\xab?\xac\xee\x0f\x91\xf9\x9d\x88o~Gg\x1a3\x990\xbcw\x0cC\xd7\xfex\xfd\xe9\x9f\xbf\x7f9\xbf\xf8r~~qq\xf8\xe5\xf0\xc3\xe1\xffh9\xdb\xd7\xa6\xf2,\x8e\x1b\x1a\xf2`\xcc\xecM\xc8\xc6K\xc8\xf6\x92\x94\xec\x80\xd0&lt;\x98%\t7\xdd\x86\xd9\x90\xbb-\x1b[\x9c;\x13\xb7\t\xee\xe6YSC\x0c\xd4\r\xa5N$\xd1Z\t\x8e\xdb\xda\x12V\x84a\xe22\x1a\xc6e6\nj\xad\xed\xd2\x94\x19w*\x8be\xd3\x8d\xfb\xa2\x1dQq\xb72/fD\xeaS+\x0b\xfb\xfd\xc5\xfd\x07\xc6\xf5\x9e67\xe9\x8b\xd2\x0f\xdfs~\xe7\x9e\xd3\x9c\x93\xcbS\xcb\x8b\xb9\xadmjZ\xadW\xd3n\xbf\x8d\x8f\xf2hsC\x83Fa\xe6\xdd\xa4\xca)`\xc5s\xb9\x1c\xee7\x9c\xcf\xcc\xf4\xe8\xac\x03\x03C\xa6\xe2\xe2\x8b\xb5\xb5\xb5{\xe0\x9a\x1d\x1f\x9f\x9d\x02\xe2l\xa3\xd8\xb6\xcb\xeaSSj\xda\xe9\xf4\xfb\x8d\xc6\xa8;\x10\n|$\xccX\x19\xee@\xcd2\xc0\xd2\xb9"\x1bs\xf8\xcdj\x85\xce\x15\xe0\x03\xa7\xad\xe6r\xbd^_l4\x16\x1b\xcb\xcb\x8d\xf5\xc6\x8b\xfab\x99Y\x18\x08\xf8\xd4z\x1d\\i5\x1b\x83\xb6\xa0m\xd0\xff\x8d@Se\xca\xc9f3\x97K;\x8aE\xce\xe1p\xe2$Z\xdd6\xe3\xbb\x7fB^x\xf8\x10Gp%\xbe\xb2\xb2\x92\xfa\xc7\xca\xb7f\xf7\xe8\xe9\xd0\xf6\x00\xa3P\xa8i\x9d\x89\xb6fmY\xbf\xcd\xe5\xbf,\x18V\xd9W,\x92\xb8\xe2\x1c\x9c\x99Q\xd3.\xb7?\xb8\xf3WG&gt;\xbb\x05\xfb\xe4\x93\x87\xc4n\xddz\xf8\xf0_\x7f\xdbw\xea\xfd\xbe\x00\xdd#b\xac\x1e\xceC\xfbm\x01\xb3\x8b\x0e\x0b5&gt;/\x1d\xa9s\x8e\xa2\xc3\xe1\xf0\x91\x07K\xf9\x90\xf5\xf3\xaa#\xa4\x9f\xfd\xdd\xcf\xbe"\xf6\xf8\xab\xcf\x1e?\xc6\xf3\x07\xefw\x0c\xb8&lt;\n\x05C{h\x1f\xe2\xcb\xe5\xa2}%\xc1&amp;\x03\x95Si_\x9a\x83\x07\xb9\xb4\x8f\xa1\xa8t\xd6\xef\xcf[,\x96R)\x99\x08\x06\x10\xdbY[\xe7\xbb\x07\xd0T\xfc\xf1\xa7\x1d3{i\x93BDy&lt;:\xb39\xeb\xd6Y\x87\\S\x82\xcd\x9dJ/\xa7\x1di\x8eE\xc9\xe7\xe0(\x05E\x92\x97\xd9\x1f\xcf\xfa\x9d&gt;\x8f\xceD\xe9\xf5H\x08\xe6x0a\xfc\xb2\x83\x0f\x0cZM=r\x05\xe3\xd11f\xb7\xd9\x84\x1c7\xbeE(\x93\x8eTb\xf7\x1d1\x0e\x16\xd3+(.\xeb\xf7y\xc8\xff\xd6\xcc\xba\x83==b1\xa9k\x18\xab\xd5\xe5\n\x84\xdc\x03f\x8fN\xa1\xa0\x18\x9ae}\xb4\xcf\xc3p\xb5\x11\x01\xa7a\x17\xef\xc7Z\xe6\xc8\xd8\xed\x94#m\xc6\xf9w;\xddV\xdd\xae\x83=\xe2\x1eP\x99\x90\xd7\xcd\xf4\x90\x95\xa6]dNP\xcfr,\xc2&gt;m\xd2qS\x02\xce4K\xc7\xd3\xc3\x99\xcc\xf0\xff\xb08\x07\x9c\x07\x00\x17\xcd\xd0&amp;H\x85Z\xc63\xe4\xb1\xd2\xae\x05\xcf\x10\xee\xe2\xe4\x9d*\x96\xa5t&gt;\x86Q\x9b\xc2\x93B\x8e\x0e+\xab\x19\n_\x99X\x0b\x8b\xf3q:\xab\x95\x90x\xd4j\xd3.\x82E\x0f\r\r\xd1\x0b:\x14\xce&amp;\xbdB-WSzJ\xc7P\xea\xd8U!\x07\xc0\xa5\xd2e\x0ere\xec\xf8\xa62\x1c\xc704\xcd\xb0\xb4\x87\xdc\x97Q\x13\xa2\xcb\x80?MdlQ\xa7\x86X\x94\x9c\x02\x96\x9e\xd5\x1f\xf4]\x16\x16k\xa4h\xa7\xec\xc3v;\x9b\x19\xce\xc4X\x16\xc1O\xa9=\xe0\xd2\xed\x82^j\x9d\xcbjR\x9b\xac4\x10\xf5z\x85X\xa4\xa0`\xe4\x84V\x84\xdd.\x90*+\xc3v\x05\xb82\xc3$\xc82\xe0\x8a\xb1\x0cR\xa6Z\xcd\x82K\xe7\xb1\xa2\xf5A\xc5\xdc\xa3F`\xc9\xc4\n0\x89\xf0\x8a[\x16v\xb7@*]\xe4\xc4v\x026L\xb828\x94\x1cR\xb9\xc3\x01*\x8aB\xcf\xe3c\xd0a\xb0\x07\xf5\x94HD\xde\x97%L\xd0-\xdd\xbfE`\xacF\xd9N\xe6\xd64"\x8d\xbd\x05\x96a\x19x\x12R\xa9Y=\xc5\xc4\x1c\x1c\xb8(\x91^O6Y\xe4rpA/QX*4\xd6T\xbd\xa9 +)m2\xf9\xefI\x90\rS\xb1\x18K!\x11PH\xb0L,\x06:\xbd\xe8\xf5r\r\x9ed\x10M\xd6fmWn\x11\x98k\xb1Z\x0f\xb3d\x9aZ\xae\x91\xc8\xc9\xb8\x81}\x98E\x04Qv\xf8K\xae\x87\'\xc9jOk\xf5N#\x12\x89\xa0\xaaXL\xdb\x04\xc6\x92J\x95\x8b\xd5R*\xe2\xd3Kd\x1aMk\xc3\x08\x7f]/\xb2\xb7\xf6\x8cd2=\xd9\xe0\x92\xcb4PK#\x13\xcb\x01\xaa\x91\x89\xe8@Hp\xb5\xfa\x17\xab)C*\x15\x8e)\xc8\x12\xcd\xd6\xad\x9a\x16\x9a]!\xb7\x13,\xa2\x18T\x94h\xf0\xba\xb5\xaa\x88\xc3HgC!\xc1\xd5\x1a\xf9\xb4\x9a\xf2\xc2\xca&gt;J"\x91\x91\xbd\x19\t\xc8\x14\xf0\x16\x19\xdc\x87Bb\xb2\xb6"\x11\x1315\x12\xb1\x82q\x06x&gt;\xd4+4\xd6d=\xe5M\xa5"\x85B\xb9\xe8\xc8hZ+F\xe0P\xc8%\x12y\x9bD,\x17\x91\x9f5\xb2\xadm\xa0\x92\xc8(\xc6\xe7\xcc\x86\xf8P@p\xb5\xc6\xeb\xd5T*\x99$\\\xb9\x1c\'B\x88\x11.\xb23\x06\x97\x92\xe51\xb2\xe7\x00Z\x9c\x07\x961\xa3\xef\x19\x80X\xa1/\x85\xc7\xaa\x97^\xcbU\x0b7s\x8e\x98\x88\xac\xa9\x90\x84A\xae\xa2\xd6\xde\x91\x86\xac\xd2\xe8Y\x87\xd3\xedv\x9a\xfd\xc4\x87\xc7\x05w\xe2l\xbd^\xf5F\n\x91H%R+\x97\x9b\xcd"\xf2\xa6D\xd2\xf6z\rJ#i-IiD\x94\xc3\xe7D\xe9\n\xb1l&lt;\x9cx\\+\xe8v\xae\xb4\x7f\xf9\xa3z=\x95\xf2F`\x05\xf8\x11VD\x15m\'Y\x8a\xa42\x11\x8e\xa0\xdc\x1e\xe3\xd2\xce\xb4\xdb\xe9w\xa2\xb8\x07V(43sU@.\xb4\x18\xfe\x14\xb0\xbc\xdeH-\x19\xa9\x85k\xb5\x08\xc8\x9a\xb9b1\x97F\x8b\xd6\xea\x88P\x1a\xfa\xd2~\'1?\xba\xc3\xac-\x10\xe2g\xfe&lt;3(`\xbd\xa5\x1c\xa9\x14K\xf5\x0b\x10\xabV\x86Z\xb5r\xa1\x1c\xa9\xb4\x9cY\x0b\xc7\xe3\xf1\\&lt;\x1c\xce\xf9s~\x7f&lt;\xde\xe2\xca\xa2m\xb5\xf16~\x06X\xa3\xb5I\xa5pX\xebOJ\x17\xbaK\x06o$W\x8c\xe04\x02\xaaR\xa9V*\x85p9\x1c&amp;d\xf9\xd65\x0b\xff\xb9\xb36\xd2\xe2\xf3&lt;\x1f\xe5g\xfe=\xb6\xb78.\x15b]\xfe\xf5\xe7\x18\x94\x9b\xdd\x04\xcb\x90lr\xb9Z\xa1R\xa8\xa4R\xc0\x8a\x14\x92a(U\xc0%\x9f\xc8f\xe3\xd9l\xd6\x9f\r&amp;\x82\xbc\x91\x8f\x1ay\xfe\xd4\xcc\xd8\xeeA\xea\xaa\xf2\xed\x7f\xf4\x81T)U\x8e\x8cOn\x0e\x04/tw\xb7[\xbc\x96T\xa2V(\x90O\rH\xa5\x80\xe5\xf5\xc2}\xe1B9\x91L\xe6\x13h\x14\x13\xb6l\xd0\x96\r \xde\xa1\x15\xdf\xb7c\xf7\xd8\xf1;\xda\xcdo\xa6&amp;\xdf\xee\xf2\xb7\xb4\x7fd\xf6\xd3fcs\xe3e\x01bY\x80\xa5\xb2 K\xc0\x89H\x17\xd5j\x04\xaf\x93\x91D8\x1c\xf4\x1a\x92\x89|0\x1e\x0c\x06m\x89\x84\x91\x0f\xf0\xd1h\xb4\xaf\xef\xd4\xee\xb1}\x0b/7\xbe\x7f2\xff\xe2\xd1\x88\xf2-9O\xba\xa5\xff^\xa39\x7f\xf7\xfe\xec\xe6\x99\xd1\x15\xa8U*Y\xbc^\x83\xd7\x12\xa9\x15\xaa\xa5R\xa9Z\xaaF\x92I\xaf7\x89\x8b!\x0f\xa8x\x02Q\x95\xc8k\xf9\xa86\xdaA\xec5\xd6\xea\xabgK\xfb\x8f&gt;\x9d}\x1bm,*\x99\xfe\xd9\x17_\x9c\x9d&gt;\xbb4\xffh\xf3\xc1\x9d\x95#\x07\xba\xbb-\x96v\x03\x0c\xd9+UJU\x81\x86L\xe6M\xe6\x93I\x837\x11L"\xa8\x82\xe1\xa8\xb13\x18\xed\xd4F\xfb\xb6w\xf4\x11\xac\xb1\xd1\x97\xab\x1bk7\x97\xf6\x9c?\xbf\xbe\xfc\xff.\x7fC*ec\xfd\xe8\xd2\xb1\xe9\xdb\xd7?\x9e\x7f\xf4\xeay\x8f\xed\xc8\x11`\xb5\xc3Z`\xb8\r\x81\xc8\x90\xf4Z\x88X\x86\xa4!\x9f\xc8\xe7\x13\xb6omQ#\x0c\xfe\xeb\x03\xd5v2\x13~\xfa\xf9\xea\xc6\xecw\xb7\xe7\x0e\x7fxb\xfe\xd9=\xe5\x967\x06\xc3/*\xfb\x1b\xeb7\xa6/\xdd\x9e&gt;|n\xfe\xe3\xa5\xf1W/{\x06\x91 \xbaU\x84\x8a&lt;\x80UBA\x01*\x83\xc1b1\xe4\x93\xf9\xce\x84-\x8f\xc8\xd2vvj\x8d\xda&gt;c\x1f\xd4\xea \xa3\xc3\xfb\xf6&gt;X\xdd\x18o~w\xf4\xf3sW&amp;n^\x7fz\xefM\xb3+\x94\xea_{z\xf3\xd0\x89\xb9\xdbs\xfb?\xbc~w\xee\xc9\xe6\x99\x85\x83\xa7yU\xb7J\xd5\xbe\x13\x82\xc1\x95^D?\xe4\x82Py"\x1e"+o\x84\\\xbd\xbd]Zm\xaf\xb6\xab/\xda\xd7\xd1\xf1\x1b\xa8uj\xf7\xbe\x97gV7&amp;\xd7\x97~\xfd\xf5\xc9\xbf\xcf\x1d;;\xf7\x14\x8a\xbd\x81+\x015\xf2\x97g\x97N|\xfd\xf9\xdc\xdc\x8d\x89\x937\x97\xa6\xcf&gt;\xd9|~\xe7\xcehH\x0b\xac\x03\xdd;\xe1D|[\xbc\xc8a\x08\xf4$a2X\x92y\xa3\xb1\xb7\xb7\xbd\xb7\xcb\xd8\xab\xd5vm\xc3\x19\xec"\xebS\xbf\xd8qj\xdf\xf3\xd53\xff\x19iL\x7fq\xee\xd8\xf5\x7f\xfe\xe1\xfc\xa1+\x87\x9f4~\xf0\x07\x0c\x90\x98Zk.\x9d??1q\xf8\xd0\xb1=s\x08\xaeK\x87_\xbc\x02\xd6\xc2`\xb4W\xd5\xfd\x9e\xca\xb2\xd3B\xdc\x08\xc1\x92yo&gt;\x91\x08B\xaeNC"\x980\x1a\xe1\xbf\xde\xceN\xa3\x16\x8a\x01\xaa\xe3\x9dm\xdbw\xec\xf8\xf9\xd8\x83\xd53\xdf\xdf\x9b\xbd\x7f\xed\xb77\xe6\xae_\xbcr\xf2\xc4\xed\x8f3\xcd\xb5\x1f\xc6\x05\xf7\xcd\xfe\xf5\xdc\xb1_\x1e\xda\xff\x93=g\'\xae\\\xbcv\xf7\xe4\xc4\xb5\x8b\x8dW\x0f\x16\xee,\x8c\x86\xa2\x9d?~O\xa5\xda\xa9\xb2\xb4\xab,\xc8_$\xc2\x12\x08s$\x85`\x90\x04:\xc8\xb6ui\xfb\x00\xf5\xa3w\xba\xb6o\xdb\xf6A\xc7\x7f)9\xc3\xd06\xce;\x8cgG/)A\xd3\xcd=K\xce\x8d\x9d\x86e\xaa\xe3\x02\xaa\x13\xc1\x8dy\xd3\x87\xfa\xd3U\x1f\x92\x15Brj\t\x04\\6\x8e\xb6J\x8ar\x81:G\x18\xdce\x1c\xe8\x0eW\xeb\x97\xd3\xee`L\xd4\x02IA\xa0I\x9a$d\x19-\x14IF #\x17\xaa|0\x92c\xc3lc\xe6P\'v\x92\xb2d\xec\xff*m\xd9\xa0\xa5\xdd\xcb\x9d\x84\xbeH?\x9e\xe7\xf9?/\x02\xbd:}\xfa\xfc\'\x89\x17XBx&gt;#\x86\xe5v\xa6dv\xd8\xfb\x8f\xfe\x8f\xbf\x8a\x00\xa5n&gt;\xb9odj\x12\x1d7\xe4\xa2 \'W\xe3%\xadU^\xfbr\xfd\xe9\xb9\xbbw\xdf\xbdp~\x82\x01\xac\xc04\xdc\x81\xe9\x17\xb2M\xfa\xbdg\xef\x80Ln\xb0\x10\x1e\x81\xea|\x10\x1dO\n\x06\x1d\x8e\t\xc0\x9az\xb6\x9eH|\xb4\xb1\xfd\xce &lt;\x9f\xd2R9\xa1\xdbn\xef\xaa\x0b\xe3\xbfX\xf9\x81?\xca\x83\xad\xef\xe6\xf2^)~\x9c\x95\xd8\x8a\xa5\x95j\x82~\xb1"mY\xad\xc6g\xffZ\x07\xb9P\xba\xa6\xa6B\xc03=\x06k\xf4[\xbcI\xf0\xcc\xeb\xbd\x03\x8d\xe0\x0e1(\xec~\xff\x9c\xdb\xe1`\x1c\xce`\x10\xfaa\nB\xff8\x91x\xbe\xbc\xb1v\x95m^Ng\xe4\x88Z\xaa\xb6e\xb9\xccs\x1f\x1e\xec\xfc\x90\r\t\xa4\xda9\xd4S\x97\xb7\x8c\xe3\\\xa5\xabgt[\xca^\xa9\xd4\xb7\xec&gt;\xb4ib\x1d\xa5\xeb\xf6\x05h\xc9\x10\x13\x98\x0e@ULC\xa2&lt;\xbf\xbb5w\xe7m\xc4\x05\xad\xe0w\xfb\xbdssn\x90\xca\tT\x0e\x070ML8No&amp;\x12\x0f\x967\x0e\xc7\xd9\xd2?g\xb2\xc5\x88\xae\xf6M\xbb\xde\xaf\x1a4\xdbX\xf9\xf8\xfb\xb8F\xff\x97\xd3h\x17\xcd\x92Hs\xa2\xad\xd7\x8ae[j^\x962\xa9^\xf5\xfe\xf2\xce\x83\xc4\xfa3\x94z\xbf\xfb\xbc?\xc4x\x02\x10\xb01O\x08*\xec\x16J\xba\xdb\x0b1\x7fq\x83\x81.\xa7\xc3\xe1\x1eY8\xe1\xf8\xd4\xf1I"\xb1\xf9\xd9\xf2\xc6\x01G\xa9\xed\x94]\xec\x95D[\xb4\x8bVD\xa00\xeajc\xe5{\x12v\xe2\xe6Jc\xe18\x9f\xd1X\x8a2l[K\x8aJU\x0bw\xa5Z\xadZ\xbd\xfadc\xe9\xf9\x88\xeb\xf6[~\x98\xff\x10\xcc!\xb8\xc80\x8c\xc7\x13\xf2{\xfd\x08\x0cb\xe5\x0e9\xdc\x0e\x10\n\x1d\x99B\xe9BX\x84\xf7Yb\xf3\xf9\xd2\xf2r\x83\xa3\x04I\x0f\xeb\xd9\x9c\x99\x12\x14+\xf3\xa6LcQ\x0c\xbb\xfa\x97\xa5\xeflWT\n7\x0f\xe3\xa6A\xbdL\xb3\x14M\t{%\xa1%\xf6u!biWJ\xf5\xec\xc2\xfd\xed\x8d\xbf~\xf9\x82\xeb\x92\x1b\xd4\n\x80Z\xd3h\x1f\n1\x0c4\x02\x13DL\xa1\x10\x8a\x14\x81\xce\xbe\x11\x08\x0bQ9B\x7f\xd8Ll&gt;X^&gt;z\'\x1a\xeb\xc4\xb4+Y\xcd\xcef,]\xd1r\xc9\x18\x8eaQ\x9a]\xfd.\'\x01\xea\xa3\'v*&amp;\xc8\xa0\x14N\xe1\xac\x1c\xc9\xa8}\xd1\x16@\xe9\xd5\xb0l\xa8\xc6\xf8\xc1\xc6\xc6\x83\x04\xe4\xeb\xee\xe7\xb7\xcf\xfa\xdd\x08\x0bZ\xd5\xc3\x04B@\xe5u\x07\x18\xc2\t\x89\'\x08\xd0\t\xb8\x08\x80s\xa03\x9fSS\xc1\x0f\x9e\x8e&lt;\\~\xb4 \x16;\x0f\x0b\xc9\xa4\x96\xcd\x15\xbb\xaa"\xd4f$\x0e\xb0\xa2Q\xf6\xc3\x83\xedo\xfb\x12\x02\xac\x7f{\x7f\x81\x17yC\xc2`\xf1QJ\xcc\trWKj\xe5\xb4\x96O\x97Y\xd5\xe0\x07k\x1b;\x88k\xf3\xf6\xe7\x7f\xbc3\xe2z\xef=$Y\x08\xb4\xf2O\xc2f\xe3`B\x8c\x8b \x1cn\xa7\x8fx\xe1b\x10Qy\xaf?^\xff\xca\xc3\xfc~\xdd\xe2K3\xc5L\xbam\x01\x97,\xc7\xc8h\x14\xf9\x18\x8d\r\xfe\xfe-]q\xe2\xe6\x93\xbcD\xf1&lt;\xcb\xe2X\x94\x942`\xa3\xd8i\xcaBR\xac\x86%+\x92g-\xa9\xb2\xda\x80\xb7\xfe\x8a\xeb]\xaf\x176F\xb4?B\x85\x85 W\xde\xb9;^\xb7\x1b\x92\xe6 \x18\xe2\xc6\x8d`\xd0\x87\xb8\xc0\xc0\xa9\xa9_\xbf\xf4t3\x81&lt;\x1cD\x95\xbc\x90\x8a\x993\x969T\xcc\x9cV5Y\x92.\x14Y\xe0"\x0b\xc2\xe0`\xe7\x7f\x05C\xadp\xa4\xaav\xa1\xb0+\xc7\xf0(\xceZu^\xc2(^\xc9[\xad\x8e\x9d\xeb(\x11\x81\xef\n\x83\xfe\xe0\xd1\xc67\\\x97\xfc\x93\x01\xd4\xf5\x08\x0b`B\xa8\r`\xf0\xc0:\x97o\xd6\xe5#\\.\x17rr\xc2=q\xe1\x1aG\x9d\xfb\xc7\xda\xd1\xf2#Z\xec\t\xe6|\xc7\xb8\xdc\xd4lxc\xbd\xc0\x93\xac.\x08u\x16\xc38!]\x96\xf4\x95\xff\xde&amp;\xd1\x06\xb8\xdfJJr\xdb\x1cV\xc1A\xaa.\xb3E%\x86\xe1\x92\x96U\xb4pSK\x86\xc5xS6\x0e\x0f\x8c\'_s\xdd\xbd\xee\x9d\xf4@\xcd\xbb\x02\xae\xb1E\x97\xd3\x05,\x10%\x08\x16\x98\xe8r!\x07\t4\x89n\xf7\x94\xfb\xccI\x92\xa4\xe8\xfa\xe1v\x83\x93\xd3Z\xe7r\x11\xb9\xd8N\x9bY\x81\xe4\xe2\xf9b\xb7^\x14h\x9c\x93\xd2\xddb\xb9\xde_\xfaF\xb0\x13\'&gt;&gt;\xda\xd3\x05\xb9c5\xdb}\x83\x04\x0b\xb3\x86\xd8\xd25\x81%Y\xb9-\x84u!\xdc\x8c\xd5\xd32_\xddk\\]\xd9@\xf5\x95x\xfc\xca\x1bg~;\xe9\x81\xdd\'\xe0r\xcd\x02\n$\n\xa6\xcf\x85\xa8FB\xa13\xbb\xa3\x15\xbc@\x8dh\x03\x00\x00\x07\xcaIDAT\xf4\x12\x89\xe1\xb0\x06\x8f\x06X?U\x885\xb7xm\xa6&amp;\x86\xb3q\x8c\xe3\n=\x19\xc6]\xcb\xb38-\xd4\xcca)\xb3\x7f\xf8u\xc2~\xbcs\xa0\'M^\xffwNy\x18\x07\x0b\xf9j\x9dW\x14\xc9n\xf28\xc7\xc7\xf4\xb4 G\x14&gt;\x1f\xc9\xe3\xe5\xbd\xc3\x01\xc4\x1e\xf4\xda\xfc9\xf5\xf2\xb5_\xde\x9a\x0c\x8d\x8d!uf\x89Q\xab\x83b&gt;\x9f\x8b\x01\xadF\xd3\xe8d\x90\xa9\xfeW9\x1c\xb0\xe0b\xb9hv\x8b\xc7\xdb\x17;R2iZ\x15\x12/\xf0\x9c:\\-\xf7\xe3j\x03F\xdf4{%K\xd9\xad.\xbd0rm(\xb2qa\xd76s5\x1eY\xa8[\xb40\xac\xebi\x8d\xe2E\x9a2\xf2f6"cVZ\xe0\x84\xbd\xa1D5\xb6!\xbb\xef\xd3\xec\xf8\x1b\xaf\xbe5\xe9\t\xc1\xe8\xc1\xc73.0\x12B\x05:A\xaa\x10\x92otl\xd7\xe9t\x9f:I\xa2\xd1F\xa9f\x1f\x96\xb6x\xae8\x93\xe1\x95\xb4\xce\xe3$\xad\x97Y\xda\xeakJ\xd9\xd8\xaf\x90\x90\xfa\\M\xef\xef\xda\xf2\xd1\xe8\xdb\xd1@\x94\x84\xa2\x9d\x81r\xd3\xa1B\xc8\x8a\x12\x8f\xb7\xf2\xc2P\xa5\xd8r\xdf\xa0q&lt;fGTVI\x8b\xaf\x17r\xb6\xd0\xe0V\xb7\x8f\x1a\xec\x02\xcb\x8e_\xbb\xfe\x81\'\xf4)\x14\x15\x13t!\xf7 \xf1N\x02\xcd\x1f\x81^\xa2:u\x12\xcc\x99\x93\x14\x14&amp;\x86n\xae\xd3\xde\xbd(\xbe.\xa6eL\xee\x89\x1c\'JF\x13\xb8\xf2]\xb3\xab\x0f\xaa\x15\x92\xc4\xcb@Q\x1c\xb6k\x87K\xa0W\xdc\xe8\xd7\xb2J\xc6~\x98\x8daQ\xdcP\xeaF\xb5\xac\xb6\xf24[\xeeUb\xe5\n\x1e\xd5z\x82\xd1\xca\x19\x9c\x98\xace\xf7Y\xaa\xd1`a-\xd0\xe3\xe7\xce\x9c\x85\x8eg\x08\x86\x99e\x18pn4\x87\xc4"\n\x97\xcf\xc7\x84\x16].\xf7\xa9\xe3$\x8d\x8f\xd4\xc2\xf0h\xa6\xf4EX\xe7\nI\x85/\xd6q\\\x82g\xa9\x97\xa7h\xbd[\xcc\xae\x0ed\x91\xa3xk\xb7Yl\xa9]{\x7f\xed7\xc7,m/\x93R\x8a\xc9\x0e\xa2\xe2\xb3y\xa3*\xab\xc3&lt;M\xaa{*\xa6GZq\x12\x17\x0b\xf1t\x8d\xe5\xd4\xf0V\xd3\xae\xb2\x14@\xd1\x88k\xe1\x15\xc4\xc5\x84\\\xbe\x1b\x041\xbb\x08\xaa\xb9\x19\x94w\'rs106{\xf6\'\x1c=\xa2B\x8dI\x9a\x17\xb7\xbe\x98O\x89xvX\x80\x0f\xc2\xb4\\X\xc72a\x93c\xcb-\xb3\xacW\xb2\xc0\x15\x95\x92\x82\xb2/GLux\xac\xb2\xbfg\x02V\xb8@\x02\x95\x95\x1f\xf4\xcb\xc20\xcb\x93\xd2Pa\xe3\xb9\x88"\xc51\x92\xd4ft\xbabGv\x9b{{y\x96\xa6ijt-\xfc\xec\xd4%\xbf\xc7C@\xd0}7n,2\x8ck,\x00\xc9\x82\xa0\xf9\x88\xc5Y\xcfk?"qz\x94wdaa\xeb\xf7\xbb\xbb\xf7.&amp;\xc5\x98Z\xe08C\x16\xb3\xe1d!\xa6\xd81.\xd6l\x99\xdd|E\xaeP$[UkUk(\x88\xb9cq%\x02Xf\x86\xc7pCV\x8d~U\xeb\xf5\xe2\xd0\ri\x91\x95\xdf\xec\x89\xf9.l\x92bM\xaa\xa7\xc3\xe1T.\x12I\xd7a\x1fG\xeb8\\\x0b\xbfzm\x8eq\xcd\xfa\xd0Q\xd3\xd9Q\xe5C_\xcc\xce\xa2\xf4\xbf\xfdS\x0e\xc2\x8e\xb0P\xb4H\xbe4\xff\xa7?\xdf\x9b\xbfwo7\xca\x91\xbc\x089\x17\xed\xb0E\x9ba\x1d\'\xb5HYl\xa9\x83n\xe5?5\x9b\xc1\x8b\xe2V\x1c\xc7EH\x0f{\xda\xe5M\x0b9x\xd8CY\xbcl)%,\xd9\x83\x8c\x876\xd7\\\x1ey\x87\x079\x15\x02\xd3\x942\xcd.\r\x1eR\xcc\xc1\x12e\xf1&amp;*\x0c\x04\x9a\x12\x85\x80DqD\xf6\xaaB`\xc4\xd3\xcc\xa9\x1e&lt;\xc9\xe0\x80\xf8\x07\x0c\xfd\xbe\xd8}\xc6\x10\xd4$\x9f\xf7\xfd}\x7f\xbf\xdf\xcbA\x85\xb4\xb3\xd5r\x10?\xb5\x92B\x1a\xea\x9d\xe8&gt;\xb8\x06\xd5lT~\xda83D\x8fXXtXLmZa/\rZeM\x9b\x98\\\xb5M5\xd6\x93[E&amp;\x82\xeb\xc5\x0b\xec&gt;}\xfb\xee\x1b`U\xabW\xc0\x12\xff6\xadV\xaa\xd5\xaf!\xd5\x85"T*\xe7bI\xb2V\xa3\x9e\xe0\xe2\x87]\'\xd0j\xf1\xe4\xb40|\x16:\xda&lt;\x14\x12\xd8\x86\xbf\xbdu\xea\xb7\x8aD&gt;o\x06I=\x18\x16RS\xed,Fh\x85\xe5\xe9Lk\xd8\xeb\xb1\xbd\x08\x88VO\xd2\xeb\xb9\x1a\xa5\x93y\xd0\xdb\xcc\x82\xc6\x90\xe9\xb6nRUW\xf5e\x1b\x01,\t\xc9\xbeR\x14Y\xbex\xf9\xee\xcd\x87\xbf&gt;\\aT\xd0$\xab\xd5\xbf\xab\xd5\xdf^\xcagO\x01\x89HE\x05\x93r=\xcf}\x00\x17\xe3\xd1\xfe\xb8\x0b{F\xbf\xd1ds\xcda\xb5\xb2\xd2\x0e\x13k\xda\xd7\x1a\xcb\x7f\x89T\x1e\r\xea\x9b\xf6\x1aXqg\xac\xe1\x12\xc6\xf6V\xab\xa3W\xc5\xe8\n\x8d\xb8\'\x19&amp;7NQ\xe7\xf3\xd6\xdc\xcd\x99\r\x1e\xf3`\xea\xba\xae\xc6\xf5\x96R:\x0fYV\xf0\xbax\xff\xf1;A\xf5\xaaR\xb9\xaaT?T_\xffx!\x03\xa8\x94C\x11\x89(\xc1\x84SJ]\xaf{sss`\xcc&lt;\x1c\x8f\xc7lt\xdf\xa9\xf1A\xd9g\x96B\x9a\x08\xe3f\xadM\xef5I\xd2\xd2\x95\xed7\nm\xd3n@\xabb\x90L\x8b\xe3\x8d\xe1\xebs\x8d\x04\x8b~;\x88\xe8\xcaA\xb9\x9f\xf3\x83j\x0b*\x9d\xbaB,\x95\xe9\xc3\x96\xd0\x0b!\x82\xfd\x11P\x84\xf4\x8f_\xfe\x84\xb1*\xffT\xf0\x0c\xf9\xfd\xaf\x8a\x94\xfb\\0\xc9\x84\x94\x1b;H\xc5M\x93\xbb\xc0\x82\xc18c\xf4\xf8\x9c\x0e\x97\xe3U\xd4\tj\xf3\xd6ePO\x8cu\x8cB6\x82\x19\x95\xf1\xe3*-\x04|#z\x8e\xd4\xdb\xa4A\x7f\x96\xf6\xd5\x86R\xf4c\x9f\x8c\x91\xcdO\xdb\xb5\x01K\xd9\xb6\x9aSA,UU\x19S\x05\x17\xb2\x0c\xe9_\xca\x13\x13\x8a|\xfa\xe9\xe3\xcfx\xcc~\xf5\xfa\xed\x05\xac.\xba \xc2\x070\xcdZQ\xb7\xdb\xf5(\x05\xd8\xe1\xe6\xa6{\xd3\xf58S\x19]\x9d\x06\x93t\x16\x9dN\xddU\xf92K\xfa\xd9\xfdL\xbb\x8d?\x8bz\x80\xa3B\xb0XK\xa8\xee\xce\xb6)\x8d\xb6\xd6\xc8\x1e"\xd6\xe8C\xe9N\xefe\xbbc\x04\xa10L\xa6\x9an\x1eBl\xccdwm\xa5$\xee]\x94J\xc5\x9c\xac$\x11\xf9\x87\xf7\xbf\xbf}\xf7^\xb8J\xca\xbf"\x8a\x12\x18\x13\xca\xbd\xae\'6\xc1\x05w\x81\x11`\xa6\xaa\xd2\xfd\xf19[\xd6;\xbb\xee&gt;\x90\x0cu\xea,G\xc5\x11\xea\xe45i\xd7Z\x85`\xd0\x825\xb5\xfb$hm\xa6V\xac:D\xf2\xc3,}N\x92\xd3\xfe!\xf7\x94\xae\xe2*\x9c2[ \x02\n6\xe1\x0b\xabD\xa4\xf3\x00\x97\xc89\xc1\x81\xcc$\xd2Y*\x19u \x1bD\x9c\xbb\x18\xde\x99\x8b\xf2\x10A&lt;&lt;\x080\n\x8f=\x1cO\x9dp\x8d2\x9de\x99\xbf1\x8c\xc4\xd2\xeaw\x1a\xf4\n\xb4B\x19v\xbf\x96\x8cG\x03\xc5\xc1\x9a?\xd6\xca\xc4\x89\x06\xcda#\xec\x0c\xb8\x08\x9an\x0b*\xd5\xcc\xa9p,\xee\xe1R3l\xb6\xe4/\x08R\xe9\x8b\xbd\xcf\xb5\x13:\xc9\x9a3\x9e\x87&amp;\xa7.\xcd\xb9\xba\x02\x0b\xf6\xf2\x04\x17\xb0\x10\xcd\x10\x16\xdb=\xef\'\xce0~\n\x9a#\xffn\xbc\xbakg\xcb\'\\\x83\x90\x82&amp;\x83*\xd8\xa0C\xc5k\xc3\xde8\x97\xed\xc9`\xf1\xd8l\xeeV\xb07g 3Mh\x04&lt;\x08\xc7P\x10=q\x03\xceY\xe4\xb7\xcb\x84\x08\x96\x92\xc0\x81T\xff\xcb\x07\x97\xa7~d\xaa\x0c\xf9\xe7R.\xf6\xe7\xb9p\x9c&amp;\xb2\xb1{\xa0\x82\xcb\x85\xc5\xf8\xf1x\xb2\xe2\xd8h\xf5\xa7\xed\xf1\xfea\x15\x18K\xac&amp;\x8a\xa4\x80U~\xb1\xd4\xb3\xad\xeb\xe1\xd2\xb9\xb7}\xe2\xd4n{\x8f\x8b\xd3\xf1\x00\x1eawFs\xa7\xe7n7\x0f\xa0\xc2\xe41ma\xe1h\xe2;Z\x11\x16R\xf0\xbe\xbc\x14{E\xd2\x82\xcc\x9f\'\xaa8\x9b\x8b\x9fE\x07</t>
        </is>
      </c>
      <c r="M49" s="3" t="n">
        <v>45492.6787962963</v>
      </c>
    </row>
    <row r="50">
      <c r="A50" t="n">
        <v>124980</v>
      </c>
      <c r="B50" t="n">
        <v>5926</v>
      </c>
      <c r="C50" t="inlineStr">
        <is>
          <t>Rafael Cabral</t>
        </is>
      </c>
      <c r="D50" t="inlineStr">
        <is>
          <t>Rafael Cabral</t>
        </is>
      </c>
      <c r="E50" t="inlineStr">
        <is>
          <t>GOL</t>
        </is>
      </c>
      <c r="F50" t="inlineStr">
        <is>
          <t>GOL</t>
        </is>
      </c>
      <c r="G50" t="inlineStr">
        <is>
          <t>GOL</t>
        </is>
      </c>
      <c r="H50" t="n">
        <v>186</v>
      </c>
      <c r="I50" t="n">
        <v>33</v>
      </c>
      <c r="J50" s="2" t="n">
        <v>33012</v>
      </c>
      <c r="K50" t="inlineStr">
        <is>
          <t>Right</t>
        </is>
      </c>
      <c r="L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ac039559-feb4-4fc4-b82d-da287a34d8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5TkH\x00\x00\x00\tpHYs\x00\x00\x0e\xc4\x00\x00\x0e\xc4\x01\x95+\x0e\x1b\x00\x00\x03\x00PLTE\xff\xff\xff\x03\x05\x0c\x04\x07\x0f\xfe\xfd\xfd\x08\x10"\x05\x08\x13\x0b\x13\'\xff\xff\xff\n\x11$\x06\n\x16\r\x17,\x0f\x19.\x0b\x15*\x12\x1a/\x06\x0c\x1a\t\x0e\x1c\n\r\x18\x02\x03\x08\x0e\x15(\x0f\x1c6\x12\x1c2\x0b\x11\x1f\x16#?5!"\x0b\x160\x13\x1f8\x06\r\x1f\'\x17\x19\x0e\x13#\x19&amp;C\xbdzu\r\x1938$&amp;\xb6rm\xf3\xa8\x9e\xec\xad\xa4\xf1\xb9\xaf&lt;(+\xf3\xbc\xb3\xfb\xc9\xc3\xf5\xad\xa3\x11\x18*\xee\xb1\xa8\xcetn\x16\x1e31\x1c\x1dB+-\xfc\xfb\xfbN11\xe4\x96\x8c\xc6\x84\x81\x14 &lt;\xf6\xc3\xc2\xfa\xc8\xc7\xb9vr\xf6\xbf\xb7\xff\xfe\xfe\xee\xb5\xab\xdf\x9e\x9a\xc1}x/\x1f"\xd4}w#\x13\x14\xcc\x8a\x87\xf0\xa4\x9b\xe0\xa1\x9e\xcbqj\xfa\xc4\xc2\xbckd\xf9\xbe\xbd\xc1\x80|\xd7\x87\x80\xfa\xcc\xcd+\x1b\x1e\xfa\xc4\xbd\xf2\xbe\xbc\xf6\xc1\xbb\xf1\xab\xa2\x0b\x08\t\xd5\x8f\x8a\xdc\x9a\x98\x13\r\x0c\xeb\xaf\xa9\xf7\xb0\xaa-\x19\x19G./\xea\xa9\xa1\xde\x8c\x83\xfb\xd1\xd3\xb4ic\xe5\x9a\x92\xce\x84\x7f\xed\xa1\x96\xd1ys\xe7\xa1\x96\x1d\x11\x11\xfa\xf8\xf8?&amp;%\xfb\xcc\xc7\xc2jc\xee\xb0\xae\xc8\x87\x85\xb1ZU\xf2\xae\xa8[&lt;&lt;\xce\x8e\x8b\xd5\x94\x92\xe5\xa6\xa4\xb0pm\xdc\x86\x80\xd2\x80z\xe9\xaa\xa7\xf8\xb7\xb4\xdd\x8e\x89\xd8\x8a\x85\xb3b\\\xe2\xa4\xa1\xc5pj\xd4\x83}\xeb\x9b\x91\xf8\xb5\xaf\xc6\x81|\xf3\xb3\xad\xee\xb6\xb3\t\x0b\x12\xa9ig\xe1\x91\x87\xea\xa5\x9c\xd9\x98\x94\xe8\xb1\xaf\xa4fd\xe5\xa0\x9f\xabc\\\xe6\xa6\x9d\xe0\x9c\x93\xa4a\\\xfa\xb9\xbaY@DP8&lt;\xaflh\x1d+H\x86MJ\x80EB\xe4\xab\xa9\xed\xba\xb8\xccxr\xd2\x88\x84&lt;"!\xdb\x91\x8e\x93TP\xf0\x9f\xa0\xaaRN\xf2\xb8\xb5\x9a_[\xd7\x81{\x08\x12+\xf6\xf4\xf4\xcc\x7fz\xe5\x9d\x97yOJa1/\xbbc\\\x9cXR\xdd\x97\x89\x1c&amp;;\xc6yt\xd9\x9e\x9c\xf6\xc8\xc1J&amp;&amp;\xe0\x95\x91\xc9icV65aCH7\x1c\x1b\xf6\xb1\xb2\xe8\x8f\x87\xf6\xb9\xb9\xee\xed\xee\xed\x95\x8e\xf8\xab\xae\xfc\xde\xe3j;9\xf6\xa7\xa9\xf7\xd8\xdb\xd6\x95\x8c\xef\x9c\x97\xa9nifKP\x91`Y\xd1\x91\x8f\xe2\xe0\xe2x|\x86nKJ\xd9\xd8\xdb+1A\x9dhb\x8aXR\xb1wt\xcb\xcb\xce\xd8\x91\x82\x84\x89\x91\xa4\\V:AM\xb0\xb1\xb6tA?U)(\xc2\xc1\xc4\xbeun\xf0\xa7\xa5\xe0\xae\xae\x95\x8b\x8e\xd9\xa5\xa3iEA\xc8\x83r$0M\x7fWV\xe3\xc0\xc0\xc9\x9f\x9d\xa9\xa8\xad\xd2\x8f\x83\xd4\xd1\xd4\xda\xb8\xb7\xb9\xb9\xbe\xf3\xe4\xe5\x86z~\xa6\x9e\xa2\xadl`X^jFLX\xd4\xac\xacelx\xe4\xe6\xe9\xea\xd0\xd2\xfb\xeb\xee)\'2C38\x1e\x1c\'\xb6\x80z\x91jh\x96\x99\xa0)=cjY]\xde\x80yNT_\xc2\x88\x84\xa3up\xcf\x8b{{lq\xc2[V\x95CA\xc1\x91\x90\xb7\x8b\x8b\xdfpi\xea\x85\x80\xd3pi\xaa\x8b\x86\xa4\xdeU\xf4\x00\x00 \x00IDATx\xda\xc4\x98\xdfO\x13k\x1a\xc7M\xfaG\xcc\xc5$\xe4\xa5\xfa\xc6F2\xe3\x94\x08\xa7\xc1i-\xddb\x1d\xd7\x06V; \xb5\xb4\x8c\xd5\xcc,\xf2\xab\xb8\xb4\xd8M[\xc3A{fH9\xd1\xa1\x89\x10,\xd8\x04RO\xcb\x02&amp;\xbd\xf0T\x88F\xd6\x84X\xd44&amp;&amp;\x86\x98ru.\xccfC\xb2\x89\xb7\xfb\xbc\xb8\xff\xc1f\xf0iS\x86\xb9\xe9\'\xdf\xe7\xfb~\x9fgz\xec\xd8\xffY6\x9b\xcdDjc\xefM\xed\xa0\xa4\x1e\xd4\xdem\xf5\x9b\xe0\xa6\xed\xd8\x0f,\xc2tzc\xe3\xdd~\xad\xa2\xaa,\xc2\x18\x8b\xa5J\xfd\xdd\xd6\x82\xc9\xf4\xe3\xc8\x88R\xfd[\xb5\x83\x8a\xe0\xa0\x05\x1e\xf3&lt;/\x08X\x04:\xf5\xdb\xdbW\x0b?H2`\xb2\xd9\xf6\xea_\x11\xe5\x80\xa2iZ\x10\x04\x8aby\x840Ka\xb5\xb6\xd1\xff#\x14\x83\xaf&lt;\xbdW\xd7X\x9e\xa6\x01J\x80OA\xa0\x01\x0b\x1a\xc9b\x849\xe5\xdb\xfe\x1f\xa7\x8f\x1c\x0c\xa06j*F,\x1dr|\xc7\xa2C&lt;M\xf9\x10b)\xd0\x0bs\xa2V\xfaV{\xd3\x7f\xb4\\D\xaa\x03\x84y\x81\xa2\x1d\xa1\x108\x0b|\xe5\xa0C4\x85(\x8ag(\x84E\x8eSJ\x8a\xba\xbfp\x84X A\xffg\r!\x06\xec\x04X`,\x9e\x87V\x86B\x02B\x14CQ\x14\xc3r\x1aWRJ\xaa\xb2\x7f\xfa\xc8\xb8\xc8\x01\xdc\xff\x8a\x01\x8bb\x1c\x82\x0f\xfaG\xec\x05X4\x02W!\x1e3\x14\xc7i\xac\xaa\xaa\x8aR\xd93\x1d\x15\x17h\xb5\xcfa\nS\x14bhD\xd1\xa4}\x0c\xf29h\x1fCn9\x18\xf8\x8b4\xad\xa4\xa9J\xb1T_8".\xd2A\xb5\xc8b\x11\xfa\xc50\x14\xcd\x13:\x8ar\x84\x18\x9f\x0e7V}\x0c\xe1\x92D\x0ek%\xa5R!\xf6\xb2\x1d\x89\xdb?\x83iD\x0c\x82\x81\xc1\x19\x86t\x93f(p\x98\xce\xe9\x00\x86\x98\xc3\x82\x9c\x80\xc8?\xa8\xa8\xfb\xfdG\x80\x05\xc6\xdaRU\xadX\x129J\xfa\xeeoP\xcb\x07\xa1\xea\xf3IE\x8ec}\xc8\x07\xad\xa4\xa0\xbd,\xab\x95*\xa5b\xe9\xcb\x11\xd8\xdefZ\xa8S\x8a(\xbdT\x14I\x04\x1e,\xad\xaeR&gt;h\x1b\rl\x92R\xe4\xa0\xaf\xab:\xd21\xc8\xc5\xb2\x98+i\x95\xca\x1b\xe3\xb9l\xa6w\xac\xa0)\x14\x0b\x01\xc0a\x9af%j\x15\x14\xf3I\xba\x8fA\x12\xc7}\xd4\x19JG\x98aYQd1\xed\x10\x15V\xacl\x19\x8d\x05\xce\xaa\x01\x8b\x86B\x8c\x02%\xfa(I\x97\x18\x9d\xa1\xf5\x02\xa3\xeb\xa2.*E\x89\x92\xc0_\x12\xa7\x8b"\xa2\xff\xe2\xd3\x10\x85j0\x1f\r\x16\xeb\x95\x06i\xce\xe2\x90C\x92\x8a\x1f\x8b\xdc\xaa^(\xe8\x05\xc9\xb7*\xea\x85]I\xd2\xb9E\x8e\xe3t\x96E\xa2\xca\xb0"\x16B\x98w\x08\xa5W\xc6b\x81\xe1?; \xa7 \xa3|\xc0\xc3q\x05\xa8]\xf2\xa1\xc3\xa5\xb2[\x90V\x17?\x02-\xcc\x1e\xa9$\xb2\x9c\xc4B\x808\x04\xd6`\xb9l\xb6\xad:\x8c?\xdaG\xaf\xee.-\xed\x96\xcbK\xe5\xa5\xff\x15\\\x92\xff\nK\x99\x99\xa5*\xa0\x15t\x91\xc8\xa5\xf1\x98\xe6Y\xed\x8d\x91\xee\x02g\xd5y\xb2-0\xfa\xd2\xccae\xf2S\x89D"K\xae\xb2\xdb\xf9\xec\\&amp;3s\xf8\xaaf\xb6wu\x86\xe1\xc86\x81B&lt;_3\xf20\x82\xb3\x90\xc0\x0b\x8cT(g\xf2\xd9\x9d\xdb\xf9t\xe3\xb2gl\xb6\xf3Z\xc3tbp\xba\xe1NsssCCc\xe3Tbzzz2\xbb\xb8\xbb\xba\x8a\x18\x1e\t4/T\xfe0\x10\xcb\xd4_\x17`\x9d\x91\x96f\xf2\xf9\xdb\xbdn\xf7\xfbk\x91\x1e\xab5\x97\xcb\xf9s\xed\xedmm?\xdfK\xdd\xeb\xce\xdd\x8f\\\x1b\xbb\xd6:\xd88\xdd\x9a\xc8\x94E\n\xc1\xca#\x08|\xad\xdff\x9cX[_)\x8c\xa5\xf2L\xbe\xf7\xb6{\xfc\xc1\x83a\x80\xf2\x07\x03\xc1T*\xd5-\xcb^\x8b,\xcb\x16\x8b\xc5\xeb\r\xfag\xafA\xbd\xcfg\x94\x02l?\xb0%\xf20\xb2\x8d\xc3z\xeb\x80\xc1R\x9c\xc9N\xb9o\xbb\x97\xa3\xc3\xd1$h\x15\x0c\xa6\xfc\xc0\xe6tZ\xaeX,f\xf8\xf0Z\xcc\x81\x8078\xb6\xdc\x9b\xcfV\xcb\x12%\x905\xb1\xdeo\x18\x96i\xe1\xc0\xc1#\xa9\xbc\xb3\x03\r\x1c\x1f\x1e\xb6\x0f\xf5$\xfd\xc1\xa0\x15\xa8RN\xb3\x19p\xcc\x04\xcc\xe24;\x03\xc1@l\xd8\xf3\xf0N:\xb3K\xc1\x8eh$\x16\xe9!- .\xd3;5\x1e\x1e\xb7\xdb\xed\xc3== \x97?\x10\xf4?\xf5\xa7\xbc\xdd^\xcb\xf7\x17\x94\xd9l\x0e8\xad~k\xe4}\xbeZ\xa4x\x07\xcd\xab\x1bFy\xdef{+\xf0\x14.\xcf\xb9\xdd\x0f\\.{_\xdfp42\xe6\xf1\x00Z2i\r\x02\x8eW&amp;@\xa4\x89D:g\xc0\x99\n&amp;\x1fd\xcb,\xe2i\x01\xbf2\x0c\xcbT\x87\x9d\x8f]\x9c\xeau7\xf5\xf5\xf55\xf5\xcd\xcfG\xa3=\xa4\x92\xc9\xa4\x1f\xba\x98\xfa\xdeF\xe8\xa3\xd7\xeb\x95\xe5+\x96\x80\xd3\x1f\x99\xaaBx\xf1\x02\xff\xce\xa0\x9c\x87,=\x10\xc0\xf0\x99\xbc;&lt;\xde\xe4j\xea\xb3\x13.O\x8f\xe7\x10\xcc\x1a\x08\x10c\x99\x9d\xdf\xb9,\xf2\x95SW\xbc\xdeT\xca\xba\xfcB\xc1`y\xfa\xdf\x86am\xb0\x04\xab\xba\xe3v\x87]MP}\xf3\xf6\xa1\xf9\xa1\xa1!\xa0\x8a\xf9c\x01h\x9d\xd3\t\xa2\x81X\xf0\x8e\xc7\xa1\xabpH\x1f\xa6\x8b\xf0\xa8\xcd\xd3u\x83\x9ah3\xed\xc1.\x8a\xb8*\x9c\xc3\xf0\xb8\xab\x8fp\rG\xed\xc3\x80\x95\x84\xc3\x18pZ\xbcNH\x86@ \x16 l\xe0.\xaf\xd9\x9brvfa/\xa3X\xe1\xc0\xa0\xe0\x82\x05\x90\xa7(,\x96\xf3O\xdc\xe1\xdf\xc6]P}\xa4\xec\x1e\xcf\x10\x89UH\xae`l-\xb9\xb6\xf6\xcc\xfa\x9c\xa8\xe6%%\xa7:\xd3\x1fK\x1c\xc6\xbc\xb6e\x10\x96\xed\x0by\x8e\xe7\xaay7\xd4x8\x1c\xfe\xcd\xe5\xfa\r$\xb3\xcf\x0fy\x92\xd6X,\x10\xb3\x1e\xdal\r\xc8@09&gt;\x01\xa9\x9f\x9aM\xbcT4\x16\xa3\xaf\xaf\x8cR\xeb3\x85\x11[\xac\xe6{\t\xd6\xf8\x93p\xb8\xa9\xc9\xe5\x9a\xb7\xcf\'I|\xc5\x82\xb1X\x92P=[[\xeby\x16s:\xbd\xf2\x89\x13q95\x90\xd8V9\xd1@\xac\xfe:x\x8b-\xce\xe4\xa7\x9e\x00W\x18\xfcE\xba\xe89d\x827\x98*\xd6\xd3\xb3F\xb4z\x06\xd2\x05\xcc\xf2\xa9\xb8\x1c\x1f\xd9\xfc\xe7\x0bX\xe71\xc6o\x8c9\x8a\xa6\xfeo&lt;\xf9\x85\x08v\xac\xdb\xee\'\xc4\xf5\x80e\xb7\x83\xad\x82\xc1\x00X\x0b&amp;\x0e\xd0%c\xb1\xe71\x82\xe5$\xd1%\xcb\xb7\xda\xff\xf3\xfa%&lt;l\x88\xec\x17c\x8e\xa2i\x01\xb0\x10W\x9c\xc9L\x91\x91\xe8r5\xcdG\x87z\xec\xa0U\x90P\x90A\x188\xbcp&gt;\x87\xeb\xc3D\x8d\xdf\x18\xb9\xb5\xd2&lt;\xb9\xa8h\x9a\x88\xf7\x8d\xc2:\x00\xb5\xa0\x89\xd9\x9d\xa9\'\xbdnW\x93=\n\xe9N\x82\x14(\xcc\xe6\x0f\x04\x0b.!\x16`\x8d\x98\x98\x18\x9d\x90\x8f\x1f\xbf\xd5\xde\xde~n\xf2SEQET3\xa8\x89\x1b*\xf9\x01R\xc9\xec\xec\x80\\\xe3v\xcf\xbc=\xe9\xf7\'#\xd6\x00\x08s\xdc\xfb\x01\xb8\xcc^yb\x02\xd6\x9b\xd1\x8b\'/^\xfaiB&gt;\xd5\xde\xf6\xb7\xbb7\'\x17?\xa9\x15\x0e\xd7\r\xc1\x82\xa7\x8b\xaf\x10[\xac\xb2\x9dN\xa7{\x97\xedvO\x14\xd6\x9a\\$\x12I\x01V&lt;\x1e\x97\x0f\xe7\xe0(p\x8d\x9e\xbc~\xfd\xe4\xc5\x9f\xe2\xf2\xa9\x91\xb6\xb6\x81\x81\x86O\x15U\xd3\xd8o\x864\x11B\x1e\xc3j\xca.\xce\xcd\xa5\xa7\x1f{z\x86&lt;c\xd6\xdc\xd3\xa7\x91\xd9\xd9\\*%\xc7O\xc4\xaf\xc8\x1f@\xabQ\xe0\xea8y\xfdO\xd7\xaf_X\x07k\xc1*\xdd~\xfeE\xa9TR\xd8\x03\x83\xb0\xbe\xc0D\xc4\xc5\xd7\xe9tby,\x92\xf4\x8c\x01Q\xe7\xecl$r\xff^\xeax\x9cd\'`\x8d\x8ev\xfc2\xfa\xcb\xc5\x96\x96\x96\x0bW[:\xd6/\x8f\xb4u\xad\xdc\x9c|YQ\x15\xb6\xb2`\x0c\xd6g\x9eB\xec\xe2\xebtbp\xd9\xe3\x89F\xc7\x1e\x8eE\x1f\x9f\x9b}:\xdb\xd9\x95\xeb\xee&gt;\x15O}\x90\xe5\x89\xf5\x7fttt\xacw\x9c9s\x06\xb8.\xb4\xac?\x1aY\xe9\xda\xfc\xd7\xc7\x8a\xa2\x890}lF`\xed\xc3A\x14\xb7\x13\xd3\x83\xe7\x1f\x0e?nl\xb8\xb3\xfc\xf8q\xeb\xf9\x9bw\x9a\xc7:gs\xdd\x97\xbb\xef\xe7\xe4\xf8\xe8\xa3\xf5G7n\xfc\x1d\xea\xd1\xa53--W/\\\xbaq\xb7\xab\xed\xe6"\x99?\xec\x9e1X5\x06\xf1\xdc\xeb\xc4\xef\xad\xad\xad\x8d\x93\xf9\xb9t6\xfd\xfb\x1c&lt;\xb8f&amp;\xcf\x9e\xbb\xdb\xd5\xf5\xf4\xfe\xcf\xf7FFF~]9\xd7psss`s`\xe5\xd6\xe53W[\xfe\xfckW\xfb\xca\x8b\x8a\x02\xf3\xc7\x90\x98\xb7\xd9j4B\xca\xebDbp\xb0u2\x9b\xcdf\xaa\x8b\xe5\xddBa\xb7&lt;\x93h=\xdbz\xf6ag\xee^\xdb\xc0\xe6_\xa7\xb7\xab\xe5\x99\xcc\x8bDkk\xf3\x7fi5\xfb\x9f\xb4\xd2,\x8eO\xe2\x9faB\x8a\xddn\'%\xe3[\x80u!\x14/p\x81\xa9m\xa0\xd2V\x14q\xa6\x0bb\xe5\xfd]\xc10\xe5\xc5U*\x11\xbdT@HQ\xe9\x0630\x8a, ,\xb6M\xdc\xb4\xfe`\xa2\x95\xa6M\xb4\xc9v\xdd\x99\xa4\x89f\xd2\xfe`\xb6\x19\x9d\xaa\xbb\xe7\xda\x7f\xe1z\x13\x12\xe0\x87\x9bO\xce\xf3=\xe79\xdf\xf3&lt;j+\x95\xdb\xe6\x11#\xd6\xe7\x0b\x0bc\xb7\xeb_\xb6\x9cO\xb4j/]Zu\xadh\xb5^o\xf8q8\xb8yw\xf1\xd6\xd5\x9b7\xaf\xde\x9d\x1b\x0f\x8fj\xe92SZ\xc4&amp;\x91\x02\xe1\xb9\xc5\xc5\xc5\x87@\x1bv\x91I\xfd\x13J\x8f\x95!^{\xf2d\xe1\x9cv\x1f\xc0\x02G=\xeb]Y\xf1\xbab\xae\xd8\xc6\xdc\xf2\xc6\x9b7\x8d@vu3\x18\x0e8d\xe6\x19\xe7\x90\x9a\x1c\x08\x8c/^\xbd\xb5\xf8\xe3\x9b\x8d\x8d\xcd\xb9\x18\x89\xedF48\xd6\xea\xc2\x93\xb1\xfa\x97\r\xc4\x0ew[\xce\x9e\x9a\x9f\xbf\xbdP\xbf\x1d\xc0\xc3\xe5\x8a\xcdm&lt;\x1fo\xac\xad\xad\xbdu\x17\x96q\xdcKN\x08\xcc#N\xee\xe4\x84F\xbb\xf9ps\xf3\xc7\xc5\x87\x8d\xdb\x9f^\xccyE\x1a\x8d\x15A\xc4\xfc\xd5\x85\xd5\x85\xdb\xff"\xf8\x0c\xe8\x0b\x15\x14\x88\x0b?\xc5\xb4d\x10| \xb8\x1ck\x1c\x1b\xbb\xf9\xdb\x85\xef\xea\x1b\xe7\x96A\xf4)\xb9\xa0\xab\xea\x1cB\'bs\xc1\xe5\xed\xc5\x85\xb1\xda_\x17&gt;~\x98#3&lt;\x1e\xe0\xea_\xbd\xb7\xb0\xfa\xeb\xfb\xf7e"\xb1\x00\xa9&lt;\xb9\xb3\xdb\xf0\xf2\xd2\xa5e\xef\x1a\x9d\xd4\xec\x18\r\x867\x7f\xfa\xfc\xdb\xd5\x0b\xb5\xdf&gt;y\xba9\x1e^\xef\xb4\xc9\xe3K]u7\x943Lz0\xf6\xf9^\xe37\x0b\xff\xfe\xe7\xf6x\xecH\xa6\xf1x4\x9a\xfe\xd9\xb1{\xb3\x8d\xeb&gt;\x9a\x90\xc0\xb3\x83\x9a\xaf\xca6sG\xe8\xfd\xffn\xd7o@\x82\x91\x1c\xf4_:\xc77\xc2\x9f~n\xbcU\xfb\xcd\xc7\xd8xp=jQPX\x1dy\xb0\xf8#3\xf4\xe0(\x1fR\xb4\xf1?{o\xc7]&lt;yO\xfb\x90\xc6\xaa~:\xb6\x1a\x0c7qs\xf9}\xe2\xb0Z\x1a^\xa7\x12\xe6\x91\x90\xf6A\xfd\xf6\xa7\x0f$\xc7\xd6Vg\xe7/d\xc8\xb9\x17\xb3\xb3\xc1p\xf0\xe8\xb1%jIRX\xf1\x8e\x81\x81\xa6\x91\x195yx\x8b\xbf\xf6|\xe5\xc3\xbcAC\xe2\xd9/\xa2\xd7\x95\x1adma\x83\x9c6\xd2hY*a\xb5\xab\xa5f_4e\x9fr\x8b\xe7?&gt;\xf8\xb8Fb:\x12)G\xb3\x83\xc9l\xe6\x93\xc9\xf4Q(\x15\x8fUQ\x95B.\xd7A\x03_\xe9\xfa\x9b9\xd5\xc9\x93M\xb9\x91!j\x9bG\x93N_\xc9]\xbf\xd2\xee\xe3\xbf\x99u\xff\x89+EiN\xc2\x86\xa8--e\xb3]?\xa3\xb6"\xbf?\xf8H&amp;1\x13\x14}(\xf4\x8c\xedh&amp;Y\xd6G\xd7\xd7q,U\x12\xda\xe7\x8e\xa5J$R\xe9\xe9J\xcbx\x9d6\xf3L{[\xdb4\xb4;\x7f\xe4^\xff\x83\xb2]\xbd\xfdtHz\xbd\x8d\xca\xed*\x12\xb5\x8a-5;v\xac#\xc2\xb0N|X^!\xd3\x99)\x0e\xa6\xd7\xcbBL&amp;\xb9sx\xd8bQ\xa9,I&lt;X,]\xbe\x12)E*\xd5\xbe\x9e)\x93\x1d\x8b\x9b\xa1\xab\x80\xae\xf0\xdae\x1a\n\xab\xe8\xd5R\xcb\x17%\xb4\xd2\t\x8d0\xac\x16\x8f\x0ek\xaa*\x19\x06\xd2\x0bm\x80\xccLa\xe0w\xec\x89T\xca\xc6\xe3Y\x92\x96d\x86\x93Q\xe0^C\x97\xcfG"\xdd\xad}F\t\x18\x0e\xe8Z\xc1hw\xd7\r\xfas\x97\xd1+\x1a\x84\xee\xa2J\xb3\xa8\xd4\x7f"!\x0c\xab\x01\x89\xb3\xba\xfa\x94&gt;%\xdf\x0bX60\xacX\x1c\xa3p\x14IE\xd2b\xe1\x81\x85U\xe0\xff\xc9\xe3\'\x80\x15\x89\xdcw\x0e\xde\xc0\x1d\x10\x18\xb3\x81\xee\xba\x1b\xce\xac1\xa7D|\xbdk\xd0O\xd0\xa4\xd2|\x890m}\xdf\x157E*3v\xf13\xef\x8a7\x00v\x9aC\x91s2\x87I\x95\n\xbeb@Ea\xe1\x83\x92\x83\xa5H\xa1P*e\xab}\x03`\xcd~83\x8c\x95:\tt\x86N(\xf4n\xaa\xa0\xea\xe7\x16\xab\x04b\xe5\x0f\x06\x9a~\xb0\xabR\xf3.W \xc0Sd2\xb8\xcb\xcfdp\xa7H\xa1d8\x18K\xcf\xc2\xc0\xf1\xe7K\x85B!R\xc8\xa2\x12Iw]w\x1e\x9e\xca@\xeb\xd7\x83Ye\xd5\x87\x88\xc5\x9a\xc3\xa5B\x96F\xcd\x12\'y\xe5A\xbeIG\xc9\xa8\xd9\xde\x80\x0b\xb0\x14\x19\x0e\xee\xf298\x14\x8b\xc5\xb2\xeb\xf5z,\xc3\x01mA\xb4\xb2\xa5B\xd6i4\xd6U*\xad\xe0c+\xad\xad_\x1b\x8dY\xb0e\x0c\xf1\x1d\xc5\xf1R\x04\x95\xb6\x11\x87\xb5\xa7\x1b\xe8`q0\x84\xeeuy\x03\x9d\x10-\x0e\x85s6w\xc3\xe2\x02\xb3\x1dc\xc91\x1b\xfcZ\xaa\x94J~\xbf\xbfT\xa8,\r\xe2S\xc1J\x1d\xeebKF\x7f\xd6\xc0@\xc4\xea+S\x99\x93\x88S($.\x13wM\x15\x1d\x85\x92f0q,\xde\xd9\xc4\x8d\xc2\xd2\xc5Y\x02\x81@\xce\x01\xa5a8\xa2\x0e\xaaV!\xcb\xa5\x15J\xd5\xcc\x01\xf0H\xbe\x8c\xc3%\xe8\xb5i\x03bU\xab\xaf\xff\xf9\xf4\xf8\xa4\x8e&amp;%l\xf7iy\xa4\xe9\x8a\x9f\x9a\xee\x8f4{A\\\xa9\x14d\x1d+.0\t\x04f\x81^\xa1Ra\x90\x87,\xbd&lt;^\xca\x16\n~\x94\xeb/D\x92\x99\xa5n\xf0\xd5\x12\xf8\xf8\xfd\\\xd4h`X\xfb\xffQ\xa6\x1e\x1c\x1f\xe7\xd1"qX\r;\xf0F\xd3\xc8}\\[\xda-\xbcn\xc5u\x1d&amp;\xf0c\x98B\x15M\xf2lr\xbdYo6U!\ri\xd2\x9c\xdf\xefS\x1d\x9e.\xb5\x02\x14z\r\x15\xd2p,\xab\xb8_\\\xf4p\x8e\x8f\xb3\\\xe2\xf6j\xe8kN\x0e2\x07\xd5;\xfd\xa3Zh\x84S,\xd0\xb8\x00\xa7\xd2\'U\xd1(~p`2\xc51}W\xa4RBQ\x90\xbc\x8fw\x989\xc8\xd7I\x8c\xe8_\xa4R)\xcd\x9f\xd5X\xdd\xcd\x13e\xec \x92+\x0b\x89;\xfaiiy\x84\xfc5~*O3b^2\x9d\xb4\x95\xb2\xc7\xe3v\xa02\xcba\ty\x18\xc6\xb3\xf1\x1e\xcfm\xac\xeb\xbb\xd2\x95\x929*\xa8N\xb3U\x8a\xd3\x83\x81\x1b\xa5\x9c\xb0X\x94^\x06\x13\xcbp\xb3w&amp;\x0f+R\xa9\xb0H\xa0\xfb\x81UD\xdc\x1d\x99\x8c\xc6\xf5\\K\'\x91\x1c2\x81\xcen\x82\x08q\x92\xaa\xa4&gt;aO\x85\x83\xe3\xf0\x0c\xa7di\xeb\xbc\xc87MUr2\xa7,(\x17~\xc0*ss\xa0-\xb5H8y\xc0-J\xa5\xfbD\xb6\xa75\xbbb\xe4\xa2\xc9\xa6!\xc5`\x11I\x89\x90@/\xd0\t\xccq,i\xb1A\xddJ\xb8b\xb1\x95\xd8\xe8h\x80\t\xfeP\xdc\xae\xcc\xa1\xe9\xe4!G\xd7\x14)\xa0e\xa9\x10\xcc\xbfA\xdc&lt;/-\x97\x8bE\xa1\xb4\x81\xd0\xae\xb9\xc1#V*\x95\xed\xfc\x98\x0b\xa2%\x0b\x89\xcc\x02\xbbNg\xb6\xf3x\t\x0c\xa3\xf0\x86]\xae\x15\x97\x96\xcd\'\xd3\xb5\xbdb7\xc3\x88\xa2X\xf4\x90\xd2\xd1\xdd\x87\n\xb9~\xe3`\x9fA\xdd;!D\xa5\x10\xba}\x82=\xc6\xee\x84\xc1p\'\xcd\x8ey\xb5gX\xa2\x90\xc0l6\xb1\xa2&lt;\xccf\xe3\x91\xc9d\x12\xbf\xb7\xbf\x9f\xcfd\x83\x01C\xdc\x86it:\x19Ut\xf4\xdcp\x1a\xfd\x83\x83\xc6v\xab\x9a=)\xa4I\xcb\xc5\xfd\x1a\x82\x1dYMy\xc2\xdae\x1a\xf1zA\\\x0e\x1c\xcbl2\xe9\xa3\xd1\xad-\xf2\x16@1E"\x04Q\x8bDn\x06\xd8\xd5W\x1a\x83\xa7Ms\xa4\x8a\xf78%Y#t\x82\xed\x88\xba\x7f\x9a\x06\xc1\xda\'\xfar\x12p\xedzf|\x86\x9d\x95\x15:\xdd!\x0b\x99C\x82\x90@u\xc4\xa4\x03\x12\x9f\xdd\xabvO\xf9|\xbeH\xa4\xaa\xcc\xe5\xda\xa0+U\x0eQ\xfb\x8f83\xb09:%\x92\xaa\x01q\xbf.\x0b\x8b\xe7q\x1f\x15^\xf8\xa8,\xdc\xfd\xfb\x9aWKf:d\tY\xc8\x8e\x05G\xa1\xa3\xe77\xf7\xb2\x9f\xf5\xcb\xf0\xcc\x9c\xa9\x00\x97\x12\x15Rs\xb4I\xea\xab`\xb2\xcb\x98C\x07%\x85&gt;\x03\xa2\xde\xabi8\x9fK\xb2_\xae\xe3&gt;\xfa\xec=+\x11\x89\x84\xccl\x0b\x92\x99\xfc\xde^&amp;\x9d\xcf\xdc\x02\x85\xd9(\x82\xa9\xa9\xb4X\xe3Kw\x14\xda\xa84\xaa7:`D\xfd\xceA\xa3\xd3`u\xef\xe2\xf7c\xbf:\x9f\xd9)\x805\xbcui\xe9`z`\x19M\xa9\xc7|6\x9b\xaf\x8d=\x1e\x8e\x1e\x1d\xa9H\xa4\xa4L\xfdz\xfe\x15;DQ\xc8\x9e)=C\xe4\xe8\x00l\x90\x83\x83\xa0-\xcd\xebG\xe7|i\xe4\x9dK\xab%\xf1\x1d\xa1\x90\xa8\'da\xcbb\x1b\x9b\x9b\xb1\xd7\xcdo\xff\xab.\xef\xce\x0b\x8b\xfb\xe5\xfd\x9d\xbd\xbdws\x8b\xcbtq\xe2\xb0\x8e{\xf9\x1a\xa8\xcb\xa9D\xde5\x9c\xef\x15\x9b\x9a=/\x1e-f\x88-\xbao\xdd2\x0b\xc6\xbf\xbb5\xfb\xfb\xfb\xb7\xef_M\x96\xf7\xa5\xfb\xfb\xdf\xff\x9fw\xb3\x8bi\xeb&lt;\xe3\xf8\x82\xa7(\xe09v\xfc\xc1pc\x19YTXN\xdc\xb9\x1c\x8e\r5j,\xf7\x04\xdb\xb2\x8d?PGc\xac:\xc4\xe0\xa0c\x13\x0c\xd8X!\xc7\x1av1\x06\xc9\xd2\xec8\xce\xe2\x84\x8f.\x81\xb8c\xd3\x90Q\xb7\x85UuXH\x13&gt;*A\\\x8aD\xca(\x1aI(\xcd4\xe5"\x19\xd3\xda\x9b=\xc7\xc9\xc5\xae\xb6\xae\x8by\xe1\x82+\xf4\xd3\xff\xf9\x9f\xe7\xe3=\xcf\xf9\xbaisx\xf8\xeb?\x99\x7fi-S\x1f=k\xc7\xb0\xda\xda\x0e\xc0\xda\xc9\xf7\xe6\xcf\xf0\x9d\x88\x0cl\x8e\xe3\xd3\xbd\xc4u\x9f\xdaz\xf9\xf7\x7f\xff\xe6\xd1\xb7\xf7\xb3\x1b\x90\xc3\x9b$\x92\xcd\xcd\rP\xeb\xe7\xfft\xe9\xb5\xea3Z\x8d]\x88\t\xab\xce\xb6(7\xab\xf3\x8c%\xf9V\x06)A\x85(\x8c\xe1\xfav\xe8f:\x8f/,,\xd7&lt;\xe3?Z\xbb\x91\xdd\xd9\xbc\xb1\x93R\x1a\xa1\x04\xb4j1\xac\xab\xd1n\xd7\xdb\xd3\x98\xbe\xc3\x95\xca\xf7Rl\xb5\xe4\xd1\x1d&gt;_\xa5\xe2\xf7\xe0\xc6\x89\xf6v\x9f:n\xed&gt;\xde\xdc}\xbe\xdb\xa8\xc8\xc6M^ybb\x02f\xb2\xc9\xdaZL8z\x0e\xea!F\xa0\xe9s\xee\xac$\xdf\xcbn?X\xfb\x08,\x0fy!c\xf4\xb5\x8f\xb4\xfb\xacq+\x94E\xdf\x95.ug\x059&amp;~89\x99D\xa5\xd8`mm\x9d\xf6\x86\xb46\xad\xafj\xad\xf7\xe6\xd9Z\xe4\xa5\xd2\xe6\x1d\x88"\x02\xe6R(\xac\xed\xed\x90V\xe3]P\x8a\x9c\xae\x96d\xc7d\xba\xb6Vz\xe3w7N\xd8\x01+\xdd\xa1\xd1\x00_:Y\xef\xf6n\xe6\x1f\xab\xe9\x1b\x81\x80\xac\xcb\n\xa4\x86\xdc\xee\x19\x19\x89\x1b\x03\xceD"`\xf2\xd6\xbb[\xdc\x83\x18\x14d\x8d\x1d\x03o\tO`R)\x9aN\x12\xdelS\xfe\xf7;\xab\xd7d2&gt;\xe2p(\x1c*EO\x8f\xd5\x07z9qc"\x80\xe3\xa9\xbe&gt;W\xeb \x0c\xf4v\x8dT\x8a\t5\x1a-\xaaK\xea`\xecY\xdb\x93\xb5\xd3gm2\x15\x94g\x88\xa2\x83\xac\x8e\x10D\x855\x11p"\x88\xc9\xd5:9H2\xd9\xed\xa0\x93\xc6\x8e\xeat\x04\xd1bR\xee\xec\xc5\x96.e\r:\x19\xbeC\x01\x07\x81\xde\xcb\xaa\x806\'!wy\x9dq\xf9=r \x03*\rL\x16\x90\xb3\xa4:\xa2\xc5\xebU\xa6\xf2o\xad\xdc\xee\xc8\xdf\x040h@\x0c!\x90\x0e\x07\xe20\xc6\xe3\x89&gt;\x98\xb9\xfe\xf8\x8b?|8\x88a\xe4+(\x12K\x8aa\x04\x01e:\x95\xca\xdfB\xd9\xbfc5\xdd\x17Dd\xd0\x8e* \xdb#*\x15&lt;\x8bqHW\x9d\x9d\x8d\x80\xd5\x81IO\x90X\x1a\x8d\x14\xc5P\xa2\xa5Ai\xca\xac4\xed\x01\x16d\xd4\xfb\x02A\x9b\x80\xaf\x80N\x0b\xe1#\xaa\x9a\x91x\\\xedS\x9f9C\xaa59XK\xc6\x10r\x03\x11K\x12\x84\x1bzV|C\xb2\x17\xfb\xf2\xd5\x94\x8d\xf7\xdaB\xa4\xbd@*\x15\x02u{d\x84\\|k\xbc\x07bA\xe3\x87A\x08\xa5(\xf9\xea\xee\x9c[nr:\xe4k\x94=Y\xe3\xa7\xac]\x1e\x88D"\x02\x99C%\x93!\xd0\x14\n\xce\x9f\x1fQ7\x8e\xdekmM\xa7\x93:\x14\xd5\xa0h,\x19\x8c\x11\xae\xbeD\xc0\xa14\xae\xed\xd1W\x0f;\x03\xd7.\x92Oc\rDPV#\xe0[\x96\xaf\x8fXM}\xf7\xdc-i\x82\x00,h\x99ax\xab?"\xb7\x19\x15ry|\x83\xb27A\xdc\xd9\x1a\xb8xm\x8b\xdf\x03\xb5\x11:h\xf2Ge\xb5fLJ\xb9\xcb\xed\x82\x01c\x03\rF\x95\r\xae\x86\x86\x89\xce\x80\xd7%_\xcfR\xf6\xe4\x9b\x87\xe1\xfb\xa1\xd0\xb5\x8b\xd7,\xc7-\x02~\x9b\xacM&amp;P\xc1#iU\xe0\xce\x80W\xae\x0c\x12\xd1\x95l\xd4\xe4\xed\xeb\xb5U\xa8}\xae `\xad\xec\xc5\xc7\x05\xd5\xc3\x9f\xfd4\x14\x1a\x80\x0e&gt;\xe4\xb1\x08\x00*\xd2\x06i,7\xbff\x00L\xe9J\xa5VLNycE\xd7\xcf:\'\x92Aex\xf7\xd9\xcd\xbc\x7f\x7f\x07}\xe0\x13\xc6\xa9\x01\xe0\x82\x13\xf2,X\xe0lE,\x96\x08\xd4oE\x1c\xc7M\xca&gt;\xaf)\x91\x18m\x9c\xeb\x1c\r\x07\xde\xd0\x05\x95\xd3#\xef\xfdu\xfe\x96\xa4:\xcf\x1b\xe0w\x1f\x1f\xba\xb0\x10\xb2lm\r,\x84&lt;\xa7=\xf0\x1bZ\xf0x&lt;\x16KM\xcf\xf2u(D]\x90Z+*|\x15\x15\x13\xa3\xf51"h2\xae\x0e\x9c4&lt;\xfel\x8a\x92\xd7\r\xf0\xa9\x87\xfeC\xbf]\x08\x85"\x82H$d!\xb9&lt;\x97.]\xf2\\Z8m\x81\xbfa\\&lt;z\xa5\xb3\xf1\x9dN\xdf\xc4\xe8\x84;F\x10Q\xe5\xf4\xea\xc01\xc3!\xc3\x83&lt;\xf6\xcdPxf\x98\x05\x87N\rX,2\x81\xac\xcd\xe2Y \xdf\xf8\x9c\xbe\xf4\xe2\x9c&gt;\r\xed\xf3\xf9+g\xd4\xea\x89\xd1~\x97\x92\x88\x05\x83Q\xf9\xf4j\x88\xc4\xe2\xcd\xe7\xcf\xf8\xd5\x94\xa5q\x9e\xc1\xf0\xab\x01\xc12\xbf\x07\xa9\x11\x90r\xc1\x81H\x02\xd2\xd5\xabW\x9b\x8f7\xbf\xfb\xe6\xbb\xeaw|\x8d\xe1\x84\xd7\x1d\xd4\xe9\x82^\xb9q5t\xd8`00fo\xe5m\xef\x94r\xf3\xa1\x18\xb0^\x0f-//\xf7\x90\x0b\xfb\x16\x81\x85\xe4\x02\xbd\x80\xea\xd7\xcd\xcd\xcdo\xbdu\xf4\xcd.uco\xbf&lt;J\xe8b:\xc8\x0fc\xab\x0b\x87A-\xbf(Or\x01\xd5\xf0\x03\x16\x9bc0\x7f~\xdc\n\x95\x10\xb8j\xf8\x16K\xc8\x03\xcez.\xd6\xd5\xe6\xe6\xeen\x1fX&gt;lrE\x83\xb1\x98.\x96t\xf7\x8f\xadn\xbdm\x06,\xe6l&gt;vY\xc8oJ\xa7f\xc4\\*\xc3p\xf2\xfd\xe5]kO\x0f\x82#|U\x8d \xc2\xb7xr\xf6\x02\xbfw\x8fX\x8dr\xa7\xc9\xd5\xef&amp;\xc0\xee\xb1X\x8c(\x1b\x05\xac\x1f\x9b!\x8a&lt;\xda\x8c$\x0f\xd7H\x94\xe1\xa5\xa7\xa5\\.\xd3\x0fX\xabs]\xeb\x88B\x81\xab\xa0\x89\x10\xd4\x90\xc1\xf4\x84,\xcb#=\x90\xe9\xa3Q\xb7;\x18$\xf4D\x10\xca\xa3\x8e8b{\x81\xe5\xe7\xb0\xc7s{\x10/\x95\t\xf2\xd56\xbb\x84Z\xc9\xe5\xf9\r\xc7\x00\xcb\xb8&gt;\x9dA\xa0\x9dG\x1cP\xb0\xf9\x00\x16\x81\n\x94\xc9x]\x10\xbb\x18\xd4E\x14\xba\xf8\x18\xaaO\xbe\xd1[\xb1*\xb8`6\x93jQ\x1f\xde\x95TS^\n\xd9\xf3[-\xc9WK\xdb\xe3\xa5\xa5\xa5\xdcb.X\xeb\xf0\'\xbbscc\xd3\xd3\xb8\xc2\x89\xc0\xd4\x0f\x8d\xb3C\xc6\x7f\x86;\x9c\xa9,A\x12\xa1\x1f\xa0(\xd8\xbd\\\x8b\xa5\xcb\xcf\xf5\x82Z\xa7rXlv\xd1\xec\xf6\xa77\x9b^B%\xca}\xd0=\xb54\xb3(.)e\xb1X\x95\xc5l\x86\xc1\xfc\xf6\xc7\xbbc\x15c\xd3\xc6@\x06\x86\x0cD\x81\xe38\x80\xe1\xf7W\xb2+ \x14\x8aB\x0f\x88b\x80\xf5\xaa6\xd9Q\xd5Jb]8i6\xf8ylZ\x11U,\x06\xb2)\t\xe5\xff0\x7fN\xa8\xea\xe1\xa5\x99Y\xde+E,j)\x8b[YYL\x03\xac\xd7.\xcf\xcdU\x84\xc3a\x93\x12\xc0\x10\x00s:S\x99Lj%\x9b\r\xea`\x10;\x01\xc3\xf4\x07:\xbd\xae\xbc\nN\xabm\x8e\xf4\x16\x89%\xa6\x16\xfd\x88*\x161\xfc\x8b\x7f\x99\xfa\xde\x8a=\xbf\x92\xbc;\xbfH\xe3\xf18?\xa4\xb1JA\xae\xca\xe2b\x91\xdf`\xbep{}l,l\x0b\xcb\xc3\xce\x80\x02\xe9q8q&lt;\x13\x00\xaa\x95h6\x96[\xbe\x93\xc2\xd1\xeb\xb5X\x95\xb6\xaa\x0e\xb0n\xbf\x06T\x0c\x91X\xc4d\x8ah4\x11\xbd\x90\xf1\x18j\xf7\xf7!\xcb\xddG\xde\xfc\xe2\xc1\xac\x98\xcdf39E\\V\xc9P\t\xab\xb8\xb8\x12\x1co&gt;\xb5\x05A\xb4\xd9l\xfd\x81\x80iz\x1d\x1e\xbfL\x06OE\xa3+\xd1(\x11\xd3\xebQ\x18\xc4\x84BT\x0fRi\xb5g\xeb\x1a\xc7V?&gt;\x0cXt\x11\x9bFb\x89i&lt;:\xbd\xd0\xffx\x9e4\xd9\xff\x14K2EA:\x98Y\xa4Q\xb9l\x9a\x88\xf3\n\x8f\xcd\xe5\x96\x0c\r\x01\x16$S\x83\xf9u\x01\x89\xd5\xdf\xd0\xdf/\x97\x07\x8c\t#\x1e\x088S+\xa9`\x8b\xbb\xa5&lt;\x99F\xb1r\xad\x10\x03,\xadV[\xf5j]xn\xf5\x93cf3\x83.\x12\xd3\xf6\x03\x16\x9b-\xa2sx\x8c\x82}\x8f\xb7\x97\x86%\xdf\xfd\xb9|.\xd4W3\xf3\xf3\xb3T6\x9b\xb6\x9f\xce`0Y\\n\xe9\xd0Piq1\x95\xfe\x02k\xccfkhh(\xebW\x86a\xb8\t\xe0NP+\x18t\x13-\x04QE\xde\x8a\xd8Q\xbdV\x0fX\xe7\xea\xc6v\x97\xdf?if\xf0x4\xb1h\xbf\xa8\x08\xfe\xa3\xe8 \x83\xce\xe1\x14\x1c\xf2s\x16\x9f\xdc\xfa\x8e\xd7\xe2\xa4\xa5\x9an=y\xfap|\xf6\xcb\x07T*\xf3\x00\xfd`a!\x95UY\tX%\xe0\xf8\x9cZ\x11H\x10a[o\x19\x80)\xe5\xfd^\xb9)\x10\x08(]-I\xa0*OV\t\xe1\xd8\x85UBP\xab\xbc\xce\x16\xde]\xfe\xdcl\xe6\xf1 ?0\x99\xcc"\x1a\x9bF\xa3\x17\xf8\x19tz\xc1\xbe\x82\x02\xff\xe2?\xbe\x9c\xfa\xaf\x1e\xcb]q\x0f\xff\xf9\t\xe4\x83\xa2\xf1\xf9m\xf6~\x1e\x8f^XXx\x10\x9e\xc1bV\x0e\xab\x94\x03\xde\xfa\xc9Gs$\x16\x88Uv\xa4\xa1\xc1\xd5\x0f\xfd\xa8\xc9\xa4,+O&amp;\xc9\x87O\xaf\xb5\xdbI.!\xb9=\xdc\x1b\x9e\xdb\xe5\xff\xc6l\x161E\x10=\xe0\xa2\x91\xae`\xf8\x0b\xf6\xed#\xa9\n\x16\xbfx\xf8\xf4\xd3\xe1\xff\x18\xca\\Bh\x9a\x9a\x19\x7fpwv\xf6\xe9\xfc6\x93\xc9\xe1\x1c$\xa9\x0ep\x01\x8b[r`\x88[\\z\x80\xb4\xfc\xeduH\xa7a\xc0:\xf2/:\xce&amp;$\x8e&lt;\r\xe3]\xb5UE}t}tuU\xc7\xd6\xea\xed\x19\xba\xa7\xa5\x9a\x9aQb&amp;NgC\x87a@\x98(\x13lb\xb3\xa7\xf4*3\xe0\xec\x04r\xc9eb/\x9a@\x0b\x1b2d \x17e\x03\x1e\xd2L\x1f\xc2\x1er\x13\xa7WM\xfcX\xb1!0\xac\x8c\xab\x06!\xab\xa3\xe0\xb4\xf1\x90\x8f\xc3\xe6\xb0\xfb\xbc\x7f\x93eXv\xff\x89FP\xe8\x9f\xcf\xf3\xfc\x9f\xf7-\x0cf\x8b\xa9t\xa1X)\x8e\x16\x8b\xe9\xeek\x99\xee\x0c\xa8\xda\xdf\x9c\xf3\xdd\x99\xec\xe8\xbd\xadW\xff\xf8\xa0\xdf\xd2}\x1bm\xaa\xaa\x9a\xe6h\x9a\xcbs\x91H\x84/\xe3x\x8d\xfdUw\xb5q\xf7\xa3\xff\'\x191\xdd\x9dm\xcc=\xafV\x8f6\xe7\xf6V\xab\xbe$\xb7\x9a\x86i\x9an\xb8\x0b\x85E.FcI\x0f\xbdu\xa7\xfe\nr!\\\xc0J\xa5r\xb9l\xe1J\x05\xffNL\xa0\x10\xda\xdb\x7fAu-u\xe9\x1e\x12\xdf\xd6\xef\x05\xb6\x1d\xe8\xba\xaa\xead\xa2\x1baR\x89\xe52\\\xdc?\xf2\xdc\xe6\xee\xe6\xfe\xffZ\xf6\xc9\xbd\x8e\xbbO\x9e\xae\xfc\x18\x8d\xaf\x12\x93\x1a\x96\x04Wvqg\x04OH\xc6\x80\x15\xebjA\xe6\x1d\xdb\xfa\xec\xb3\x8bS\x87[\x7f\x1d\xafT*\x80\x02Y\x16`\xf4\xae\xbb\xaf\xafV#\xff\xf0v\xfe\xadX\xf7^-\r\x97\xfa\x83\xc0\x0e\x03K\xd7\xd8\x9b\x1b\xe1EQ\x11\xe1!\x14{\xbc\xbf\xb3\xb7}\xb4\xf3|\xf3\xc1\x7fY\xc9&amp;\xf1G\x1d\xdb\xcfW\x97Wv\xf6V\xf6~t\xb4\xb0 \xc8\x82\xe0\n2\xd2 \xb5:\xb1X"\x91\x88%\x11\xae(\xb0\xfa\xf3k/\xb7.U*\xc5T\xf1\x18+\x9d\xc9\xa5s\xe9\xb7\xfe\r\xb1\xff\x94~\x9e\xa8\x8a$V\xfdD\xbfU\rl\xed\x18\xcb!\xb5\xb8\xb2e)bY\x14y\xae\xdc\xe8\xf8\xdd\xaf\x1e,\xaf\xec\x1d\xac6~\xf9{S\xd8v0;\xdb\xf1\xe4@\xaf\xae\xee\xed\xad\xc6\x1dM\x95\x84VY\x92l\xc1S\x1dM2\x8cx,\x81?HWK,.aT\x97\xee/\x8ceY\xde\xb3\xa9l\nR\x01*\x9dA\xdc\xa1V\x8d\x85\xbd\x1d\xed\x90\xc9e+\xe3\xf7\xb6.\xaf\xe5\xfb\xbd\xaan\xeb(R\x12Kg&amp;\x96\x81\x85\xd4s\xa2\xb9\xdbx\x88\xe9\x86\xa8&lt;Z}\xfet\xb6\xe3m]\xe0\xa9\xe1Ac\xe5\xe1\xf6n\xabk\x9a\x82\xd6\xa2i\x92$\xcb\xa0\x92\x10P\xd5\x16L\xc5\xe8"\xb1 W4\n\x13\xbd\xfe\xfe\xfe\xc1\xfa\x97\x85\x1c\x9d,\x89E\x8a\xe5\xd24\x00\xfb0q\xd8\xc1\xc7\xe9\\\x8a\xa8~\xb38X\xeaoVmI\xff\xcfq\\\x96w.\xc2\xf1\x08\x89\xed?2E\x11M\xb6\xb9\xbf\xbd2\x87\x05\xe3\x98\xabcvyyys\xd7\xf7\\KT|\xa4R\x95\xc2\xec\xe0\xce\x84\x91.\xdc\xc5h\x17A\xc5\x08+n\xfb\xc0\xfat\xfe\xf06)\xc4BEX\xb9\\\xa6\x1bz\xb1\x9bHt\xf80\x9d\xaaT\xc6\xa7_\xcd\x0c\xb7\x95J\xd5@Ri\x8a9z\xe0\xe8\x1aaA/\xb1l\xa2\xcdL\xb1\xec\xb9&lt;\xaf\x98\xd6\xdc\xdd\xfd\xed\xcd\xc6\xf6&amp;{\x04\x0fu&lt;x\xd8\xd8ql\xdfvE\xc5\xd6@\x15\x86H\xf4\x0e^\xcaB\xab\xe0\xf2F2\x1aKt\xb1YMX\xa5R\xa9\xed\xfe\xb3\x8d\xeb\x04\x91\x86LD\x96\xcd\xa4\xd3\xe9\x91\xf4\x04Qe\xe8\xa4\xb3\xa9\xca\x99\xf1\xe9\xad\xc3\xa9\xc1|\xa9\x89[\x8dh9\x01\xa1i\xaa\xce\xb0,\xdf%(h\xe6z\n\xa7X\x96\xdf\xd8\x9f;\xda&lt;j&lt;m\xa0`Cs;\x8f\xaa\xb6.\xa3\xe3\x14\xdb!,\xf2\x0eP\x8c\n\xbe\xf2\x11\x83\xad\x0e\xc0j\xc1\x95T\xfdf\xa9\x94\x1f\x98z\xfd\xc3\xb7\xb5Zo\x06\x9a\x91\x95P\x0eg\x02h\xdd\x04\x08\x03\x8b\x18K\xd3[=\xf5\xce\xb6|\x1e\x1e\xca\x0c\x8b\xf4\xd2l\xdd\xe3\xc1\xa5\xf8\xb6)R\xab\x02\xcb\xe2D\xcb\xb2\x0e\x8e\x1e\xce=_il?\x9e\xdb\xbe\x1b\x12|!\x90t\xc1\x16E\xdbI\x82+|,XX\x92%\xd95\xa8\xf8&lt;\x07\xbbC"\x9eDAt\xc5T\xbb\x99/\x95\xde\x99\x7f\xb61\x82|\xf7eFH1\xca\x16\xc1\xd0}\xcc\x1c\x83V&gt;\x1e\x9b\x9e\xee\xa9\x0f\x9fh\xcb\x9f\x85\x872\xea\x9d\xa9\xa5k\xaa\xe6[d\xa2\xab+\x1co\x99\xc7X&lt;\xe4\xb2\xbc\x9d\'\x8f\x01\xf6pvw\x8e\xb0|Y7\\QN:\xd1\xb8\xf3&amp;U*R\xa5\xe0\x9bB\xed)*\xec\x8bC\xae\x96\x96\x16\xca|\xb3-\x0f\x17\xd7_\xff\xd0\x0b\xae\x1a"\x05\x8c7T\x8c\xac\x90J\x15\xc8\xc1\xb1\xe9\x17\x0bk\x1f|\xdav\xf6\xa0\xaa\x0b\x02n"\x0b\x97\x8e\x9e\xd71\xa7#\x8a\x855\xc2D\xae8\xcb38\x0e\x8daYf\xb0\xb2\xfc\xe0Ice\xc7\rI\x9e\xecy\xbe!\x8a\xa6kkQ\xa8\xa4j\xba/\x1b"\x8f\x83b\xe1\x15)\x9e\xc4\xbe\x8c\x86\x00W2\xdee7\xcf^\xcc\xe7\x07\xe7_n\xfc\x1dTC\xa8\'\\\xba\x1c\xd2Dt\xd9B\x16T)\xcc\xf0\xca\xf8_^\xbc\x9c\x1fx\xbf\xed\xc4\xc0A \t\xb2\x8cm\x04.\x12V`{\x90\x0b\xb7\xd0\xe2\x91.&gt;by&amp;\xd4\x02\x95\x82\x91\x12\xec\xce\xad\xec\xbaV\xc8w%\xc3\xc6W\xf0&lt;\'\x1a\xb2\r\x0fmb\x12\xcb\nz\x18_n\x07Q\xc7\x89bX\xb3\xd4\xc7\x13\x9aw\xf6\xce\xc5\xfc\x9f\x87\x9f\xbd\xfe\xa9\xb76\xf4a\xad\xef\x93\xf3\x14\'\xf2.[\xc0I\xd1\x04\xc7&amp;\xf6\xfb/\x97\xd6\xe97C\x0c\x85n\x80\xfd\x00\x00\x08\xadIDATt\x1e\xe8T84w\x1cjTU\xf7|\x93\x92\x8e\x17u=\xa4K\x01\x16\x85K\xb1h\xd2\x19&amp;\x02m\x84t\xd3V&lt;\x91Wd\xdc\n^T\x0c0\xd1\x97\x88"\x8d,^\xb4\x13\x92\x14%\xb9`#dk\x89U\xed\xe6{w.\xbe\xdf\xb9\xfe\xaf\r\xb2\xf1\xc3O\xa8;\xa1T!\x9b\x83J\x85+\xa9\xca(i5v\xee\xf0\xd9\xf0\xe0\x9d\x81\xce\xe1\x9f!\x96\x80\x1a&lt;.-5l\xab\xae\xef\x96#\x11\xcb\xb68\x05\xdd`z\x92\xfb\xc6D\xfc\xc5\x10\xb6\x08\xcbwm\x05"\xcaj8\x8c\x8e\xa0\xabQF\x81Y\x96H\x0e\xf2V&lt;\xae\xc8\xc9\xb0\x9a\xa4\x92\xc0\xb8N\x92\\\xefu\x0e\xde\xe9\x9c\x7f\xf9\xcf\x9f\xae\xf7\x9e\xa2\x9f\xef \xf9\x99\\\x01;!\xed\x85\xe3\xa3\xa3\xa3\x97.\x8dO\xf7,\xccw\x0et\xde_[;\xf0e\xc2B\xf90,U\xf2M_\xb7\xb8\x88\x88\\\x89\xbe/\xb3\x9a\xe0\x98\x89\n\xadQ&lt;\xbdnH\xc2\xf6\xc2\xf1.\x92\xae\xaa&amp;,f\x9b\x10\xc6\x15\xc3R\x82\xb8\xa9H\xc9p\x98\xd2N=\x9fLvuI\xcd\xe1\xfbx\xbd\xfa\xe1\x06\x9etjC4\x01)\xf6)\x04+K\xfe\x8d\x16G/M\x7fqy}m\xf8\xfe\xf0\xda\xd4\x1f\x03\x19\xc9\xc2\xbd\xa6=&gt;\xa0\xba\xf6\r_w\xc5\x08\xef\xfa\xa6\x19\xbf\xe5\x10\x14\xf5\xa9B\xee\xbc=!\x17E\xce)\xd4\xec\xaaM\xfe\xe1\x06rlG\xa3\xc8\xeb\xb74C\xd0\xa2a\xba\x84q\xe2\x82j\t\xdd\xbb9\xb56\xbc\xb6\xfe\xf2\xc5w\x7f\xbb\xfem_\xfbo\xdb\xd1\xa1\xb8\x81\x85\xec\xe7\xb9+)\xa8V,\x8e}\xb1t\xa3\xbe&gt;??\xb5\xb8\xf8H\x15\x00E#Ve\xe1\x82\\\x96\x17\xf8`15M\xb6\x03\x1f/\x87}\x02I\xe6"\x887\xed\xd3\xd0/\xa4H\x80\x91\xa5\xb0\x1aN\xca\x98\x9c\x96\x08w\x8f%\xe3"J"\xde*\xb4jt\x05\x93\xccF\xb4W\x12\xe3\xba9\x85\xb3\xb8px\xee\xbb\xc2D\xef\xa9\xa1!\x0c\x1c\xd8\xf8\xf9\xc8\xc4\xc4\xc4\xb5\x02\x14;s\xe1\xeb\xd37&amp;\x17\xeb\x8b\x8b\x93\xdf\x07\xccB\xa8\x15f.j\xaa\xef\x9a^\x150\xbca\x07\x9eh\xfa.|Af,&lt;u( \xb2Q\r\x92\x17\x12=\x85Y\x08\xb5\x14\x0e\xa1\x82Z\xa2aQ\x8d"\x87\xb6$+\xadN&lt;\n\xf3 \x18m\x12]\x18\x90\x9apsq\xb1&gt;\xb9\xb0tr\xfaja\xe4\xd4P;\xed\x0f# \xac\xd5Ne\xa8J\xc7/\xf4\xfc\xfa\xf2d\xbd&gt;Y_8\xb0\x05\x86%\xe1\x1bg\xcf\x17\x9a/\x1av&lt;\xf0\xe0\x9b\x8b0\x8bA\xd5\x15\x91*\xbad\x9c\xe8\xe2\xce\xca \x93C\xa8\x01EB\xdeUM\x02.&gt;Kqg[m$b\xf8\x01j\xd6\x01\x0b\xba\xe1OT\xaa\x89\x18\x9a"&amp;7\xa7\x805\xf3n\xcf\xd6x\xe5J\xa6\xd6\xceJ\xeb:\xfd\xfc\xa2\x17^\xa6\xceLo\x9d\xec\xb9&lt;39\xf9\x87\x99\xefA%\xb3\xd9\xcf^\xc2\xd1|]\xe6\\S\xaf\xda\xb4\x05Z(\t\xbf\xeaX\xe8x\x85\xc2\xceY\x84%\xd9\x92\x14\xc2`2\xd9 \x8c\xb6r\x0c\x1bP&lt;-\x1d&lt;o\x04UAlU\xb5\xc4\x1b\xb5\xd8l\xc4I8\xd2\xcf\xdf\xd4\x17.\xbf{\xf2\xc2\xd8\xf8W\x85\x1c\xcd\xc1B\x01Od#\xbd\xbd0\xb3HX\xa7\x97n,\xdc\x98yv@y\x0f\xab$UX\x92\xd8]4#\xe81\xddWx\x1e\x95\xea)f\xb5j\x96\xcb"\t\x82hy\xf8.\xe8\x82\x84P\x9e\x8a\x9d\xc4\x9a\xe5\x18\x8a\x81\x9e\x85\x7f\x84\x84"\x15\xf4\xb8\x80\x86\x15$`\xb5\xb0xE\xe3\xd1\xe3\xddKm\xce\x7fS\x9f\xe997}\xe6\xe3\xab\x95"J4w\xfb\xab\xdbW\xaf^\xc7\xb3b\xe1\xea\x99\x0b\xe7\xce}}\xf2\xf4\xcc\x8d\x99\xa5\x9b\xe8w\x01Xa\x08\xc6\xe2\x85U\xde\xe0\x02\xa7\xd5\xd7\x952Ok\x84g\xe9\xb7\xf4\x7f\xb7m\xfd\xae\x91\x1bQxW\x1e\x89\x99\x914\x92G?\xf0\x0c\x1aT\xa5\x10,\x18N\x7f\xc15\xf9;\\&amp;\xa9]\xbap\x95J\x90?\xc0\x067\xcb\xf5\xee\x82\x8b\xbbd\x0f\x9bp\x81+b\xd0\xd9!\x9b+l\x93\x90\x90\xc4\x90\xa4q\x93|o\xb4NrI\x06\xd6\x08\xb3\xbb\xf3\xcd\xf7\xbe\xf7\xde\xf7\xc68\x0cr*J\x94\x06l\xf2z3\xe4\xab\xc8\x92\xb8\x8du\xde\xd4R\x89\x9c\x10\xe1(*\xeac\x1bd\xdc*\xe6&lt;*PV\xa0\xaaRB\xba\x05\x7f\xef\xe4\x04\x92\xff\xf4\xf0\xf0\xe3\xfd\xa7\xcf\xf6\xf7/\x9fa\xac\xfe\xe8\xf2\x93\xfd\xcb\xa7\x87\x87\x1f&gt;y\xf2\xfeOggg\xe7o:\xbf\x0b\xc1\x02.\x1c\x10\x1dH\x8a \xc5&gt;\x0bj\x8c\xd0\xb8V\xd5r\xa1\xc8\xdb#R\xe4Vq\x0e\x82e\xa2\x0e\x96\x95\xc9\xb8\xc2\x94\xda\xe4\xe2\x00\x8c![\x95tFA\x9cL)\xeb\x0cfD\xa2\x8a^\x00\xd6\x170\xa9\x1f|\xf6\xe6\xf7\x87\xeb\xeb\xcb\xcb\xbb\xbb\xf5\xfa\xea\xeaj\xbd^\xe3\xe1\xee\xee\xfa\xe1\xe1\xb7\xf3\xf3\xf3\xb3\x97/_N!\xc4.\x89\xd7&lt;\xe2\x03\xd1\xb30\xe8\x86\x9e\t\xbe\xd4D\x97nD\xb7\xec\xc0\x04\xba\n\xe8\nT\xe5\xcb\xdc\xcc\x18\xca\xd9\xdc&amp;J,\xc7\x18T\xf1\x9e+kKg2\xe8JZ\x82E\x15\x02\x85\xab\xf0)\t\x95%\x9a\xb3\xd5\xc5\xf3\xb7\xc7X{\xb4v7\x0b\x8f\xc7\xc7\xa7o\xbf__\xff\xf1\xf3\xc9\xc9\x8f\x9c\xfb\xd4\xf2.\x9cs\x8bp"\x86"\xd0\x83KD\xa0\x0c\xe1\x82\xba\xe0\xf4}\xdfC\xb6\x11]\x15%\xc9\xcc\x95\xc6\x994\x83\xda\xd5\xa2f\x08^RZ&amp;[\xe2\xca\xa6\x92\xc8\xa2&lt;\x850`\xa1\xe1V!@\xfc*\x0b\xb3\xf4\x86\xee\x82\xfc\xf23\xe6\xe6\xff\xb9\xfc\x03~\xee=\xff\xea\x07\x84Ee\x16h@\xd4\xb4"\xd3a\xf7\xc6\x8d\xa5\r\xe6l\x81\x16-\xd0\xb0\xd3e\xbeM\x8d\x85\xa28\'\xdf"\xb2\x99\x1b\xca~t1\xd4T\x81 A\xdb\xf2\xc2\x15\xb1\nY\xdc\x12\xaa$\x06\x1aj\xdd4`[H\r0uce\xbbz=\xddk\xfc{m\xcd\xb6`\xc5_tpT\rS\xfe\x93\xd5\x84\x8aG%\xc3\xb7T\xf5Xk\x114\x98\xcc\xb6Q$P\xf4\x1bz\xa0w\xce7k6\xbaa\x80\x88\xd1\xca\xab\xb2\x88\x19\x98\xb4\xc5\xe0\xa20\x94;2"T\xa6O\x98\xa5\xc5(E(\x9f\xa4\xb7\xfcm\xb9z\xfd\x7fWg\x9e\xac\x8b\xdb\xc66]\'Q\x828\xeas\xe8\xbdI\x85\x92\x84\x89%gf\xac\xcb\x08\x05@\x90yn\xb4^.P\x1bH\xf5\xa8\x02\xb0\x11x\xfb\xcc\x8du=\x0eF\xc3*vejAH;\x0c\x12\xa8L\x12\x01K\x04\xff\x8e\x1c\xf2g\xf5b\xa4\x12D\x17\t-J\xca\xab\x8b\xff\xde\x82\xfa\xdb\x95\xafW\x1a\xad9\xa6\xe1\x97N\xc2h~\xc2\xbeD6\xc2\xa1\xcd\xe8\x0c\xa4\xcbS\xb1=\x0fu\xcc\xfa\x1a\x1e\xe6\x80*9&lt;\x0b\x8cM.f\x98L\xc7a\x1c"\xd5\xa0\xec#Ll\xc7\x01U\xa0\r\xc5\xceZijs\xb4\t\x81\xaf((\x8a1-I\x13\xf2\xabw\xee\xa7\x1e\x83x\xfa\xc2\xdfG\x82+-#\xaa\xd9^\xf1\xccV \x9c\xd9\x8c\xa5\xf5P\x1bW\xaa\xa6\xa3JT\xa5\x91t\x964E\x95&lt;\x0c+QA[C\xdd\xf7`+Et\xd0\xa1,G!\x8f\xc3\x80\x9b6\xe2@\xc5[\x98\xf8#&gt;\x81\x9a`\xc1\xeb{`\xd4\xe1\xca\xdb\xcfw\xb7\xde\x85\xb5\xb5\xfb\xdd\x8d\xb7\xa1R\xcb\xa9\xe9D\x13e\x9bC\x81r\xe3\x86\xde\x0cud\x1br\x9dBw\xac.\xe1\xbf .\xb2yM\x0e\x87:\xbb\x1f\xd0\xe8\x10\xb6\xa8\xd4B\xd8\xa4\x1e\xfaH\xa0\x1d\xb5;\x98\xf8-;*\xe0\xfd\x92\rW|\x92\x96\xb7f\</t>
        </is>
      </c>
      <c r="M50" s="3" t="n">
        <v>45492.67601851852</v>
      </c>
    </row>
    <row r="51">
      <c r="A51" t="n">
        <v>124997</v>
      </c>
      <c r="B51" t="n">
        <v>1966</v>
      </c>
      <c r="C51" t="inlineStr">
        <is>
          <t>Alan Patrick</t>
        </is>
      </c>
      <c r="D51" t="inlineStr">
        <is>
          <t>A. Patrick</t>
        </is>
      </c>
      <c r="E51" t="inlineStr">
        <is>
          <t>MEI</t>
        </is>
      </c>
      <c r="F51" t="inlineStr">
        <is>
          <t>MC</t>
        </is>
      </c>
      <c r="G51" t="inlineStr">
        <is>
          <t>MEI</t>
        </is>
      </c>
      <c r="H51" t="n">
        <v>177</v>
      </c>
      <c r="I51" t="n">
        <v>10</v>
      </c>
      <c r="J51" s="2" t="n">
        <v>33370</v>
      </c>
      <c r="K51" t="inlineStr">
        <is>
          <t>Right</t>
        </is>
      </c>
      <c r="L5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8377f9e-55df-4dc8-a0f0-71db43e0b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10\xc5\x8d\x00\x00\x03\x00PLTE\xfd\xfd\xfd\xed9,\xe9\xe8\xf0\xe96)\xfb\xfb\xfb\xff\xff\xff\xe8\xea\xf7\xfe\xfe\xfe\xfc\xfc\xfc\xfa\xfa\xfa\xe9\xeb\xf8\xec7*\xef:.\xea\xe8\xee\xf9\xf9\xf9\xbd\x85g\xb4|`\xaev\\\xe98-\xa9u]\xe8\xe5\xed\xb3\x7fe\xeb\xee\xfa6,&amp;2\'#\xa8pW@4+\xeb\xea\xf0\xaezb\xb8~c:-%\xb1|c\xba\x82g\xe9\xe9\xf3\xb1z^\xa4oXF8/\xe76*\xacrZ\xf0=1\xbe\x88j\xa9x`\x9adM\xa8sZ\xb0\x80h\xa0kU\xf8\xf8\xf8\xb5\x83h@/\'\x9biT\x9fgQ\xa4t]\xa0q\\:/)\xe5\xe3\xeb\xb8\x81d\xb5\x81f\xae}e\xa5rZ\x9blX\xbe\x86p\xbd\x81d\xca\x95~\x9fnX\xa3kS\xa5va\xb9\x87l\xc1\x89t\x97gS\xb5\x85m\xcc\x97\x83E2)\xaeva\xc0\x8et\x96aJ\xaazd\xbc\x82l\x93dQ\x85_O\xc9\x92zQB6\xf5\xf5\xf5\x91gV\xbf\x8cn\xba\x85g\xc3\x90x\xb2\x81k\xa6lT@63\xbb\x8an\xb8\x80l\xb5y[\xba\x8bu\xf4B6\xc2\x8cyJ&lt;3\xb3xa\xc7\x8ev\xec\xec\xf3zL=\xb5|g\xeb\xec\xf7\xe6\xe6\xef\xb3uW\x91^H\xb7\x88q\x97jW\x9bo]YJ@J6+\x93m^\x84WG\x8ccQ\xaa}i\xe9&lt;2\xb0\x86r\x82TA\x8b_N\xe9\xd6\xdcqH8\xc6\x92}\x81ZK+#\x1f{TE\xb1u\\\x8cWA\xe3\xe1\xe3\x8ciZ\xa9mU&lt;2.\xa3hR\x89ZI\xdf\xdc\xdf\x86dWcA3\xd3\xcb\xcc\xf6K&lt;\xe6\xcf\xd3[F;\xc3\x89o\xee\xed\xee\xb9}g\xf2\xf1\xf1\x91`N\xb9\x8f{\xeb\xe9\xe9\xb1sS\xa3fJpL@\xa9kN\xe5\xc5\xc9\x82O=\x9dcJ\xc2\x83lsRF\x97]DkA2\xeb\xdd\xe3YMGQD&gt;phc\xe5a\\\xaeoR\xe8\xe6\xe6\xaa\x82p\x9etccYS\xa3yi\xb9|_gH&lt;\xe5\xbc\xc0\xd1\x9b\x87\xe6\xb4\xb8~ro\xc6\x8cq\xe8okdQF\xcd\x9a\x8a\xee\xef\xf6\xd7\xd2\xd4U;-J?:\xaf\x8ay\\&gt;0\xc5\xb3\xb0P8,\xe5\x9f\xa0\\SO\xaa\xa4\xa1\xb1wg\xe8JBpVM\xd0\xa0\x91{YM\xebRI\xc3\x93\x84\xdb\xd8\xd8\xe8\xa9\xabh_Z\xc7\xc3\xc4\xee]T\xe5\x8a\x8b\xdahd\xc7\xbd\xbc\xecD9\x87\x80|\xefi_x^U\xf4TE\xe3\x95\x96\xdfvs\xdc\xb0\xb3\xa2VG\xbe\xbb\xb9\xb3\xac\xaa\xa3m_\xabk_\xc6\xa8\xa1\xd4\x9d\x9f\xc1\x9d\x92\xe2VN\xb9ud\xb2\x9a\x91\xea{x\x92YR\x8aQJ\xadaR\xb6\xa3\x9d\xed\xef\xfa\x98ug\xdb\xa5\xa7\xab\x92\x88\x9f\x9b\x99\x92\x8a\x88\x99\x92\x8f\xb6\xb2\xb1\xa0bZ\x9d]R\xd2\xc5\xc3\xbduq\xd2\xbd\xb8\xe0&gt;5\xea\x86\x81\xb2ll\xdd\x81\x80\xb5m[\xed\x91\x8e\xd6\x89\x89\x9c\x81x\x96M=\xd9\x90\x92\xc2{x\xd1\x93\x96\xd31(\xc7\x86\x86\xd3OH6\x015u\x00\x00 \x00IDATx\xda\x84\x98Mk"\xcd\x16\xc7kQ\xc1v\xd3fVm\x844\x81\x11\x19\xbc\x8ct\x02\xcdl\x12\xc8b\xc0A2\x10W\xcaua\xc0\x81\xb8h\xc9F\x1021\xc4L0\x90\xeb\x18\x92\xcc\x10!Ae\x02\x92,\x84\x81("zw\xc1,\x06\x97\x86\xe7#\x98\xe4K\xdcs\xaa\xfaU}\x9e{\xe2K\xa7[\xbb\x7f\xfe\xcf\xbf\xce\xa9j"\x08\xd4\r\xc1^\x8c\xa0\x02\x06\xc1\'qa\x10\x17!\xec\xc9\xc2\xe5\x9a\x83p\xf1#,\xe0\xb3\x14\xcf \x86Dv\x02\x91\xbfQ\xca\xcf4\x19\xfc;\xc65\xd8\x1b\x99\x08\xc0\x12\xdd\xeeI(j|\x83a\xc1\xb7\\HC8\xaa`P\n\xee\xe8\xd9\xd1\xfd\xf1\xc3\xcd\xd9Y\t\x82\xbd\x94J\xe5h(\x14b`\xa2\xdb\x89E\x9dX\xc4\xa0\x12\xa6\xa8\xe0\x80\x13\nNe\xff!\x1cK\x97\xcce\xfb\x91\x94\x8a\xd1\xd2\xc3\xeb\xcb\xb0&gt;\xa8\xbf\xf4!\x9e^\x9f^G\xaf\xaf\xfd\xfe\xe8\xf1\xfe\x86\xb1\x81hv\xb9\x88%\x8e\xa9\xd6\xdfQq,G\n\xad\xb3p.=\x91\x805\xe7\xc2\x9d\x98.\x864\x1e?\xd7{\xd5Z\xad:\x184 \x06u\x08\xd8\xaa7\x87/\xfd\xa7\xc7\xa3\x12d\x14\xb0\xc8D\x06\xa9\x13\xcb\xca\xe7\x0c\xb5D#\x91\xd4\xc42\xbe\x05X\xdcGs\xba\x95\xc4\xf2\xd9\xfe\xcd\xd1\xe8\xb9\xd1\x1b4\xaa\xda\xc9\xc9\x89\xa6i\xb5\xcdM\xad\xaai\xbf\x7f\xff\x86\xff\xe1\xf5w\xa3\xfe\xf2g?:IEf`\xcd0\x1c\xf7\x96\xd3Yn~\x80\x7f\x9e\n\xccFV\xc0\x81\xf2q\x7f\xdc\xef\xbf\xa0P\x9a\xb6\xb9y\x02O\x88\x13\x00\x83\x00\xc6\x93\x93M\xe4k\x0c\x9f\xee\xcb\x86\xb9\xac\\R\x91\xceH\xa2\x83P\xd7\x0b\x06\x8c[4\x8cE\xe9T\xee\x19\x96&gt;\xf6\x88;z\xd4o\xd6\xeb\xcdf\x1d\xd3\xc7\x88\x92\xfed2\xc9\xb6\xfc\xfc\r^A\xb2z\xf3\xe5\xf1,*R\xe7\xe5\xcd\xf3\x9b\x970\x98\x88\xddz\xfc\'0\x99\x18\x1a?N\xccO\x11\x93\x8a%\xd1]\xba\x7f\x1d\x0ez`%\x10\xab]\x03$\x9f\xdf\xef\x83\'\x90\xe1\xa6?\x03O\xa4;\xd1~\xf7\x06\xc3\xa7\x87\xb2\xdd\xf6\x84Q\xd9\xb0l?\x9f\x08N\xbb\xa1@\x14\xc9(\xfa\xcc("\x8e\xac3.\xa4\xa2g\x8f\xe3\xe6\xa0\x8a&gt;\xd24N\xe4S\xd5\x82\xaa\xca\xaa\xcf\'\xa9\xfe$0\xf9T\x1f@"\xd7o\x18\xa4\x8f%H\x81\xdbY\xc0lb\x99\x07\x883\x89\x02\xd1\x8fP\xf3S\x13\x89G\x83\xe9X\xb4\xf4\xf8\xd2\x1c\xf4\xaa\xccJ\x9b\xa8\x8b\xaf\xa0J\x92\xd7+\xa9\xf0\x90$\x1f`\xf9d/ \xfa\xfc\xf0\x19 k\x0cG7\xd1\xc9\xbajZW??\x15\xa6\xbc5a;Fmd\xd0\x1a\x1b\xba\xdf\xa3\xc7X\xa7z\x1af\x8c)\x85\x81`\x92,I\xaa,\xc9\x8aOQTI\x96e\x89\'\x16\xc6A\xf3\xf5&amp;\x84\x89\xb0\xc9\xa2\x1bi\xc2\xf5\x98\xa5i,\xc7o\x99\xdc\xc3\xb1Dt\xfb\xa0\xa1\xb5y\xf2 }\xaa\x8a\x97\x07\x0cH\xa2\x9fo\xc0\x01/\x84\xac\x16\xe0\x10\x8c\x06\xe0\xda/\xbb\xc1$tr\xe49\x86(q\xe6\xd8\xd1\x94\x8c-\xa3\xc0\x98\xc1J\x83\xbb\xf48\xac\xd7\x1b\xd5\xa4\x9fi\x04X\x9c\xc7\x17\x0e+\x80\xa3 aX\x01\xc1dE\x96tb\x90\xacZ\x1f\xbe\x1eE\xa9@\xa90\x0bL \xd3\rJ\x1f\rS\xa5\x7fJ/\xa4*\x1f\x8f\xeb\r(\xa1\xfe\x02\xfa\x1a/,\xcbH\xa1\x843\x19\x00cXJ\x18\x029\xd9 \xe0\xa3\xb2Zm&lt;?\x88\xd4\xd9\x16\x05V\xbe\xf0\xd55\x99\x1d\xa2[iFGr\x16`v\x9a\xf2\xfd\xb8\xde\xd3\xb4j\xbb\xe0+H^0\x90\n\xa6\x92}\x19`\xc8d2\x1c\x05D\xcbd\xfc\xb8\x0bx\r\xac\xcdZ\xbb:.\x898\xde\x89#\t\xbc\x02\xb9\x8c+\xe9\x82\x92\x99MrV\x01F\xc7\x8a\xfb\xfdA\xad\x86\xc3\x0f\xa00\xc0\xe6^\x90+\xc3\xa9\x00K\xc6\xbd\n\xd6.\x0c\x7f\xd8\x87\x82\xa9\x12\x0c\xca\x93\xcd\xfaq\x88\x97@\xae\xd0\xf4\xac\xc2\x1a\x95\x7f\x8bE&amp;\xdb\x18\x8cpwyT\xc7r\xeeG\xa9vw\xbd\xde]/\xd0\x01V\xd8\x07da\xb8&lt;P\xe1\x1e\xd0)\xdcj)\ns\x1ds?pi\xda\xf3\xbe\xc8\x87\x0e\xa1\xb3M\xf5\xff\xb1\xec\x8d\x9e\xff\xe3\x0eE\x8f\xc6\xbd6\x0cA\xac\x06\xbb\x1cKf\xa1\x84\xbb\x19\xf0\x15*\x07;w%E\xf6"\x16\xd4\x08/\x98\x0f\xf7`\x11\xd3\x06}\xb0=r\xcd@2\n\xbeU\xf6\xa7\x04\xd2\xd3\xcc\x827\x00\x9cU\x88\xe5\xfd\xd7f\xaf\x06v\x01*.\x16\x00\xa8\x98I\x05\xa5\t+(\x13B\xc8\x19Y\x0e\xb7\xbaa\x84d\xe5LB\xeb\'\xb5^\xb3\xff\x10\xc5\xb6\xef(\x91\xb3\xf4\xfa\',&gt;\x07\xc376\x19\x8e\xde\x8c\x86\x03-\xa9\xaa\xac\xa6{Y\xba\xd0[\x92\x84\xc6R2\xad\xae\x02\x1b\x8a\xe2\xdd\x95\xc0\xed\x99N\xab+cQU\xf0\x15\xc1\x80k\xd0\x1c?\x84\x88\xe0r6\x1b2\x93\xce\x06e+q\xd49/\x14\xc5\xd0\xd9\x9f\xe1\xa0\xd1\x8eC\x83Q\x11\x88\x05\xa0a9\xc8t3\xe1n\x176\xba-\xd8R\xbd\x98\xd5b\xa7\x93\x01\x05\x15$S\x98`\xb2\xaf\xd6h\xf6\xf7Ek~\xcb\xb7\xa80=\xbd#\x8e\xaei\xd6;\xca\xe78\x16\x95\x18=~\x1e\xf4z\xc9\x02\x00A_\x86*\xc0*\x00X\xbbX\xec\xb4Z-`\x03\x89\xba\x9dN\xb1\x03d\xb0q\x8d[]\xf8\x0c\x1c\xc1\x01\n\xc2\xca\x9b\x1a\xf4\xc7\x12\xb5\xf5\x9f\xa9\xe2\xc8\xcb\xb6\xcb\xe8\x7f\x86\x9d\xdc\xdcK\x13\x01\x0b\x86\xf2\x13\xcc\x1ajI\xf4\x92\xaab\xf9l\x01\xc2u.u\x99\xcd\xa6rE\x84\xc9t[\x9d\xe2]\xee\xc7]\xf1\xee\xae\x98K\xe5\xae\xaf\x8b\xc5V\xb7\xd5B\x19eT\x16\xf2Xk&lt;\xdf\x87(\x1bk\x96\x18\xc4\xf2\x14\x1f\xa8z\x89\xb7\xa0\xf4y\xe0$\x96\x18\x8d\x96\x9e\x06Z;\x19g\x16\x0f\xb7:\xd7\xb9\xdce&gt;\x9f\xbf\xba\xba\x8aT"\x91\xf4N\xf6\xeb\x8f\x14&gt;v\xbe\x9d\xee\xa4R\xd9T6\x9b\xbd\xbcL!\xdb5\xd3O\xc1\x96 \xc5k\xd5\xfa\xa8Lm3.~es\xa5\xe7\xd2\x17\x0b\x82\xa1\x96\xbe\xcc3RG\x8dU\x1e7V\xb4\xbc\xdf\x07c\xc5\x0b\xd8\x813\x9d\xeb\xd4\xe5%c\xaaT.~b\xc4\xd6\xdf/\xf3x\xfb\xaf\xe5\xd3t0\x12\x89\xc0\xd1|\xfe\x12#\x97+\x82\xcfp\xf4\xaa\xb5j\xa3\x7f\xe6\xb6MOu\xad\xf4Y&amp;\xcc\x9c\xe6\x08q\x11\xa3)\n\x94\xcd\xe8\'\x97\x8b\xcc\xf9@\x15\n\x9d\x8d\x9a\xd5d\xbc\x00\xf5\xca\x9b\xb9F\x9d\x18\xd5U\xe5\x02\xe2\xe7\xcf_\x10\x81\xbd\xed\xbd\xc46&lt;\x03\x071$\xbd\xb8\xa80\xb2|\x1e\x94K]\x87\xb1\xa0x\xfd\xed\xde\xf3C\xc8-8\x92\x88X\xfa\x04e\xceH\xa1\x91D\xa6\xd6\x0c,f\xacP\xf4\xb1\xden\'\x0b*\x9cZ\xc9e\xd3W&lt;*\x06\x15r\x9do\x03\x14&lt;\xce\xcf\x7fq*\xc6\x95\xe7\x91Mu$,\xbf\xbe\xa4V\x7f\xc5\xde8\x89e\xcc2\xf55\x8c\xd5\xad\x1d\x8bXjW+$\x86n^\xda\xedZ\xb2\x80\xd5\xbdu\x99\xc6\x0cE*\x95\x8aM\xab\xf3s\x86\x05q\xfe\x8ba10\xd4\xeb*\x9f\x86\xc8\xe62\xac+\xf8\xb5\xde\xf3~H\x98\xb0&lt;\xd7\xca\xb8\x7f\xe0\\\x04\t\x96F\x86\xe9\xf5\xbb\n\xa1\xd0}=\x0e\x81\xadP.\xe6#\x91J\xb0\x12\x0c\x06/8\x16"\xb1H$\x12\xdb\xe7\xa0\x16\x80\xfd\xd2\xe5\xaaD\xae\xd2ix\xa4\xf3\x97E\x19{(\xca\xf5\'J\xcc\xd5\x82)\xd6\x9cySC\x9f\xe0\xa3Tll\xe8+\xd8i,1:\xea\x15`.\x83\xf3\x86n*\x1d\t\x06W\xe0/\xb8\xb2rq\x88Z!\x12\xa8\xb4\x9d\xd0\xe5:gd\xc0u\xb8\x02\\\xc0\x04C\xf5[6\x17\xdee\xcd\xb1\xdd\x1b\x9f\x11j[\xf2\xf0Z5g\xaeC\xf5\xc2i\x0eH*\x8a\xbc\xd7XX\xdcZbi\\c\x8b\x1bh4\xc5l:\x88D\x95\x95\x95\xf5\xc3\xc3\xd8\x01x\n#\xc1\xb0\x12\x9c\x8c\x81\x1d\x1c\xc4\xd6WVV",\xd2\xdf\xf2\xa9\x0e\x18s\xb7 \x15j\xcd{*X\xa6\x16\xf8\xe2\xd8\xc4"z\xe6\xf8M\x05\xca\xeb\x96\x13\x8b\xb5h\xc0:\x1aV\xe3q\x15r\x10n\xfd\xf8f`\xad\xaf\xaf\xc7\x02\x81\xbd\xad\x84\x8e\x03/\xb7\xb7\t]\xb3\xbd\xedm\x18\x91\x00\x1edjE\xd2y]\xae]\xc9\xdf\x18\x89\xf6BO\xac\xe5\xbaY\xf7\xe1\xba\x84\xb2\x92e\xc2\xd8\xa8\x8c\x12\xff0\xac\xb6\xb1f\xc9\x99\xe2\xd7\x9d\xc82P\xad\x80R\xb1X\xe0\xcd\xd6\xd6\x97\xc5\xc5[x0\xa8\xb5\xc5Db\x1e\x19\x13{{\x81\x00\x93\x0bJ\x98\x8e\x95\xed\xe0$qW\x8aW\x9fD\xc7\x82\x95X2Q\xb3%\xbb\t\xab\xec\xb8t\xa5\x96\xa1\xec%&gt;\x14\xda\x7f\xa9\xb2R\xaat\x8b\xa9o\x1f\x97\xdf\x03\xd4\xe1z\xec \x10\x08|\xfa\xb2\xba\xba\xb1\xe4\xf1\xac\xad}X\x04\xac\xdb[&amp;\xdd^"\xb1\xb5\x07X@\xcf\xb3x\nY\xcc\x16\xa1\x07!Vc\xe4&amp;\xf6[\x12\x82\xe1)c\x1f\x03 \x86B\xd4\x9a7Xd\x94\x15\xd3q/\x0e\x86\x97\x00\xebk\xfa\xf32\\l\xfd\xe0\xe0`!\xf0\xd7\xa7\xad\xef\x1b\xab\xffY]]}\xe7y\xe7Y\\\\[\x04\xb0\xdb\xdb\xf9\xf9\xad\xf9y\x90k\x01\x92\x08C\x83\xe9\x95\xce^\xe6\xba\n\xb6\xc6v\xf3\x98\xda\x96\xebz\xd52&amp;\x87\xe6}\x07b\xf5Cg-5\xc5bXhy\xa5{\xb7s\xfaq\x19\xcc\x0eZ-\x04\xde\x04\xfe\xfb\xe5\xdf\x1b \xd7\xea\xbbw\xefV7\xd6 &lt;K\x8b\x8b\x8b\xf3\xc0\x05j-,\xc4\x0e\xdf\x03V0\x12\x04\xb9\xf2\x97\xb9\x96O\x05\xcb\xb7\x87G\xb6\xb9\x03N\xa0mw\xf3\xd8\x1ev]\xddd\x98H\xd1\xa6\x92&gt;)e=\x91\xab\x05X\x99\xbb\xec\xe9\xf2{0\xfb:P}\xfa\xf4\xd7\x97\xef`-F\xb2\xe4\xd9\xd8\xf0\xacy&lt;\x9e\x0f\xf8\xdf\xd6\xde\x9b\xc0\xc2\xc1\xdb\x18\xa8\xc5\xb8"\x91\xcfPQ[a_\xbc\x10o?\xdf\xb8\x9c3\x07\xbcU\xe5\xb2\xcdBy\x12\x89\x99O&gt;\x12\xcd[\xb1T\x1f\xabb\xf9\xa9\x87\xe54\x0e\x03q\xe7\xf3\xfb\xb7\x88\xb5p\x00X\x9f\xbelmm-.-y\x96&gt;\x80P(\x96G\x97\x0b\xb4\x8a\xad\x83\xa8\x80\xa5s\x9d\x02\x96\xbfP(\x80\xe3\xcb.\x83\xcb\xba\'D\xac\x9c"\x83\xe8&amp;\xf6\x12\xef6\xe7\xc9\xd4l\x96n\x1a\x1a5\xc0\xf2\xf1xr\xf3\xc7\xce\xc7\xb71S-xl\xcd\x7f\x07,\x1eH\xb5\xb6\xf6?&gt;\xcd6&amp;\xad4\x8b\xe3\xf7\xc35\xe2\x17\xad!7\x1b7\x10\x8c4D\xde4\x08\xcd \xa8\x14E\x17_\x00e\xe2K-Q\x0cMj\xc1\x88D\\$\xf8\xb6C\xb1Y\xa8e\'\xa1\xa9\xb0Mi\xaa\x16I#!\x99q\xec\xa4\x9d\x10\xd2f\xfc0i\xf8\xd2\xce\xee\xc4\xb8\xd9\x9a4\xb3\x9dMw\xfb\xc5\xa4\xf3m\xcfs\xef\xe5ra\x92}\x8c\x1a\x021?\xff\xcfy\xces\xce\xff\\\x84u\xf5\xfa\xa3\x8dq\xc8\x0f\x97/3X\x03n\xdf\x114r\x7f\x9axxk\x84\xd1\x06+e\n\x96\xfbEn\x13\xdb\xdf\xa2\x9cS\x9c\xc2*v\x88\xb0n}\x0fP\x13\x17\xa7\xc3\xb1\xa0B\x88\xd4\x1aohh\xa8\x17\x89\xec\x94Z\x9d\xd4\xaa\x8b4#\xae\xba\xcf\xf6I\xae\x8d\xe2\x1e\x02\x96I2\x10\x8c\x1dM\xff\xfe\xd2\x04\x84V\x0bVy\xef\xb1\x17\xbdc\x18\x13\xf1t\x19X\xe9e\x02\xff\xcb\x03P\x7fzz:\x9cX\x92C$\xa3\x80o@\xe9\xc1X\xbf\xb2r\x81\xdfIm_g]s3\xa9\x17\xca\x13\x90\x1f\x10\x17\x89E\xa2\x99fc\x9b\xc3\xd3\xf0\xdf\x1d\xdc\xac\xc5\xe8\x83\xc7\xf2\x14J\t\x83\xf6q\xb1\x8a\xc0\xc2+&lt;}\xf4\xfe\xce{\x10\xebpx8\xed7\x08\x01\x0b\x16\xfc\x82\xa3\x08T+\xfb\x94R\xf0\r\x9b\t`\xe8\x15d{\x11\xc8\xb5A\x8b\x05gQ\xa1\x88\x06\xd2\xc3\xd3\xf0g\x0e\xd68XU5\xbb\x17\xe4\xb0\n,&amp;\x9c\xca,]\x96k\xc7\xaa\x87j\xee&lt;?\x9c8\x9c\x0b\xa7\x13f\xadF\xda\x00\xe9{|\x1c\xd4\xaa_\xb1_\x80dU\x17\xc9\xc0\xaa\xeb\xdc\x07\xa8\xcf#d\x90\xf1Q\xaa\x07\xc1.\xb7mS\\\x12\x85\\\xb1\x14\x0b#\xac\xf7\xb79L\xf1\xc2\xaePY\x17\x0f\x07\xaf\xc0\xaa)9\xba\xac\xbd\xc7G\xde&lt;@X\x89\xbcS/\x95J\xd16"\xad\xec$Us$33c\xb1D\xd0&amp;F2\x11`\x8b\xd7\xa1\xacz\x95\xca\xa8\x94^\n\x85\\\xe7\x0c \xac\xc3\xe7wpV:(\xf3\x84\x98`\xa6\xd4\xaaaZUzZ\xc0\x18]\xf4\x07[\x8e\x9f\x1d&amp;\x01\xcb\xac4r\xa5\x08\x0cB^Z\xdft\x81\x7fm\x0bXf\x10\xd6L$\xd2\xdc\x9c\x99\xc9D\x00-\x12\xefD\'\xd2\xde\x04\xa7\xa2a\xbc\x8d\x14K.\xd7-\xa4\x87\'&amp;\x92\xff\x1e)\xc3\xfaM\xdf\x8cQ74V*\x17pVl\x95\xa9U{\xfc,\x99|\x90MX\xc5F\xc4\x05q\xd5 \x155\x11\xea\xc6\xc9\xa1\x9e~`\xb2\xc0w&amp;\x03\xb2\xa1_\xb0\xe0&gt;\x1a\x1a\x9a\x14\x08\x8c&lt;#\xb7\x01ez\x83B\xa7\xd39\x13I\xc0z\xd3\x82\xac~\xa6\xd6\xe3\xb0\xdb1J\x07\xf2*\xc4\x8a\x19\x94\xb9\x10K\x9fcN\xc7\xf1\xe3\x07@\x95w\xf1\x8cF1\x97\xc4\x12\xd6\x13\xbd\xdd==\xfd\xa3]]]}}]\x14\x9a\xa5\xafk&amp;\x03{\xda\xdf\xd3\xd31\x06\x8b\xd7&gt;\xa8\xd7\x99\x96L\n\x84\xa5R\xe5\x87\xa7\x0f\x1f\xfc\xd0\x82s0\xb6M\x8bqJ\xc6\x1b\x13h8\xc6\xaa\x95Ke)\xcea\xc6"h\x0ev\xfc8\x9b\xcd\xe5\xcdz\x9e\x91\x07XR\x8d\xdcd\xf8\x9bgq\xd1\x06kt\x19\xb8\x96\x97\x01\xac\xcb\xd2\x05|3\x16\xc0\xea\xb7\xdd\x18\xf3\xa4\xf6\xf6\xf6\\V\xb3?\x110(\x0c@\xa57\'\x93\xc9g\xc8\xe6\xc2\xcb\x06]tk_\x8d\x95\r\xab\xf0\x12\x14UH0\xe3;\xe6\xbc\xe0\xc7\xdfgs\x05\xb3u\x90\xc7\x03\xb5T:\x83;`^\x9f\x7f\xf7.\x95\xf2x&lt;\x8b\xb6\xa9e\xc0\xa2\x16\xd2\rQ\x8d\xa5\\\xeb\xf9\\.\x9fO\xc4\xb2\xb1\x84\xdf\xe0\xd4\xeaT\xfa\xf5\xec\\\xf2\xf1W-\x9cjffGO\xde8L\xc5\xc5\xf8!\x18\x1b\x8a]/3!Y\xcd\xc1o=\xcc\xe5B!W\xbb@\x00j\xa9\x14\xe6D"\x97/\x14r\xb9l\x0eV(\xb5h#7\x93\xc2\x1a\xed\xee\x95\xed\xad\xe7\xd2\xc3\x17!\xd5\x85\xd3\xe9p,\x11["\xb1\xde\xe5\xb2s\x0f_\x02V5\x87\x99J\xd2-+u[\xb3\x9a|\xac\x9c\ng\xe7\n\x1a\x1f\xafy\xf9\xaaP\x08\x85T2B\xc0\xe3\x89\xf5\x06\x7f"\x07PId\xcd\xa3iE~&gt;5f\x1b\x85\xd0\xb2\x00\x98\xe5\x8aLoM\x84\xbfE\x06\xe1\x1f.\x0e\x87\xb3\xe9t"\xe1\'\xb1\xf6\n\xb9\xc7\xaf\xa0\x1fc\x1a\xb1\xaaR\x11\x8f\xc8p\x1a\x0b\xa3\x0e\xe4\xff\xc3\x82\xf7[FFv~\xc9\x15B\xebz\x99Z\xc6\x13\x8b\x95\xfeD"_\xc8\'\xc2G\xe1p8\x1d\xdeL\'\xfc!\x97\xecF?)\x97e\xb4Wi\xf5\'\xd2\x9bh\xa5\xd3\xb1D \x01\x9b\xb8\xa4\x85\x90\xd7\xa7B\xb9\xdc\xbf\xd6\xd6n\xee\xb4\xd0\x7f\x1a\xf5\xac\xe8\x0bY\x0f a\x11\x8b4"q\xbc\x86e\xb1\xe1\xac\xda\x94\xea\xd3\xbe\xbc\xf5\xc3W;?\x82Z\xf3\x9ev5\xc1\x1b\x1ct\xf9\xfd\xe6Ph=\xe4\xcf\xbb\x1d\xbe\xfb&gt;\x877\xb8\xb4`U\xf6\x8e\x92\'r\xf4J\xbb3\xe8\x0e W\xc4\xe7\xf3\xc5b\x01\xbf\xd9\x1f\x08\xd0X\xeb\x85\xc2\x8fo~^&lt;yYK\x059\xd9\xf2\xd0M+\x1dp\x8c\x925xMe\xa9\xcc\x9eY\xdf\xfeh\xb3\xef&gt;=&gt;@X\xb21\x84\xa5u\xce\xbb\xe6\xad\x0b~\xb7;\x18t\xdfs8\xbcK&amp;\x83V\xd9\xde\xdf\xf5\xe4I\xdf\xf2\xe7\x84\xc6\xb0\xe4v\x00\x14\xd0\xc2\n8\x82\xa6\x05\xff\x92S\x05\'15_(\xbc\x9f\xdf\xdeo\xfe8B\xde\x8b\xc5\xb6\xb5\x8a2\x1f\xd8WP\xb1H\xa5\xfa\x8c2&gt;2\xb4j\xd6~\xca\xec?R=\x7f\x15\x02\xac1\x19\xd1\x0e\xa9\xc8\xa5Rj\xa3^\x08c\xa7\xc9d\x8a\xba\xbdPI\xab\xc4D\x07`=Y\xee\xe6\xca\xa1\xe2\xbb\xef\x0b\xc0\x19\x84\xa82\x9b\xdc\x0e\xb7\xd3`\xd0\xaaTJ\xbdg\xde\xbc`\xfe\xeb\xa3\xfd\xfd\xa7w8\xc5\x81.\xd3Nc\xe5\xe3(\xac\xc2y\xa8\x98Y\xd7\xde&lt;\x89\xc7O\xefj]\xce\xf5=\x19\x84&lt;\xc2R*5QoT\xe52\xc76\xd3y\xf3\x82\xdb\x1b\x8cj\x07[;,H\xadI\xa1\xc9\xeb\xdb\xbc\x1f\xc8e\xa7\x91\x87\x1a\x8e\xb9\xbd\x0e\x13$-\x12ko]\xb2}w\xe5\xf4\x1c\xa9E\x85T\x15\xc3\xc5.\xbf\xd0\x0e\x97v\x0cG\xf3`\xbc4\xe1\'\x13\xfc\xcd\x93s\xe0ztW\x0b\xc7M&amp;h\x97\xb5\x0f\xb6\xb7s\xdb\xee\xcd*\xfca\xe4S&amp;\x0by\xd8HoTI4\xf6&lt;\xe9\xeb\x9a\x12\xc8\x83\xbe\xcd#_\xec\xe0\xe0q\xf2\xd2\\\xf2av\xd3\xbb:+\xd7p\x95J\xc0J\xcd\x0bE\xf6\xad\xf33\x84\x85\x15\xcf`q~Z\xe1\xcd\xd3\xee(^a\x91\xd0\xcf0\xd4\xac\x9d\x9c\x9fF\xe2q&gt;\xd7\x85\xf6P6\xd6\xda\xaa&amp;\xa4\x92\x01C,\xfc\xec\xc1\xb3\x89\x07\x0f\x7f\x99w8\xee\xfb\x82\x06\xe3V\x1cR|\x8f]\xe2E\x1e`\xfe\xe7\xf7\xd9\x8b\xbf\x1b\x9e{\xf5i\xf3&gt;\xd4\xff\x1a\x8d\x06\xb8&lt;)\x97X=\xb9uv\xf6\xb1\x05\xfa\x8a\n\xacR\xa7O\xd6\x84\x18\xcez\xbc\x03\xf5\x95\xe5!\x8f\xd4:\x85\xeb\xae\x87\xd8\xf3\x8c\x8d\x11\x84\x0c\xb0\x04\\\xb9\xc4\xb1y\xf0*7w)\\x\xfe\x8d\xd9{\x0f\xe2\xba\x81\x1f\x9f\x89\xc7\x87D\x03^\x87\xefh3\xf0\xeeS\xf6\xebo\x8fr\x9f\xde\xb9c\xf7\x06\x14r\x1aK/\xeb\xee8}\xfd\x1aaa\xc5G\x18\xaa*\xb9\xa8&lt;K\x030\xa48{\xc2\xcf\xc1o\x9e\x9c\x9d\xcf\xf4u\x8dv\xeb=@E\x10\xad\x90R\xb9m\xab&gt;o\xeaS.}\xb4Y\xf8Gj\xe9\xed\xdb\xd5\xd5\x81\xf1\xfdx\x06\xb06\xb6W\x83^G h\x9d\x0f\x05\x02\xf9u\x97\xd3j\n\xceJ\xe4B\x8dF\xaf\xf4\xeczz\xaft|\x87\xb0\x8a\xbd4\x95"\x98\x9f\xd5\x94+Ac\xd1\xcf\x9cP\x87\xb3,\xe41\x0e\x89\x05\x97J\xbfg\xb7\x97\x90\xa9\t\xb5\x80W/U\xccF\r\xda\xbdus\xc0m\xdds\xfe\xf3\xad;*\xd9~\xc4\x8f\xc3\xda\xda\xd8\x9e\r\x06\xbd\xee%\xab\xd5`P\xb8\xf6RJ\x9d\xc2 \xa1\xb0\xf4\x9e\xdd][\x7f\xa3\x1d\xb0ji\xa7\x9b\xed \x91\x88\x18\x87\xbc\x83\x80\xab\xb2\x82\xc7\xd9!\x8fak/\xce:\x11\xd6\xe8\xe2b\xaf\x8cP\xab\xd5&lt;^\xbdP\xae\xd3p\xf5\xa9\x94\xca\xa0U\x18L\xd1\xd5\xa0I~\xf7zg\'\xc8u*j\x03.\xef=w0*i\x93k\x94B\xb9A\x02|r\xa1\x94+\x06\xacE\xdbX\xe3\xd0\xf9\xd9\x7fj\xc9\x04Q\xf6|E\x89\x0c\'\xfbl\xbaQ\xc5\x8bI\x16\xc7Y\xf9\x01\xab\xde99\x8d@\x1d5\xbal\x03.B@\x08\x9ax&lt;.Z\xe2v\x8fX\x085\xde\xaa\xd7\x1d\xd46\\\xbf\xba\xd5\t\xc1e\x17}\x01\\\x90hgg\x07\xb6%r\xb4tm@%\xe4\x8a\x07\x07\x07w\x17\xc5\xbfnLn]\xfb3T\x80Uth\xd1NnQ:\xea\xd6\x86\\[\x83\x97\r\xf7X\xc5*Y\n\xde\xfe\t*\xa8\xad\x8d\xc9\xd1\xbf,\xf6\xf6\xaa\x89\x0bMMPF\x90db(\xbd.Kf!\x99\x9bDW\xf7\xf9\x8d\x9dqK\x86O6b\x03\xb3\xd1(\x92\x88\x0b\x95\x90X*\xd4\xc9A-\xf1\xa0\x076\xf1\x8b_?|\xb7e\xfb#\x85\x8513\xf0\xea\xe2]D\xd6\x11t\xf0\xb3\x86=5L#[K\xe5-\xce\x9d\xa7\x96)8\xd3\x936\x1b`Arhj\xe2\t\x04\x02\x82h\x1f\xeb\x95\xf1\xb8B\xd8D\x93Bd\xe7\xf3\x1b\x87\x86"3\x99\xa1\x95\x15\x91\xb1^4.!\xa9xp&lt;\xe0\x80h\xe4\xf0B#\x86\xd2l\xf1\xef\xaf_\x9f\x9d\xbe\xd8\xe1\x90\x97\x0f=\x17\xae\xa6\x9f\x05\xa9f\xdd@\xec\xe9\x1d=\x96\xc5\x8b&gt;\x04\xf9\xd6\xc8\xc7\xe5\xf8\xf9\xd9\xe9\xd4\xd47$\x96\xa0\x9e+\x06\xb1\x08u\xb7\xcd\xd6\xad\xe6!)\x84F\xfe\xd6\x10P\xf5@\xaf\x11\xb7\x1b\x8d\xd7\xae\xd9\xed+\x1b\xd0J\x8a\xec\xa0.!0J\x85h/\xc5(\xb4\xae}x\xfd\xc1\xfe\xe2K\x0eR\x8b*\x8e1f&amp;\\\xe6\xf2\xfe\xe69\x08\x0e\xbd\xab8\x95n\x01\x0b\xc4\xfa\xef\x8b\xe5\x1b\x8b7z[\x89&amp;\xae\x94\x0br\xf1?k\x1c\xean\xbd\x00\xafD\xf6\xc9I`j\x1c\xea\x98\x82\x82+\xb3\x05X\xff\xe3\xdb\xfcB\xd3\xc8\xf68&gt;\x0fS4/\xad"&gt;,\x18\x94\x08!\xd3\x98Hv\x06\xe2\xbf\xc6u\xfc\x83VmHR-\xce\x95A\xe9&lt;T\x85\xd4\xe0\xf5^K\xd3\xdeb\n}\xb0&amp;\x86]h\x0b}\xda\x18\xb2\x10\xb8 \x01\xc9\x8b\x10Ha\x1f\xfa\x9a\xbb\x9a\x1bR\x92\rK^\x92f!\x14\x1a\xfar\x7fg\xc6\xd1\x19\xcd\xde\xd3"mh\x93\x0f\xbf\xdf9\xbf\x7f\xe7{\x18\x86)\x0f&amp;\xa0\xb5\x05#\x96\x07\xcb\x9c_c\x83\x0e\x03\xed\xf8J\xfc\xfcjo\x11\xb0\xc0ZXWr\xd1\xbf\xae\xc1\xc2;%5\xe2\x9f\xf9\xd3q\x08X5_%\x95J\x99uj\rPY\xd0\xdc\xe1\x96A\xa5\x1aR\xa9B\xd0N8\xde\x85B\x0ew\x04\xaa\xf9dH\xef\xf7\x03U(\x14*\'\xa0\x91\x84?0\x8cV\xaf\x19\xb5\x81\x13s\x80\xb5w\xb5\xf7seU\xb87\x97V\x0c\xbd\xb7\xe3\xf2\xc9\x9c|\x80\x82\xdc=\xb3]\xfeyo\xef\xb0V\xe3\xb1\x86\x00Ko\xa1\x1d@RzW\x0e\xdd\x01\x1a\x96u\xbb\x81\x8ae\xa1\xc3\xf0%\xdfq\r\xbf\xdf\x9f`\x1cnG\x19l\x05_w\xc7\x19\xa8\x87\x08\x17\x9c\xc3z\xa5qu\xb5\xf7{|UR\xc0\\\x7f\x03+^\xdc\xf7^\xd3\xc2\x16\x13N\xc4\xccv\xe8\x0b\xec\xd3\xc2N%\x9e\xf2z\xadj\xb5\x96\xa6\x1d\x91\x82\x0f:\xafR\xc9\xdd^\x0e\xa0JN\xfb6\xa7\x92\x0e\xa6\xa1i\x15\x8b\x8b\xf0\x05\xb7\x03\xc1\xee\xb2\xd0\x05i!\xc3/T\xeb\xf5\xca\xf9\xd5\x8f\xc3\x8b\x07\xcb\xb8\xb2g\xf2&amp;\x11(\xf5\xde\xb9\n)Q\xd2N\xf2\xc5\xec\xf8\xe7\xddd\xe2\xf7=ng7^Iy-zm,\x0e\xfe\xf2\xd5|\x85\xe9d\x01-\x16zU\x06\x8c\xc2\x02\x96o\xca\xcd4\x86[\xad\xb7?&amp;\xd8\x02\x0bkw\x97\x05+3\x90K\xad\x0b984W{\x83\x8e8\x9f\x12\xfb/\x81{\xd4\x8c\xb2\tX\xa7\x1a\x13\x03\xc9\xcd\xad\x03_\xa1\xbcw\xc5\xee\xd6+q\xd8\xf3t&lt;\x00M\xab\xaf\x06\x0b&gt;\xa0Nv\x0f2\xcc\xe1!x\x13r\x81o\xda\xcdp\\\x88\xf1\xbf-rl\xc1W\xdb\x85\x05\xd6\xf2FM&amp;S4W\xaf\xd2\xfe\xc1\x08[y\x85)\xfb4?\xbd\xda\xcf\xf6o!\x15`\n\xb9\xdc\x07\xb5=\xcf\x0f"S\xc9/W\x0c\xc2J\xa5\xe8X \x10\x00\x1f\xd6vv\x00lg\xa7P\xfa%\xc1\xc0\x06\x7fWJ\xb6\xbd\x88&lt;\xe7h\xbd}Qf\xa7j;\x00\x16O1^\xa02\xe5r\xb9\x05C \x12\x89\xec\xfe\x03\x13:{i\x94\x12~\xe122\x04 \xe8\x11o(\x14\xdd\x7f-\x9c\xd2\xd7\xfb\x11\xdf\xe64;\xe5\xabW\x10W \x02\xdf\xba\xe0C\\\xb0j\xd3w\x16\xb9P\x92o\xc5|P4o\xd6Xw\x04\x1c\xcb\x19\x8b/\x18\x16\x99\x8bu3^\xc0\xb2Fs\xb9j\x90\x0b\xb9\xd9\xc8\xfe\xaaR\xd9\x11\x8dI\x0f\x99\xd8\x9cJ\xb0:\xdd\x9aB\xda\x86\xa3\xff\xba\xfcq\x17~\x1c45\xf1z\x1c\xfc\x11\x10\xac\xd5\xc6\x9az\xb7\x08\xc6\xf2m\xee\xecl\xfa|\xf0\xb1\xf3\xdf\x02\x9b"\xf4\x0e\xceo+.\x86\xdc\x00\xe8\x06cE\xa3\xc8\x87\xb9j\x94A\xa6\xdc\x9e\xe1\x0b9Ah!=x(\xb3\x08s,e\xe7z\x83\xcf\x8f\xc8@x\xcf\xb5\xfb\xc0\xd6\x01P\x81=\xe2\xc8\\1\xb0V\x80\x9f; \x17\xfa\xdc\xbf\x0cC\xf0\xf4m\xbaM\xa9\x022\xd7N\xad\x10w&gt;{;\xeco4~xQ.EX6\xc0X\xa2&amp;\x00\x03\xac\r\xc6\x01Q\xae\xf0\xf9\xa6\xd8\x91vdv\x18.\xdc\xa2\xe0xwb\x84+\xdb\x99\xbc\x93\x9e\xe4km\xdf\x07{\xd9\xe7+\xe4*\x95\n\xb2\x158\xb1\x00\xf6\x02\xb0B\xe8oC\xf1P\xd9\xcd&lt;{\xff\x86\xe4\x1b\xc5H&lt;\xb8\xf2\xe8n\xd1\xdf\x88j\x8a\tG$\xc2\xc6\xbd\x164\xbcA\xd6\xda\xe0 \x94\xb8\xf7\xd7\x06\xda\xa3\x8e\xb6\xb90\xdeP\xd2\x92\xb8c-~\x14\xd0\x9f\nx\xf4\x99W\x07\xc0\x00\xa7?\x0eXq\x1e+\x92D\x06\xab\xf9\x92\x86E\x066O\xa3\xf8\xe6\xd9D3\x8a\xc2*\xb3\x90&gt;~v\xdejp\x9c\xe9\x87a\x88$\x91\x98\xd9\x1c\xe5O\xa2\xa9\xfa\xd5\x04\xc1w\xff\xe5\xcc\x80|b\xd5\xa5\xba9 \x9d\xaf\t\xd3\x00\x05\xd6\xa7E\x13\x8c&lt;\xf0\xfa\xd5~\r\xb6\x17[GX\xb19\xc4\x05p\xc8~\xa5r"\x0e\xe7\x8ek}?\xe6ZX\x08\xeaFm\xcel~ie\xac\xe9\xf778M\xb1\xec\x98s\xd0Q/\xbf\xb7L\x0b\xd5\x93\xed\xfd\xed\xcfk3\xbcH\\"\x06\xc6d%1\x8ew4e\xca\xce\x1c\xa7G\x19(\xb8\x1a_~\xf9\xe7\xfe\xce\xc1\xc9\t\n\x11\xb1\x18o\xaf@)955]\x1a\xb4\x00\x95\x83\xe1\xfc\xcdt\x1a\xbaZ[3\xfc\xf8\xc9R&gt;&lt;a\xd4\xf8\xf5:\x88\xf5\x8e\x90\xd9\x0cTV+\xb2\xd6\xc7\xd5\xe7\xab\xcb7;\x97\xbcR\xd9\x01\xde\xb9\x1c\xc7;AB\x81)z\x8c\xa5\x94\\\x16\xf0Z\xef\xe5\xb5\x0f[\xcf\x7f\xfd\x9aK\xc5c\x02W`\xee\xdfI\xc0*Cx\x07\xaa\x86\xcb&gt;;;\x0b\xads3\x1d\x9e\xcdg\xa1\x064\x92\x1a\x8d\xf1\x81a\xc4\xa0\xd5\xf2.\xb4Z\x17\xaa\xafn\xf2\xa2\xf0n\x13*\x17\xd2\xf0EUW\xa3\'\xa85\x14\x7f\x913q\xa1\x9bD\'\xf4\xc3i.\x05\xd6\x8a\xd1\xc0\x15\x98C\xf1\xb3d\x80\xfd\xc4pA\x9e*Mef3\x94\'{/\x9f_\t\x87\xed\x94\xd3y{\xe8\xd6\xa4^k\x06&amp;0\xd7B\xfd\x83\xa0\x1d\x97lm\x99,\x16\xc7\x07\xa4b%\t\x96L\n\x84I\xd5T\xe8\x9c\xae\x9d\xd4S^\xe0\xe2#\xfdH)\x19I\x1a\x18\x87Y\x17\xa4\xd2v{6\x0f\xc6\xf2,\xadP\xf6\xfc\x93\'\x8f\x9f\xa0\xd6g6\xfd\xe8\x81\x01\xb0\x80*H@\xe5_\x7f\xd9\xbeY\x15\xfc%\x17%\x8ajg\xc9}\xb1L\x17!Q\xd1\xb6\x93U\'\xda.oWSPE\xc4\x90\x1f\xe7\xd0\xb8\xbb\x84F\x12$\x95N{\xd2\xb3\xd9\xb0S\x13\xce\x87I\x8d=\xbb\xf4\xf8\tZ\xd9l\xfe\xaejR\xaf\x07(\x17I\x04]\xa7\xcf\xdb\xc1J\xdc\xd8\xd7\x88\xfe\xb0\xee\x9d\x00v\xa3\xfd|@\xa6\xa1\xed\xd1\x7f#{\x8e\x7f\xae\xa7\xe2^\x13M#\xac9\xd8\\\x06\x1bI\xad\xcf\xcf\xce\xcfz\xc2\xe9\tg\x83+~\xff"\xc14\x9c\xe1\xf0J\x1e\r\xb5\xee\xdd{\xa4V\rY\xad\x04E\x12V\xd3\xc6\xe9\xaa\x80\xa5\xec\xbf\xc2\xc1\xe4&amp;\xc1\x94\x9d\xbb\xf5\x1b2\xf5\'\xd6\xf3\xeaA\x18\xf5|8\xad\xa7h/\x8d\xb8bs#s%-\xec\xa6\xf9\x7fe\xe7\xd3\xcef#\n5)\x14\xca\x87\xe5F\xc3\xdfh:\xd3\xd9{\xb3\xb0\xcbl`,+\xe1"\x82Dp\xe3\xd3k1\xdf\xe0\xd7*\xdb0iS\x81I\x9b"\x99D\\B\xd5\x0ekk\x9f`s\x99i3,zd\xe4\xd6\x88\x8e\xcc\xcc\xcfga\x9fC\x9d\xcc5Z-\xff\x97V\xeb\xec\xfc\xec\xac8\xd6\xa4\xd0!\xc8\x86m\xd0\xf8\x90\x04\xe1\xb2\x93\x80\xb5\xdc\xa7m\xbb\xee\xc9\x8a\x88%\x8e\xa1e\x0fC$QL\xd4\xa4C\xcfx\x82\xac\x05n4\x99\xee\xd3\x86;\xb7\x08*\x03k\xc3\x15l4Zg\xb0\x9a\x00uttt||\xfcl%\x9cF\\N\xbd\x86\x04,b\x82\x0c\xae\x9f\xcc\xc8\x0b\xd2\xcep\xe6:.\xf1 \xf4\xea\xab;\xbdZ[-\x84\xfe\xb6\xbc\r\x05&amp;m\xf6\xd2h\x9e\xa4\x9a\x0c\x11\xd4\xfa\xba+\x18$\xc7\xcea\x01\xcf\xd1\xf9\xd1\x9b\xe3\xe37\x0f\xdf\xbf\x7f\xff\xcf\x87O\x1f\xdf\xcb\xe6\xed\x04I\xa1~\x1aJ\xf9?\xb6\xc7\xe5\xdf\xbf\x17K\xf6s\xc51jwH\xd8\x16\x9a\xf5aa\xca\xf1\xcf\xa7\xa8+\x8by\xc1\x8b\x16\xcb`H\xe7re\xd2\xe1&lt;\x1a\xa0&gt;=\x16\xd6\xd1\xf9\xd9\x11\x80\xfd\xf4\xf0\xefK\xe1,8\x91\xf4\xd8]ABC\xb8\xd6\xff\xd8\x92\xbc\xb8\xe8^\xa1*\xa5AB"\xf8\xe6\xe7#"\xb8\xfc\x1d\x89\xfca\x01\x86\x8fo\x9d\xe6\xe2^\x1aa\xd1&amp;\xbd\xfe&gt;A\xc1\x16z\xfc\x10\xad\xa3\xb3\xd6%\xac\xd6\xe5\xc5\xe5\xe5\x19\xf8\xf1\xc8cw:\xedN\re\xa7H\xe4Fj\xfdt\rS\xf6\xa8\xcd\xdbw\xcf\xf2\xf7Q\x1dY\x19\x86\xc9^K\xf4;Q&lt;\x10\x03/\xc1Zt\x0cb\x17m\x0e\x12:o\x90\xcaPT\xc6\x1e\x06\xf7\x01\xd5\xc5\x05b\x82\xcf&amp;\xdaf6h\r\x9dN\x9b\x07\xa8(\x82$3\xb0\xb5$m\x83\x0c\xab\xf7\x15\x01J\xdd\xd8_d\x1d\xc9\xc3\x82\x1b\xe2\xf0\x02\x7f\xfe\xa9\x8aZ~\xdaD\x9b\xe1\xdc\x07\xa3T\xc6e5q\x90\xa8\x9b\xcd\xd6\xe5\xb7o\xdf..\xd0\xc7e\xc3\x8f&amp;\'\xa8g\x1duR\xa4\x8bt\x01\xfc\xc6G\xa5,\xf1\nXb\xbd\x89\xf7dc\x11\xeb\xda\x87f\x12\xfd\x04_\xb7\xe2\xaf\x7f\xabBZL\xd1\xe6\x98YK\xb8\\&amp;\x82\xd0\x9a\xe9\xc3C\x0b\xc75\x1a\rDuxxq\xc1qzh\xa35jt#J\x92v\xbb\x0bq\xad\x7f\xdd\xeaLb\xba\xb9ML\xcd8.\xefe\xf9&amp;U\xd2\xe0b\x92\xc2\x02\x93LXq\xa1\xca\x99\xf9O\xb5\x9a\x8a\x9a!\x9e\xde\x07\xac\xa0\xce\xaa5\xdf7$\x06\xef\x1b\xca\x06\xe8\xed\x87\x91\xd0\xe7vq\xcc\xf8\x1d\xba\xa1\xd5 ,\xa3=\xed\x04/\xaeS\x99\xd3U1(\xf7\xe8\xbd\x85\xb1G\xef\xc3\x83\x9e\xe8*\xcb\xed\xf2J\x02\x88\xc7\x7f\xad.T\xadQ\x84\xa5\xb7\xba(\r\x9a\x0eZ\x0c\x93\x06\x83J\xb58:\xb6\xf2\xf4\xa7\xa7\x90s\xee\x8e=@\\\x80e\xa3\xe0 \x02V\x06R\x14l-\x858\x1d\xed\x7fV\xd6\xf7`\x10\x93\xca\xd3\x95b\xbe\xbaN\xcf\x8f\xb0^\xd5\x83\x1b\x0bQ\x08\xf1\x93:\xd8\xc7\x84^;\xa8\x1a\x9cT!\x9d\xcd\x90\xda8\xb1\xb2\xb4\x94\xf5\x185j\xb5zx\xf4;\xa3\xd19a\'\xd3\x198\x90\xb3\xf3\xeb\x99\xdf\xc6\xdbzIQ\xb4,\xdd8|\xa9\xda~\xc3\xa5\x10\x0b\x1bY\x82\xc6\xfb2(\xde\xc5\x1a\xd8:\xd5\x077\\V\x8bE\xa5\xd7\x106\x82\xd0\r\xf1\x0b\xc0\x90\xc5\xfc\xa3F\x9b?\xa1R%\xd4\xa3\xc61\xcf\x84=\xec\xb1\xdb\xa1\xe8\x81&lt;\x94\xc9l\x0fH\x1f\xa2I\xe3&lt;\xaf_\xe9\x8a\x87\x15\xe2\x05\xa8R\xf9\xff\x9e\\J\xa6%7\x07&gt;\x9c\xea\xf4\xae\xa0U\xafSY\xf4j\x9b\x86t\x8e\x82e\x86\xd5j\x95\xc109\xc8\xa1\x95H\xe89-\xf0M&lt;\xba\xed\xc9\xe6\xc3v\x0f\x14=\x90\xcb\xa9m\xa5\xa2\x8f\xab\xef\x19\xcf\xff\xf8\xb8\xda\x90\xb6\xd2,|)\xc9D\xff8\t1\x0b2W\xa2\t\xa3\x1b\xfc"&amp;\xe4S\x88\xb1\x11\x9cM\x13H\xb0-\xdbY\x97\xd9\xd6\xba\xad\x81h\xa5\xa6+\x99MJ\x8d\x8d\x99Z\x8b \x19F\xea\x8f\xe0\x88c\x88\x04\xd6\xfdQ\xa48\x98\xad\xd4Fq5a\xa64\x13\xea\x8f\xa2\xcb\xec\xb02\x8a\xd4"\xfd\xd8s\xee\xbd\xc9\xbdI\xbb{\xfbaK\xa5&gt;&gt;\xe7\xbc\xe7=\x1f\xcf\xb9\x04\xdd;\xa5\xe3\xe5\xffAU8\xf2(-\xf5=\'\xbbI\xb3U\xda!\xc5\x96\x9b\xcad1\xa1\x7f\x8bD_H\xaa\xaa\xee\xde\x85\x9a\xff\x9b3w\xe1$",\x8b\xc5f\xb7;{\x81-\xb7\xd3\xd8\xe0\xa2a\x11\xff\x1b\x17A\xf7s\xf3U\x85\xa0\xb8\xd3\xf5\xc1L\x88\x1e\x87\xce&lt;W\x08\xf1\x0c*\xc4"\x99\xa8\xce\xa8TB\xd6.\x17K$\x17.\xa0\xbc\xac\xe5\xf4\x9d\xd3\xdf@\x12\xddM\x8aM\x90&lt;\xdb\x87\x86\xecN\x9bk\xd6ejh0\xe6\xd8b\x9a.\xf9\xce\x1e\xb7Q*\xe0s\x86\xd6y\x1dNa\xfe\xf0&gt;,8\r\x13\xcf\x152&lt;\x83Pq\x89Db\xa3\xc56hQ\x9a\xc8\xf6\xb6\x96\xdf\xb7\x9c\xce7\xbb\xce\\\x80\xcf\xe8uB\x1a8d\xefw\xba]\xea\x86\xe6f\xe3\x03\x86(\xba]\xcal\x85\x16\xb6k\x08&gt;\xd3\x04\xe7\xb1\'"\xa7%)P\x84rqQ\xa2\xe7\xb1\x87.\x99\x8c$U\xea\xa7P\xd8\x98,\xbd\xbd\x90\x96\xaa\xad\xe7\xfe\xd0\xd2\xf2\xd9\x1f\xcf\xfe\xe5O\xc0\x16\xd4\xcd\xa7\xdb\xad\xaa\xde~K?\xf0e\xef\xefw\xaa\xe5&amp;\x84\x957^\x0e_I\xd1V\x1f\xc1\xca\xad)\x1dl^\xb4D|h\x8f\x1b\x8e\x93\x16\x00\x00\x0f&lt;IDAT\x8a\x8d\xbc\xa5e\xbc\xb1\x87n\x91\x88\x94\xea\xc5&amp;8`F5\x94\x11\xe0=j\xf3\xb9\xf66@u\xf6\xf4\x9d\x96;wZ\xae\xb6\xeb\xd5.\x80\x83d\xad\xd8\xfb\x8dr\xb9\x9ca\x8bO\x1d36\x1b\xe6\x1cHF\x14\x9bK\xa1\xde[\xa0,\xee\n\xb2\x194\xc2\x1a\xff\xd1\ra\x89\xd4\xebI\x15\xa6y\xc8\xc6\xa0\xcd\xe9TY\xcf\xb5}v\xb6\xe5LUU7\xe4\xa9\xc0\x95\x13=keeejHi\xc8\xc1\xa2\x9b/T\xb1L\xd0\x08\x89\xe2\xcc\x9c\x1exrX\x14\x14kp\xde[V\xa2\x8c8\xfe\xcb.\x04\xcb\x0e\x9c\x18@\x9d\x83_\x1b\x90\r\r\xdazU\xfa\xf6\xabm\x12]w\x87\xb4\xa9\xc9\xac\xb6\xf5S\xb0\xbe\x9f\xf2\xe2\xcc\xce\x00\xb0\\\xeb\x04+\x8a/&gt;\x8e\xf9\x7f\xa2Fx\xb9]\x8c\x1c,\xe2\x03\xabo\x1c\xe1,\xfer\xfc0\xd7!\xaa\xe9 \xc9z\xbd\xc2\xa0\xb4\r\xad\xa0\xfb\xd8\xbd}6\xa3Y\xa1?\'\x85\xcc\x9d\xd4\x93ju?$\xa6\xf6\xa9\xa9I\xaf\xad\xb9\xd9 6\xb46+]\xeblp`\'=\x0cQ|vl\xcd/\x9c\xac\x08r+\xe6E\xfd\xf0\x12\xf6\xae\xc7\x82\xd8\xf1\xf8[\x80\x05tI\xf4z\x95\xc1`\xf3".\xaf\xb7\x7f\xb0\xdf\xa8V\xe8\xa5\x12\xd2 \x16\x1b\x8c6,\x12W\xe6\'\xfb\x00U\x83\xa1\x0e\x07V\x14,\x8e\x16\x83-\x1frC\xc5\x0f\xc0\xe2\xb1\x99r^\xb5\xc4\xac\xbf\x13\xf4\x16-\xd5\xb6(+m\x0c\xbeR\x80\x15\xc1\xeb\x9b\xea\xadf\xb1X9\xec\x1d\xb2\xa3\xd6\xc1\xee\xb4@\x8e\xd5Q\xa74\xc1\xd5\xd8\xe7\x9dZ\x99\x9a\x9f\x1fV64\x98\xe4\xe0[\x10 f\xf7\xd9e\xe3\xdcR;\x15\x9b\x08\xce\x84\x9f\xd1\x1e\xf0\t\xee\xb2\r\x91\x9b\x0f\xf1Xk\xd3\xd1\x8e\x97\xdf\xdd*{\xf4\xb3\x19\xd8\x12\xe1\x1c\xb6\x1ekx\x83m\xa8oj\xca\xdb\x07\xf5\xfd\xbd{\xf7,\xf7\xfa\x86\x87\xafON\xce\xdf\xbe=\xef\x1d\xb4\xe0\xd8Qe\x9074\xb4r`\xf1s\xd1\x9c\xc8\xcf\x14\xf9\xec\xc3\x0c;\xb9I2\x12J\x10\xf9{ \xef\x08DI\xae\xc1\xc3\xe3\xf9\xfe\xe5\x82\x00/\x93I%:I\xbd\x04J-\xb1\xc9\xd679yir\xf2\x06&lt;\x90\xd4\xdf\xc0\xbd\x9f\xf9\x1b\x00J\x89\xee^\'\x06X\xad\xb7\x9ag\x83\x85\xb3\xcc|u\xca\xe7\x82\xca\xb1\xc5.\xd4\xd07%?/[*\xb8W\xa9\rgJ\x1a;\xf1\xc2m\x10Q\x87Q\xd7$\x91\x90R\x12\\Ln\xeb\xf3R\xe2\x95K\x97\xbe\x86\x1f\xf0\xa1\x0f@Q\xb0\xc4r\x83\x01\xc8jm\x9e\x0brt\xf1\xb9\xa66g\xb6\xff\x1e\xac\xfcB\x04\xfb\xc6\x80bT\xcc\xf25\x8a\x80&amp;\xd6w\xd5"\xa0KJ\xc1\xd2\xe90\xed\x02/o\xb0\\\xa1\xb7z\xbe\xbe~\xfd:\xf6\xdd\x10\x95En\xc0\x04\x15E\xd0\xb7\xe6\xf6\x1d%\xf47\xcc\xd4Z\x02~1$N\xbb\x9b\xadC\n8f\x80\xd3\xa2*\xca\xf5y\xd8{\x1b\x1b\x1b\x9b\t\xbe\xf2\xbb\xe0\x9aF+6\xe9$M\x90vA5a\x06`\xcd\xff\xf9\xdd\x95\xbf^\x19\x1e\x1e\x04\x17\x83&lt;\x8bZF\xa2mx\xebVk\xc3\xdc\xfe\xa2g\xbc\x94\xf6\xde\xfc\x9eC\xa1\xf9\x04\x02&gt;\xdbW\xc8\xc1b\xdc\x91\xcf\x89k|\x01[o\x975:\xa6\xc3\x9e\x19\xdf\xe2\xc3]\xffH\x1d)\xa2f\xb0\xf5\x00\x8c$\x15P6\x83\x8f\xe1%\xa9TB\xe6\x07\xf9\x9f\x11~\x1a\xf1\x14\xd2d\xc1\xcfk\xfb\x8f2\xe9iTQr\x9a-\xfcb\\L\xbf\x9b\x99\x1d\x12\x05\x9f\xcauLj\xbc\x02\xc0\x1b\'|\xa1h\xc8\xe7\x0b\xfe\xbc\xb0\xeb\xf7\xbbUbH\x98\xa5\xa8\xd5h\x92\x90\x8a\x0e=\\F\x10F\xc5\xaa\xa7O\xa1VU\xabp8m2\xe18\x1f|^\xde\x8a\xeal\xf5\xf3`h/\x13\x1c+\xcb-\xfb\t\x88\x0f\xb0\x95\x93\xbd\xd1\x99\x85\xa0H\x1d\xc4\xf1Nz\xd4?\x1e^\xda\x0b\xfbf|\xeb\x0b\x93n\xb7\xdf?\xe2v\xf9UR&lt;\x8c(m!;H\xabT\xaa\xc7\xc1\xba\x82\xb4\xd6\xd7_\xb3\xaa\xe486o\xc5*C^g\xa04\xe3\xf2\xd9\x17\x81\xc0\xaf\xc7{\x9e\xf1\xc6\xfcnV\xce4\x02\x16\x16\xb3*\x8dL\t87\x12\x9f)\x038\xef\xb0(s\xcc\x84\xf6\xe2\x9b\xb1\xf2r\xcd\xe2\xc2\xdf\xed.\x97\x7f\x04\xf82\x83\xe9$M\xe8^(\xd8\x80\x07\x95\x1b\xd8\x81oo\xaf\xb7\xa2C57\xd4AE&amp;F1(j\xe7\xe5\xbd\xbbA\x9f/\x9dL-\x85f\xd0\xc7\x88"\xe3p\xd4R\xb9\xb7\x9b\xf0\x05\x85{Il/\x87\xe7\x18\xf7-\xa6\x9fe\xe2[\x873\x9f\x94\x97?\xfe\xea\xfe=\xa7\xcao\x1f\x19\x19\x99u\xfb\xdd\xd6&amp;\xa8\x12\xa5\x10X\xc1\x82z\xc4\xd8\xdev\x15\x87tV1\x06\xf6\nq]\x05-\x9d\xbd\t\xb0L\xbd\xfeu\x9fF\x93YN$\xdff\xc2c&lt;T\xb3\xbc/\xd1\xa0R\x97\x9c\x87\x15(\x83\xf8,Se\xe33\xc1g\xc7\xc9lrsk+\xfa\xc9\xa9r\xcd\xfaW\xf7mn\x83{\x04\x1f`lwV\xda\xd9)\x11J\x900\xa9\x1e~\xef\xc4\xc9\xc09\xbd\x18\'\xf9\x90\xe3S\x82\xde\x1a\x86-\xe5\xd0\x8f\x00\xebQr`\xe3\xcd\x9b\xec\x93\x90#\xbfq\xcf\r\x03D\xbe\xdd\x96\xcf\t\x19\x19\x15\xedN\xa5\x8d\xe33\x8f~}\xf66\x99]\xde88\xe8\x1a]\x0b]DX\xf3\xf7m\xbdr5\x85\xca\xedr\xfbg%\x9dU\xbanI7\x840\xd4F@)\xdb\x04\xb4)\xe0\xf4\xc9\xe5\x86\n\xa8&lt;\xeajjjh+\x9a\x94\xde\x17\x00Ks2\xb0q\xf0.\x99\x8d,y\x1c\x8d&lt;N\x07\x89`2C\xd6\xad\x0bc\'\x06\x03\xc7\xc4\xa3\xe0\x83\x9f\xfe\xf16\x19I$"G\xaf#\x00\xcbs\xb1\xbaG\x13\xfc\xfe\xfe\xb0\xd3$\xee\x1d\x01\xf7r\xbbw\xcd\xba6(\xc3\x84B!\x00\x92Ju\x92\xcaJ]\x15\x1c\x00p\xf2VJ\xf6\x0c\tc\x8d\x88\x85\x85li\xf6\x0e\x06\x963\xc1L2\x1b\xdf\x8eN\x8f7\xf2x%\x04K\x18\xa3b\xc43@\x10\xf9N3\xe5s\xf8\xc2\x9c\xfd\x07?\xbdMQ\x98R\x99\xb0O\xb3=\n\xb0._\xae\xee\t,\xdc\xbe\xe44v\x88\x9d\x94\xd7_k\xeb\xec\xd4j\xb5\x00KX\x89E\xbf\x04\n\xec*\xed\x17"8~\xa8\xf5\xaf\x80\xbb\x00\xaf)\xca\x8a\xe7\xe5\x16\xef\x0f\x1a\x06V\x1a\x02\xcd\xeb\xe4\xbblj;\x16\x9ap\x94r^\xa1@\xe4C*\xb7\xa5[R\xda8\x16\xd8\xcf\xa4\x92\x00)\x9bM\x1e\xed\x85\x03\x9a\x1eO\xf4h\xb4\x0ba]\xae\xd6&lt;\xbc\x7f\xbfO)"\x8d\x80\xcao\xed\x84\x9a\x1f\xd8\x92\t\x85\x9f\x03 \xad\xb6\x93\xc2%\x84r\xb6\x0e7\x10\xea\xf0.\xc0\xe2\xb6\xe2\xe6\xcd\xf3\x15\x06\xcbH\x10P\x95\xa7\x0f\x06\x0e\x92\xdb1O \x98&gt;N./G\x0eW\xc3\xd3c\x0e\x1c\x04\xf1J\n^\x00\x93;}\xa5\x8e1O8\x9d9NE\xb2\x91\xe4\xd1\xc9^4\x14\x98\xf6D\x97\x9e\xc4\xb3\x07\x03]\x89\x10\xc2\xeaY\\\xb8=d\x11\x0b\xa5n\x08]\xe6\xd9\xdd98\x89:a\xa5\xb0\x12Qi){\xa2x\xbf\x06\xb9\xaa\xa8\xa0\xfb\x00\xc8\xd6M0\xa8\xed\x15|\x8b\x9a\x1e`\xeb\xcd\x9b\x81D|)\x1c\x08\x04\xf7\x8e\x92\xd9l$\xf5d)\x16\x0eM\xcf\x8c\xd3\xef\x1a\xa0\xe5\x9e\xb4Qy\x8d\x13\xa1t\xe65&lt;\x99\xbdt4\x1c\n\x85\xc2\xd1\xd5\xed\x9d\xcd\xb5\xd1\xae\xda\xda7\x9fv\x8d\xae^\x04X\xd5=\xbfLN\xdaI\x9d\xd6\x8cV\x04\xff2wvb\x95O\xb5 \xf0\xa3\xec\xcb\x1a\xcan\xe7q\xfb\x00h\x94\xd1t\xc1_\x14Np\xad\x9e\x9e\x9e\xed\x81O\x01Vm\xedF\xe4%\xf0\x14X\xdc\xdf;9\x02\xeb\xa4RG\xc7K\xd1i\x07\</t>
        </is>
      </c>
      <c r="M51" s="3" t="n">
        <v>45492.67604166667</v>
      </c>
    </row>
    <row r="52">
      <c r="A52" t="n">
        <v>128376</v>
      </c>
      <c r="B52" t="n">
        <v>1966</v>
      </c>
      <c r="C52" t="inlineStr">
        <is>
          <t>Gabriel Mercado</t>
        </is>
      </c>
      <c r="D52" t="inlineStr">
        <is>
          <t>Gabriel Mercado</t>
        </is>
      </c>
      <c r="E52" t="inlineStr">
        <is>
          <t>ZAG</t>
        </is>
      </c>
      <c r="F52" t="inlineStr">
        <is>
          <t>ZAG</t>
        </is>
      </c>
      <c r="G52" t="inlineStr">
        <is>
          <t>ZAG</t>
        </is>
      </c>
      <c r="H52" t="n">
        <v>180</v>
      </c>
      <c r="I52" t="n">
        <v>25</v>
      </c>
      <c r="J52" s="2" t="n">
        <v>31853</v>
      </c>
      <c r="K52" t="inlineStr">
        <is>
          <t>Right</t>
        </is>
      </c>
      <c r="L5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e1dc1ac6-5390-41c8-840f-d4d1a2bea1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b4J\x0c\x00\x00\x00\tpHYs\x00\x00\x0e\xc4\x00\x00\x0e\xc4\x01\x95+\x0e\x1b\x00\x00\x03\x00PLTE\xfc\xfc\xfc\xeb\t\x00\xfa\xf9\xf9\xdc\xde\xea\xfb\xfb\xfb\xfa\xfa\xfa\xe8\x08\x00\xfd\xfd\xfd\xfe\xfe\xfe\xff\xff\xff\xe6\x06\x00\xda\xd9\xe2\xe2\x02\x00\xe4\x03\x00\x8eR2\xb0oH\xe1\xe3\xef\xa6iC\xe4\xe5\xf1\xe2\xe4\xf0\xb2rJ\xa4fA\xde\xde\xe6\x80O48)\x17\xackD\x95W6\xde\xe0\xed\xaahA\xb0lE\xacpJ\xdb\xdc\xe5\x92T3jE-\x85W9\x81S7\x95Y;\x9d^:\xb5tL\xdd\xdc\xe0tJ1\x91X7\xa7e?\x8eU4\x84Z?~V&gt;\x98`?\x8aQ4\xd8\xd6\xdf\x8aN,\xa4b&gt;}O2\xa0dA|G)3&amp;\x16nG.\xb7xP\xa9lG\x99\\9\x9cY9\x8f\\=\x9aeF\xa0a=p?&amp;\x8aY;\x93_ByL0\x8dU9mJ4\xe0\xe1\xe8\x98X5\xf7\xf7\xf7yQ9\x85R4\xafh@\x81J*\x8bP0\x97U/\xf2\xf2\xf2\x9bc@\xb1pP4"\x12\x84T&lt;\x89V&gt;\xb8{V&gt;-\x19\xe4\xe8\xf5\xa3^8\xabeC\xb7\x7f[i8\x1dO,\x1a/ \x11\x89T5H)\x16\xaehH\xabtQ\xacjM\x8a^C*\x1d\x10\xabd&lt;\xa7a;\xe0\x02\x00\xa0gF\x8aU8uN4qN9\x94cF\x87K*\xee\x11\x03\x9cX2\x85M/rH-\xe8\x0f\x04\x83N5A3\x1d\x91Q.Y&lt;,\xa1]&gt;*\x1f\x18\x90`E\xe5\xe6\xf2?4\'\x9c_@p&lt;\x1e\xb3uS"\x19\x14i8\'cA-\x8eN+\xb0kKa2"4(\x1e\xa7dE~J0\x82J2\x91V=}F0\xd4\xd0\xd6\xa3`C@"\x11\xa7hH\xa1[5wC%\x9fkN8.$J1!\x94]&lt;\x9aXA\xe2\x07\x02vTC&gt;, X0\x15\x83E$wB-|@\x1e\x8bYA`E7X/\x1e.#\x1d\x8a]=e=\']8"T5#\xf3"\n\xe0\xb9\xbe\xd5\xd3\xdc\xb1zX\x87O9\xb8\x83a\xa8wZo@.b5\x19\x99dJ\xee\xed\xedL9-\xe6\x17\x0f\xe9\xe7\xe7\x97S5\x1b\x10\r\xe5\xe0\xe0\xdc\x9a\x9bKB9\xde\xc9\xcf\x81@4\xf0\x1b\x06\xcf\xcb\xcd\xdb\xd8\xd8\xe4JB\xdb\xc2\xc6s7-A:3\xdd\xad\xaf\xde\xa2\xa5\xe4&gt;8\xdf\x81\x81\xa6\x9f\x9d\xc2\xab\xa3hI:\xe2mj\xe6/)\xe3 \x1a\xb5\xaf\xafmPB\xe1\x8c\x8f\xca\xc3\xc2\x7f\\J\xe3c]\xe3wv\xb6\x8ey\x98\x94\x91\xef(\x14\xfe\xfd\xfd\x8aJ%\xde\xd7\xe1\x8cH&lt;\xf11\x1e~zv\xc2\xbd\xbd\x95OB\xbe{Z\xeeA1\x97O+\xb7\xa5\x9d\x8e\x88\x85\xc6\xb6\xb2UNF^WP\x8e6\x14\x96jR\x8bbL\xe2\xd4\xdb\xb3\x97\x8aN;\x1f\x84ka\xd5ie\xe8ZQ\xe0SO\xe14-\xab\x81l\xd6vu\xd8\xb4\xb9\x9b\x82wojf\x93D$\xd8\x8b\x8a\xe2\xd2\xd3\x92te\xc2\x83i\xa1\x8c\x83\xa0R2fa[\xce\x18\x13\xceZV\xd182\xc8\x96\x8d\x1bR\xb1\xf9\x00\x00 \x00IDATx\xdat\x98OhZ[\x1e\xc7/r\xe4\\7\x86BJo\xc4\x0c\x0e\xd4\x86$\xf0\x82\x99zg\x9a@\x84\t(mL^/\xf4bF\xada0\xe1u!\xc9\x033\x15\xee\x18\xa1\xc5\x99EI+\xa6\x0b\x13\x02\x91$\xdbb\xf1Mq\x91,\xdcd\x15\xc8Fx\x0b\xb3(\xa2\xab\xb7\xce2\x9b\xf9\xfd\xce\xb9\xf7z4\xe9\x8f\xc4\xeb=\xfe\xb9\x1f\xbf\xbf\xdf\xef{\xce\xb9\x92D1$\x89\x10\'\x81\x7f\'\xfc9\x9cD\x82\x80Q\nC\x12;\xc1s\xf3_r\x12\x87\xc3\t\xe1pD\xf0\xe8pFV\xea\x13\xe7\x1f\xce\'\xae.Z\x97gu\x07\x95\xcdp\xd9\x1f\xc1\xef\xc1\xeb\xb0Q\x16\xf8\x0c.\xe02O\xc5Ax\x90$N\x05\x17\'\x0c\x0b\xc3\x02\xb9?\x1882E\x1c\xc0\xf3\xe1\xea\xfa\xfa\xf2\xa2\xd3\xc6\xe85\x1a\x8d\xdb\xce\xf5yM\xb2\xc8\xc4\xcfYc6\x81\x8ba\x8aT0\xca\xd8]\\\x06\x06\xc6~\xd3\x8f\xa8\x08\x7f\xe0?\x1d\x98\x9c\x11\x88o\x97\xadv\xaf\xd7\xed6\xba\x8df\xa3\xd1l\x96\xabe\xa3\xd9\xec\xde\xb4&amp;(\xfb~*\xb3\xcfP\x19\x85\x1f\xa4\xba\x1f\x8b\xa9%\x9bX\xfcb\xa6\x12\xe4\x07RQ\xf1M\x08\xe5\xa8]\xb7\x1b\xe5\xb2\xd10\x0c\xe3\xab\xa1\x18\xf04W\xc8U\x8b\x06\x0c\xb5\xaf\xeb\x11\x0e\xd3\x17i\x90\xca\x82\xb83\xc0QM$\xe1\xa2\x830\x12\xc7\xa4,\xe9\x96\xa4\x04\xb27q\xd5\xea6\xcb\x85\\\xd1\xc8*\xd9\xafz\x16bOQ\x95tZQ\x8b\x06(v\xf1a\x85b\xf1\xc8\xecjL\x1cy\x98H\xa4\x92\xd9(Eu\x87\x92\x7f\xaf&lt; \r\xff\xc1\x94\xf2Db\n#\xf5\xebv\xafY-\x96s95\x9b\x05&amp;\xfd\x0f\x88\x7f\xc13U\xd5\xd5\\\x11\x94k\xde^\xd6%^\xbf\xc3T\xf2\x0f\x83Z\x12\xdc\x11\xcaj\x1eb\x8d[X2\xebW,\xacH\xed\xaau\xdb4\x8a9\xb5\x02\xfadu\x05\x94\xfa\x83\x05"\xea8\xaa\x16\xab\xc5n\xe7lE\xec\xbdA**[\x9di\xc9\xc6\x86,,"\xf1\xd7\xe9\xb0Rl\x84\xa3H\xd6o\xc1\x9ep\x90\xf3V\x0f\n\xc8P\x93*\xa8\xa3\xc0A\xd5tN\xa5\x83p\x8ab\xe8\x90H\xb5P6z\x17\xe7\x1c\xcc5d\x0c\xbc\xf7\tC\xa0\xfce\xb0\nj\x15\x14SK\xb6\x8aM\xc4b\xedc\xa7\x98\xba\xf8G\xb1\xaaj\xd77\xa0\x94\x9aU\x92\xa8\x94\x9aL\'\xd3\xe9d\x16\x84B\xa5t\xa0R\xb2\xa0\x96\x92M\xabJ\xb9q\xdb\x9ap\xca\xd4*"\xd9%$\x8b\n\tbXT\xb2,\x92\xba\xa4~\xf2\xa9\xdd\x94\x0c\t\xbf\xcd&gt;\xe3\xc5!\x11\xc7\xca\xc4E\xb7X\x864\x81"@\xa0\xaai\x88dR\xd1\x91\x89\x89\x05H\xf0\xafB\x95%\x15(\xfe\xf6\xd5\xb7\x9a\xb3o\xb0\xa2\x00\xd4fC\x15\\t\xa0\x92\xec\xf7S\xf3\x8d\xf8\x16\xab\x7f\xa8)*\xff6\xe2\x80Ro\x18\x95,CB\xaad\x12\xb4J\x03\x85\n`:\x08\x05"\xc29\xbc\xa2\xe3\x98R\xc1\xa6l]\xd5\xcc\xefp\reE\xb0Z\xd7\xe0\x0b\xb4\xffvbz\xabP\x85\xac\xeel\xcb&amp;\xf5\x8b\xdb\xaf\x068\x82\x06H@\x01W\xc6\x1c&amp;Y\x811N(6\x04E"\x18\xd1U\xdd@?\xeb]\xac\xc8v\xd7\xdc\xebEr\x1f\xc02o*\xe4\x907\xa2K\x90\x9c\xda5K\x9d\xf5\x8b^\xc3\x80\x8bk\x80\xa4\xa7R@\xa1h\xda\xae\xa6\xa1fIx\xd4\x90&amp;\xad2\xfd4\x14\x10\n\xce\xa8\x14U\xa3{Q\x93X\x15\xd0{m\x88O8\x02\x81da\xb9h?\xd7}\x01].\xcby\x80*\x02\x1d\x08v\xae)\xa9\xbd\xbdT"\x91Ha\xc0aWK\xf2\x02\xd34PQcgI\xc0\xc2\x96\xc0F\x00\xb7(w[u*\x16/e\x13\x8aX\xf4v\x15\x99/[bX\x9f\xb0\xaa\xcdn\x04\xd3\xb5"g\xed\xc6\xd7\x8a\xaa\xa4\x12G\xa7\x89\xa3/&lt;\xf6\xe1/\x85@@\xb2\x8b\x94\x08\x99\x843\x8d1\xb2N\xc0t\x97\x1b\xad\xba\xe8\x8cl\xf2\xed\xcfs\x96Z\x94\x03\xa1\xac\xc2\x1a\x84U\x16\xcb!\xd6&lt;\xf3\x08Sc*\xad\\\xb5\xbbHuz\x02\x11\x8f\xe7Ky\x1e\xf1/)\x00\xda\xdd\xddM%\xf61\x00\x0cN\xb5]~@$lO(\xfd\xce7bc\x11\xbe6"}?\xb2\x0b\xd9\xf4\xad&gt;\x16/\xc7&gt;\x16\xc8\xc6\x1b\x13F\x89\xe3\xac\xddmd\xd5\xdd\xd3\x10D\xa9T:8\x0c\x1eB\x1c\x1c\xe6\xe3)\xfd(\x01H_\xe2\xf9x\x1c\x05dp\x9c\x90\xe7Z\xdf\xd3\x95b\xb5\xd99w\xd8X\x04\xb1\xcc\x16c\x86.\x8b=\xd1\xc7\x92\xed\xb4\xb34s\xb5(W\nf\xc3\xc8D\xa7\xd10\xf4\xd4Q(\x18,\x05\x97\x0e\x96\x0e2\x99\x03\x8c\xe0a&lt;\x11\xcf\x7f\x01\xf9\x002X:D\xfd\xe2x\x8a:\xf2&lt;\'R{`b\xb9"\xe4\x91\x0c\xac\xd9\x88U\xdd\xb25G\xf1\x15\x10\xf3qjaQ\xb3\xe0\xb8!\x0f\x18\x8c\x03\xa8\x0c\xa3\xb2w\x12Z\xcal\x05\x972\x81@\xe0\x1d\x8b\xdf\x7f?\xc8\xe7\x0fP\xb6\xdf!2\x198?\xe4\x01\xc7|\x1ed\xcd\xc7\xf7\xf7S\xe0%I\x98$/#&lt;c\xe6\xd2\x8e\x0c\xd8\x83\xa9\x16\xa5V*m;\xe7`T\xf4=\xfe\x15\xf5V\xa3\\,f\x8fCK\x81h \x10\xddf\xb1\xccb\xfb]\x00\x80\xb6\xbf\xe3\xd3\xedm\x04\x85\x00H\x10s\t"X\xca\x7fA.-\xad\xe6\xca7\xe76\n\xb1g\x9aa\xac\xe15\x0c\x7f$\x82\xbfZ+\xac\xc8u\xcfP\xd3\xfai(\xb8\x15uG\xa3&gt;\x9f\x8fAm\xf2X\xde6\x9f.\x877\x97\x97\xbf\x7f\xff\x0e*\x02 (\x1a\xc8d\x96\x0e\x82\x90\xcd\xfd\xd4n\x12\xd2\xd8\xbcX!l\x82\x1e\xf6-kM!S\x81\x96\x0e\xceO\xc2:Cb\x1b\x0c\'\xa4\xb0\x9cN&amp;B\xc1\xa5\xa8\x1bb\xdb\xe7cP\x9f0b\x9f\xf8!\x16\xdbd\'@\xb6\xfc}\xdb\x94\x8e\x91\x051\x91)-\t\xcb\xb0\xde\x19`Q\xbb\\$j/\x1a\xa8\xbdH\xe9\x83H}w\xb0S\xc8\xca\x8f0\xb9#\x97=\xa3ZP\x8eQ+\xb7\xdb\xe7F*\x80\x8a\xc56\xac\xf0\xae\xaf\xafo\xe0i,\xf6\x89\xe9\x86\x01\x92F\x99d\xc1\xc3\x12\xd8\x88\x06\xd5etj\xc4.tk\xcfe\xce5\xf6\x99\xa8\x96t7\xd1\xe6z\x99\x90Z\xaba\x14\xd2\x89\xd0\xd6L\x14\x90|&gt;\xcfo\x8cjccj\x95\xc5\xc6\xfa\x0b\x88uF\x15c\xea!\x98\x0f\xb8\xa2L/\xe8\xd7R~\x7f7\x99.T{g\xe2\x06\xc6\xde\xd8\xdc\xbf^\x17\x12\xc9g@\x9cq\xac4;I\xbd\xd3(\x16\xb4\xd3_g\xa6\xa7\xdd\xd3\x1e\x88\xdf\xc2@\x85Lk\xef\xd7\xc6\xd7\xd6V_0,\x10\x8cqA\xbc\x8d\xcd\xcf\x87}\xdbv\x85A"\xe3\t-\x97+\x18\xad\x15q+e/\xcb\x87\xb6YD\x1a\x8077\x04\xe6R\x9a\'\xd7\xe9\xf8pS\xce\xa5\xb5\xd3\xffN#\x96\xcf\xe3\xf1\x85\xe7\xfd\xb1Y`z\xb9\xf3\xf2=\xc68\x04b\xa1`\x1b\xf00\xfb\xf6\xed\xa7\xf9\xb0\xc7\xe7{\x17\xc8p\xac%\xc4JV\x0b\xb9\xdb\xf3;\xd7%\x96\xdd\x13a\x05A\x06\xfa\xc2\xacv\xabC\x98\xbd\xac\\6\xaa\x85\x82v\xf2\x08\xb1\xdc\x80\x15\x0e\xfb\x17f\xa7\x90\xea\x1f\xafv\x90ltddd\x1c\xf4Z]\x87?\xc8-`\xc5\xe6\xc3a\x9f\xcf\x1d\x08XX!\xc0\xca\x15\n\xcd\xcb\x08\x11\x01\xcc\xf9\x91\xf0\xbd31\'\x011\x93\xfdI\xdaE\xcdm\x18\xeer\x1c\xb5V\x13\xbeO9~\xce\xb0\xdc\x1e\xd0ja\xf6\xe3\x18`\xbd\xdcy\xf5\n\xb0\xd6\xde\x8f\x8e&gt;\x19\x19G\xb0\xf5\x8d\xa9\xa9\xd9\xd9\xb7\xfeyH\xa2\xc7\xe3fX\x99\x00\xc3\xdaW\xb4\\\xe1\x7f\xd5vM\xc4b\xdd\xee4\xf7\xf2\x0e\xc7}XB\xb9S\xf3\x15\xdc\xe6D\xbe\xb5\xcb\x85BZ\x0f=\x7f\x8dT\x80\xe5_XXx\xf8\x9f\x8fk\xffD\xb0\x9d\xf7k\xabk#\xa3\x9c\n3\xb8\x01Jmn\x861\x87\xee(*\x95\t\xa0\xad\x86\x8etX\x8b\x15r7\x13L\x18;;Tb\xf7&gt;\x1c\xf6]\x06z\xa7\x17\xa9\xb8]\xb3\xb1\xceo\x8a\x80\x95\xf8\x95aA/\xce\xf9\xe7\xfdog\xb1\xe2A1\x885(}\x84z\xe1e\xb5\x85\xbd8\xbf\xb9\x8cP&amp;V\x06\xcd\x1e\xb1\xd4t\xa1\xd0\xbd\x8a @\x9f\x8aI\xc7\xef\xc9 \x16\xa5\xc2J\xd0^.\xbb\\\xe2\x16\x80m\xeb\xcfo\xa0\xb4\xd4\xd3\xbf?\x9f\x99A*_8&lt;\x07X\xc05\x05hk\x10\xab\xab^\xacy//\xf9\x98i\x10\x1e_\x14\xa8\xb6\x02\xa8\x16\xcc\xef\xf1#\x98\x19\x93\xb9\x1c\x14\x97\xb9\xd2b\xab\x19\xd3\x1b\x07\xef\xc9P\xd1\xd4\xfaVj\x9b\xaf\xc4\xd5\x82\x0eRN\xfe\xf2z&amp;\nT\xee\xa8\xc73\x07\xc5\xc5\xe4Z\x1d\x1b\x1b\x1fg\x06aV\xd6\x067\t\xf4T\xe0r\x07X\'\x02V\xa9t|\x94\x80%\xb6ZE,vu\xd9Z\x0f\x10\xaca\'!\x03\xf7d\xfa\xf3\x10\x91\xac\xd9\xd0\x9e\x14X\x16\x01+\x97\xab\x9c&lt;\x9a\x99y\xce\xec\x94cy\xc7\xbc\xde\xb11\xe0\xc1\x1e\x1cg\x81`\\36\t\x01\x16\xea\xc5|\xbeT\n\x9d$p\x0fW4`^\xbc[0\xac\xde\x84\xd5\xaaD\xed\xfb\x10DX\x8c\x99[WL\xa3c\x02\xb0\xaa{\xc7\x8f\xde\xbcA\x97\x87J\xc6\xa2\x7f\xf8`\x0c\xa0P\xac\xf1q\x84\x1b\x05\xaaqn\xaa\x10\xb1\x98\x7fn.\xecs\x83\xbe\x81\xadht\x0b\xb3x|\n\xabA\xc0\xe2\x86J\xe5\xfbv\xb2\xf6\x02L\x12\xf6\xadT\xe4\xe2""\x17`U\x8b\xa7\x7f}\xbe\xb88\xc3&lt;\x1e\x9d\xcb?\xfbp\x0c\x03\xfcj\xdc\x92\xca\xf4z\xef\xba\xd7\x1b\xf3\xfb\xe7\xfcs\xbe\xe8L4\x10\x85\xc8 V\xe8d\xaf\x92\xad\x94\xcb\x9d\x9a]/.\xf1\xce\x9c\xb8\x01\x91\x07\xba\x91\n\xdb\rk\x05+\x91o6\xd6\xf4\xe4\xe3\xc7\x08\xf6x\xce\xff\x14\xe4z\xf6l\xe4\xc9\xce\xc8\xe8\x93\xd1\xd1\x91\xd1Q\x96J\x80\xf4z\xbdS\x0f\x17\xe6 &gt;O\xba\xa3[\x10\x01x\x0c\x02\xd7\xc9^\xaab\x94\x8b\x9d\x9au\xd3\x8b\xaf6\x87\xe7\xc1;w\x119(\x17\x8a\xda\n\x93z\xbbX\xad\x9c\xfe\xf9\xd1\xe2\xe2\xe2\xa4\x07,uz\xf2\xf3\xdc\xbf\x9f&gt;}\xf0\xf1\xd9\x9fv0^\xfd\xed\xc9\xe8\x13\xb0\xd3\xd5U\xd4nl\xea\xc1\x83_\x9e\xfe\xfcy\xf2\xcd\xeb\xd7\xaf\xb7p%\xb8\xb4\x05\x07\x86\xa5W*\x86\xd1\x11o\xe3\xc8\x03{|{\xfas\r\xfa\x96(\x9c\xb9\xef!\xceZ\xa7Y\xae0\xb5\x16\'\'\xa7\xdd3\xe0_\x93?\xfd\xf4\xf3/\xff\xa7\xd3\xecb\x9a\xca\xb68\xde\x10\xc8i_ $\x9a\xce\x10 E\xca\\\xb0@\x03T\xa5\x94\xde\x02%\xd0^\x86\x0f\x81\x1b&gt;*\xe5CM\x0b5\x03\xe9\xe5\x14"S(\x96~M)\xd6CC#r\xca\x94&gt;\x80`m\xa6C\xb8\tf\xe2\x0b\xf2 \x19\x12\xcd\xbch\x08z\x05}\xf0\xc5d$^\x82\x0fs\xd7&gt;\xa5\xdf\xdc\x15#\xf1\xb4\xba\x7f\xae\xb5\xf6\xdek\xfd\xd7\xb1\xf7\x80i\xb5\xcb\xad\xad\xa5\xa5\x08-#\xe3\xdc\xb9\xccL~j\xaa\xcd\xae\xea+\xe8\xef\xcf\xed\xcf\xcd\xba2t\x17\x1cu\x89\xaaS!\xb9\x08\x9fo\xe3e\xc3\x1f\x11\x82[@4\n^\xdd\x18\x8d\x1e\x87\x85\xc5\x8a\xa5\x01\xac\x04T\xd7\xdc\xc6),1\x87#-\xa9\xaab^h\xce\xef\x1b}o\xb7\xdbW\x97\x97\x97;(\x83[\x08,\x93\xafP(\x84\xa3\x05\x03\xd5:\x92\xc4\xf1%\xdc\xe3\x1e\xa2\xb8\x8cp\xce/y\x08\xdf\xc6\xc6\x16\x85\xc5\x08\xe9J\x0c\x8a+)\t\x0b\x1f\x9d\x8c(,,&gt;\xa0\xa8\xbdh\xd8zw\xdb\x87\xe7*\x81J\xc9\xe9\xaa\xca\xc2q\x9d\x8e\xdc\xde\x99\xdb\xdd}o_]]\xeex\xd8\xb1\xf7\x10ai\x97\x97{z\xec\xa3}\xf9s\xdb$\xee\xf3\xdd\xf6\x11\x84\x93\xf8\x17\xe1\xc9\x1a\xa2\xfce\x84\xbd\xe8\xc1}\x1b[\xb5Qzi \xbdP\xbfA\xb5\x12\xa7n\x8cJ\xf8x0x\x9e\xd0\xf0\xfc\x9d\x0f\xaf\xce\xce\xcb\x03,f\x16\xfc\xd3$\xe9\xf3=E\xeb\x92s\x1f\xde\x07\x1c\xf6\xb0\x03\x9c\xd5\xb3\xdccWIH\x9f\xf3\xde\xd4\xe2"\x9cuP%\xdfvN}\xe3$\xc0cF\x88\xe2\xd0\x12\xc2z^\xfbG\xac\xbaL\xa9\xefa\xe5\x01aaX\xf4, \xd6\xe0\xf6\xd9\xfc\xbaAJZ \x89+\xb2u\x04\x81\x83+\x02\xcb.N\xdd\xf3\x91\xbb\xaa\xf7=\x80\xd5\xda\x84\xb0VU\x12|j\x11&gt;\x1d\x1f\xff\xf5\xd7q\xa4\xf7B\xc3t\x19Z\xf1!\xa3\x11\\\x96\x05\xff%\xe8\xca\xe8\xb1#\x82`\xad\x85\x85\xb1\xce\x12\x9c\xb0\xc8\xd9@m\xc2\xfa\xab\x8d\x1dI\x859\xaf\xa2\x00wN\x81\x07\xee-\xc2\xa2\xc8\xc6G\x16\x9d\xbe\x81\xfc\xd1\x9e\x8e\x0emfffO\xcf{\xf8\xc6\xc8\xe2\x08\x05u}\x04\xb1/\xc2\xe6\x83\xbf\x04\\\x97\x8c\xc6!\x1c\'\x0f^\'\x9d\x89\x15Q\xf1QX\xa1\x833\xacwcQ\xdeJx\xfc\xf6\xdd\\Kyyy&gt;95B\xad5&gt;\x1e\xe2r\x02W\x81wu9\x93\x0f\xa6\xe8\x1b\xf0M]FJ\xc9?\t\xcf\x12\x8e\xfb\x08\xa7\x13v\x1f\xe1\x9cr\xea\xaa\x80\xab\xe4\nI\x1el\xd2\xe2\xb0\xc2\xd9\x13\x1c\xb6\xd0bo\xc1\xa8\x8a\x82\xba\xac!\xe7\x0f\xe6F+\xcb[\xb6\x9d\x90.\xc8\x16\xa7\xd0r\x04\x015\x81\xd3\xe9\xc4\x07\xfa\x84\xfcL~:_QYP\xedA"\x93G&amp;s--\xb9\xdd:&lt;`\xf0\x10\xcf\xad\xaa22su\xe4\xc1O\xd8\x19X\xf1\xde\n\x0e4\xe8X\xdc\xd5\x14\xb8\x13\x13j_\x7f\x9dSU.Hpp\r\x18N\xeat:\xf7\xd2\x92\xcb\x05k/\x11\x84\x87\xac\xce\x17ff\xa4\xa7*F\x0b\xfa\xb3t\xf0L6=-w\xb9d`\x1ew\x162\xe0\xcb-)a2K\xb6\xc9\xcfO\xe8qX\x91jj\x08\x8b\x11VK\xb0\xf8~\x08\xcdw6?\x03V\xdf\xdcv\xd6\xc06\xb9\xbd]]\xad\xf3\xa0%\xa7\xc1&lt;n\xb7;\xab\xba\xba\xcf\x96\x99\x02X\xaa&gt;\xc9\x10\xf0\xca\xa7\xe5K@\xae\xc3=\xf0\x9d%\xd1Pn\xee\x15\x9d\xae\x9f\xc9d\xaa\xb3\x07\xc8W\xeb\xf43\x06=\xf4\x08\xcd\x99\xc2\x8a\x98*P#\xa9DZT\xbfM\x8d\x9d\x9e\xbc\xda\xf5\xaa&gt;\x14TK$\x92\x82\x82~\xb7L.C\x91\xf1 )\xcb\xe5\x16U]\x00g\x9dKI?\xdfX\xbe\x90\xbd\xe6\x06_\xc9`\xaf^\xbdz\xd9I\xe0.\xf8\x86\xa8\xaa\xa4*7\xb7\n\xa8\x98\xcc\x01\x12\xae\xc4\xd8\x01B\x94p\x1b\xb8\xf5h\x91C\xa1\xa0d\x129\x14C5\xe3\xfa[\nK\x92\x9f\x9f\x7f\xa1\xc4=-\xf7\x10N\xc8\xfb\x91k\xe0.\x99;\xd7x\xa1\xb2\x91\x9f\x92\x91^\\&amp;\xae\xa8r\xbb]r\xb9\xc7G\xed\xd5\xf1\xa9)\xc2#\x97\xebE\x16#\xba\x1a\x98j5s`\xfb\xe5\x19X\x8cS-2tS\x07\xb0b\'1XL\xbb\xf4\xf8\xe5\xae\xca\xeb\x1d\xed\x1b\xad\xfc\xd9\xf8hZN|s\xef)\xb5\x17G\x08\xb9\xdc-\xc9^)/+\x86\x9a\xebb\x19G\xba\x96Ea\x1d&lt;\xbd\x07M\xce\xf8\x86\xef\xda\xb4\xcc\xa5\x9f\x10\x19!\xad\xd4L\xb54{wg\xab\x81\x167\x19c\x84\x13\xe8T_\xa6E~\x181d\x88\x1a\xd35l}\xf4z\xedvae\x85Z\xe4r\x11\xd7\x88\xcf_\x17\x9f\x8e\x837H\x97k\xc2\xd8\xac\xe6\xa4\xb5\xa1J\xab\xa6\xa8N\xb4\xe6\xd6\xcbd;\x1f\x9fR\xd4\x07;\xce\xab\xd3z\xd1\xfc\xbc\x91\x99\xcd\x94J\xd5R\xa9\x04\xb0\xb0\xd8\x89]PdN\x0c\xa9\xef\x18\x8d\xc1\x88\x1f\x14E)\xd1\x08\xeb\xf9G\xaf\xd0\xee-\x9c\xed2Y\xd6\\W\xa7\xc9\xb7\xd0\xa3\xc1\xba\xf7\xb6q\xfd\x84e\xb0\xaehx\x06\x15\xf2\xf5\xb7\xee\xff\xd8\xd9\xa9wy\xf0\x1dr\x04bHl\xeb`;\xea\xd7,F#@QV\xb0\xfb\xa6\xb6a}\xbd6zf\x17\xde\x89!i\x92\x11\xc7\xc5\xa0\x87\x85\xa7\x80lW\xfb\xfa\xa3Je\x176\x16\xe6\x89W\xe6]r\xd9\xc4\xeeG\xdf\xe2\xb5\xeb\xd7\xe5.\x99~\xe2n]\xdd\xf7\xc337\x02Xw;\x1fu\xba\xd0\xa9\xe5!d\x1e]\xf5\xda\xda\xc4\x84\xc8\xa26\x99\xd4\x01*e\xf3\xee\xd6\xeb?\xed\xf6\x17_\x92\xa2F\x89\xc1\xe1t8Zg8\x8b\x8eE\x8d9\x93\x12k7\xff\xab\x12\n\x85\x8d\x8dl\xb3ye~bb\rL\xa7\xd3\xc3\xc1\x05\xe9\xac\xbeT\x97\\?s\x13\xa2X_\x04\xeez\xe4\xd6\xeb\xf5\x13\xc8\xe6\x9b\x17\x9a\x8d\xf3\x10A)W\xa9Tv\x05\xb0\xe6^\xed\xde\x1f\xde\xf7\x7fZ\x8f\x8abh\xee\x8a\x9d\x0e\xefh\xff7\x86\xe1\xc2\xab\xb6\xe1\xa7?\x01K\xd1\xd8X\xc8\xae4\xaf\x18M++j\xb5em\xa2\x13\xd6\x9f7\xad@\x0c\xeb\xdbn\x00\xd6\x0f\x93E\xb7\x1e\xfcH=\xb5XL\x83\\\xb3\xd9,5\x1aM\xc6Ai\x17TEJ)\xfch\x99\xbb\xf2`r\xf8\xe8h\xffYb\xcc\xe0:$3\x07V?\xc3WXteX\xbb\xf9\xec\r\xf2\x96\x02j\xe1\xb1B3wp\x90+6\x9b\xb9\xa6K\xf3"\x91h\xderkrx\xb8\xfe&amp;\xea.f&amp;\'\x8b\x90\x92\xdb\tOM+\xdc&lt;\xb3Y\xcc\x95\x0e\x9aLP\xcfw\x01\x16\x14\xd1\xca\x96\x82K\x93,\xff\xd1\xe1\xe1\xa7\xc7\xf1X\x91[-\xceYq3\xfd\'\x9f\xd8\xcd\x1f\xbc*\xc0R\x14\x16\x16\xb2\xf38\xa8\x8dM\xe6rM&amp;\x0b\x18\xb8\x8aU\xdf\x86:\xc5\x7f\xcc 9\xeb\xfe\xfd\xfbw\x11\x96Z\xcc\x9e\x9d5\x03\x0c\x97;(\x1d\xe4r8\xe2\xae.iWK\x9f\xd2/\x10\xec\x1f\x1e\xda\xbfD\x8f\xf5cD\x06Z\xe8aT\x08\xb1p\x1d\x96\xb4\xb9\xda69\xea\x15\ny\nh\x1cfg\x01\x8c]66\x06KB,\xa5\xac\x1aAM}Nz\x064\x19\x19\x10\xc5\xc9\xe4\xa2[\x93\xdf\xd7Y\x8cj\xa5\xd8\xccf\xb3\xf3P\xa5\xcd\xa5\xb0\xba\xba\xb8\xe0\xad&gt;\xb6@\xd3vrxX\xf6\x1b5\xa4\x8c)\x07Ce\x0b\x8d\xce\x88\x1a\xf1\xd0c\x0b\x89D\xf0\xd6M\x8d\xd7\x8br\xabp6\x0f\xd9l\xa3\x82\xc7s@\x88\xc4\xe22\x8dFP\x93\xd3\x9e\x91\xf2\x1dXFq\xfd04\xf8\xc9lh\x10\x95\x10@\x0e\xb4o,\x16\xe7{.\x97\xcb\x81\xe6\x84\n\xe2\x02\xdbz\xa3m\xe6\xe8\xb0\xe6w\x1a-*\x8aHB\x8e\xc8\xe7\xc8\xa9h\x84\x84\x14\xf8\x8c\xfa\xc3//f\x04v\xe0B)?\x8b\xac\x90\xa7\xe0\t\x0b\xc1\x19cc\x1a\xabU\xa3iO\x01g\x95\x02V\xbb\x06Im\xc9l\x07j\xbd\xa1\xa3d\x0b\x04iHO\xe2\xa4\xb1\xa1\x8d\x0b`ym7O\xc0[5\xbf\x85\xe6\xbe\x119\x1d:*#\n\x9b\xd3Qc\xe4|\x88*\x10\x7fy\xb1\xbfo\xf7\xc2\xf1\xd0\xc8kD\xbf)\x14\x8dc&lt;\xebX\xe1\xd8\x98\xd5j\xb0\x1a.\x1a\xba\xd3SZ\xf7JK\xbf\xbb\xd3^\x9c\x03\\,\xb6\xc3\xe1g\xb1\xfc\xfe4\xbf@S\x06-x\x1a\x0b5r\x1c\xd8\x88\x80\xc5\xf2\x9f\xf8\x01\xcb\xfa\x85\xaa\x16\x18\xf4\xa8\x99\t\x16\xbc\xeeh\xa7\xefi\x9c\x9e\x1a\x91-P`|\x9c\x98\xb8\xfe\xe9\xe8\xc4.\xa4\xb0x\x7f\xe7\xf1x\n\x9b\x02\xbaW\x05\x0f\xa0\x0c\xbd\xb6n\x9b!\x9d\xaf\xdd;\xde\xdb\xdb\xd3\x02\x97\x80\x95\x9c\xe6@\\\x01s\x08j\xc0\x80-\x0fyK\xa9\\X(\xfb\xc1\xef\xdfG;\x11\x0b6\xf1\xd19\x8dz3\x84uz\xba\x06K\x87\xd0{"\xc13\xa4\xf6\xf7\x9e\xfd6\xc0\x12\xf2x\xe7y\x08La\x03.\x14?\x8d\xd5\xd0\xdb\xd4k\xb8\xf8m\xd3\xde\xf1_\xc7{\xc7\xc7\xdan\x83F0\xccr\x8c9\x1c\x0e\x01\x98\xbf\xc6\xefG?599e\x1c1\x9c\xa9\xca\x96\x15\xd6\xf96\xc1\xd1\xe1\xe4\xb3\xf0\xbc\x8e\xc2\x8ax\xe3!\xe0-\n\'\\3S\xe2j\x90\x0b}\xf7o/N\x8e.\xda\xd1\xb1u&gt;\xf5&lt;\xfc2\xd8\x10\x16Z\x0c\x9c\xa5]\xee\xb5\xde\xd1j\x8f_\xfcu\x0c\xa6\xbd\x03\x90\x02?\xe4\x9c\xc3\xa1\x81\xcd \x10\xb0 \x8e`9eeb\xa5XY\xd1\xd2by H\xbf\xb8\x7f8\xf6o\x0c\xbd\xffA\xb5\xf6Q\x15W\xe8E\x95\xa0\x93N\xb7f\xa4x\x8f\xe2\x9a\xf0\x1f\xeb\xe1\xd1\xb7\n\x84\x95\xca\xb7\xf1\xf96De\x05gi4\x86\xde^m\x93\xa1[\xdb\xda\n\x9e:FA\xecn\xd26u\x17\x0b\xc0]@\x03A\x062pj\xb1\x15\xb8\xf2Pf!\xac\x1a\x9b\xa1\xfehu\x1dK\x0c)j\xa7\xaf\'E\t\xf5\xa7\xd1\x0b\xbeP\x8349,\xac\t\xd0\xb1\x867\xfb\x87\')\x90\xf2\x8a\xd4T&gt;\x1f58\xbd6\x94\xea\x10B[oSS\xef\x9d\xd2V0\xc8\xac\xd6\xa6^\xab\xb9E\xd8\xa4\xbd\xa3aS\\\xd6\xf6\xeev\xebM\x83Ac\x00,6\xa4\x96\xf8\x7ft\x9b_H\x1b[\x1e\xc7C\x18\x19\xf3"\x08[\x06|\x10g&amp;n\xe3:\x93RGH\xad\x89dbh&amp;\x8bX;\xf6A\xb6\xeb\xb6\t\x143\x13XC\xe8\x95\x80\xedj+\xa9\xde\xeb\xcd"T\xc2jmI\xdb\x87\xeb\xb5(\xe8-\xdc\xb2e}\xba\xfapE\xa1\x0bE\xa8\x85\xe2\xc3\x8a\xdc\x97B)\x94\xf6e\xf7{f2\x99\x19\xdb=\x8d\x93\xfa\x07\xf2\xe1w~\xe7w~\xe7\xf7\xfb\x1eX+\xbf\xb01V\x1a\xfb\xf0r\xcd\xac\xea\x9a\xe5$_5\xc9\xb2\x0cR\xc3\xa2\x1dX\xb6\xe9H\x02D\xb0\xae\xff~nu\x8eL"\x0e\x83\xa9T\xaaX,\x15\x89_\x91q\xe7\xf2\xe5R\x9e\x91\t\xe0\xac\xff\xe9\xa5\xbf]zZ\xbc3\xeb\x9f\x99\xf7\xfb\xe7g\x87\x8croq\xb6g\x16\x81\x95\xb8\xd6\xe0\xa0\xb0\xd4\xd7\xd2Z,~8^\xa3(\xbb\xe2P\xe5\xa2\xad\xd6!\t\x10t\xbdCbc\x16{\x9d-\x05\xef\xeb\xd2\xe7?^6\xb0:Ou\x01\xab\xabT,^-\x9aT\x03\xa9\x81\xcbC\x7f\xfa\xe9\xa7\x87\x83A\xbf?\xa3\xb1W\xbe\xff\xf3?6\x86\xc6@\x01\xe7\x82\xb5\xc0\x85?\xed\x19G\x18\x9e&gt;\xd3\x9b\x19T\x97\n\xfe\x1b7\xbag?\x1c\xf7S\x8e"\x97\xefD3\xb1\x1a\xb7,k\xd1\x8e\xb6\x90\xd5\x87\xaa[\x7fy\xfd\xdc\x9b\x15\x03\xab\x11\x93X*u\x91\xb2w\xaa:\x06\x06\xbaoN}\xab\xee\x89jR\xd1\xcb\xe2\xe0tC\xf7\xd8\x061\xd6\xf8l\xf1\xaa\x895\x16\xf4\x9fok\x1fm\xe8\xed\x05\x96\xec_X\xb8\xdd}\xfbm\x7f\x1dE\xbb\x03\xb93\x9e\x1aq\xcbs\xb2g\xe6\xa8\xcbS\xde\xfe\xad\xabo\xde\xfc07\x07c\xc1\xbbJ\x9d\x9d\xa4}\x81\x8f3\xa9R\xc5\xb1\x8d\x83\xd5\xbd\x9d\x9d\xbd\xa3\xf2\x83\x07\xdb:2\x9a\xe9\xd1^\x18k\xb6H\x8a\xe3\x98\xc5\xe2\xb8\xbf\x1d\xf1\x14\xb1\xbe\x8au\x7f\xe1\xc2\xed\xad\x84\x97\xb2\xfa\xd3\x8e\x83\x97\x95E\x98\xfaF\x0fm\xef\x85v\xcec\x16\xcc\xbd\x89\xc3\xd4\xc0\x9dk\xc0BthlD\xe8*\x99Xw\x06R\x86G\xcdL\xe7\xc5\x9d\x9d\x9d\xf2^y\x1b\xa7H$\xa4\xb1\xe5\x99y\xd8\xaah\xd6\xec\x8b\xb3\xe3\xfe\x86\x06\xecA\r\xed\xd1AU\x08\x9f\xbd\x7f\x7fa\xe3\xac\x85\xe5s\x19\xcb\x14\x1dx,=A\xb5}o\xcd\xa0\xad\xde0\xb1JW\xaf\xa7\xe6VG\x1aO5\x96\x1a\xe1\xf7]\x03\xc0\xbaCl\x06\xb0TdIQ\xca:\xa1*\xef\xe8\xc0\xd2u\x8d\xe9%SH\xfaz\xc4\xe1\x11\x1b\xfa\xda\xc9\xcex&amp;\xa3\xaaK\xe1\x85\x9b\xf7_m\xbc\xdaJ\xd4\xd9U]\x97\xba\x8c\xa6]=P\x9a\xfa\x9az\x92\xd4\xe5\xb7f\x87&gt;\x8f\xcd\x91\xb8E\xecU\xc5\xc2\xd7-P\x95F\xe4\xb4\xa8\xeb:\x98`\xb0r&lt;\x0e\x8b\xc5\x03R\x12`X\x18CC\x1d\x1d=\xddM\xa4\xbd\xdd\xd0\x80\xac\x82W\x97\xa20V\xd3\xc6\xc2\xdbD]\xcdZ4U\xd3\xcb\xb8\xb0\xaa\x8b\xe0\x84\x87\x19\xbb\x10\xe9\xaelu\x0f}\xfe\x10A\xe0B\x88\'\x16k\xc6zl\xbee\xd8\xaa\x14\x91UQ,c\xe8\x06\x96\x12\xd7\xb7\'\xd9\xc9\x90\x16\xbb\xdbK\xe6\xb1\xd8\xd1s\xbe\xa9}z\xb4\xe1\x06\xc1RUU\x18\xbey\xbb\xa9a\x01\xd6\xa2j\xbdzCY\xe7\xb0\x97KHbx\x9c\xa3\xa2S\xd3\xa1&amp;\xb6\xfez\xbd\xe3C\x1b\x12.@u\xc2`]\xf0\xfcf\x03j\x04\xc7{P\x89dl?x\xa0\x8b\x8a\x1e\xdf\x8e\xc7Y\x96\x85\xc5\xb8 \xe2{GkS\xfb\x99\xbbg\x1bZ\xfa\xfa\xce\xe4y`e\xce\x9e\x0f.\xdco:\xf4R\xb5^\x8e-\x02\xf5\xf9\xea\xed=\x87\xb6\xf2\x07\xdb\xf3\xa9\x9a\xf0\x15\xa7\xb1\xc3\xee\xbf_mm\xca\xca\x110\x99\xd3\xd8X\xeaJY\xa6\x12EE\x14DA\xd5\x1f\xb0J\x9ea\x02\x84k\x9beC\x9a\x12\x1d\x1f\xeb\xe9!\xe1\x9d\xb4\xdd\xfbFG\x99\xfc2\xb0\xda\x9b\x9a\xce\xbe\x9a\xfb\xd9[U\x1c\xfa\xaa\x9b!m\x1d|&lt;\x94\xa3\x90E\xdbl\xee\xee,\xec\xb5;\xfe\xf9\x0f]\xadY9\x88\xfc\xc1p/\x8cR\xaa+5"\x0b`R\x80\xa5\x0e\xfa\xe7g\xf2\xd38\xe9\xf4\xaa\x8a\x16\'\x83\r\xc5\x95\xe8\xf9\xd6V`\xb5\x91\xf6h\xdf\xa8$\xf1\xbc*\xb4\x93\x0e[\xcb\xca\x0b\xb3Gg\xa9\xc9\x1c\n\x04\xe7\xa2\xb3\x0e\xd9&gt;\xbaf+\xaa\xd6u\x7f\xb1\xf2\xb9g\xa0\xb4*\xcbH\xb8\x8c\x1c\x82\xbc\xb0_gA%\x96\x151\xbdT@"3;?3\x7f\xb0\xdf;\xa3\xaa\n!\xdb\x9e\x8c\xebR\xdby#\xc9nokio\x18e$\x86\x11\xd5\xb6\x96\x1b\x17Z/\xbc{ft\xabi\xbbPT+\xcc;u\x1b\x0ey\xc4\xc9\xc5Hy\xd6\x8e\x8b\xa5\xe6\xe6\x11\xf9^0\xd8I,\x85\x99D\xbc/E\xc8\x12\x14\x05!\x9d\xcd\xce\xef\xef\xef\x1f\x00\xea9\xc6b^U\x89\x8f\xb1q]\xcb\x90\xd4\x0f\xc6\xc2\xeb\xcc(\x03.`]h\xb9\xd0\xda\xfar\xddq\xb6\xa7=\xceT\xdd\xe5\xden]M\xbdKQ\xdc\xbf\xb52\xd0\xdc&lt;\x87Y\x0c^$\xae\x05\xbf\xef&lt;U\x1aI\x0b\xa2^\x16\x8e\n\xd9%\x03\x07d\xe4msbs\x91\xe11\xb9\xba\x1e\x8f\xf3\x99\x0c9X\x00k8\t,\xfc\\m!\xad\xc8\x8e\xff\xae9D\x17U\x89\xeb\xc9:\xa4\xa7\xbe\xaa\xd9r\xc66\x1b\x99J\xec\xfep\xebwU,d\xa8\xa7H\xf2\xdc\x19)\x08X\x82\xc2\xd1Qx\xf9\xf9\xe2ss,nn.n\xe2\x94\xbf\xb9\x18\xc3D"\x9aII@%\x936\x96\xaa\xb6t \x98\xad\xfc+Q\xad\xee\x19X\xb4\xb34b\xcfW\xbd\x95\xbb\xfaNF\x0f\xb38\xf2\xf3\x8f8m]\xcb\xca\xb2\x81\xd5\t\xba\x8bA9\x9dN\x8b\xa2PX\xfav\x13\x062\x87Q|\xc0\xe3\xe1\xc3\xa9\xa7\x01M\x83\xc9\xa4d2\xc9H\xc3\xed\x99a\xbcI\xb0\x16\xd3\xd7Q\xba\xf6\xeep\xad\x8e\xb2b\x13M{j\xe7\x0bC}zB\x99w\xb2\xf8V\x93\xcc\xd2\xcf^\xde:w\xee\xda*\x9c\xcb&lt;\xfd\x04q0\xab\xa4\xd3\x82"\xf1\xcc\xc4\x14\x81\xc2\xe4m\x1aod\x16\'\x1e\x12\x99\xdb\x93\x10V\x04\xcf\xc3\xa1`\xb3hf\x18\xae%\xf1\xe2\xd1\xfb\x97owO\xf7{\x8d\x1e:\xed\xd0\xb5\xd9BR\xb7*\xc3Y}\xf39\x8b\xac8d\x1c\xbe\xbb\xfcf\xe0?r\x18NO,\x05\xbc`8\x9dV&amp;\x1f=~xe\nS\xb8\x7fpp\xb0O\x06\x9e\x00\x9c\x98B\xdeu\xe9\xb1"\x88\xbcd\x0c~\x18X\x92\x14c\x94\xf7\xebkk\xfd\x89\x84\xd7h\x00\x9bQ\xc9\xf4j\xf3\x04k\x96\x94&lt;.\x89\xa7C\xf6\xef*S\xd0\x9e\xb5\xd7\xc7?\xae\x00+|/\x0c,&lt;\x82\x17#\x85\xb4\xf2\xf8/\xdf_\x99zJ\xbc\x1d\xcb\xb0:\xf6\x89\x87ML\x80\xf7\t\xab\xf0|\x8c\xe1\xa5\x98D\x8an\xa0\x82\xb5&gt;%\xbc\xe4\x06@\xb5\xb7\xefJ\xb7|\xee\xad\x9a\xf2|\xad"\xed\xda\x1c\xeb\x12\xeb\xa7\x0f?\xca\xe1\xb6{\xe1(9V\xc3\xc9\xb2\x85t\xe0\xca\x95G\x8bw\xf3\xcb\xb0\xd5&lt;\xd2\xfby\xa0\xe1k\x7f9\x9fgb\xa4\xe4=\xa9\xf1&lt;\x8f9\xc4 \x9e\x15\x8bI\x8axL\x99T\xa60\xd0%\xe5\xb7"\x01\xfd5[\xd5\xa8\xec\xfb*\xe4\x1b\x9a\xfe\xeec\x81X+\x8a\x87\x89\xc5\xb1\xdfh\x1c\xb7T@j\xb1\xba\xba:?\xb3\x9c\x9f\xce\xef\xf7\xe2p3\xc8sR \x17\n\xc5\xe3\n\xfeG\xacD\x1c?F\xb0\x84\xb7\x1e@y-\xc5\xc3\x89J\xa5\x13\xeb\x0b\xa1\xbd-\xe3u\xa4\x17\xb4\xe7\xf4\xfb4A\n\xb7\x85\x832\xa62\x92\xe54\x8d\xabp\x95t\xb6P(\x08J|\xf2\x9b\'\xa4\xd1\x18\xd7\x11\x1b40\xc44-\xae)\xb0Q,@\xb0\xa4X\x00X{\x87\x9e\x84)[\xb1\xd7\x9a\xb3\xb1h\xe7\xcd\xc6\x81\xe8\xff\x96t\xe9\xfa\xea\x1d\x14\xcf\xfa\xfbB4\n\xb0L&amp;L\x96d$+p|T\x86\xf5\xd2\xd8\xa9\x15$\x80H!0\x10D\xb5\x801{\x92\xa6\x11\xac\\@#]\x15\xd8O\x8b){\xafi\xaf\xa5Z15\x9b\xcez\xb3\xcf\xa1&gt;\xf8\xca\xed\x11\xda\xd6\xa0\xd1\xb5B\xd7\xda\xa7\xa3(\x97\x89F9\xfc\x93##rE\x10*\x85\x08\x96A\x01\xa1B\x14\x91\x9f\x96\xcb\xdb0\x95\xa2\xf1Q\x0e\x03(9\x98\r\\!\xd8\t6C$S\xf6\xfeI[\x1a\x1f\xda\x12G\xba:Rv\x7f\xff\x0bc\x99\xc8\xd6\xf4\x9b;\x11E\xf5\xffr\xc4\xf1I\xce\xf8\xc8\xb0,W\x80U\x88D"Y\x8cH6-\x94w\x8cdP\x14\xf0[\xfc\r\xc3s\xf0{\xd8K\x8a\x85\x80\x15\x08\x05\x02!\xe4:\xbf\x9d\xf6\xd4\xd5\xe6\xd0\xed=\xae\x90D\x8a\x94\xf5\xcek%Ve\x95\xb2\x95\xd0&amp;V\xe2\xd7#\x95\xe7\x0c,\xbe\x12\xadTx\x01p\x84\tcn5M\xb0v\xb6u]H\x87\x81\xc5K|\x92\xd1\xb4@&lt;\x94\x0b\xb1\xc0b\xd9@.\x17\x08\xe8\xef\xd7\xa8:\xbb\xc8a\x17\x91\x9c\xd2\xf8\xea\xce\xe3\xab\x9e\xb7\xdd\xd0TM6d\x89jw\x7fSy\x9e`E\xb9A\x0eX\xb0Y%,\x17\xb2\x91\xb9\xc8\\V\xd4\xb7\xe1U\xc4\xb1\xd4p\xb8\xc2)\x1a\xb6\x1a,FB\xc5\x86r9\xa3{\xa7i\xfa\xa7~\xe71\xc6\x11\xb2\x1c\x82\x08\xf3\x13\xad\xda\x96\xbbY\xe0\xb1eKt\xf5&amp;\xcd\x8b\x8f\xa2\xc2\'\xe1\xcc\x86{U*\x95lD\xc6\x16\x94\xce\xae\xaef\x05X&amp;\x80W \xc4\xe6\x18N\x10\x90q\x05\x88\x0e\x02P\x93\xe0"\xaf\x10\x1bW\x94\xb7\t\x8a\xfe\x8af\xd3!\xed\xb1\x02\x93\x91\x1e\xd2.\xb9D\r\xcb)\xde\xf5\xac\x7f\x82\xdf\xc0^xq\xb0Z\x05SX\x80\x83\xa5\xe1\xf2\x88\xe4&lt;\x12\x84X\x0e\x9e\x94\xcb!4 8\xc4\xf1\x08\xb0\xec#\x93*G&amp;S\xdf\xdbu\xddOs_\xe3\xf2\x99\xfb"e_\xe79\x81EWk$u\x8e\xc4\x8c\xf8\xbc\xa8r\x12\xc3I|4\x0c\xaeJEN\x13\xbf\xc72\x04R\x12\xfe\x94\xcc3\x88\x9a\xc4\xc7\x8d\xbcY\x83\xc9H\xb3\x93\xcd\xc1h\xc4\xe3C\xf1\x8f\xcf\xdc\xb7\n\xad\x1b(&gt;\xbb\xa0\\\xbdd\xe1\xa9\xb7\xd3@\x13\xcb:[\xd4d^\xd5\x15\xe0}\xbd\'\xaa\x0c\xb1\x95a-\xae"\x88\x04\x0b\xc1\x01^\xd6\x8b\x98\xb6\x84\xf0\x9e\xe1\x19\x12\nH2\x8fl&gt;\xc4\x92\xd3\x19\x01\x85\xb5\x02\x9arl&amp;4\x1e\x8ar\xb5\x06=\xf5\xbe\xda-\x0b+}\xa9\xaf5\x17\xadUa\xf6\x82\xc9\r\xc4:G%\xccK}\xf7\x11\xe6\xc2\x1c\x9a\x93\xc8\x0b\x15\x01Xip\tr$"\xcb2\x12C5\x1cU\x19FA\xce\xac\xc5C \x83\xad\xd8\\,\x07(\xacC\xe5h\xd7KY\x05*\x97\xa8\xd9\xbe\x86b==\xf5_x\x1fm\xce\xa2C\xabG\xbeIx\xd7\xff\xfd?B\xce=\xa4\xed,\x8b\xe3\xc1&amp;\xc4\x10\x88\xca\x98\x84d\xad\xd1\x9a\xb4&amp;\xda$\x8d\x91N2i\x1e\r\x9a:\xba\x11\x92\x85\x82 ,efj;\xddF\xc3,\x08\xe9\xd2Y\ny\xc1\xae\x0b\xa1C\x91l\xa9EC\xc0\x07\n\r%j\x96\xa8\xedZ\xa53\xcaZ\x862\xbb\xe2\xf4\x0f\xdb\xc1\x8cn\x14\xd2"\xa8\xddsn~yY\xed\xde\x96\xb6\x14\xda|\xf2=\xe7\x9e{\x7f\xe7\xf1\xab\x0f\xda\x8d\xc6\x86\x06\xc4\x02&lt;\xd8r\xc6\xb3\xf5W\x00\xedJ\xef\xd7p\x04]\xa9\xb7\xd9\x83\xc1z[\r`U\x83^\xc4\xdfA\xa7n\x88\xa5\xd5\xdd\r\xb5p\xab\xa1g\xda\xe4?\xe8\x17\xce\xcf\x84c\xebO:\xc9}\x0c\x16IY\xd2\xa9\x81R\xcb\xf7\x1bpZ\x9b\x80\xa9\x86\x8f\xa6|\x00~_\x83X\xc4\xedM\xbdA]0x\xea\x94\x1d\x1e\xc90V\\\xeb\xae&gt;O&lt;\xeb&lt;`\xc1\x11\xd4\xc0\x7f\xfd\xcaB\xcd\xb1\xa6C\x17\xf3\x83Q\xcf\\T\xa7Q\x93\x96\xacL\xc6\x84:-3=\xaa\x99\x85X\x8fv_\xf7\x9aL\xba\x1a\x02\xf6\xe0\x81\xf1\x14\x1c\x8b \xd5Y\x94\xabw\x14.\xd5\xc6\xfa\xfa`\xd0v\r\xb1\xaa\xaf_\x83-\x88X\xdd\x17\xdd\x17}\xe0p5\xef\xa62D\xd9\x88z\xa8e&gt;\x1f\x8b\x95\xc9_\xb2\xf2\x93\xc5\x0b\xfaV\x00\x00\x0f.IDAT_tzn\x14\x16{B\xf1\xfa6\xb6\xb6\x8eXv\x9d\xd1\xd8\t[\x0f\xa2*l\xc8^\x1d\xaae\x02(8\xb7O\xd9\x8c5\xf0xq\xfd:\x84\x03\xb4\xe1\xc0\x00X\xd1\r\xebb-\xdf\x06X\xe9\xc6\xc4\x02\xae\xfc\xebU&gt;Vau\x85E\xe5\xbd2\x13\xba\xb8\x05\x8b\x8aH\x93\x86\xc5\xba\xb8\xbe\x0e\x1f\xaf3\x9b;\x15^\x88\x08\xf0\x90\x08\\\xba\x07\xf5\xbd\x10\xeb\xe1\xd4\x86\x0b\x05\xee\x08\xf2\x94\x08X\xe7\xab\x07\x1e\x82X}n\x8f\xc3\xe3v\xdb\xed\xebS\xf4\x82uh&amp;\xb2@.\x1a\xab8\xbf&lt;\x96m\x08$X\x19\xb7bPXOG\xff\x06!\xdd\xe4\x95\x9a\x15^\xb3\x93o\x03/\x0f\xeaLr\x13\xecD\xb9\xc9\xdee\xb7\xebN\xf1\xed\xf6Kg\xafA8\xc0\x8b\xe0\xc0\x80\xa1\xbb\xcf\xe7\xf6x\xdc\x9e\xb0\xdd\xbc&gt;Ig\xd0\x0f\x91\xe5&lt;\x8cY \x17\x8dU\xcc*\xb8\xb5\xe6\xc6\xa9\xb3V\xcc\xaa\xb5v\xc15\nzy\xc5U\x1c\xa19\xdc`\x0b\xda{GMr\xf5\x05\xf9\x05\xb9\xd7l\x0e\xdb\xc3A#\xa0\xe9\xba\x1a\xf0X\xbeT[\rX\xfd\x8d\x8d\x8d\xbeV\x9f\xd3\xa9P\xf4~O\xcb\x18\xa0\x10\x8b\x99\xbdp\xe6a\x156\x9e\x15\xd3r\x9eEO\xf7@\x93;.\xa3\xc8R\x04Xz\xd7\xe8\xd7\xbd^\\bo\xd8\x16\xb4\x05M:\x13(e2w\xc19n\xe3\xdb\xc3]\xb6p\xb8\xe6R\xf70\\e\xce\x0f\xdc\xbem\xe8\x87\x85z9\x14\x8a\xe0\xab\xb4c\x90y(\x8a\x8a~\xe4\xd3W\x01V\xf6~H+T\x9a\xc1\xa0f\xce\xc7~i\xd7K\xb4\x10\x06\xbc\xde\xe0\xbf\x83Ng\xb07h\x83\x1b\xf3\xe8\xa8\xc9lv\xd6\xd6\xf2\xf9n\xa7\xcfcs\xf7\x0f\xd7\x0e\xe3\xcf\xe1\x81;\x1d\x00\x86\x85c\xb7\xc3Q\xc71&gt;M{&lt;\xf9\x96\x14\x16\xe3\xb8\x9dxh\x06&lt;\xaf\xf0\x93/\x19Qlb\xd7\xa5\x97H\x84\xf0\x18\xe1\xf4\x84=&gt;\x9f\x13\x9f\'lv\xd3\xa8\x17\x9e/\xe0\xb3A\x97a\xc3\xf0\xed\xe1t\xe9\x1f+\xfcwF\x08W\xeb\x8d6N\x1d\xa7k\xad\x888+\xfaj\xa1\xdf3i\xb4\xc2Rl!\x163\x7f\x18\xe2\xb0d\x0c\xc6\xa3\x1d\x97\x1e\xe4\xd2\n\x15\xf60`y|\xe1`0h\x0f\x9b\xeda\x8f\xc7g0\xdc2\x18|\xfd\xa0\x0f\xb6\x1b R\xc7\x9d\x0eX`\xc7\xd6\x1b\xe78\x9c\xb66\xc5/\x16&amp;5\xc2N\xc5\xe9\x1c\xd6\xe1\xbe\x9b\xa3\xb02\xa1!-uz2\x1dM9\xf5\xce\xa5\xd6\xc3\x924K\x81K\xe1\xf09\xc3N\x9b=l\xb79A:\xc3\xb0\xc1\xf0\x8fa\x03\x00\xdd\'L\xb0\xeet\xdc\x02\xb1\x1a\x11\x8a`\xedLNY\xa9\xaf\x98S+3\xd6\xc0\xfa(\x163s{\xa06L\xee\x82T4\xb1\xb6\xaeVc\x1aH%\x11*\xcc]\n\x85\xc3\xe3\t\xbb\xdd&gt;_\xbf\xdb7\x9c\x16\xe8&gt;Y###\x1d\xb7\xe1\x07\xea\x07T\x7f\xfe\x06+\xc5\x80uec\xe3\xd5\x98\xe50\x16\xf3C\xad\n\xb1\n\xf7!#wx1\xc9,\xe7\x93\xd7&amp;\xa0\xe2\xca`I\xb4R\xb3\xd7\x8c\x1d\x11\x0e\xc7\x8d\xc6~w\x7f\xc7\x9d{#\xf7\xee!\x0f\x99\xb5\x83u\xcb\xd0\x87#\x83\x8d\xe7\xbe\xa9\xfa-\x195hS8/~\xbb;5F\xa7e\x8f[z\xf6\x02|\x98\x8bvD\xc9??\xea\xa5\x87\xb2Y4\xeb\xe4N}\xa7\x1c|K&amp;\xab\xa8\x90\xc9Tr\xa9\xd8\xdc\xd5\xa2\xf0\xd6UU\xb59\x1c\xad}\x86\x0e\x03i\x13n\xec\xc3);\xd4\xa9\x0f\xa1Z\xcf\xe1\\\x17\x0efp8\n\xbe\xdb\xb0\xe1WZsT4\xea;\x17\x7fL\xad\xdc\xc3\x07\xb9\xd2\xe4\x8eyf1\xddzf\xedu\xa7\x02\xb0T\xb2\n\x82\xa5\x95\x8a\xa5\x9d]f1\x16s\xaa\x84\x9c6NKK\'I\xb2a\xf72\xa1\xc3A\xc6\x1bmU\xc0\xd4\x8c\xdd\xec\x80\xe5n\xbc\xb5\x11\xf2\x9f\x19cdw!=wq&gt;\x06+/_\x92\x91\x89\xb2&lt;\x9c\xd3cM\xca\xddN\x0eb\xc9\xd2X\x15z9v\xed\x9a\xc5f\x8eX,\xd4j\xe5\xda\x80\x0e\x0eE\xa3. \xad\xc3\x86\xefV\xd2\xfb\x8d\x06\xc4\x12\xba\x90\xa8\xd5\xe9n4\xec\x84\xfc\xfe\xa9\xb7\x13\x96\xa2\xac5\x8e`*P\xab8\xef\xce\x9c\xd9\x8f\x18\xeb\xe8\xd6\x89\t\x1e/\xb4\x03\xbbI\xee"bU\x08\x04\x02\x19W\x1e\x08\x88\xc5Z\xa9\xc2+\x95jI\x87\x84&lt;`\xc4\x1c\x05,\x8e\x83\xac\xb6*as3v\xce\xe3pMU\x9d\xc2\xd38\xbc\xe6\x87\x15Y\x1e\x9azd\xa5\xac\xc1:\x8a\xea\xb0Zyz\xa5\xdd\xd12\xf6&amp;\x1e\xe3\xf1x\xca\xdd\xba\xaa6\xb9Z\xa5\x92\x91\x19\x0cA\x85Z\xaf\x0e\x04\\j\xad4 \x0e\xc8]j\xcc\xc5\x05\xe4r]]K\'I\xc3\xb7\xb59\xceq\x84\x98\x98\x87\xa5E3\xd6)\xdc\x86\xef~\x02\xaaP|vz\x7f?\xf5\x08\x03\x10\x95\x98)\xfe\x88Z\xc5\xb97"d\xa6\xbc\xac\xfe\xa7\xefS\xcb\x8f\x9bx&lt;\xd1\x13s\x15\'\x80X\x15d\t\xca\xca\xb8\x12\xb9\xab\xdd\x05\x8aA(k\x97\xb7_Uc\xae0\x80\xd9nL\xc5sp\xdcL+!q\x0e\xb8\x9a\x85R\x85{\xe4\xdd$bm\xcf\xae\xec\xed\x1d\xec\x0fYH\x05\xffH+\x1eR+\xef\xc5\x08t\x86\xf5\xed\xfb\xfd\x83\xbd\xd9\xe5\x1f\x9bx"\xd1\xa2\xbd\xae\x0e\xb1\xb2f\xd4\x94q\xf5.\xb9\xda\x05X\xf0\x87\xf6\xab\x9a\xabW!\xaca_\x90X+$\xab\x19\xa8\xb8*\xaeJ\x9f\xc6j1&lt;|\x82T\xa1\xed\xad\xf1\x85\xfd\xa7\xc9\xc4\x10\x96`\xa9\x92\x13\xeb\xf8\x9d\x98\xf7r\x142U\xb0\x9d\xd8L\x1c\xec\xad\xcc\x9f\x01,\xf6O?8\xa4r5\x06-\xe4\x12\x9cDCb\rH\xa5\xd6K@\x0fRI\xd0p\xb5D \x90\x07{X\x80\x97\x9b\xc6\x92\x80\x15\xc5-#h\xc3P(\x14_\xe8YHl\xc7R\x89\xf8\x18=\x13M\x8b\xff\x0fV\xfa\xc6E\xa3[&amp;\xe2\xfb\xf0o\x13+\x83\xbf\xa2ZJ\xff\x86\x81#\xe7\xa6\xa9\x04\'+\x04%%%\x00V\xc6\xe5\xca\xc0\x9a\xb0\xb8$n\xc0\x1f\xc0j\xe8\xe6Bm\xb3\x04\xcb0\xa0/\x1e\xa4B\xb1\x98\x7f\x7fg2\x14R\x86B\x91\xf1\xbbw\xf7f\xe7\xe3\xc9\xfd\xd4\x1bK\xde+\x14\x8e\xc5J\xbf\xc5\x85\x94.\x1e\xa7\x12\xa9\xd8v\xea`pe\xf5qi\x13`\xfd\xfc\xb0\xd1\x05X_\x02\xd8\x17\x82\n\x01\xc5%\xfb\x8b\x8c\xcbE}.\xcb\xbe\xf8\xf22\x08\xa7\xe6\xaa%\xc4\xd3\xf5zRD\x96\x81Z\x04T\xdc\xff\xf7\xc5\x90\x12\x96?\x01T_\xf5\x8cOG\x92\x07\x9b3\x13\xb4\x17y\x85\xbbc\xd4\xa2\xda\xb1\xadS\x91D2&gt;\xb3\xf4lo\xef\x0f\xd1\x97\xf1\xd2\xa6&amp;vh\xf1\xdb\x0ey\x19J\x92\xd6\xab\xa4\xa4\x1c\xb0\x04e\xe8f\\\xd5\xe5\x9b7o^\xfe\xebM\xc9gZI;\x97\x8bv%T\x02\rx \x08F\xb0\x0c\x1b\x93J6\x9b\xad\x8c\xcd\x02\xd6\xde8p\xcd\xbc?\xd8Z\x8aO0\x98/\x98\x997a\x1c\x85E\x95\t\xaco#\x89Djf\xfeY\xb4\xe7\xab\xbd\x9e\xe8\xca\xf3\xa6\xd2&amp;\x1e{r\xe3^\x00\'\x8e\xc0\xb3&gt;\xaf\x00\xaa\x12"\x97\x00\xcd)(SI&gt;#3\xccZ-\xf6,\x91{\x06\xa9\x88jH\xe5\n\x05\xd4\x9a\xff\xf9\x84P)#\x0bw\xef\xee\xcf\xccm\x8d\x03\xd7\xab\xe4\xd6\xd6\xd2\xcc#K&amp;\x17q\xcc\x99X\xfc\x821\x06P\x9b\xc9\xc8\xf2\xea`t|\xeb\x00\xb0\xa2KoJK\x7f\xc3c?\xf9c]%\xa1\xc2\x8d\x88\\\xe5\xe5 \x18\x8e\x1c\x95h\xb82\x04\xbb\xacR\xa9\xc1\xef\xf5\x80Eji\x1a\x1c\xaf!\x155\x97&lt;\xe0\xde\x98d\x8b\x00\x0bl\xd8\xb3\x10Q*\xe3\xd3\xe3\xe3\xb3\x91X&lt;\x01`\x917VR[\xc9F)\x1a+\xff\xd5$/\xc0\xa7"\xc9D2\xb5\xbc\xba\x12]\x99M\xc6\xb7\x13\xe3\xd1\xe8\xeaP)p\x89&amp;7\xf8\x95\x82\xf4\xc2\xe9,\xa0:\x8d\x03Q%\x02\xe4;\x89\'\x122W\x96h4\\5\n\x05R\x11,\xc2%o\xf9nQ$B\xac\xed\xad\x9e\x9e\xfd\x18\xf8\xd8\xf6\xd2B\xf4\xd9\xf2\xd0d&lt;9\xbb\xb5\x19yk\xcd\xcf,\xe57\xa6\xbf(\xb6\x80Rs\x91\xc8&lt;BM\xc</t>
        </is>
      </c>
      <c r="M52" s="3" t="n">
        <v>45492.67807870371</v>
      </c>
    </row>
    <row r="53">
      <c r="A53" t="n">
        <v>139300</v>
      </c>
      <c r="B53" t="n">
        <v>1967</v>
      </c>
      <c r="C53" t="inlineStr">
        <is>
          <t>Nikão</t>
        </is>
      </c>
      <c r="D53" t="inlineStr">
        <is>
          <t>Nikão</t>
        </is>
      </c>
      <c r="E53" t="inlineStr">
        <is>
          <t>PD</t>
        </is>
      </c>
      <c r="F53" t="inlineStr">
        <is>
          <t>ATA</t>
        </is>
      </c>
      <c r="G53" t="inlineStr">
        <is>
          <t>PD/CA/MEI</t>
        </is>
      </c>
      <c r="H53" t="n">
        <v>174</v>
      </c>
      <c r="I53" t="n">
        <v>11</v>
      </c>
      <c r="J53" s="2" t="n">
        <v>33813</v>
      </c>
      <c r="K53" t="inlineStr">
        <is>
          <t>Left</t>
        </is>
      </c>
      <c r="L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d902cf6-cc32-43b3-bc7c-fb080e8715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d\xa1\xfa\xd7\x00\x00\x03\x00PLTE\xff\xff\xff\xe7\x16)\xfe1K\x1d\x1b#\xfe/H\x16\x13\x18\xfe*B\xff\xfe\xfe\x1a\x18\x1f\xfe,E\x11\x10\x16\xfd\'&gt;T#\x1cx6\'\x85A1\xec\x17*\xe3\x13%\x13\x07\x0b\x0e\r\x12"\x1f\'\xdb\x12#\x16\x14\x1d\x8aB39""|=3\xfc\xfb\xfc\x8dG8\xfd5OO!\x1b2\x1e\x1eb-$z9-[,%G#!Y&amp;\x1e\x95H3\x81@3@" k5,\x91E0,\x1d\x1f\x98K5\x88F7@((\x81&lt;-\xe0\x0f q7,`%\x1bg2)\x87&gt;.\x8dB,\xda\r\x1d}=-\xdf\x14&amp;}8(\x94I8\xf0\x1a-M%!\n\t\x0e\x14\x0c\x10m:4i-#?\x1c\x19%\x10\x11H)(\x82?+[1,2$&amp; \x14\x18v7,\x19\x0e\x12b1*r2&amp;\xa7YD\xf7\xf5\xf6O*\'7\x1a\x19n/"\xd5\x10!m3\'\x8eD3\x84B8h*\x1e\'\x18\x1a\'$*(&amp;4\x9dO:\xf6\x1e3\x97N;Y"\x18d\'\x1c\xfa!7v&lt;/V*%+\x15\x15f60G\x1d\x19\xfe"9]"\x19\x9cRAS33\x90I4T.+\x90K&lt;\x1f\r\x0f1/@-*9v?6_) \x89H=}B7jZas6&amp;\xa2UD:),\xcb\x10 T\'!\xaa]L\x9bTK\x95RJlaj\xfd\x1e3\xfb\x1a.\xbf\x0f\x1f\x95PCM/.\xf9&amp;&lt;\xe7\x12#\xa2T&gt;\xca\t\x16y1!\xf1\xef\xf0a72c_i"!0f=;B02s. \xa6S=aEF\xafbO1\x16\x14\xf9-EZ65{u\x7fyD?%\x1c\x1f\x90LCT::\xc1\x08\x15\xb8\x16\'\x88LF\xa1YJ\xd3\x0b\x19m+\x1dH?F\xf5\x19-\xae[E\xb6fS\xb4\x12!\xb7\x0c\x19\x9fK3umxI79^99\x83GC\x9c[RT\x1f\x17\xaedXjQW807\xf2\x13&amp;\xe6\xe5\xe6/*0PGO\x829&amp;]Xa\xc9\xc2\xc5\xd0\xd0\xd2VOX\x83~\x8864Dn@&lt;zLJ\xadkabNS\x81F:s:4\xe8\x1e3\x89:%\x8b\x88\x90X@BA7@\xfaUe\x94&gt;)lJHsfo\x9cb^\x92ZV\xb8k\\lgq\xa7aS\xf1$9\xbdqe\xa7J5\xfecv\xb4_I\xe3\xda\xdc\xe5*&gt;\x8dRL\x9cA.\x14\x19\'\x98\x92\x96\xfd]o\xef.E\xcd9@\xafQ=\xf0N\\\xa6\xa0\xa5\xec\x0e\x1f\xc7#3\xaa*6\xd9/B\x84. \x9d\x99\x9f\xf1\xe5\xe7\xe6\xc2\xc8\x87UV\xac\xa8\xad\xb8\xb2\xb6\x94 *\xe4EW\xe1\xa8\xb1\xdc\x1d1\x97|\x80\x87mp\xb8&lt;:\xbe\xbb\xbfb\x1b*\xa5\n\x13s\x12\x18\xc5\x8e\x93\x90aa\xddRf\xdb\x98\xa3\xc1\x80{\x90\x07\x10\xbaMOw#4\x81`d\xdedn\xdc\x86\x95\xdet\x84\xc3\\iJ\x0e\x12\xb5pw\x91Npv\x00\x00 \x00IDATx\xda\xc4\x98\xdfOZy\x1a\xc6MNN8!\xe0\x05\xe4\xa8\x18\x10\xa1\xe8\xba\xda\x94\xce\xa4\xd1\x00\x83Z\x05\x8b\xbf\xe2\xa0\xb4QS\x1c#\xac\xf6\x87\xd4\xda\xe0\x8f\x0bL6\xba\xa6\x9aq\xa2\x15\x93\x1aIza+uN\x84"\xd8U\xdb,\x92\x9dZ%\xbd0Mz\xe5\xcd\xf6\xa2s\xd9\xffa\x9f\xf7\xe0N6{\xbbG\xfb\xe6\x1c5\xc7\x0b&gt;&gt;\xcf\xf3\xbe\xef\xf7\x98\x97\xf7\xff\x96,O&amp;\xd3\xb4\xfcWi42z\x96\xf7\rK\x86\xd2lm\x7f\xf9\x94N\xe3J\xd3\xd7O\xa7\xdb[-\x1a\xfa\xc57#\x83L[\xdb\xe9\xd9\x88\x10S\xab=\x9eX\x8c.\x8f\x10\x99]\xff\xf4\xf5d\x06l\xdf\x08j&amp;\xf9yV\xf0\xf0,\xc7\xa89\x9e\x03\x99\x9a\xe1\xd4\xf8\x91\x89eRK\xa7\xc9\x99\x8b\x97\x0c\x1f\xd8\xf2u)\x12S\xb3\x9c\x9a\xe3\x00\xc30\x0c\xd08\x8e\xbe3\x1e\xa8\x17K\xecl\xcfh.\x16\x0cP\xc9\x9d\x0c\x00\x18\x8ec\xe5,\xc7\xf1t\xcbY\x06x\x90\x8c\xe3&lt;\x1eN-\xc4\xd7O\x93-\x17\xc7%\xcb\xd3\x9c|\x8a\xabY\x9e\x05\x92\\\x85\x92\x13\x9c\\.\xe7\xe0#\xc12\x90\x8b\xe1\x19AH}&gt;\xb9(0\xf2/\xa1\x96\x13\x91\x9c\xc4\xb2Z\xad*\x11O.W\xb1\xb9\x90\x81I\r2\xdcB\xe2\xf3\xd6\x85\x84\x1f#!\x9d\xe1H$\xe0@"+aY\xad,\xb0\xa0\x1e\'\nE\x19\xe3\xc8Q\xe8&amp;\xac\'/\x82\xab%9\xab\x860,\x8a\xc8\x08*\x87\xa8R\xf1&lt;\xe9\xc7\x93\xb9&lt;\xc0\x108(\xc7x\x12_\xcf\xdbH\x8c\xaa/\x11N.R\xf1\xec\x7f\xa8\xacV\x9eS\xb1\x8c\\\xc5\xabT\x1ce\x8bU\xc1O\x1eh\xc8&gt;\xd4\x8b|\x9a9W.\xcc\xaa\xcf\x19\x15\r\x02\xf4\x1e\\S\x9dQ\xc1M\x96\xe7x+\xd2\x86\x19\xc6Q/\xc2^\x9a\x1b\xd4\x02j\x8f\xb0s\xae\x01C\xac&lt;,\x8f\xc4\xf0\x008\xf3\x10\x02q\x14\xfa\\\xe4\x81\xc5\x93\x8f\xa0aY5\t\xc7\xd3\x88\x8d-\x9d#\x97lk)v\xa6\x94\xf5\xacr-\x08@\x15\x81"\xf1,\x11\x13*\xf1\xa9\xb9\xdc\xb8\xe5\x98\xd8\xd2\xc9y\xf9\xa899F\x93\xb1\x94+`\x9d\xf5 \xecb\xf1\x90@Pr\x1eXbc\x92\x8f\xac\x07[\x80\x11\xb1\xceO/h\x05\xfbh^\xb1\x14*\x96\x15\x07\x03f\xbc\x88\xa0\xe2s\x89B\x17\xd2\xd8\xb0\xc1Rq\xf4\xb3\x0c\x9a\x916\x93\x07\\\xe7A5\x93\x8e\xd1\x92\xc1\xe7\xca\xc5\x81 \xb7\xb1\xac\xcd\xe6\xa8\xd0\x15\xb6\xb5\xe9t]\x0e\x8e\x06\x03hl\xb6\xa6&amp;[\x13\xbe\xb2MM\xd4\xb34\xbc\xb06\x19\x01\xfdx\x0eM\xf8E@\xd2):*\x15&gt;\xd3Q\xd7\xd7\xf7Km\x7f\xbf\xc5Xr\xf5\xaa\xdd^\xe2m5\x94\x15\xeat}x\xdaWW\xe7\xa8\xab\xab\xbb\x83\x1b\x806\x88+\xaeKud[&amp;=U2E\x0e\xa2T\xb6;}m\xb5\xfdZ\xad\xc2h6\xf7v\xae\xcdO+\x95\xca\xea\xea\xfc\xfc\xa2\xfb\xe5?]-\xbfZ2\xac\xe87\xd4\xd6\xd6\xfeB|\x84f\xb3\xd2\x06\xe0=\x91\xb4\xd4r\xc9\xa8\t\xd5\x94\xaa&amp;G\x8e\xe9\xe5\xcb\x97=(\xb3\xb9\xd3\xde\xde\xe1R:\xf5\xd5\xd7Ln\xd3\xb5kz\xa5\xd2\xe5j\xb7\x0f\x1b\x8d\xda\xfe\xb66\xa0\xf5\xf55\xd9\xa8Q\xe5\xcc\xdd\xc4\xef-2\x89\xc5\xfa,P\xb7s]\xba\xb62\x8b\x16\xa5\x10\xb9\x06\x80\xd5\xd9\xd9\xf1\xf6\xed\xdb+N\xa7\x9e\xa0\\\x04e\xef\xec5\x9b\x8d\n\xadB[\x0b\xac;\xd0\xcb\x8a!\xac\x8eK\xbc\x1ee\x9a\xed8\x86"\xb7\xack\xab-\xabo%.\xa2\x1a\x180\xf7\xf6\xda\xed\xf6\x0e\'\xb8\x8aP\xb7o;]\x1d\xed\x80\x02\x95y\xa0\x87$\xabm\x83\x95M*\xab\x1c\xcd(\xa4\xa4M\xbdl\xeb\x18m\xce9\x00e\xa8\x17\xb1\xce\xb4\xea\x85\x85\xae\xf2r\'A=x\xf0\xa0\xa8\xe8\xfe\x95\xf2\x0eW\x87\xdd\x0e\xae\x1e\xb1\x14\x8a\xfe\xb6\xda\xbe&amp;\xecp\x86\xf1dR_%\x1c\xaa\xb2\x96\xd3\x18:\x89\xe9\x02\x95\x81\xa8\x14`z\xf9\x92\xa8\xe6]\xae+\xe5?\xdc\'*\x93\t\xe1*r\xbeuB\xb1\x0e{\xa7y`@\xc4\xeaQh\xb5\xb5\xbf\xd45aiy^\xbf&gt;\xde\x92\x10kk\x96v\xae(\x16a)\xce\xe2\xde\xdb\xbb\xe6\xd2C\xa1\'o\xde\xb8\xdd\xb8\xdcn\x93\xa9\x08\x92\xe9\x91\xafv`\xa1\xa0\x16"\xa6\xb0\x94\xd5\xd1\x9b\xc8\xbd\xbb\xf1\xdf%K\x97,o;\xc3\xc0\xc3\x8a\xc2~\x83\x88u\xe6 f\xc3|\xb5\xdb\xbd\xb1\xf1t\xe3i \xb0\xf1\xc6\x1d\x08T\x06\x02\x01H\xa6w*]k\xf0q\xc0L.\xa2\x8c\x96&gt;\x1b\\T\xdf|\xbd$]\xba4\x9fn\xe2\xc8\xb9\xac+\xeb\x07W\xbdE{\x96vL\xac\xea\xef*\x03O\xc3\xe1\xf0\x04\xeep \x1c~\xfa\x11\x80\x95PM\xafW\xa2\x1bI/E\xaej\x1d\x0e\xf1\xe4\x1a\x97\xae\x19g\x8e\xe9%\xb0\xa2\xb0\xcc`1\x18,\x16\x05\xa4\xea\x19\xa09Z\xfd\xaa`h\x82j|"\x14\x02\xdaP\x98n\x12\xec\xb2\xde\xd9\x9e\xe3\xca\xc9\xa5\xb0\xe8\x1c\xcb\xcbH\xc2]\xc9\x9aQ\xb6\x95\xa0\xd7\x06\x1dQ\xe1\xd6\x92V\x03\xa4\x95\xb2\xba\xa084\x11\x8dF\xc7\x89k\x1cw\x18t\x13C\xd0\xcb\xe4t*E\x1bI-L0\xad\xa2\xb6k\x99^\'\xd5\t\x89N84\xb4\xf0\x1e\xdfX\x88`\x01K\xab\x15\'\x03\x9aP\xa9\xcc/\x1e\x02\xd5a6:\x1e\x1d\x1f_]\x15\xe9\xa0\x1b\xe9\x85\xc9Jr\r\x1b\xc5\xc8\x03\xcb\xa2\xabh\xc4Y\x82\x8f$\xa5\xc2:\xbdw\xf3^\xac\xb1\x8a,\x04\x95"7F\xd7\\J\xbd\xdb\x1d\x9e\xf8\x98S\x8b\xa8P\x00\x0bO\x84\x86\x02\xee\xcb\xd7\xf4.\x8c\xd5a\x98\xa8\x15]l-\x04\x16\xa6\xdf\xbd/\x12a\xb5\xa4o\n\xaf\x05\xa1\xbe\x1eT\x96\x1c\x16&lt;\x9cv\xe9M\x089\x82\x15%0p\x91\x8b9+\x87*\xa9\x1d\x1f\xcewB\xaf\xb3^\x0c\x92Z\x8d\xf4z\xbb#\xcd\xb1K6\xb3\x13\x132\x99\xe7\xcf\xa7\xea\x11w`a\xb1`\x90\xb6\xbb\x8a\xdc\x810\xa24&gt;.B\xad\xae\x8e\xfaBa&lt;\x00\x15\xd4r\x17a?\xd2\x16\xfa#\xf3m\x15\xba\xc6\x98G\xcd/I\x86\xf5:\x13\x89DV\xfc\xf5\xb9%\x9d\xf3\xb0\xddY\xe4\xae\x04F\x88\x1c\x1c\x0f\x85`\xa2o\x9c\x12\x1f&amp;(S\x11MU\x11\xcb\xa8\xe81*\x82\x8a`\x99N\xf7H\x88y\xb8ciZ\x11\x0b1\x92J\xc5\xe3+S\xadA\xa2R\x88\xbb\x10\x81/\xaa,\xc6D\x18\n\x85|\x7f\xa8\x05\xaa\x10i\xf5\x00\x1e\x02\xab\x9dv\x90\x91ZQ\xa1\r\x1a\n\x0b\x1f\t\x82\x87KH\xb4\x7f\x92)`%\xf6W\xfc\x83Aj*\x05\x0eY\xe2(5\x15\x14\x0f\x85\xba\xbbC\xbeU\x8a\xfb\xea\xe8h7\x1e\x14\xa3*\xdd\xe2@ub\x05u\xf6\x1a\t\x0br\x05[\xcb\xaa\xe6\x04!\xa6N%\xa5Q+\x19O\x1d\xcfN\xee?\xf7\xfb\x83\xe4\xa2q\xd8&lt;\xd0\xab\x9c\x9e~\xf5\xaa\xa0\xc6\xe7\x1b\x85J\xa3\xa3\xbeq\x12\xcb\xd7\xfdcAqMqA\xbeI\xf4\xd0\xf9\xb0}-\x87E\x91\xf7\x0e\xd6W\xcde2\x82\'%\xcd\x9c\x97%S\xb3\xeb\xc7\x93\x89\x15\xbf\x9f\x8e4\xf8\xd3\xe1\xe2\xda\xfc\xab\xeb\xf9C\xdd\xa0\x1a[mnn\x1e\x1dC\x8d\xfe\xf5V\xcd\xa5\x9a\x9a\x9a\x82\xfc\xcbzlp:\xa5\x8aX\xa2V\xc0\x9a\xaa\x9f\x8bd\x04!\xbe-\x11V\xe2x}}v\xe4`\xc5?e\x01\x17A\xad\xad\xfd\xeb\x1f\xdf\x8b\xf6\x8de\xc7\xc6\x16\xb2\xd9\xb1\xec\xe6\xe6X\xf3\xe8\xe8\xad[\x7f\xae\xf9\xb1\xe02\xb80N\xed8\xb9\x0e\x13V\xd0h\xf4z[\xfdSs\xe8\x9c\x8cDX\x9adbriir\xe4\xe7\x03\x84\xde\x8b\xa0\x98\xdb\xab\xaf\x9b\xf2\xbf\xff\xe7\xa5\x89l\xf60\n\x9e\xbd\xa3\xbdM\xd4\xd1\xd1\xe6\x02\xd0|\xdd\x97\xfe\xf4\xdd\xe5\xea\xe9\xe9yhe&amp;*c)\xae\xc1A\xbf\x7f%\x12\x8fGfO$\xc9\x96&amp;\xb9\xbe\x93\xdey\x97\x00\x96\x7f\xd0k1X\xbc?\xfd\xf0\xf7\'\x1b\xbb\x1f\'\xa2\xd9\x89\xf7\x87\x9b{{\x1f&gt;\x1c}8::\xfa\x80\xef\x9b{Y4\x80\xaf\xf8/\x05\xd7\xab\x95\xf3\x9d\xbd=\xf0\x1c\x06\x96\x96z\x81\xb5\xf2s&lt;\x9e\x8aKt\x12\xccaM\xee\xef\xef\xc7\x17\xbd\x06\xcc\xeaG\xa8\xb9\xb9\x95\x83\xdfv\xdf\x87\xb0\x11\xff\x07\x8bj3:\x1e\x1a\xaa\xbc^=\xbf6\xd0\x03\xaaVoi\x83\xb7\x15X\xfb\xa9\xd4lj]2\xac\xa5\xf4\xd2\xbb_\xc1\xe5/\xe4X\x9e\xa3\x7fYy\xd4\x9e\xe5\xc6\xaa\xaa\xc7\xd9\xca\x8dC\xc2:z\xb6\xf0\x0c\\\xd9\xcd\xbd\xc3C\x02;\x8cF\'\x02&amp;\xe8\x857\xa0`\xeb`C\xc3\xa0wp\xe5`\x7f$\xf1nrG\xa2\x93Mrgggi}d\x7f$^\xe1`\x9bX\x96\xc1\xbb\x15\x83\x8b\xed*\xac\xdf\r\xbb\x03\xd9\xa3g\xcf\x16P\x9bG{\xd1\xe8\xfb\xc7/~\xcb\xd5\xee\xee\x93\xf2\x92\xe1\xe1a\xb3w\xd0\xdf\x00.\xff\xc1A|r\xf6x6\xdd"\xcd\xf29\x01\xd5\xce\xfa\xc8\xc8\xa4\xa0j\xd2\x15v\xb1\xac\xf8?o\x96U\xb1\x8dSe\x8f?\x9a\xba\xd1\x8b\x0bcc\xd9\x85\xcd\xcd\xe8\xc7\'\xfe)\xff\\c\xe3\xa3X,&amp;&lt;\x9f\xaa\xaa2\x04\xed%\x08\xfbb\xc3\xe2\x0b\xa8u\x9cH$$\xc2\xca\xdbJ#[\xeb#\x93\xa9\xe5&gt;\xc3\x8d\x1b\xc1\xb2\xb6\xe5e\xd6\xc1\xaal6\x9bCWU\xff\xb7\r\xdf\xad\xd1\xe6f\x9foullub\xf7\xf1\x8b\x95\xb9G\x15\x8ee\xda\xcajOc\xa3N\x17,iX\xf4\xaf,\xbex\xb1x\xf0\xeb\xbbI\xc9\xb0d3\xa7it\xe2\xc8d\xa6\xad\xf4\xea\xc3k\xb7\xaf\xdc(\x85\'\xad\xf4"_\xd7W\xd8z\xe3\xfe\xbfY5\xbf\x9f4\xd25\x8e_\x9c4\x9e4\x0eI\xbb9\xd6\x1a\x8bV\x14\x04\t\xc2\x84\x0c\xb1\x05tlY\xa1JP\x9b\x9d\xd0F\xc5,"\x9e\xc8\xca\xb0\x91:\x176!\xd4\x86\xc2`@%\xa1q\x03\t\xf8\xa3\x92tKm=\xb0\xb4aM\x00\xadF\xc2II/Ho\xec\xc6\xf6F\xb3\x175\xd9lzsr\x9e\xb1\x7f\xc2\xf4\xe5\x0ec\xe6\xe3\xf7\xf9\xf5}\xdeq\xd6H\xb8`\x1e\x9a\x1d\x8e\xd9W\xa9\xb9\xc0\xfd\x1b\x8b7A\xce\xb3\x0bp\xe0j\xbd\xd2\xd5\rE\x1cX\r\xac\xd2\xf6x\x81z\xf8\xfb\xb7p\x10UU_\xb1\xec\x05je\x98OjI\xd2\xa0\x92\xf2\x87&amp;\x87\xf8\x8d\x1dju__\xc7\xb8r\xca"$`Z[\xad\xb3KS\xa6@W\xcb\x95\x9b\xdf_\xbfx\x11\xc0\x16\xbf[\xbcq\xa9u\xb1\xb5\x8d\xce\x84\x02\x81U\x10+HQ{\x1f\xbe\x11\xd6\xad\xf7[\xbf\x07\xed\x05\xfbj\x8f\xca\xa0\xf5\xeam\xd5\xd3\\\xfeB:\xa5\xe4\xd6\xabG\xe1LKp\x81\xd0\x0cj\xcd\x8a\xa6jM\xc3-_e\x1c\x99\xbf\xd4\xd65&gt;\xde\xdb\x0b~\xa6u%AC\x10i;\x15\xdc\xdb\x0bn~\x03w\xfa\xe0\xd3\xa7?n}\x0cn\x15\xa0\xcb\xcfq\xb9\x83*U\xf5h\xfdto\xefX(\xd4-\x9561X\xd56\x12\xe7A\x14\xcd\x04G"i\xac\xafg\xbeS\x8fN7\xf2\x87\xa6D"y\x83\xa1g\xf8\xd2\xcf\x99\x0cPe\x00+\x1e\xdfb\xbfbT]\xfe\xe4\xe9&gt;~\xfa1\xbeEQ\x99\xee\x1e\x06kZ\xadV\x8f\x9c\xbbv\xed\xbbs\xd7\xaft\xf4\x98\xa6ag\xb4\xe9\x93\x02\x97\xd3\xe9\x12rH\x98\x80w\xee\xd4\x8f\x82\xcb\xe0J\r\x06\x8d\x1cO&amp;q\xb9\xa1\xb1k;C\xcf\x81X\xf1`|\xeb\xddS\xf6X\xb7\x8e=w\xbbO\xb6\xf6\xa0=\xac6rUz\x15\xb7\xa3ob\xa2\xad\xf5\xc2\xf9\x7f\xff\xf3\\&amp;_\xcdO\xf7\xdci\xd7{\x11T\xb7\xeft\t\xc4\xfaA\xdb\xf2`\x93M\x8b!C\xe9\xa3\xb0\xc4\xd6\xaeG0\x04\xc1\xc8\x9eP\x86^=\xc3\xa2\xb6\xfed\x7f\xc7U\xf5\xd4&gt;\'\xe1v&lt;z\x18O$\xe6\x80\xca`\xe0\xaa;;\xaf\xa6\xb7\xbf?\x7f\xfe\xe2\xaf\xef\xfeZS)\xc3\x9ae\xb7\x9bD]~\'!Hbn\xd2\xab\x1d\xd2\xe8\x9bZZ\xdaVV\xf9\x12[}\x13\x89 \x08\xc9_\xcd\xd0\x1e\xc0\xa2\x1e&gt;\xdcz\xc1\xfe%\xe3\xe5\xff\xd2\xf5J~\xb5\x9a*$\xf2Rx\x80V\x7fwt^\xdd\xb4vti\xe2\xe6M\xfa\xddo\xebo%kV&lt;\xe9v\xa3\x84S\'D\xb3\xd9d\xb2\xf9\xed\xc0`\xc7\xf6\xaf\xd7\xfe\xf5\xc3\xc5\tu\xa3m\xf4\x89\xc1\xad5\xf0\xe7\xe8\xbc\x87\xa6\n\xd4\xcb\xe7\x1f\x1e0\xaf\xdc\xd9\xce\x1d\xfa\x7f\xab\xa6\xa6\xe1\x82=\xe31 rD\xef\x85Bd\xf2f\xae7D\xe7\x8f\x16\x16\xc2\xbb\xbb\x96,x\x98\x1c\x83\x95Mf\xb3\xe8L\x9a\x8f\xcc\xbc{~\xfd\x1f\xff9\x7f\xe1fg_G\xbdM\xaf%\rR\x0f`\xd9\xe3\xf6_^\xbe\xbf\xf5\xf4\xfd\xf1{vc\xb1j3\xd5N{\xeez\x82\tZI\xca\xc1\xaa\xc8q\xc8`\x83J%M\xc1\xc8;::\xdd\xd9\x99\xcd\x82XY\x9e\xc3\xa9\x8be\xdd\xc9,\x1aN\x9f\xaeo|\x8e/^?\x7f}\x91n\xbb0\xd2\xa1R\x19H\x92o\xf2xR\xf6\xc2\xf3G/?n\x9eH\xa5\tVw\xce\xd0\xb1&amp;_o\xa7T\x89x\x866!8\x1c9\x86\xe3\x1c\x1c\xc3\x10\xceOowOww\xd6\x8d\x0c\x95;+\xd4\x01V.\t\x96\xf5\xde\xcei\xf8\xd5\xe9\xc9\xca\xed\xce\x91\xed\xd3\xb9\xf9N\xb5\x8a\x84\xe8K\xf8\x80\x95(&lt;\xffy\xfbK^\xc2\x99\xa4?\xb1\xc2zp\\\xbb\x10\xf2\xf0O\xec\xb4\x87\x8f\xe0r\x0e.\x97\xe3(*\x10\x1a\xcd\xfb`L\x7f;\xab&gt;D\xaf\xf7&amp;\x05\x04\x11\xe3\xe5r\xd9lV\x00\\\xe9\x85T\x9e\x1e\xeb\x9e\x1cR\xd5\x8f\xde\xd1\xbb\xe1\xf7\x1a$Je*A\xbdlk\xd44\xbc\nK\x03\x7f\xb2\xc4\x1aH\x07B\xa9 \xa4\x16\x9f\x04$\x1c\xa0`\xd2\xb8tN\xc6\xee\x81E6\xd7!`\xd8\x97\xf5$&amp;\xabAs\xe5\x1c\nV\xda\xbc\xbe{\x94N\xa7\x16\xa4\x06\x15\xfc\x00\xc7\xc5\xb8\xa8N4\xc4Wz\xf2\xd4\xb3\x0e\x89H\xb1\xa4\xbc\xbb\xb0\xc9\x12+\x9d\xb6\x8d\'\x82\xcf\x13\x1e\x03\xa9A\xb0\xa4L\xc0\x13\xba\\:?\xd8\xbd\x8d\r\x7fI\xa7\x90sagd\xce\xa0J\x8f\xa0\x02\x81 \' \x1e\xef\xec\xec\xee\x86_a\x98X\\c1*\x14\x16\x8b\xd5"\x870\xe6\x0b\x89\xc6f\xabb\xad\xd1\xbb\xc4\xee}\xc6\xe5\x8f_^{\xdb!\xb5\x18,\x12\xb0 \x80@\xe5\x04g\xe5\xf7GK:\x82\xc3\xad\xfeq\xd0\x0b\xd9\xe5f\xaeA\xf4\x18\x80\t\t\xc7&gt;\xe3O\xf7\x1f\x13p\x8cF\xa1\xd1h\xb5\x8a\x00\xcb\xe4)\xd8{\xc4u?M\xaa\x0e\xd9b\xbd8A\xb2\xcbP\xd8\t\x13\x83\x85\xa3&lt;a\xb1R)1V\xd4\x1f\x89D|\nM\x13l\x8c\x87\x87Y\xf8\xb8a\xcf\x19\xf4b5\x10c\xe7\xc6Y\x8c\x9d:\x9d\x8bY\xd0\x8c\x16\x91\x08\x97HL\x1e\x8a\xea\x91[\xd7\xb4\x9a\xfe\x19vXU/\xbe\x88s\xee/\xc13,\x04\xb0b\xb1b\xa5\x04\xc7\tL\xbe\x8aC\xa4j_v\x03U\x0e\xd2\n\xc0\xbc\x90g\x1a\x0b\xe1b\xb876\xa2\xfe\x88\xce\xa5s\t-\x16\x8b\x88\x83\x0f\x01\x96\x9d\x9a\x93[\'\xbd\xb5\x8a\x19\xb6j\xa5\x97x\xc9\x13Hy\x06\x0b\xc7\x05\x80\x15)\x95":_\xb1\xe8\xabD\xeei\xbd\xde$\nLE\xd0\xb0X\x060\xf7\xb2\xad\xd9L\xf8J~0\xf7Q\x88\xb2O\xe7#x\x16\x94\xd3,o\x00\xac\x04`MJ\x91\xa9{\xeb,\xdf\x95m\x1e\xddS\x88N\xe2\x14`iA,!\x11\x83\x07E|\x84/\x06T\xfb\xb5^T\xd6O\x94\xcb\xb1\xc8\xc1_\x07\x9124\x88\xc3C/9\xab+\xea"\x11\xa0\x8a\x96"\xf0\x07\xf8\x84\x02\x94#o\xd0H\xa0\x14\x0b\x1e=\xd7\x9b\x9d\x9a\xd9e\x8b\xb5\xab\xc8\r\x14`\x1b;S\xab\x9fG\xb8\\1\x1f\x9c"d\xd6FxYF\xf0x1P\xabr\xf0\xf9s\xb4X\x86P\xe6r\x87bg\xa4\x12\xf1UJ\xd1\xaf`\xbe\x98\x90\xc1"\xcf\xb0\xb6\x9f\xb8\xcbeY\xf8\x88-V\x189\x9c\xb2\x07\xa9\xc4\x9c\xd4\xa0\xc1Q\x01/\x06a\xf4\x81Z\x91R\xd4\xa9\xd1\xd7\xd4\x89\x11q2\x9b+V\xa2o*\xc0\x17\x8b\xf9\x8a9\xf7\xec\x9bh\xa4R\xf4\xe9J%\x86\xcb\xe7\x12\xf2P|\x08\xb0R\xf98\xed\xcd\x15\x8b\x8a\xa5cV\xfb~U\xd5\x8b\xb4\xad\xbd\'\x11,\xd8\xe7T\x86\x06\\\x86Br\xc1\xa3]\x0e]$\x1a},\xd574\xcew\x8e\\Ue\xcb\xc5J\xb1XFe\xe2\x1a\xb3/\x96\xe5\xbc9\xf0\x03\x8e\x0f\x14\x85\xd2\x80\xa4\xe7\tp9`\xe5\xf3\xf1t\xb9R,9\xde\xbeg\xe7\xb9\xaa\xfe8\x19\x1bV\xff\x12\x0cR\x01\xae\x01\x11\xcbdP\x8a1Xs\x1c\xd0\xba\xa23\xb6\xc1\x06~w\xcb\xfc\xc4\x84-W\x86\x83\xd4\xcf\x8f\x8c\\\xad%r\xe2\x8d\x83\x03Hw&amp;\r\xa1\xc9\xe9b\x90\\8\x06\xe3\'\x9f(\xa4#o*\xd1\x8d#\xb6\xef\xc9.o\xe6\x9b\xd47\xe2qj\x95K"r\x8e\x0c\xe5\xf1\xa0/\x99\xcd\x80\xe5\xb7\xda\x9e4X\x1f\xaf\x87M}\x9d\\$\x89\xd9\xfa\xe6\xd5-\xf3#\xd3\xfd(\xb6\x0fX\xfe\x88\xc3\xe5\x82,t\xb9\x84B\x0b\nC^\xe2I\xd8\x0bi\xddA\xa9\xb4q\xc2\xda\xce?8\xbe;\xda\xba\x17\xa7h\xa9\x01\xc1p\xce\xd79m4\x83\\\x0e\x1ev\xe7Gw\xb2f@y\x7fdD=\xaa\x9eo\xe9\x0e\xdf[Z\x1b\x90\xb9\x1b\x1e3W\x12N\xa7\x83  \r\t!\xaf_\x86\xc3\xb0N1X\xc6\x83\xbf+\xeb\xc7lo!\xc0\xda\x98\xea\xfb\xec\xc1=\xbaQ\x05ra\x10F\x81\xc2\x08\xeb\x97\xd9\\\x87\xa28\xa9\xd7K{\xc6VBm\xb7o_\xe9\n\xad*ke5\xe0\xe79.\xc8&lt;\'\xd3\xe3]&gt;"F\x10\x02T\x86c\xa42o\xb7S\x0b\xb1\xbf+\xb1\x99\x0fl\xed|\xd5\xe5\xcdDG\xdf\xcb E\x0fs\xb5H\x03\x06Y\x0f\\0\xe6\xcc\n\x19XQY\xb3\tV\xb3\x15:\xbfri\x8c\xa6\xc7\xee\x0f\x1b4z\x95\x1c\x9a\x9b\xdf\x0fr:\xa0i\xc5bP\x87_\xb1\x12v{\xa6\xb6\\N\xd6\x847\xd9.\xb0P\x8b\x80\xf5,\xf8p{\xdc\x06r!g\\\x16\x85\xc2j\xe5`\x18,[\xd2\xae\xb61\xb0\xcf\xf9\xedG\x80\x15\x08\x80\xc7\xb2\n\x85\xd0_\xcf\xa0\x1c\x10B\xa0\x12\x80\xacrD\xc2`=k\xf7\xba\xf9\xafOX_p1\xffhp\xbfe%n\xdf\x1e\x9f\xe6\x1aH\xad\x86)\xc7\x9a\xba\xbaW\xcd\x1a\x92$%\xa6\xde\xb6\xb6\xd0\xcav\x9e\x0e\xad&lt;\n\xd1\x9e\xc0\xfd\xb6\xf1\xda\x9a~\x10\xd4\xacs\xfd\x9f\x96\xf3\rm"O\xe3\xb8\xf7\xa2d9\xecp\xbd\x17\x99&amp;8q\xc6src\xa7d#\x97Ur\x1d\x93\xe9L\xdaH&amp;\x8b\xeee\x11o\xc9dd\x8dc 6\xf5B\xc0\xbe0\xc7.Nh@JL\xac\x17\x8e\xbc81\xe9\x1d\x16\xed\xaa\x95\x88\xed\x9e\r\x9cJ\xdfIAX\x10N\xb4\xb6{\xe2"\xfeY\x11vY\xee\xee\xfb\x8b\xde\xde\xbe\xb8W\xb7\xc9\x8ff\xca$\x85\xf9\xf4y\x9e\xdf\xf3|\x7f3\xcf/\x07\x7f\xf7\xc9\xbeO\xde`\xd9\x07{\x8f"\xe2\'.\xd5\xff\xf2\xfe\xf6\xea7O\x7f\xfc\xbdS\x9b\xe3\xca\xa9q,\xf4\xe7\xf2~\x16\x0bR\x94 \xdf0\xb5\xb5\x7fQr{Y\rP\xf9|r\xba\xd4\x9c\x14U:\xd9\x00\x15\xcd)\xee\xf8\xe005\xb0\x7f\xdf\xbe\x83\xfbp\xd8\xb6\xed\x97{\xb7\x0f\xf6\xee\xd9e\x9c\x1c/\xcc\xcb\xae\xed\xa7_\xde\xed\xc4\x1d\x1b\x9b\xe3\xc2\x9d\xcbW\x0bsE\xbf\xee\xc2J\x19\xa2\xcb\xe7\x8bC&lt;\x95\xf2\xb4\xc00\xc0*Y\x96\xd44y-lY\x16\xb8\xc4\xbc"\xc5}\x99\x81\xfd;\x9d;w\xee\xdf\xf9\x8bCvjxp\xc4\xcb*K\xd7\x0b\xf3~\xd7\xc8\xa3\xaf\xd6;\xf4p\xdf\x16yp\xa9V\x94s:\xb0v\x1f\xdd\xe1\x1b\xf1\xb8\xc3\xa5,S\xa9\x08\xb4\xac(Fyf\xa6\xdc4\xa4rY\x92,STUZ\xb6\xd2\x99\x8c\xd3i\xb7\x1f\xda\xe9\xb4o\xa7|\xbe\xc1\x11V/-]_&gt;\xe9w\xb9\xbf\xb9q\xa1S=\x07\x8e6\x96_\xd3\xb1\xde\xdf\xdd;\xe2v\x1b\xc9\xec\x87*\xa84)\x93n6\xcbe\xbc\xc0V^\x90\x0c\x8d\x16EU\xb4\xd2\xe9\xcc\x80\x9d\xa2\x9cvj;\xe5\xf1\x8c\xb8u\rk\xfd\xc24\xebM\x7fu\xb9s\x8d#\xf7\n-Q\xe68\x8de]{&lt;qwX)\xaa\x18\xb4f5\x17%2\x88\x1f%i1\x9dN[\x887\xa1"6&amp;\xa5\x0cEQv\xbbo\x90\xf2x\xbdaV)\x01kI1\xae\xadu\xac\xcd\xc6f{\xba\\\x13E\x8e\xf3\xc3\\.\xd8J\xc9\x93{\xe0\xd9\xe4\xa4\xa5(\xa6\xa6i\xa6,\xe3\xa0\x84\r\xc3h6M\x9a\xa9\xa8\xe0Z\xec\xdfJQ\x83\xbdX#z\xbd.\xddL.\x15\xae\xde\xbb\xfbd\xbds\xfd\x06\x98\x8d\xe7j*-r~p\xb1aP\x15\xb3Y5[o\x98\x1c/\xcb\xf9d\xa91=\x9d\xc4\xd04\xbf\xac\x18\xcd\x86\x9c\xcd\x8aK\x7f\x93\x10\xf9\x9bGz=G=a\x17\xcb\x9a\xf9\xda\xc4\xfa\x89\x13\':\xd8\x92\x84\x9c\n,\x81\xe19\x9e\xd3r\xac\x02\xacb\xb1^\'\xd3.Y2\x16gf\xaa\xd5\x95\xea\xb5k\xd7&amp;\x1b\xc9\xbc\xccY\x93\xd3\xc5\xd9b}rRZ\x1c\x19\x19\xd9\x03\x0f\x86Ae\xd6\xe7\xae\xdei\xef&lt;\xe8\x1c\xd6\x86;\xa7\x08\x16\r.\xe2-M,\xd6\x8b\xf5Y\x95\x11K\x96\xb1\xd8?v\xec\xcf3\x1fTWV\x8e!\xe8\'\x1b"\x9d\x9f\xae\xd5\xeb\xf5\xc9\x86%y&lt;G\xbdaE\t\x83J\xab\x17:\xdd\x83GR\xfd\xdc,B\x9c\xe68Y\xe6`%\xf2p\xa5XD*U$LA\xacU\x1f\xdd\xc6\x92u\xa6\xbchL\x96d:[_\x9a\x9e\x9en\x94\x0c\x18*\xac\xe8\n\xab\x93\xffdb-\xb2\xa1\xd3XW/\x15\xb3\x0cC\xd34/\x8a\xb2\x08(\xe4\xf6$ydb!=&lt;\xaa\xae\xdc\xbe\xfd\xf2\xd6\xcbG\xd7\xca\x93\x16\n#&lt;\xbct\x12\xd1\xa6\x18\x8an\xea\xbair2\'\xd6ov\xbc3\xd0v\xe2\xee|1\xab\n1\xf2\x18\nyI\xcd&amp;%\xc90,V\x97iP\x8a&lt;"_\xce7\x1a\x16\xa6\xa6\xa9X\xa5\xe9z}\xba\x9eo\x90\'*\x98\xa8"\'\xf2r\xb1\xb6\xdc\xf9\x86\xc5\xc8z\xa1F\xb0b\x15\x01!\xa6\xaa&amp;\xe9\xd8"\xf9Kf\x84X\x88\xf4/\xff\xb4\xa7\'\x16\xa3e\x133\xd5\xb2\x9a\xcd\x06\x1cl\x99yM1\xf3"\x0c\xcc\xcb\xf5\xda\xf2\x95\x8e[\xcbqy\xa2\x96e\x04&amp;\x16\x0b\x85\x04U\x10%\x92\x93(\x80\xb1\x1a\xcf\x08\x82\x80:T\t\x85B1^\x0f\xbb=\x12J\xcf\x82\x94\xcf\xe7eQ\xc6\x9cUi\x9e\xdcI\x9d\xbb\x1a\xe9\xb4\xb1\x90!\x96\xe7\x88\x17a\x1a\\\\\x90\x8dajxx\x18\xe5\xae?m \x9aJ$S\xd1\x0c\xcd\x99\xd0\x0f\xfd&gt;\xca\xe9\x1c\xc8(\xf0+\xa2\x10\xd3\x97!\x11\xd9\x9a\x7f\xd0\x85\x1e\xdd\x0b7.\xbd\xf1"\xb1\x97\x9a\x0f\xfb\x86\x87w|\xf6\xd7\xedv\xfb\xc0\x02\x8aa\xba\x89toM6\xd3\x99\xb8\x8f\xb2S{\xb7m\xdb; \xc1X@\x15\x04\x1e\xbcb\xb15\xbf\xd6\x05\xac\xc8\x83B\xad\x08,\x84R\x8c\x81n\xf0l\xfe\x0cc\x90\x1ap\x8e\x8d\xcdTI\xdfC\xa6z\xac:v\x18\xb2\x81\xc8\xfdC\xd4\xd6t\x9e\xa6e\x91\xa6\x05L_\xbaX\xacM\\\xeeB\xa7\xb5c\xbd\xd0\xcaf\xc1\x94`0D\x1dJbGo\xaf\xcfgw\x1e\x1e[\x18\xabV\xab\xa7O\x1f?x\xfc\xe0~\'\xca \xacH\xc5=\x92\xcc0\xb2\x06{\xf1\xc0\xca\xb6\xe6O]\xe8Bc\xba\xe3\xcaD\xad\x1d\\\x02\x89pF;r\xc4\xb5\xeb\xfd\xdd\x9b}\xd4\xd8\xd8\xe1\xd3\xc8Z\xb7n\xb5\xbb\x92\x8e;\x07\xa9\xc1\x1d; \xc8\xdc\n!\xe2x$;\x9e\xe6\x8b\xb5\xc2\x8d.`\xd9\x1cw\x96\xe7Z(\xcf\x0ci\xf5N0\x1c\x91\x12\xae]#&gt;j`\x06\xb9\xf4\xd6\x9bA\xfak\x9c\xc3\x9b\x89J\xf4zMZD\xb0\xf3Q\xc2&amp;\xd6\xe7\'\xee\x9e\xe8|h!\xa1\x9e\x9a\x9f\'n\x14\x84DB\x80\x17Y\x17\x0b\xad\xea\xf1-\xccTo\x93\x81\xeas{eel\xc0&gt;LTb\xd8\xcb\xca\x98\x7f\xb0\x17\x19\xf0\xe1\xdc\xc4\x83\xae`En\x14\xe6k\xed\xe8\x8a\x85\x821ZsA\xac\x80+\xbe\xb0P=\xb6\xb2R\x1d\x03\xdc\xca\xca\xf1\xb1L\xff\xd6\xb8\xdb0\xbc^\x96\xa3\x99(M\x021\xc0\xa8]\xc3\xda`{\xb0\xdcj\x15I\xe6\x8a%p\xe0\xf4-z\x0e\\\x9e\xcc\x02\xe98\xcd,\xcc\xac\x10\xb8\x85x\x1cX\xa8\xd0.\x16\x91\xce0\xd1h"F3j\xab67\xde\x15\'B7/\xb7f/\n\x89)\x86\xd8+\xc5p\x10\xa5,*\x8d\xb4\x98Y\x94\xa0\xe7\xd3e\xa4\xaft\x7f&lt;\x9e\xf6\x18^\x17\xab\xf8\x19a*\x1a\x08\x04b\xa8\n\xad\xb9V\xbd;X\xb6\r\xf7&amp;Z\x17/fi\x92 c\xa9T0\x81\xb0\x11!G5+\xac)\x8a\x9c\xb7\x0c\x14o\xc5@A4,S19\x1a\x11\x18\rLM\xc5b\xc2lk6\x9b?\xdf\x8d\x1d\x0f(?k\x85\xac\xf0\xe1Eh.\x9a\x01\xd6(jc\xa5\xa2"\x85\xc92-\xe7\x05\x15\x8a\xd94q\x92\xcfk2\xad2\x89X0\x18#.\x8c\xc5T\x18\x99Ov\tk\x03\xb0HA\xac\xc4\x12\xa0J\x8d\x92\x81\x13\xe8\t\x11\x8aBPU\xac\xabi\xb2\x1a\x12\xa10z\xf0\x87!\xb2\x17\x03X\xc2E\xd4\x06.9\xfe\xe0\x84\xa3\x1b\xd6Z\x9f(2\xc1\xd4h\x0f.\xd9f\x1a\xea\x1b"\x17\x0fA;\xc0n\x95\xf6\xa1-%\xe0d\x10\x87R\xa9X"\x08\xaaJ%\x16\xe5\xbb\x88u\xae\x1e\x9d\n\x123\x11\xac\xa1\xa1\xbe\xbe!B\xf7\x0e8\xf13\xda\x03a\x03\x88wB8#\x9biFS\xa9P\x90\xc8\x8dP\x02T\xfe\xe4\xcd{\xdd\x89\xad\xa7\xe7\x96\xf8\xe8T\x02`C\xb0\x14\xc6\xcfq\xf5!\xb2\x9b\xa7\xfd\x0b2\x10&amp;\n\xf5\x0c\xbd}wh\xb4\xfd\x1f\x84\x82\x89\xe8\x01\xce\x9f+M\xacEl\xddq\xe2\x92\x1c\x08\xb4\r\xd6\x97J\x01\x0b\x06k\xdb\xec\rV\x9bt\xe8\xcd\xdb}\xa3oM9\x9aJL\x05\x00\x95cK\xd7\xefE\x1c\x9d\x87\x02\xd6\xcd\xa4\xff\xc0\x81\x00\xd9\xf1\x91"\xe3?\x18?\x1cC\xdf\xbf3D\xb8R\xc1\xa9(\xaf\xe7r:\x96\x19]\xc0\xb29\x1c\x91\xc8\xda\xcd\xe4\xa6vG\x08\xb1\xd8\x7f\xc9~\xfd=S\xea\x07|\xa9&gt;\xc4\x16\xa0`)$|=\xa7+\xe7\x11\xf2\xb6\xceB=\\}\xf5\xe2_On\x966m\xdaH\xc0\x02$\xc4\x00\x86W\xdf\xff\x18\x048\x88\xdc\x00K\xc9&amp;\xe94a\xf5-l\xf2\xfc\x93\x17\xab\x9d\x8c.\x9bc\xf5\xdb?\x9c=\xfb\xec\xd6r\xb2\xdd\x14\x99\xf3s\xc4\x93\x00\x9bjo\xc5\n\xbe\xd9\x91\xd56_\xaa}N\xb6\x91ME\x01\xa5)\x86\x9b\xac\xf5\x8f\x1c\xd1\xcd\xf1\x97_\xfe\xfdE\xe7\xb6\x9a\xda"\x8f\xbf\xf8\xd5\x993g\x9e=\x1a7\xc9\x9e\xb1#,\x9b\xe3`\xb0\xe8\xd4\xdb\x11\r\xf0PT&lt;\x877y\xbcH\xef\x14\x06r\x82\x1e6\xdc\xa0\xf2z\x89\xbd\x94\xf1G\xaf\x9f}\xf9\xaaC~\xb4\x81\xea\xfe\xcf&gt;\xfd\xe3\xa7g\x9f\x9f\xbf\xaeo\xfc\xed\xbb\x1f\x01\x8b\xd5\x80\xc1\x03\x8c\\?\x10\xf0\xb3X\xd2\x1b\x86\x04\x95\xa5\xe8z\xceO\x14\x16\xc7\xf9\x950Y\x9bI\xd0\xa9\x84\xcb:?\xf3\xec\xd9\xeb/V\x1d\xb6\x0e\xcc&gt;\x84\xd5\xab\xfb?\xf9\xd3\xeb\xd7\xcf?\xe6\xe7\x96r[\xb6\xbc\xfb\x1b\x17\x11Z\xac\x9fk\x1b&amp;\x108@\xac\x92.\x97\x17\x16\xca\xe5rZ2\xbca\xf2\x19\xe7\xd7X\x80\xc6\xd3\x99t\xdc\x03\x8bAQ\x9c,=\x7f\xfe\xfa\xf3\xafW\x7f\xcc\xf7\x0b\xb4\x89"\x0fW\x1f\xbf\xfa\xf6\xfe{\xef}\x1c\xf8\xa7_\xa3\xeb%\x82\xf5\x91\xcb\xe5u\xbb\xc3l.\xb7\x914i\x916\xf5\\X\x82p\xae\x96\xcb\x99LZ\xc2g~L?\x1d\xcb\xd8\xc54\xd9\xbdE\xb0\\G\xb6(\r1\x1a|\xfe\xf9\xef\xff\xf1\xddc\xb2[\xfe\xff #\xdf}\x11yx\xe7\xf1w_\xff\x9b\x92\xf3\xfbM\xeb&lt;\xe3\xb8\xc1\xe84\xe4\x04\xce\xd1JN\x11x\xc6\x8d\x99\x11g@L\xf8\x19-N\x97\xb6\xcc\xac\xad1\x8e\x94\xc0\x02\xaeB*\xc4\x85\x7f\xc8\x1a\xd1$L\x04\xc3\x8b\xbc\xf9\x86)\x17\xd0\x11!\xd9\x17\x8bR\x89\x8bj7\xcbd\xf3\x17\xa0JAE\xc2\x17\x80\xa3\xfa\xc2\xa9\xa5(q\xe44\x89\x96\x1f\xda\xf7y\xedh\xaa\xaa\xfd\xe8c,\xb0\r\xe7|\xf8&gt;\xdf\xf7y\xcf\xc1\xe7y7\xb7\x9a\xbb\xba\x90b\xe7\xddc\xd7\x7f\xf9\xce\x9f\xc8Z\x97\xceO\x8c\x8d:\xe2\x1b\xa3\xb3\x83CW\x07@\x05\xd4\xabC\xe33\x9f\x7f~\xe7\xd6\xad\xf9\x19\xc8Ej\x9d\x9e\x9e\x1e\x1a\x9dY\xc7\xb95\x8e\xbf\x1c\x93cc\xb3\'\x86\xde\xff\xd9\xd9\x9f\xf6\x1a\xf5z}\xeb\xfe\x8b\xedo~\xf4b\x11\x04\xf5\x87\xed\x17\xfb[\xdd\xb4G\xa1\x10E\x9d\xab\xd3=1}\x1d\xbe&gt;Mm\x92\x97\xa8\x19\xd1\x11\x8f3\t\xa8Ufp\x107\xc8u\xe7\xce\x8d\x99\xf8\x19\xe4\xf0\xea\xe9\x81\xab\xd3\xe3\xa3#\xebsS\xa4\x96\xc919968;\xf4\xf1;g/w\xfd\xa2B!\xf8\xeb\xf7\xf7_~\xfb\xcd\x8f\xf9\x04\x8erw\xf7\xc9\xab\xcd4E]\xc0F\xf2v\xbb\xe2\xde\xfb\x7f\xc6\x00\xbb&lt;p\xec\xca\xc9\xf3\xe7\'\x82\x0e\x87ccffd\x90\xd5\x8bY:\xa6\x1f\x81\xb1n\x9c\xc1\xc12\xf9n\x9a\x8e\xa5\x91\xc1)Y63\xb5\x08k\xfa\xf4\xd9O\x1ez\xf2vQ\xf0W#u\xcf\xee\xd6\xfe\x93\xff\x13\x8c2\x0e?}\xf7\xac\x9c-e\xb3\xe5lZ\xf0c\x1b5!_\xeb\xce\xfc\xf12\xc3"\xb1&amp;\x82\x81@\\\x8f/\xc7\xe8\xec\xc9Y\x9c\x95\x01e|\xe4\xc6\xad\x99\x11v\xc6C\x9f*\x8f\xc6g\xe8\xd3\x11\x83L\xcdd\x01\x07\xa8fO\xc0\x88;\x82\xdd\xde\xa9..\xc6\x90J\xc5n\xf7\x15)\xd6\xf7\xd6\xff`\xa2j\xfe\xb7\xc7_\xf4V\xd7\xd6VW\xcb\xd9,\xb0\xaaUl\xa4\xda\x11\xea\xbe\xeb4\xeeX\xe3\x1f\xb04&amp;\xbdY\xbf\x0e\xdf8\xc6p\x16K\xf5rt\x04\xb6\xa2\x00\xda\xc8\xd8\xe0d\xc0\xbc.\xcf\xcd\x19\xa6\xccfw \x10\x1c%\xac\x81Onw;\xf6|m1\x93\xe1\x81U\xdf\xf5\xb8\x08\xec\xbf\xaf\x95\xc2tz\xfc\xaaW^\x05R\x19Re\xd3\xe9\x82"\xb3\xb8\xb8\x98Y\xac\xd5\x167\x87h2dXc\xc1\x05\x8d\xc9\xe4\xd6\xb3\x1e\x10\xc7(\xb5r\x8e\x8d\x8f\x8c\xd0G\xf2\x1b\x0e\xa2B\x8a\xe3zY\x96\rs\x06\xea\x85\rP\x13%\xc3\xda\xab\xe7\xed\xa0J$r\x8dF\xb3\x8e\xb1\x14J\x13\xd8G\xff)\x97\x94\xbc\xed\xc7\xcf\xa0\x13\xa0V\xb3\xd9\xb5,i\x95\xae\xe8"\x19\x04\xf4\xaa\xd6\xf7\x80u\x9bZ\xff\x80\x05*\x93\xdb\xad7\xd3\x15\x17\x0ej\x03\x19\x1b\x1c=3\xb2\xb11299\xe9\x98t\x98\xf4\xe4\xab)95\'\xcbS\xfa@\x00\xbfeXgw\xaa\xf6\x0e\xa8x\xbe\x01\xac\xddt\x1a\xbb\xc8f\xbb\xcf\xbe;\xac\x18o\xfd\xd0\xe6w_&lt;\x80Jt+\x03mmm\r/\ty\x08+\x91 \xaeH\xf9\xd8\xc0\xed\xdf\x9c\x04\xd6\xc4\xcaJP\xa3\xa14j\xcdn}\xc0\xb1\x10 S\xcf\x0e\x8d\xd3\xbf\xa9\x1c\x01\x02\x8e\xc7\xf5p\xbb\x81\xfa\xdb\xd6\xe7\xe3\xc0\xa2^\xd8c\x97\x07\xba5\x88\x05*\xde_\xf7\x10\x11S\xa1\\.\xf7\xbex\xbc\xfd\xc3\xb5R\xa8\x92\xefo1&amp;F\x04\xa6R\tT:\x8f]H H\xaf\xc5\xfa\xce\xc0\xed+\x97.\xc1Z+\x9a\xa5%\xd2\xcb\xac=\x07\xdf\xc4\xe1~\xf3\xbc\x1e^\x1f\x1fw\xe8\xe3&amp;\xea`\xc6\x19\xec\x94&lt;g0\x1c\xb4).Pc\xe7\xf9\xd9+\x03\xf7\xea\x9dN5\x93\xe0\xb8\x9cB\xd4\x85\x88\x0b\xe3\xea z\xcf\xfe\xf1x\xfb{k\x92\xa0H}\xfb\xcffc\x97\x98\x0e\xa8\xb2\xc4\x84\xa8\xe8\xecb\x0c\xef\x8dq\xc5\xba\'1\x1f\xd2\xf5cc\xc1%\x88\xe5v\x9b!\x97\t\xea\xe8\xcd\xd0d\xe3\xef\xb0;,\xa5G\x9db\xbd\xb9\xc0\x92\x91D\xd9\xec\xd6\xd0\xe5\x97\xd4I\xd6\xf5w\xe0,\x9eSE\x04\x85\'\xc4\xa8\xa0X\xf9\rY\xefw/\xee\xfe[\xb2\x8f\xb6_6\x1b\x8dv\x97!=Z[+\x95\n\x0cJ\x87\xb0\xdb\xfd\xfc\x1b\xaeF\x0fR\xdd\xbcys"H9\xf4\x9al\xc0\xd2\x9a\x81e\xa2^\\\xd4\xf78B\xaf\x8fo@=\xf3\x14\xf5\x9a\xca\x06x\xcb\xe6E\x85\xa0&gt;\xeb\x13$V\rb\xa99\xbf\xe0\t\xe1\x90\x84a\xad\x1d*\xd6\xeb=\x7f\xbe\xb5O\x03\xf3\x00\xeb\xe5\xfdF#\x97k\xa7\xbf\x9c\xfd\xfaQ\x00\x00\tgIDAT\x07\xa5\xf3x&lt;\xba\x90K\xb4\xe7s\x1c\xb0\x88+\xd3\xbc7HWw\x92\xe1\x83\x1a\x9b\xcd\xa6\xd5\xca$W\x00\x83R?e\x9e\x9f\xa7\x86#\xb3\xd9&lt;\x1f\x07\xae&lt;G~7\xc8SZ3q!\x8b\x837\xbb\xb5\x0e9K\xad\xca\t\xf6\x10\xab\xd6\x05|1\xc5\xb2\xe5\x9d\x87\xbf]\xfek\xbbh|\xb9}8+5b\xb9\\\x8eof)}\x80\xaa\x90J\x98t&lt;\x04\'\xe6\xed~\x8e\xe3\x0e\xb8b\xdd\x89\xe0\xd2\n2\xe8\xa5Vs/\xb0$\x92+\x00\xdd\xb40\x11\x12&amp;\xcf\xaf\xcbS$\xa2DZ\x11\x96V\xa2fSS0\x18\x1c\xeb5\xe0,\xa2R\xc5\x04\xd1\xa3;\x8c\x10\xf3Xy\xef\x83V\xab\xf5\xbcmT\x161_\xd2\xb0\xec\xe3sH\x13\xb7\xbbVZ+\xa5I&amp;\x91f-\x85Hr\xb9D\x85 \xe4\x80Ey\xa44\x06\x17\x96h\xc9\x00\xaf\x8d\xf6e\xd3J\x12u?\xe1G\xc9 \xc9\x06j\x1e\x83\xc5m\xec\x9f\x88\xd4G&amp;\x19\xe4\xb0d\x86\xae6\xcd\xc2\xc4N\x93\x89\xc5\xa9T\xeaH\r\xdb\x17i\xdb\xf0\x18\xf3\xfe\xc3\xfeVk\x19XJ\xa5R\xdd\xbeO\x16\xeb\xe3x\xec\xb6\x88\\\x17\x98\x9f&lt;`R\x10\x9a\x87\x02\xaf\x8d\xc0\x0c \x8be\x16#\xcd\x9d\x05/\x0b\xca\xa0\xd6\xe6vk%\xa7\xd3\xe6\xf5\x9a\x00b0\xc8\xf4-k\x19\xad$\x85\rab\xd3\x9ae\tO\t.u#\x9d\x0e\xa3Rq\x11\x81\xa6\xdaH$\x16\xf3c/:]\x1aTGZ\xfd\x07XEU\xb1\xbd\xff\xe4n\x1fi\xc5\x01\x8be\x1by\x03\x10\xbeE;\xbd\x9f\xbc(\xe6\x85\x98\x9aq%0\x1a\xb7\x9c&amp;\xbcw\xaf\xcd\xe9&lt;\xe7\xa4\xee57=\x02\x97\xcd)%\rI\x80\xd0\xa7\xccNB\xc2\xc30\x85\x942\x84\x9d\xe7LK\xddF\r)\x04\x95R\r*Ah\xe4\xd4\\"B\xd9\x14C{G\x8e\x1f?r\xa4\xbf\xf5\xb0\x8d?\x03L\xa9j\xef\x13\x16\xcf\xe5B\x85B\x89\xec\x8e&lt;2*\x8f((0\xd9\x0by1\xef\xe7\x81\x85\x8d\xc0\xf5\xb9\x07n-!! \x97\x16\xde\x81\xa3\xbd^\x8d\xd7\x19\xf6!\x92\xa7 \x9eS\x1b\x96\xc2\x92\x93\xa8|\xbeh4j\x91\xce\xd94\xbdF\x15\xa3\x90\xc7^U\xb9ZGh\x14\x8dJ%\x17QPxv@\x85h\xb5\x1e6a&lt;\x02S\x16\x8b}\x1cIQ\x0c\x81\n\x87\r\xa5B\x81\x8dB\xca;I\x9d\x17=yJ\xa3ZE\\\x99D\xfb\x81y\x8a4\xc1n\t\x8b\xfc\x04\xb54\x9a%\x1b\x13\x87a\x11\xb3\xf3\x141]\x8cZ\xa3\xbe0\xfc\xd7k.\xc2X\xb0;\xc1\xd4\xfc\x11\xa5\xd1hT\xc7\xb0}\xbf \xee|x\xf4\xe8\x01\x17a\xbd\x01\xeb\xa3\x1cr\rR\x0b\xe3\x95\xddB:\xf2\x17^\x82T\xba0\x1a\xab4|\xd4j*_|\xfbk\xd9@\xce\x91\x08+L\\)\xba\xf6be\x05C\x01L\xc8\xf0\x97\xc8\xa8\x04(\xab\xf5\xf7\x17\xadV\xab/\x1c\xd6\xf6\xda\xb1\xda!\x95*V\xf5G\x8c\x8c*\xe2\xc7;\x17\x1f}J\xcb\x1a\x1db\x15\xd5\x84\xa5\x82\x96}D\xa5nT\n!\x17\x15\xf6t\xa1R9p\xbe\xc2nw\xb9\\T$\x84\x18OO\'\xaeD\xb1\xf9U\x8a\xb5k\x86\xb5Z\xa7\x16\xc3\xcf\x90D\xf2$\xadwie\x85-\xed\xf1\xa5\xd3i\t\'\x87\x87}\xc3\xc3\x80\xc2\xbd/\xfc\x80Q%\xd4\xa4\x02\x87BCZ\xe5b\xc0\xf2+BO?\xa55y\x0e\xd4zwK\x8d\xbc\x10XQ\xc9\x92\xc85\n\x95\x90\xcbCS\x15\xd0*\xacL\x00*\x04X\xf01\xd7S\x1aQ\xbf\xf8\xe2\xd6\xc5k\xd1\x94!\x99\x0c\x03\x8b:J\x93&gt;\xeb\xb0\xd5\xe7\x93l,\x9c\x96a\x8b/\t,\n\xe2\xb2&amp;\x1f\xb4\xf9\xea!\x95Q\x15\xcb$@\x05\xcd\xaaUA\xe1*\xed\xbd\x07\xa8C\xaa\xd6\xe9&amp;\xc3\xa2P\x01\x0bwuxJ\xf4\xfb\xf3\xac\xc2U*.\xbaw\xb9*\x95\x8a\x8e\xb9\xcc\x1fcO\xa6\x02\xc6\x177?\xfb,\x1a\xf5QA\xd0b\xcc\xa5\xa2Q\xda9\xbbn\x19\xee\xb2\x80&amp;\xe9K\x0e[\xf0\xd0\x82\x1f,\xc3\xa0\xc2LOTF\xa3\x92\x8f\xe4\xa0X\x0eJ)&lt;\xae\xd2\xd3\xd7\xbf\xf8\xc9\x01\x13\xa8\xfa[\x1f7U\xb4\x13\x1a\xf7j\x86\xa5\xda-\xb8\xec(\t\n\xbf\xc2\x0e,\xa8\x05:\xa4\xb0\xa2\x03\xab\xdf_\xabEx\x95\xea\x90\x8b+nR\x8b\xeb\xb5\x94DE3\x95\x04\x17%\x0c\x04\x08\x92\t\xd2Y,\xe1S\xa7NY\x86}I\xcb\xa6\x91\xc3\x91$\xaf\x02\x93\xd1\xc8aJ\xe4c\xac^U\nO_\xff\x8a\x84\xa2\xe5\x94Z\xfdo\xbf\xbd\xbc\xfc\xf3-\xec\x84\x98\x08\x8bi\xc6\xb0\xec\n6\xf4hb\x08\xb9t\xae\n\xb80$q8O\\\x9c\xea\x8d`\xe0\xfa\xf5_\x00f\x90\xc2\xa9T\x8aD\x02\x16\x83\x82&lt;V+\xc4\x8b\x92\xdf,D\xf5\xf5f\x91\xc3\x00\xe6H)Tp\x1c%\xf1&lt;\xce/\\\x85\xd2\xa3\xbd\xf7\x8e\xb2u\xb0\xfa\xc1\xb4\xbc|ay\xb9\xf5A\xd7\xa8T1\x17\x03\x8bd(z\n\xe2\x01\x12\xea\x08\xfc\xae\x0bQ\x0eA\xca*\x05Jr\xad\x1a\xa3\xa7S\x8d\xe6xuq\x93\x9a\x82}\x86d\xea\xda\xb5(\xb0\x92\x8c\x8ad";Y!\x1f\x1eY\x92\xbe\xf0W[\x10(\xc3\xab\x8dDeT%2\xb1H\xa3\x0e\xa1J\xa5G\xaf\x8f\x1eg\x8b\xe6\xb5\xc0\xb4|\xe1\xc22\xe4\xfaW\x15g\xf0\xda\xb6\x1d\xc5qK\x13\x02\xa1\x83\x0c\xf3M\xc7\x1c\x82\x0b\xbe\xd4\x18~\xff\x82.a\x83\xb9\x12\xfc.+\xae\x08\xd6Mc\x86%\x87\x9f\xe2\xc3z\x08C\xc7Q\x83\x9a^zj\x19\xf4\x92[/&gt;\xb5M\x93b\x18\xb6bXrl(\x98\\\xc6\xd8\x16\x18\xec\xfb}J\xbb\xee\x1d\xec\x9f\x8c%\x7f~\xef\xf7\xde\xf7=\x05\xfd\xf2\r\xb1\x1c\xa1rZ%#\xbf3m\x17\x05\xb0\xa8\x08\x03K\xd8\x04\x8b*\x1fXE\x11&lt;W\x86^\xe5lP\x13\xcaz\xf2(O\xd2\xafvG\xf9(\xe13d|\x9e\r/\xcc\xc0\x94\x1a\nY\xd8N\xd3\xcd"\x84\x83d\x01)\xefz?V\xed\x0e\xa1@\xc5\xffe\xf6%a\x00\x95\x01\x8bh\x17H\x06\xc7v\xa9$-\xdb\xf3\xecrgV(\xea\x14`\x90\x84M\x1e\x82\xaa\x80r\x81\xab\xa0\x05\xda-\xbdf2\xaeG\xaeQ\x9a\xa6\xa3\xbc\xe1\xba\xbb\r.yC\xd8\xa7\xc9=\xc8\xc2\x9d\xadz\x15z\xbe\xef\xd9\xa1\x8dS\x1c\x0f\x8ae\x89\xa7\xa6\xb3\'\xdf~q\xbbr\xb0l\x9ce\x00\xc3\xc1\xfb\x92\xab\xa8\r\xe5\x14\x03{5\xebT\x1a\x15\xaaG*V\xea\xb6\xf4\x80\xf0\x1f\x00e\x1d\xc9e\x98&amp;"w\x9eS^F\xa3\xeeV\x9a\xe49\xa4\x1c\xbe\xda\xdeb\xb4os1\x93\x04\xa8\xbb\xbb\xa7\x97e\xe8\xa0\x15\x85\x84" \xd1e!\x9d\x04jg\xb0s\xfd+\xbd#&gt;\xca\xc6\xc7\xc7cR\xe1\x08\x9dM\xe8\xc6\xda\x03\\\x0b\x82\xe4\x9dL{\xd0\x11`\xf5\xd8n\x80Kz\xa1\x1e\x8f\xb1\x8c\x16+7\x8c=\x0e\x8b-\x83\x1f\\\xe7\xc8\xc0Q.\x8f\xe9\xcb""\xaeH\xd5=\x98L\xa2$\xd9,\x10L.]\x05\xb9\x83dk\xab?\x9bN\xd1\xce\r\xac\xce5h\xb2\xcf\xa02\x1eg\xc3\x87\xdf/B[+\x17\x13\x01\x961\xae5\r\xb4\xae\x80e\xa9\x18\x92\x82J\xcd\\\x04\xc9@\xba\x08t\x83XR\x84\x19+\x02\xa7\xcf|)\x17\x9b{]n\xe2$Ww\x8b{\x1d\xba\xf2\x00o\xf4f\x92\x9f\xd6+;\x94\xea\xe6P\x83}\x13\x08\x14\xc4\x19\xf7\xad\xefA3&amp;\x17\xde\x84j\xd8P=\xfc\xee\x03\x97\xd0\xc3\xbc\xdd\x96m\x94\xe9\xcc\xaa\xfbZ\x15mi\x82\xe2\x97\x12d\xf0\x16X,6\x11\x18\xcd\xfa=\x84\x18;{\xc6\xbd#\x05\xf5\xa4&gt;Mrn\x88?\x90\xea\x07$0\x1d\x1e\x02k\xb3(E\x11\xb0~\xd4\x04W\x173:\xaa\xad\xe2\x93X_&lt;\x1b\x1f\x13+k\xa80\x1c6\xa15\x1c\xfe\x86\xeb\xf3\xea\xbeFl)k\xd6\x8f\xef\xa3r*@\x19\x1f#\xb8\xab\xd7#V\x1b\xa2\x85\xb4D\xfcw0\xa4\xacB\xb7\xa4\xb89\x0e:\xdc\xc5f\xf4\xe8Mt\x10=\x8e"&gt;\x90\x9b\xe7\xdc\xbb\x1f\xfdyilQO@\xe1f\xd5\xf5U\x0f\x85c \x9d\x9f1\xf5\x83\xc6E\x9fQ\ro\xdd\xf5\xcb\xcf\x1ai\x8b\xb9\xc4q\xcbv\xf5`Z\xc0I\xb1@A\x85\xe3\x8aA\xdf\x16g1?\x07\x92\x94\x00\xac*\xe8\x04\xe2\xd7A\xc4\xd8\x0e\x7fzU\x9fc\xc9\xf2\xc9O\xcd\xfeen\xbd8\xad\xd1M\x89y\xfe</t>
        </is>
      </c>
      <c r="M53" s="3" t="n">
        <v>45492.67599537037</v>
      </c>
    </row>
    <row r="54">
      <c r="A54" t="n">
        <v>143593</v>
      </c>
      <c r="B54" t="n">
        <v>1958</v>
      </c>
      <c r="C54" t="inlineStr">
        <is>
          <t>Marçal</t>
        </is>
      </c>
      <c r="D54" t="inlineStr">
        <is>
          <t>Marçal</t>
        </is>
      </c>
      <c r="E54" t="inlineStr">
        <is>
          <t>LE</t>
        </is>
      </c>
      <c r="F54" t="inlineStr">
        <is>
          <t>LAT</t>
        </is>
      </c>
      <c r="G54" t="inlineStr">
        <is>
          <t>LE/ME</t>
        </is>
      </c>
      <c r="H54" t="n">
        <v>178</v>
      </c>
      <c r="I54" t="n">
        <v>21</v>
      </c>
      <c r="J54" s="2" t="n">
        <v>32557</v>
      </c>
      <c r="K54" t="inlineStr">
        <is>
          <t>Left</t>
        </is>
      </c>
      <c r="L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c87da5-ad81-4525-855d-cf33cca5cb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E.\xde\xee\x00\x00\x03\x00PLTE\xff\xff\xffC=:\xfe\xfa\xf5\xfc\xf8\xf1\xfd\xfc\xf8=96\xfe\xf8\xf2\xfe\xfc\xf6\xfe\xf9\xf3\xff\xfc\xf7\xff\xfd\xf8(\'$\xfe\xfe\xf9\xfc\xf9\xf4\xfc\xfb\xf7\xfa\xf6\xf0\xf8\xf3\xec\xfd\xfa\xf5\xff\xfb\xf4@;8+*&amp;&lt;730.+31.\xfc\xf6\xee\xfb\xf4\xec.,)\xf2\xb2\x8862/\xf4\xb5\x8b\xf3\xef\xe7\xf6\xf2\xeb\xf5\xb6\x90\xfe\xf7\xf0930\xde\x9br\xfe\xbf\xa0\xfe\xfd\xfd\xf0\xea\xe3\xee\xae\x86\xfa\xb1\x8d\x90fG\xf7\xf0\xe8\xea\xe5\xdb4/+\xf4\xab\x84\xfd\xc7\xa9\xa1oL\xfa\xbb\x97\xea\xaa\x81\xee\xab\x82#" \xf4\xa8\x81\xe0\x9fw\xf8\xb8\x92\xf3\xec\xe4\xff\xfb\xf6\xf7\xaf\x8b\xed\xe8\xe0952\xcf\x90l\xf4\xba\x97\xfd\xb8\x96\xfc\xb4\x92\xc9\x8ci\xfc\xfc\xfb\xfd\xbd\x9b\xe3\xa2y\xd5\x92k\xb1vR\xc1\x83^\xf0\xa6~\xe7\xa3z\xc0~Y\xc8\x91r\xf8\xad\x87\xa5pK\xb8xS\xe6\xa7\x80\xdc\xa1\x7f\xa2jG\xe0\x95m\xadkH\xb2oL\xb3zX\x9amL\x9biGE@&gt;\xbb\x80]\xee\xa2z\xcf\x8df\x8aeI\xfe\xba\x9a\xfe\xc3\xa5\xe3\x9ds\xcf\x94q\xc7\x84_A96\xff\xf9\xf3\xff\xfe\xfc\xbfyS\xe9\xae\x8e\xf2\xf0\xed\x91mR\x96bD\xacwT\xcc\x88b\xabgD\xc5\x88d\xa7sP\xf8\xf7\xf5\xf0\xb3\x8f\xb7~[\xd9\x99s\xe5\x98n\xda\x97o\xdb\x94k\xda\x9cx\xc2\x8dn\xe6\xa9\x86\x94kJ\x9dcC\xf5\xf4\xf1KGD\xba{X\xcc\x9f\x87\x8e`B\xf8\xbe\x9d\x81cL\xeb\xa6}\xed\xeb\xe8\xd1\x82Y\xd6\x8cd\x8aZ=vR=\xcc~V2+\'\xabqM\xbd\x86e\xe7\xe1\xd7\xe0\xa5\x84\xb7rO\xb9\x8bp\xd4\x99w\xe9\x9aq\xd5\x96p\xa0w^\xff\xff\xfeR8*nJ6\xdf\xdd\xda\xe2\xdd\xd3\xa6\xa2\x9f\xc6\x7fX\xb3\x83i\xa5eB\xe2\xa4~\xd5\x9d\x80\xd9\xd7\xd2\xdb\x8ee\xfa\xc1\xa2S?6\xae\x7fc\xa6|b\x1c\x1b\x18\xfd\xd1\xb3\xe8\x9ev\xb8\x87k\xfd\xcc\xae\xda\xa4\x87\xd2\x89a\x98qT&gt;-%\xc2rO\xd2\xa7\x90\xc7{S\x95\x90\x8cG0&amp;\xbctN\xc3\x94{\xe8\xe7\xe4\xa1rT~yvUQMXF=\xce\x97z\x88\x84\x81jfc\x96r\\F7/\xe0\xaa\x8dvni\xbc\x8fx\xcb\xc7\xc4/#\x1d\x89hS\xdc\x91i\xd4\x86\\\xe5\xe3\xe0\xb2\xab\xa6\xd5\xd1\xce\x86`B\xe3\x91g\xbd\xbb\xb8_B2\xc6\xc0\xbc\x81Z?\xea\xb2\x95\xd0\xcd\xca\x7fT:\xff\xff\xfajO@\x96\\=\xc2\x9f\x88\xa0^:\xdc\xb0\x9b]XT\xdb\x8a_\xb8\xb4\xb1\xed\x9euzYD\xa8\x84m\xf2\xbe\xa1\xb7kFe_\\~^I\xaa]7\xac\x91\x80\xd7yg\xe0\xc7\xbb\xe8\xb7\x9e\xfe\xfe\xf6\xf3\x9f\x8f\xe1\x85v&gt;%\x1a\xfc\xd8\xba\xf7\xa9\x98\xc8\xb1\xa3\x98T1\x87M/\xe8\xd2\xc7\x9a\x9a\x96\xe1\xba\xacyF,\xaf\x9e\x92\xf4\xe2\xd8\x95\x80s\xf7\xb2\x9f]/\x1b\xef\xc9\xb2nXM\xec\x95\x82\xe6\x92q\xfb\xdb\xc2\xf0\x92\x88l:"\x00\xe4E%\x00\x00 \x00IDATx\xda\xdc\x98\xdbO\x9ay\x1a\xc7\xdb\xa4s\xb1\xd9l\xafv\xaf\xcc&amp;f\xd4\x08\xc9\xbc\x82\x86\x9a\x90 \xa0E\x0e"r*\x14\x15\x0b\x93\xa2P\xa1V\xa9R\x98\x12\xacrjM\xb1\x96B#\xb5-\x05f\xd4r\x08\x85\xd5\x96va\x8d\x07ju\xd1\xd6`\x9c\xf1\xd4\xd653\x17&amp;mg\xb3n\xd3\xed\xcd\xee\xf3\xf6o\xe8k\'\xfb\xc0\x0b\xe1\xee\x93\xe7\xfb}\xbe\xbf\xe7\xc7\xa1C\xff\xbfUR\xdd\xd1\xd1\xd6\xdf\xdf\xd6\xd6Q]]\xf2[a::\xf1bi~\xff=Z\xfbK\xd37\xfb\x7f\x0bd\xd5\x13\xd3\xf3S\x81@*\x90\xfa\x98J\xa1_SO\xe6_\xf4\x7fi\xb0\xa7\xf3\x0f\x1fe\xf62\x87S\xa9\x93\x17\x0f\x7fu8\x00\x80\x7f:\xfc\xfa\xe1\xc6w_T\xbe\x8d\xd7\x00\x92Hd\x12\x89\xc07\x97\xbfMe\x12\x81G\'\xbf\xbax\xf1\xdb\x8bO\x9eu\x94|)\x9f?\x1dF\x85\xf3\xe4&lt;\x89\xcb\xd1\xe8\x1f\x7f?\x93\x88\xceD3_\x7f\x13\xc8\x1c\xceDS\xc3\x13\xd5_\x04\xabm\xe9\xaf\xa9@ \x93\x88B\xb7&lt;\x1eO\xc0\x13\xbd&lt;3\x03ox\xa2hMM\x1f\xfd\x02\xbd\xea\x1f\xce\x83v\x89\x84\xc7\x93s\xd8-\xf8\x85\x85\x95\x95e\x87\xd7\xebIDQ\xbcLt/\xf3h\xe9\xc0\xb9:^&lt;\xf8\xe8u\xacx\x97\xed\x1aB\xad\x99\xa3Trd\xb5\xb5\x1c&amp;\xef\x0cAc_q\xe4\xa0{\xc0\x97\xda\xe88`\xaa\x8d\xbc\xc3(\xa9\xadu\xf1\x92*\x9f5k\xb5Z\x9dN\x9f\x8f\xa3l7\x9bk\xc5"\x81\x14\xd8\xbc\xc0\x96\x9a?H\xae\xea\xfe\x07\xf9\x15\t4)\xae\x8a\xc5b\xf18@\xa1\xefx\x0c\xfd\xed\x12\x8b\xb5\x02(\t\xbe\xd9\x91K\r\xb7\x1d\xd8@V\xdf\x9drHN\x98y*(^2\x89\x92Y\xd7\xd7\xd7mN\xab3\x0eX\xc0%\xd2\x8e\x98\xa4\xd2I\x89z+\xf7`\xe2\xa0\xa8\x9e}l\x1e`\xca\xccI\xa0\xe2\xa8\x92\xb18\xb4j\x1d\xad,(\xe9\x8c\xa9\x92\xaeOX&amp;\x93T\x12\nFr\x0f\'\x0e\x88j*]\xa7TA\xb38*U\xdc\tLY\x9bm\x11\xca?\x97\xcd:\x01-\x16K\xbaD#&amp;\x8dI\xa3\x99t\x07\xd3\xb9\x87\xfd\x07\x81u\xf7\xa7Ku:3\x8f\x07\xe3\x07L\xd9u?Z\xfa\xa1M\xa8\xa1E\x9b\xcd\x16\xceZ\xe3\xf1\xa4X\x00\xed\xd2H\x8d\x91P:\xf0\x00\xfb\x93\xa8\xe4\xe9\xd4\x8e\x81\xae\x93A\xaf`\x02\x01J\xa8\x87\xdalll$\x91X\x9bC\xc29\xa1\xd0\x8f\x0e&amp;\xc7\xf5IF&lt;^\x12L\x07\x86\xbf\xbb\x81u\xb4\xbf\x9f\xbcCg29\x1c\x94\xca?\'\x1c\x02\xa2Q\x14\x89\xc4EH,\xf6\xa8~\x08\xd0\xfc\xb6\xac3&amp;\x16\x81\x8a\x16\x8bF\x1a\xba\x94\xf9;\xc6\xe7P\xf5p\xbe\x8e\x02TJ\x1fP-\x0e\x8d6"\x08\x8e\xcc"!$\x84\xccE\xb8\xe4\nV\xe3f#\x8buJh\xb3\x82\x8e#\xa6U\x8b\xddn\x89\xb8s?\xdd\xc46&amp;\xee\xee\x84\x0cL\x9f\xcf\xa7\xf2e\xc3sC\x8d\x8d\x08\xad\xb0\xa6\x98\xc6\xe5\x92q4\x1c\x19\x87\xe3"HE\xc1\x9f\x0b\xfa\xd8\xc29\xab\n\xe5\xd2\x00\x16~2\xedy\x82\xa9\xbd:vCt3G\xc5\x89\xc7\xac\xfe9=\x0bh*\x89554\x84K\xa3\xca\xa94Z%\x0e!A\xdfJ\xcb\xd9\xa3B\x1b\xf8^$0\xad\xda\x17,x\xf7Vf\x03C\xaa\xd3\xcf\xb6u\x1c\x08P\x15\x04\xfb\xbap\x88\xc4%\xd3\xe45\xc0\x83\xb2Q\xd1\x02,\x84T\x01TCB\x7f\xd8\xa9\x02\xdb\xaf\xadj\xf0xc\xda\xfb\x1a\xbb\x94\xb8\xd1\xbf/\xf3\x99y\xae\x18\x04\xc3\xfa\xa2~\x93\xc4\xc5Q\xe5\xc55\xf0\xb4\x14\x17\x17S\xa9\xf2\x1a*\x99\xcbE\xfa\xfaX\xa3z\x14+\x0e\xf1\xb5f\x02,K\xa490\x8c\x99\xeb\x8fN\xa7!A]I4\xae\x16\xf5C0\x7f\x08\x17GDqP,"\xf4\x8cJF\x90\xd2rV\xdf(\x98&gt;\x1c\xf6\x89E"\xd4\xf6x\x8bE\x9d\x9f\x9a\xc0\xacY\xef\xcf*\xcdI\x17${\xd6\xbf\xae\x87\xa4\x02\'\x81\x95p82\xb1\xa6\x18^r"\x8a\x85T46\xb2\x01\xcb\x16\xf6%EZ-\xb8\xdeb\xb1\x18g\xf3K\x18\r\xe3\x91\x17\x0b\xb2NpV\xdc\xea\xcc..n\xb2P&amp;.\x1a\x0b\\2x\x8c*GM\xcf%\xa1\xe1\xd57*\xec\xb6\x85\xad`.\x91V\xf0i\x18\xf1\xea\xdc\x836\xac\xc6\xb0\x9e\xd9iv\xf9\x9c\xe0w\xbd\xfeT#\x89\xcb\xe5B&amp;\xa0\x9f\\\x1c\r\xb4\xa4Rid\x84\xd4\xc7\x86P\x9dC5\x8c\xc3\xa1\xad\x05\x11-\xc0e\xdc\xfax\x13#\r\xd3\x9dL\xa5J\xe5\x8b\x83\x86Bp\x16*\x1f\x8e\x8c~\xa0X4\xb9\x1c\xbc\x85\xc3!\x15}}}CB!\xa3I\x19W\xc1*aB\xb3\xde\x8e76\x07\x96\xb01\xfd\xdd\xf4\x00S\xc7\x89\xfb\x9c\x90Y\xc2M\x12R\x00,8x@;\x1c\xe8H\xad\xa9\x01\xdf\xcb\xa9\xa0#\xc2.*b4\xf9T*\xb1V\xab\x1dY[[E\xb1&lt;\xd8l\xaa\xa7\xa7\xdd(\x965l\xb5\xce\xe9a\x0eY\x08N^\x8c:\x9dH\x85\x84\x07w\x15\xdf\x83\x9frjaAai\xc3\xed.J\x93\x8f\xc7\x13kE"\xed\xda\xda\x88\x06oT{12\xd7\x9bm\x1d\x93\xa9\xb4\xf9\xb3\xebB\x88x6\x8bL{\x89VU/\xe4&lt;\x1cA--ee-\xc5\xf2\xc2\xaa\xc2\xc2s\xad\xa5= \xa2\xcc\xecr\xd5\xa2\r\x13\xa0\x91\xba3\x85I\xa2V\xef\x8e\xe9\x98\x9c\xb0\x7fn\xdd\xcfhb\xca\xe8=|C(\xed\x1e\xfcK\xdd\x9d\xaabH.\xa8\xb2\xf1\xf1{\xc5\x95\xadW\xf9\xfck\n\n\x85\x8e\xce\x87\x8b\x07\xab*\xac\x12\x12#\xfe\xd2\xc7\xa7XDD\xdb\xf6-\x19\xb3=l\xeb^\x9c\xeb\xd4\xe0\xd5n\xf7N&gt;\x9f\xcb\xed\x04\x07\x83wz\x01\tm\xd6\xf8\x0fe-\xad\x8f\x07\'\x97\x1d[\xcb\xb3\x93\x04\x02\xc1d\xaa5\xf3D\x02\x81Tj\xc47\xef`\xb2F\xdc\xdc\x0e\xcatM\x80%\x949\x1c\xb3[p\xdf\n\xa4\x1cyo\xe4\x96{\xb0\xb5l\x1c\x04\x1c\x1f\xffa\xbc\xec\xf9c\x83\xdb\x9bKy\xe0Z\xebu\xc0mv\xe1\xca\x15\xc1\',\xa3z\xf6.\x16X\xd3\x83\xc1\x01z\x93\x8dQ\xd4\xbe\x12\xf8\x88\xdeO\xf3\xf9\xfc\x96\xc3\x11\t\x05\xc7\xae\x96\x01\x10\x8aV\xf6\xf2\xfeXp\xd9\x9b\xcby\x12{\xdf\xa3W\xfe\x84gEZ_O\x90\xc0\x9a\xda&lt;;\x8dAB\x9c\x9e\xdf\x0e\x0e45\x85\x19\xd7\x97=\xf9Ywh\xdb-\t\x8d\x05\x07\x06\x06\x0c\x86\xba\xbf\xf5\x02\x11\xf8\x9dX\xf5\xfc\xbe\xc1\xbd\xb0\x0c\x97~\xc0\x8e\xee\x01\xd7^\xc2A\xb8"\x05,\xa3Z\xfd\x06\x03\xac\xea\xfd\xd0-\x03t\xeb\xfc\x99\x0f\x97\x06\xef\xff\xf2\xf2\xe5/\xcf[[ow\xf5\xf0\xf9W\xaf^\x80A\x84p\xa8,8\xd7\xca\xd7u\x9e\xe8&lt;3\xe9\x8eD\xdc\xeet:\xbd\x95K$V\x08\x02\x82\x04DL\xefc\xf0\x97\xc4\xe9\xfdP\xd0\xd0\xd4&gt;w}\xe5_\x86;\xe5\xc4\xde\xde\x1a\x88\xab\n6\x83q\xbc\x8f]N\xa6\xc2nC,(o\xe8a\xb4+\x95\xb0\'\xd2\xaf\x01.\xffN\xdd\x98;\x9fH4\x03\x96\x04\xba\xb5\x8b\x01V\xc9&lt;t\x8b\xd2\xd4M\x97\xcaz\x8eU\x10\xef\xf5V5\x1c\xeb\xa20\xbam\xed\xdd\xa7\xd8(VK\xef\xb9\x06\xbe\x82\xce\x84=\xb1\x9dq\xbc\xa1\xa2\x14(\xf9u\x06\xe0r\x9c\xc5\x0e\xebw\xf3\xc1\xc1:\n\x85\xa1\x94]+:UX\xd5z]\'\x93q\xc4"\x95\rf\x93M\xae\x81\xd0*#^PP\xe8f1\xaf\xfd&lt;\x83q\x8c]^Z~\x81\x7f\x8d.S;\xbcR\x14+2\x8bI\xb7\xde\x84\xc6\xea\xe8\n\x06\xa5\xa8\xa8\xa8\xa1\xb5]\xbbjl^\xb6\xd7\x03W\xd8f;^@\x84(-\xab\xe2\xebt\xf4+#\x9cv\xb1X\xa7`2\xe9\x94\x9e\xdb]:\xded\xf3\x82\x04m\x176\xdd:\xf4&amp;8VGaPzz\xaew\xf1\xc5W\x96\x133_\xcf\xcc\x04\xec#\xafbV\xe5\xf9\x8aJ\xf4\x98.\xed\xd21O\xbc]K\xbe\xe2(:\xed^\x07\x1e\xaf17)k\xeb\tx)\xa1\x9e0\xa9\x9e\xc5\xc2\xf2\x87~\x1e\x1b3P(\x94\xae\xa2\xee\xb0\xf6\x9d#\x10\x88\xbe\x9e\t\xbc\xdf5\xbd\x8a\x87\xc3\xfe\x8a\x02\x84&amp;\xafdSd\x9d\xa6woy]\xe13;\x89\x99\x99\xbd\xbd\x9c}\xd5\\/8K \xd4\x9f%D\xd4\xea\xf9\xcf\x1d\x107\xaa\xffp\xe4\xe7`pP\xa1\xa0tu\xcf\xf9\xd6\xfe\xfbA\xbd\x1b\xd8\xdb\xf3\xec\xfehp\xc5\xfd\xd9E\x12\xc2\xc2\xc9q\xc2v^\xed\xdbwZ\x1ds\xf2\xcd?__&lt;9\x93Ixrv\x81\xa0\x1e\xc5\x02\xaa\xcf\x9f[G~\xbd\xf0\x9f\x1fO\x80\x8a\nEOQO\x93h\xed\x1fI\xbaL\xb2\xaaM\xf2T\xb1X\xb8{\xb4q\x94E\xacD\xf4N\xb1v\xed\xed\xc8\xc8\xda\xe3_7\x00zojj\xef\xc3\x07\xbb\x94p\x164\x8cD\x9a\x9b?\xf7\x1eX\xf2o\xdbz8\xae\x92\xdd2\xd4)\x8a\x8eu\x87\x19\xe7m6\x05\xffZ\xbb\xcf\xe9t\xae\x0b\x8b\xfa\xfa\xf4C\\*\x99\xc4\xb2\xfd\x8fV\xf3\xffI#\xcd\xe3xsm.w\x97\xf4\xda\xfbm\x1b\xb3]/\x83e\xf02E\t\xd8L\x83@\x85a\x10\x1c\xbeK\xc4\xe2@r\xa5\xca\xb7\xca\x97\xc1\x91\x065\xf64\r\x14\nt\xb7i\\p1mJ\x97\x1a\xbd\x8d\x8d?\x90kH\x93\xb3\xc9\x95\xa4\xe75\xa1\x9a\x8di\xc9\xb9jt\xeb\xb7\xe8\x9a\xf6Rk\xef\xe1\xee_\x80I\xf8\x81\xf9\xe9\x95\xcf\xf3y\xde\xf3~\x7f\x9e\xa7\x94\xd4&amp;\x93:\xcbc\xc9\xf8\xfd\x9d\xfd\x9do\'\xf7?|\xde\t\xb8\xf4.\x17{\xb6\xfd\xf2\xab\x97\x97\xea\xea*9#\xa9\x9b\xf7z\x0b\x85\xe7\x1d\xe1&gt;\x11_\xa3I{\x98\xc3\x10D3S$U\x1e\x1bQ\xb81N\x1aa!\xc0\xd2\xcc\x00\xd7\x97$:\xf9\t_\xa25\x04\x0cs\xcf`q!\x89\xb9m\xae\xb6\xd9\xfe\xc1W[\x17WW+9\xb3&lt;!+\x1cz5s\xd2\xbe2\x96\x17\x12s\xd0^&amp;\x93#3\x02o\xac!\x11\xdc\xeb\xc5A\xc0\x86\x15\xb8fL\xab\x8d\x86\x92\xd11;$\x83\x80\xb2\x12I\xb5M\xeb\xd0u\x80rM\xb2X\xc5\xf6;\x81\xe4\xeb\xaf*\x87u&amp;S\xf8\x11\x87\xd2\xf6\xb0S\xd4\t\xf1\x12d9\xe375\xd5\xe0\x9cafmK\x13\xb2\x14G\x10\x90\xb0\x158\xd5\xaa\xd3E-\x96+R\xbbD3\'\xb1K\xf5X0\xa8\xd3\x06\xf56\xd0[\xac~u`a\xd9\xb1|\xafr\xe5:\xc0\xa9\x9b\xcd\xf3^\x89\xd4)\xe2\xf3@}\x148\n#\\\xdc\xc8E\x81\x9b\x17  \x9a\xe18\x88\x8b\xb8\x04\xc8\xbe\xd6\xe9\xe9\xb4Hx\x10Euv\x9ac|)\xc0\xc2\x80D\xf4\xb3\x0c\xae\xa4C\xab[\xde\xad\x1c\xd6\'#\x99\x1e\xb2B\x9eroI\xd2\x19\xc0\xa3\xe0\x1aq\x90\x0f\x85@DA\xd4A\xb9\x19\x1c\x16\xc2\x08Ehu\xbaV&gt;47\xc2\x93\x91&lt;\xb1lX\xec\xf3Y\xb4\xda\x10\xdb\x00\x1c\x84A\x9d,9\x1c\xcb\xab\x15\xdb\x8eu\x9f\x8cK Es\x00\x16\x9f\xdf9WF\x00\xe1\xd9\x88\x82\xcf3p30\xaaP\x00\x81\x00\xb9LA\x82\xde\xd2\x11\x16\x8a\x9c\xd3\x90\xe5G\xa3\xa1\xa8\x04XF\xb6\x01\xf8\xadYu\xb4\xb5\xa2X\xc7\xde\xc7\x8d\x85\xde\x86\xa5\x11\x91&lt;!\x19\xa12\x08\x8a\x96\xd7\xb1\x81\x01\x1c\xfcP\x83\x10\xe6\x1a\xcb\xf37\x81\x00\xe6&gt;\x06\tL\xf7\xd792~xH\x81\xd4\xa6\x89{\xe7D\xc1\xa8Vmh\xef\xeeoo\x8bZ\xb4\x15\xc5b\xc6\x87\xe3\x13\xcd\x85\x11\xbeH2\x92\x86HP\x1b\x05\xa2\x00\x0b\xd8U.\x97@a\x8c/qa\x01\x88\x88\x88\x0f\xb4\x92\xaeu\x8e\xcc\xc4\xbd\x9at\xda\x9b1jF\x9c\xadQ\x07\xf0[\x93\xacvL\x07RP%\xb1\xdej\x8c0\x03\x8dsT}f`Y4\x858W\x082\xf4\xc4\xc4\xf9\xae\x89\xae\x06$\x1e\x8f\xe3\xe5$\xdb\xd0\x82\xa6\xccz\xb0\x8av\x12\xe4\xfd%\x10\xf8)\x08\xb2w\x04u\xc9\xb2;e\x15\xb5\xf6+\xdaR%\xb1\x0e\xc8\x82\xb0\x89\xcb\x19\xa2E\xfc\x11\x1fDy\xb9\xc2\xf2\xa0\r$0\x86I\xc8\xcd\x18A\xe5Z\x1e\xbe;\xcf\x98h\xb0\xc6\xa4\x84N\x1b\x95(\x11\x147\x1aI\xca\'\xe9$\xf4!u\x80\xdd\xce\xea\xd9\xden\x1d\xd3\x95\x16*\xb8\x13Od\xbc\x88\xd1\xd84\x91\x12\xc9}\x1a\x1f\x84\x0b[\xfe\x8f\xd5e\x82\xc1{\x18\xfc\x9dxw\xf0\xe9\xfb\xf3\x13\xd6\xf2\x14Z\xe7 x\xa8\xb0\x16\xcf\x90\x90Ob\x0fb\xb6\xb6\xa2\xa1\xfdr{ryf\xecJ\xa9\x92\x02Q\xd7L"?\x16j[\x98}9\x0fE\x91\x88\xa0\x85a\xfa_\xb1\x040\x8a+L\x8c\t\x81\xa0\xeb\xe1C\xe0\x9acR\xa9\x9d/\xd5:\xec\\a\x03S&amp;\x93\x91\xc0\xccb.[\x00`\xb1\x89\xd2\xccXki\xf9V\xe5\xb0\xbe&gt;\xd0(\x9e?\'\x9b\x9a\xfb\xe4\t\x1fE2\x85\x02\x93\xa9\xdc\xf0\r0,\xe4 \x82\xe6\xac\xb2\xa6\x89!\xa8\x01K\xe8L$\xf8\xd2\xd0\xc2\x8cQ\xd8"@\x86\xc5\x90O\xe4\x0e\xa9\xdb\xd4=\xfd\xdd.b\xaaT"\x96\xf5\xe7*\x98z\xea\x0b\xf8p\xfcf\xe3[9\xdf\x97 e\x08\x0c\xb8\xc0:\x9a`\xb0\xffj\x95\x92\x85}\xccC7\xc3\x9c\x9c[\x1d\xd0K;\x88\xe4\xf6\xf2\x9c\x89\xd1\xf2e#\x0f\xf2\xf0;0\xd0[=\xacn\x1bQZ^&amp;\x92[\x95\x9c&amp;\x9d\x8a\x14jj\xbd\x99\x9a\x9c\\BA\xe2a\x05\xe0\x110\x18BT\xd824\xf4\xe5c\xc7\xa3\x9c*\x16KXB\xc5\xfd\xcf\x1fvt\xc9\xa4\xc3q\x13m\x11\xd4(!_\xa74\x88\xb5\x05zzX\x93zla{9\xdaq\xab\x92\x81\xff\xb7\xbb\x05^/\xb2D\x9a\xe5\x929\x1e/\x83\xe3\\\xa0\x08&amp;\x185\x81~\x12\xa2\xe8\xfcZsJN8\x8a\xa3==\xa3E-\x81\xb5Z\x1e\xe3&amp;\x13:\xec\xe3K\x83\x04\xa6.k|\xb7~a{\xdb\x11\x9d\xae\xec\xe8\xed\x8b\xb5\x0c\xce\xc5\x87cr\x89F\xcc#\xbdq\x04\xec&gt;\x98\x0b\x03M@\x11\\9\xdf\xdclUE\xfc\xfc\xb0\xde\xe6\xee\x08:;)Hs\x08\x0b\x00\x96\x93\xc0\x08\x8cm\x18\x1c\xec\x9eT/\xe8\xf4\x98~\xb7\xc2\xb6\xb9~\r\xf8\x85&amp;^_L\x9c\xe2Ai/\xa8V-\x07\x17\x96\'\xf1\x1csv1\x9f\xb7F"\xcd\xbd*s_\xd8\x8dI%\xa4\xccx\x18\x17\xa2\xc0Q\x84\x1c:\xf0\xa1\x1eduw\x07\xf4\xe1G\x8eG\x95&gt;\xfa\xa9\xbb0\x8f\xa3\xb5&lt;~B\t\xb0\x1ekp!L\x92\xcc^\xab\x95Ve\xc7\x07\xa6\xc7#\xb4Je\xb5\xaa\xc6\x9f\xdc\xfe\xf6\xbe\xbe\xd5iV\x92\x7f\x81P\xa3=\x9aLj\xdb\xd8\x06\xd0\xf1\xb3\x0e"\xec\xd6\xefV|\x94\xf4\xbb\xfa\xb7h\xeft\xce\x93\xa5\x95\x90=\xbd\x04s|Jk&gt;6\x9e{20=\x90\x8d\xd0\xca\x94JEGb\xf2G\x00Ko\xbb\xd37\xce\'dF\xbb\xb6X\x0c\xb9\x0c=\x86\xfe\xcb\xb33D0\xbcZ\x85\x91M\xdd\x89/N]\x98\xa6h\x9a\t\x8d\xa53\x88_e\xcd\xe6r\xb9\'\xf2l\xde\xda&lt;\xd1\x9b\x11\xd3\xa9F\xa41ev\x86\xdd\xf7\x9fv?x\x96\x0bY\x10Ihg\'\xd4\xd6c`\x03\xd9\x9a\x8a^\xd9\xab\xd6%\x92_m%Tt\xaf\xe7f:3\xec\xcc\xe6\x07@\x102G\xac\xbdC]\x13&amp;."\x84a\x94\xcbl\xa4\xfd\xe1\x07\xdd\xac\xfe\x07\xcf:\xb4b(\xb4\xb3\x1fP\x1b\xda\\\xfd\x93\xb6`x\xb1jW5N,&amp;x4\xed\xb1\xa7\x8d2sv\xe0\x89\xdc\xec\x11#\xeb\xe5g\xf3\xe3\xd1\xc7\x8d\xf2s\xc8\x8b\x85m\xed\x83\x83\xb3\xcfD\x01\x11\xa4\xdd\xff\x1c\xb0\xb1m\xec\xfe\xa7[\xab\xf7\xaaw\xe1\xe6\xd2\xa2\x87G[#|\x89L\x9c\xca\xe7\xf4\xa1 Q\xbe\x06\xb1\xb2\xb2\xb2\x01~SSS\xc0\x15kK\xc9\x85\x00P\xb0&gt;\x7f\xc8\t-|\xde\xd7\xe9]!v\xff\x9d\x1b\xc7\xaax\x8a^\xb7\xe7\x17\xd3\xd6,\x9f\x925\xe6#\xce\xe2\x87\x9f\xff\xfez`zooukuozzq\xfa\xd9\xeb7on\x17w\xee\xde\xfd\xe6\xc3+9\xdd!\xf2m\x7f\x1e%0\x1b\xc0zS\xd5\xbb6\x7f^\xf5\xf3\xe8|6\xd6Ir"\xaaV]\xf1\x9b_n\xd4\x9f\xfe\xf5\xf1\xebgO\x1e\xbfp\xe1\xda\xd5\xef.\xfe\xe3\xde\x9f~\xf9\xe1\x87\xbf\xfd\xfcA\xad\xa2\xe51\xcb\xce\xddQL\xaf\xc7\xdaX?U\xf7h\x7f\xd7\x03)\xf3\xf3*\xbbw\x98V9;5S\xb7w\xeb\xaf\x9f&lt;\xf5\xc7\xdf\\:Y\x7f\xe6\xf7\xd7\xce\x9e&gt;w\xee\xc6\xbf^\xfe\xc4\xda.\xd9#\xf9\x98\x07{\xb5op\xdb\xdalj\xd6\xeb\xea\x9e\xec\x1f\xc4|bU~\\\x04q\x98\xd9\x9cY\xb9\xb1b\xcf\xef\xde\xba\xf0\x87\x93\x97\xae\xd5\x9f9~\xfc\xab\xb3\xf7\xbe[}\x1dv8JQQ&gt;\x121\x1b\xfe9\xea\x0e\xbbm\x06C\xf7\xcb\xeab]\xcd%\xfc\xb1\xec\xb8\xc8\xc7\xb4f\xb32\xae\xac\xdc\xed\xebk\xab\x07\xe7\xae\x9f&gt;}\xfd\xe2\xc1\xde\xf8\xc6\xcaLi*\x1a\xbd\xe2\xa7\xb3\x11\xe7\xe0\xbf{\x82\x1d\xc1\x90\xa1\xfd\xe9\xad\xeab]\x9a\x16%\xfc\xaa\x98\x88\xaf\xccg#8\xb7\x11\x02XG\xebG\xeb\xf3k\xffY\xdd{\xbfY\x16\x89\xb1\x92\x0e#,)\x95\xdf\xa3\x7f\xf1\xc2\xa0w\x87Bj\xc3\x9b\xabU\xa5:\xf6\xf5b\x1f\xdf\x1f\x8b\x89\xec\xbcH\x96\x06\x19\x96I\xad\xac\x1c\xbd?\x0f\x80\x8e\x8e\x80z\xado\x1emL\x85B\x18\xc6O\xc5\xcc"\xd7\x8bQ\xb6\xdb\x8d\xb5\xb1\x07\xb7\xaa}\xe9mQ$\x97\x9b\x13##\x1eU\x96\xe6p\x81\xaa\x7f\\\xd9x\xff\xee\xd3y\xd3\xe6{\x06css}ce\x8a\xc0\xb0\x8e\x98\xdf,\xbf\xdf?:\xe8\n\x82\xe0\xd3\xde}\xaf\xdaW\xde\xd6\xf8\x8f\xfaD&gt;r$\x11\xc9\xaa8\x08\xf7\xbf\xbc\x9b\x7fL\xda\xf9\x19\xc7\x17\xe0\x00\xad?\xc9.\xa7GQ\x94\x01\x05\xbc\xf0\xc3|\xc1\xa3xC\xbfB\x90 \xd8\x0c=\x02\x9d\xb0~\xb5\x8a\x91\x13\xa4\xe0]\xabV.\xd1\xa80,z--\x83\xa6\x11V\xd3x1]\x18\xb9\xb1Y\xc7j\xd2j\xb6\xd3icl\x9a\xf62sK{\x7ft\x7f\xf4\x96\xa5Y\xba?\xf6|\xe8\xdd?\xcb\xb2\xed\xee\xca\x9e|c\x88\xfe\xe1+\xef\xe7\xfd&lt;\x9f\xe7\x81\x0fo\xc9\x98\xb2\x17_\\\xfb\xf9\xb5\xe7OA\xac\xe7O\xff\xf1\xe7\xf6\xb11\xb3E?\x0f#\xce\x8amj\xc0\xa5qu\x0e\xd8\xee\x16\xfc\xa6\xd4c\x8f?\xec\xf7\xf4\x0c\xda\x13\x89\xc4(\xba\x8c\xc1\xeck~\xfe\x14d\xfa\xe2\xc5\x8b\xd18\xec\x85Z\xb7\xdbb\x9f\xd7\xfbcI\xc1\xd6\xd4\x80\x01\xf6|\xc1Z\xc1\xc5\xfa\xdec\x8e\xcf\x1f\xb6{\xed\xfa\xec\xf8\xb8\x89\x7f\xec\xd81\xe6p\xf3\xceN\xdf\x8dDv^\xe5\xf3\x81\xa1\x80Jm\xd7\xcf-%W\x04[\x13\x03\x9d\xdd\x02\x81\xe0\xf3\xc2_w{|\x02\xd7\xc7 G\xfa\xf4\xf8x6\xf4\xb6\\\xf2\xc3w$\xeb\xa6\x90&gt;\x9d\xcd-\xa7\xc1v\xea\xb9!\xb5\xca\x0eT\x0b6\x81\xcd61 \x10\xd8\x04\x9f\x9f.&lt;\xd6\xc8u\xcer8\xabO\xe7\xf6\xf7\xd3\x89&gt;I\xabD\xf2\x03v\xdc\x94\x9dO\xe8!\xd4v\xb5\xca\x87q\xf4K++k6\x9bm\xcb6!\xb0\xbd/\xce\xd5\x14\x9aj\xf1\xf1\xc8\x08\xee\x8f\xf9\xf5\xa0\xcdxVojn\x85E\xb6\x95=&lt;\x0c\x03s6\x9b\x08\xc5\xe3q\xa3\x11&amp;\xae\x95\xfe~\xa0\xda\xb2A\n\xbb\xc4aE\xa1\xb1\xb8\xeb#\xd7!\x8b\xb1\xe5\xf0r8\x9d\xc8\x9a\xfa\xae\xb5\x9eD\x1f%\xb6\xc2X\x1f\n\xad\xf7\xf1\xf9\xa3\xa3!},\x99\\\xb1M\x82X\x10+\x86\xce0\xaf\xd0X\x94\x1b#:]dn\x19"\xacO$``\x1e\x96\x9c&lt;\xff\xe3\xf3\xcd\x80\x85\x16\x8eQx\x12\xfe\x18\x18~rr\x12Q\xf5\x8b\xff\x1fX\xe5\xbe\x13:#G\x15FX\xfeq\x14;;\x9f577\xef\xf4%`&lt;\\\x0f\x01iV\x1f\x8e%\x17\xfa\x01k\x03\xb0\xba\\\x86\x9f\x15\x1e\xab\xd6s\x02\xc7\xb1H86\x07yDK\xcf\xf8\xc1\xc1\xe3\x9d\x1dxB};\xeb7\xd6Q-\xc4\x96\x1e\xe5\xa9l\x1b\xb6-\x81\xd8`\xf8`\xb9\xe0X&lt;\xcf\x08\x8e\xf7x\xf51\x0b\xf2Wz\x15\xe2\xe0\xe0\xcb\xcf\x0en\xac\xc3\x06\xbb\x03+c.\x17N&amp;\x93\x88jr\xf2p{\xab\xdb\xe52|\x10S\x16\x1a\xebo\xf3\x17\xae\xe3\x98o~.f^\x8a\xc5r\xe3\xab\xfb \xd7\xc1\xdf\x0fn\x80n\xeb\x07\xe3i\xc0\x8a-$\xd76\xf2T\xd3\xdb\x13\xdd\x06\x90k)X`\xaa\xf7\xfe\x12\xb9\xc0\xe9\xc10\x9f\xdeov:\x97r\xe9\xd5\xfd}\xd0\xebK\x84\xb5\xbf\x8e\xac\x06T\x0b\x88jc\xf2\xf0\xe1\xee\xd4@\xe7\xac\xb8\xb33&amp;*,U\xd9\x83\r\x0ez\x9f\x16\xf3\xe8\xfdZ\x8bs)\x16N\xa7s\xc8`\xab\t\x10\n\x9e\xfd\\r\xad\xbf\x7f\x12\x89\xf5p\xfa\xe26\x1c&gt;\x06C\xc1+\xb1\xe5w\xe7\x0e\xf1\x0b=\x1c\x0c\xc3\xe6\xedV\xad\xd9\x99\x01\xb0p\x0e\x12\x97N\xef\xe7VW\xc7\xd3\xe1\x85\r\x08\xc0\x02\xa8\x87\xd3[\x13\xdd\x9d\x9d.Cg\x81-\x7f\xe7~\xe3!\xd6\xa3\xe3\xe0\x18\x1e\xf7\xa9\xda-n\x97+\x93\x8c\x85s\xe9pn9\x97\xdb_M\x87\xbf\xf2:@]\xbc\xb8\xbb=5\x90\xb7V\x81\xb1\xb8\x97\xce\xa5\x0e9:\xd8\\\xc1\xf4&gt;\x8f\xca\xa1u\x9b]\x99\x85\x85\x85G\xc9G\xb1G1\xc8\'h\x05L/\xa1\xa6\xff:5\xd1\rP\xd0Nc\xa2\x02\x0e6\xdc\x96\xab\xef6npz\x80\x0bZ\x97\xc9d\xb2:\xd4Z\x8b\xd9\xec\\AGL\x12\x9c\xde\xff\x10\x90\x10\xd3\xf4\xf4\xf46\xd2Jlp\x19\\\xb3\x9dK\xc1\xb3\x05[\xf4\x17)e\x9f6\xbc\xbev\x01\xd7\x05\x028n\x8c\x9b \x8f\xd6\xa1!\xed\xdc\xdc\x9cK\xb0\xb5=%8\xcc\xabt\x11\x80v\xa7\xa7\xe1\x90\xee\x16\x8bA,\x83a\xd6\x95\xb9\xfb!\x8fW\x90\xefn-\x12%Ego\xde\xfe\xc9\xc2\x08.\r\xc8\x02\x01\xa9\x11&amp;\x05O\xc4\x13\x19\x1aRGTsK\x99\x81\x81)\xe0\xd9\xdd\xdd\x12\x08&amp;\xa6v\xb7m08\x88\xa1\x95\xce:a{\x15\xdc\xdf\xe4E\xa3\xa7_\xfd\xf7\x03\t\xa2\xa8\xa8\xe8\xce\xfd\x86\x8f\xfc\'\xf0@@&amp;\r\x04t|\xa9\x14\x86\x98\x90\xdd\xe31\x99\xb0y?\x0c\xa5\xe6L&amp;\xd3\xd5\xd5%\xc8_3\xed\x02(\xa7S\xa3\xd1\xb8\x0c\xe6\xcc\xc7\xcfjD\xd1`m%\xe5\x95\x82\x11-\x95\xb4b\x1a\xe5\xc1\xf1\xfa{vNO@*\xe3\xcb \x8c|\xbe\xd18\n\xfb\xa0\xcf4\x1a\n\x99T\x9ey\xff\x10\xac\xd0b\xa0BPf\xa7\x19\x85\xc6\xa9qfn\xff)(\x12\x05E\xb55\x15\xafP\xb1\x16\x12\x99L\xa3U\x96\\\xfe\xfe\xf1\xc3\x88\x07\x97I\xa5L\x08&gt;\x9f\xc5\xe6Ku\xc6\x90\xc9\x17\xef\x83\x18\xc5L\t\xfb\x10`\rL@\x02\r\x1a\x8b\x1bE;lg\xce\xcc\xcck\x7f\xe4\x89\xa2Q\x9e\x92\'$s_\x95\xd5IT2\x99A\xa2p\x9f\x1di\x98n\xf3`2\x99\x94\xc9b\xca\xd9l&amp;\x8b\xc5\x86L\x1aCF,\xb4&gt;:\xaa\xe3\x8f&amp;\xe6\xd0\xa7\xe5] \x96\xd3=g\xc9\xc7\x18`\xad4\x1c\xb9[\x13\x8cn\x06\x95"\xa5\xb0\xbc\xf2\x15\xdc\x85\xe0r\x8bI\xf4\xba\xaaJ\x1a\xa3\x89xv\xfb\x8d?\xa8\x11\x16\x1f\x01\xb1\xe5\xc3l9\x0b\x12\x197\xf2q,&gt;\xdc,\x1f6\xfa\xd4nh\xfd\x80\xe5\xb4\xa8\xd5CC\x8evh\xb9\xe0\xae\xf7g\x1a/\x0b\x83\xc1\xab\x9b\xc1hT\xa9\x10V\x7fW0.\xb7\xac\xb2\x89ZWWE\xa10h\xc4\xe5\x99\xa3\xb7\xdc=\x98T\x06)d\xb1\xe5\x12\x086\x13\x9co4\xc61\xa9\\\xd2,\xe7\xfb\xdcN\xb7Y\xdc\xd5m\xd0\xaa\xd5v\xbbj\xd0\xe1\x80\xbefv\nn\xa7.\xd7\x06\x83\xd1\xab\xd1hT$\xe2)\x14\xe5\xdf\xc5\xfb\x8b\x04\xa5\x92\xd4D\xaa\xaa\xab\xab+.f\x90\x00\xab\xbe\xbek\x04\xd3\xf1\x11\x16\x8b\x85\xb8\xd8,\xa6T*\x93\x1aq)K"ie\xaa4P}\xb3\xb3\xb3\x1d\x83\x11\x8f/\xa2R\r^\xe9\xd0\xb84\x1d[G\x90Z"\xd0\xeaj4\x18\r\x8a\x94\x8a\x9a\xf2\xb2o\x0bF\x147\x91\xe8\xa7N\xd1\xeb\xea\xa8u%%E4\xe2AC\xfd\xd1Ch\xf2|V\x1e\x8b-9\xd9\xfa\x8e\x84%\r\x00\x18\x94\x81\\\xfe6\xd6&gt;\xeb\xd2\xb8\xc7:z\xafX\xbdp&lt;ET\x8ev\xf4\x16\xa5\xe6^\xe3\xd1\xdf+P-\x02\x18\xe8\xa5\x14\x89\x94\xbc\x9ar\n\xf1-\x94\xe2R\x10\x15\xbd\n\x98\xa8\xa7\xc8\x94\xbd\'4b\xf3\\\xfd\xf1_\xe9\xa1\x9b"*&amp;\x93}\x12a\xb1eF\xd40\x8c\xb8L\x869~\xa4qk\xb5\xed\x1d\xbd\x8e6\x0e\x1e\xc7"\x83\x08\xcbl\xce\xdcJ\xbd\x0b\x95\xc8S\x06\xa1y!\xb5\x80P$\x02\x8f\x95}C\x8f-\x12\xc54\x12\x04\x9d\\E\xa6#\xac\xb2\x92\x92b\xe2\xf4og\x8e7\xac\xf1_Z\x9e\x99O\xa2D.\x97\xcbt\x80\x85n\xdb\x0c\xf6\xfe\xd4\xa2u8\xda\xaf\x00\x15\x86c\x9c\xb6Am\xfb\x98\xc6\xec~\xd8\x98\xfa\xcd/\xc1SJ\x11bB\x11\xbc\x03h\x8a\x97\xe6_\xfc&amp;\x07\r\x83\xc1 \xd1K\xa9T2\x1d\xda\x03\xbd\xbc\xb4d\xaf\xb8\xe5\xbd\xbb3\xaf\xbfy\xcf\xc4\x94\xf1Y(\x87@\x04T\xd0+ \x85\xb2@O\x9b\xa3\xb7\xb7\x03\xaao\xd0amC\x13\x99\xc7km\xef\xed\x1d3[\xc4\xbfH\xa5~\xfd!\x18J\xa1\x14\x81\xe3\xe1\x852\x88\xe8\x94\xe0\xfd\xda\xf2R\xca\xff&amp;\xd9"\x97(jj\x02\xa5\xa8t:\x9dJ\xa53\x18t*\x99QB\x94\xd0\xca6\xcf5\xbc\xf6\xf1\xda\xb0\xf4-\x16\x1b\x81\xb1\x00,o3\x04\xa6\xf3Z\x07\x07\xadV\xb5\xb5\xad\xad\xed\x0c\xc7\xeb\xf5\x9eQ\xa9\x1dWz\xc7,\x96\x8b\xa9\xd4\xcc\xa7y,\xa12\x1aT\x88DB\x05RL\tX`\xb1\xda\nrY\xcb\x7f\'#(\x14\xa8&gt;\x12\x15\x82\x9e\x0f\xc0\x82x\xb2\x07X\xa7o\xbey|\xe6\xa3\xec0\x9f=\xccBid!\xac\xbcr,\xbe\x14\xe7x\xbcg\xacm\x91\xb6\x88\x17\xc6j\xce\x19\xeb\xa0\x15\xf5\xad\xf6\xad\xdb\xa9\xd4\xfd j\xf0B\x84\x05\xa9\xac\x11\x02\x14`)jx&lt;^\x8d\xb0\xa2\xa2\x9a\\ZF!\x16\xff\x83R\xd0=ItRi)0\x91\x18\x88\x08\xfd\x00\x8f\x15\x11{O\x9e\xb4l~r\xb4~\xe6p\x87-A8\xf96\x01\r\x8c\x8d\xd2\t\r\x0c\x07\x89"^\xaf\xb5\xcd\x0b\x86\xc7\xbdV\xab\x15\xbc\xa5u\xdeJ\xa5Rw\x01\x00\x9cT\xcd\x8b\x8a\x14\x00X\xcd\x0b\xe6\xa9\x14\n\xf8uE\x05\xfc\xa1\xba\xa2\x02\xd2\xf9\xef\xc9\x16\xc1\xe9\x14\xc6Ku\x10\xce\xd7X\x8c&amp;\x06\x9d\xb1\xb7W\\Tr\xf6fC\xfd\x1b\xb7\x1e\x9do\x96\xb0^rA\x00\x95\x04N"\x00\xd3\x81\xd1q\x8e\xf7\x8c\x97\x93\xf7;\xc8\xa5\xbd\xa2\xbd\xd7\xd8\x98\xfa\xe4\x12\xd8\x08\xfe{\x15`\xd5\xd4*\x95\xb5\xc2|\x0ek\x85B\x05\xd0BTT\xe7\x83L\xa2\x10\xc4\xbf\xd6\x00\x97\xa0\x14\xd1*\x81\x83Db|\r\xf5\x15\x16\x89J/&amp;J\x08\x1a\xe5\xd2?\x996\xbf\x90\xb6\xd24\x8c\xe7\xe4\x9c\x93\x93\xe4\xfc\xf7\xfc\xc99i\x9a\xa3\xa7\xadB\x1adDZ\xc54KK\xcbP\xf6\xc2\xb9\x0c\xb8[ZS6\x0bE\x12\n\xed\x0e$\x94\xccz1\x84e\x99e\xca\x10\xbc\xd8\x11\xcbV\x90\xa5\x14\x97\x91(f\xa4\xd8\x01\xedbe\xc5"\x88P\x11\n\xe3\x85W\xb3w](\xec\xf3~vv\xe7#\x95\x06D\x7f\xe7y\x9f\xf7y\xdfO\xc8\x91X\xc8\xaf|wXde\xa4J\x12\xd8e\xb2\x1a\xf2~|\x1c\xa5|\xf0\xe0\xdc\xf5\x9b\x97\x1eLL}z\xef\xde\xd4\xc4?\xed\xe1\xe1\xe1\xcd:|\x95\xf3\xe3\xfc\x18\xb0\x8c\xfe\x8b9\x9fj86\xe2\xfb9\xa6"\xc0\xfc&gt;\xcf\xf7\xd1\xf6\x92\xc4\xd0~1g\xe0\xa9x,J\x10e\x84\xe8\xcf\xa6bED7J\xca\xee\x85\xe3\xe3\x0b\x9b\x8e#\xe6\xff\xf3\xbcY,\x9e6#\xb8\x10\x17g\xce\x0e \xea\x87\x06\xc6\xaf\xdf\xbfq\xe3\xdc\xcdqh61ug\xe2\xefW\xfe\x16\x0e\xcbO\xbb\xd3\xa4\x88\xe7\xc5\xf5\xec\xd8\xc5\x11\xcf\x1f\xeb\xe7\xb3\x94\x17\xd9 \x08\xb2#\xd9\xc0\'.\xcc\x92x\\\x0f\x0c/\x16\x8dJ?\xf7\xc0\xddk\x983\xccL\xe52\xcc\x05*3\n"F\x17\x950\xa8yUP\x14\xf5\xf8B}5#\x16\xc2\x1f~l\xf6\x9ev"\tu\x06Sr\x08\xa3q\x08\xb5\xbb\x7f\xee\xd2\xe7\xb5\x81\x9b\xe7nL\xdc\xb9w\xe5\xc6\xa7+\xc3\xf2\xb0\xb8\xad\xfbT\xa6\x9exvlv,\x08\xf8\xecX`\x8c\xd1h\xcc\x1a\x9e\x91\xed\xcf\xfa\x9eOu\xd4y&gt;\xce\x07\x88\xff\xa8\xa9\xeb\x17\xd8\xec\x13\x90\x9e$L\xb9\x1c+\xc3\xe1\xf1rT\x8a\xf2\x88\x87\x1e\xfc\xc7\xacW4ER%E\x114\xe5n{\xbfP\xe2\xd6\x1e\x1fbJ\x9f\xed\xfd\xd5e@\xf5\xd6\xae\xff\x11\x8b\xc4\xf5\xf1\x9bw\x90W\x98\x8e\xbd\x03\xd7\x1fL\xdc\xf9t\xe2\xeb_\x7f)\xcb\xe9\xe1\x9f\x8c\x9c\xa1\x1b\x9e\xc7\xabj\xbb\xd3\xd9\x9a6\xf5\xfe~/\x8b\x15\x07\x955\x82\x11d\x84\xefy\x06\x8en\xe8\xd1\x00\xcdi$tC@$\x98&amp;\x82\n\xa9IT},\x17\xca\xa3\xf1\xb8\x14\x85\xcb$Sm\xff\xb4\xa3)Q\xd5T\x14M\x10\xee\n\xdbV\x8a+\xad\xbd]h\x16k\xbd\xc5\xcb\xb4J\xf4\x0e\x0c\xd0"14t\xe9&amp;\xdc\x85\x1e\xa8\xfd\xf5\xfe\x95\xa9\xa9+_\x7f\x91Oe^v7&lt;\x0f\xbe\xf2|\xdeT+\xabO\xed\xee\xe6FE\xd7\x8d\x91\x8b\xc8\x07tA\x80*\x82\xd9\x0f\x0c]\x0ft}$0F\xfa\r^\xd7#\xc8(5:\xaa\x9e\xa6T\xf94\xae\xca\xc8\xd08\x1fW\xd5\xea\xf4\xc1\xb2uPU$IJ*\x9a"(Be\xc6\x99\x84^\xef\xde\x1f\x16\x8b\x9f\x14{\xcf\xa2\x0b\xa9\x90g\x060\x82\x80\x06\xaa\xb3\x03\x7f\xfe\xcb\xd5\xa9\xdb\xdf~\xbf\xe6\xa6\xe4\xc9\x1d\x15P}^_N\x87\xee3\xe8\x80t\xa3\xb3\xd5\x9e\xaeL3c\x19^6K\xee\xf2I.\xc3\xf7\xb0\xf4\xe8cc:\x9f\x8d\xc4`\xa7Q\x14\xad\x87e:1\x95)\xd9a\xbd\x846\xbd\xbe*\xda\xd6\xa6\xaaH\xc9d\x12s\x11z\xa9K\x9d\x96X\xb2\xbe\xd9\x1b,6i\xb3\x81\xef\x01\x86\xdc:C\x1b\xfe@\r\x996\xf4\xd9\xd5\xabW\xbf}\xfb\xc4M\xa53\x9bu&gt;\xe6\xf5\x95\xe3^VO\x9a\xe6\xba(\xa7]\xf9iz\xb9s\xd0\xceB3\xe8\x13d\x99\\\x9eo\xe4\x10\xad\xd9~\x03\x8d\xd1\x1f\xf8\x11\x9e\x86\xb2\t\x8b\x13\x16\xe0`\xaf\x1e\x04\xaaij\x1b\xdb\xab\r9S\x10g\xea\x8a\x8a;\x86\xa9$\x05\x01`\x1b\xdd\xb4h\xb5V\x1e\xcd\xcdA/\xb6\x0c\xd6\x06h\x07\xa3\x7f\xb5\xe2y\xec:\x0f\xaf\xde\xb8\xfd\xd5\x8a\xeb\xe4\xed\xce\x92\xaa\xf3\xb0h\x0c\xae\x87!^5\xe4t:\xef\xdaO\x9f\xba\xfb\xab[\xb3\xd3z\x1d\x95\x05\x96\xcf\xf4\nr\x01:\x00~\xc3]$2:j\x82\xc1TOg`\xb4\x87\xb9^\x10*;3\xddR\x18rV\xa1\xb0X\xb9\xa6\t\xc0\x82dBRP\xb4W\xcb\xb2#\xb6^?Z\x18\xa4O\x8d}B\xe6\x1a8\xc3v\xd6\xb3\xc5\xe6\xf9f\xef\xf8\xed+\xf7\xff\xf0e\x98q\xec\xfdv\x15\xf7\x00\xfc\xe0\xbe\\60M}\xe9\x05\xb0\xdc4\x8e=,g\x1a\x9d\x19\xa0\xa9\xaa\xaa\x7f\xc4\x02`\x96a\x05A$!\xa9j\x14\x96\xa6i\xa3\xc6\xa3&lt;\x18\x85\xea\xd2A\xa7\x14fDN\xe48`M+\x9a*h\x92\x89\x90HB2m\xa7\xd1\x12\x1dy\xe5\xf9\xfc\xe0\xe0\xad\xb9\xe6\xf9b\xadF\xee\xaa\xd5\x8a\xc59\xbc\xef\x1d\x7f\xf8\xf0\xf6oB\xa7`s[\x1a\xc5\xb3$\xf1\xbe\x915\xf0\xb3\x83E\xdbM\xdb8\x04&amp;\xcbv:\xc5u\x17\xb7\xda\x81\x1a0\xb0\xe0\xb4\xa2(e."\x01\x0b\x82\xe9&amp;\x1a\x0f\xb5\x831\xa7\xd7\x17\xf7\xc5\x8c%:\xa5\x92\xc8\x95\x9cLgI1\x93\x92&amp;I\x02\xfc\xc5*\xb9\xde\x18\x0eCye\x8f&gt;utk\xee\xb7d.\xf4e\xb1ykpp\xb0Y\xfb\xfc\xb3K\x8f\xd7\xc20\x93\x9e\xa9\x0bx\xe2\xa8\xa4\xfa~@Xz}\xab`\xcb\xc4\x03.\xdbM\xa5\xdc\xb4k\xcb\xa9F\xf7 \xd0\xe1x\x88\x94C\x07\x80+\xc8FL\x89\xe7\x19\x10\x84RM\xa12\x8b\xe2\xb5\x1c\xc7\xe18t\x1c\xd4rB\xc2\x92L\xcc\xc4\xa4\x96\xdc\x05\x98\xaaU\xb7\x1arXHq\xef\xde/,\x0c\xd2\x9f\xbf{\tj\x8e&gt;F6\xd8,\xfen\xfcO+\x10+\xbdZ\x11T\xc9\xec\x91\x90C~\x903\xacQwq\x00\x00\tUIDATbQ]o/\x03I&gt;\xd5\xcbu\xf3\xa9&lt;c{z\xb4\x14\xa5\x90`X\xb9 \x00aD2\x19V\\\x8f\xab\x9aR\xd9Y\\\xb6[\xce$W"\xa0I\xcb\xb181|\xd1\x16( \x12d-\x12\x0b\xb1\xaa\xad\x97\xec\x82%\xae\xbd}\x8fB6{k\xd0\xaa97\xc8&gt;E\x06\xc8Ko\n\x93\x05\xfb\xc5tR\xc2#\x1cKQ\x0fX\xe8\xb6\x98a,u\x87\x99X\x0c+\x93Ne\xdcT&amp;\xe5\xca\xcb\xafL&gt;\xd6\xe7\xa15\xb3tr\x86GXP\xdaT\xe3\x92Y\xd9\xee4\xc2\xbc\xc3Y\x90\xca\x11-q\x92cX]`\xc1\xef\tI\xd8%0M\xa3\x9cX_\x96\xc3\x92\xf5\x8f\xef\xc1\xd5,2\xad\x06\x17\xe6\xe7\x815\xd7\xac\xfd\x1eb\xcbG\xb3&amp;\x9e\x05\xaf\x1e\x1dc\x18I\x8e/z\xa5Cj\xc9\xa7X\xa9|\x86^p\x9b\xb8\xad\xe9\x98\x03\xc8J^gdP\x0b\x8e\xa7\xdcB\x9ew\xb8BhY\xa2\xc5\xb0\x1cQt&amp;\x1d\xbcu\xba\xb3U\xf4!\x86\x01Y&gt;)%)%\x92\xd7v\x96_\xaeY\xdc\xb3/\xfe=\x7f\x8b\xb8\x08\xeb\x04\\p\xd7Wkb\x08\x014\x15\xdf\xac\x9a\t\x1e\xa3E\xc7(&amp;\xb6\xfa*Y\xeb#\x16Ae\xf2)\xd7M\xa7f\x08]\x87\x8bx\x1c\x9dyKe\xb64\xb5\xeaf\xaa \x82\x03\xb5\x13\xf1\x82Z!\x9eZ\xb4\x9c\xc6\x8e\x06o\xa1\x90\x02qI4\x1d\xd1\x01\xd5\xd9#\xb9\xc0\x95\x9e\xbdy&gt;?GX\x10\x8b\xb0\xe6\xe7\xf7\x9e\x84a\xbe\xb1^Mj\x1a\xb8\xd0\x86\x1e6c\\\xeb\x98\\\x8b\xa7P\xd4\x85(a\n\xeeb\xbe_\xad\xc3\x7f\xba\x8e\xa9\xc3\x0e\xefG\xa24\x06\xa34[\xb6J\xa1(\x8a\xdc$j\'r\x16t*@0\xc7\x9al\x1c\xd45I\x90\x12\x89\xa44\x8a^\x14\xc8a\x12\x14kw\xdc\x94X\nW\xf6P\xc6\xe2\x1c\xa8N\xc0u\xb2\xf7\x1a7\x91\xe5mM\xea\x01\xd2\xf1q"\x1a3\x02\x832\x11\xde\xd1\xf5\x19\x979\x8b\xb0\xf2\xccYn\x1eXrw\x03\x83\x1a\xc73\x10\xf7\x86\xc7\xf3\x918Jj\xb2\xc9\xb2\xde@*0,\xd1\xe2,\xf2\xbcH\x85\xe4\x10\xf3\x1aZ\n\xbf%1\x9aL2\x7f\xd1:Q\x15\x96V\x0b\xae\xc8\x85\xdf\xbc;\xa4\x1a\xce\x9f|8\x99?y\xf4\xbaUH7\xb6\x04\x85AIRO\x0c51\xf8S,C\xdfL\xc9i\x9b\xd5\x11\x9d\x98r\xf3\x19\x97\x8e\xbc\xdf\xe6\r\xa2\x06\x14f\x12T\x8b\xc4\x91U\xf4{4\xa4w\x08c\x11\x161\x81\xcc!\x9bMr\xe1bE\x10\x10\x10 K$H*\x80%5\\\x0b\x84\xfa\x0cg\x170\x0b\x1e\xff8wHE&lt;\xf9\xf0\xfcuKtK[\xaaB\xcd{L\x17\xbb_`y\x86z \xda\xe9V\xfa\x7fX\xa9L\x9e\xe0\xec\xe5Y\\Iy&amp;\x17\xbe\x18PK\x12\x94\xdd]E\x83\xa1g\xf7\xf3\x84eY`*\x01\x8b\x13\xe9\x1d\xc7!\xb84\xd6\x89\x84\xa5\t,QA\x87\x9cP\xaa\xebG\xc3\x19\xab\x90\xff\xe1_\xb0\xfa\xc2\xc2\x87\xbd\'\xcf8\xbb\xb1U\xc5\x12D\xe2\xb2\xd5\x9b\x8aH\x93\xad\x0f\x8b\xb1\xba\xcd\xa5\xdd\xffc\xc1\xf3(a\xde\x95\x1b\xafT\xecw\xccZ&gt;\x925V\x8f\xecb]\xa1F\xd3\xb4v7O\x96gX\x08S\x8e\xa3b\xe2\x84/6\x04!\x91L\xb0\x83\xefL\x12\x16\x12\t}\x06\x89\x8fZy\xa7\xf0\xf2\xcdsJ\xad\xbd\x950l\x81\nfW\x8e\xa5\x8f7\x82\x18va\xec#=Xo&lt;u\xbbdgN\xb1\x00\x95\x81\xe7\x81E\xc1\xd56\t\x8bqa\xafP+\x91\xbb\x8aF\xf1\x82&gt;\xdbx\xd1\xa2\xb2\xe1EL\xa8%\x13\x0e\xe3g\xff\x15\x1e\xde4A6\n0S\xa3P\xc5\x92\x83M\x05\x0ek\xaf\xb6\xd0\xea\xf2\x93\xef\x0e\xff[\x87\xf9\xb3\xa6\x92\x85a\\\xe7\xcc?grF\'\xf3/\x19\x0e^&lt;pS\\\xec\xa6\x888\x95\x9fb\xea$`\xe9\x07\xd0\xce\xcaO V\xc2\x82\xe5-,DAY$[x\x03!\x10.,\x84\xc0B\xba\xad\xd3,l\xb7\xcf{Fs\x9b\xec\x14\x9a\x84\x98\xf9\xe5}\x9f\xf3\xbc\xcf;\xff\xfe\xf9[\xdb\x98\xbc\xdc\x0fPQ\xa7\x06]ij\x1f ,v\xc4b\xcf\xa3\x10(a\x89\x95\xe7\xe4\x0e\x98\xdd\xd9h\xee\xb7\x08\x8b\xd5M\xf6\xe5K\xdd\xefW\x10\xe3-l\x87\x1d\xdf\x1bo\xe3\x9cT\xae`n\x08KU\xad\x886\xf7\x9e\x8f\xb3N\xb5\xea\xd4(J@\xf1\x18\t\xe0\xb4x\xaf\xd7\x9f\x05n[d\xdf\xff\xf9\xeb\xf7\xef"\xdd!\xcb\xa2\x9eh\xb9u\xae\xa9Hi\xc3\xb7\x98\xc9I]\x97l\xbe\t\x93rL\xabj){HOX&amp;\xe3\x94\xe7\x815\x86\xb6\x10\x0ej\xb5\x8e\xa5\xf7\xdfSr\x88@\x99\x03\xe0n\x94\xfaAV\xfc\x18 \x97\x1e\xbbH\x97\xe3\x94\xf2rt\xca\x1b\xbd\xc7\x177\x9bd\x7fH\x99\x87\xbbi\xaf\x87\x0e\xe3\x8fZ\xe7\x84\x84\x8cK\xbb\x16#\x13\xc2W\xfc\xf0\xe2\x92\xad\xbbY\x88\x12\x93\xe0\x01\x15\x86\x8b\xe2\xb9\x86\xff\x00\xe3\x86sd\x1b\xc6W\x15\r\xaa\xb2jpyo8\x13"\xca\x11\x1a\x88\xca\x08\xa8\\T\xb1\xa2Z \x08\xea\n\xcb9\xb1A\xf1$I\xc4\x0f\xcb\xba\xebM\xb7F\xda\x86\xf9\xc6\xdb\x03\r&amp;\xb4\xdc!,x\xa8\xcdZj\x05l)\xacK\xbe\xda\xb9"I\xdd\xcc\r\x13\te\x11\x16\xfc"+\x9e\x1d\x80\x9bvG\xc3\xf0i\xf8\xfe\x94\xb0p\xc2\xe8\x06\x83\xc7\x00\xd3\x00X8\x82\x1f\xd5\xa2~V\x7fa\xd5&gt;\x84\x8f\x03\x89O\xc1\xcd@\xe1\x8d\xdf\xe3\xa8*\xe3-\x92\x99\x03\xa9b\xecp\xf4\x04X\xb7\xf4\x8c\x13\x03\x11\x80\x84\xc50\x14\xf3\xa4\x94\xbc\x80\x95\x02+\xc6w\n\xcb\xb4\xcds\x8d5\xaf\xd1C\xef\xa1Bj\xa7jq\x8b\x03+\x91FP\x10\x17MC2W\xba\xc4vx&lt;\xf1\x00:bY5G\rHE\xb5Z\x8e\x0cC\xe6H2P\xbb\x8e\xc8\xc8\x9b4\x05AuK\xdb\x14\xcaUb]0\x0c\xc5\xa4\xacV,\xc9JSJ\\n6z ,\xfb\xdcl\\]7\xea\xdc{\xaat\xa8R\x9d\x0e\xde`\xf3\x93D\xe20*,\x82\xa2\x9a\x812_\x8fqo\x85\x7f\xc2\xb2\x1c%|\x7f\xe0\r\xce\xfa\xf7{\x91W\x93\x11\x86\x01|\x83\xe6\x92w\xbf&lt;\xa8\na\xe3T&gt;\xaa\xaaun\xb6\xd8`ylb\x9aH\xa9t\x85\x16\xa2Z\xf7:7\xc9\xe2\x10\xe6/\xea|0;aaZ\xc3O\'m!\xf3\x88N\xa2q\xba\x82"\x10\xfb\x15\xe2\x1f\xc1(,\xf5\xa6,E\xf7\xa6\xf3\xfeaYM\xabF\xb2y\x1d\xea\xb4\xb2\xa1\xbfH\x89\x9b)\x16\x1e\xda\x801\xdbP\xb6\x0b\x10v\x08\x8b/]\xf2\xa9\x0c\xafB\xaa\x00\x8dZea\xf0\x88\x1c\x8b\x81\x80\xf5\xf5\xdbe]\x1fn+t\x07\rX(\xc0a7A\x171\x9d\x8b#VD\x86\x81-c7\xfdy\xe6XGY\x1d\xb1\xd0H8\xcb\xf3\xdbv\xd7\x0eF\xb9\xb1\x9f{wj\xf1\xc6\x89\x9e\x19\xee\xfe\xc0\x80\xc5\xca\xbd\x85\xca\xa5|\x1e\x85\x98\xb5\x93\x13V\x92RP\x05\x95\x9b\x1a?t\x1f\xbf\xd9\xb8\xbe\xbe\xfa\xd2\xe0N\x7fWj\xab\xd3\xb1\xb8\xe6\x8c\xd7\xc8\xb1"WB\'\xa8\x08\x1d\xa5\xf4\x9c\xbf\xcd\x7f\xa2\x0c\xea\x04\x9e\xbaHd\x9d\x8e&gt;\x7f\xa3|-\x83\xd9\xea\x8ef\x18\x81\xf5\x97\x98\'\xfb\x15\xa3\xceAY\xb6\x1a*t\x14I\xfd\xfcU\xc6\x02X\xa1\x90%\x16\xa8\x16n\x1c\xcd&lt;\x84d\xd6\xec6\xaf\x1b\rn\x1d^*\xda\x11\xcb\xb2\xf5\xfeR\x02K\x1a\xc4\x15\x19y\x1e\xc8\x1c\xe1\xa6\x08\x92\x97\xf9\xcf3\xeb3,o\xfef\x18\xa2\xbd\xbf\x1f\xa2Tg\x18\xadg\xbd\xf12N\xf1\x93\xb1]b1z\xb0\xc8\xea\xad\x96\xad\x</t>
        </is>
      </c>
      <c r="M54" s="3" t="n">
        <v>45492.67626157407</v>
      </c>
    </row>
    <row r="55">
      <c r="A55" t="n">
        <v>143846</v>
      </c>
      <c r="B55" t="n">
        <v>1999</v>
      </c>
      <c r="C55" t="inlineStr">
        <is>
          <t>Eduardo Sasha</t>
        </is>
      </c>
      <c r="D55" t="inlineStr">
        <is>
          <t>E. Sasha</t>
        </is>
      </c>
      <c r="E55" t="inlineStr">
        <is>
          <t>CA</t>
        </is>
      </c>
      <c r="F55" t="inlineStr">
        <is>
          <t>ATA</t>
        </is>
      </c>
      <c r="G55" t="inlineStr">
        <is>
          <t>CA</t>
        </is>
      </c>
      <c r="H55" t="n">
        <v>173</v>
      </c>
      <c r="I55" t="n">
        <v>19</v>
      </c>
      <c r="J55" s="2" t="n">
        <v>33657</v>
      </c>
      <c r="K55" t="inlineStr">
        <is>
          <t>Right</t>
        </is>
      </c>
      <c r="L55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589d93-d8e0-4fe6-9d7f-3e23ac4d88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6*\xce0\x00\x00\x03\x00PLTE\xff\xff\xff\x1c\x11\x0c\\&gt;1!\x15\x0f\xf3\xcf\xc4hF6\xd9\xe5\xfb\xfe\xfe\xfe\xfc\xfc\xfc\'\x19\x12*\x1e\x17\xd8\xe2\xf9\xe1\xbe\xaa=*!P5(\xe9\xc5\xb36&amp;\x1f&gt;\'\x1bV:+pL;\xe2\xc1\xaf\xe6\xc4\xb1cB2\xdc\xe2\xfb\x17\x0c\x07\xcd\xd3\xed\xe6\xbc\xadM/"F+\x1e\xcf\xd7\xf1\xee\xc8\xb4\xc8\xd0\xeb}UAE3)H/"\xd6\xde\xf7\x84\\H8#\x17\xd6\xb2\x9f\xdc\xad\x9a\xec\xc4\xaf\xdc\xba\xa81#\x1cQ=1A.$\xe4\xb8\xaa\xd4\xdb\xf3\xf8\xf7\xf8\xf1\xcd\xbf(\x15\x0c\xe8\xc1\xab\xc1\xc9\xe4tP&gt;\xd7\xa8\x94J6,0\x1d\x15$\x11\x08\xb7\x82oqXL\xec\xc5\xb8kQD\xef\xcb\xb8.\x19\x0e\xc9\xa4\x90\xf3\xf2\xf2\xb2\x7fg\xe8\xc8\xb7`F9\xd2\xa2\x8d|[K\xda\xde\xf2\xe4\xc5\xb4\x9bmX\xe7\xc3\xae\xf5\xd3\xc94 \x16\xc4\xcc\xe8\xef\xc9\xbc\xcc\xa9\x95\xf0@HG:2NB9`QGhJ=\xde\xe7\xfcC&amp;\x1a\xda\xde\xf9}N;\xf0\xbf\xb1\xd7\xe2\xfc\xe9\xbf\xb1\xdb\xea\xfb\xd5\xd8\xf0_M@\x0f\x06\x03\xdc\xe3\xf6WD8\xcc\x9a\x84\xaf\xb7\xd2uSE\xc4\x91|\xec7B\xd9\xb6\xa3\xa3q]]8)qE2\xb7\xbe\xd9\x91cL\xbe\x94\x7f\xc0\x8dx\xabyd\xbd\xc3\xdf\x86U@\x1e\x0e\x05\x94iS\xbc\x89reXO\xb8\x8eyb&lt;,~d[\x8cgS\xc5\x9f\x8avJ7\xa9v\\\xd0\xac\x98\xa8\x7fj\xe2\xb4\xa5V2%\xa8\xb0\xc9?5-\xa0yd6\x1c\x11\x9diR\xc9\x96\x81\xc1\x99\x85\xd3\xaf\x9av`Ur\x02\x10\xd7\xd4\xea8-%\x8d[D\x81la\xe2\xbd\xd2j@-UJA\xe3/;\xde\xb6\xa0\xe3\xba\xa4&lt; \x15\xb2\x8av\x84bQ\xe0\xce\xe4\xd9\'6\xe1\xb1\xa0d\x03\x0b\x8bqj\x8c\\M\xe0\xa5\xbb\x90|q\x99t`\xdf\xc3\xda\xad\x86qtia\xc6\x96\xad\xcb\xc6\xddl`V\xeb\xeb\xf5\xe0\xd6\xed\xee\xea\xea\xdb\xb3\xcb\xf2\xc4\xb7\xe1\xe5\xf8\xd1\x9b\x8a\x8dm^\xa0\xa8\xbe\xe6\xe2\xe2\xe3\xe2\xef\xc5\xbe\xd5\xdf\xed\xfc\xde\xd7\xd7\xb6\x98\x86\xb3\xa5\xa2\xd3\xcd\xe6\xdc\x8a\xa1\x94\x8c\x8c\x98_O\xcc\xc7\xc6\xa8\x8f\x85\xc4\xb1\xa2\xe5\xb3\xc6\xe4\x7f\x95\xd8\xc5\xdf\x8f\x95\xa9V$\x1f\xbb\xa3\x94\xda\x96\xae\xd8\xcf\xcb\x97\x9e\xb4rE?\xc9Pg\xcc\xcb\xe2\xd2\xbd\xd4\xcb\xaf\xc6\xcc\x87\x97\xde[s\xba\xb5\xca\xc8\x1b-\xc4\xbd\xba\x89\x81|\x86\x03\x15\xd6\xd4\xe2\xc4t\x86\x98\x89|\xde\xdb\xe6\x7fwr\xeaY_\xa6\x9e\x9b\xa6kS\xa4\x82r\xd3\xa2\xba\xb8\x10(\xf4\xd8\xd2\xf6\xed\xec\xed\xcd\xc7\xe6\xa9\x9c\xba\xb3\xb1\xda\xc5\xbd\xd1\xbf\xb8\xa5\x97\x93\xcb\xb7\xaa\xea\xb3\xb6\xe5\x9e\xaa\x99\x05\x1b\x92NS\xdcl\x87\xa8\t \xb6pl\xa7kp\xb5\x92\xaa\xb8\xa3\xb9\xf2\xe3\xe3\xcbxh\xebv}i15\xa4w\x85\xd8\x9e\x9a\xc6\xb3\xb5\xb6\x82\x9b\xe1\x94\x8b\xcd\x8e~\xa2`^\xde;G\xa64B\x80@?w\x0f\x1b~"-\x92\xb32\xa7\x00\x00 \x00IDATx\xda\xdc\x97\xddK\x1bm\x1a\xc6;\xc6\x92\x99\xc1\xc4I\\\x82h(N0\xb5\x9b\x89DE\'i\x1ac$\xcaZ\x83/3#R(\x8c\x8cTZ\x8bm1v\xfch\xbb*\xe3G\x1b\x98\x86\x0e\xf6\x03J$\xf2\x0e\x0cxP\xf1\xc0\x08\xd9$G\xe2\xb99\xc8JVxYl\xf5_\xd8\xe3\xbdg\xa2\xec\xfe\x01\xb1]\xf6VZ\xc5\x83\xfc\xb8\xae\xeb\xbe\x9e\xe7\xb9q\xe3\xffz\xcc0\xbe\x08j\xfe\x9f"B}\x11\x1f\x8a\xee\x9f\xe5v|\xa8\x0e\xf8\xab\x89n\x98\xd1\xc8Ndg/W&gt;\xdb\xdf;+\x15\xb3\x07\xfb \x19\xfa\xab\xc8\x8cO6\x8c\xdb;\xcb\xc2\x14\x13\x89\xe2y)\xa9\x8a\xdc\xc9yn/\x82\xa2\xe8\xaf\x003W\xb0P\xdf\xfeYQS\x14Q\x14CAU\x05(Q\xe4\x05\xf1\xa4\x9c\xcb\xed\xfc\n.\xf3^\xee\xf8\xf8\xf8\xec\xa0\\\x14YF\xd14N\xa0x^\xe09\x8e\x17\xa2\x02M\xb2\xa2\x96\xcdE~\xbab\xe6\xbd\xac\xc20,\xab\x7f\x93\x0c\xcf\t\x82@\xb1\x94\xc2R\x82\xe0%,\xa4L\x00\xaa\x9a\x85\x94\xa1?\x19\xab(\xe1\x98G\x92\x18V\x97\x08\xa0\x04\x05\x18\x15\xc6K\xca\xb8\x87\x80\x91\x14\x11\xc0\x8ew|\xe6\x9f\xb8~\xbe\xdc\tC\x10\xac\xa6.h\x9c\xa8\xaa\xa1P0\x01\xc9R9V"\x19\x19\xd7\xc1d\x86\xd3\xed-\x1e\xef\xfd\xac*\x83\xa4\x1f\xa9 \x16.q\x9a\xc8Gy\x9e\x8f\x8e\x82d\x89t\xbe\x98\xe4\x04\x16\xb8L8N\xb0"\xc7\xc8\x84\x0c`?\'\xfc\xd0\t\xb9\x13\xc9\x03\x9a\xc8\x0c|4\x97\xe4-1\xaf@\xd1\x8c\xa8\xa6J\xe9\xa4H\xb3\xfa\x1f1\x9c\xe1\x140Tb\xb5\xf2\x91\xef\xfa\xb9\xcc\xe6\xc8\x81\x08F\xc9\x12\xa3p\x9a\xca)\xc9\x14\xe5\xc1@8MS5~\xa1\x94\x16h\x96\x91$\x89\xc0\t\x89e&lt;\x1e\x19\xac&gt;\xd8A\xaf\xbdF\xf7\xb3,\x01\xdbF\xb1\x8a\xc2\xb0\x1c\xa7\xf0\xa2\x08\x99bX\xb5\x94-i\x8c\x98N\n\x94\x1e\x7fV\xc2M\x1e\x96\xc10\x00\x13\xb3\x7f\xbff\xb9\xd0\xbd\x13/\xe6!9\x8e\xf2\x12xg\xc0\xa4[\xc9*\xa2\xaa1\x0cW,\x9f\xa79&gt;\x99\xe4\x15E\x92XE\xc6L\xb8\xec1!\x98\xcc*\xe5\x88\xf9z\xa9\xb2t\x0c\'H\x81r\x87A\x07\x1cill4\xe9\x16\xa6\x93\xacW:9\xcf\xa4x%\x91\xe0y\xe0b\x18\x02:\x84\xb1@\xbedF=\xf6]\xa7\x85;e\xc5m\xf1\xca\xb27\x86c&amp;\x99\x95\x08\x99\xc0\x1a\xc7\x11I\xe1T\x95\xc5\xbdZ\xba\x94\x8a\xd2\xbc&amp;j\x9cD0\xb0\xad\x98\x87\x95q\x89\x95\xc4\xf2\xde\xb5\xc5\x1e\xd2~\xac\x91\x16\xdak!I\x0b\xe1\xf6C;\x11~,\xd08\xdeh\x82Z\x179\t\xf7(j)\x1d\xb5\t\xc1D\x90\x07d\x19C\xe2\x1e\x06\xc7\x18EQ\xcf"\xd7\xc4\x05Tg*\x19\xb3X\xa0\x93\x12\xa9\x05\x9e\xa2\xa0\xdbi\x8b;\x10\x8f\xc7;\xfd\x16\x8a\xe3H H\x94\xd256k(\x18\xe4\x19\x19\x1a\xccd"$\x0c\x93%I\xcc]W\xaf\xfar*\xa8D@\xe0\x93\xa5R\xc8\x16\xf3\xf2"$\xdf\x16\xeb\x04\xb0@\xd8O\x8a\x9c\x17\x0b\x10T")\xc4,\xa1\x05^`I\x02\xc3L\x98\xecA\x10\x0c\xf7\x9c\xec_\xcbA\x04\xd5P\x14,\xa4\x97diV\x14)\x9b\x97$i.\x01]\x1a\x8b\x05\x02\x81\xcep\xd8\xef\x15xo \x8e\x11&lt;G\x91\xb4\xc0\x0b\x14\xe3\xc5M\x88\xc9#C\xf61\\)\x1e]\x03\x97\x19\xdd;\x17I\x92e\xc1\xba\x10O\xf1\x89\x85\x10\x9fH\x97\x92A\x81\xa6-\xfe\xb0&gt;~\x1b-\xd8:\x03\x01?MQ4)\x80\x92\x16\x0f\x06\x9b\x8aC\x06!v\\q\xbf\xfa&gt;\xa2;e\x91$(\x96tEC\xd1`)\x9fJ\x84\x16\xd2\xf9R:\xbd\x9b\x08Q\xb6\xb50\xe0\x04\xc2a\x9b\xcb\x16\xee\xec\x8c\xd9\\\xb0\x16&lt;OC\x8b\x98\x80\x0b\xc0\xa0\xdfd\xf6d\xdf\\\xf5\xc2:\xd0\xc0\x1a\x8a\xb6\xc1\xc7%\x0b\x07\xc9\xd1\xe8\xe8\xcd\xd1hMMM4\x14\x0c\xd5X\x9dk\xba^n\xb7\xcdis\xfbcn\xf8\xc1=f\xb7\xbb\xc2\x01\x93\tAL\xe0!t\x98,\x15#U\xb60r\xa0\t\xb0z\x14\xed\xe5S\xf9\xc2\xe1\xee\xe0\x97\xdd\xc1G!\xbb\xd39\xf6\xc96\xe6\xb2F\xa35\x00\xb6\xe6\x86\x9f\x9dc6\x9b\xcb\xb2\xe6v\x7frZ)\x1bD\x1e\x83\xa2\xd7\xc3\xe5AL\xe2Q\xb5-,\xe9\xf7\xe2(E\xf3\xa5\xc2\xc5\xe1\xef\xdb\xbb\xdb\xdb\x8b\xdb\x8b\x8f\x06\x07C\xd1\x1a\xbb\xd5i\x1bk\xb66\x8f}\x1as\xaeLM\xd9\xad\xd6\x1a\xeb\x98m\r\xac\xa4h7\xc8\x84!\x80\x06\x97\x1d\x04\x91\x8b\xbe\xea\xe6\xfd\xa8\xc8E\x83A\x8a^\xc8\x17\x8e\x7f\\\\\\\x14\n\x85\xc3\xcc\xe9\xf6\xee\xe2\xe0#\x10.\x19\xb4\x8f\x8d577\xafL\xcd7t\xbf~\xfa\xe1\xe6\xfc\n@\xae\xb9]\xa4\xd7\x02\'\x14\xac#\x82\xe0\x902D\xc9U3]h\xa4,\n|\x82\xa7\x17\x0e\x0b\x85\x1f\xdf\x8f\xbe\xff(\x14.~\\\x1c\x1e\x1e\xcemo\xb5\xb4|\xd9^\xfd2\xbf\xb2\xb22\xe5x\xfa`kkz\xeb\xfd\xcc\x83\xa7:\xd8\xda\x9a\x85dX\t\xb6\x11f|\xbc\x11A&lt;\xd9*\x96\x84^Y\x1c\xaf\x05\x85`\x1eH.\xbe\x1f]lw\x8f&amp;\x0fA\xb2\xdb}\x99\xcfKK\xabC\xb3\xd33 \xd2\xd3\x96\xad\xd9\xa1\'o\xe0k\x1d~\xff0\xd5\xectz\xe1V\x88\x03\x921 \x17[\xcd\xb2Gs\'"\xb7\x10\x8c\xeef2\x87\xa0\xd6E\xbe\xe5\xf5\x97\xc5\xd3\xcc\xdb\xb7}}}\xb7\x7f{\xfb\xece\xff\x9b\xf5\xbf\xbd\x9fy\xbf\xfe\xe6E\x7f\xff]\x18\xf8}z\xa6\xc1aw9\xbd^"\x1c\x07\x1e]-\x18,\x1bA\xab\xa7\xd6\xb1*\xf0A&gt;\x94\x02\xaa\x8b\x8b\xc3tjkfvi\xeeU_\xdf@\xdf@\xcf\xc0\xc0\xb7\x89\xc9\xe7\x80\xf2\xe2E\xff\xdd\x97/\x9fON&gt;\x7f\t\\C\xd3-7\xe7\xed\xcdN[,\xdci\xd2=\x1c7\x8c\x14\xab\xd7\xa9f\xf4L\x83\xa7`M(\r\xc6\x1d\xe6S\x0b\xa7C\xebw7z67\xdb\xdb\x97\xbf~mk\xeb\xe9\xe9\x19\xf8\xf6mbcrrccc\x02\xfe7\xb8\xd6g^;\xe6\xa1\xd1l\xb1\x18\x16\x1fG.\x9d\xc4\xcb\xd5\x92\x0b\x1e\x15\x07"OY\xa3\xc1|\xa1\x90)\xed\xb6.}~\xf1|\xa0\xad\xae\xfe\xde\xc8\xc8\xbd\x87MMM\xcb\x9b\xcb\x00\x07x\x03\x03\xbat\x15\xae\x17\xeb\xef!\xf8\x86^\xb6p&lt;\xde\x88\\\xe6K\xab\xd6\x13\xcdl\xde\xc9\x8a&lt;]3\xba\x9b\xcf\xe4\xf3\xe9/\xb3w_N\xf6\xb4u\xdd\xeb\xa8\x1d\x1e\xfe\'\x90\xdd\xab\x07\xb6\xf6\x8f\xcb\xcb\x9b\x15\xb4\nW\xff?\x00\xeb\x83\xa3\xc6\xear\xda\xfc\x9dH\xe3\x95\\\xd2\x99\x0f\xad\x12V\xe4\\\x13h{\xc3\xee\xe9j\xeatu\xf5\xee\xe4D\xcf\xc7;:\xd5\x1f\xc3\xc3\xc3\xb5\x1d\x1d@\xf6\'\x10\r,\x05\xd5\xc0O\x1d\xab\xa2\xd6\x07\xc7\x94\xbd\x19\x9a\xc2\x1f@\xae\xb0\x90j\x9d@\x80U\xe6(\xab\xbdaquppw{nc\x00\xa8zu\xad\xfe\x80\x010]\xb0\xa6v\xc0j7\xb0\xf4\x15\xa8\x98\xf8\xfa\xa6c~JoV\x7f\'\xd8x\xe9\xe2I\xa4j&amp;\x9esv\xbb\x03\xb0ZZw\x97&amp;z\xda6+T\xc3\x06XmG\xc5G\xa0\xaak_6\x02\x06X\xfd\x80\xd5\xf2\xe0\xa9\xc3H\x17`u\xc6\xafJU\xab\xd2\xb5^71\xe8pt\xb7,.\xb6\xb6\xae\xbem\xdb\xfc\xd8u\xab\xa3\xa3\xd6\xe0\xba\x14\x0b\xb0\x1e\x1a6~5\xd6R\xc7z3\xd4\xda\xf2\xe0\xf5\x07\x87\xc3nm\xd6K\x02\xee\xb0\x06U\xa3\xbas\xc3\\\xadM\x0cv\xb7\xb6.\x0e-\xb6\xce&gt;\xeb\xf9\x08T V\x05k\xf8\x12\xeb\xa1\x81\xd5\xa4\xab\xd5c\xa8\xf5\xe2\xc9\xd0\xd6\x0c\xb8x\xd3\xa1\x1f\xe5n\xb8\xf7\xe8wkx\x8eT\xcd\xc4\x1b(z\xb6\xb0\xb8=\xbb\n\xc7\xcc\xdc\xbb\x8f]]wz{Gj\x8d1"\xafc\xfd\xe5R\xade\xbd\xc5.\xb1\xa6[\r,\x87\xde]nw\xcc\x0f7E\xbd\xef\xd5j\xbd\x81\xa0\xe5S\xdb\xab\xabK\x9f\xe7\xe6\xfa\x1e\xd7u\xdd\xb9\xd5{k\xa4\xb6\xa3\xf6jF\xee\xd5\xd7\x83^M\x10\xaf\xe5\xafWX\xfdO\x86f\xf5#\x1b\xb0\xa2\xd0\x11N\x0b\\\x0f\r#\x91\x93ja\xa1\xe8qz\xf5\xf7\xcf\xbf\xcf={u\xbb\xae\xae\xeb\xfe\xad\xde\xde\xde\x8e\x8e+\xae\x91\x91\xfa\x87\xf5\xf5Fw]am\xe8\x9b\xa8\x9f\xdf\x0f\x1at,\xbb\xd5\xe5ry\x81\x0b^\x95q\xa4j&amp;\x82Z\xa7\x9f3\xcf\x9e\xbd}5\xb0Y\xd7e\x98\xf8\x1f\xac\x0e\x1d\xcb\x98\xcb\x86h\xd3\xd5zn`\xb5t\x03\x95\x1ez\x18\x97\x13^\x98\x1e,n\xaa"\xd6\xbf\xf2\x198\x98\x7f\xeb\xfb\xeb\x9f\xef\xdf\xef\xd2]\x1c\xe9\xfd/\xb5\x8c\x13\xa82\x95\xe22\xeath}\xba\xa5A\xcf\x16\xdc_\xed@F\xc3\xbb\xc3\xe27U\x13\xebG&amp;\xf3\xea\xdd\xed\xc7\xef\x1e\xd7\xdd\xbfs\xdf\xc0\xaaP\xc1?z\xc9\x1bB\xb5\x1b\x9b\xa8cMl\xe8g"\\\xbaZ\xbb\xffM\xab\xf9\xbe\xb4\x95fq\xbc\x9b1\xc4\x1d\xee$\xad\xd1\xb0$\xe1\x92\x8a\xe6G]\xa9\x15c\'?4\x93&amp;\xa1I%\xc1*\xe1\x86\x80`H\xf0\xde\x90\x1f\xa4\xb1Ij\xd4\x84\x9aD\x85I\xc8\x90\x1f\x82\x18,.,\x94\x90\xd2\x17Sa\xb3\xed\x1b\x8b\xe4\xed,\xec\xb2\xac\x85V\x99\xe9\x16\x04\x85\xcal\x87*\x14\xf6&lt;\x8f\xb6\xec\x1fp\xf7\x11\xdf\xe8\x9b\x0f\xe7\x9c\xe7\x9c\xef\xf7&lt;\x17\x92\x08ND\x04V\xa4\xa3\x03\\\x1a8\xb4\xaf\xfe\xc6\x9a\xb4AX\x0e\xb9\n\xd5\x95\x12\xce\x97`\xed\xc3O\xdb\xff`\xf5\xe3v\xea\xf1\x04c\xd5-\xb8\x8a\xd1\x1ad\x91k\xe2NN\x9a\xf0\xe9\x1bG&gt;\x9b=\xc5u\xfd\x97gs\xf2\x19U\xa7\x80$I\xa5@) A;\x00\xd6&gt;\x8cj\xdc l(N)\\Z(V\xb9`l\x0baA\x8b\x90\t!\x8f\x10/\xd3\xa4^\xaf\x9f\x06\xe3\xf4\xf5\xd7oY\xc3\xfa\xee\xdf\xcf\x0c\x80\xd5\x05W\x90$Qm\xe9F&gt;c\xb5\xedC\x7f\xc0\xe9\x03.H!\xc4jy\x19\x82\xb5\x18^Zz\x14\xed\x91\r\t\x11\xd3$Pi\xb5\x13\xd3\xe3W\xaf]\xfb\x17k\n\xe2\xcd\x8b\x97\x8e\x19\x15\x81\x82\x05\xe1\x1a\x1c\x84h\r\xd8\x07\xee`.\x94B\x15`)\x14\x00\xb5\xaeh\xe4\x96\x83(\x87\x8b@e}\xb0v\xce\xc5\x05*\xaf\x16\xb8\xee\x0e_\xbb\xbc\xcd\x9e\xb0\xc1X\xb8\xae\xd0\x19$\xa1\x7f\xde\xee\xec\xbc\r\xbf\x9d\xaa\x99\x94\\\x0e\xc3P\xad\xc6j\xcb\xa7\x81\xa6\x0bP\xe0\xd5\x80\tjK8\x89c\xa5\xd7\xae\xae\xae"\xac\x87?\xb1\xf5\xb6\x017\xf1\xa5\x03z\x03\xa4\x0fA)\x956\xd5\x8c|e\xc1\xe10\xcc=\xabVc\xd0\xcf\xd4\x00\x84~\x1b1:\xf0 \xfa\xc42\x04(B&lt;\x0f%|\x8eI\x8f\x8eW\x9b(h\xa7\xaf^\xfba\x97=\xac\x9f_\xc2E\x04,\x17*\xadABn0\xcc\xcd\xcd-\x07\xb7\x1e\xad\xc9d\x91\x805&lt;\xeb17\x14)\xb5/D\xf7 \x01\x0fZF\xda\xdd-\xed\x96Vz{\xc1[CY\xa1\xd2J\x14\xfe&lt;5|\xedO\xac\xbdk\x80\xa9~i\xc0XJ\xc0"J\x8e\xb9 \xd4\xcf\xe2\xa3\x07\x16\xa1\x88a\x98"\x15\xa0C\ru\xbf\xd8l\xa4\xa3\x14#\xadT2cc7of*Ngel\xac\xf7\xca0\xf8q-$\x11c]f\xaf?\xf0x\xbb\x17\xd1"I\x81\x8dXY\x8e\xc5\xaa\xd5\xea"\xe8\x9c\xa1"\xc3\xc4\x8b\xc9|V\xd3H\xb9\xfb\xcd\xf3y\x8a\x01/\x9d\x19\x05\xa4n&gt;\xb4P&gt;v\xb0h\x97\x8a\xb1\xb4\x13\xe3\xe3\xdb\x8fYS\x10\xbc\x1f_`,\x08\x96`PnXF\x07\x86\xd1\\,\x0c\xd3\x98\x8a\xe4\x9b\xf3&gt;\xb5XPn\xd0\xc9t%S\x91J$\x12\x86+\x84\x8e\x85\xb4\x16\x9f\xdfg\xba\xc0J\xdc\x9f\x1a\x1f\xff\xe7_\xb6\x1f\xb3\xb5\xdd}\n\xbe\x1eK\x1a\xb2kP\xeep\xc8\xe1@&amp;_=\xeaI\xc6\x8b~*\xbfg\xf4\x94\x04#6u\xd8\xef\xcc\xf4^\x91J\xba\xbb\x87\xfb@\xcc\xa0#\x01\xac)\xed\xaa\xfe\x1c\xeb\xee\xc3\xcb\xdd\xa2\xc4o\xac\xa4\xb1\xfd\xf1\xeb\xdd\x17\x8e\x059\x019$\xbb:\x89\x19\x802\xc4\xac\x91\x16g\xf8\x9b\xd1Qg\xbaH55\xe629\xa2T\xcc&amp;\x9dc\x99\xdeJ\xe5\x9b\xef\x1f~\xff\xd5\x1f~w\xe3\xc6\xe8\xcd^\x00\xeb\x9b\x9a2a\xae\x89\xf1?^I\xb7\xa8\xe7\xacx\x9f\xef\xf6\xdd\xf2eh\xf30\xa6!\x89\xb7;!P\xb3\xd9\x88?n\x82\xc1{c\x8c\xc3\x8dStH=8r\x8e\x95\xc9\\\xa9\xf4\xde\xfd\x01\xa8\xee\xdd\xfb=\xda\xf4^\xe9\xee\x96tp8\xd0\xba0\x96D\x14\xdfI&lt;e#X\xefu\xf5\xb2y\xce\xb0PF\x1dK\xd0E\xc8\x1d\xa1=\x10\x9eO\xfea\x82BJ\xaf\xf5\xf8#\x1asII\xda\xddj\r\x85\x92X\x91\xea\x13}\x103g\xb7s\x0c\x15?\xb4.\xbc\xcbL\x14&amp;\x86\xaf\x8a&amp;\xd3;k?\xb2\xd1\x1d\xf6?\x1e\xb8\xca\x0bs\x08\x8b\xb4\x91\xb7l*\xb9\xd9\x17\x8a\xc5\x82\x86W\x96$U[\xa2\xb3\xe1\x9c\xa2|\x81%\x01\x1a\xc9\xa4\xe5I\xc1b\xb1x\xbd\\\x8eD"\xe5wp\xa0\xf61\x96\x9eo\x9al1;O\x9e\xb2\x81\xa5;9Y\x17\x0c:\xce\xa3E\xde\xba%\x10\x13b\x1b\x9a:\x8eg[\x9ap\xf8H\xe3Q\xc0\xbf\\:\xc0JJ\x9cN\xa9\xc8\xf2d\xe9\xd5+\xb4\xf5\xea\xe9\xf1\x82\xe2\xe2\n\xbdB\x98\x8a\xab\x85\x82\x9e\xa3\x17\xe9E;\xc7,\xb4\x08\x88\xd6\xc9\x91Z@\xce ,\xa4\x00AE\x80\xa3\x00\xbb\xe3\x96\x9bs!\x8d\x11\xa8\xc40\xbe\x95:\xb7\x02\xb0\xa4\x92\xb4H\xd8c]\n#\xbd\x15\xa8\xd5\xa2Q0\x97@\xa7\xf7\xae\x166\xb4&amp;\x13\xc7\xcb\xfd\xf5?lt\xae\xf6\xd7\x1fO\xd6u:b%\x05\xd1"\xc1\xf5\x90Xo\xe9\xdc0\x9e\x1b\xb9\x9c\xc7\\r\x0b\\p\xea\x18K\x92\x8e\xa3\xa5 M\x838m\x06\xa2t\x18\x04Nt\xcd2\x84F\xe2\xc6\xaa\xa9\x83\xe3m\xb5\xb6Y\x19?\xef\x0f&gt;\xf6\x0f\xe8T+\xe5\x8bX)\x95\xc8\x80\x81\xd5\xc1\xeb\xa3\x94X7B\xba\xf0Y\xf7E\xd2i4\x8b\xac4Z\x0b\x1a\x8d\x9aP,\x04r\x02\xc6\x81\x17\xb066\xb4\xfc4\xa7\xd5\xf2\xee\xb2\xd1Nyo\xdc\x1f\xc5mu\xb9:5(\x00\xaa\x11\x142l\xc2\xb0\x05s\x0bt\xf5z\x1dq\xd5]\xeb\xb9f\x91\x89\xfb#\xd60F\n\x85r9\x1f(\xd5E\x1aT\xaa\xd7R\xd8\xdc\xd4J\xd3\x0c\xb7\xb5\xc1\xce\x12\xe2z\xdb\x81\xcb.V\x9bS6\x8c5\x82\xfc\x85}\x84D\x16\xcc\xedv\xd5\xedu\xf23\xd6i6\x19\x8f\'\xf3\xb4Q3\x0bPh_\t`1#\x8e\x16\xc6r\x02\x96e\x9b\x9d\x97\xfe\xf6\xf7\xaez\xbd\xbf\xd1(!,\xf2|\xff\x00\n\xbe\x0e(J\xf8O\x1d\xfe\xa6\x04*\x84\xb5G\x81\xa0\x90e\xc3\x80\xe5\x03W\x06\\A\xec\x18\xd7d\x16\xc0\xda\xd0;w\xe2\xad\xc4.+\xa5\xc5\xbb\xf4f\xa0\xee:\xc0XP\xf0\xc8\xf3\xdciC\xce\xa2\x8e\xd2\xa7CH\xe7G\xac8\xa5e"&amp;\x9e\xa4\x02\xe1\xd9\xd0)Z\xbe\xf9\x82\xbe\xea"m}`\x19\xb2\xac\x01\x16\xb4\xd2\xf8\xd0sv&amp;5\x8fw\xfd\xf5\x00\xc2\x9a\xb1\xd9&gt;ca.H%\x84\xa8_qpN\xf5N\xach\x1c\xd5Z\xa2\xa4,\xe9\xaf\x19}x\xb7\xeb\xf3\x85\x10U\xcf\xd0\x907\xb1\xb1Y0u\xec0\xde\xed\xebl\xe9\x9a\xf7m\xf5\xd4\x81Z\xde\x89\xc2\xf5e\x87\x84\x12)\x10\x1f\x9c\x9eb\xacwv\x00lhj-\xae\x0cd\x85\xbf\xa9\xf1]\xacv\x17\xe9\xe8yiml&amp;L\xe9t\xcb\xf2\x13{\xce\xe7N\x9b\x0b\xb0\xc4\xb8C\xb4]l\xdc\xee\xb4\xd9\xdd\xeb\xe6\x93\xa3\xd3\x14\xaa\xabw\xf5w\xeb(Z^n\xab\xe5g\xd2I\xebl.\x87&lt;\xbf1l\xad\xf5Xd\x18K\xcba\x84p\x0fY[\xcc\xb7\xbfn\xab\x1f\xa8\x17\x08\xc2\x86r80\xf0\x85\xaaq\xb2gT\x80mU|8H\x1d|hh\x9a\x14\x97\x89\xc7\xe3;\x92x$\x8c\xde\r`6\xd1\xe0\xade\x10-H\xe2\x04_h\xf1n\xb3\xf6\xa5\x06dq\xdf&gt;\xa2\x9a\x9b!\xdc\xe4\xc5J\x04\xa8tbD5ov\xf7\x7f\xd0D&gt;\x1d\x7fh\x844g\x14G\n\xa3Z\xe2\x94\xa6\xfdQ\xb8\x8dx\xcbU\x83\xa65dY\x85n:\xc5\xb1X6\xd9\xfcr\xaa\xfd\xb5\xddN,\xaf\x106\x1d\xde \r\xa0]\x9b;\xa5\x9e\xdd\xdb\xf3\x95\x01k\xef\x93\xbf\xa6\xd1\x1c7\xa9t\x06?\xa7W\x9cR\x86\xa2\xd1{\x0b\x8d\xa8\xa0\xe0-\x89\xc2fa\xda\xb4\xb6\xf1\x1b\x9b\xef\xe8\xbc7\xfbvU\xd0@t\xe9n\xd9\xd1\rD\xeb\x90~E\xce\xb8\xa7Q\x8bS\n\xb3&amp;\x9b\xa55[\xb5\x16SA\xab\xdboAdU$\xfe@\xd88om\xd6j\xe0\xab\x85\xc8_l\x14\xa6\xb9\x89\xed\xc7\xac&gt;\xa3C\x1a\x89\xe0\x9cJ\x80\x96\x0f\xe8\xe1B\'\xee_7\xe74F\x8fB\xe1\x99\xd5\xd0\xf9|\x93\xb6\xcaZ`{Fo\xa0\x8f"F3Nf\xc8\x1a\x9e\xcf\x06P\xac.\xb0V\xa7\xf5\x9b\xbb\xec&gt;\xa2C\xef\xea\x02\xac.\x18\xd2#\x82.7\xded\x99=\xb3\xb39O\xc8\x98\xadQ\xfe$E\xc1\xdc\xe1\xf0\x9d\xa3\xe8[\r\x94G)\xd3C\xcfG#(V\xc2I\xe4/\n\xf7\xfb\xb4oY~C\xbf\xd4\xfe\xa6\xb3\x1a\x9c\xe9\xb2\x01X\'\x81\xdfQJj\x0fz\x08\xdbkF\xfcE\xf0?EF\xea\xe4\x8b\xd2\x19\x88\x16\x02\x1b\xedu\xc6\x03tT\x96\xc4\x9b$\xb4\x80HL\x0c\xaf\xee\xb2\xfd\xc5\x01\xef\xfa/K\xd5\x15[\xa7\xcdF\x10\xd0\x11\xca\xe5\xd2\xba\xc2\x87^3\xf3\x94\x1f\x90\xfc~F\x9a\xc9HE\x1c\'\xca\xe2=\xf4QD\xc6\xe9\xb7Ze~\xbc\xa6\xd4\x83\xdb\xbf\x7f\xf7\xee[\xd6?\x97\xe2\xb5\xff\xbcX](\xcd\xa8\x08U\xb9_L\x94K\xe5u\xb31\x9b\xcdS\xe0_\xf3\x14\x15\x88\x14\xd3\xd0\xaddB~%\x83\xf6\xef(\x8f\x19\x89,@\x89\x18\x0e\x08\xf9I\xd3\xf4\xd4\xd40\xbb\x0f\xe8\x17\\\xbb\xaf\xaa\x06\xf5\xca\x8c\xaaT\x16\x13D\xb9\\V\x87\x02\x91H&gt;\x1fh6\xb3\xcd\xb3\xb3\xe6\xe1a\xed\xb0Yk\xe1\x97\xf3Q\x04\x06f\xadC&amp;\x14\x81\xc3\x80\xd3\xd7g\x9a\x1e\x9e\xf8\xeb%\xf6\xb1\x9e&gt;\xaf\x06\x97\r+\xa5RiPL\x94\xca\x8a\x1c\xed\xf7\xcbd=\xf9f\xf3\xb0y|tt||vv\xf8\xe9\xd7\x9d\x1dg\xa5r~\x1f\xbf\xbd\xe9\x14q;$\xfc\x0e\xbc\x00\xef\xeb\xbb\xfa\x7f\xc0\xe2\xf1\x1e?\xab\x06\x83\x1e\x87Z\xad(C\xb0Jfc\xa4\xc8\x14\x8b\xc5O\x9f\x0e\x0f\xcf\x8e\xfe\xfe_^\xce6\xb6\xa9\xf3\x8a\xe3\xe4Z\x17\xfb\xba\xbe\xb6\xaf\xdf\x1aa\xab\xb2-;\xc4\xf6\x9d"G\xaeo\x82\xb2$N0\xb1e\t\xa5\xbd\xcd\xb2\x8eU$2\xca\x8bl\xa2\xc4\xc1\x89\x13\xd7\x8df\x82\x03,\xc5(!F\x84\x84\xcc\xad\x96e\x82\x94h!\x1a\x84\xa2\x92n\xf0%BlP*`jT\n\x1aB\x02\x8d)\x80h\xd5\x97\x9dsC\xa7~\xda\x875\xb7G\xce\xcb\xa7\xe4\xa7s\xces\x9e\xf3\xdc\xf3\x7f\xee\xf5\x87\x8f\x80\xea\x9b\xd5\x01\xc0\xda\x8b\x13\x9e\xae27\x17\xb2j\x94\xf8H\xc9jUz\xbd.\xef\xebWE\xf0\xd6\xca\x99\xb1L\x14\xda\x95\xe6W\xc1a\xa3\x9bw\xdf\xea$\x07 d\r\xab\x8f&gt;^x\x06\xb6p\xfe\xc4\x93\'\xc7\xb7\xf0M\xf5^\xb5\xbb\x0c\xab\xaa\xda\xce\x18q&amp;\xcc0,k\xb5x-\xeb\xadey\xe1\xad|&amp;\x1a\x8d\xee\x8an\x1d\xc1\x01\x8aop\xb8}\xc0x\xa4ro\xd3\xbdg\x0bw\x9f=[\\|vs\xe1_\xf7z\xf7\xefAqgA\x97;\x14\n\xd9\x1bL&amp;A\x06\xc4\xd8i\x8b\x85=|U\x0c\xacx*\x1a\x8fFw\xef\xda*L2\x05,\xd3\xd2\xea\xe5\xde\xf3\xcb\xcb\x7fY^^\x06W\x1d\x7fr\xfc\xc1\x03|b\xa2\x0e\xd9MF jhh\xd8\x1b\xda\x1b\xb2s!\x9a\xb5\xd0\xaf\xdd\x11\x01k\xe5L&gt;^\xde\x1d\x87\xb6\xb3\x0f"\xb9/\tX=\x03\xed\xe5O\x9f\xde\xbf\x7f\x7fr\xf2\xfe\x9f\x97\x97\xaf\x03\xdc\xf5G\x0f \xed\x97\x06\xda\x0c\x06#c\xc2\xa9\xbe\xdb\xcd!\x16\xcd\x02\x96t\xfd\xb1\xaa?N\xa5|\xf9|\xf7\xeextWww\xf7\xad\xc1a\xb3\xb6=\xd2\xfc\xb3_\xfeS0\x80\x03\xb2/\x01\xeb\xf2*\xf4\\\xd9~\x8fFpX%\x960\xce\xaeV\xb3t\xfd\x82l\xfd\xb1J\x16\xa6\xd2\xa9\xb1\x8e\x8er_w\xb7/\xe9KF"~m\x7f\xeb\xd6w6m\x12\xb0\x9e&gt;}\xba|\xfd\xe1\xf5\xee\x87_M\x84/\xf3\x06\xd2c6(\xad\xb4=T\t\xe9\xef\xe6\xd4v\x9ae\xf7,\x8a\xe0\xad\x92\x0f\xa7\x02\xad\xf9T\x87\xaf\xa3#y+\t14\x1b\xc8N\xdf\xd6W7\x1f;\xd6\xf2\xf9\xe7\xa7\xbe\x84\xf3\xea\xc3\xaf\x1e\x95\xa7\x02S\xb3\xfe\n\xd8\x07\xb5\xbc\x86ap\xe6\xda%)C,\xda\xf2\xb7\x19\x11\n\x04\x94\xf9H,\x9dJB\xbb\xd2\xda\x9al\x8dtz\x0c\xdaD\xbcy\xeb\xa9\xe6S[\xf7\xed\xf6\xdd\x1a\x0c\xb4\xb6\x9e;\xd7\x9aJ\xf8s[x\x03l:\x1a\xd6\x1e\xe2(\xc0*\x93Tr!\x86\xad\xbfY"\x06\xd6\xccy[$\x06\xff;\x16\x19\x8c\xe1\x0cSk c\xf9\xee]xz\xee\xf6\xe1\xee8\x11Ktv\xc2\xe9\x8b$\x08\xa5\xd1h\xb4\xa8\x9dN\xb9[R\x80j\xd9\x10cg\xdf\xfb\xabL\x0c\xac\x92\x05\xbf\x19\xc1"6\xa1\x13\xc6y\xaf-\x96\xf4\t\x96\x1c\xec\xcc\xb67\x9a\':\xcd9\xadV\xa3\xd4\x18\x1b\x94J\xc4\xa2\x00J\xd2\xe5V\xab\xedv\xfa\xac(2p\xa9t\xb1\xd7\xd3o\xb3\xd9\xccZ\xd8\n\xb5d-a\x80\xc4\x8e\x04\x00,\x99\xbc5\xd8\xd8\x9e\xcd6\xf6\x9bm6\x92\xd0\x08\xdb\x8d\x8bv\xcaQyWXVF9\x9d\x9c\xb3\xfe\xa6HX3\x9f\xf0Y\xb3\xd9\xd0\x035IK\xf2oi\x08C\x1bi\x1bL\xc2\xaa\x84\x05\xd0\xd9\x9f\x85^\xb0\xd1l\xd6\xa2\xc0\x80Qz-\x165%\xa7\n\x0b\x0b\xa0BPN\xb9\xfa\xf0U\x91\xd4\xc3%\x0b|\x1bYk4jp\xf8\xac!\x8c\x1a\x8d\xb1Gk\x8b\x05`i\x9e\x1b\xc6&amp;5\xdb\xde\xde\x0f\xadj\x9b\xd1\xc8\xb0.\x0b\xabFo\x15\x14H\x04\xdd\xe9o&gt;\x9d\x17Gl-\x95\xcd\xbfK\xa0x@\xa9\x84nE\xa9\xb4\x1a\xad\xc6\x1e\x03i\x8b\xa5[!\x88\xe7p\x9e\x01_\xfd\xd9\x01\x0c\xa3\x1d\xa9$\x92\x82B\xa0\x92Pr\xa7\xfa\xbdE\xb1\xee\xfcHK\xae\xfe\xdej\xb2z\xbd^\xecV,\x16\xab\x15\xe2H\xfa\x13\x01\x08d22\x0cM\xe1\xb9a\xd4\x92\x19\x08%\x1dR\xab\x9drJ\xe0\x12\x04\xe0\x87\xef\x88w\xefAV\xbd\xd0\xc40\x16K=\xcb04\xebUZ!\x96\xa4\xdff\x1b\x1e\xf4\xf9Z\x11\x0bS\xac\x1d\x82h\xb5CZ\xc9Q\x05[X(\x01\x7f\xc9\xeb\xcf\x8ax\x0fI*=\xfd)K\x0b\xc6Z,\xae&amp;h95\xbc?\xdc\xde\x1fI\xb6\x06:!\xb1&amp;"\xfdYT\x9c\xda9\x8c\x9c\x84\x02g\x15\xa2\x1a\x16\xa7\x88\x1bD4\xd9\xe2\x1e\x96v\xaa\x01\x8b\xb5x].\x97\xd5JT\x90\xd9\xf6\xe1@\xa0\xb3\xb1\xa7-\xdbh\xf3\xb4iPw\xcd\tBf!\xe31\x88\xf5\xf7D\xbe\xe9S}\xf35\x80\x82\xc4Q\xd3\xc0e\xa1\xbdD-i \xcd\x91Hc{\xdb@\x0fi\xf6@\xf7Nsk\xfaj\xf9\x0b,\x89\xfa\xf5\x9bb_%\x9b?\xd1\xc4\xd2@\x05p\xf5.\xaf\xc5\x05\xc7\x9a\x81\xb6\xac\xd9\x86ra\x8d\x01G\x88L\x88\x12\x92\x1d\x96\xa0\x04\xa1\n\x9c\xae\xfd\x0bb\xdf\xd7\x9aq\xdc\xaeeY\xa4\x02w\xb1,n\x7fJM[8\x8c\x1a@+\xfc6`\xb5W\xba\xf1\x0e\x06f\x16RQr\x96\x7f\xf7\x8e\xd8X\xd5uUib-\xbf\xa0=g`9z\x95P`Qst\xe4\x88\xc9d46\x84\xa0\xbf\xc2[wr!\xe1)\'\xdd\xb4\xe5\xc4\xe2\x06\x91\xad\xa4n\xa4o\x8a\xf7B\xd2{\xbd\x16\x96\x85=\xc6b2\x99\x1a\x98\x06\x93\xd1\x1e\x82\xe3\x04\x13\nURN\xe1&gt;\x81\x90\xeer\xa7\xf7-\xff\x89y\xd1\xb1jF[\xaa\xf29\x02\xaaW\xbd\x05\x8dU3\xd0\x84r\\\x83\xf5\x08\xc3\xd8\xed\\%\x07\x05\x0b\xa9\x84\xc4\xa28pV\xee\x93\x19\xf1\xb1J\x15#C\xd1\x04\t\xf9\xeeu\xb1xt\x80%\xc0\x85\xf0\x1a\x06M3j\x8e\x83u(\x18`Q\x14g\xf7\xd6n\xe9=\xbf\xf2\x13`\xa9\x82\xa3C\x99\xb4\x9f\'\\M\x90\xfb\xbf\x85\xe4Wsj8\xa4B\x7f\x05^C_Q\xc2\x8e\x03&gt;\xe38\xda\xc5\xfbg\xd7g:\xfd\xbf\xc7\x8bAUqp\xb4*\x9e\xceA\x0fc\xc5\x12\xc69\x11\x08\xbeqx;\x8b\x12\xcaBA\x81\x1b\xb8\xa0+5\x12\x15\xfbg\xc5\xf7\x96\xec\xb3`q\xb1&gt;\xd8\xd2\x17\xcd\xa7\x12aRc\xc5\xb8Aw,\x97s/v\xe6\xb5\xb6\xc1M\xb9\xddT\x881)k=\xfe\x9f\x02\xeb\xb1&gt;XZ\xacW\x14\x15\rU\xddF=\x0b\x1c%h:DQnH\xa6\xae\xc2.\xdc\x9b\x85\x16\x0b\x0eb\x1cc2\x12|8\'~\x107lx\xac+-\xfdU\xf1\xa6w\x1c-EU\x99\xb1\xd4\xd4l.\xccC\x17FCq\xa7$\xf8\xfc\x1b\x8c\x82\xbcw\xbb+\xed&amp;\xab\x92\xe0\xb7\xf4\xce\xde\x13\xfbV.\x1c\xfa\x15\xa5\xa5\xc5\xc1M#E\x0e\x9dch{U\xe6\xcc\x188-\xe7\x0f\x87y%m\xb7C\xedB\xdd\x0f^)\x83\x08B\xd9\xaf\xad\xf0\xe7\x04,\xa9\xc8X\xba`\xb1*X\xaaP\xe8u\x8e\xa2\xa2\x16 ;36\x96\xbf\x9d\xbf=\xe5\'\x07\x94\xa8\xe2\x84\x8a\x1a\xc2\x8aa5*\xc1Y\xe10\xe4\xd6\xfc\xe2iQ\xb9\x00\xab.\x18T\xa9\xe0\xa3W(\x14\x0e\x05\xc4\xf2\xed\xaa\xbeL_\xe6L&gt;`&amp;\x89\x17\x8a\\0\x84\xd2\x10\xb5&lt;\x0fX\'\x8e\xaf&gt;z,"\x17\x9c3\x1e\xeb\x82\xf8\x18\\\xf5\x8a&gt;\x18\xd4)\x14:\x85\xc3\xd12\xf4\xf6\xf6\xbeL&lt;=\xe11\x08\xcaW@3\xe2\xc3I\rA\xd4\xd6B\xca\xf7\xce\xf2K\xdf-\xaf\x88\xd6\xdcHK&gt;{\xfe\xfcX\xe9+5u\xaa\x1a0\x95J\xa7\x03,Dk\x19\xaa\xca\x94\x07&amp;\xf0P\x8b\xba-\x01\t~!\x08\xb2"\xec\xcf%\xc2K\xdf~\xfd\xfe\x8aL,\xaa\x99\xbb\xff~&gt;\xa2(.\x06*U\xcd\xcf\x81\xacN\xaf\xd7\xa1rQQ\xb4=\x13\xef\x08\x08\x02X\xe01\x18\x0c\xb5\x828\x97\xe4\xb5a\x7fb\xb6bi\xfc\xef_\xff\xa3D\x94\xf7\x90\xc8\xaa\xa7o\x9c/\xdf&lt;\x02\x0b1\xa8\xaa\xd1\xd7\x08\\\xe0\xb2:=`\x81\xbb\xa2\xe5\xc9\x80 \x18\xfe\xde\x0c(\x85E\xac\x1c`\x1d\xf8\xf6\xc1\x17\x02\xd7:\x83\xc9f\xe6v\\\xbb\xbd\xeb\xd8\x88B\x17\xd4Cv!SM]M\x1d:\x0cU]\xdb\xfb\xe2\xbet !&lt;\x9e\xe0\xb5Z\x8f h&amp;y\x0f\xc40G\x02\x16p\xbd??\xb3\xae\xa5\x02\xfe\x94lz\xee\xe4\x1b\x073\xcd##\xa3\xa5\xb0\x0c\xf5kTh5\xb0(\x1d\x0eX\x90\xd1x*\x1dK\xa0b8\xec\xf7\xfb1\x9e$\xcf{ \xb7z\xc9q\xc0\x1a\x1f\xff\xee\x9b\xe3wN\xaf\xd7{[\xd6^\xc12\xbd\xf3\xcd\x97\xdf\xd8\xf6a3\x04\xb1\x14\xbd\xf5_*0\xccy\xd8\x8c2QA\xc8h\xf3\x9bm\x89\\\x0e\xf0P!\x88X9\x02\xa8\x00k||\xf5\xec\xa5\xc5\x19\xd9z\xacI|y\xce\xf4\xf4\xf4\xce\x977\xee\xd8\xb1\xe3\xea&gt;\xc0\x02\xaa\x17\\\x18\xc4\x1aT\xebB\x10\xa1H\x00\x16T|[.\x97\x88\xa1\x14\t\x87v\x10L\x7f\xce?0\xbeF\x05X\x17\xcf~pm\x1d^\x0f\x04\x95\xea\xd0\xa1\xa3;OnD\xaa\xb9\x0b\xa76\x8f*\x82*,\\?p\x97\x1e\xdc\x05XU\x99x\x1e\xb2+\x11\x0bL\xa5\xd3SkX\x1e\x1c\t\x87\x97~\x80u\xf1\xe2\xa5+7~$\x98\x14\xa1&gt;\xfa\xc3/ \x80;\xb7\xcd\x1d\xbdpA\xd7\x02\xa9U\xa3ZK\xf9:\xf8\xa0\xb6\x19\xb1\x1cECXSSS\x01\x80J\xa5\x10K\x98\xbc"W\xcf\xf71\x1c\xbf|Q\xb0KW\xaeM\xff\x88*&amp;]94yh\xdb\x9b\x1b_\xfa\xf5\xc1\xa3\x87&amp;\'/\x1c=y\xe3\x0b\x87\x10C\x88b\x9d\xf0C\xa7\xd0\tE\xb5\x05\xb1 \x8ai\x84\xca\xe7Sk\xb2t\x81\xca\xb0t\x00\xb1\x00\xec@\xef\xc5Kk`\x1f\\\xb96\xf7\x7f&gt;\xc3\x91\xca\xaa\x8fB\xfc^:\xf8\xd1\xef\xfe89\t\xa1\x9c\xfb\xd3\xdc\xdc\x8d\xbb\n\xdd\x1a\x96\n+\x03:\n6G!\xb70\x88)\x84\x82\xbd\x1b\x92\xcc\xd6\xd8\xaf\xc58\x92\x02\xd5\x7f*9\xdf\xd0\xb6\xf1;\x8c\xe7\xcd\xd4\x83_\xe1^4\x9d\xd0\x0b\xe1\x03\x95\x8e\xbe\x98\xee\x85\xb7\x17\xe3^\xf4\xae/\x94\x16L\xf3F\xe8\xa6J fH\xbb9\xdd\\Z\xfa\xa2\xed\x18a\x8c\x96\x8aCG\xee\x8d\x02C \xb0\xb0f\x0c\x99\xed\x80\xbc{a\xfb\x85\xaf\xf8O\xecB\x1dL\x19\xee\x8b#\xe5\x96\xce\xdd\x12.td#\xe1n\xcfWr\xb2\r\xb6q\xf7 \'v\x08\xd5\xa7\xcf\xf7\xf9=?\x95\xca&amp;\xae\xc7_\xfd\xf6\t\xb0\x88\xec\xc9\x93\xf5\x95 \x06;\xf5m\x93^,\x86%\xd0@~\xcbU,\xa6\x1a\xe5\xb0\\\xdb\xd8&gt;}\x16y\xba\xf6v\\Xg\xaf\xd0\x8e}!6\xeb"\xdd\xc0\x0f\xa6\xbbw\xefbI.\x9f{\xe7\xc33g\xee\x7f\xe7\xbb?\xfd\xeaY\x02\xf5\xf8\xf1\xd7\x7f\x00\xd6\x13h\xfd\xc9\xfa\xfa\xfaJ6\x18\x17\xbf\xcdGP\x11S\xb9\\f\xbdv\xb3\xd9v@\xa4\xf1\x1c\xc7\xf1VX)\xd7j\xe3\xed\xf9\xb7\xcf\x92c\xb1]t\x19A\xc9"\xb7\xee\xdd\x04\xd1\xdd\x9b7\xd1\x14\xbf\xbe\xbc|\xeb\x9d\x1f\xdc?s\xe6cP\x11\xd6\xe3g\xd0\x9f\xd7\xd7\x89)\xd1\xca\xfa\xca\xcaJnT\xf9\xa6\x1f[\x84\xe1\x15C\xdb\x96%\xc9\x8c\xdcPQ,\x8e\xd7x\xd5P\x15\xdb-\xd7\x0c\xa36\xfe\x8cb5\x7fva\x86\x95\x98EX\xf7\xe8?\xd1\x1e\xc6X\xb7\xc9\xad\xfbg~\xf6\xf1\xd7\xaf^\x81\x8b\xa0\x9e\xbdz\xb3\xb2&gt;\xa3Z\x89\x95%\x05\xe3\xca\xbb\xdf\x00\xec\xd4[\xc5\xd0m\xb5\xba-[1\x05\x8dg(,\x8e1\xcePZ\xad\xb0V\xab\xa9\xb5Z\xe5\xb3\xed\x05\x8a\xd5\xd9+\xf3\xf1\x85\r\xe9\x98\xebar+\xfd\x83\xdb\x1f!\xf2\xf7?\xbc\x7f\xf4\xe2uLD:\xda\x05\xd6\x8c\x08L\t\x15\x94\xebV\xde\xff\xff\xd7\xd5\xa7\xc8*\xc5\xb4{\x93v\xc9\x96\x85H\xe1y\x94\x03\xa7\xeb\x9c\xe5\xba\x8a\xaa\x1a\x003j\x95\x8d\xed\x858XdV\x0cu~\xf6~\x83{\x17\xa1{?\xff\xe0\xc6\xf2\xf2G\xe7\xce\xdd\xbau\xf4\xf4\xc5k"zM\xfak6K\x89\xca&amp;T\xb9\x1c\x8ec\x05\xa3\xe2\xff\xbc\x93\xfe\xd4[`*ZrTj7\xa7^(E]\x93\xf1&lt;\xaf\x02K\x0b}\xdf2tn\xc6U\xde\xb8p\r\xbd\x90`\x11\x13\xf4K\xd8\x05\x11\xdc\x9d\x0fn\xfc\xe6\xf6\xf2\xf2\xa7\x9f\x1e\xad=}ML/HG\xbbY\xe4)\x9b#.X\x94\xcb\xe7\xf2\xa4t\x1a_\xf0\xaa\x1aT\xfe\x1bY\xbc\xf6\x8a\x96\xd6jO\x07\xd3\xb6/\xf3r7\x929\x95q`Q\x9cI)D\xcd\xeb({p\xd5*Ncc;~\x93\x08\xb8`\x14DC\x04\x13\x9e\x91[\xbfxp\xe3\xf2\xe5?v\x0e\xd7^\x10\xd3\xd3\xa7O\x81\xb5U\xcd%&amp;e\x13\xaa\x18\tJe\xa0\xea\xee\x9b7{\xd5\xd1\xe8w\xef\xfe{g$;_YUz\xf5AgP\xf7\x15I\xd3\x84\xc0\x968\xb8e\x10\x95\xaf\x00H\xd5\x19\xedA\xb5\xb2\xd3\xf8}\x11\xc9_\xb8D}\xfa\tP\x88\xe7*\xf4\xe8\xfc\xf5O\x1e]}H\xef\xfe~\xf0\x17Pa\x86\x04E\xea\xf4\xd3\xb9\x95,\x8c\xc9\xc6p`\xca\xa7\xc1\x93\x12R)!\xd3\xdf\xea\x14\xaa\xb9\xdcpo\x18\x14O\xee\x87#\xa3*cK\xd3Z\xf5\x019\x85D\xf1\x9a\xd8\xed\xda4CM+\xbb\xa5\x91\xa61\x03\xd3D\xca\x103\xa71.\x97\xd5\xca\x06\xa2\x1f\xdf\x13\x1e+\xb6\xec\xfcu\xac\xcbGt\x9f\xcb\x8f\xbe|NT\x80Z\x8b\xd5\xe9g\xf2\xd9\\:On\xc1\xac\xc4\xa8L\n\x12\x84n\xa1\xb3\xd5\x17\xc0\x88y\xe6\xf2\xa3\xca\xf1v\\\x1c\xbb~K\xb0K\xcdA\xbd\x14\x99\x1a\xd35M\x12\xba]\x93Wy]bv\xc9\xd55IbF\xcd\xe0\x99\xc4\x14\xbf16\x0c\xce\xb2\xca\x14\xfd\x85\xd3\xe7\x7f\x98L\xef\x11\xa0\xae_\xc0\n=\xff\x93;w\xbe|\xbe\xb8\xb4F&amp;\xad\xad\xae\xe28\x9c\xa9\x8c\x1c\xbb\x00\x00\x04\xa1IDAT\xf6\x89\x88RtB\x95!*A\x10\xc5\xa8\xd0\xd9\x0c\x04R*\x85\x9f\xe7\xd3\xc9\x87\xec\x15\x8b\xae\xef\xb4\xcc\xc8k\xb6{\xad\xae\x00\xaf\x00!GAJ\xe69\x9d\xf1v\xc9\xe7u&amp;I\xba\x81\x9a\xf7{\xfdv\xdd+A\x8dF\xc3i\xec\xec\\[\xb8@X\x80\x8a\xad\x9a_x\xef\xca\xf7\xfeAP\xab\x89K\xab\xa4\xc3\xc1do/\x9b\x9dA\x11\x15\x8doF\x95\x9at6\xa3T\xaaK\xceQ\xce\xd2\xe9d~c\xb7\x15\xcar\xab\xbd\xe3\x0bA`\xc3"\x8ei\xb2\xd8\r\x04\x89\xc7\xb3\xd6\xa4\xa4p\xd6\xa8\xd5\x8a\xec\x16\xf6\xc6\xfaf\xbd\x1e?\xea;\x1e\xb8\x9c\x8d?\xfd\rk\xefb2\xbf\xf9\xf9K\x97~\xfc\xf9\xfe\t\xd4\xea\xea\x12\xb48\xa8\xb7\x0b\x07\x07\xbb\xbb{{+q\xb0\xf2\x84E\x08\x84eN:[\x01|\x02N\xcc\x04\xcda\xf1U\xdc\xc84y\xc9\xaf{#3\xa8F&amp;]\xefq\x14\xf8\xc0F\xb2\x98\xdf.)a\xcfkO\xc8\xa1\x92\xef\xf8\xf6\xd8\xb4!\xaa\x7flPeg\xbf\xb9\xfd\xf2\xea=z\xf3\xdb\xfc\xc2\xa5\xf7\xbe\xff\xf7c\xa8\xd5\x84\tTM\xc7N\xa5\xf3\xc3\xbd\xdd\xc2\xc1\x9b7\xbb\xd4V\xb4\x0631GJ\xec\x0f\xa6Q\xd4/\x14\xf6\x86\xd5|\x12\xb6\xcc\\\x11;\x8a\x8de\x87\x15\xe8\x85\xa0\nLYQ*\xa1\xdb\xebW\xab]\x99\xe3\xe4\xd2f\xbb4i\xb7=?\xb4M\xd3T"\xb7lp\x1c&amp;\xca\xa388\x95\xd3\x1a\xd3\xa6SQF/\xbf\xf8\xe2\xfa\xe9_}\x0e\xa6\xff\x80Z\xc4\xf1\xbc\xee\x9b\x02\xbc\xa0@\x0fw\x0f\xe0\xda\xdep\x08\xb2tP\xcd\xe7\x83T0\xe8LJ\x93I\xbb\xb0\xb9Y8\xd6\x9c\x12\xd9&amp;\x16\x99\xec\xd4\x1b\n\x8b\xaa\xc0\n]\xdfw\xed\xa8W(\x04\xa6\x16z\xd3f\xdbs\xb0\x0f\x81\x82\xd7\xe5V\xcb\xb4\xb0;r\xb4\x02$]\xd2Mo\xd0\xc4\xbaUUk\xf42F\x82\xfeEE/\x16\xf7=W\x11\xe3\x81\x91=yt\xc0\x1e\xd8v\x0b\xbb\x85\xc9\xa4P\xe8W\xb7\x0e\xa7\xedRk4\nzP\x95\x1e\xd5\xde\\d\xf38\x85\\jz\n\x07\xb3\xaa\xb6E2x\x19\xb6NJ\x8e\xd7lT\xf0Z\xe3yj\x06\xd3\x8dB&amp;\xf1\x86\x8a\xd9\xa2\xd7$\xa9\xdb\x1eL}\xcb\xd2\xf13\xc3\x1f,\x1d\xce\xa6\xb6z\x0c\xb5\xb8\xf8\xbc\xd9p%1\xa9\x81$8\x99\xb8\x16\x02L\xad\x1f\xf4\x0f\n[\x9dM\xbf\xc2t9\xea"\xfc$S\x14\xc49E\xd2u\xcd\x9e4\x1b\x96\xaaE\xd5aWc\xd8\x96UU\x97\xbb\x80v\xbc\xba\xcfpU\x83\xa9\xf1\xe8w\xc5\x0e-\x98\xc68l\x8d\x06X\xec\xd2tPwu02^\xd3G\xfb\xab\'\x83\x9b1\x01\n\xc3\x97q\x1e,}\x1c\x99T\x0cF\xe9F\xa6dI\xcc\x0c\xb7:mS\xd2t\xc9L\xa7EE\x96EQ&amp;\xb49\x95\x93$\xdbk\x96P\x94RwX5Y\x99\xa7\xd3"\xf0\xd5 \x9a\xd4\x1d\xc6\x83\x84\xe9:\xb0\x98R)s(.f\x11V\x99\xd9\xde`\xe0)\x98%\xc4K\xac7X];\x9e\xdc\xcc\xa9}\xcf\xf1C\r\x91\x14E`\x89\xd4K\xb4\xcf$X\x82(\xa3E;\x05S\xd64N3\xf3i,;Y\x94c\xb49\xd0\xf4\xea\xf0\x84q\xbc\x19\x0c\xab\xa2\x12_\x85\x1a\n\x9c\xeb7\x9b\x8ee\xa1\xb8t\xec@\x8c\xd3\xa5\xf8Z\x90\xc1\x1al\x92\x96\xa5\xecP\xact\xb4,\xc3\x9f+\xb1~g\xeddt\xc7\xe3\xf3\x9d\x91\x84\xbf&lt;\x95\x93\x18?\xa80S\x94\x7f\x98\'\x98q\xb7\xcb2\xfe\xad\'\t\xd5@a\x84\x85\xdf\x97\xa59Ir\x9au\xdfB\x9ey\xa1:L\xcbt\x16\xac5\xb9\x8f\xa1O\x9d2\xbc#q:\x01a\xe5\xa9h}]\x03\xac5F\xd8\xdd2\xe30\x00\x89rf\x01\xeb\x04j\x89\xa0\xc2\x10^\xc92\xcc2\x85\x19[\xd2\xe4\xd4Q\xf8\xd6mO\x0f\x86]A\x96\x10\x1a%\x95K+\xbc%\xc91\x96&gt;\xa74\x9a\r\x9b\x190\x80\x17\x86C\xa0co1\x8c\xb0\xdd9\xea\xd4[\x12\xa3\xa0\xf3d\x12\xba\x80\xd0y\xba\xa0\xd0\xe0\x8f\xd2\x00\x95\x05g-FnI\xb2\xd2\x1b U3\xa3\xf6w\x9cPq\x1b%\xdbTd\x13!\xa6CL\xbe&amp;[\x0c\x86\x1aln\xf5\x83|\x1aXX\xc8R*\x97\x97U\x95\xd1\x0cS\x12\x9b\xf3v\xbc\x8a*[5\xc3b\xdd\x95\xa1)\xa3\xc1p\xaa\x9d\x0e\xec\xb55\xca\xb7$#Y\xf1\xf8\xe2\x012KQP\xa4\x8a7\xd8w\\w\xe4\xba\xe3q\xe8\xbahW3\x9a.-\x1d\xc2&amp;05B\x85\xd7Z^\xc9F\x88\xe9D\x08\x17\xbe\x99\xf4L\x8c\xc9R\xa6\xd0\xdf\xda\xea\t\x99|F$\xb7x\xc22U\xb5\x0c.!%Y\xff\x04\xb5\x06\x03\x94V\xe38\x0b\x00\x00\x00\x00IEND\xaeB`\x82'</t>
        </is>
      </c>
      <c r="M55" s="3" t="n">
        <v>45492.67672453704</v>
      </c>
    </row>
    <row r="56">
      <c r="A56" t="n">
        <v>145063</v>
      </c>
      <c r="B56" t="n">
        <v>1955</v>
      </c>
      <c r="C56" t="inlineStr">
        <is>
          <t>Everton Ribeiro</t>
        </is>
      </c>
      <c r="D56" t="inlineStr">
        <is>
          <t>Everton Ribeiro</t>
        </is>
      </c>
      <c r="E56" t="inlineStr">
        <is>
          <t>MC</t>
        </is>
      </c>
      <c r="F56" t="inlineStr">
        <is>
          <t>MC</t>
        </is>
      </c>
      <c r="G56" t="inlineStr">
        <is>
          <t>MC/PD</t>
        </is>
      </c>
      <c r="H56" t="n">
        <v>174</v>
      </c>
      <c r="I56" t="n">
        <v>10</v>
      </c>
      <c r="J56" s="2" t="n">
        <v>32607</v>
      </c>
      <c r="K56" t="inlineStr">
        <is>
          <t>Left</t>
        </is>
      </c>
      <c r="L5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345ea4a-4455-4511-8044-230f3ac4b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0\xa0\xcb\xc4\x00\x00\x03\x00PLTE\xff\xff\xff\x03\x03\x02\xf9\xf9\xfc\xf3\xf4\xf9\xf4\xf5\xfa\xff\xfe\xfe\xf1\xf3\xf8\x05\x04\x03\xf6\xf7\xfb\x08\x07\x05\x0c\x0b\t\x10\r\n\x0b\x08\x07\xf8\xf8\xfb\xef\xf1\xf7\xf9\xfa\xfd\xf7\xf8\xfc\xda\xdd\xe9\xde\xe0\xea\x11\x10\x0e\x02\x01\x00\x16\x10\x0c\xfd\xfd\xfd\x1b\x18\x17\x16\x14\x12\xe0\xe2\xec(\x1e\x198(\x1d5%\x1b\x1b\x13\x0e\xdc\xdf\xeb\xe1\xe3\xee\xe9\xeb\xf4\xec\xed\xf5?2*\xed\xef\xf6\xe2\xc1\xab\xfa\xfa\xfa!\x16\x10#\x1a\x15RA8@.%M&lt;3K7-F2).$\x1e\xde\xbf\xaa2&amp;\x1f9,#\xe2\xe5\xefE6-y_S=+"\xb8\x82c\xda\xb5\x9f\xe4\xe6\xf1\xd5\xb6\xa4,\x1c\x133!\x17\xdd\xe0\xec\xd7\xaf\x98\xfa\xfb\xfd4*$\xe6\xe9\xf2/ \x18;.\'`LC\xcd\xa3\x8e\xd6\xda\xe6M4)\xe3\xc3\xb0\xe0\xb7\x9f\xd1\xae\x9a\xd9\xb3\x9aWD;^B6\xc1\x9f\x8c\xbc\x85dZI@R=2\xe4\xc6\xb3\xa8x`\xbd\x89i\xbb\xbf\xcdY=1iSG\x7ffZ\x1f\x1d\x1c\xe5\xc8\xb7#! sYLaI&lt;\xc7\x97\x81\xee\xed\xedmWK\xbd\x98\x83rSF\xf6\xf5\xf5\xd8\xdb\xe8\xd1\xa7\x96\xd4\xb2\x9e\xcb\x9e\x89\xa8\x87w\xb5\x92~\xb2\x7fb\xcb\xa8\x94+(&amp;632H:2\xb2\x82j\xf2\xf1\xf1\x9audT8+\xb6\x94\x84\xd2\xa6\x8f\x91rd\xc0\x9c\x87\xd1\xab\x92\xa2zf(\x18\x11\xe1\xbc\xa5\xce\xd2\xdf\xd1\xd5\xe1\xd4\xa7\x8a\x90m\\\xc0\x8do\xbf\x94\x80\x8coa\x87iY\xa2\x83rzZK\x98yj\xdb\xbb\xa5\xa0pX\xa7~kD/$\xc6\xa4\x8f\xc7\x9a\x87\x99q^\xdd\xb2\x98\xb5\x86n\xcb\xcf\xdc\xbc\x8fz\xc9\xad\x9b\xac\xb2\xc0\xe5\xe4\xe4iNA\x9c~p\xbb\x99\x87\xe9\xe9\xea\xad{bdPH\x8d\x94\x9f\xd4\xd7\xe4\x88cR1.-uy{\xdd\xb7\xa4\x81aQ\xae~g\xc8\x9e\x8e\'$"fD5\xae\x8d{\xe1\xe0\xdfB@&gt;\xd7\xab\x93\xb4\xba\xc7sN&lt;\xd9\xbd\xab\xd2\xa2\x86\xc0\xc5\xd2\x84ma\xc1\x94u\xc6\x8fl\xb0\x87s\x8c_Jp[R?(\x1c\x97\x9e\xac\xc9\x96v\xa1t^\xb9\x8aqjI&lt;\xc7\xcb\xd9\xc7\xa8\x95\xcd\xa2\x84\xc6\xa1\x89\x80WC\x99lV\xdf\xbc\xac\xcc\x9bz\xc5\xc9\xd4\xc3\x92{\x96fT_a`\xdd\xc3\xb2;86\x90xm\xc6\xc7\xc7I.#\xce\x9e\x7f\x96\x95\x92\xda\xd9\xd9\xac\x83m\xdb\xb8\xaa\xa6\xab\xb9\x9e\xa5\xb2JFC\xeb\xd4\xc6\xb5\xb5\xb3\xcc\xb2\xa5\xd8\xab\x8eggg\xc0\x8eu\xd1\xd1\xd1\x8fgY\xe7\xcb\xbb\x7f\x85\x8a\xb6\x8cx\xee\xd9\xce\x84\x8a\x95\x80\\LgnrtcZ\xe2\xd6\xd0\xd3\xcb\xc8\xbf\xbe\xbdoss\xbf\xa2\x94\xa7\x8e\x81\xb1\xab\xa9\x8c\x8b\x89dYRx~\x86\xc5\x9d\x80omk\xeb\xdf\xda\xdf\xc8\xbdOON\xce\xbd\xb2\xbc\x81|\xe8\xce\xbf\xa2\xa5\xa4\xb4\x9d\x94\x87}x\xa1\x9e\x9cVWU\xc1\x88\x86\xdc\xbb\xb4\xc7\x93\x8f\xf0\xe7\xe2\xb2ww\x88YV\x98\x8a\x83\xa6ig\xbd[\xe1,\x00\x00 \x00IDATx\xda\xc4\x98\xddOS[\x1a\xc6m&amp;M\xb3?\xbc\xdat\xef\x1d\xda\xde\x98\xb4\x80@4@\t\x90\xc6\xd4iH\x10\xe4\x986`\xa7\xe5\xe3\xd0T\xb4\xc2i\xc1\xaap!E\xc4\xa8i\xd30)J\'\xe1\x1b\xa7\x10C\x8e\xe8\x10\xc0\x8c\x11\x88"\x07)Cb\x98\x01\xcc9\x899\x91\xe3\xd0d\x88LB\x84xs2\xef\xbb6\xfc\x05\x93\r\x0b\xdbZ\xb8\xe0\xc7\xf3&lt;\xeby\xd7\xea\xb1c\xff\xf7R\xf2\xc7y\x97&gt;\xb6\xb0\xb4\x14\x8b\xc4\x96b].=\x7f\xec\xa8\x97R\xa9\xd4\xbb\xaab\xbb\xbds\xab[\x89\x9f\x13\xbd[\xbd\xf1O].\xfeh\x91x^\xef\xf3u-\xedl\xf5\x0c\xbf\xdf\xae\xe7\x04\x0e\x960\xbf\xbaR\xa5W\x1e\x19\x15\xafw\xb9"\xeb\x1b?\xaf\x0es\xdcpbg\x8fS)\x92T4\xcdR*ak\xe1\xa8\xc0\x94z=@m\xf6\xf6p\x1c\x90\xd4\xed\xd5SI*\n\x96JE\xa9(\xb6g7r\xfc(\xb8xW\xd7J\xef\xde\xf60\x07\x1c*\x8achU\x12 \xe1\x1b\x05,\x95\xca\x9e\x88\xe8\x8f\x00\xcb\xb7\xb3\xd7#p\x0c\x92$\x01\x0b\x07\xcf \x17\xbcS\x80\x93*\x05K\xd9W#\x87\xafUW|H\x10\x85!\x9a\xc8\x83\x8f$X\xa8\x92\xa4\x15\xbcP\\o\xc4u\xb8&gt;\xf2\xbe\x8d-\x87\x80\xce\xe1\xa2X\x82\xa5H\xda\xa7"`I\n\xda\x91X\xaf\xe2\x0f\x11L\xe9\xda\xf8\xad\x8e\xa5\xc8\xa6\xa3(\x162\x8f\\\xe8\x1f\x18H\xa1|D&lt;z~g%rh\x1bR\xa9\xf4}ZuP\x14#0,M\xc3C\x10i\x15\x0b\x89\xe7\x90\x8b\xa5\x01\x94\xa2@:\x05%n\xc5w\x97|\xfaCQL\xa9?\xbe\xb0\xea@\xad8N\x84E\xc3\x03*\x82V\xa8D\x06x8\x1a\x17P"\x970\xff~ns#v\x08\xa5\xaftum\xf4B\xd4\x19N\x10\xedCC\x02Gs\xa2\x1d\xf4\xe2XQ\x80\xb4qj\x91\xc3\xa2 \x8e*(\x9a\x13\xf6\xe2\xf1\r\xd9+Ly&lt;\xb2\xb2\xd7\x03\x14\xa2\xc3!\x0c\rA\xeeiZ\x14\xec(\x9b]\xb0\x0b\x9c(0"\xcb*\x90\x0b2\xc6\xd5\xd99\xba\xe7\xb7\xad\x15\xb9\x13\xc6C\x89\xce;\x00\x00\x94\x12\x1d\xa0\x0f\x12\xe2\x0b\x03\xef\xec"\'\x08\x907:\t\x86\x10\xc7\xb2\x14\xcb04(\xe6X\x8d\xc9\x8c\xe5\x8bm\xee\xd5\xd7;\x1c`\x1f0@\xe09\xf8\xb5\x0c\xc4\x0c\xec\xe2 \xed\xa2\x00!ca\x1b\x92\xecAMP\x14\xcd\xd0\xf5+&gt;y\xe3\x1e[\xef\x9d\x1f\xea\xa9s\xf488\x06k\x8b\xc2}\x07\xcdE\xa3:\xd0\x0c,\x07o\xb1\xc4\xe0\xfbv.I!u,\xd7\xbb$\xe7$\xe2#\x1b\x899\x070\xd5\t\xf8\xeb\xb1\xcb\xf7k\x9e\x02(\xcc9\t\x15\xb6\x16\x10\x8a\x94\x02{\x02~\xca\xd6\xc7e\xe4R\xea\xd7\x13s\xef\xb1\x10DL\x90\x02Z\x80\xc0\x01\x83\x82 \x919\xb4?\x89\xc0F2\x84\xf0\xbf*Z\x98[\x92\xaf\xbe\xaaVV{\xec\x0c\xc7\xb0\x0cZ\xa7@\xb5T\xd2\xfc\xd9G\xc2o)\x0e&amp;\xa4\x8a\x82"SH\xb3\x92b\xe6\xba\xe4j/\xa5\xef\xeb{\x01\x89\xc8\x11\x86\x8cd\xcc\x16.r\xce"\xb6&amp;\x91\xa1H4\x82\xb4\xb3\x12\xa2\x8ae\xb9\x84\\\x83\x9b\x8f\xf4\xd6AOI\xc7*iH\xd3\x8c:\xc5\xa0\xd3\xe9\xd4\x0c\x8dp\x92k\x07\n\x01\x0cM\x06%\xec\x00\x9a\xae[\x90\xa9\xbd\xf8\xf5m\xa8G&lt;0\x10\x9dXF\xa73\xa7\xe5dd\xa4\xe5\xa4e&amp;\x03\x1d\xc3\xb0\x07\x89O\x82\xb4\xe1\x11\x1aw\xa7\x8a0\xb2tB\x9et\xf1\xbe\x85a\x91&amp;n\xa1wj\x839\'\xa3\xa2\xa6\xa6\xb3\xc6Y\xe3\xacH\xcdJ3\xa7\xe8\x90\x8c\xa5\xa4\xd3 \xd8Iq\xa4C\xd0oJ\xa4\xb7\xabd\xc1\xd2\xaf\xef\x02\xd6\x81R\xf9\x9a\x07e/\x9c\xdd\xa1\xa6P\xa8!\xd4\xd0\xd2\xe6\xacN\xfd!M\x93\x9c\x02~\xb2\x07&amp;C\xd9B\xd8i\x05jG3\x8e\x05\x97,\x81_\x8f\xd7\x93S\x02L\x15u~zE{K\xc3\xfd\xe8\x807\xec\xf5z\x07\x06\x9a\x1a&gt;\xf4\xb7;\xcb+\xca.dh\x9b\r\xfbdD(b:&lt;\x8b\xe2N\x97,X\x0b[\x02-\xed=C\xce\xe3\xee\x16ox\xca\xeb\xf1D\xbdF\x0f`\x01\xd8d(\x14\xfa\xd0\xdd\xdf\xdeYR\x98\xd3\xacc\xa8\xfdZUH\'C\x15\xcd\xf4\xca\xe1\xa2\xd2\xb79L\x93\xed\xc7\x1a\xca\xfa\'\x07\xbc6\x9b\xcd\x83\x0b\xb8&lt;\xd1\xa8\xd5j\x9d\xbc7\x19\x9a~\xf3\xfc\xf9\xab\'\x8f\x1b\xc7\x9b\xd54\xa96,\x07R&amp;4\xb7\xea\x93\x01\x8b\x8f%\x04\xa99\xd5\x85\x1f\xad\x03Qci)\xe1\xf1\x18\x8dF\xaf\'j\x8d\x02\x16\xaci\xc4z\x01\\\xf9\x98\x7f\x9a\x81\t$5-\xdc9\xe4\xc0\xfa\xc3\xa79)\xefLA\xfbt4j\xb4\x95\x02\x8f\x11\xa1\xf0\x85\x086yoz\x1a\xe4"X\xef\xc6\x9b\xa12XV:?\xa3\x8d\xdc\xae\x1c\x85\xeaZ\x18f\xd1BF\xd7\xd8m\xf5x@\xacR\x14\x0cW\x98py\xac\x93VPKr\xb1\xacp\xbc ?\xdf\xa0&amp;5\xaf \xa3J\\\x91\x03K\x1f\xdb\xc6]H\xab\xb5O\xa6\t\x95\x11\xc9\xc82\xdal\x08\x16%\xf1\x92\xe4*+|\xa05\x17\xe4\xeb\xd4\x14\x19\xe58\x1a\xb8\xb8^\x16\xac\xf7\xb0\x0b\x19F\x07\xc92\xee#A\xeam\xe4\xc9f\x0b\x1bI\xbe\xee\x11\xbd^=)\x01\x17A\xaef\x03p\x91\x96\x87?H\x96\xc8\xebc[\x10\x15\xb5\xce\\\xf2\xc6#Q\xd9lc\x81\xb1\xb1@\x00\xa0\x02\xf0\x1c\xf6F\x07\xac\xc8\xf5\x86\xecE\xe2b\xbe\xc1\xc0\xa8\xa4\x0f\x04(vxI\x8e\x9d\xd8\xb5E\xb3\x8c:9\xab\xc6\x8aX\xb6\xd2\xd2\xb1\xb1\x89Y\xf8\x9a\x08\x04\xd6\x02kk\x81)\xef\x80w J6\xe3&gt;\x16\x91K\'}^\x02\r\xd1\xb3\xce\xcb1\x12\xbf\xaa\x19\xb5\xee\xd4\x05\xc9\xc31\x84z\xe9\x1f\x1d\xf5/N\xbc~M\xb8\xc2\x03^/\xf6\xd7\xbd\xe7\xaf^A\xb8\xdei$.\x90\x8b%X\xe2\x8a\x1cu\xea\x8a\x8b\x8c\xe1\xd4\x89\x92\xee(\x8a\x05T\x8b\xb7F\xce\x99\xfc~\x7f\xb02\xf8z\r\x16\xca\x05\xf9\x8a\xee\xbb\xf8n\\[`F\xb9\xe0\xae\x8br1\xf2`\xe9\x13j\xc6p6\xab\xb3\xc5SZJ\xc4Z\xbc\x95\xdb\x97k\xba\xe9\xb7\xd4V\xc2\x022\t\xcb:I\\,{7~ \x179\x88\xb1\xb4}\x93\x97C\xad\x84Z\x97\x9c\x91\xda\x1f\xf2\x10\x0b\x01k$wy\xb9\xc8_t\xd3_\x8b`\xaf_\x87a8\x92\x96\x90\x9aK\x92\x0b\xca\x0b\xb9\xe0\x0c\xb1\xbd.\xc3=\x83?\x1e\x17R\xce\x9e,o\x0fE\xd1B\xa0Z\xf4_\x9a\xc95\xb9\xdd`\xa4\x845%aAE \x16q\x11\xb8\x00K21\xee\x92\xe3\xfa\xa3\xdfI\xce&lt;Y\xec\x04\xb5\x08\xd6\xec\xec\xa2\x1fM\xf4\xbbMn\xbf\xc5R\x1b\x0cV\xaey\xc3\x03(\x16`\xbd\x00\xac\xc2q\r\xcae\xd0\x91\xa9\xad\x107e95\xf3\x9b\xa7\xce\x16Wg\xb7\x10\xac\t\x10\xeb\xa5\t\xb0\xfaF\xfcn\xbf\xdbb\xb1T\x02\xd6\x14bI}\xfa\xb8\xa4\xb0\xf1\xc1\xf8~\xa5\x92\xe3\x97}A\x96\xbb\x0f\xbf{\xe6Dqu\x7f\xcb\x80\x11\xa8fg\xa1\x1aL\xa6s&amp;\xd3\xc8\xc8M\x8b\x05\xe5\xaa\xad\xec\x98\n{Q-\t\xab\xb1\xb1\xf0\x81T\xa9j\x06\xcf\xf8\xc2\x86\x1c\x1e*\xf5\xf1\xd3?t\x96\xf7\xb7x\x8d\xa5\x13\xb3\x8b\x8b\xa3\xb7L\xe7FL\xb9\xe7\xa0!jk\x01*X\x0b5\x11\xc6\xd4cq=yQ\x02.\x16\xe6h\xa4p\xa1\\\xc2\x8a\x1cX\xbc\xeb\xf7\xac\xd4\xf2\xec\xb6\xc9\xb0-\x80bAi\xf5\xf5\x91p!\x96%XYk\xa9l\xed\x98B\xc1B\xcf?\x12\xac\xc6},\x1dC\x83\\\xf6\x05Y.\xfc\xae\xdfOV8A,\x18\x800rn\x99L\xb933\xcb}\xcb\xcbn4\xb06Xiq\xd7\x06[;\xc0H\xebt\xf7\xc7\x9a\x17\x15ee\x17\n\xd3\x10\xab\x99\\\xd5TvyLt}=\t\x166\x85a0O,\x8e\xfe\xeb\\\xdf\xcc\xcc\xcc\x9f\xbe-/_\x82\x8d8\x18\x0c\x06\xddE \x19\n\xd6\x14\xfa\xd0\x0fX%%e\xe9\x0f4\x07\x15\xc1RC\x1brD^Y\xf5c\xb1\xb3\xe5\x1fSp^\x18\x9bxyk$\x17\xb0\xde~\xf9\xf2\xed\x1bp\x91h\x15\xe5\xb9\x81\xae\xb5\xf5\x97\xa6PK\x7fMg\'\x80\xa1\x89Z\xb39\x05\xb9\xa8\xbauy\xb0.\xfe\xb1\xbd\xe1\xd9S8\xc2\x04fG!\xec\xcb\xdf\xbe\xbd\xfd\xf2\xf6-`\x15\xb9A\xae\xc1K\xcbE\xee\xc1\xc1\xef;\x9e55\xb4t\xb7\xc3\xa5\xb6\xb3$=G[\x00_x{\xa4\xa9zY&gt;\x13\xe4#\xbfVw7M\xe1\xc9\xea\xe9\xcbQ\xcb\xf7\x8f&gt;\xff\xf9\x9f\xb0\xfe\x9b\x97WT\xe4\x06\x9e`\xde\xf2\xa5\xab\x80u\xe5\xf2\xfd\x86\xebm\xd9\xd9\xfd\xed5\x80U`.\xd0j\xcd\xc9\x06\x1dM\rw\xc9\x81\xa5\x8ce\xd7\xb45\xad\xe1\xa9ob\xf4\xe5/\xfd\xd5\xe5\x7f\x83\x7f\xbf\xfe\xf4\xf0\xf3\xe7\xf3\x7f\xbfz\xf5|k\xder\xd1\xe0\r\xa0\xbas\x17\xa8\x9cNP\xab"=M\x8bX\x05\xe6\x14\xe8\x88\xe1\x98,&amp;.e\xd7\xf4\xdf\x07,c\xe0?\x1d\x0f\xdb\xb2\x8b34\xcd\xcd\xcd\xe6\xb3\'\x9dw/?:?x\xa3\xd5\x9dWt\xfe\xca\xe5\xeb\xd9\x7f\xf9\xae\xf8\xbb\xe2\xd4\xd4\xd4\x0b\xb024\x88\xa5\xd5\xa6@G\xcc\xcb\xa3V\xe4GH\xfc\xd3\x80\xcd\xd8\xf1\xecnv\xf6\xc5\xeb\xd5\xe99\xf9\xe6\x14sNV\xf5\xc3\xbf&gt;\xba\xd1\xdaz\xb5\xe8\xfc\xb5;m\xce\xd4\x13\x99\xc9)\x99\x99\x99\xa7\xce\x9e9\x9d\x95\x05.\x02\x95&amp;\x19\xb0d1Q\xc9/\xfd\xd4\x8eX\xc6pSK\xc3\xed\x8b\xb7\xff}\xeda\x9b\xb3"=#\xe3B\xe7\xc5\xcb\xd7\x00k\xf0\xea\x95;\xb7\xcbS\xcfd\n:\xb5\x90\xa2\xd6\xe9t)\x99\x9a\xd3Z\xc0\xd2 \x163\xff?Z\xcd\xef\'\xad4\x8d\xe3Wd\x13\xf0\xae9\x9d\x86s\xb8!\xf4\xc09\x1c\x07\x82,\x11B\x0cB\x80"\xaet&amp;h\x0c\xa0\xd0\xf8\x83ub\x0b\x8a\xfcH\xa4\x88\xb8\x1e\x96\x1faS\xecN\x13&amp;R\x83-q\x8c\x065URP\x8cv\xd2\xe8\x0c\xbd\xe8\x0c;\x8bKc\xda\xed\xb4\x93\xc6\xb4\xdb4\xed\xdc\x986\xfb\x9e\xb6\x7f\x02\xbc\x17\x84\xcbO\xbe\xcf\xf3~\xdf\xe7y\xce\xd3\x98\x94\xbfu?\x14\x8d\xaf^\x8d\x83\x8c\x9es\r\xdb;\xef\xde\xed\xb4\xe7\x1c\xc1t\xd0\xef\x18\x1e[\x08X#\x13\xb9T\x7f\x17!\xe0\xb2&gt;\x9fs\xa0&gt;\x13\x08\x14\x80\nf\x9ec0n_k\x88Z}\x1fB\x8e\xad\xd5\xab[9\xd2\xe1 \x13\'\xaa\x91\x91\x93D\xdc\xb3\xe9)\xe7\xecV\x15\xb8\x8a\x0bv\xcf\xb1Yo\xe0cb\x8c\xe0\x13aL\xd8\xccDQ\xa6\x80\x12\x0bV@g\x18\xf7\x1a2\xdf:\x7f\xebC\xda\xb1u\xe7\xeaVy\xb1L\xc6\xb7\xb6\x02Vk\xcd\x03z\xfb\xd9r@\xe5\x96\x94ZG\x16j\xd5\xa4Yo\xb6\xd9\xd2~\x7f0\x04L\xab]\xc8d\xb1\x14\xc0\xb7\x80Z\xc0O\xef\xd5\x7f\xbcE\xbb\xf2\xe4\xe5\x93\xfbA\xf2\xea\x9d\xd5_k\x01\xf0\x1c\xc7\x03\x9dw\x9f-\x92\xa9\xa5\xed\xb5\xcd\x84|^s\xb140A\x86\x00U\x8b\xdf13\xe3q\x04mz5\x8c\x08\x98\x9f\xe5b\x9e\xa1\xd3\x7f\xab?V\xdf\xb3\xc4\xe2\xef\xf7\xd3\x9e\xad\xd5\xd5\xd5\xc0\xc9\xea\xd6\xcd\xf2\xf4\xd4z?\xdf\x98_ZZ\xda\xcf]\xe0\xf4\xf6\x96\x06\xacQ\x9b\xde\x90\x0cV\xfd\xc3o\xc7\x9e\xcf\xb4\x98\t\x99T\x86\x80+Iaq\x19t\xfa\x7f\xea\xfeR\xd3\x9e|\xbb\xb7\x97\xf3\x87&lt;\x80\xaaP,\x9c\xc4\xf7\xf3\xeb/\xdan\xff\tR\x84\x9d\x99\xb5\xf2\x05Mo\xef\xbc\xbb\x164\x1b\x0c\xb6\xe3\xd0\xdc\xf0\xd4:\x0f\xc7\r\x04"U\xc0B\x81\xe03\xd6\xb9?\xea\xee\xa6\xb4\x977\x13\xe3\xe39\x13\xc0\xda-LN\xee~\xbd\x19}\xfe\x01\xf3\xb2\xa4\x1d\xdd\x1b\x07\xdb\t\x89\x8f\xc3\x91\xa8r\xc7F\x83!\xa9\xd7\xe7M\xef\xfe\xc5\xa0\x7f\x81r\x99\x00\x0bk\x17~\xc2j\xfa\x0e\xd4\xcc\xb4\xfa&amp;\xfd\xd9\xd3\xc0\xc2\x80N\xd5Oa-W&amp;\x0f\xefX\x02co\xef\xeb\xd5\xc6\x9ePfi\xbf\xa8\x05G&gt;T\x0e\x19\xd5j\xe3\x86\xf3\xfe\xb3\x0fm\x10\xab\xf9\xbbf\x16*E0L,\xa6\x0c\x82\xd1t\xef\xa7k?\xd5y7\x82v\xaa\x1a\x18\x1c\x1c\xfc\x845y\xb8\xbbzR\x18\xf9G\'\xe9\xf7\xa7\xa8\x8cwW*\xb1\xd8\xb8\xa5\x1cr\x1e\x1c8C\x8e\xe1\xebo\x95\x1b0\xa1\xe4\x89\xa5R\x99\x10pQ)\xcf\x80D]\xa3\xa2\xae\xa7u\x9d\xcd\xd3^\x0eH\xe6\x07/\xf48V\xef\x1c\xee\x82S8,\x8c_\x18\xa9}\xb5\xb3\xb6\xb6\x16\xb5\xc6*\xd9X\xa5`)\x1f;\x0f\xc2\xc6\x9e\xe7v\xfb\xf0\xccTK\x0b\xa8\x1f\xa8gG\x1c\xfe\xa4\x16x\x1b70\xe2\xf1\x95\xfabe\xe7K\x92\x0b.\x80\x05\x88\n\xa0\xbd(\x14\x8a\x81\xf8W\xb3\xfb;d@\x17\xabh\xb5\x95\xa1H\x8e\xc2r\x9af\x16se\xcfN*\x947\x86A\xfc\x900\x01~`.\x8aa\xe0\x9f\xccp\xad\xbeA\xcc\x96J\x92A\x80u8\xb9&lt;Y\xa9T&amp;\x0b\x96\xbd@\xadV\x0b\x14\xc7c\xdaXL\xcb\x91\x0cDri\xa3:\xec\xb4\xf9\xcb$Iz\xfc\x00\x8b\x1f\x0e\x87\xb10\xf6\x11\x8bI\xe0|\x91XJ\xd4w\xc4u\xe9A\x89#\x1f\nzV\xc1=\x94\xc7b\x14\x188\xee\xacN2OQ\xcd\xfb\xb2\xe3\x96\x1cH\xf9\x03g&gt;\xb5Iz6\xab\xc7\xb6\x8c\xdeh4S%\x17\xc0\x12ra&gt;\xc0\x82\xbd\xd8\x7f\xeb\x1a\xc4\xb3\xaf\xb4%\xd5\x9f\xb7\xc9\xd5\x93I@\xa1\xd5\xfa\xb4\xd9\n\xd0mrYW\xd2\x02\xaaymv(\xe1\xb19\xd5\x07\xea|*Z\x8e_.{6wR\xa9T\xda\xd4m\xf8\x94[\x98\x01\x17\x89\x14^~}\xd5\xa2\x9d\xc6\xe6\x07#\xa92\x85\xa5\xf5\xf98&gt;\xadD\x9e]\x06\'\xe6\xfb\x88\x19\x03X\x9by\xb5\x9aP\x9b\xd3\xd1\xcb\x89\xc4\x1e\xe8\x17oz\xa2\xa9\xa4\xd9\x00r\x0b\x162\xd98(\x81\xa4\xde\xf5:\x8fOOc\xe3_~\xe9\x9a&gt;)\xb8u\x94yr8&gt;I\x16\xa8U\x01\x99\x05&lt;+&amp;\xa7\xb0\x80Zj\xb5\xfe\x18`Y"\x96\xbdD\x99\x8c\x1eg\x80Hb!,\xe4"\x1b\x04!F\x91\xdf\xeb\xfb\xf1\x8e\xd67\xbf\xac\xd1\xcc\xcc\x9c\x9cPX\x9a\x8bGG\x1c_\x8cJ\xaf\ne\xa5\xa0\xbb\x96\xab,$e\xa7j#\xc0\xda\xb3\x0cY,\x89\x1c\x19M\xe7\r"\xb6X(\x84Y,\x19\xc1GP\xbc\xce\x95 \xed\xbcf\xf9b\xef\xf4\xccI\xd1\xad\xd3r\x8e\xde&lt;zx\xc4\x89\xc9\x97\x97\x0fw\xa9\x10R\xdd\xb5&lt;\x92K\xe9\x9d \x8a\xdb\xd1\x9b\x00+bI\xc47\xab\xe9\xa4\x81`cB\xa1\x00B\x11\x1cWx\x1f\xd7\xfbK\xe7\xd9\xdeeM\xef\xb0\xebD\xe5\x96\xfb8\x17\x1f&gt;z\xf4\xa6\x94\x1d:\xdc\xfb\xfa/\xcb@\xbd\x8b\x0f{\x1f\xb4.\xe4\xaaf5\x81\x1d,\xedPX*\xcb\x1ep\xdbT\xd2(\x02\xaf\xa2P\xc0\xf5"\xa3\xb8T\xf6G\xdd\x0b\xc1\x87\x93\xbe7\xf6\x15\x80\xa5\xf3\xf94G\x8f\x1ej\xe6\x87\xf6\xb6\xbe\x9d\xfd\xeb8\xb8\x96oN\x1f\x01\xac\x9a?\xc9\x0f\x1fl8Sd"04D%\x97#e\xd3\x8b0\xb6P\xc8D\xbd\n\x02\xf7\x12\xff\xae7\x16\xf0\xf9l\xefX\x8f\xb5Xtk}\x9c\xde\xa3\xde\x07*K|s\x7f\xf6\xd7lL2\xafy\t\xb0"\xb9\xa9n&gt;\xc1?\xd8\xc8;r\x81H\xc4\x12\xa8\x91T18\xca\x06j1Y^)F\xa0]u\xef}h}\xf2]\xceX\x8b\xd5Z\xd4\xc5\x80\\\x9a\xd2\xc0\xde\xe5\xd9\xb5\xfd\xad\xddqy\xd6=X\x02}~dx\xca\xcc\xe7\xf3\x9d\xb2\x8dP4\x11\xb0\x04\xa8\xa6?h\xea\x1a\xa5\x82\xc8ey\x15\x98\x18}W\xf7)%\xed\xca\xe0\x9d\xec\x98)0\xa1\x92\xcb\xc1\xd5+\xb5F.\xcfnooe\x813\xd4\xc8\xb1\x11\xd0\xe5\x07\x1cI\x03\xb0r\xb5\xd4\xabN\x91\xf1D\xa2V\xf6\xb8zL&lt;\x11\x1b\xc8\xc5\x85\xa4R\xb1BZ\xff\x018\xedRka\xd9\xdab\x9f(\x8e\xcbu:\xc9\xa0\xaa\xb6\xb3\xb4\x94k\xe5hJ\xf6\x8c\xcc0w}l\x8c\xb4\x190\x05"F\xbc^\x991E\xe6j\x94X-\xdd\x1f\xb1\x04(\xa4\x90"(\xdc\x80F\xf1\xec+y\xa5\x13`\x81\xab\xa8\xd3\xc9\x07\x02\xd1Lf\xba\xf5\xfbR\xeb\xb3\xe7f1\x9b\xe7\x9as\xb4\xe0\xd4\xa0\x01$\x91\x029\xc8T\xc92\xe9\xf0\xa7\xfb;\x80o\xb1\x85\xcd\x10\x84\xc8\xbc\xe8\x8dFtd/\xe5\xda\xce\xf5ik\xf1\xefn\x9d\xdb]\xf4d2s\xcf:;\x17\x16]\xeb\xdd\xca\x1b\xa3\xb8R\x8fA\xd4\x8e\x0b\x9d\xc5\x94\x89\xd5\xceL\xca\xe1\x88VC\xc9\x0e\x9c\xcd&amp;\xda\xb8\x0c&amp;&amp;cy\xdf5\xe4{\xe2\x0f&gt;\xfb\x8d\xe9\t+\x85U\xcc-e\x9eO\xcf\xb9\\\xae\x95~\xe5zGG\xbb\x80\xfd\xa2\xbd\xe9\xd3\xd6\x06\x0bU\xc0|C&amp;\x1d\xf5\xa7Bf\x1e\xce\xc6\xd8\x02\x94\xc1\x14!^\xeciC\x9a\xfd\xd3\xbf\xd9\xbbf&amp;(\xb9\x8a\x13Ug\xcfT\x8b\xb2\xfb\xc6\xbaI\xd9\xc1\xc3\xdba.\x8b\xdd\xcc\x82\x18\x0c:\x83\xc1\x00-&gt;B\xf0\xf5\xa9j\xca\x04zl*\x86,:\x97\x80\x91\xc7\r\xd9\xfd\xa1\x9d\x7fe\xc7W&amp;F\x00\x96\xca\xba\xa4_\x07\x01\xc2\t\x91\x01\xc3\x84\xed0\xca\x82\xb8Lf3\n1 \xeak&gt;\x8b+\xc0\xc2z\x7f\xd0d\xc6E\xec\xf6f.\xd4\xc4\x15o\xe0O\x1b\xb4\x91t\xe9Gv\xcb\xe2\xf5\x89\x11\xb7\xbb\x96\xefP\x1ax&lt;\x91\x10\x06\x850B\x8c*P\x06\n\x1aU\xee\x17\x105$m\xa2\x04\x13 i\x7f\xc8\xcc\'\x00\x16\x8bAgb\xc4\x8f\x8dZ\xa7\xa4\xfd\xfcM\xff\xd4\xb0}\xc2=\x9eX\xea\xea\x18\xc5q\x1e\xce3\x9b\xcc\xc9d\xba\x9b@`l\x14\x93\t\xb8\x0cjc\n\xc0A(j\xf4\x87:\x88\xf6\xb6f\x90Zt!\xfe\xae\xafQ\xdbn\xb4\x9f\xdb\x94\xeb\xc1i\xabJ\x1586\x88`!\x0c\x8b\xf4y\x97\xa3\xea\x9a\x9by\x7f\x1c\xb2\xd9\xf4j\x02\xe1zQ\x08\x1c*\xc3\xc2A\x9b\x81\xdd\xd6\xccdB\x8c3\xa2w\xffl\xd8\x0e\x1e\xedi\x1bO\xd9\xe2\xb2N\x14\x13A|T\x00o\xb0 \xa9\xcdAF=\xd5\xf7\xef\xdf\x87\xf2\x19\xaa\xae\t\x8b\x11\x19\x93\xc5\x80\xe8\x10\x14N\x9bE\xa0v\xe0\x9e;C\xbf\xfd\xf4J\xe36Oi}/D\xbc\x95\x95i\xbb5\xe0P\xf2DfW\xd5\x08\xcf\xbd~\xfd\xfa\xc9/\xaf\x7f\x99\x9eZ\xe91%\xbb\r\xfc0\x82R[\xba\xc0(\xccA\xbdX\xd0\xcc=\xc7`4\xfd\xefV\x03\xd7\x9ai\xe7\x7fk\xebZ\xe9_\x99\xfe?/g\x1b\xd3T\x9a\xc5qS(VPh\xd2\xd0\xdb\\4\xd1\xcbKoo_\xd3K\x9a\xee\x84\xb9\xb1%b[H\xe9F\xdaRX*\x86nM_\xe2\x0cAfH\xc6\x04\xaa\x8d\xb2\x99\xd9\x14)\xa4d\x8b\x13\xbb\xd85dH&amp;,\xd9L\xaa\x9fVhqqG\x1a\x19\xa2a\xd3\xe5e\x01\xb5\x99UY\xd9\x11\x89\xb3\xeey:N6\xfbm\xd7\xb1=p\xd3~\xfc\xe5\xff\xfc\x9f\xf3\x9c\xa7=\xa7\xce\xbf\\lil\xb2\x07][\x0f|@u\xe6\xce\xdfW\xd7\xd6f\x9fm\x06\xff\xb5\xb2B\xe2{\xf7\x82\xe7\x8b\x0e\xc9\xe9v\xb1\x1c\x17b\x02p\xdb\xb7m\xd9\xec\xb6&gt;\xb5\xc8\x90+\xe6\x96\x89\xbe\x8b\x17-bq\xeb\xb9X\xed\xd6\xd6\xee\x85\xed\xb5gk\xab\xf0\xccn\xcf}\xf78\xa4\xa9\xaa\xfa\xf8 .\xc4\x15Z\xda@@\xa1\x85\xb0x\x8f\xb2\xda\xa5\xcb\x9f\x8dj&amp;\xed--\xbd\xe7\xba\xa0\x88i\xed\xba\xaa\xfb\xc5\xd6\xce\xd6n`\xe3\xd9B`\xf3\xe1\xa6%4y\xac\xa9\xbe\xe9\xf6mQ\xb5Bn\xa4\x07\xc5\x8cTX\x85\xd602\x9b\xd5q\x11\xfep\x921\xda\'\xe9\xde\xcf\xfbz[\xc9\xc1\x0f~\xd5\xd1\x01r\xed\xee\xeeluBt=\xb8u\xeb\xfb\xf6\xaf\x8e\xdd\x16]jTVC\xe6\x10\xe1\xc2*!J\xfdO\xdb\xb2\xdaj\r\xe6\x8a\x90\xf4\xa4\x96n\xa1{\xb5^\xad\xef\xe6/]W\xb7v\x16^.\xecl\xbdz\xf5\xea\xf5\xeb\xd7\xb7\xfeZ\x7f\xfb\xf7"\x11\xa5\x15\x13\xa4Y)\x15\nK\xd1\x89\xc4\x9b\x1b\xcen\x078{\xcef\\\x994\x9a\xedf\x9aT\xda;;\xae\xd6v\\\xdd\xd9}\xb9\xfarw\x07\xc8^?\xf8\xfe\xabc\xe8\x03\xadF\xd2+\x17\x81\xdf\x0fa\xa5\x87xE\xfb\xb3\xd2\xc4\xf2\xdf_\xb0$5\xf6\x90\xd1n\xb7\x1b\x94\x94\xdd\xd9\xdfQ\x0b\xb5\xcd\xd5\xdd\x8e\x0e$\x17P\r6\xa1.TI\x93\x91\x10\xe2p\x16A^\x15\xf0\x8a\n\x17\xdb\xb2=\xf5\xc0\xbf\xe7\xf6\x92\x06\x00\xf3\x92\x9491\xd4\xdd\xd10\xd69\x94\x91\xea\xd5k0V\x93\x98P\x10\x12I=`U\tq\xf0\x15\x0fr\xa95\xbb\xdd\xf2?\x94\xf4\xd3R\xc2h4\x90a\xa9&amp;\x948]\xdbq\x1a\n\xf6\x89^\xcb\xe74\xdd&gt;hP\x12J/!\x167\xd6\x93\x1a\xc0\x12b\x90\xedK\x0b\x0b\xa3\xf7\xb3?\xb6\xc5\xbf\xefqGI/\x11vG\xcd]C\x0e\xfd\x97\x1f\xd1\x83Z\xaf\x97\xf2\x12\x84\x14\xaav\xafW)\x117\xc1Q(\x14\xa0F\xe7"\x8cW\x18~4\x9c\x83\x89\x1a\xf6wn\x0f!u\xbb=q\xad=\xd8\xaf\xea\xf8\xf3\xf9\xdf6R\x04\x83K\x19\x9c\x91k\x14\x9aK\x97\xc4\x14!\xc50tZ\x17\xf2xE\xd8\xf3\xcb\xa7\xb2O\xb5\x87\x7f9iuG"\x91\xb0\x9b!\x13\rj\xd5\xcd\x8b\xe7\xdb\xcd\x8c\xd4&amp;\x85\nF*?X]-\xa1\x94R+\x9a\x0e,\x84\xf4\xbe\x7f_\xf4r\x8e\xc6\x8f\x1e\xd90\xf8\xf3D\xe2\x86\x95\xcd\xb3\xfd\x1d\x1d\'\x9d-\x129\x8e\x83`\xd5\xd5"\xc9\x87\xf5ZRcC=\xc6\x99Vu^\x96S\xe9\x7f\xb8\xd6&amp;#\x02\x9e\xcd\xeavK)K\xd0\xe9\xfa\xfa\xeb\xfe\xdeA\xef\xd1\xa3\xf2\xf7D\xc7&gt;\xac\x1floi!\xa5\x98\xb5\x10.A\xa8\xc3\x11\x7f\xdc\x96\x9bAX\xf6jC(3ld\xb5z\'\x13\xce\xce\xa1\xce\xa1\x0bt\xa8\xbe\xb1\xa9\xa9\xd5\xdc\xfe\x9b\xae&gt;K\x88r\xf3\xac\xa8\xf3n\xdf\xdeB\\\x91+\xac=\xab\xfd&gt;\r\x86Y\xc3awr2q\xa17\x11l\x08\xf6\xf6uu\xf5Z\xce\xd3\x96&gt;\xb8\x0fQ\x8cU\x80\x15e\xda\xea\x85rE\xee\xd4r\rY4\x98-\xee\xf6hC+\xf4D"\xb1\xe9\x1c\xeb\x1c\x1b\xf3]\xe8\xa2C\xe6\x10IH\xad\x82"^\xe1&gt;PK(\xcf)V,\x96p\xdb\xdc\xb6d4\xa95\x86V&amp;\x12\xc1\xa0\xf3B0h\xb1\x0c\x8aI\x83\x12j\xf7\xc2\xcc\x10\xc9\xfeC\xf2\x0cV\x8e&amp;\x14W]:\xdd\xd0ck\xc4\xe3\x89\'\x93\xc6Phb\x12\xeae3M\x87BF%\xe1Mbh.\x10\xb5d\x0b\xe4e\x0c\x93;\xac\x7f\xf4;t\x0b\xbep\xc4\x16\xf7$\x9f&amp;\r\xf6\xc9\x10m7k\xb5 \x94\x92\xc0\xdda\xb7\x00\xcb4\xb7\x15\xe1r)#\x17\xe5\n\x8b\xfd\xe4f \xe0\xd8~\xec\x89\xd8\xa2\xd1d\xdch0\x1aCZ\x83\x91Tj4\xf18\x06\xa9V\x80\xa1%,\xc2Q/\x04S\xfdx87\xde\xaa\x1c\xbf\xe9\n\xe866\x83+\x1eO4\xecI\xc21H\x92\x94Q\xa9\x90\xca\xe3\x1e\xab\xd5\x86\x15\x16\xed+\xda\xc7\x83\xcb?.Wh\xaa\x8d\xd7r\x82\xc5\xaeT\xdfh\xd8P\xc7b\x81\xcd\x95x\xdc\x13\xf1\xc4\xe1($&lt;D\x98\xc1\xdd\x1e\x8f;bC\x1f\xdc\xec\xe7\xa1rK\nX\n\xf2\xde\x99\x9c\x1c&gt;\xa7\x1c\xb5\xae\xd8\xc2\xf8\x82z{s"\xea\xf6\x84\xdd6[\xc4\rGd\x18\xf7x\xc2\x1e\xb7\x00\xe5v\x01H\x85\xc3\x122\x84H\xe4Y\xbf\x93\x83S\x91}F\xd7\xdd\x1d\x0b,,\xa8\x176:\'\x92q\xa0\xc2\xe0\x8c\xc4\xb0\x88\xd5\x03a\x13\x80T\x02!\\\x10qF\xc1@M(\xc2m\xeb\xd7\xb2\x8eUy\xe6\xc9\x8d\xeenW 03\x0e\x8a\r%B\x19;a\x02\x0c\xe5\xfdhX\x80\xc6:\xc1Vr\xb4\x0b\x19\x8d\x06\xb0\x0e\xf2\xe2K\xd9\xde\x8d\x95m\xf7\xc6n\xd4\xd4\xe8b\x81\x99\x99q\xd9x\xa0a;adpL \xc8\x0c\xc0\xa2AX0\x15\x83#\xa5\x18)\x03\xc5\xaaDTVe}1\xd7\xc6fgU\xab\xb5\x89/o\xd4\xa8\xfcj\xf5\xf8\xf8\x13\xd3\xb8:\x16\xd8\x80[+\xa5\x11b\x08\xcd\n9A\x01"1\n\r\xe4w9\xa1\xa4\xc4\xe2KeGK\x93\xcb\xcf\x81+k`\xfcS\xd7\xfeI\xff\xb1\x16\xb0d\xb2\x99\xf1\x99\x19\xe0\n\x80\xc5\xc6z\xedZJIy\x95\x84B\xc1h\x14\x0c\xa1\x81jU\xae @,\xb1XTv\xb04\xba&lt;\xba\xf4\xb7k\xd9R\x8c}*\xef\xa1\xf1\xa3\x1b\x9f\xd4\xe8{zd3\xa6\x99\xe6\xe6\xe6\x19\xbf\x7f\xdc\xe1:\xeb\xbc`\x81Do\x10K\x08\xa8\xe75\x94\x92\x01:\x85R\t5\xbe\xf8R\xf5\xc1\xd2\xf8\xf2\xe8\xfa\xf2\xfa\xf2\xc3\xec\xa4\x8a\xca\xbc\x82o\xdb\xff\xf4\xcd75z\xbd\xdf\x8f\xbe\xf71\x99\x9a\xebd2\xbf\xae\xff\xeci\xdf\xb9&gt;\xda\xde\x8az\xefH\x8a\x84\x1b\x10(\x06L\x10?`\xa5G\x97\xa7\xa7\x93s\xef\xde\xfal&gt;+\x9fS0\xf1\xf3O&gt;\xfd\x1d`\xc9du&amp;\x10\xcbT\xd7l\x9a\x19\xf7;t\xfd\'\x9d\xbe.\x003\x1b\r\x06\x8a\xf2R$zH\xc4\x05\xde*\x8a\xaeg\xb0\x9eN?\xaf|\xb7\x16c\xb3\xf2!8\x05\x89\xcf&gt;=\xae\xd7\xebU\xfe\x8a\x8a\n\x93\xa9\xceT\x01t\xe00\xb5.\xd6\x80\x9a2,\xb4\x16\tf\x80 \xe12\xd9HQ\xe0\xad\xaa\xd2\xa7\xa3K\x08\xeb\xc5\xf4\xfa\xdc\xfd3\xef0\xb7\xb29\xe5y\x1c\x88\xbc\xc4g\xc7\x01K\x05r\x01\x15p\xa1o\xad+d\xb2q\xb5#\xb014\xe6\x03.\xb3\xd6\xa8\xcd\x04\\r\x01L,z\xef\x10\xb6\x98\x06\xacE\xf8\x1b\x9d~\x91\xbe7\xcc\x7fG\x92\xf1\x0f\x14\x14s\xb8\\\x0e\x8b\xbb\xfd\x87\x9e\x1e\xe0\xaa\xd1\xfb\xeb\xea~\xe4\xea\xe9\xb9\x02\t#\xb3\x90\xa0W\x8b\xddl\xb6\xc3\x132\xb6"\xbd\x94\xa2\x8fK\xa3KK\xa9\xf42\xd8&gt;\x9d^\x9e^\\\\\x9f\x9bm\xe3\xffd0\xf6\xfby\xe5\xf9y\xf9\\\x08\x16w\xed\x81\xaa\xa7G\xa5\xaf\xa9QU\xd4!\xb0\xba\x1e\xb0\xfc\x15\x95\xc3\xe1\xe8v\xf5\x9f\x84\xc2\xb9\x97\xa6\'i\x0b\xddb\x0f\x81^\x06\x92R\x96U\xb9\xd3#\xa9Tzt4\x9dN\xa5\x00ntt}t\xe9\xdeO\xfc\x1d\x12\xf6\x81\xe2\xc3\x87\x8b9y\x1c\x16\x8b\xc5\xe5\x1eh\x0b\x9e\x04y\x8e\xebkT\xb2\x8a\x0cV\x85\xacN\xe6W\xe92XgO;\x83]\x16\x8b\xa5\xaf\x0f\xb8\xcc\x19.J\xf23&lt;=?5\x92ZJ/\xa5R#) \xcaDz\xe9\xf9\x9d\xb7W\x8c\x7f\xa0\xfc\xf0\xe1\xf2\xe2|n\x1e\x97\xc5*\x81\xe7\xc0\xda\x07~SE\x8f\x1ee\xd4\x8a\n\xd8\x87`,\xd0K\xedp\xe8\x02\xfd\r\x99\xc6\xe1\x89.t\x0b\xa2\xcdP\xb0jIq\xd9\xd1\xf5\xbb\x80\x05z\xa5F\xe0e45\xf2&amp;R#w\xdf\xee\xbe\xcd\xe6s\x8a\x8f\x1c9R\\\\\xc0aq\xb8%\xac\x12 c\xe5=\xec\x84\xfd\xe7\xd7\xd7@\xa2G\xeb(C\\\xe0x]\xc0\xd5?\x84\xb0 \x82hKf\xd4"%\xf2\xc5\x81\x81\xbbS \xd7\xc8\xd4\xd4\xfcT*\r/\xf0f\x1e\xdeO\x8d&lt;\x7f\x9b\x9f,\xe2\xe7g\x98\x80\xaa\x80S\xc2\xe5\x94\xa0`\x95T\x96o\xc7\x9a\xeb\xc0^W\x10\x10\xda\x84p\x0c\xa1\x8d\xe8\x8a5t\x8e9}\xc1`\xd0\xe7\x83\xa5\xa43\xae\xa74\xd3\'N\\\xcf\xc855\x0fx\x007?\x7f\x17b \xf3?\x7fwv\x98\xbd\x87\xfd\xff\xf8&lt;\xbf\xfcG(\x84\xc5\xca/y\x13\xdc\xcb\xdb\x0eS\xc5\x15=\x98\x0b\xa5\x06\x99Z\xed\x87}\xb8\x10\x88\xc5\x1a\x86\xe0\xb6\xe8\xf4\xf9\x9c\xce \xa85\x89N#\xc9\xf4\x17\xbf\xfe\xe2\xfa\xc0&lt;Rh\xe0\xc4\xc0\xd4\x080\r@\\\x1f\xb8\x8e\x02\xbd\x9d\x1d\xfe\x9f\x15CP`\xa9L\x14\x14\x17\xe4\x81T\xb0\x8a%\xef\xbf\xe1\xdaP\x9bd*U\x0f\xe2\xf2\xc3&amp;D\r\xf3\xffn\xe4|B\xdb6\xc30\x1e$\xd5\xe8\xf2)\x96\x0e\x01]$\x19u\xb0\x93A\x97\xca \x8c\xa0\x13\xc1\x073\nb\xa1\x97a*\n\xc60\n\x06\xf7`\x1f6\xc6r\xf0\xc58\x01\x87\xd5\xe7\x14Lp.\xa5\x17\x87\\|(+\xac\xd0\x10\xca(\x81\x1c\xda\x1e6\x06K(\x81\x9dv\xd9\xf3\xbe\x9f\xe4l\xdd\xe8\xf6F\xb1\x13\'\xe4\xfb\xe9y\x9f\xf7\x8f/\x19\x03k\xd8$\xac\xfd}\x18\xff\x9bC\xe2\xba\xfd\xd5O\xcbl\xb0Hw^\x12\xcd&lt;\xddy\xf4R\x12\xa5\xb3t\x9e\xe2\xc2\x03\xe0\x9e\xff\xbf\x7fvs\xa3^\x92BI\xa9J%US\x8a,\x92\xc3\xc4\xde\xb8\xb6\xb9\xcd\x8d\xfef\x15\x83\xa7\xd1\xe8\x0c\x9bG\xc3a\xb3\x07\xac\xfdv\x17m\xf5\xbb\xc3\xad\xad7_|\xfak?p\x12\x92kg\x96.G\xe9\xc9\tx(\xe6\x14\xcb\x05&gt;\x96K\xb0\xcd\x96\xff\x9d\xca\x1b\x8a\xeaW|\x9fe\xcaCU\xcb\xf5\xba\xae\xac\xd7\xeb\xac\x17\xb8^\xd5\xaa\xdb2\x89h\x0e\x9d\xe1q\xaf\xd7Dt\xdb\xed\xfd\xfd.\x9e\xd1V\x0f\xb7\x9e|\xfef\x10\x87n\xd6\xc7\xb9\xe9\xa2o\x0e\xd2\xa7\xcc\x03\x94\x05bD\xb1\x18\xf5\xf1\xd52M\x07\x1f\x9fI\x98}F\x9e\xbd\\+\x95B_\xafC\xae:\x07\xc0\xc4\x97\xefk\xf0\xfb\x9dM\xc6\x1a\x1e\xb7&amp;\xc45\xe9v\xbb\xedIs\xc8\xdd\xfep\xeb\xfb\xdf^\xf8^\x1c\x98\x83\xc5|1J\xa2\xa8\xbf3[\x14&lt;}\x8a\xc1`:\xe0\xe8\x8f\xfa\xcb\xf4\xf5G\xaarC3V\x1a]\x87\xaaj\xf0\x95V&amp;s1\x97\xa2\x94\xde\xd5\xb8k!\x8b\x8d\xcf\x80\x05\xae\xde\x04\x8f\xcd!\\6\xd9\x07\xd6\x93\xdf\x1f\x97\xfc\x8a\x178\xd3\xfeh`\x06\xeeh\x9eN\xfby\x00eJ\x91\x141\x85\x03\xd3\xd7{\xf5\x7fm\xb0\x1bBSA\xb1\x02\xbb&amp;\x04\xd7\xba\xae*\xeb\x12\x8b\xc0\xd4\xb7\x07\x9b\xbc\xd9T\xef\x0f{\xbdV\xab5i\xb5\x9a\xc3\xa3F\xa3V\xeb@\xad\xc37?\xee\x95\x0c\xc2r\xcd$\x89B\xcf\x1d\x8d\x92\x01\x80r\xa4\x84\x90\xb2$\xc3e\x9a\xb8\xccd0Z\xcc\x97\xd6\xbd\x8d\x0fM\x86\xf2C\x80K\x95\x89\xe3\xd0\x8a/D]\xd1Je\xc9\xc5\x82\xe9\xbb\x97\xb4\x08n\xde\xbc\xf5\xf0\x18X\xdd\tA\xd5\xb6\x0f\x0e\x0e:\xedo\x7f8\xfc\xc5S\x19+\x0e"\'\x8a+1\xe8l\xa7\x0f\xa0\xccd\x9e\xc4L\x00\x93\x11\x11\xc2q\xcc\x04\xaa.\xe7\xcb\xe4\x83\\n`\x1ccu\x01\x07%\r\xbb\x15\xbe\x13|\x11,\x8a\xb1\xae\xe8*\xf5z\xa8\xc5y\x14\xc6\xdb\xab3\x80U\x1b\xc7\xbdv\xb7\xd7l\xe0]Gu\x13\xeb*a=\xc7\xfd\x19\x8c\x15\x06a\x8c\tF|\xae\x9b\x98\xae\xedH\x18\xcb1#&lt;X\x8e\xe3X \x8f\xcc\x0cj\x02,]^\xf7\x0b\xcc\x99\x92\xa6\tZ\xa9\x18\xec\xdaT\xba\x10J\x99^\xd31\x814U(\x94I\xd9\xc1\x14m\x8f\xc06\xef\x1f\x7f\xddn5\xc75\xec\xf6g\xe0\xbc\xf9\xb0\xfd\xf3k\xfa#\x86\xef3\x97\x87i\x01\xac\x98\xd8\xe2\x10)s\x9c\xc8\xb6m\x97.\xd7\xb5\xa3(b\xb4\x08\x82\r\xc05\xdbIw7\n(P\xe9\x8c\xa5Iu \x18I\x05(l\x0e\xb4\x9a\xaa\x06\xf5z\x1e\xd9\n\xeb\x05\xc1t\xe3\xe2\xf2\xecn\xf5a\xab=\x19\x82\xea\xea\x94\xe2Y\xe7h\x97o\r\xb5L\\^\xc5\x0b\xc3\x80\xc3E*\xa7\xb0?x\xe8;pE\x96m96i\x8703\xe2JwNN\x9e\xf3\xee\xc2PyhyH[\xa1[Pn\x05B\x87\xbd\x14\xb9\xe1\xac\xb3f\xf5ul\x86{o\xef\xde\xb95\x9c\xf4\x80uvzz~~~Z\xbd|\x90\x0bn\xb0`p}D\x8a\x90\xb5aq\x98=\x8b\x99\x93\x94\xb2mH\x07 \xa2\x8a\xec\x88\x9c?\x9f\xbd|\xfa\x88Lu\r\xc5\x96/\xba\x16\x04\xc2\\\xf4*\x9cK\x9d\xb8\xc8\xe9X\x08\x15E\xa6\x92&amp;\x91n&lt;\xbe\xacv\x9a\xcd\xf1\xc1\xb3+\xa2:?\xbd\xb8\x97\xd7\t\x81\x19\xbe\x17\xba\x11\x9d\x1cY\x91mY\x16\x19&lt;K\x9c\x10P\xae\xe41%SDY\x8d\x1cp\xd1\xec\x04\x15\xbfy\xf8@+\xca\xa8Z\xa9\xb0;\x10\x15\xdf\xe06!\xcax\x19\x82\x95%\x18%XW\xf7\xde\x8d\x8f:\xe3\xed\\\xad?\xd8\x9d\xec\x03\xe2\xaa\xc4q\xe0\x12\x03\x02\x07[\x1c\xe6\xd4q]\xb0dY\xc6\xfd\x81\xa0\x82 \xa4_4\x93\xferv\xf2h\xad@B\x9a\xca\xe2:\x14\xc5\xc8\xe7"\xd5\x93G~\xad\x10\x1c\x88K&gt;m\xd0\x82E\x03\x97\xd0\xfc\x17\xe3N\x03\xde\x82\xb1\xce\x1f\x88\xdc\x9e\x87\xce\xa5\xc3\x00\x00\x02\x00IDAT$&lt;\xb4"\x97\x87\x943ha\xdbV\xc1eN#\x079E\xd7\xca e\x84j\x8d\xf9\x17Q\xa8\x18\xa2;\xc0bgKoK\xd7\xf0\xb3\xf0+\xab\xe6Ew\x8dt\xca\xe0\xd1\xa4\xea\x90\xad,\xd7{\x18\xac\xb4\xfb~\\\xab\xde\xbd\xba\xba\xb8\'D\xa1\xbaJM~\x05EB\x01+\xca\xb1l\'\x03\x16\x12\x08\xd7\x05!\x17+\xf5\xb8 \xb0#\x96k\x8d\xed\x0c,%\x07\xca\xe9|C_e6?\x86m\x87\xb4\xd2\x18\xa7\xceQ^\x85\xaez\xef\xc6\xdbw\xce. \xa3XQ\xc9:\x8c\xc9F6\xe7\xcf\xe1\x8b\xc5\xb2C\x17\x96r\x99)\xe6\xcd\x00\xe9\x0eIQ\x8bW\xa15J]\x99\x92\xa8P\xc3\xd4)\xa7J\xbdn\x18\x8a\xf8G\xe4\x80Td8V\'\xb9t\xa9\x99\xae\x95^\xbc:\xb8\x80\xe9\x04\xbd\xc6\x95\xc3\t\x84Zn\xe1(\xcb\x04\x0f?\x03\x08\x8d\xdf\x848\xac\x13\xf9\xd6\xa7\xda\xb0\xa5\xf1P\x8ck$\x93&lt;\x91ub[\xc0.\x82\xfe\xf6\xdf\xaa!\xa7\xe2\x86\x8b\xcd\x90n\x80\xb9\x88\x0c?Sw\x1f\x0b\x85\x11u\x9e\xac|\x8cKi)\xa8\x88\x0b\x01\x83\xd9n\xecU\x8cJ\x88G\x9f\x8b\xc9(\xf9q\xc8U\x8aF2E\x16\x0b\xac\xfc|*-r\xb5.\xa7v\xbe\xd8p]\x81ESW}\x04E\xf9\x97,\x13\r\x06\x13*\x94\xa8J\xb4\xacy\x01iCm\xdcf0\'G\x03\x13%\x8e\x8a\xdb\xc8+\x9co"\xc8\x06\xe8h&lt;\x1d\xfb\x8b\xd9\x9a\xf2\x89\xc2`\xd4\x13\xf0)\xab\x8b\x0bS\x974\xea\xf5$\xd2V\xc2\x01P(B-^(\xe7\xa5BP\x06\x0cE\xe7\xb8t\xf7\x96\x9d\x07\x11\xd1\xc8\xa1F@\x81Y\x04\xae\x8a\x07\x9b\xaa\xe4+w\xb0\x18MM*\x02\xa8\xb5H\xd7\x8a2\x97\xe3P\x13u~;(;\x86\x90pE+\xa3\xbc1\x9a\xe0\x01\xcet\xf2\'e\xeab\x9c\xbf\x126\xac\xc8\xd0\xa8aqRX\x9f&lt;\xa8w\x059V\xc83\xd2s]\x83\x9b[4J\xd3&gt;f75[Z\xbe\xfe\x04T{\xae(z3(\xd4\x00\x00\x00\x00IEND\xaeB`\x82'</t>
        </is>
      </c>
      <c r="M56" s="3" t="n">
        <v>45492.67853009259</v>
      </c>
    </row>
    <row r="57">
      <c r="A57" t="n">
        <v>146416</v>
      </c>
      <c r="B57" t="n">
        <v>1958</v>
      </c>
      <c r="C57" t="inlineStr">
        <is>
          <t>Óscar Romero</t>
        </is>
      </c>
      <c r="D57" t="inlineStr">
        <is>
          <t>Ó. Romero</t>
        </is>
      </c>
      <c r="E57" t="inlineStr">
        <is>
          <t>MEI</t>
        </is>
      </c>
      <c r="F57" t="inlineStr">
        <is>
          <t>MC</t>
        </is>
      </c>
      <c r="G57" t="inlineStr">
        <is>
          <t>MEI/MC/PD</t>
        </is>
      </c>
      <c r="H57" t="n">
        <v>176</v>
      </c>
      <c r="I57" t="n">
        <v>70</v>
      </c>
      <c r="J57" s="2" t="n">
        <v>33788</v>
      </c>
      <c r="K57" t="inlineStr">
        <is>
          <t>Left</t>
        </is>
      </c>
      <c r="L5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6d35c2-c9b5-4ed9-a56c-38be900cc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8\xac\xb5B\x00\x00\x00\tpHYs\x00\x00\x0e\xc4\x00\x00\x0e\xc4\x01\x95+\x0e\x1b\x00\x00\x03\x00PLTE\xff\xff\xff\xfd\xfe\xf8\xfe\xfc\xf6&lt;63\xfe\xfe\xfa\xfe\xfa\xf4\xfe\xfd\xf8\xff\xfe\xf9\xff\xfd\xf8\xff\xff\xfe\xfd\xfc\xf8\xff\xfa\xf6\xfd\xfd\xfa?74\xfe\xf9\xf2941\xff\xfe\xfc\xfe\xfe\xfe.*\'62/\xfc\xfa\xf5\xfe\xfb\xf850-\xfd\xfd\xfc\xfd\xf9\xf3*&amp;#A:7\xf5\xef\xe7C&lt;92,(&amp;\x1f\x1b\xfe\xfd\xfa3.+\xfd\xd2\xad%\x1b\x17\xfd\xf8\xf1\xfe\xd5\xb4\xfe\xd4\xb1\xfe\xcf\xa8\xfe\xc9\xa2\xfd\xcb\xa4\xfb\xf5\xed\xf8\xf4\xed\xc7\x8cb\xc2\x89^\xbe\x86\\\xfe\xd0\xaa\x1f\x19\x16\xfe\xd7\xb7\xf1\xeb\xe3/$\x1c\xfe\xd0\xb0\xf7\xb8\x8f\xf8\xf7\xf6\xfd\xc6\x9d\xfa\xf2\xea\xfa\xf7\xf0\xce\x98r\xfe\xcf\xac\xfb\xfa\xf8H&gt;:\xfd\xc8\xa0\xe8\xb8\x94.\'#"\x1d\x1a\xfd\xe1\xc5N9+\xf5\xf4\xf2\xfd\xf7\xef+#\x1f\xfc\xbf\x95\xfd\xc3\x98\xfb\xbb\x90\xf7\xb7\x8bB1&amp;\xfe\xcd\xa7\xd5\xa1z;2-\xfe\xd2\xb2\xfe\xdd\xc0\xfd\xc7\xa98+#\xf6\xf1\xea\xaauN=,"\xe5\xa6x\xaf|T\xb6\x80W\xd3\x9cu\xef\xaf\x81&amp;#!\xfc\xcc\xac\xba\x82Y\xfe\xda\xbc\xe6\xb3\x8e\xe3\xae\x88_D24%\x1d\xb2}VhK73("+ \x19\xe5\xa9|GA?\xf2\xb2\x85\xc2\x8ej\xee\xbf\x9cW?.\xde\xab\x85\xe1\xa3v\xf6\xbe\x97rQ:\xf9\xc6\xa3\xe7\xab\x81\xd6\x99n\xf4\xc8\xa98.(\xea\xbc\x9a\xf2\xc4\xa4a]\\\xec\xac\x7f\xc9\x90h\xd0\x93j\xbe\x89d\xf8\xbc\x92\xd9\xa5\x7f\x9bqQ\xde\x9es\xea\xaa|\xf6\xb4\x87\xe3\xe2\xe2\xfb\xbd\x9c\xf9\xba\x96I0#\x19\x14\x12XSQ\xd5\x96j\xec\xe6\xde\xae\xab\xaa\xfd\xe4\xca\xa0oJ\xda\xa0w\xdd\xa8\x80\xdb\x9cp\xf2\xb5\x8c\x83\x80~\xb5\x83`\x99\x96\x95\xef\xb0\x86\xb5\xb2\xb1\xe0\xa5|MIIE5+\xb6\x89i\xca\x94m{vt\xea\xaf\x86\xeb\xea\xe9\xd1\xa4\x85\x85[=\xa3uT\xef\xc2\xa1\xc0\x94v\xcb\x9c|jfd\xfb\xc3\x9d\xb0wP\xa5rL\xfd\xc4\xa4\xad\x80_\xa3\xa1\xa0\xe8\xe7\xe5{[C\xfb\xd1\xb2\xd0\x8ed\x87cH\xba\xb8\xb7\xf7\xca\xb0\xbbxS\xf0\xb9\x94\xf1\xf1\xf0\xf6\xc3\x9d\x9ajI\x8fbC\x93hJ\xeb\xb3\x8d\xc8\x95s\xdf\xde\xdd\xc6\xc3\xc2tnl\xfc\xc0\xa3\xc2\x7fV\xd1\xcf\xce\xa9zV\xdf\xaf\x8d}O3gB-\x95\x8f\x8a\xf9\xe9\xd2\x91mQOB=\xdb\xd9\xd7\xb4iF{U;\xc9\x84^V8\'\xef\xed\xec\xbcpM\xfc\xd7\xb8\xf0\xa0\x90\xac\\:\xd7\xd5\xd3\x9fx\\XE8\xa7}]\xf2\x96\x8c\x8b\x88\x88\xcc\xca\xca\xf6\xae\x82fSG\xa7N-uF-\xc2\xbe\xbb\xeb\xe1\xd6\xa9hD\xfb\xdb\xbf\x9ca&gt;\xc7wW\xf6\xb6\x9e\x92}m\xe3\xcb\xba\xdc\x8bwWJF\x86lW\x94Y6\xa8\x8at\xf5\xad\x97t`S\xd9\xc4\xae\xda\xb9\xa0\xe8\xd8\xcb\xa2&gt;!\xc8\xb5\xa4\xf3\xa6z\xef\x91i\xfd\xf0\xde\xb7\xa5\x99\xeb\x8f\x82\xf0\xe1\xc8\xb8\x9d\x87\xd3\xaf\x96\xef\xcb\xb1\xe9~Q\xee\xd9\xbc\xd2~i\x90N.^2\x1a\xe2\x00\x00 \x00IDATx\xda\xc4\x97\xddK\x1b{\x1a\xc7\x0b\xbd*\xd8\x8bX\xe8\xa04\xc3\xc9`^@\xcd\x94i\x120\x1a\x92\x1d\x195\x93\xc6s\x06\'zb\xedi\xc6\x99\xb1)i\x1a\r\xc3\x9a\xaa\xf5%`\x94P\xd7\xa6\xbeMOj\x15\x1b[P[\x85zj{T\xb0\xa7\x8a\x16\xb1\x14R\x0f\xf5\xc8\x16zQ\xb0\x17\xdd\x8b\xbd\xd8\xeb}&amp;ga\xff\x80\xdd\xb1?3#\x99\\\xe4\xe3\xf7\xf9&gt;\xdf\xe7\xf1\xc4\x89\xff\xf9h4\x88\xd5j-\xcf[^\xb6\xe6!\x1aD\x03\x0f4\x9a\x13\xdf\xf6\x00\x13b}\xf3\xf1\xe3\xd8R\xf6 \xb9\xb6\xf1&amp;\xbe\xfaV\x83\xe4Y\xad\xdf\x90\xa8r~&gt;\x9e\xdd\x18\xfb\x98L\xa7\xb6\x06*\x06\xd2\xa9\xf4\xfa\xd7\xf5\xcc\xc8\xc1\xf2\xf2\xda\xe4\xb7\x92\x0b\xc9\x8e\x1d$3\xed\x13G;\xfb;;\xeb_\xbe\xee\xd3r\xc5\xe9B\xf2\xe8030\x92LO*\xa5\xfc\x06\xa5\x9b\x9ck\x9f\x18Xo\xaf\x101Ff\x08\x96\xdc\x0f\xf0$K\x10\xac|t$\x9d)\x9c\x18[\xad\x04\x9f\x1d3\x98&amp;/&gt;70Q!HG\xfb\xf2YI\xd0:qJ\xe0X\x96#\\\xf9Z\x81\x96$\xad\xb6=\x9dJ\xaeZ\x91c\xe5\xd2\x94gS\xa9\xadvv\x7f\x9f\x16\xc5\x02\x8arR.\x17J\xa1\x18\xe5J|w\xd2\xe9tJZ\xf4\xea\xdc\xc8Df,^~\x9cTH&lt;uv ]\xe8\xdd\xe7\xf7\xe5|W"\x81z\x9d\x18\x8a\xa2\x18\xeer\xe1\x84D\xa1\xa8\x13E\xd7\xe7\xc7\xbc\x15\xa97\xc7(\x17bM^\x15(\x89\x13%I\xc4\xa8\x82\x024A\x9dDq\x9cr\xbap\x17NiQ\x1c\x94\xa3\xb4s\xc9s\xde\x81d\xa5\xe6\xf8\xc4\xca\x0ePZ/\xcd\x12@\x91\x00\xadP4\x81;\xe1\xca/\x80Z\x82R8\xdc)\xe1\xe8\xc8+Ud\x8eM.\x8du\xa9]\x90\x04\x82\x90\xb4\xae\x84\x0b\xec\x94\x00\x9d\x12@\x93H\xe4k1\x1cm\xc4\xf1F\x14\x17\tB\xa6\x05\xce\xbbv\\\xed\xb8&lt;r\x12\x07\'a\x18\x86\x82Vx\xeeF9q\x81B\x13\x98V\xf1\x18\x9eht\xe1\x18&amp;\x90\x0c!W$++\xdf\x1e\x0b\xd7Ff\x02\xa5\xce\x9e\x01\x0b\xe18H\xd5X\x00\xbfQJ\x04\xa3S\t\xb4P\xc0P,\x01\xc5\xc5E\x81%\x9c\xf4\xe1V6\xbb\x8a \xaa\x07\x85\xc6:\xd6\xfe\x1d\x08EA\tq\x17\x06\x17\x85\xc2M\x141L\x94P\xfc\xb4\x17C\xa1\xb4\xb9\x06 8A8\xfc\xf29\x99\xb5"\x10`\x88\xca#g\xc2\x051\x00\xdf\x0cH8^\x80BA)x\x11(F0\x02Jy\x19\x0cKP\xe0z\xaa@$8\x96\x8f,\xa4SkoW\'+U\xc5B&amp;\xd7]\xf9\xf9.\xb4\xd1\x05\x8aAdQ\x94 \x10\x82\x13uBT\x80\x9d\x04T\x90\x05\x0cS\x9a\x91r\xa1\x04G\x07\xf8\x08\x7f\xf8yk,;\xaf&amp;\x17b\x1d;\x03"\xa1Z/|9%\x80T\x82\xc4x%\x86pz9\xc0"\xa0?eYDE\x17\xfe\xa7\x844I\xf2\xbb\x91\xc3\xf5\x8f\x93\xf1\xd5e\xd5\xb84\x9ax&amp;\x1fZ\r\x15$\x10E\xe4\x08\n\xa3$\x89\xa3eF\x90h\xa0\x81\xa1-\xca;\x04&amp;\x02\x92\x88\x89\x14\xc7\xd2$\x1f\t\xb0\x99\xb1\xa5\xf8r\xb9j\xb6G\x90\xb9B\xad2\xfcD\x82fE\x91\x81#J2\xc7\x922\xc3\x01\x91\xc8\xec\xc8\x1c]\xc1\x88\x04(I\x10\x04`\xc94\xb9O3_?\xa4G6\xac\x1a\xd5\xe2}&gt;sRhlD\x05\x8e`d\x0e\xb08R\x96I\x9a%\xe1bh\xd8 \xe4\x10\r\xd2\x11`v\x86\x03.\x0ez\x11\xdeK;\xfb\x99Tr\x1eQ\r\xeb`\xe2\x0c\x85\xbb\x9c,\xcdp\x1c`\xd0\xe0\x1d2\xb4\xdfO\x02\x1d\xb0\xc9,\x1d"\xe1!\xcb0\x80\x98;\x84\x13Ds\n\xf2\xe9\x81\x91I\xb5\xc2\x0b\xac\x95\xbe\n\xed\x07\xb6\x96A\x15R&amp;C{\x81@\x80\x0f\x05Bd\x88\xdc\x0b\x85\xe0\t\t\xcfI\x19n\xfd,-\xd3 \x1cF5\x82\xd1\x88\xd3i\xd5\xaa\xa8\xd1T~(\x844\x10a\x17\r\x01S(\x04L\x91\xdc\t\xf0\xbc\xc2\xb7\x07\xe2\x01$&lt;\x87\x03\xef\xfaa3\x84I\x0e=)\x9dK\xc7\xd5\xc2B\xe2\xed(\x01S\x9a\xdd\x03\x84M Z\xd8^\xdc~\xff\xfe\xfd\xf6\xf6\xe2BD\xf9\xd9\x84\x0f\x16\xa6^\xef*\xe7\xef\x9b\x9b\x9b #\x03\xe3\x13\xa5\x9c\\\xc5\xd6$\xa2\x16\xd6\xc6\x04\x84\x13\xc3\xf6o\xbe\x86355\xf5\xfa\xc5\xef\xf7\xee\xcd&lt;x8s\xef\xf7\xee\xf7\xdb\xdd\xd3/\xa6V\x9e\xdfmjhn\xae\xaf\xbb\xfdbej7\xc2\x87h%/\\\x14\xc1\xa4W\xf34\xeaP\xbd\xfdp\xc6)rth\xeaq\xdd\xa3G\r\r\r\x9dw\xef=\xf8\xed\xfa\xc5\x87\x0fg\xae\xcd\x00\xda\xc3\xb2keeC\xe3\xe3\xe1\xf0\xf8\xf0\xd3\x92\xd2\x86\xba\xc7\xcf\xa76\xf7h\xf0\x17la\x12\x99\xb4"*a\xa5\xbc\x02\x0c\x94\xc5\xcehtpxh\xe8\xc7[\xcf\xfe\xda\xda\xfa\xec\xa7\x9f\xae?\xb8\xf8\xe0\xfao\xb7\xae\\\x19o\x1b\xb5X\xee\x8c\x8e\xb6\x84{\xa2\xc5%MM\x8f\x1e\xaf\xf0{\x8a^\x80E\x8f,\xab\x84\xb5\x9cb86\xb4xw\xbc\xd7\xd7\xd2\x16\x8b\xbd\xbc\xe1\xf1\xb4\xb6\x1a\x15\xb2+\xb7.^,k\x0bZ\xba,\x96\x9a&gt;\xbf?\xd6\xeb\xeby\xfa\x14\xc0\x1e\xdd\xde\r\x90\x1c\xb8\xcb)\xb0\xaaa-U\x88\x84\xccO\x97\x8d\x06\xfdw\xba\xba\xaal&amp;\x83\xddn6\x1bL\xc6\xd9\x1b\xcf\xfe64\xd4\xe6v\xd7\xd4X\xdc\xc1\x98\xdf\xef\xf7\xf5\x0cv\xdc,.ix\xbc\xb2K20F)\x81\x9eSgZ#\x95\x1f\x18\xceI\xefv\x8e\x8f\xba\xdd\x96\xea\xaaj\xa3\xc9`\xb6\xebt\x06\xb3N\x01\xbb1{\xa3\xcb\x1f\x030w0\xe8\x8f\xf9z\xa2\x1d\xc5\xc5\xc5M\xf5\xcfw\x032\x87\xb9\\D\xc5\x98:\xdeB\xde\xa6a\x9e\x90\x8b7[\xfa\xfa\x14]\xaa\x15\xb5\xcc\xca\xcbl\xf6\x98LF\xa3\xd1f\xf1\xbb\xab\xaa\xdc}\x80\xd5\x1b\x1eV\xb0J\x9b\x9f\xbf\xde\x0c\xb1"l9;\x07y\xea\x14q&gt;C\x10L\xe0\xc5\xcf\xe31\xc0\xb2T)X:\xb3\xc7n7xr\\\x00V\xddU\xed\xb0\xb9\xff\xf8#\x18k\x0b\x0f\x0f\xe6\xb0nOE\x024\xf4"\xb1\xb3\xa6R@d\x07\x04\x86\xe4_t\x0e\xf7\x06A\xad\xaaj\x87\xc9\x0c%4\x18\x00\xc9\xa3\\&amp;\x87\xcd\xe60\x1aA\xae&gt;\x7f[8W\xc5?\xb1d\x88za \xab\xcaP\xd4\x94/\x9d\x83&gt;\x8c&lt;\xef\x8c\xfa\xfc}@e3\x1a\xcdz\xbd\xcel08\x1c\x8aT`\xb0Y\x07\xdcm\xd55\xeeQ(\xe2`\x07\xf4b\x03`\x85`\xa9\x10\x98#u\xb0N,o\xb1\\\x7f(2\xdd\xd9\xe1\xf3\x07\xa1\x86\x0e\xc7\xacG\xafW\xc0&lt;&amp;C\xce[\x0e\x9b\x02\xe8\xb0u)X\xd1A\xe8\xc5\x92\xa6\xc7\xa0\x16\xc9\xc2\xe6\xb5\xb3\xa1\x0e\xd6\xfc:\xdbO\x86"+\xaf:Z\xfcA7\xa85[e\xd2\xe9\xf5\xb5:\xbb\xdd\x0ehF\xa5\x94F\xa8\xa2\r\xaa\x98Sk\xb0\xa3\xb8\xa4\xb4~%\x12\x08)\x0b\xc7\xce\x81:E\x8cg`\xbd\n\xf1S\xf5e\xbdJ\x11\xabfm6\xa3]\x07\ta6\x9buv\xc5[\xe00\xdb\xecl\x95\x1b:1\xe6\x03\xac\xc1\xe2\xd2\x92\x86\xee\x85M\xd8x\x00L\x9d\x80\xd0\xc4\xd7a\xa3\xe2wW\xeeFc\xfe`\x8d\xc52k4)F\x87*\x1a&lt;\x06\xc8T\x07\x1c[uuU\rh\xe5\xeb\x19\x1e\x1e\x8cF\x8bKK\x9b\xea@.\xf8sdoR%\xact`/\xb4\x10\x81N\x84\x14\x87N\xb4\x81:\x1e\x8f\x01\xd42(\xe9\xe0\xf8/VPI\xd3hN\xad\xa6\x86\xfa\xdb+\x0b\x01X\xc3\xd4\x8a\xd3\xf9\x14lz\xfc\xee+p&lt;`)\xb1\xe5\x81\xc0\x82\xe1\xa3\xa4\x83\xc2\x943=pY\x00\xab\xa5g8:\xd8\xd1Q\\\xda\xd0\xd4\xfcjz\x01\xd6\xd7\x1d\x95\xb0\x96G`\x05\xdd\xec\xfe9\xdc2\xaa\xa8\xa5`\x19\xec:=p\x01\x18\x04\x831\x17\xf5\x00\x06\xe6ji\t\x87\x81\xeb)`\xc1i\xee\xe6\x01kI\x9d"Z\x93&lt;\xcfO\xff\xd8\xe6\xef\xf5\x07\x83\x80\xe5\x80\x91\xa8S\xf2\xe1?`F\xc5\xf2J-! ^^\xf1\x85\x87\x87\xa3O\x8b\x9brK\xe1\xab\xc5@\xe0p\xad\x1cQ\'N\x0f\x03+C\xf7a\xde\x01\x17`\x19=\x06\xb3\xfe|\x91N9v\xb3\xc7f3\xc1&gt;\xe1Q\xf2\xab\xda\xf2\xec%\xc8\x15\x8e*\xcb\xe0\xa3z8\xdb|\xe0\x10r\xeb\xd4)\x15\xb0\xd6\xbe\x06\xea\xdb\xfc\xfe^\x9f/\x16\xec\xab\x81\x1a\x9au\x97\xbf\xff\xf4\xeeImm\xad\xbe\xf6\x92\xd1d\xbfPT\xa4\xb7\xff\xf0\x83\xa3\xba\xeb\x0e\xc8\x05\xee\xea()m\xae\x03\xae\xe6\xeeH\xe00[^\xa9\xc2\x7f\xd6\x1a$\xfbe\xf7Z\x0c6\xbc^E.\xc5[f\xfd\xbbO\x7f\xf9\xfe\xf2\xbb\xf3EE\xe7\x8b.\\\x80X\xd5\xd7^\xb8t\xa9\xb5\xf5\x97g\xf7\xef\x87;n\xde\xbcY\\Z_W\x07jM/\x04\xf8\x7f\xfds\xe6\x1f\x95\xffo\xb9N\xe5iV?/\xfe\xda\xe2SN/$\x97\xe5\x17\xb3\xee\xc9\xbbO\xc0\xf5\xe9\xf2\x93\'\xe7\xffM\xab\xd9\xbe\xa6\x95\xa6a|\xbe\x86\xed\x87f\xa1d`a!\x906a\x8e\x0e-\x9e\xb1sR\x0ctw\xf1e\x13Z\xe9\xa9\xd1\xa0\x9d\xcc\x9c\x82kB4jI\xf1\xfd\x05OY\x97h&lt;\x04\x91M\x90\x98MP\x8f\xcc\xc4\x90#\xd1\x98\x0fJb\xb6\x01k1qB\x06\\31\x9a\xe9\xd0\xb4;i&amp;\xe9\xec\xd2v\xa7{;\xf3/\x98\x07?(~\xf0\xc7\xfd\\\xcf}_\xd7\xf1\xb9\xb7\xd5\xd1\xdd\xd5\xdb\xde-\x7f863\xf7"\x16\x9b\xda\x9d\xf5$q\xa9\xf4W\xac\xd8\xe2\xfd\xd1P\xadZ\xfd\xa1\xd9O\xc4\xdb\xf6\xf7\x9f}\xf7\xbc\x81\xe5\x03.\xbb\xde\xb8:\x0f\x89g~\xe6\xcd\xf1\xdb\xa5\x05N\xf7\xe5\x8e\x05\x0e\xa8^;\xdc3\xbf\xfbU#\xce6\x92\xe3\xc6\xc6\x93\x94\'\x8a\xf7K\xfb\xd76\xef\xdf?b\x8a\x15\xe6Z\x93\x93\xebc\x87d~\xd36\xad\x1cp\xd8\xd5v\x13\x1bO\x85\x16C{\xb9Pjevn}X\x03B\x13w\x82\xa6\xd2\x83}\xe6\xd9\xd0\xe8h(\t8\xb3\xb6\x10\xbc\x89F#\x93\x04`\x8d\xae\xb1\x98J\xe5YSOcK\xcb\xcbwN\xafm\x16\xb0\x0c\x125\x82\xe3\x041\xb5:3\x8f\x81]7c#\x9f\x05)\r\x97\xcb\x17\xa2\xfe\x80\x153\xf7\xe3\xfd,\xb7Z\xa9\x0cx\xb1\xa1I&lt;\x8a\xe3\x11\x82\x88m\x8e.\xb2YL\xe9d\xe6\xa3\xa6R\xfdf\xfb\x9d(\x8d\xef\xcc+A\xf2\xf0\x83}\x83\x94F+\xef\xe5i(C \xe0U;\x82\x16\xc0BU\x12\x13H&lt;\x92\x8d{uT:\x18\xd0c\xd3Cf\xa2\xd1\x1f\xfa\xd7lOlFY!\x0f\xbb\xd8\xd2L\xac\xeb\xa7g\xa8\xc8l\x9b\xd7\x19\x1cJ\x9d\xdfI\x81\r\xd4.=\x18N\xc0T\x86N\xa0\x1e\xb0py|\xd1\x80\x9e\xa9F#\xd0\xa9l\x8b\xb0\xbbQ){h\xcal6+\x08\x02_\xb3}5\x8b\xf5\xc8\x8a\x95\xca~3\xb1.\xbe&gt;\xfb\x8f\x85\n\xaca\xd0\xb7T\x94\x1f\x8cKp\x10\x9b\xdc\xd9\\L%#q\x08\xd1\x0e!\xaf\x97g1 \x91h\x15\xc7\xa3\xcf\xff\xfd\xd7\xdf\x7fq\xf7\xd1\xd3\xbdTDa\x9cF\x14\x04\xde?\xbb\x18\xc3z\x06\x99\xca\xc9\xab&amp;\x8a\xab\xa5\xed\xe0\xdd6_\xe3\x9fZ\xd59\x06\x84|4\xe8\xcbV\x8fr\x9f\xff\xf9/\xbf\xfd\xfb\xe7\xa1Z\xdd\xad6\xa0]\xed\xdd&lt;?B\xd4\xaaLm\xee\xc7\xef\xfeu\xf7\x0f\x8b\x8bO\x9f\xee\xd5"\x88\xdb\xc4""\xf8\xda"1-\xb3\x1a+\'\xcf.4\xaf\\-\xad\x0f\xde\x9dr?\xf6\xcf\xf5)%N\xbe\x80\xef\xb4\xd7K\xefk;\x1b\x8f\xee\xde\x7f1u\x94\x8f;(\x94\xdb\xde\xcd\xd5\xb1#\xd5l\xbe6s&lt;U;:b\xea\xd5\xa3Z5\x1b\x07\xd7\x05\x87 \x96\xac\xe6\x99\xba\xa9\xd4\\\xac\x8b\x87\xef\xca\x9c.j\xda+\x91\xa8\x00K\xe8\xb7\xc7\x0bq\xbd\xd9S\xc3\xe3\xd9&lt;#1\x04\x9d\x96\xde.\xbe#\x8bG\xb3Y\x93=\x10\xd07|&lt;\x93W &amp;\xb7\xcfgR\xe0\xfd\xc4l\xa9\x94/\xb1\x9b\x8f\xa5\x91\xa3e\xcc\xeb\x90\xf8\x85|\x88\xf4\x03\x03e\x7f:\xed5\x15\xea\xf5\x82z\xc0\x10,\x8b\xbax|g\x1c\x8fF\x10\x99\x1eL\x8d\xcf\x17g\xb3\x8d2;\xb8T\xbb^\x81\xe3\xbb\xb1z\xbeT)\x02VS\xb5\xf5\xf0\xdd\xb2\xc5yj\xb5J$\xfe\x86\x8f\xe7[H\xd2\x82RJ\x1f\x14\xcd\xebw:\x9de\xb4\x13\xfc\x8c/\x12\x91\xb2\x8d&gt;\xaf\xd7k\xf7\xb9}\x81A\x9d\xc3aw\xbb\x8d\x80\x15\x9b4\xc11\xcc\x96*\xfb\xad\xcd&lt;\x89Kg\x9a\xf2)\xfa\xd9\x04\xb8\x07\xc8\xf9\x8d4\xa6]\xb6P\xfe\xa0N\x97\x1e^\x0e\x0b\x9dN\x0b\x8fG\x8a\xec\x0c\xc32b\xd6\xf4XO:\xe8W\xc1\x97JI#\xf4+"\xfd\xb1\xc9\xbel\xa5\xc2*5\xb7o]&lt;8CO\xcf\xc4\x0f\xacj\x89\xc3)D!\xd3\x83\xad\x91\x8b\xc5b\xb9\\\xbe\xd0\xd1\x89\xa2|\x0b\xb7\xd3%R\x17\x8al\x90V:1\xac!IT\xa5R\xf9\r\xe0\xbaX\xd0Rw\xa7\xfa\x8a\'\xd5\xec\xc9\xdc\x9d&amp;\xf7\xadr\xf9\xac\xf7\xad\xd5\x0b\x89Z\xd0\xf9K&amp;\xbc"\xef\xe6\xc8\x17\xb6\xee\xdd\xee\xe0B\xf9\xf8\x02\x17I\xf9\n\x0c\x83\xd8\r**A\xba\\. CQ]@\x8f\xc0\xf0\xd95\xb3*\x15s\xfe\xe4\xf8FS\x87\xcf\x87\xdb\xa7\x9a\xb3\xd3a+\x0c\x1a\x94\xdb{\xab\xe3\x16\xa7\x8b\xa6\xc5`\xe5\xaf^\xdd\x127vU("a\x13\xd9\nE6\xae\xa4P\xd2\x15\xa6i\xba+lA\xd3\x13&amp;D\nXD\xa9\xc2\x14J\xd5WM5\x82-\xadKgZ\xea\xcc\xdfgU\x1a,\xdc\xae\x85\xad\xab\xb7`\x0bi1\xe7V\xc7\x16\x87\xefD\xc3\x02\x91\x13\xca\xe3\x80`\x98\xcd\xea\xfdP\xab\x0c\xbch.\x89\x06\xbdF6!\x8d\xed\x1c\x95\n\xac|i\xeeNsM`\xcbx\x19\xedu\x9ebV\x9dJ\xc8\xe7\xc9/w4\xa82\xda^yw;O\x08\xe9\xcc\x82\n34\xe9\x88\xb3\x14L\xc1\xad\xf6\x93\x99\x0c\xec!\xac\xb4R\x8f(\xfa\x89\x98\xed}Q\xc6\x94\xf2\xc7\x17\x9a\x8b\xd5\xfa\'W\x99\x12\x9cN\xcf\xe8\x9c"\x0b\rJ\x07\xb5\x8bi:\x1c\xe6A\xc0\x87F&amp;\x12j2\xe2\xf0@&lt;\x1b\xa9\x16\xe3\x92\x01\x8a\xcc\xd0\xbf\x88+8\x81\xb1\x14\xd2\xc9\xddd&gt;n*\x16\x87\xf6\x9bl\xe6[\xda\x16D\x96.\x016\xa7+;I\x1a\x98@^\x80\xe6r\xd1\xedW\x04*\xbfS$\xa4\xe1\xa3\xc6\x97e\x98|\xd1\xed\x07,X.\xd4\xaf\xf3N\xb3\xd8\x8a\xd8\x8e\xad`B\xea\xf57\x9f4\xdb\xcb\xb7\xbe^\xee\x94_\x99\x99\xd3\r\xa0\\Z\xce\xb9z\xf3\xe6\x01\xa7Q/q\xd8R&gt;-\x8b,\xe1\xcb\x07W9\xf2 \x8b\x8d\x14\x8ay7\xea\x02*\xda\x85\x06\x03\xb2i\xa8Vls\xa5\x80\x14\xea\x85W\xadMOd\x1f\xb6w\x89\xbbzV\'\x82\x16\x1a\xb0\xee\x8d?\x1e\x07}\xd1\x19\xd2Y\x16\xf1\xc3Z\x9e\xf8\xe6\xe3\xdb[\x0b#\x08&amp;\xd3gKy;\xe8\x1dj\t\x82o\xe4}il1U\xcf\x16\no&gt;m~P\xbctS\xcb\xed\xee\x99\xea\x0bjh1-\xbf\xfd\xf8\xf5\xf8\x82\x98&amp;E\xe52*\xdfZz8\x9cY8XX\xd0b\xc4\xe4\x10\x16\xcf\x1f\xe5\xfd\x19\xe8\xb5.\n\xce!\xd2\xa8\xd6\xf3d=\x8b\xcc\xef\x9f\xc3\x13\xae\xd6\xebZ\xfe\xc7\x83SV\x7f"\x0c\xd2:\x18\x1f\xbf\'\xce\x90\x06\x83\x88\xb4&lt;\xe813\xec\t\x8dX\xac\x1d$r\x1b{x\x96\xa9\xd5|\x19:\x93!)\x9d\x1e\xcc\xbe\x82\x88-&amp;\xe3\xa6\x99W\xe7\xf2L\xb7m\xdc\xd5\xbb&lt;\x87\x19P\x81\xa0\x0b&amp;\xcee\xb1\x8b\xd4\xf9\xa8\xb0\x8b\x0c2\xa5\x02\x0c\xc2\xc4H\x9f9\x9aL\xed\x1d\x15\x19"bJ\x84\xa1E\x04\x03n\x10\xbc\x14\xdfy\xfe\xe2\xcd\xb3k\xe7\xf3ou\xeb\xa5\xf1\xa5\x87sC:T#\xe0\xf6r84_\xa4\xce\xea5\x1a\xd2u\xb8\xbdM\x8a\xe5\xcb\t\xd9$!%&lt;\xc9j1kDL~\x98&gt;\x16\x83\x17\xe2\xbe\x02\x92\xd9?\xbf\xbcs\xe3\xdc.\xdb\\\xba\xfe\xb7\x1f\xe7\x03A\x14\x82&gt;\x87\x93A%\xc5\xbcNC\xa2\x14\xa59\xec\x19\x1b\x1b^\x1e^\xef\x1b\xea\xf7D\xd7\x98,\x82 \x12\x18@\xa8C\x0f\xf6A\x1a\xb5\xd9~\x02\xa8\x96\x0f\xcek\xb5^\xb86\xe3S\xab\x1aO\x02iR\x17yoL\x07\x13\x1aJ\xe2\xed[\x1d\x9a\x1a\xb2~6\x81\xc5VB!\x0f\x0e)\x03G(\x01\xa9R\xea\x8d,\xa94\xea\xd9\xfc\xf6\x9c\xef\xb2|\xb4\xee\xf3*Q&gt;\x8f\'\x18\xc07RF#2\r!\xd5\xcc6\x9a=\x84l\x95\xe8O\xae\xa4r\xb9\xdc\x93\xdc^nEf\xe1\x8btz\x96\x82\x88x\x92;_\x9f\xef\xdd\x9f\xb6O\x8f}^\xbb\x93\xcf\x15P\xd2\x8d\xbd]\xb3\x02\x04M\xb01\xeb\x88u\ns\xaf\xca0\xe3\xf4\xf4\xa4\'\x14\xca\xed\xed\xedyt\x16\xc0b3\xc4l2\xf9\xe2\xcb\xf3\xbd\xc5\xd5z\xe3\x99[/\xf3\xf3\x05\xa8=\xb7\x97\x9c\x1d\xb2Bx\xb6\x8ei\x1fh\xb5\xffH\xa8ud\xe20\x91\x9e\xd0\xb3\x89h*5\x9aCPT\x89\xb1\xf1\xa8\xc7c\xfb\xe9\x8f\x1f\x9c\xefj\xdb\xf7\xea\xb1\x00xy}\xce\x13M\x1e\xad\x0c\x8d\x04t/_\x1e\xc2\xa89|\xf9\xcd\xf67\xb0\xbe\x8f#\xd2\x08lf*B\xf1\x95\xd3\n\x8f\xc7\x83\'\xbf\xbdq\xce\x17\xb8Z~\xb7\xee\x95\x05\x12an\xb0\xa6\xf0N\xcc\xe7\x1e=\x9f\xef\xfb\xfe\xd7\xf5\xf3\xcfuX\xc5j\xe9(\xb4\xf1h\x03h\x12\x82\x80Q\nXk/\xbe&gt;\xf7{e\x9f\xfc\xa0V\x07F\x12&lt;W\x96\t\xa6\xb5\xeb\xc9\x95\xe3\xff\xbe\xfd\xdf\xd8\xfaz\xdf\xccjau\xce&lt;795\xf9\x7f\xde\xcd?&amp;\xcd\xfc\x8e\xe3\x1b\'n`g\xaa\x07-\ri=\x8a(\xf2\xab\x12\xac\xf0\xe0x\xe6Z\xaf\xe6\xca3\xe2p\xca3q\xd0i\xcb\x06}D(A\x8b\x08mL\xb8;.J,\xf5\xdcA-\xe5\xc7\xa83\x859\xe7\xd1\xaa\xb9\xdb\x02\xedj\xda\xce\x9b.\xd6.Yv\xcd\x96^]\xd3\xee\xd6\\\xd2\xb9\x9eY\xb7\xcfC\xff\xdb?\xf7\xab\xf8\t~#\xfc\xf5\xca\xfb\xfd~&gt;\xdf\xcfW\xbezS\xc7\xf6^\xd5\rwY\xad\xa7D\xed\xad\xd1h\xf4_\x85\xbf\x87W\xf6\x18\xeb\xe9i\xb3\xdb\xd4=\xbf5\x8d\xda\x96\xef=[w\\\x7f\x02\xc5\x16\\\x7f\xac\x95\xfe\xfb\xee\xc7\xf7\xef?\xbc\xed\xfb\xdb\x9b\'\xda\xb1\xaa\xd1\x13\x9d\x93\x93\xd9\xe8\xea\x87\xfbw\x16\x1a\xebk\x07\xff\x89\xb5\xd9\xed\xb3|+\x82e\xf4i\xcd\xa3\x8dubf\xe6\xbb\xd7\xe5\x8a\'O\x145\xf7?\xfe4\x12\x99\xfb\xef\xcd7\xedm\',\x1cB\xd4\x19\x1dn\xcd&gt;\xbc\xb1\x05\x97\x88\xcb\x1e?\xc5\xc6M\xf6:\xd5\xfc\x89\xd1\x96t\xad\xfe\xd1\xc6\xc6\x9d;+\x8ff\xd2-\xf7ff6\x9e\xad\xff\xfe\xe6\x1f\xff\xf0\xcb\x91\x89\xb1\xf9\xaa\xd8\x80\xae\xabu2\xba\xf8\x91\x7f+\xb0\xde}\x1a\xc7F\xda\xc6\xea3&amp;\xfb/4\xe9t\xcb#\xa0jY\xfe\xcd\xca\xca\xca\x9d\x95\x95\xf5\x8d\xf5\x9b7;\x91\x11\xfb\x84\x95o\x84\x91\xa65\xbb6\xfdP\xba\x15W\xae\x99\x9f\x04\x17p\xd3\xe9:\xd5h #Kkx-\xd0\x1a\x1em:\xc8\xee\xb0r\x0f\x1e\xc8_\x8b\xc3\x0b#\xa7M\xb3I\x8fH\xac\xeb\xca.N?e\xef\xa4\x15\x1ek\xdb&amp;\x12r\x99L\xa7\x07\xad\xd6L\x8bF&amp;\x93\xe9\xa1g\xad\xdc\x01+\xeflll\xac?C\x10\x1c?e7M\xcc\xe3.w\xd7Eoj:\xb2%X\r\x9b\xf3\xa1`\xe0t\xdb\xc9\xd1d\xb5Z/#\xab\xc5v\x0f\xc8\xc0\xc5\x8d\x15\xc2\xe3\xc1q\x043\xcc\x1bO\x0c\xb8\x82]\xd1T\xefTD\xba\x05X4\xa6c\xd4\x10\n\x9aN\xf7\x9c\x1c\xcc\xa8mj\x8eL\x063\xb3\x13E\xd1\x9c\xd1n\xcc\xe5&lt;\t\x04?e"\xc6G\xc2B\xa1\xae}\xba{R\x18\x97\x16\xbe?\xd0h\r\x8e1\xabaj\nk\xeb1\xa16\x9b^\x99^\x9e\x89\xa1\xb9\x85Ph\xc1\x8c\xc4\xe3\x11\x0c\xf7\xf4\xb4\xc1\x81\xc7e\x0e\xea\x82\xdek\xd3"Q\xdc\xbf\x15X\xcc\xcd\xd1\xc1\x0c:5\x85\x0c\xe0\xf3\x99\x8c\x83\xa3\xafL\xf7Yr\xe65o6h^H\x10\xf6q{[\xcf\x80\xdb\x1c\n\x06\xa3\xde\xee\xdev\x918\xee/\xdb\n,\xc7\x0f\x0736C\xd4\x1b4\x13\xa3u\xf5\x12\xb5\x92\xa7\xbfg\xc4\x12!7f\x9f\xb5Z\xeb\xc6N\x9e\x1c\t\x9bCk\xd9\xe1\xb9\xee\xee5\x18\x9a\xcd\x859[\xfc\x7f\x83 \xb1\x92\xf5\x919o\x16\x06\xfbfU\xb5M)\x8b\xcd\xa2\xb9\\.\x93L\x02\xd6O\xc7&amp;\x103\x12\xf2\x0e_8rd\xce\rX\xeeO\xceoA\xe3bn\x8e\xc10_oM\xac^\xc9b\xb36&gt;\x9f\xaf\xd6\xa7\xf56\x0b\x8c\xf3(j\x9c\x1f3\xd9=fwp\xed\xf2\xdc\x91\x03\xd3\xd1N\xb1X,|pf\xa8\xe0\\`\xe2\xc4`\xb3*\x99\x9c\x8f/.\x06s\xb1\x16\xbde\xb6\xcej\xd3;r\xf0,\x1a\x02X\x18\x87):\x98\xf5\xa6\x8e\x1f\x99\xce\xea\xc4$\x96\xf7\xe8\xb9B\xcf\x104ZI\x1eKU?\x9bC\x16/\xe0\xf3(\x8a\xe1\xf6Y\x14\x8d9c}(A nsgvm\xca{\xeb\x80\xefV\x94\xa4\x12\x89E\xc1\xc3\x1d\xe7\x86\n\x1e\xf9\xbe\x89C\xf5\xaaj\x95\x155,\\\x993\xc7\t\xa3\x0b1\x18s\x84\xb3\x0f\xf5$"\xe6`vxqz\xb1\xd7w 5\xd7\xaa\x03\x0f\xdd\x00v\xbc\xa3\xe3lacO\xa31\xfa\xc6\x063|\xbe\xcd\x96q\xce\xe2WR\xde8\x8a,\x10\x1e\x82\x88G\xa0\x95\x9a\x83S\xde\xe9T\xaa\xd7\xe7Ky[\xbb\xba\xc8h\x89E\xc2\x0b\xc7:\xfa/\x156^4Fl\xcc\x9a\xbf1\xe2\xb0\xa0\xd6D\xaa\xd7\x1b\xc9\x11D$\x92\x98\x9a\x82%\x14][L\xf5\x1eyg\xe9\xc2\xf0d\xabN\x0c\x0f"\x88%\x8c\xfa:~\xf2\xe1\xfe\xc2\xea\xe5\xcf\x8dZ\xab\xf3\xf7XlN\x8b\x05\xb8\x16\xe3\x89D\xfeJl4\x14\x0f\x82V\xdd&gt;_\xefe8\xc1v\xe9\xc4B\xa1X$\x12\xbb;\xaf\xed\xd9u\xee\xd2\xc1\x86\x02n\x8d\xe7\x7f\x87\x8f\x0e\xaaH\xaa*~\xc6\xe9tF\xe6\x96n\xad\x86\xa0\xa6V\x17\xbd\xabs\x17\xba\x97~\xe0\xbb5\xd9~\xf1"\x04K\x04X\xf9\xd4_=\xd6\xf1\xad\xf7\xd8\xd2\x83\x05:\x01\xd1\xca\x1a\xde\xfe;\xf6\xda\xa0\xaaJ\tUe\xcb@\x19W{\xaf\xde\x9a\xf3z\xe7 R\xa9\xee\xe3&gt;_\xb7\xb7\xbd\xb5\xbd+Oe\x16\x82X\xf0\xba\xf2\xe3\x8e\xc6\xb3\xd2\xbbR\xff\x07\r/\xfeo\x11\xb4\xed;\x19\xef\xfe\xe9\xf6\xf8k\x87TU\xe4&lt;\xa3V+\xd5\xb6\x8c\xd5\x12\x19\xbe\x06\xb5\xe4#k\xa9\xfb\xb2N\xdc)\x0e\xeat\x9dn\xb7\xdb\xec\x12\nEBQ\xe7\xa4\xaf\xf1\xf5\xf7\xfdPw\xd9\x8a\x86\x17&lt;\xe6\xd0*(t\xfa\x07\xe7\x8e\x8f\xd75WKd0/s82%\xdff\xcd\xf0\xadD|\xea2y\xc2\xff\xcb\x95U\xb7\x0b\xc2d\x06"\xb7\xd0l\x0e\xbbD\xa4^\xe2\xae\x03\x8d\xfb\xfa\xef\xfa\xfdRxI\x05/\x12l{E\x89\x82[\xdcp\xa9\xffv\x006B\xb5\x92\xc3\xab\xe4id\x9c\xaa\xfa\xe6\x8c\x8d_\xa5\xe6[\x8d\x18&gt;0\x80#\x0b.3Y\xae\x85\xb0+\x1cF\xc2.\x17\xf90\x06\x0f\xec{\xbd\x1f&lt;\x94J\xfdw\xfdC\xec\x83\x0c\xfa\x0b\x9au\x98Tn\rw\x1b\x9d2\xd4\xbf4&gt;\xd8\\M\xde\'\xe3\x01\x96L\xc2\x07\xac\xa4&gt;\xcd\xe3\xf0\x93\xd0`\x038\x82\x84\x81j\x81\x1c\x9d\x11\xa8\xb0K\x08\x1d\xc2\xfd\x1c\x0b\x8a4\xd2/ek\x15\xcc\xaf.\x19\xad\xa2\x84\xcb\xe56Q\x98\x14\xc6P\xff\xe1\xf0\xa1f\xb5^\xaf\xe4(y\xb5\x952\x8e\xa4:\x99L\xf2%\x9cZ\x1el\xd79\x0f\x86\xc0\x9eh\x0e\xe3\x18\x86\xe5\xb1\x10\x17p\x85\xd7v4\xee\xfb9h\xc5f\x93\\~\x92O\xab`1w~\x85\xfc\xd3\xb6W0Y@U\xca\xa5@\xb6\x86\xfa\x8fy\xadIu\x95\x84\x93\xbf&amp;\xa5\xe1q\xd4*\xd8\x8a\xd4\x9c\xca\xca\xb4\xc3i\x0cx\x80\xc6\x1cF\xf0\x00\x86\xe3y2\x90K\x88?h\xecx\xfd\xccy\xa0z\xce\xc5\x96\xb3\x81K P\xb0\x1a\xbed\xef\x07(\n\x8bU\xca---e}\xb3\x98\xde0\xd4\xbf\xb7\x17U\x91\xdf\xdb\x81\x8d\x95P&lt;\xb5\x8a\xbc\xba\xa8\xd4\xd4\xfe(\x8d\x12\x81\x00\xf0 8F\x10X\xbeH\xae\x81\x81\x85\xdb\x8d\xb0+j\x01\xab\x06\x16\x88\x98\xbc\x86M.r\xb9V\xd1\xf0e\x9a?\t\xc5%\xa1\xa8\x80U\\D\xa7_z\xff\xd5\xc3q&gt;\xf4-\xbdD\x02\xa9\xaf\xad\xad\xe5\xd8lJ\xb2\xe9+e}\x1e\x0c\xf6F\x00\n\x18\xe7\x8d\x01\x10\xce\xe3\x19A\x12H\x18_\xfb~\xc7\x9e\x97\xde\x13\xb0\xb5r\xb9\x9cT\xcc\xaf-mbK\xd9\xf0N\xae\xd5\n\x14_\x14\x8cV\xc4\xa46qI\x03\xa9P\x8c\xe2\xa2m\xf4\x83g\xcb\x8f\xa5b|&gt;\x07\xda\x03\x8f\'\x03\xae\xb4\xa3E)\x93\xa8\xf96\x8b\x11#\xe0\x00d\xf4\x04\x8c\x06\x83\xd1\x08\x86\x82t\xa4`\x89TGy\xe3\x1b7\xe4lm\r\x08\x04pR\xa9\x9c\xca\x05\xd1\xe0\xad\x96\xfc\x80U\xf1E2\xb6\x9d\xc9\x00\xff\xa8,\xa8\x12*\xb5\x04\xb0*\xe8\xa5\xbfz\xe9\xe8\xd1\x87\x95UJ\x8e\x04\x0c\xd4\xd4./\xd7\xa6\xf52MeZF\xfe\xfb\x03\xeat\xa2$\x11\x8a\x02\x18A\x16d\xcd\x13zgW\xf9\xde3\xe7A\x9d&lt;\x96\xbcI.e+(,\xa9\x9f\xadP\x90\x9f\xb1\xd9\x82\xcf\xbf+A\xf7,\xe56\x81w\xa5T\x06\x83B\xca\xc5,*\xa2P.\xf5\x7f\xa7\xfc\xdb\x9f.\xeb\xab$\x1a^e\xbed2\x8d&amp;\xad\xe1(m}\xb1\xfc\xe4l0\x1a\xe0\xd8\x086\x02\x95\x11\xf4"\x1e\xec\xde]\xbe\xfbm \x90755\x818\\\xae\\\xaaePXl\xe0j\xd2\xe6\xad\x14\xb0\x8a&gt;\xd7\xf7A\xb42&amp;\x05\xf2\x04\xc5--\xa1P(\x0c\x90\x8b\t&amp;~}\xff\xd9\xdd\xaf\xbc\xfa\x8f\xcd4&lt;\x8b\x10y\x1e\xd9\xbc4\xa4nJ\xbd\xa3/\x16\xb3X,(\x88\x05\xc7Y\x83\x81 \x02\xa0X \x90\xb8]\xfe\xca\x9e\xfe!\x01D\xbc\x06\xb8\xd8Z\xc8\x05[\xaa`\xd0\x19R\xbf\xa0\x94\xab\xcd\x83\t\xb8\x94\xa2\xcf\xe6*\xdb\xc6\xa4R\x81\x08b\xc5\xa2R\x01\x8b\xca\x02\xb8o\x14\x15\xd1\xb7\xdd\xf8\xd9\xee\x1d\xe5\x1f\xfd\x87\x97\xe7\x82V\xcf!\xd5\xaa\x84\xce\xaaw8\xfa\xfa@,\xd2KK\xdeE\xa3\x91\\Vw\x97\x97\x97\xbf\xc5T\x80]\x80\x05\x965\x95Rk\xa4l\x16\xbdX!\x95*\xa8\xac\x1a\x12\xacF\xa0\xa0~\x96`\xb4\x9dL\x06I\xf5\x1c\x8b\x95\xc7"\x97bp\xb1a\xff\xd9\x1d/\xef\xfa\xde\xd3\xbfr$\x12%y/\x9d\xfcQr\x00\x8d#\xd1;b\x96|\xc2,\x16\'\t\x04\xbf\x1ar\x91?\xefzy\xd7\x1bC,\x10\xaa\xa9\x06\x84\xfa\x1f\x9f\xe6\x13\xda6\x9a\x86\xf1D\xb2\x14\xf7\xb3\x94/\x91dE\x92%\xa2\xa2nY\xeb0\x9b\xec`"*\xb3^\xaf\xd3\xd3\xa0\x9a\xfa\x98\x90.\x03\x03\x86\x9e\x16\xea\xc6\xf7^\xc2:\xa7\x10B\x06B\x0e\x81\x9c\x1c\x0c\t\xf8\x96\x14\xc2B\xc2\xf6\x12\x0ce\xa0%\xd0\xc5\x87\x94\x19J\xdb\xa5\x87!\xdd\xa5\xb0\xcf+O\xa1\xcb\xfe\xf9J\x03!\xb1\xf5\xd3\xf3&gt;\xef\xf3\xbe\n\x0e\xe7\x17\x82\x9cT,\x84\x92L\\\x81\x10\x84\xd4\x0b\xe1\xc2\x82515\xfd\xff\xa0\xd8\x88\x8a\xb2jr\x84\x95\x93\x0c\x81\t9\x96\x91\xd9\xcc\x93\xb6/\xda?\xfccxst~\x05\xa5\xee@\xb9\x9b\xb7\x7f\r\xac\xbd\x87\x0f\x1e\x80\x8a\xb0\xfe\xf8\x00}\xf9\xe0wo\x12\xd3\xf4;y\xcb"\xa9\x82\xc5 B\x15%\xc3Z(Dr\x06\\\x05I\xb0\x90\x12\xd4\x92\x8d\x88)S7\xfe\xa7\xd5\x01\x95\x93\xa8x\x88+)\x80\xd7\xb3y\x03\xae\x97e!V\x04Y\x89O\xdc\n\xf7/\xdf\x83\xeb\x0eQ\xcd\x01\xeb\x0e}\xbe\xf3\xf67\xa8"\xdc\xfe\x10\xd6\x7f@\xb5\x04\xdd\xc3\xbf\\\xfa\xee\xdd\xa7\x17\x02M\xaf\xe2\xa4\x14X\xa5F\xa1\x88\xb7\x0b\n\x05\x0b\xe2\xa3\x9a\x06\x93\xc2F\xa31\xe2b\xff=\xc4\xa6gX.\x97K\x1b\x0f\x07\x86\xb2,LB#\xee\xd7\x0c(\xc5\x14\x84D|\xf1\xc2t\xd5\xe4\xed\xeb\x95;\xdf\xa0\x84\xb7\xe6\xc8\xf1_\xf7\x96\xbf\xba\xfd\xa7\xbd\xbd=\xf4"9\x8ctz\xbc\xba\xf7\xf8\xe1\x9bD\xf4\xb7O\x98e\x05\x8bQ\xd1\x12\x8c\xdd\xe3\x8b0\x0c\r&amp;\x04\x85"\xde\x8e\x85\x7fn\xa0\xd3#\x92\x0bp\xf8A\xfe?\xe7\xd1\x8d)\xc5\x80T\x9f\xb1\xa0\x90\x81\xd8bq\xed\xf4\xc5I\xcc\xf2\xcc`\x10^V\x9e&lt;\xd5T\'\xf9\xe9\x9f\xbd\xafH-D\xea\xad{\xf7 \xd9m\x88\x85^\\EK\xd2\x1f\x96\x1e\xaf&gt;\xda[}\x7f\t\xacn\xcd\xa0P.\xe2\xa2\xf1I{\xe3\xe5E)\xb2$#h,\xa0\x1bYHaa\x04$X\x11\xe9\x81_\xf9w\xc1nL\xcf\xc8\x80B&gt;\xa1\xef\xac\x94K\xa6``\xa5\xe3\xce\x9a\xdd-\x19y\xc6\x08+\xa3\xc4\xa7m\xae\xaa\xad\xabO=t"\r\xa0Q~\xa1\x15)$V\xd3\xfc"\xd5\x8e\x1e\x1dA\xac\xca\xce\x01\x8a&amp;E\x11D\x92\xe3\x13\xf17\xee\xc6\xab\x03\xdc\xa0\x14\xc1\xf6\x00\x0b\xe7CC\x10"\xc2*\xa2+\xa1\xc2\x17\x1f\xca\xa6E\x01\xd2\x04\x01\xb5\x9cE\xe3\x06n\x17\x0c\x90&lt;\xe9\xees\xdf\xec\x96\xd8\x88\x0b\xed\x18\xc7[.w\xf8\xf7\x1f\x87$\xd5\xca\xca\xe0\x16}|\xf8\xde\xf2\xd1#:\x080*"T;\xea\xbd\xff+O~|\x19C\x0e\x141\x0c-!~\xe5j\x9a-\xeew\x9e\xd7fY\x08\x971f4\xe6CY\xc8Ga\x031Ql\x14"p}\xd1}9\x89\x94\x96\x84,\xb4Js\xd4\x82\xa7\xe2\x83N[\x17\x13\xd5\xdf$,\xb8\x0bQ\xaf0\xa5\xdf5\xb9\xea\xfd\xe1\xc3\xfa-P\xd5W\xe6\xd2B.\x1fA\x9e\xa3\xe5\x9b\xcbx\x82\x84V\xcb\xbdA\xf5\xaa%z\xddZL\x17\x8f\x10\x9c\x96\x1c\x1f\xaa\x9a\xee\xfb:on\x1c&gt;)\x19Qd\xc8\x8a\x85\xf8\xca\xe7\xe5\xa0\xb8\x00\xd7\x11\x97\xc0&gt;+\x956_\x80,\x90\xe5\xfc(\xdd\xf1]\\;\xee\xb6E.:\xa2\xea\x9d\xd5\x80$\x83+C\x99:\xd3\xdf0\x13\xae]\xbe\xab\x0fV\xeau\xe85\x00\xd6\xd7Gtz\xf7\x96W\x1f&gt;\xde\x83T\x83\xeb\x9f\xcb\xc9\xfd\x9d]d\x0b\x83Z\x0b\x85\x10\x05:\x14m\xd34\xf1\x86\x9a\xbb\x86b\xd6J@\xb6\n\x85\x08\xf3\r\xe6\x8b\x1aa1,\x84\xc2\xe79#\x8dX$\\\x9bJH\x9dl\xf4\x9fu\xdb\xdcv\x12U\xe5\x8e\xff\xa2\xc6\xf2YY\xa6\x1a\x12\xd6\xcc\xeeNE\x14+o_W\x87\xf5:\x81\x91\\=\x1c\xe4\x05\x19\xecQ\xaf7\x18\xbe\xbb\xd4[?\x9e\xc6(&lt;\x13(\xd8#\xcb\x00\x96\xe6\xfb~"rO\xe4\xba\xbb\xdf}\xd6\x8fc\x165\x10\xfa\xb0\x10\xd4\x82\xc3\xc2FHT\x8cB3\x97\x0ee\x89\xc9\x86%\xa1zF\xe9\xe2\xe5f\xdb\xd7\xb8\xa8\xea*\xe7\x8e\xb7\xd1\x97\xf3\x19\xb2\xd6\xec\xd4\x94\x82\x13\x1f?\xd5D\xf5\xdb\xab\xebj\xbd^\xad\xa6\\s\xa9\xd1\xb0=\xc3`\xbdAo\xf0\xfam\xab\xe5\x1c\xc61\xee\x05\x06/ \xdd\x03`9\xb6\xae{-\xf4\xa7\'6E\xdb^\xdb&lt;\xed\xc7\xd0\x0b\xed(\xb0\x88\xb8\xc2\xa8\xd8\x18\x9b\x9e\x95%\xf0\xe4r\x93\xe9|\x11\x8c\x08\x8eR\xfa\xcf\xb76\xb6}Q\x15M\x0e\x13\xa1\x8c\xde\xce\xaeL\xd6J\xe5R\x14\x90\xc5\xa7k\x9a\x98\xb4\xce\xce\xab\xa9`+\xbf\x9c:\x1a\x00\x95\x1c\xcc\xad|\xba\xf2\x13o\x13\xb5\xa7W\t\x8bx\x12\x9b\x0c$`-\x99\xba\xd9JTn\xeb\xae\xa3rO\xdb\xde&lt;\xad\xc1\xf7\x98\x8e\xd4\x96!\x96\x9f\xc5`\x8cIX\\\x10\x07\x16\xcc\x8e\xee7"L\xbdg\x9d\x9dm\xd1\xe3\xaa#\x9a\xa6\xee\x89"w\\\xf3\xe9AF\x16\xd2F\x9c\xc8\xccL\x81+.\x9dl/\xe9^\xf2\xf3y*V}eH\xff\xea\xf5\xe1\xca\xa0\xd7\xc3\x1e\xb6\xfe1\xd1+\x1b\xbb\nc4\x1f\xa4E\xd4\x90\xecz(.\xc1\xf0\xad\x96\xaaV|\xc7\x11EU5\xb5&amp;\xc0\x0c\xccj\xc1\x88#\x8c\xcdb1\x1a3\xc8EB&gt;g\x19\xc0B4X\xac\xd6m\x9a\x9a\xed\xa9\x8e\x9a\xf8\xa6\xc8}\xbc\xd6q\xcc\xfd\x83L&gt;\xc5\x92\xe5\th5\x85R\x96^m{\\s?\x9c\xafW\xeb\x9f\x0f!\xce\xdd\xc3b\x7f\xfe\xee\x07\xff\xbb\xfdcjB\xcc\x18\xd8y\xbe!\x05\x8b\x8b\xa5C\x97\xb0\x92$Q\xbd\n\x98\xf4\xc4-\xfb\x9ej\x959\x00\x00\t9IDAT\xb6\xb6\xbf\xab\x04a\xc4\x00\x10\x85\xc1\xe4b8f\x91V\xb4!\xe4q\x10\xecF\xa6v\xf6\xfb\x8aN\xb7\xc1}\xcfwES\xd4\x1d\xc7\xd5\xf7\x9f \xdfe!\x9b\xc5"\xa1d\xc8^\xb1\x81k\xd8\xbcR\xfep^\xad\x0f\x01\x04\xa4\xf4\xcb\xe0\xd6\\}\xfd\xd3[\xdf[;\x8d\x815\xae\xc8\xc2\xe4b\x11\x0b&lt;\xe2\xb2\xb4%\xda\x9a\xaf\xe3\x8e\x1d\xdf\xd6E\x07\xb6o\x8a\xa6\xb6\xf6\\\x89\x85\x08z\xc9\xa4Z\x10\x8d\x05\x16R\x94\xc8\xe4|&gt;\x97C\'*\xc02)\x13\x1c]\xf3t71u\xddu\xcbb\xfb8\xc5J\xff\x13\x14\xd2\x0b}\xd1\x01\x97\x9dr\xd5S\xa8\xf5u8m0XY\xbf\xbe\xba\xdf\xda~\x15\x93\xb12x"\x80\x02\xf4\\\xb1h\x95\xb6\x1c\xdb\xd6\x80\xe59z\xc5\xe7.\xe2\xa7\xe9&amp;v\xfb@\x81T\x08NT,\x8a,k,\xdd\xf2Fn\xc7\xfe9\x8bk_l\xd8\xa2\xe3\x02\xcb\xd7p;\xe4y`\xb9\xedg\xd3\x94Zlt\xa1\xcc\xc48#\xaeZ\x97k\xe2\xddr\xe7\xbc:\xfc\x8cU_\xa9\x0f\xab\xd7gI\xc5=\x9ca\x14\'2\x89%YX\xfcp\xc1RW\xf7l\x1b\xcd\xe4\x8b\x89\xa6\xe9\xae\xa8s\xb7\xacV\xda\x07\x19\xea\x0bZT\x04+\xb2\x02`\xe5\xb2B\x8e\x1e\x98\xd35O\x11\xa2\xdd\r\xb4\x88\xeb8\xaa\xe7\xe9\x1c/\xf7E\xd7);\xed\xe73\x14\x10i_\xb1\xf1\x0c\xa5\x17:6\xeew\xc4%^Q\xc9\xf7U\xa2\x02\xd6pX\xfd\xfbU\xeb\xae\xdb\x89\x15\x96\x99%ya*\x03Q\x8ee\xcb(uM\x1fr%\xaa\xc6U\x18\xd8Qu.\xba\xae\xf6\xf4"u-\x82\x80\xc6v\x10\x8c\xd1\x8e\x87\xe4\xcf\xb2qh1&gt;&gt;n\x84\xbb/\x80Uv\x9d\xc4\xf3u\xd1\xf7\xb9\x07(\xd7]{9C\x15L\x8f\x00\x15\xa6fcP\xe5\xe3Z\xc7\xd1\xf4\x11\x17\x98P\xc3\xfap\xfd\xd3\x8e\xbf$vj\xf8\xb9\x82\xdf\xce\xe2\xfe#\xc1\xc0\x84As\xd56}\xdf^\xd2\xd0\x87\xbc\xc9\x974t9\xd7\x9d\xa6\xb9\xd1\xc7\x96I\xfb/ \xb0(\x04cFV2\xb2\x88\xef\t\x94e|\\\x16\xc2\xa8\xff\x02\x1eob\xa3\xf2|\x93W\x90}\x8e\xab:\xe5\xb5\x93i\x01\xf4_`1\x06\xeb\x18qm\xcb\xd5x\xe5\xfb\x8f\xd7#\xb1\xaa\xf5\xf3\xd7?y\x15\x17TL\x81a\x18=\x07D\x01\xcb\xcf\xcf\x17\xe1c&lt;g\x9a\x1aai\xbc\\\xf6l\x0eo\xe9j\x93\x9f\xc5\x96 \xfc\xc2%gs\xd6\x98 \xa4-\x9c\xa1?^A\xc8\xc9E\xa3\xbf\x99\x161ia\xa2z\xb6\xaa\xfb\xc0R\xcb\xdb\x87S\xf8qV\xc6-dF\xb1\x8a\xc5\x08+\x183j[\xdbvR\xb9\xff\xe6\xfa&lt;U\xeb\xfc\xdd\xdb\xef*\xcd\x94\n\xc5\xa6\x9b\x9f\x84[\x84&lt;\x9e\xf4S,_\xd7\x96l\x0eK\xaa\xaec\xe3\xab\x08\x037\xb7\x98\x85.\xc7\xa2\x07\xcb\xe7\'da,\x8f;\x1f\x87W\xb2\x02\xde$\x9b+\x06r\xad\x0b39"oA,[sL3Uk{k&amp;\xdd\x01\'\xa8!\xe5\xd4\tl\x16\xad\xcf\x04\xe4D\xd36\xbdo\xaf\xfeF\x85&lt;\x7fw\xf9[\xad\xb9\x85\xf2\x01\trQ+\x05\x91\x955\x80\x85\x11W;\xd3to\xc9ND\x8ds\xd3\xe1\xb6\x89\xa0\xe7\x1c\xebk \x08\xc8\x1ex\x1c\xa5\x18\x97\xc7\x14e\x16\xcd\xc2\xf2\xc0\x93\'\xf2A\xc02\xa5\x0e\xac\x04q1\xe8\xff\xd5\x85\x15\xf3&amp;\x8e\x84Qb\x83\x17\x19\x9b\x91\xc63\x8e\xed\xb5\x17KT\xa4Yq\x92\x15K\xb6\x04R\xd8\x92\xe2(\xe9NZ\xc9\x7f\xe0$\xfa\x14\x8b\x92\x0e!D\x81\xe8\xa8\xb2M\n:\x88D\x93S\xd2\xd0\xa4!\xcdnu\xd2^w\xd5u\'\xdd\xfb\x06\xb2\xc5\xd1\xc6\xb1\xdf\xbc\xef\xfb\xde\xf7\xde8\x1d\xd7\x8e\xdd0\xb4\xc3\xa2\xb8=\x97\xc4\xd6;\xa5\x12\xf4\x0e\x93H\x83\xbd4\xb3\xe4u\xfc\xa1\xff\xebo\x7f\xfe\xfb\x07\xa1\xfa\xdc\x19o\xcf-\x9c\x94\x02\xc9\x99&amp;e\xbd\x85\xb9\x87K\xb8\xa4\xdez\x8c\x1c4\x97kG\x8e\x83\xae\x8f`sm\xc6\xc7;\x13\x16\xa2V\x95\x15\x9a&lt;\x08hi\xb3?\xa7\x83\x03\x16\x8a*a!\xb2dV\x04\x01d\x81\x12K\xc7\xd6\xa1]\n\xd6]&amp;\t\x11\x18&amp;Xhd\xb85\xcb\xc0"\xce\xb2,\xd9\x8d\xbaq\xfc\xcb_\x7f\x7f\xff\xe7\x87\xef\xafv\x19h2A\xac\xa9&gt;\xd2l\xa5\x805@\xca?\xc2\x8a\x00+ X.\xd3?\xb1\xd0\xd6\xf9\xe8\xc5l\n\x92j\xe8y\x05\xba`\x96\x16w\t\xb5\xbf\x94xS\r\xcau\x96\xa1&amp;Px\x971\xb4V\'pb\x86\xf6\xcf\x8b\xe21!\t:\x15\x91\xd8R\x1dfZ\x00\x87\xe5\xfe\xfc\xc0y\xf4\xe9a\x91\x7f\x8a&amp;\x9b$3\xe9Y\x14\x10\x9d%j)\xb1U!X\x15\xb9&gt;(X\xd0x\x07\x0e\xc7\xd5\xdd\x0e\xbe\xd5\x19m$\xfc\xa0T\x06\x0b\xae\xa1\xa2\x95\xf8bOr$e\xd9\x80\xca\xd3\xda\xcb\xb6s\x07^\x889\x11t8\x88c\x1d\xe4\xe5O\xf9d\x8d\'\xaao\xb3H\x8dP\xd5d\x15$[\xb4\xf7\xb2\xaf\x07\'\x8a\x7f\xff\xfds8\xfdJ\xa8\x081\x858|\xc8k!\xf1\x18\x15\xba\x13\xa9\xcb\xf5\x04\xe6\xd4\xff\xc0m7f\xbe\x8f\xf6ra\x05\xfc\xd5\xb5y\x82\x85D\x8a\xe4%JC\x12X\xd3hH\xf4\xbbV\xa5\xf9\xca^\xc7x\xb4\xaf\xbb\xb1;t\x82\xc8\xb5st\xfcS\xb8X\x96I\x83\xaaj\x8a\x81Im\x06\xc0"T\x19\xfe\xebz\x02W\xc0\x7f\xcc\x00\xea\xcc,\x9fPU\x15\xac\xde\x1b,X\xcb\t\xef\x03\x96\xaf;\\\xef|`nl\xf3X\xe7\x8b\xa5\xbcH1\x83\x1aaR\xb0\xe2\xf9\x0b\xf5\x81\x94\r\xa3\xa6)\x19\xb7\x9e\xc7\xbe\x8eU\r\xcbM\x83\xec\x04\x80U\x10,RlbK\xc1\xa26\xa0v0\x14&amp;\xb8\xc2\xe9\x18\xe6i\xf4j\xa9\xbe\x12\x96\xb2\xe9\x06\xac\xee\x1b[\xad\xcb\xcbVE\xee\'\x1d\xc7\xed\x90Bt\xf4\xa8\x1bA\xbe`\xa2\xfd\xc3Z\xb6.\xa8\xbfq\x08\xbc\xd7\x13%\xdd\xb9\x85*J\xab\xa1\xa6\x9e\xaeG\xcf\xaeW\x80\x05\x07\xe8`Nb\x1f\x83\xa8\x87En+\xc3EE\xc4|\xa1m\xe0\xf8\xe9hR\\\xef-a\xedg#\x06s?\xd9\x00\x14]7i\xe5\xabv\x13\xb5E\x11\xeb\xcdV\xafr\x84\x85"\xee\x17\xdc\x81\x9e\xfa\x0e\x03a\x1f}\xbd\xff9`\xdc\x9f^\xc9\x0b$DtQ\x8dn\xd3&lt;\xb3\xa4\xfb\x07\xc8\xa2\xd1h(A\xd64\xbc\x16\xe9Tg\xd4\xf4&lt;\x0e8&lt;$`\xe5y\xa0\x9c\x8d\xa6\xd8"\xd5\xa2 BAWl\x0f\xcf\xc9f\xa2\xc7\xa1S\xdc--\x1c\xd1\xc0y\xcb\xbb\xc7g!ht=x\x9a\x9eP\xb0Z\xcd\xa6D\x04`.-k\x07G\xef\x0e\x19V\x9c\x1d!\x84\xca\x14\xa1_V(\x12"\xda&amp;%\xe6\xae\x96\x19\x11%\xa92\x9a,g\xc6\xd7\x05\xa8\x85D8\xd8\r\xd0a\xa5\x0f\xd8\xd5\xe4l\xe4\xa9\xb7h\xff*\xb6\x84\xd8\x86\x0f\xb3\x11\xed\xdc\xd1\xfd\x15\xc9\'\xe5\xf0\xe4u\xb4R\xb0\xe0\x07\x88-T\xbb\xd2C\xae\xf1\xe4\x12G&amp;X\x11\xeb\xf4\xedn7\xa6\x08\x14\xfb\xb7\x89\xbch{\x02\x99\xb0\xdekbS\xbd\x94l\xbd\xd8\xd2\xda\xa9\xaa\x86\xa9\x1a\r\xd3[\x1e\xe0\xb7l8\xeeH\x8fy\x84\x1da\xe7`k\xfcR\xa6\xbf\x13,\x92{2\xff\xa8\xa14\xb7\xe3\xa2\x80g\xd4\x1f^\x12\xea~\x94 ]\xdf\x8f\xf</t>
        </is>
      </c>
      <c r="M57" s="3" t="n">
        <v>45492.67753472222</v>
      </c>
    </row>
    <row r="58">
      <c r="A58" t="n">
        <v>147358</v>
      </c>
      <c r="B58" t="n">
        <v>1984</v>
      </c>
      <c r="C58" t="inlineStr">
        <is>
          <t>Wilker Ángel</t>
        </is>
      </c>
      <c r="D58" t="inlineStr">
        <is>
          <t>W. Ángel</t>
        </is>
      </c>
      <c r="E58" t="inlineStr">
        <is>
          <t>ZAG</t>
        </is>
      </c>
      <c r="F58" t="inlineStr">
        <is>
          <t>ZAG</t>
        </is>
      </c>
      <c r="G58" t="inlineStr">
        <is>
          <t>ZAG</t>
        </is>
      </c>
      <c r="H58" t="n">
        <v>190</v>
      </c>
      <c r="I58" t="n">
        <v>4</v>
      </c>
      <c r="J58" s="2" t="n">
        <v>34045</v>
      </c>
      <c r="K58" t="inlineStr">
        <is>
          <t>Right</t>
        </is>
      </c>
      <c r="L5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7f61ae97-63d5-4a0b-8892-3c64d1382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1\x07\xb0\x00\x00\x00\tpHYs\x00\x00\x0e\xc4\x00\x00\x0e\xc4\x01\x95+\x0e\x1b\x00\x00\x03\x00PLTE\xff\xff\xff\x1a\x17\x0e !\x1d\x1c\x1c\x18\x16\x15\x0f$&amp;!\'($\xff\xff\xfe\x18\x18\x12"#\x1e\x13\x11\n\x1c\x19\x12\x1e\x1f\x1a\x19\x1a\x15\x17\x14\t\x1f\x1d\x15\xb3\x8am\xfe\xfd\xfd\xaa\x81c\xb7\x98\x84\xaa\x88l\xbe\xa0\x87\xa5~X#!\x18\xb2\x89g\xa1yU#\x1b\x0e\xae\x84i\xbc\x9e\x8b\x8dg;\x1e\x18\t\xb5\x90p\xbc\x9d\x83\xee\xc3&amp;\xa5~_\xa1{\\\xf1\xc85\x90j&gt;\xb1\x90w\xe7\xb5*\x9exM\xeb\xc0+\xe9\xbf&amp;\xaf\x8dp\xe4\xb3&amp;\xc0\xa3\x8b($\x1b\xf6\xcc4&lt;. \xbc\x99~J9)\xfb\xfa\xf9\xe6\xba$\xe7\xba+\xbf\xa3\x91\x9cvW\xef\xc2-\xf8\xd17( \x13\x7fS0\xaa\x80\\\xf0\xc6/\xf4\xc7/\xaf\x87c\x98rF\xb4\x94w.%\x1aZC2sQ6\xb4\x94~\xa6\x84i\x0e\r\x05^K9\xe1\xae \x8fgL.+#\xb8\x97{\xec\xbc#\x95mN\x9bqS\xc2\xa5\x8ekJ/{U&lt;\xa0\x80e\xf7\xf5\xf3\xa2}R\x8bfD\xbc\x9a\x864*\x1czM,\x83]AxR%B3&amp;\x9cza\xaf\x82_\x84X5\x92nE\xa6\x84[pUA\xf0\xf0\xee\x8aa=\x7fX*]C&amp;w^I)\x1f\nL5\x182#\x0f\xf2\xc7\'\x86c3Q8!rN(\x7f^1xT-\xeb\xe9\xe7R&gt;-\xa9za\xc9\xb3\xa5\xed\xc43\x9bsL\x82dK\xb9\x93ugG$\x95o&gt;[=\x1d\xc5\xa8\x95;\'\x14\x97u_\xe8\xad(\x8dd4-//\xfd\xd8AB0\x13\x93rW\xed\xb9,\xc7\xae\x9b\xa7\x85a\xf5\xcc9\xfa\xd4=\x89[9qD%cC/\xe1\xa7%\xd9\xa1\x1b%)*\xa4qT\xd1\x99\x15\x85jY\xf4\xd0.iN9\xda\xaa\x1aC/\x1d\xd6\xd5\xd1\x97gDOF:\xab\x8ct6/&amp;\xe8\xb8\x1a\x8b^H\xd2\xc3\xb6;8/WQHE@7\x8dmS\xcb\xa4\x106;&gt;\xb5\xc1\xd3\xf7\xcf!\xdc\xd2\xc2\xe5\xe3\xe0\xf1\xca\x0eupg\xdd\xb7 g&lt;\x15\xdd\xdc\xda|dV\xf2\xc0\x1b\x85\x8f\x9e\xd0\xba\xaaqJ\x1e\xcb\xbb\xb0bXQ\xe0\xb0*\x8ar`\xa4wj\xfb\xd4)\xc5\xd0\xe1\xa4t]\x99f\\\xb8\x8dt\xe6\xee\xf7X2\x0c\xdc\xbdXOWa\xcc\xcd\xcafSCw\x82\x90rF?\xb1\x84w\xe2\xdb\xcf\xbb\xb9\xb2\xf0\xd9]CJP\xa7\xb1\xc5\xdc\xbbB\x9cff\xb7\xb2\xaa\xe9\xbf2\x98\xa3\xb4og\\\xaf\x88\x10\xde\xb8\x0e[do\xd7\xe1\xef\xae\x91\x81\x88RM\x96\x91\x89js\x80\xda\xca\x8b\xd0\xd3\xd9Z0(\xda\xcc\xa2\xbc\x93\x10\xad\xa9\xa1\xc7\xc6\xc1J$\x08\x81~y\xde\xc6n\xee\xec\xda\xef\xe0\x89\xbc\xaa\x9b\x8c|m\x90\\[\x9c\x84u\x93k\x08dbY\x7fa\rcJ\x0btR\x08\xa2\x9d\x94\xeb\xe6\xc2\xbf\xbf\xba\xeb\xe0\xab\x8b\x88\x82\xcd\xb5q|VP\xa9}{\xbf\x99[\xe9\xc6C\xcd\xa8,\xca\xafI\x96z\x13\xa2|\n\xc4\x9f1\xcc\xae\x8b\xb0\x899\x9fx&amp;!5\xb2\x94\x00\x00 \x00IDATx\xda\xdc\x99\xd1K\x1bk\x1a\xc6;\xc9$M2\x93\x99$\xb5\x19\x13\x8f\xc9!\xe1\x1c\n\x81\x10\x13\xd8\xc0T\xb0&amp;9mH\xc4\x10\xd7\x95l\x9a\xda\x125&amp;a\xe3\xd1,\xa8Ar@\x14\x16N\x85B\x91\xd84\x88\xb1W\x12Nz\xb1H/\x96\xbdQ\xcaz%xS\xbcX\xb0\xf4\xe2H\xe9E\x91\xb2\x7f\xc0&gt;\xef\xd8e\xd9\xbd\xdeQ\xd8\x17\xcd\x8cz1\xbf&lt;\xcf\xf3\xbd\xef\xf7\x99\x1b7\xfe\x8f\xcaj\xb5\xfe\xc7\x15w\xca\xd7\xf5cY\xffu\xfdo\xc0\xeb\xabP\xf7\xe8`\x1c \xa1\xee\xc5\xf1\xe7\xb3\xf7[\x0b\x0b\xdd\xad\x83\xf7\xdd\xd0u\xa2YC\xe3\xdd\x0f\xbb\xed\xb3\xadn\xf7\xe0Kswg\xa7\xf9\xe9\xcb\x97\xf3\x13\xd4\xf1\xd4\xf5i\x06\x89\x8e\xcf\x9b~\xffN{\x7f\xbf\xbd\x9b\xd4\xaf\xea5\xfedkw7\xb3\x93\xdc9\xbd&gt;\xc1B[_N\xaa\x19Y\x92t\x92_\x92$\xa3\xc4\xf3\xa2\xc1,%\xf5:#\x9f\xec\x1c\xed]\x0b\x98\xf5\xc6\xd4\xe7`0\x10\x11E^\x924\xbcB\xa5\xd3\xf1f\x83\xd9h\xd4\x195\xfa\xddO\xa7G\x07\xdd\xf1\xab&amp;\xb3\x8e\xbf?)\x17e\x91\xe3x\x91\x13%\xa0\x18uz\xbd\xde\xa8\xe5\xb4Z\x1eXzc\xb2\xb9\xdf9[\xb8Z.\xeb\xc2\xd1\x9b`F\x92D\xb3A\xe4EH\xa6\x83w:\xfd\xea\xaa\x0e\xd2i\x8c\xbcF\xffL\xc3I\xc9&amp;Bv\xa5T\x9f\xe3\x14+I\xe2!\x15\xaf5\x9b\xb5\x1a\xa3\x11T\xab\xa0\xd3\xf0&lt;)f\xd4\x98\x19.\xd9\xb9\x18\xbf\xb2\x8cY\x17N\xabE\x17\xc7q\xa2Vk`\xe9\xd5\xa8\x03\x0b\xaf\x7f\xa6\x87\x93\x1a\xc2\x04\'\x82\xc6\x1a\xc4\xf6\xd9\xd4\x15qYCG\xd1\xa2\xd3%\x08\x063g0\xb0\xac\xc1`\x80X0\x0fr=\x83JF\xde\x0c"\x90\x99Y\x96\xe5vN\xdf\xef]\x89\x93\xd6ng\xad(;\x05\x81\x80\xc0e2\x99X3\xcf\x1b\x93\xab\xcf\xe0"\xc4\xe2I(\x16`\xc4\xc5\xfa\x9b\x9d\x83+h\xaf\xd6\xf1\xd3z\xd1\xe9t\x8a\x0c\xb0\xccZ-!\x98uz\xa3^\xaf\xd3 aF\x1e\xde\x81\xc8\xac\\\xc0\xcc2rg\xcf\x1aR\x9b\xeb\xe6A\xdc\xe5r\t\x0c\xc7\xb1\n\x17\xc8\xb4\xe8Y\xd4 \xa8M\xa0{)R\xf1Z\xd6\xa0\xd1hIK\xc1\xffe\xebbK]\xc1\xac\xa1\xb3\x00\x05K`\x19\x8e\xa2\xad5\x10\x1b\x96\x9f\x06PF\xc2\x83rp\xcf@\xf9"-M\xac\x89\xd5\x7fj~\x98R\xdb\xc3\xb2Kx\x802\xb1\n\x16\x99\xa8% \xbdN\'I\xfed\x92dS\xe2\x8e2\xd0Z\x85`.a\xe7(\xa4.\xd6Y3\xe3\x12L\x14tz,O\x9d\x00\x17\xbd\x1e\xe3P\xe4$\xbf\xdf/QGE\xb4Xe\x95\x1a\xb4\x0c|41\x9d\x05Um\xb4\x1e\x9c\xc73.\x86\x81\x8dd\x15\x92\x05\xcd\xa8\x83\xa2e\x19\x93J\xf99\xd1h4\x9b1\x85\xa0\xa5\x01\r\x0e\xea\x9av\x8eU\x1d\x91S\xa7\xd5r\xd1%\xb0\x82@zQ\xb2\xcc\x06\xea\tf\xa3N\x12\xe1\xa1\x9f\xf4\x12E\x9d^k dN)\xd6\xf4\x80i\x1f\xab\x18\xaf\xd0V\xbcX$\xadLJ\xbcX\xc5JZ\x90\x94{\xdc`%\x88\x98J\xa2\xe8\xd7P\xa8\x18\x82b8F0\t\xce\xf6\x91jzYC\x17\xc1b\xd1\x89\xe7\x901\x0c\x98\xa0\x195(\xb0iiYR\xd0\xc1\x82\xbd\x05F\x80\x81\x12\xc81,\xbd\rA(\xee_\xa8\x16\xfb\xd0\x11a\x89\xca\x83\x18\xce\xc02x8\xa7\xe5E-O3[\xe9\xfa\xe05(*]\x8e\x00\x01X\xdc%W\xa7\xab^\xe2\xe3\xe8\xf1\x88&lt;#\xe0\xfb29\x1c\xb66\x88\x17\xf5u\xe2P\xba\x07F\x13G\xd2\xe1\'z\x03D%\xb8\xaa\xaa\xc9us\xeb\x10s\xda\t\x1b\x01\xf5\x95K\xf4c\x0b\x88\xd9Cs[\x81B\t\x8a\x99\x06\x86!P4\x08\x98nr\x05N\xa7TJ\x97u\x8b\xd4\x121\x14\x9d\xcceqJ\xc6\xb1\xf7\xe29\xf6R\x1ee1\x00\x88\xfe\x80M"\xa6\'V-\xa9U&gt;&lt;Pi8Z\xb7\x9aEY&amp;*\x17\xb6\\J\xfb\xc2\xda\x139lr(\xe8\xac"\x0erN\xb0h\x17-\xb4\xb1\x88_\xe2\x94\xdf\x9a\x84\xc0\xb1jXq`\x01\x0c\xf3\x1aV*\xc1\x12\xc5\xcb+5\x06I\xa4\x0e\xe1\xcf\x04Z\x81\\.\x17\x0c\x06\xf1\x9ak\xf9E\xa8\x08,Y-\x17ov\xe3_\xd5\xfaZ2\xba\']E9\xd2\n\x10J\xa0\x95\xdb\xadF\xa3\xd1j\xb5\x1a\x8dG\xab\x95F#\x17\xc8\xc8\x08#\x84\x14&gt;\xa8\x15.2\x11\x99\'\xc5\xe4b\xb1X\x8eD2\x99L\x00\x95\x0b\x12\x0c*~x\x98\xcf\x8f\xe5cocc\xb1t\xa1Rj4\x08\xcbIF\xaa\x86\x85l\xb9\x14\xff\xe4r\xb9\\o\xd4\xeb\r\xb2\x8a\x94\x89\xc677\xdf\xe6\xdf\xe6\xf3\xb3\xffX\xdaN$\x12\x13\x89\xd1D\x96\xb8*\x95F="\xcb\x1c\xf5\x8a\x8eZX\xdd\xa6\xe0"\xd3\x8a\xf5\xb5\xb5\x12\nO\xadF7Q\x10g,\x0b\x9eW\x89\xc4\xe8h\xca\x11\xf6z&lt;\x8e\xd1\xedl,\x96NoT\x1a\x81\x88\x92\xfb\x13\xb5\x8e\x8e[\xbb&amp;\x86\xb0\xcak\n\xd2\xdfW\n\x1bi\x00\x8de\xb3\xdb\xd0\'\x15F\xa5\xc2\x1e\x9b\xad\xcf\xe7\xf3y\xc2\xa3\x89\xc4\xf6vvl\xa3\x12\x0cd$\x84\xab\xd9U\xcb\xc4]\x93\xe0\x92\xe5\xf2Ze\x85\xaa\x96\x8e\xc5\x08\x89$\x82Fv\x8f}p\xc868dq/\x0f\x0f\xfbz&lt;^o8\x95Jd\xd3\x1b\xd5\\ \xc2\xa9\x87\x05\xb5\x1e&lt;`\xe4L\xa3\xb2R\xab\xfdR{\x9a\x06\xd3\xc4\xe8"1-\xa6\x1c\x83C\xbdC\xbd\x16|\xbbG\x06\x06F\x86}}6\x9b\xc7\xfb\x97\xd4\xc4\xd8f5\x98\xcb\xc8\x82\xe9\xd3\x82j\xd9\xc2\xce!\x12(\x15jO\x9f\xce\xcd\xfd\xfe.\xa0Ra\x87#\xe5p8\xec\xa4\x92\xc5\xed\xb6\xf4Z\x96\x07\xbe\xfdv`\xc4\xdd\x03.\x9b\'5\xba\x1d\xbb\x94KP+[\xd6\xbd6\xb6N\x91\xc6J\x8d\xa0\xe6\xef&gt;\x9e\x86u\x00\x1a\x1c\xb4\xdb\x07\'{\x01\xe5^v\xbb\x87\x97G\xa8\xfej\xe9\x03\xd7\x1f\x91\xb0\xb1\xcd(\xba\x97\xa8&amp;\x96 8\xcb\xa5\x95\xdaW\xaa\'\x8b\xa0R\xb0\x1c\xc0\x02\x97EA\x1b\x1e\x19\xc6\x05\xc2\xf5\xc1F\xa4+\x1f\x0f\x12\x96Z&amp;\xde\xd8\xdb\x17\x18\xb9^Zy\n\x03A\xd5\xffdq\xf1\xdfj\r\xf5\xa2\xe8\x05\x91\x07\x1f\xaa\xcf\xd6g\xb3\x87G\x97\x80\x95\x0b\xc8B{\xe1\x86jj\xb9\xe4z\xa56\x07\xa9~\x9e\xee\xffN\xc1\x1a\xbc\xac\xc9^\xa5\x86\x86&amp;\xe9\xceb\xa1\x1f\xe0"\xb0\x12\xb3q\x84&gt;"\xec\xabh\xa2S\x0e\xc0C\x85\xaa\xff\xc5\xbd\xc5;\xbf\xb3ON\x0eN\x82jhH\x11\x0bT\xb4\x1eI,\x1f\xc2\x85\xb6\x9az\xb5\xb4\x19\xad\xe6".\xd5V\xe2\xc2\xbe\xabXn\x14\x14\xb1\xfa\xfb\'^\xbc\xb8w\x07\xee\x01\x84\x14\x02\x16\xae\x93\n\x16\xb8|0\xb2\xd7fw\xa4R?-\xe5\xf3\xd1`\xc6\xd5\xdeS\xc9\xc4\xa9\x13\xa7\x9c)\xd5\x14\x0b\xa7\xa7\xfb_&lt;yq\x87\x925\xa9H\x04(\xba\xc7\x1de\xcb\xedC\xe6-}\x1e\xbb#\xfc\xe8\xd5l&gt;^\xa9\xbb\x9a\xaaau\x8a\xe8\xf0\xe9\xf9\xbb?\xfeaz\xfa;\xf2\x90\x9259\xa8h\x04\x03\x15\xc4\xde\xe5\x81\x81\x81e*\x80\r:\xec^/\xb86\xab\x81\xa2jj\x8dw\x8a\xf5\x12y\xf8\xe3\xe3\xe9\x89\x89{\x97\xcb\xf02U\x14\xf1Ie9\xba\x07n\xdf\xa6~\x8ar[l\x0e\xaf\xc7\xeby\xf4*\xbf\xd1(\xab\x87\xf5\xa1\x8c^:7s\xf7\xf1\xe3\x9f\'&amp;\x9e\xd0\x18\xb4\xd9@\x85n\x05mz\'\xa9\xa5.\x8f\x0c\xdc\xfe\xcd7\xdf\xdcz\xf7\xf2e\x0f\x1a\xbd\xd7\xe1\x05\xd8\xfaR\xba\xa4\x1eV\xe8t\xad4\xf7\xf0\xe1\xcc\xcc\xdd\xf9t:6\xbb\xf4j\x1d[\x18\xda0\x00fd\xd9b\x1b\xecu\x0f\x8f\xfc\xf0\xc3\xadw\xef\xde}&lt;\x7f\xf3\xfc\xf5\xd2\xfa#o\x18zy\xbc\x89X\xa5\xbc\xafV\xdf\xb2~n\xac\xcc\x13\xd4\xdc\xcaZ=\x18\x8d\xe7g\x97\x00f\xebA\xbc\x07n\r\x0c{\xec}\xee\xef\xbf\x7f\xf9\x92\x90N\xf6\xdb\xcd\xdd`|\xf6U8\xe5\xc0h\\\x1f\xab\xd6U\xdboY\xcf*\xb5\x99\x99\xf9\xf9Z\xa9\xec\xf4g\xb05\xad\xc6\x01\xf6\x93\xf7~\xcf\xfd\xe1\x1fn\r\x87S\x9e\x9e\xfb\xbf}\xf3z\xf6\x90&gt;\x9ej%[\xadV0\xbe\x84\x1d\x18\xe4\xcan\xacu\xd4\xea[\xd6\xe3\xc2\x1c\xb0jkE\x97H\xff\x9d\xf1\xeb\x92;\xcdC\x90ym\xbe\x1e\x9f/5\x1a^\x7f&gt;[\xcd\xb5\x92\xfe\x88_\x9fL\xae\xe2D\xd6\x8a.AO\x1b\xb0\x1a\xe7jm\x9a\xad\x17\x84\xf5\xb0Rv\xd2\xe1\x94\x0e\xf4\x06\xde\x9f\t\xc6\xf3\tOO_\x8fot"\x8b~\x1e\x88\xc8\x1c\xc3I\xc9\xd6\x0eU+\x17[G\xb8\xc2\xd9\xc2\xda\xe9\xb8ZXG\x05\xe4}\xae$K\xb2,\xd2a\x9faY\xb3\x18\tTc)[\x9f\xc5\xb7\x9e\x8dag\xd5\x8a\x88\x9c\x18\xc95\xdb\xfb\xedv\x1c\xf9\xda\x1c\xf5b#\x91-4&gt;\xd3\xc7\xa27U8\'\xc2\xc4\x873\x0f\xff\\*\x973\x01\xe5x\x9a\x91]\x02#F\x1a\x85\t\xbb\xcd\xe2\x0bg1d\x94\xf3Y\xf4\xf0\xf9\xf9\xc7\x8f\xe7H\xd9\xe1\xe6\xec\xba\xf7O6\xefD\xa1\x82S\xb5\nX\xf4\x99\xb4\x82\xf5\x0b\xce\x17\x85\x8d\xd8\xec\xecl\xfe\x10\x18u\x1c\xce\nY\x07V\xe1}t\xf3\x8dB\xa1P\t\x06\xa3\x87\'o\x08\xec\xf9\xeb\xe7h\x12\x1e\x9b7\x91\xae\xfc:&gt;\xb5\xf7\xb7\xffy\xbe\xac\xa1\xf1\xd0\xaf5`\xd5Ps\xb1X4\x88lG\xfe\xc9\xbb\xf9\xbe\xa6\x95fq&lt;\xa5\x0b\x99\x1dv\x18\x7f\xdc\xd8Z\x936(\xb9\x04$A\rxa-\xb4\xa6\xf1\xae\xdc\x95{\xa37\xbd7\xd7\xe4F\xc7XmK\xa2N\x0c\x9a\xa0\x91.\x95\x0c\xa8P\t\x921\x16\xd3\xa9\x0c\xa4\x94\x8c\xa4i\x88\xa0RJZ\xb3\x0cd\x98\xbeiw \xd0\xd9a\xe9\x0f\x96eY\x86\xe4\xfd\x9e\xc7dw\xff\x01\xdd\xf3&amp;/\xfdp\xcey\xce\xfd~\x9f\xf3d\\\xb7z\xeb\xee\xdd\x98)\xa2\xb8\xb2`\xc6J\x1e\x0f\x18\xb0\xf1\xc1O\xff\xf0\xc9\xd9s\xf7\xd7\xca\tV\x84\xd0hd\x1a:7\xfbq^\xdeh&lt;\x19k\xb5|\x98\x7f\xf7\xf4\xe3\xf6Dh"\x14\n\x04\xec\xb37\xd1U\xf8\xa7\xf7\xfe\xf4`|i\t\xb0\xf2\xca+\x0b6\\\\\xf1\xcc-\xdd^{\xf8\xdb\xdf\xdc\xfb\xf6\xde\xb7\x9f\xdf\xce%Y\xb2\x80\xb1\xea\xcb\x1a\xdaq\xcb^\xac4\xb2\xb2G\x9d\xad\xacc\xe7\xb4\xdc\x94^\x8c-N\x00\x15\x0c\xae\xbb\x17\xcf&lt;xp\xf6\xb3\xb3\xdf?\xff\xe9\x01\xd8F\xc0\xcaN-,h\xd9]\xff\xdc\x92\xee\x9bo\x06\xcf|\xf2\xbb\x07;\x0fu\xb3\x0e\xb1`\xc1\xb1/@u9\x17\x81\xaaR\xcc?i\xe9]\xb8t\xc3+\x08\xe9\xcdm\xf8\xf4@\xb6bK\xb7uk\xf0\xe3g&gt;{\xfe\xd3\xc3\x0bK\xb31\xa1\'\x9b\x9dR\xc9Xv7\x07F\x1bD\xb2\xc1\xb0\xf3\xaa\\\x86\x91F\xe2`\x19\x15\n%\xe7\xa84\x8e+\xb5\xfcrk\x1bkysS\x10\x80*\x14\x0c\xa2\xcb\x05_\xc6\xba\xb76\xa9{\xf8\xf7\x1d\xc3\xea\xad\x98OHA\xba\xa6\xaajV\x8c\xda\x91\xd3\x8e\xae@\xc7\xb3\t\x08\x11\xc3\xbe\xd2(\x94\xfdn\x8a\x94\xcb\x1b\xc7\xd9xK\x935&amp;\xdfL\x0b\xa6\x89\x89@(\xe4\x18\xb1\xdb\xd1\x97\x1a\x1dE\xbf?\x07\x88\xbe\xc5S\xac\xaa\x86\x14\x1d\x08\x8bJ\x88\xecI\xbb\xc39\xd4@\xb2\x944\x83u\x1b\x1b\x8dj\x8b\xb1^\x03\x960\xb1\x1d\x08\x00\x16\x9c\xc3\x91\x10\xba{(:\x9d#&gt;\xb0\xd8i\xc1\x95\xcf\x86\xa7\xc2\xd5\xb0\x9aLD\x91\xff/%X\x14\xa2\x98 \x18\x1aiA\x86\x915x\xcb\xeb*?\xd4\xc2\x96\x97N\x176\xd3\xe9\xed\xed\x89@\x00\xdd\x858\x9c\xf0\xdb\x1cGq\\\xd4a\xb7\x83klf\xeb&lt;`\x85\xc32\rA@\xaaH\x0c\xd3b\x18|\xba\t\x86A\xb6\x9bP\x9ay\x90a5|\xac\x95X_\x8ai\x93\x0b\x15\x11\xb2\xe5pr\x14M\xa3\xfb\x99$\x15u:B\x02\x04dkJ\x15\xce\x02\x162\xd3$\xa65\x83\x94\xd7jq\x1c\'\xab\x04\x1d\xd1\x00\x17\x13\xae\xcb_\xd7\x1a\xd3-\xc5J\xa4]\xae\x89\x13,\'E\xd1\x84F\x03Y\xa1K%\xcek\x02*S\x13k\n\xa8\x90\x17\x03\x87\xa8R!\x87\x8d\xdb\xf8n\x0b\xa9\xa4#\n\x05A\x99\x8a\xd5F\xa3\xa6oa\xb6:\xa5_&amp;\x05\x13:\x88\x80\xe5\xa4\xe8\x13U\x8an\x8ah\xb7\xd7e\x82\x80"\x02\x88,,k\xfaiIS@\xd7\xf5|\xb7\xd1(\xd7\xaa\x99\xacB\xa1I\x14S\xc0U]n\xe5\xd6@\xfa(\tc+\x8d\xd2\x15\xf2\xd2\x0c\xea\x1d\xd0\x9c`N#\xf9\xffa\xd5%*\xa8\xe1)\x17d\xad\xce\x1b\xe3qc7\xae\x82\x83\xa8T\xbf\xfeXt\xd5\x1a\x95\xf5V\x8eS(\xa2 ln"*\x93\x97&amp;\xa0\xa1%P\'\xd9e\xc0J\x01\x94\x80\xb0\xc2\xf5:\xea.`\xaa\xd7\x17\xeaPE\x9c\x8fC\x0c\xc8q\x19\xbai\xc2_S.\xa6Q\xd9h-\x16\t3\xfe\xd9\xf6\x8d\x89\x90\xcbK\x11b\x13K&amp;\x9bR ,!\xd0\xc4\x92\xf4\xea%\xe1,\x13nb\x81W\xe4\xf9n\x84e\xe4-\x90\xae\xeb\x97q2\xe5\x82\xe6z\xd4R\xac\xb1nS\xfa\xd93HW\xd0\xc5\xd1\x8c\x86%\x11\x15JW\xde\x05\xc55\xa5R\xd9\xa9z|\xa0.\x911LXU_X\xd0w\r\x8c\x8e6\xa9\x8c\xdd\x16\xede\xa5\x12\x93WL\xc5F\x83o\xe9K\x12\xa9t\xdd+ \xac\x1b\xc1 L\x07BMb2\x84\xa5\x8cxM\xe9\x80\x00\xb6Qy~a\xd9h\xa9/\xa8`x\xc9$\x80\xd55\x10_\x8ew\xa3\xe0\xb5\x8a\xfe\xeb$N\xa4Tr\xd5\x93\xd6nX\xa4\x8f\x18\x17\xa4k\xfb\x06\xf8|t5\xa9FW\x902\x19\x93O\t0\xd0R\xa9T$,\xe1-\xb8\xbe\x8b_\x08g\xaba\x89\x8d\xe7GO\xb0x^\x0eX\xfdt5\xac\xe2\x1b\xaa\x8d\xd6.\xd3\xa5c\x16WJ\x00\x15x\x03\xb0P\x19Q\x11ea\x06\x92\x95N\xa5\xee\xa4\\\xa9&lt;\x0cR\x15\x1c\xc5p\x95\xc9B\x1d\xf5|W&lt;\xbe&lt;:`\xecFX\xd7#\x9c\x8a\xb74\xc2|\xcbM\xd9z\xd1\x95r\xdd\x00\xac\x99\x1e\x8e\xe3\x08\x12\x030\xc0\x82\xce\x12\xd2\xb1Y\xf8XG\xaa\xc9\xa3k\x87\x19\x07\x83\xb8$\x16\x1b\xa4k\xd4\x08Xr\x0b(\x1b\r\x167\x1e\'\xc2\xebC-\x16\xf3\x9d\xd3\x05\x98\xe5A\xc0\xba\x83\xd2\xd54\xf9*\xc0J\xa77c\x7f\xbdpa)&amp;\xa4\xe8\x95\xf2\xd1\xcb\x97\xc5\xb0*K\xc3l]\xe0\x07\xe2\xa3\x03\x03\xa3\xddr\xfc\nP\x8d\xce\xcf\xcbU\xf1\xd6[\xc5\xce}\xc6\x9425\xb3\xd5\xe3f`\x94",\x823\x8d\xd8cKK\x93\x86\xd9\x0c\x12Y+GG\tR\x12\xce\xd3U\x19\xb4\xd7\xe8h\x17t\x96M\xab\xd6(\xb1\xf8\xfc\xb21\xbe\xdf\x86g\x1ac\xeb\x1a\x97I8\xc1\x8a\x80%\x85"\xa2{d\x07\x88\xc2\xe6\x82,\xe7)\xaf\x94\xfd\xe5\x95\x84J\xc5\x14\xe9\xb0\n\xdd(\xd9\xf46\x8b\x19\xfbB\xa1,\xc0\xa0\x88\xef\xb7e]=\xb4\xa1\x11\x02\x13\xc1\x99;=}\xb4R\xdd&lt;\x89\x04\xe5\x1c\xc9\x9c\xee\xec\xac{\xa0\x92\xcbe\xe0"e\x14\x05\xe9\xd2w\xf5\xdalf\xb3\xf6+\xf8Pc|\xf7\xfc~{\xd6\xaf\xd2\xa1\r\x02a\xcd\xcc\xf4\xb9\t\xb5\xba\xb9\xa4@T\x19\xab\x15-\x12!\xfc\x90\xac\xf2\xcaJBL\x16\xc1g\x9b\xbb\xba\xf4\xb8\xd6\x8c\x81\xd8\x10-\xf1\'\x7fk\x87\xa5&gt;\xe5\xa2\x020\xb9fz\xdc\xfd\nt\x0f\xc3p#\x99\x8c\x0fm\x13=\xd12R\xd1\xe5\xf2\xee\xee\n\ngQ\xad\x85l\xe1\xa4\x16\'\xd1-\x97|\xa3\x8d\x0f\x05\xa5c\xef\x9aX\xc1\x9e\x88\x12\x04:A\x01U\xc6\x9a\xf3x\x90\x06+\x16\xa9D\xa9\x94H\xbc\x07\xb2\xb2\xdfI\xc0l\xed\xc5\x08\x0cc\tV\x83\xef\xb7\xf3\xcd\x9bT\xba\x1f\x9dhb\xb9\xfb\x95J\x86rd|\x99\xdc\xe9\x8a\xb3V\xabU+(\xc4D\x022\x16\xa50}o\xaf\x19\xb43H\xfa\xebO\xc7\xdaU\xc1S%\xb1\xbb\x1dDU\xbc\xda\xdf\x1f\xa1\x1d\xf6\xcc)U\xb1\xe8,\xd6&gt;\xd4j\t\xa0\xaa\x80\xaf\x80\x84EY}\xaf\xde\x06z\x9e%Iq\xbd\xbd\x0f\x04\xa5\xd3\xef\xffq\x8a\x15\x89p\xf6\\\x0eY3d:^\x9e\xc4\x9b7o&gt;\xd4\x00\x0c\xd2Ubm\xbd\xbd\xb6B\xa1@\x92l\xa9\xcdX\x1dc\xff\x8c\x81\x88\x98\xe9\xbb\x1aq\xd3N\xbb}q\xd1\x1eH\xdb\xed\x99\xc3\xffF\xe6\xa5\xa3X\xab\xb0\xc9d\x02\x8a\x08\x07\xb1\x80\x170\xd1\xff\xb4\xcdXC?\xf8B\x08\xcb}\xb5\xcf\xedE+r!\xed;&lt;\\\x9d\\[\xb3Zw^=\xde\xf9fr\xf5\xf0\xe5\x11\xd8D\x123\xdbPk\x15\xc0\xfbD\xf7~n3\x96\xf4\xe7k\x8b\xa8\x8a\x08\xcb\xcd\x95\xa0\xbb\x0egW\x87\xff\xf8\xfd\x8b\xad\xad\x17[?\xfe\xb8\xf5\xe2\xf9\xe0\xf0a\xe60\x13e\x0b\x96^\x98\x0f$n\xd6\x8aVk\x9b\xdfxvt~m\x8d\x05!z\x00\xeb*A\xf8g\x97 t\x0fw~\xd9\xda\xfau\xeb\xd7_\x1e\xbf\xdaA-v\x04\xa6\xba\xa0\xef\xd2C\xc3\x17 Y\x86\x9dG\x1d\xed\r\xe9w{w\xa1\x8a\xc1\x197\xc2JF\xed\xb3\xb3\xd0N\xa8\xd3\x8f\x8e\x8e\xd0\x1f\x14\xbb\x15\xf0\xd3\xe6\xde^=\xf8W\x0b\x9e\xb0\x8e?n\xf7\xeby\x98\x10w}\xe8(B\r#\xc9\xe6\xdb\x10\xa0\xaa\x1d\xd4j\x07\x07\xb5\x83\xca\xf1\xf1\xc1\x87\x0f\x07\x15\x95\x8a$\x01\xcb\xac\xc5m\x16\xd2o\xd0\xfd\xa5\xed\xffl0\xf6\xd6p+\x10lbAsq)\x17\xb4\xbd\x03&amp;\xd6A\xa5\x82\xa8\x8e\x0f\x0e\x0e*h\x1f\xdc\xc4\xc2\xcd\x96\xc2\xca\xb5\xf1\xc9\xb7m\xc7\x82\xe6\xba\x1d\x0b\x81\xb8A\\\\\x9f\xd7\x05bG@\xd3\xea\xe0?Q\x91\xd4/I\x9aE\xb4\x99\xf1\x82\xb8\xa7\x1b^\xfb\xa1\xed\xcf\xad;\xa6\xdf\xdf^\xf2!.\xb7\x9bv\xf7\xf5\xb8\x90\xa9v9\x1co\xde4;\xab\x06N\xa2^\x97\\\xd2j\xb5 jpR\xf4O\x0e\x0f[\x9f\x0eu\xb6;[Cou7W\x17C\'e\xbc\x9a\xf7\xa6\xc0^\xb8\x1c#\xf0u\xb4\xc3$M\x8a\xa4\xd6|\xe9\x92\x19\xc7X\xac\x80\xb1\xc9\xe8\xdc\xf8\xe0\xf8\xde\xfcX\xbb\xb1:\xa4\x7f\x9e\xbc\xf8\xfb\xd9\xc5 \x94\x91\x03\xb0&gt;\xaf\xd7\xcb\x15\x1d\x1e\xab\xc1`E\xeb\x1f\x11\xed\xcb.i1Vd\xd9D\xd4sM7xn|\xef]\xfb\xb1:\x9e\x1a\x90\xa3\x08\xa0\xe9\xc5q\xee|_\x0fX\x0e\xa7\xdf37\xe7_\xd9M\xa0k\x00\xb4\xd5\'\x93\xa5d)\x9a\x9b\x9b\x1c?78\xe91\xfe\x1f\xb2\xf5\xafk7/\xdeD\xfb\xfd@\xc8\xc9\xa1\x8fc&gt;OQT\xce`\xf0\xef&amp;\xd0%\xc0\xf9\xf3\xe71\x92\x8dz\xfc~\xaba\xf2\xfe\xf0\xe7\xc3\x86h\xfb\xb3%\x95~\x9d\xbby\xf1\xe2\xf0-\xdf\xa2\xcf\x1e\xf4\xbaA\xe1\x80\xc6\xa1\x1c\xbeU\x9d\')\x82\x1bB\xef\rPS\x81\x926\xe8\xee\x0f\xff\x9b\x97\xb3\x8d\x89\xea\xcc\xe2x\xe6\xde\xb9\xe3\xbd\xce\\n\xe80\xceb\x06\x1c0LHa&amp;\n\xa8Y\\\x15\xd0\x99H\xc7\xd7"\x82\x15V\x18\x01y\x91*\xa4\x0b\x02\xc10\xb1Y\xb2m\xd6\x89ZA\x18"\xe2\xcc\x14e\xb0\xa5\xd66\xe1\x83\xbc\x94,\xafqY\xde"\x10\xa6\x80\xba\x89\xa0(\xea\x87\x95u\x93\xee9\xcf\xc5n\xdb\xed\xa6\xedV9a\xee\xdc/$\xbf\xfc\xcfy\xce\xf3\xdc\xb9\xcf\xffQ\xab\x13\xb7\xc7\xbd\xb7\x04XW&gt;\xc9^\xe9\xbf\xb24+77c\xdb;\xfb\xa3|W\xc4\xc7\x17@W\xcd\xdfj\xb9|2\xf9\r|3\xbc\n\xb0,\xf9aak\x12\rj\x83!\xe9\x93\xea\xcf\x96\xa0\xb6\xc2GN\x81\\\x91\xa5\x15\x15\xb9{\x01\x0b\xc5\xfa\x00\xd66\xf9\xb0x\xc6\xd7\xd7\xab\xdf\x80\x14\x9e\xbcl\x01\xa8\x18\x83 \x98\xed\xdbO.\x05\x96\xb7\xf7{%(Wdbb\xd2\xd6miiA~G\xdf\xde\x9b\x9b\x9f\x1fF\x1e\xca\xf0\xf5\xf5\xc9\xb3\x85\x85G\xb6\'\xc5\x90=\xea\xe65\x96\xfb\xc6%\xc1\xba\xb8\xad4s\xa5D\x1e\x99]\x91\x9f\x01\x8b\xd3\xbd\x19\x19\xb9\x15a\xf9dOe~&gt;&lt;.Z\xbe\xfa\xc8\xf2\x95H\xa5P\xc7\x84\x9d\x1dY"\xac\xb4\x92\xd2H\xb9D\x88L\\S\x91\x9b\x0f\xcf\xd4Ik\xd6T\x90\xbd\xb0I\xf8\xf6\x13D\xdbZUeV\x0bj\x8a\xe3b\xf2\xcf\xea\x94K\x84\xe5w&lt;\xa3\x14\xe4\x12\x0c\xf8:1\tj\x08\xb7\xc5&amp;&amp;\x9a\xe1\xcbn\xb7\'\x81rIvN!\x17(\x83\xb9\xea\xecH\xc2Ra\x05\x1d:\x9e\x1b)\x91\xc8\xd5\x91\x08\x14\x13)\xa8#\r1\x10x1\x18\x12k\xc3\xec\x06\x83\x82\x96\xcb\x05s\x98%N\x99\xa0\x1cY"\xac\xa3\x1b\x8b\xb2\xd1\x1c%\x08\xb8\x8fX\x80\x1b\x05t\x02\xdc\xa2\x0e\x17\x83\xddn\xa6\xd0\xcf"\x17\xc2,_\xea\x124\xca\xe8%\xc1\xfa\x0c\xe6\x9bwK\xfd\xa5d\'?n\x02gY\x9a\xc7oZPP\n\xb9\xda\xc0\xa9i\x85\x02\xbd\x9e\xf9_\x1a5\x1a\xc0\xba\x18\xbe\x04X\x7f\xf4\xf3\xf3{\'#\x93x\x1f\xe4\xc4F\x00\x17VN&lt;,\n\x05/\x00\x10\xdc+X!\xd1r_\xa9YO\xd4z\xdd\xbe\xbb\xf0\xce\xfa\x10\xc0\n\xdav\xca\x9f8E\xd0\x8a\xe4E\\\x81R\x96f\xa5\xa2\xbdG*\x87\xd2\x12`\x92\xac\xd6\xac\x07,\x9d\xb6&gt;\xef\xf5\xfa\xb5\xc2/Z&gt;L/\x03\xacC%\xd9\xc8\x85F$/\xf4"\xf1\xd2\xe5,M\xbe\xd1F\xc3B\xc1\'\x1e\xa9V*5\xe4wy\xdf\xb4\xcb\x7f\x7f\x9d\xbfB\xe0\x848E\xb0\xd2\xa0I\x88\\\xa2\xd9\x01\xddH\xc4:&amp;Ek\x8fT\xe2\x9f\xbd\xfd&gt;0\xadG\xb5B\n\x1a\xa7\xf6\xbe\xae\x07kt\xe8\xef\xd3d\x976\xa6\x97\x05A\x94\x1d+*]\x89y\x84\xfaZ.\x92\xb1\x12\xb9\x94\x98\x80$\x92\x98$K\xb2r\xcf\x1e\x11K\xb7\xfa@i\xe6\xfbO\xee\x86\xbfj\xc1p\xcb\xc8\xe1\xca\xce\xc7c\xc7\xb2[\xae\xa7\xfb!\x16\xcc\x85E\xa7V\x12\x06\x89\xe8\xc2c\x89mD\xe2%\x87\t3\xec\x88I\xa9\xd1\x13.\xc0\nL+\xf1\x7f\xd8w\xef\xf1\xabM$\x81\x9a\x9c\xbe\xa1m\xfdW\xe3T\xe3u\x92D\xc0\x826\x91\x05k\tb/B7\x0fdO\x82\xdb\xfcc*\xc2\xb6\x9f\x8d\xd3i\xf5z"\x16b]\xf8p\xaa\xc5\xd1]?\x8f\x8e~\xefW\xc6\xe4}\xb8k\xd6*\xf4|\xbd0\xf0=,\xbf\xa3\x1bs\xb33\xd1\x08\xe1\x8f\xe5\xe4\x85\x86\x08\x98\xbf\xb7Z\n\x93\xe1yZ\xab\xc7\xb7\x05z\x11\xeb\xc0T\x8b\xa7\xbbr\xf4\xd2\xf4\xe4+q\xf4cA\x1d\xae\xfc\xba\xc1\x0cc\xac\xadka\xe0!`\x1d*\xc3\x0e\x81\x9f\xe2\xa0cE%Y\xa5\x99\x18h:\xa8\x805\xd8G\x85\xb0\x1a4E\xef\xd0\xaaT\x80\xa5\xd7k\x12\x00k\xd7A\xa2V\x87\xcd\xd6\xf3k\xdd\xd6D\xa6\xf0&lt;`\xaa\x13\xa0\xa8%\xfcP\xd7\x82\xe7\xe1T\x0b`\x11\xb9P\xb1\xe2\xa0\xb2\xf4\xe3E-YY-%YY\x19\xdb\xde.,\xc4g\x9fj\x9fj\xa3\n\x88\xf6\xec\xd9\x83T\xcaU\xab\xa36\xb64:\xba;\x9b\xac2\x85\xf3v\xe5\xaf\x00#LW&amp;\x1f5\xd4\xa9%\x12t\xd7\xb2\xfc\xd0\xfc\x82g\xee%\x16)\xfb\xe2b\xe0*;z,\xfd`zz\xfa\xc6\xb4]\xbb7\xc4\x99L&gt;:\x88\xb5z\xc4\xc2\x14j\xb4\xd0\xb7 \x89s\xee\xee\xce\x0e\xc0\xa2dU\xd3\xf3\xff\x1f\x18\xfc\x93\xb7w^\xd7\xd3\x1b\xb5j9\xcf\xb2\x02\x1a\x93!\x89\xf3\xcf\x1c3SS\xd7\xf1}\x01"\xc1\xd3+p\x15\x97\x95\x95\x05\xf9\xc1\xe5B\x94\xef\x86d\xfc\x99\xcdh4*\x17\xc5\xd2hT\t\tF\x1f\xdf\x0b\xefN\xcd\xbc\xd9}\xad\xc3\x86X\x1cm\x9d\xbe\xf2\xcbK\x9f\xe4n\xf2\xf6%\xbbA\x0e\xb3/\xcf\xb3r\x01}\xdd\xbc\xb3\xff\xf3\xe7P\\\xd7\xf1\x07\x88\xe2\xe2\xa8\xa8\xa8\x14\xbf\x94b\x12p_\x8c[\x897\x98\x08\x94Q\xa9\xc5\x97\xafz\x15\x04$\x11\xbb\xfc\x87-\x039\xf7\x86G\x11\xcb\xcc\xc0\xbc9[\xf9KK\x1f;\xd4\xa3\xd9Z\xb5\x00\xab\x00\x05M\x9c\xb5jb\xd9d:\xdaA\xae\x16\xa2\x16\x90\x04\x07\xa7\xf8\x01N1\xfe\x05\x17\xe0\xd6\xf9\xc0\xb8\x10\x9dQ\xa9Tj\x91J\xafWi\xb5\t*\x95V\x19\xed\xb3\xe1Pc\xa3\xe3\xdc\x93\xe66\x86\xa1)\xb3Y\xce\xf1\xf2K\xb7\xae\xfc\xfc\xf9{\xd92H\xde\xe4t\x15\'\x08\x94b\x11\x8b\xe7\x055\xcd\xe3l\xd7\xe6\xfa\xfc\xb9gn\x11\xab 8\x1e"\x18\xf3\x08\x84\xf1\xc1\xc1\xbe\xab\x03M!\xba\x1dZ\x08\x18\x84X\xee\xaa\x04\xb8\xd5*u\xa6\xdd\xc7[\x1e\x0c\xfe\xe9\xb1\xab\x07\xb08\xab\x99\xa7\x18\xd6\xcb&lt;\xfb\xa8r\xdf\xcfK\xa5\xf72\xa8\xa8\x86Z\x83\x9a\xa28`\xa2p5\x87\x1exN\xc1._\xce\xb3\xb6&amp;\x90\xeb\xc5\\:\x14\x13\xa0\xc4\xafHM\x05\x1a\xe0B\xc0`_\xc0\xf2\t\x89^\xabUiT\x88\x05j\xe1\x1d\xe4Pg\xdaU\xd42p\xb5\xfbJ\xbf\xd5\xc6\xf1\x9c\xd9\xcc+\x18\x85\x94\xe7\xac\x97\x9e\xb6\xef\xf3\xfe\xc93y\xb0\xa4n\xfd\xadV\xcdAPb\xa0\\\x10\x90P\xa7\x15\x16/m\xae\x8b}\x8e\x17\x0f`$"Vj\xf9"W\x14\x12\x06\xae\x0e,\'T*\xac)\x92D\x18\x87\xd0\x1et\xd50\xf7\xcc\r~\xfcd\x18+\x9e\xa8E3\x9cTJ\xc9d\x006y8\xfc\'\xa1P)\xc3K$\x8e"y\xa4\xd1nk\x1bu5Yi\x96\xebh\x1fs;f\x00+\x08\x92\xb8B\xe4*@\xe1\xca!L\xa2X*B\x05)$o\xf5A,\x9f\r\x07\x1aA\xac\xbb\xcd=\x14\x03\xca\xdb\xcd4\xcd0\xecr\x96\x91q\x8c\xb9\xaea\xfe\x7f\x9f}\x035\x15\x9e7\xdf`\'J\x11.\xfc\xc2&lt;b\x1a)gG\xf3\xf0\xad*9/u\xf6\xb6\xb7\x0ezf\x10\x8b\xc8U\x8erA\x80Z\xe5\xe5[BV\x89j\xe9\x17\xc7!\xf6R\xa3\xf1/\xa6\xb7\x1ag\x06?\xbew\xb3\xc9\xc6\xd8\xda\x86\xacf\x19\xc53\x0c\xef\xc5r2N\xc1\xc8du\xb7\x7f\xfc\x1c\x17\xd2\xce\xf3n\x81Rxx\x82\xc8\xc5\x89Z\xd1\xb0L\xb7\xb65\xb9\x9a\'\x9f=\x9f\xc9fyv\xc85\xd178@\x8a\xab\x00R\'r\x91:C*T\x0b\x0b\x1e\xbb\x16\xaa\x05\xa3\xd2h\xacN&gt;&gt;\xe7@\xb1\xda8\xae\xc75\xdc\xdf\x03y\xe0\x18&lt;\x9cA\xc6\x80n2\xc6|\xe3\xd1\xb5\xf0\xff.\xb1\xc5\x9a"@\xc8D\xb0\x18\n\x96\xc0,\xe5\x1cj\xeam\x1e\xbf\xf8l\xc1\xe1\xf0\xcceb\xd57C\x1a_`qA\x9fZL#\x04pm\xf9\xcd\x89\x13\'v\xac]\xab\xd5\x8aXz\x8d\x12\xba\x05\x14\xfc\xfe\xeb\x03W\x7f\xfb\x18\xc5b\x8e\x8d\xdd\xbd\xd9;\xc4(\x18\x1b\xc5\xb2h\xf5\xe7\xe1\xc2\xc8\xac\xb3?r\x8aQ^;\xb4)\x03&lt;\xb0|\x8b\x05\\\xb4\xc2\x06H\xfd\xae\xf1\xf6\x89g\x0b\xcf\x1d\x8e3gN{\x1e\xcai\x1e\xd2xg\xd0\xf1\xcf\xb2\xa0\x14\x82\x95\x9a\xbaB\xc4\x8a\x8f\x07.b\x89\x12\xab\x9e\xcc\xd1HU\xbd\xfb I!v\x87S\x03ov?\x19n\xeepR\x0c\xc5C\x9b\xc0c\x1a(\xe4\x929\xa7\xdb\x7f8!5\xd4\xc9\xd4\x14\xf3\xdd\xa2\xa2i[\xcfh\xbf\xab\xb2~b\xac\xb5\xef&lt;\xc6\xe93\xa7\xcf\x9c\x99\xc9\xe6yz\x08F\xe3\xa0\xe7\x9b\xe2\x94\x97j\xad\x88\'\xf1\xbbT\x92\xc7\xe8\x1d;H\xd5k5Z\xcc\xe0\x88.\xee\xd0\x03L!\x0cC\x86\x99s\xe7|\xfa\xd7\xb1\xce\xe1\xde!+\x85\'\xcd\xc8d\n\x96f\x883[\xd6\xf3\xc3\xe3\x95\xd4\xe2\xd1=\x84\n\x0f\xa1\xa1\x19d\xaa\x1f\xbb\xd3\xf7\x05A\x8a\x8d\x8d\x85\x0f\xa2=\xc8\xa4y\xa6\xa3y\xc2}\xde\x03M\xb4\xc0\x97\x0c\xc0@\x91+u\xcb"\x958\x18Q*\xa5qd\xc4g\xffA\xcf\xd5s\x8fo\xf6:eL\xe2\xc0\xa6\x9cOkj\xfa\xee\xd4\x8f\xf7\x0fY\x81Kf\xe3h\x96\x06(&lt;\xe9\xc2&gt;\xdb\xf5\xbd\xf6\xbaX\xe4\xa4\x12\x15,\xef\x04\xa6\xf1\x89\xd6/\xdc\x83n\xb7;4b]h,H\xf5gd;\xedi\x81\xe6\xea\xec\x1f\x1fs\x9f\x1f\xc0\xe9\x87`\x95\xa3^\x90\xce-\x90\xc4h\x14\x0bB\xa9\xd5\x88X\xd5\xef\x1f|1x\xf5\xdea\x98wd\x86\x87\x8eM\x9b\x03jjj\x02\xfe\xd0:1\xde;\xea$\x07I\xf0&lt;\x1e\xa1B$\xab{\xfa\xdd\x19\\L\x9c\xd8\x11p\xd8\x8d\xd7\x8f\xb5\x86\xc6\xba\xdd\xb1\xa1\xa1\x11\x11\x11\xa1\xa0\xd2\xb71\x93\t\\m\xaeJ(\xafo\x8a\x11\xcb\xe4c2A\x1e!RS\x17\xb1p0j\xf1a\x1a\xb4\x1aI\xfe`\xe6&lt;\xa6\xb0\xc9f\x83\xca\xda\x99\xb3yg\xcd\xce\x80M\x01\x01\xebZ\'\xda]\xa3V&lt;\xf4\t\xd3\xc8\x10.\xc6:\xdb\xf5\x9f\n[\xa4\xa2\x14\x9c\xb3\xa3w\xbcs\xacu]\xc4\xce\x9d\x11\x18\xeeP\x90J\x0cBu\xda3\'@\x8e;\x9a\xeb[\x81\x0b\xfaB\xb9OH\x88\x8fO\xb9\xc8\xf5{(\xf9Ud(j5\xfa\xf5\xa4=T\xa7@aa\n{\x18Y\xcc\x03wNNMlM\xc0\xb9\xcd\x01\x01\x015n\xa2\x98\x15\x8f\xd9\xa0d\x8b\\f[\xed\xd3\xca\x973\xb8\xa8\x14\rP\xaekO\xee\xfc#\xa2\xa6\xe6\xdfM\x9coH\x1bg\x1c\xc7\x83%\x01\x99\xa5`\xed_\x84zp\xf3v\xe7\xb57YN\x9e\x8c\xdem+l\x10\xda\x83\xbe\x19\xf4\xd5\xde\xf4U\xbd\xbd)\xe4FY\xb3\x89\x95K\x93\x17\x97P\x0e\xe9\x9b\xd0n\xa8\xb1.\x94(\x12\xd0\x17.\x8eB\xa7\x06\xe2\xac\x0e\xea\xb0}\x91\xd6\x17\xc5\x96"\x82v\xf6\x0f\xfb\xfe\x9e\x8b\xed~HB\x12\x92\xe7\xe3\xf7\xf7\xfd}\x9f\'\x88GH\x04\xa6B*\xb4\xaf\x1c\x8f{h!\xa1-\xfd\xfe\xd1\xbe}\xfd\x8b+\xa3\xb0\xfd\x8f?\x00\xab\xf3\xab\xce\xae/\x90\x12\xdf\x1e&gt;|\x9a\x8f\xe29\xf2\xfc\xc9\xe0\xbb\xc5\xdf?\x7f\xbf4\x86)\x9c^\xceE\xc2W\x87l\xdb\x8a\xe7-fj\x02\x13\xa2\x82]\xac\xc0c\x0f\xe7\x9b\xdf\xcb\x85\x9f\xb3g\x7fy|\'\xb8\\\x1c\xcd\xdf\xfe\xf0\xfc\xf8\xc8\xcd\xd5\xaa\xae(\x8a\xacDy\xfb`\xab\xc1,\x98TT\xb9\xdc\xe0z=\x80\xdd\x08\xa9\xb8V{\xb0\xf4\xe5\xb7\xd7\xbb(\x9a\xba\xda`\xaf\xc3\xc7\x8e]\xa7\x7fDBB \xe4\x83/\x88\xdf|\xbc\x04c]^\xb9\xd7\x1f\x0e_\xd8-\xe6\xf3\x16:h\x1a\x86i\nQ#m\x0c\xbe\xa2V\x8e\xc3\xfdM\x11~\xb9\x19\xaa\xdc\xed\xc6\xa5\xd8\xb0\xc1Df\xc7\xa7\xef\xaeU\x8b\x10IVdY\x01\x18h$L\xa0$\xa9A\xc5\x83a\xbc\xf1\xec\xa7}-M\xcb#+\xab\xca\x83w\xc7\xda:\x0f\x92\x8b:\x8f\xf2&gt;r\xb9\x10\xf4\xa0J&amp;\x93\xeb\xed\x9d\x9f\x80j\xee\xc9\xcc"\xa6\x10~\xb7P\x82m\x83\tz\xc9\x9a&amp;x\xd9\xb8R\xad\xdf"\xf7\xb7P\x12p\xac\xb3\x91\xdc\xaf\xbf\xfdy\xf9\xb3PKnvq\x1a6\x87J(\x19\xc5\x98\xac\x13\x87\xa7J:*\xca\xd5\x82n\x1e)\xb6\xf19\xd4}8}\xa7\xae\x14\xdf\xb5\x1dl\xefY_\xef\xa1\xfd\xf8\xfa\xe9\xd6\xd6\xa3]\xf0|\xc7\xf9d*\x95J\xa4R\x1d\xad\xef\x06\xc72/)H#\x91\x81G\x82\x00(S\xb0,\xc6\x98i0M\xb3\xb2\xc0\xcaG\x9d\xfa\xdaM\x80\x05\x97\x17\x0bGr\xc4v\xfb\xaf\xc7!@\xdd_\xad\xe6\x05\xc6\x14K\x8a*\x0cX\x06n\x00V\x86b\x1c\x8c\xb8\xf6\x14\xbb\xf1\xfcHSKn|\xe5n}\xac\xb8}\xaeg=\x95 \xb0\xce\xb6\xd6V\x9c \x10\x0f\'\x93\xa9\x04\xd5\xf9\x13\xa0\xf27a,\xc8\xf0\xe9\xaeb\x83\xcb\xc5 \x9aZ\xcc4MM3\xd5\xec\x8dxT\xb1}?J\xee_\xeeo\xf9`}l\x94!(U\x8dbnQ2\xc9\xc5\x02\xb9d]\x92\xfe\xc7\xa5B5\xeaoT]\x1a\xc0\x01qxa\xe5\xe5\xceX\xf5J\x12\x00\x93\x93\x89\xf5\xf6\xaf\xbb\xe8O\xc0\xf8nq\x1eT\x13\x89D\xaa\xfb\xbbW\xb0\xfbE:\xc0G.l\xe4K\x16\x12\x8b\xfc\x1eC\x99\x86\xa61\xefF6n\x19xl\xe7\x07\x01\xb6\xb8\x1c&gt;\x10\x89\xf0k-\x91`!(eYdu\x12)\n\xb9D\x87\x1a\xe9\xea.|\xc5\xa1p\xaf\xe3UC\x14E\x06\xdf\xbd\xeeE\xf4\xce\x8f\xccl\xfac\xff\x9eL%&amp;oM\x02\x0c\x0e\xc7\xd6\x8cci25\x81J\x9c\xdc~3\x86\x1c\xe5v?\xf5b\x88l\x05\xa4tZK\xa7q\xeb\x18\x9a\x9b\xcdz\xaa\x00*_Q\xe3ycn\xf3\x9f\xc5\xf9f:\x835\xb0t\xa0\xf0\xc2\xc2\x06\xb8\x18Vw\x0cWr]W\xe2\x85\x0eJ\xb2!\xa6\xf1\xe4o\x93\x8a\x00\x00\x03\'IDAT\xbc\x81q\x10\x8a\x1bG\xc2\xe1\xdc\xf2\xf4\xe5\xa7\x05g+\t\xac[\x00K\xa4z\xda\x0fu\x1c"c\x01*\x91&lt;\xf1&amp;\x1f\xd8\x1d\xcb\\}d\xd9X_\xc3\xfb\x19&gt;\x87\x8a\xb9}Y\xcfS\x19\xa43\xa2\xf1\xb8e\xfa;\xf5Q\x04l\xf3\xdeD\x86\xa2$\x15bAq \x87\xa1G\x1d\xbcKt\xfb$W\xea\xebS9T\xb9\xac\xd3\x87\x89\x8e\xe30L\xaa04p$\x92\x83\xbd\x9e\xcc\x15v\xde\xa2\x87\xb7@F\\t\xa2\x81\xb3\xa8\x85W\x02\xaa\x85a,s\xe1\xb5\xe0\xfb\xf8\x8da\x0cFX\xb1LZc*\xa8\xe2\x12\x8beb\x0cSo\xf81\xdf\xa8\xc2b\xb3\xb9\xa6 \xc1B\xa4\x15\xcd\x9f\xac\xa0\xe3\xa2.\xd5\x00\x00"*\xaf\xcf+{\x9eWvE1\xa02\x0c\x06\x0b*\xcfz\xb1\xda\xf0\xc2\xcc\xcb\x98_I\xa1\x85\x93\\\xae\xf3\x1d\xdd\rg\xa5\xba\xb7\x8b\xc1\x10\xe2hrfC\xf1\r\x85\xe2YaLLg2\x99\x98\x86fx^\xd6s\x81\xa5\xc9\xaa*k1-\xe6S\xc0\xfe1&gt;\xcb#,\x1c`)\xb2\xa3\xe82\x1a%K\xb2\xe8\x80J\xe2PT\xe8 5\xd0\xe1X\x0eM\x86]|q\x1c6\x98\x9d\xbe\xf8\xd4\x17+o\x13\x13\x13\x93\xbc\x8b\x07\xbb\x0f\xf11Lul\x97\x83!l\xa2\x1d\xba\xe8\xfb\x02Y\x97\x94\x02\xd4\xb5\x8cf\xa2\x87\xf8|\xaf\x8f\xb0\\U2c\x1a\xc0\x98\x95\xd7\xeb\xa3\xd3\xf7\xfa)\xf6C\xca\x9eZ\r,WW\xc9P\xc4\xc5\xa1j\x0e\x9evj(\x07M6\x14p\xf9C\x97\xf6\x1f\t\xf7\xdf\x9b\xb9&lt;7e;;;\x95J\xa5\xbe\xb5\xb5\xb5\xbd\xbd\xdd\xfd\xf6m*\t\xaa\xc2\x14\r!\r\xfc\xa5G\xa2\x8fUaut\x0fL\xd7\xae\x01\x80\xa8\\\xb7\xcfs\xb5\x8c\xa6\xab2&amp;!\xa6Q\xa6\xd9\xe6\xce\xeaM\x84Es$\x14P9{Xdp\xf2z\x99\xb0$\x17("A\xe9\xa0\xe2X\x02\xaf\xd7\xbd\x07x\x1b7c\x05^S\xc8"[\x90k\xb5j\xb5R}5\xc8\xa3\x81N~\xe13\xbb\xb2O\x99\x90!\x9dxA,\xa2bZ&amp;\xed\xaa\x0cX\x92\x11\x03\x16Qa0}\xa52zw|\xb8\x99\xab\x05\x89\x1d\xa7\xa6;iQ\x87\x11\x91\r\x14\x0b\x92K\xfa\x88\xf4\x02\xaa!\x16\x0b\xda\x18\xdd8\x8e\x06-\xaf\\|:U(\x95l\x02kTa\xaa06V\xa0!D4DNm\x14\x05\xca\xa6@\'\x82\n\xa8\\1F\x80\x92\x94\xd6t\xcc\x93\x08\xbb!\xff).p\x80]\xbb\xb30\x1f\x8a\xeapU\xcd\xc0\x90I5\xd1)C!\xdda\xa0\xe4:A(]\x82~\xd2\x9eXFC\xaf\xa1K\x07\x9a\x9b\xfb\x17g\x9e\xccM\x95\x82\xb2\xed\x06Z\x89S-\x0c\x87s\xe1\xe6\xe7\x83p\x8c%\x1bZC\xaa\x86V\xaeI\x8f\xd18\xc95]\x96F\x93M\xc6\xa3\xd5\xc7f`\x8b\xf5\xfb#\xc0B\xc9\x06DQuG\xf2\xca\xb2\xe3\xbc\xd9}\xf3^\xa72/]\x0f0\x03.\x84\x97\xb2\xdb\x8b\xc36\\\xbf\x99)\x94J\x1f\xc8|\xbfT*\xcc5vB\xda\xa0\xf3\xf1x\x9fj\xb1t\xe6=\x95\xcb;\xc8\x1fh\xa2\xe42#\x86&amp;\x1a2iEG1D\x9cP\xb9\xff\x1f\xccY\x87\x18ab\x82\x83\x00\x00\x00\x00IEND\xaeB`\x82'</t>
        </is>
      </c>
      <c r="M58" s="3" t="n">
        <v>45492.67887731481</v>
      </c>
    </row>
    <row r="59">
      <c r="A59" t="n">
        <v>147464</v>
      </c>
      <c r="B59" t="n">
        <v>1963</v>
      </c>
      <c r="C59" t="inlineStr">
        <is>
          <t>Dudu</t>
        </is>
      </c>
      <c r="D59" t="inlineStr">
        <is>
          <t>Dudu</t>
        </is>
      </c>
      <c r="E59" t="inlineStr">
        <is>
          <t>PE</t>
        </is>
      </c>
      <c r="F59" t="inlineStr">
        <is>
          <t>ATA</t>
        </is>
      </c>
      <c r="G59" t="inlineStr">
        <is>
          <t>PE/PD</t>
        </is>
      </c>
      <c r="H59" t="n">
        <v>167</v>
      </c>
      <c r="I59" t="n">
        <v>7</v>
      </c>
      <c r="J59" s="2" t="n">
        <v>33609</v>
      </c>
      <c r="K59" t="inlineStr">
        <is>
          <t>Right</t>
        </is>
      </c>
      <c r="L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92cb035-8360-439a-a549-b994ad92dd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bT8\x00\x00\x00&gt;tEXtComment\x00xr:d:DAEewil2SDw:3479,j:8640573334177784359,t:24020218X\xa8\x8b\x83\x00\x00\x00\tpHYs\x00\x00\x0e\xc4\x00\x00\x0e\xc4\x01\x95+\x0e\x1b\x00\x00\x03\x00PLTE\xff\xff\xff\x00K3\'\x1a\x12\x00@*\x00F/\x00C-\x00I1\xff\xfe\xfe\x00&gt;(\x00:&amp; \x16\x10\x17\r\t@0\'\xf3\xf6\xf9\xf0\xf1\xf5\x0e\x06\x04\x00N6\x1b\x11\x0cG/ \xe9\x9cz1\x1e\x14\xfd\xfd\xfd\xda\x89h6$\x18\x11\x0b\x08*\x1f\x188)!\x00S;F5+\xf1\xa8\x86bE5Q:,\xee\xa3\x80\xee\xef\xf3mI8\x7ffV0$\x1eM3$W4#\xca\x91rvI4I:3\x87lZ\xe9\xa6\x85\x8eq]\xbb\x97:\xe5\x91pZA2\xc0vW\x93[C\xfa\xb0\x91\xf1\xa4\x83\xf1\x9d{\xdf\x8dk\xf6\xab\x8b\xea\xed\xf2?,\x1e\xf7\xf6\xf7\xf1\xb0\x92\x02WD\x87eQ\xcc~^\xe9\x97t\x7fI3wcW\xd0\x96v\xee\xad\x8b];)\xe4\x96v\xde\x9d}\x8bT=oC/hA/\xb1\x82hb2 \xc5\x8cmeTJ\x80\\Jk[P\xbf\x88l\xe9\xa1~\xbf\x8er\x003"\x9dbH\xa7\x80i@\'\x19vP=\x8ejV\xadiM\x82Q9r]N\xc7zZ\xfb\xfa\xfa\x97t_\xf8\xa4\x87]PG|T?\xfb\xb7\x98\x7fbOZ)\x19\xd6\xcf\xccUF=eM&gt;yYG\xf5\xa0\x7f]H&lt;nP@\xafoRd=*\xa4gK\xe7\xeb\xefR \x12\x8b^G\xd1\x84e\xe2\xa1\x81\xd2\x81_\xb7rTR=2\xda\x99x\xab{aO@:\x02G6\x83VB\xa1\\A\xa3{c$\x12\x0cv`Q\xd3\x99}\xed\xbe\xa7\x03N&lt;\x89M5\x9bydoUG\xe1\xe8\xec\xb7z^\xe3\xde\xdd\xe0\x91p\xb8\x88m\xadt\\\x97nX\xe9\xe6\xe6n8%\x93eM\xc9\xd3\xd8\xa2\x8c\x80\xc7\x95|\xd2\x89l\x83qg\xe7\xac\x8d\xb7\x85h\xba\xbf\xc4\x94T&lt;\xf1\x96w\x0eE)O,\x1d\xac\x94?\xa1t\\\xbbjO\x93\x8eD\xd4\xdc\xe2\xbd\xa4\x97pz&lt;{=*\xbb\xb5\xb5\xa2\x8c:\xbd\xca\xd0B\x1d\x0f}j^\x90\x88\x87\xdc\xe2\xe7\xa6\x9f\x9f\xa2nU\xdc\xd8\xd8\x8fxk\x88}{\xaa\x98\x8f\xf0\xd1\xc3\x99\x83u\xc6~d\xcc\xc7\xc7\xae\xa9\xa8\x14M/\x1eR0\x83~:qgg\xa8\xb1\xb7\x96\x96\x988/*\xaddG\xbb\x81e\xf3\xe4\xde\xd0\xc0\xb9&lt;a4\xde\xa8\x88\x02Z&gt;7\x13\x08\xf1\xdb\xd1\x01$\x18}ts\xd7\x8ftcZ[\xc1\xae\xa3\x1ek\\\xf7\xf0\xee.U.Ng4\xcd\xa6A8xo\xae\x88s\x99\xa2\xa7\xe9\xc7\xb6\x07aN\xf3\xb5\x9b\xfc\xc2\xa6ek2\x18[OP\x84~\xe7\xb4\x9at$\x18\xbc\x96\x85\xca\xb6\xac\xd5\xa2\x89\xdf\xd3\xcd}\xa6\xa6\xa6\xc2\xc1SKJ\x95\xb4\xb3\xdc\xb3Kw\x88F\xa0\x8ba\xa1G&lt;\xfa\xcc\xba\xca`Ql\x9a\x96Ns&gt;\xb9\xa3I\xd1\xb1\xa0\xe3\x7fq;X[\xedyb_xA#[6\xeb\xb2\x84\x8d6/\xb3OE\xde\xbd\xad.f&lt;\xc9lZ}\x8e\x92\xda\xa4aTnv\xbb\x94f\xd5se\x15+$\xc1\xb3]\x85\x81U\x03\xae\xc5\x92\x00\x00 \x00IDATx\xda\xcc\x98\xdbOZ[\x1e\xc7\x1b^H\x80\x1c\x03ln;h\x15\xb6\xc8\xeen,\xc4\xcb\xa8\x11\xb5\xdc\xe4P@N\x18/\\&lt;\x1a\x159\x08TA\xca\x10,jZ\x82\x1c\x8b\xa4EZ\'\xa6}\xd1\x846\xde\x1a/\x0f\xa6\xb4\x0f\x8d\x89\x9a\x9c\xb7\x93y1M\x1f|\x99\xff`\xde\xe7\xb76f&amp;\xf3&lt;\xe09?\xcc\x8e\xf8\xc2\xc7\xef\xf7\xbb\xbek-\xee\xdc\xf9?\x87\t#\xf0\xc0\x08\x04Lxs\xe7O1\x80\xd4\x99\xdd{s\xb2\xb3sr\xb2=\x95\xfd\xc1\x83\xd8\xfe\x0cL\xdb\x9fNIB\xc2\x90H\x88R\xfc\xf4\xc3\xce\x9b\x95N\xc1\x1f\xaa\x19@e\xb7?\\\x96$,\x16\x8b\xc1*\x0f\xb0]\x7f\x98B`\x02\xe6\x1f\xc3\xc4\xec\xcc\x9e\x9c\xc6\t\x1a\x8a\xc0qB\x02\xc3\x00&lt;\x86\x84&lt;\xd8\x9eZi\xf0\xdc\xbef \xc6\x0f{;\xa7%`!\x08`*\xe1\x12\x16\x97\xcbeq\xd9\xe8\t\x98%\xef\xf9v\xf6\x96\x05c2=\xd9\xed\x83\xeb\x12\x10I$,F\xd9@\xe0\x12\xb3\xb9l\xb6X\xccf\xb3\x80\x91E\\nw\xde\xa6`L\xcf\xca\xc9%\x89\x13\xb4\x7f0lq\x8d\x18\xc1p\xb9\x08\x8b\xcd\xae\xa9\x11\xa3_\xb9,r\xe7\xf1\xed\t\xc6\xf4\xbc\xb9D\xe6\x81&lt;\x08\x02\xe4\x11\xd7\xdc\x8c\x98\x16\x0b\xbdE\x9c\\\x16~\xb0rk\\\x9e\xe3k\x94\'\t\xfax1\xd2\x8a\xfd\x1f\xaa\x9a\xffN\x99\x8b8\xcf\xde\x92\x8f\x9e\xedkXr\x04HES\x94}\x03\x07\x93\xc9$\xfcI\xfc?\\l\x16qp+\xc1g\n\xa6\xc6$\xa8;!S\xb0\xf0\x00\x84\xcbe0\x18\x98\x88\xd7\xc8\xe3u\x880\x8c\x91\xe4\xde\x00\xd3`\x0c\xd0\xeb6\xb8\xb2\xe7\x04`HXl.Z\x80\xdc$&amp;\x12awuA\xe5\xd0\xf8\xf8\x90)\xa8P4\xf2\x06EX2\xc9.c\x89\xb9\x8c\xd2\xc1\xe3\xaa\xfb(\xe8\xdc)1\xa00\x19`\x1d&lt;\xb1A^\x10p\x9c\xb9P \x14\n8\x8cF\xa5\xd2d\xea7\xe96\x07\xb1$\xdd\x15b\x88W\xe9`\xc5\xe3aV\xb7\xb0\x8e\xe3e\x0b\x11SGc0\x91\x0b\xa5a\x8e4n\x95\xca\xad\n\x8c\x8c8\xd4\x1bj\xb5\xda\xa8\xbc!\x03.\t\x81\x9f\xee\xad4T\xb7\x1b\x0e`\x7f\xa1G\xc43%B\x01\x95&amp;\x1c\x9e\x9f\x87\x1f\r\x1a`SE\xa3\x007\x12R;\xfb\x15&lt;\x11\x12\x15\xb8J\xa7;\'\x9dU\xd4\x8b9u\r\x89\x02\x0b\xb1\xc6~50\xcd\x87\x85\xc2\xb66!&lt;\x84\x80F\xb3\xb9\xdd\x00\x07h\x0e\xb5S\x19lD`\\\x02/]\x9f\x1eW\xd1G\xc1N\tr\x8e%E\xfd\x8e\xa8&amp;\x8cp2\xcd=|\xbd^\x9f\xc9d\x00o\x9e\x16\x0e\xe8\x8e\xdc\xd1@\xc8\xa1N(u&lt;\x8c\x01\\\x1cN\xe9r\xa5jX\xcc\xce\x03\x02\xf6a\x11\xcf\x18\xd5\x00RsO\x0f\x9f\xcf\xb7\xd7\xc3\xa3\xa7\x07\xc8\x90l\xa0[&gt;\x1f\x0e\x1f\xa9\x10\xd7\\b\\\xf6\xa0Q\xc4bq\xa4%\xfc|OP-\xb1\xb2h\xd7\xc1t\x0ew\x9e\x96\xa9\xb6\xb6\xbe\x05^\x00\xc5\xef\xd1\xeb\x9b\x9b\xdb\xd0\x00Z\x99+\xa4\x9eKX\x11X\x07\x86\x93\x1c\x82\xf3\xe9/\x9e*\x05~\x9b$\x08L\x11:\xcag2z~}m{{mm\x0b\x8d\xd5\xd3\x0cP\x80%D/\xa10|\x046"\x17\x13V\xab\xd57s\x17\x97\x92R\xfc\xf28[\x15\x1f\x99\xd9\xd3\x12N(\x02\xf9\x0b\x80\x02\xf3\x10V\x0bL\xbd\x1d\xb9\x08P(`\xb4\x93a\xc8} \x04EAsYS\xd2\x0ei\xbcD\x9eLuVe\xdf9\xbe\xe6\x10\xbc\xdd\x98\xc1\x00L\xf5\xf5-\xb4Z`d=J\x17\x1f\xb82\xcd7Ta\x8dJ\x05k\x11a\x8d\'&amp;&amp;\xac\xd3R\\\x1a\xe7\x1cL5T%\xf0\x1fH\x92\x93\x88Q\x11;\xa2BD4WK+\xbf\xf5F.\xdaED\xa5qG\x01\xcbhD\\\xd6\xee\xee{\x16\x9cC\x92\x96\xed\xc7\xcc*4\xfc\xde\x18I\xd6\xfdX(P\xf5v\x90\xaa\xb6\xbd\xb6,\x96\x1dE\x0b\xc2E\x0b\x85f\x1e\xf5*\x8a\x96\xd1\xe8t"\x1b\x87G\xe5 \x17I\x9e\xeeU!\\\x9e\x1d2\xfe\xc4\xdaT\xd0R\xc8A\x04V\xdbR\xdf\x8a\xf2\x8e\x12\x7f\xd3\x0f\xb4\x87\x1aUtd\xc1A\xabet\x8e\x8f\xfb\xba\xf7\xef\xfbq\x8e\x94\xf4\x9eT~-2\x1b\xce\xc9\xb8\x7f\xf8\xa1\xb6\x8b\xc6jAL0\xf0@\xb9BC\xf7\x03\xaa\xd5\xf0Qt$\xe4\xd8\x00(\xb5\xb1\x17\xce\x16\xd6\xfb\xeb\xd3\xd0\x10R\xf2\xbc\xf2\x87U8h\x91\xf1\x99\xdd\x98VK\xc7\xbd\x85fC\xeb\x10\xd8P\xb02z\xa8\x08\x18}\xa6,\x97c\xc3\xe9t\x82ZJ\x99l\xfc\xde\xbd\xd4\x13\x02\xe7p\xe2\x9f\x1a\x98\x95\x0e\xfcN\xfc\x89\xdf\xfa\xb7\x18\xf2\x90\xf6\xaf\x85\xce&lt;t\x04\xe8\xd5\x9c\x81e\x88\x98\xa0U3\xc2&lt;\x8d\xa5\x86d9\x9dJ\xa5L\x99\x92\xdfs\xf9q8Jp,\xc7\x95\x95\x0bN\xa5\x97qo\xaa\xfb\xc7\x18E!\xa1\xca\x05\xa1mG\x03\xc5\x856E\xc8W\xb3\x1e\xea&gt;s\x81\xb0Be\xac^\xc0\x92\xcd\xf8\xe4\x8b~\x0e\x9c\xb4\xf1\xf8Ig\x85\x1b\xfe\x13\x12\xeb\xc5\x80\x81BEU\xdfZOwDW{\x17-\x98&gt;\x836\x1f\xa0\xb2\xeb\xf9\xfa\x8b\xfc\x91*\x00\xad\xa5F`4V\xca\xe5\xf2\x93\xb0o\xe1\x9c\xf5\xca.F\xc1\xcai\xdc;m}\xfb\xc8@Qv;\xbdCS\x14\xa5\xed\xa2G[\x8bN\x11\x00\x06\xe5\xcf7\xc4\x00+\r\x1b\xb5\x03\xad\xc5D/\xc2\x9a\xf1\xb9\xfcOp\x84\x15\xdf\xa9\xa8\\\xcc\x931\xaf?5\xb1\nX4\x15pQ\x85B\xd7\xd5\xd5\xd5?\x10\x18\x05\xef\xed|\x10\xcb\x1e1\\\xe4\x07\xd2\xab\xbb\xb9\x9c\xe3\x85#7\x97H\x0c!\xac\x14`I\tpQ\xba^\xc9\x8d\x11\x1a\xde\xeb\x9fNu\x7fy\x18\xa1h\xaaX,\xf2\xf5;=\x85\xab\xab\xae\xae\x82\x9d\x0f*\xea\xf5\x14e\xb8\x18X}a\x05\x16\x99\x0c\xdd:\x86\xc6\x13C3e,8E\x10\x04\xc7V\xd1\xd0\xaf\x9c\xfa\xa7-\xbe\xdc\x00\x12\xcb`0,\xbd~\xfattx\xc2j\x9d\x18~\xf1\xeb\xf7\xaf\x85B$Bi)}\x8c24\xad\xce\r\xd5\xf1\xe0\xee\x93L2D\x1d&lt;\x9eN\xe6\x9b\xf0\xa5R\xa9\x07\x80\x85\xc3Z\xf4V\xf2\xf8,8\xb6\x8dY,\xbe\x17\x0f#\x11\xe4\xd3\xaf\xdduu\xd3~N\x07\xbc\xee\xde5=\xfd\xe9\x15\x90R\x05\xea\xe2\xc2\xb0\xb4:\x17D\xb7\x0b6}WL\xc2\r\xb2\xa3N.\x07,\xa4\x16\x8e\xc3\xd6\xf8\xf27f\xe5\xd6\xe1\xb6\xcd\x92J\xf9V\rv\xca\x1e\xf9&gt;:S\xf7\xe0\x89\x14\xfew\x02\xc7DwuCs\xbb\x8f\x96b\x11*\x92?j\x1a\xc8\r)\x80\n.\xb6\xf4w\x00l\x10\r\xf3\xef\xbbR.\xe0\x92\x02\x15\x87\xdc\xcfV0Z\'\x16K\xcae\xfd\x12\xa1\xa8\xc8\xd2\xf3\xd4\xcc\xb4\x1f&gt;\x03\xc7E\xa2\xc1A\x85L\x96\xc8\xad\x0e4\x19"\x86|4\xbd;d\xda,\xd2\x16\xc2\xb0\xd9l\xda\xcbT_*\xb5h\xf1J9\x08\xab\x82\x99\x87\x8a\xb7\xd9\\\xae\\\x13\xe4\xda\xf0W\x1f\x84XVWW7#3\x05\x83\xa6\xfe\xf1\xc4\\n7\rX\xb1\xa3\x91]\xb5R\xb1Y,\x9e\x9d\x157\x15p\xc3\x1e,bp\xfd\xc7\xa4}\xae\x94\xdc\xe6%90R\xdbT\xc52/h\xf8`\xb1-.\xbe]\x82\xaeZ\x1a\x86\xf3\xe6\xdc\xdb\xd7?\xbd~\xfd\xe5\xa6\x9e\x1c\x8e\x00\xc2z\x98v\x18\x9d\xc1\xcd\xe2\xec\xa4y\xcd\xe8\x08\xa1\x9eW\xa2\xa01:\\}3}} \x97\x14\xb0*\xb9\xff\xd0X\xdd\xaf\xbfR\xda\xc2\xb7\xe1\\n\xf7K,R\xa0\x0c\x19\xb4\xcbDU\xaa@@\x15\xbe\xa0\n\xb1\xb4Z\x19\x9c,\xce\x9a{\x17\xa2\xe1|\x98&gt;\t:\xe1\x1a+\xc2R\xeb\xae\xc5\xf7 \x97\x94\xac\xb4Z6\x97|\xf8\x15t\xd4\xd5\xb7\xb9\xddt^o\xa7\xb4\xdaHL8\xef~\xa7r\xbb\xe1\xd6\x9a\xd7k\xb5\x86#\xb5y\xb6X4?\x0b\xe4\r\x86\x18 \x8f,\x18{{{\xfb\x15\x83\xfe\xc3\xf7}\xeb}^\x12\xb8\xa4\x96\xcaa1\x01kQ~\xff\xd5\xd5\xd5\xf2\xf2\xb7\xd5\xfcE\x0c.\x87\xb1\x8b\xb0j\xe4\xf3\xe7w\xc05/\x14f\xe0v\xa6W\x19\'\xcf\xcef\xb7\x02M\x0f\x1f}\x89\x06&gt;/,l&lt;\xdbZS\xf6\x9b\x14\x0f^\x1e\xf6\xad\xbf\x1fCXd\x05\xb1\x04\xbf!\xac\xd1%\xa0\xfa\xd7\xab\xa6X\x8c\xcf\x9f\xd7\x84\x1f\xad\xaa\x9f\xc1,|V\xb9\xc3m=\xad--z\xf73\x84\xe5L\xa7\xa3\xe9\xd5\xb7\xbbjg\xef\xd6\xda\x9a\xd9\xdc\x1fT\xe8\x0e_\xae\xef\xef\xdb\xbc\xf1x\xbc\x92Xw\xb2\x076\xb9|\xf4\xfb2`}7\xc0)\xc6\xed\x8e\xce\x99\x1e\x88\xb0\xe2\xa4y\xeb\x9f\xef\xdcB\xc0\xfa\xa5\xb5\xcd\xbdAc\x85\xd4N\xa5\xae\xb1\x03\xc3\x8a\x9b\xe6\xd9\xd9MsP\xa7\xdb\xffx\xb8\x7f\xb8&gt;\x16\'+\x8e\xd5wo\xf4\xeb\xf2\xf2\xef\xcb\x85\x88&gt;\xe3V\xa9\x15\x18v)\xa9I6\x0eNn}\x9e\xd7\xb7\xf5\xfc\x02X\x9a\r\xf3\xd9\xd9\xe4\xd6\xda\xa4"e\xb3]\xa36=+\x16\xa1*t\x8a\x89\x8f/\x0f\x0f\x0f/\xe3qo\xbc\xb2X.\xb9\xfc\xf9\x15\x8de\xd7\x0bU\xca\xa2b\x8c\xc5\x10\xb3\x07}\xfd\xe6\xb5\rMs[k\xfb\xcf\x7fo\xd3,\xac\x15\x8b\x93\xb3g\xe6\xf1\xe7\xeb\xa4\x04\xa80\xe8\xd3\xb3M\x85Y1\xfd\x12\xb0&gt;\xf6\x91\x805\xf6oV\xcd\xe6\'\xcd5\r\xe3K\x16]\r\xa4\x9c\xcdP\xcdk\xf8\x98\xda _\x92s\x88\x02\xf2\xed\xab\xa7\xd8\xd82\x18Z\x94\xc1\x0f(\x12&gt;\xca\xd1FNGB\x8dZ;4\x14m \xa4$\x84&amp;\xda\xa8\xadh\xbbh\x1a\xc4\x18I\x19\xe2\xa61\xb2\xa8uLf\xa3]\xd4\x98\x1c\xdb\xb8\xe9b\xee\xfb\xc5\xc9\xf9\x03|\x1f\xc2\xfe\x97\xeb\xbe\x9f\xeb\xbd\xaf\xe7yh\xc3\x82,6\xab^h\xb8\t5\x8c|\x82A\xa19\xec${Z\xb4\\.\xcf\xa8RE\x93a[\xb3\xd0ew)\xd9\xb6d\xcc\x87\xae\x15\x85|\x08\xdf\xa0\xf9[\xbc\xf9\x07\x97\x1e\xa0\xb36]\x8b\xaf\xc6\xe3\xef\xa0\xb7\x06zi\xf3-\xc6\xe5\xe5w\xea\x85\x7f|\xdc\x89|\x8ah\x00\x8b\x1dV\x81\x81\x8e.-y\xbd\xe1p\xa1\x95\xdd\xdc\x9cr\xb9\x00+\x93\x8c9}&gt;2\x16\xed\xb6z\xac\xdd\x06\x95\x91tn=@\xac\xb4vh5\xbe\xba\xf2z`\xe0\xfe\x00}\xbe\x05\x83\xfc\xacZ\xdd\xf0y\'\x12\xd9Uh\xea\x95l4\xaarym2\x94)dl\t\x9d\x12\x1a\xde%S\xde\xb3FcN\'l\x82h\xb2`\xb5\x16\xc2IU\xcc9?\xef\xf39y&lt;-q-\x1e_y\xd9\xdb;0p\xfd\x80F\xb5&gt;\xa8\xff\xd9\x90\xddA*\x8d\xf4&lt;\xd8S\xa1\xfe^\x80=-TB&amp;c)\xa7[\xad\x86\x18\xc9C\xac\xb0\x97\xc2\x02\xd7"\x87\x8d1\xf8p\x9a\x88\x96\xd5xv\xf1\xdf`\x11\xeae\x1a{\x0b\xb1\xbeRX\x900`\x90\xef\xa2\xa6d\xf4\n\xc8\xd4\x10\x14e2a\xf3=\x91X@\x92\xceZ\x11C\xa2P\xc1\x8b\xa7#=\x02\xa3Q \x10\xfc\nX\x95wPD\xf5\x14\x83\xbe"\xbeS\xab\xaf~\xcf\x03\x16\xa7\x9e\xa5\xeb\xc24\xa6\xa1\xb2\x062\x81eQr\xb1m\xde\x1e\xd2\x89X\xe1\x82Gd\xa3\x0ex\xad^1\xd8\xaa\xc0b\x19Z]\x01,h\xf9\x05z\xb1\x1a\xee\xec\xe4#\n9\x84\x1ce\x17&amp;W\x0e\xe4}*\xee\xcb\\\xf6z\xa9].e\t\x03V\xc30\x141\xa6J\x162\xa2\xd6{xD\x12\xf2x\xbc\xe21\x0b`=\xccV\xf6?\x00\xd6+\xda\xe6-\xdc\x89W\x1bn\xe6\x01\x0b\xcf%\xe5\x1c\xb9\xddn\xe7\xd89R\x97+\x05\xddn\x97\xc9\xa4\x12\x89\xbc^\x07XF^\x1a&amp;\x08\xc0\xca\xb4\xe2\xf9n\xeb9\xd7X\x1f`\xedo\xbc\x04\xac\xd7\xb4M\xa7\xd8\xf2\xb3W?"\x96\x86\xc3\x91\xc0B.\x17U;\x99].\x13\xb2\xe4\x8ejU\x11LX\r\x02\x13\x941\x97\x0c\xe3\x07\x1c\x17\xde!x\x9f\xf8\x7fmi\xa1\xb0\x06\x06\x06h\x1c\x9a)\xac\xcf\x88\xa5\xd0(\x10Kbw\xa5R)\xaa\x80r\xa9Rf\x97H\xaa\x91\xdd`\xc0\xab2\x1a\x8d\xc3\xce\x18\x85\xd5JQ\xe1\xd9\x8d\x18\xb0\xee\xacf7\xde\xbc\xbf\xef\xfe\xef+:\xd5z\xfd\xaa\xe1s\t[^\xa1\xa8Q\x01\x96K\x06.j\xb7\xb3\x00\n\x1aM\x13Lxz`\x8a\x8e\x99H2\nv\xd6J\x89\x95\xb1\x9e\x1f\xa1&gt;\x8cg7\xfa\xdf\x0f\xf4v\xael\xd3\xd4\xf2\x8c\xed\xd2\xf7\x8f\xd7Z\xb2\xff\xc7R\xc8\xed\xa0\x12UF\xf8\xe6\xb0d\xd8V:\xddH9d\x007%\xc1"|\xb90\xb4\x16u.(\xb2v\'\xc1#,CwV*\x1b\xfd\x8b\x03\xbd\xbd\xb3/\x96o\xd3C\xb5\xb3\xab\xd1w&lt;\xfez\x8e\xa5\xe0H\x91I^\x03K)S.\x9dG%^K\xacy\x8d?]\xfa\xcb&lt;`\xcd;\xc36\xbcv\x81\xe1\x95\x9aP\x05\x041qu\xa5\xd2\x7f\xb0x\x9f\xcbm\x9a\x88\x1f\xd0\xc1u\xbb\xb4\xeb\x802\x99\xbf\x9fc\x815\xc8%r\xac$v\xbd\xb2Y\xa8\xcc\xecm9\xc3!\xab\xe1\x16\xcc2[1\xf8\\;\x93\xad\xd4\xa1%8\x845Ia\xddm\x88W\x0e\x96\xdf\xfe\x8d\x99\xe6j\x87\xe2tx\xc4v\x84#\x03\x90\xe0N\x11[\x1e\xf7"\xb5\x19\x1d\xb0\x1d\x01\x8b%d\xdf;\xcbX\xc1\xd6\xbd\xc6\xad\x07\x97\xb6H\x159\x0f\x90\x01\xdd\xb4\xb0\x19O\x05\x0b\xc9\xa8\xc0d2\xdd\x9dX\xdd_\x9ez\xfb\x1b3\x9d\xe6\r[\xf6/~/\xc5(\x06\xbf|a\xd7K4\x7fb\xc9%\x0eX5,\x18\xfe2\x19\x9bh\x06\x96\x81\xe0\xcdo\xf9\x9c\xf0\xcf\x85A-\xd64\x141\xe4M\xf6\x00\xd6\x95\xc1\x89W\xfb\xcb\xffz\xf1\x1b\x93\x9b\xf69\xf7n^&lt;\xf03J\xc7\xdf\xbe\xc8\xea9\x9a\xfcv\t|\x0b\x8bX\xc3\xda\x95KqpH\x88\xac^\xcf\xe4\xfa\xcc\xf3\xd1\xe7\x8f\xfbx \x06\xb8|4,\x9a\xae\x07\xacV\x91\'\x9c\xec1"\xd6\xe0\xd5\xca\xd4\x14\x14\x91\xe7\xf3\xed\xed\xf9\x8b\x17\xc6\xba\x9c?\xfer"qH5;\x14\x96\x86R\x0b\xb8v%\x1c(\xa1kzm\x12\x84jo\x7f\xfc\xf7\xdf?\x8e\xfaMx\'\x0c\xb3\xa1\xa1`\x03\xb5\xa8\xa8h\x10\xd4\xb0\x1a*S\xcb\x8b\x7f\xe5:A\xac\xbd\xe8\xc1EM\x82q9\x7fr\x92rT%\xf2\xc8v\x91\xc2\x92RT\x8e]\x85\xb4\x8b5\x9d@\xaaI\xc4\xf2\xff~\xf3\xd9\x13\x0b!\x10\x10F\x81\x11\x12\xac\x8d=\rbY!n\x18\x87\xaf\x00\x96:;5\xf5\x1e\xc5\x02\xac\xdc\xc6\xc57\xe2\xd1\xc9\x89\xbdz\xe4\xe0D\x8a\xc5\xc8\xb9XH\xe5\xd0t\xe9\xcbk\xeb@5:\xf3|\xbd\xc3#^\x9a\\\xf3\xf8\xfb,\x16\x02$\xd3\x0e\xab\xbc\xa2@+\x0e\x10\x14\xd6\xe0\xa0\xbb\x01\xb0^bg\x91{{\xa7\xd9\xcbt`I\x00K&gt;W,\xee\xcc\x01\x15|~(\xb1\x1a\xf5\xe3f\xf3\xfah\xfbh\xfb\xfaZ\x80m+x\x02\x01\x91W\xdc\' LW`\xee3\xf6t[E\x1e\xea\x1c\xc2\x04Xnw\x03\x18\xc4K&amp;P\x01V\xee\xf3\x85\xb7\xe2\xed&lt;\xa5V\xd51WB,\x90\x0b&gt;?\xb0#\x83\xfaq&gt;`\xb5\x9b\xd7\xcde\xbdN)d\x07\xd0)\xc28\xf6\xe1A\x0eA\xf4\xf9\xbd\xde?\xb1\xa0\xe5\x0f\x96_\xa7\xe7\x9d\x94Z\x17\xc6b0J)\n\xcb\xa5)\x15\xf3s0\xfc\x01\x17\xd8\xc4\xdc\xf8\xf8\xd3\xa7\xe6g\xcf\xcc|~Y\x178;\xfbq\xfc\xa3\xf0\xed\x10\xf2\xbd\n\xb0\xb4Z($a\x19\xeb\xc6\xb3\x11\nkppv\x7f\xb9\xff\xc3\xb0\x0f#\x08\x1dj1\x8a.\xc0\xaaJd\x92|1\xffi\x0e\xb0\xfe\xd0\xfc\xd1\xd8\x88TO\x9f\xde0w\x94\xcb\x81\xb3/\xb8\xbe\x9d\x1e\xc2\x8a\xaa\x00C\xcb\xc3\xf1\x9d \xf0n\x05ZK\x8bX\x0b\x1b\xfdo\xd4\x88\xe5\x04\xac\xaf\x17\xed-\x06c{\x17\xb0\x1cv\x97\xe3\xa8X\x02,\xacccc\xb0\xed)p=2\xf3\xdb\x12\x99\x0c \xc1:&lt;\x05\xae\xd3\\.\x17\x1b\x86\xa8\x83T&amp;A\x1f\xba\x83V\xdb4\xe8\xee\x9c\xdd\xef\x7f\xd3Y\xc3\xca\x89\x0f\x184l\xc5T\xca!qQX;s\xb0\x00\xabK\x8fZ=\x9aY\xefX+\x1c"\x12\xacS\\\xb1X\x8c\x84\xf8\x03_\x18\x81\x85\xd0\x9ap\xfc\xe2i\xeb\xea\x00ku\xa3\xff\x85\x9b\xc4\x1c\x99\xcb}\xdc\xa6!\xf6\x14%\x80\x95J\xd5W\x01\xabVE\xc0\xe2?5\xb7\xcf,\x85&amp;\x0b\xa7\x87\xdf\xce\x8e\x8f\x8f\x7f\xd4\nyx\x8a\t\xf6\xd6\xad\xb4\xd6\xd2g!\x08\xa8\xa5\x96\xc7\xe3\xd5\xb9\xdd\xd7W\xf7\xfb\xdfj\xf7\xf6\x00K\xa0\xda\xa0!\x931~9rI$)\xa1P\x01\x0e\xf1i\x13\xe5jl\xd4\xb7\xf1\xcd3b\x95!yz\xf8C\x87#N\xea\x18\xd7\x8f\xb30\x04\xfe-X\xe9\x9e\'~?d1\xe83\x1e\x97\xeb\xeeU\xc7\xf7\xfb\x17\xc9=0y\x93\xe0y\x91\x96A\xb0\xb8+w\xa4N\x84\xf2\x12\xf6\xfc&amp;\xe8\x05j\x01\x96W\x05A5\xc3f\xb1\xa4R\xa9\xc2.\xa4\xa82\xd6p\xd4H\xfa\xb6\xe6I\xf1\xcc\x12e\xa5Z\x1e\x97\xc9m\xea\\\x88W\xfa\xdf\xa7I#\xa9%\xc6\xb2\xf4\xdc\x18\xdc&gt;\x928\xe42Y\x17l\xc5\xc8\xdc\xe6f\x10\xb8F\xda\xda\xd6\xad\xdd\xa1\x00&gt;=\xd0\x95\xcb\x89\xc4\xda\xd9Y&amp;s\x96\x81,\r=O\xf2H\x81ur\x06\x8f!\x80\x8a\xcbd6M\x00\xd6\xc1\xeb\xf4\xf0\xd0]\x82h9\xa0\xe7\xfd\x08\xa3$\x91\xe3\xccP*\x96"\x9b5,0\xd3\x8e\xf5\xb5\x84\x90\x05T#|\xf3\xe4\x92X,\x8e\x1a\xc4\xe2d\x14R\xc60\tS\x848\xe4\x01\xd7B,&amp;\x93\xe9\x9eXX\xad\xf4\xcf\xa6y\x96\t\xad\xe9&amp;]\xf7\x18\xdbGv\xe4\xc2\xad\xf8i3\xa8\x0f\xd6\xb0\xf8\xe5i\x96\x92\xc5\x1ai\xe3\xaf\xcf@#\x8d\x8d\xf9\xfd~\xbc\xd74\xc6\xe0\xa7\x8av{\xbd5,.\xb7\xae\xe9\xfa\xecj\xe5\xcd\x02\x8fGX\x8c\xfe}\xba\x1e\xdb0J\xd4\xdcW\xc3\xda\xd4\xcf\x05a\x8d\x9b\xdbF\xf0\x01\x04K\x97H$&amp;=\xd6\xa5\xee\'\xdd\xd4\x95+\x80\xa9r9\x95A\xfcD\xec\xef1!\x15`u.\xbc\xca\xbeP\x13&amp;b\xecN\x96\xb6K\x1f\xc6/\xf9*pUkX\x9b\x9b V[G\x07\x7f\x84z\x8d\x847\xaf\x895\x91(\xb4d\r\x85\xac\x85\xb0!\x1a\x8d\xaar\xaa(\xbe\x82\x10\x0cc\t\xb9u\xeeN\xf5lv\xd1MX\x86\x1e\xef\xd3x\x15\xc5\xd8&gt;\xaaV\xab\xbb%\xaa\x88\xf8\x1b\xe1w\xdc\xe0\xb7\xe9\xbbtxx\x03\x83hs"\x00d6\x9b\x08\x9b&gt;\x19\xcd!\x16\xe8f\xd2"V]\xd3\xe0u\xf5\xec\xca\xca\xc4\xdd\xa1\x874RQ\xa9\xec\xa8\xba;\x97/\xe5\xbf#\x94\x1e\xfc\x01\xb1F\xf4\xbaz|\xfd\x03\x8a\x95\x03\xf8&lt;\xf0\x8c\xe2\x02\xb5T\xaa(E\xc5c\xfe\xfc3\xb3\xce\xdd\x0bX\x95\x83\x8dl\x85\xde\x87\x10\x0c\xd0\xab\x94\xcf\x17\x11\xeb?\xfa\xe0\xf88\xbf\xc3\xfc\xe8\x06\x7fD\xafo\xe4\xfc\x8f\x96\xf3\x0bic\xcf\xe2x\t[\x02v\x94m6\x92f:d\xd0\x89\xcdfv \xfb\xd6H\x03\x9bA\xe4\xee\x90\x988\x10\r\x04\x87Hh\x0c\xa6]\x91r\xe3\xd8\xee4\xd2M\xad\xa4)\x1a\x91\xe4\xa1\x04\x14B\xf1_\xa3\xf4\xc6\x87\x9aR|\x13{\xfbP\xbd}h\xc1\xb6\xab}+\xc8\xbe\x15\xfa\xb8\xdf\xdf\xc4{\xf7qw\xefu~H\x08\xf8\xf2\xe1{\xce\xefw\xce\xf9\xfd\xce\t\xe9H\xd2\x9f\xcd\xc9\xc5\xd1\x9fa\xc7\xbf\xff\xe3/\x84\x0b\xbe\xdfs\xe5\xf1\xc0\x80\xcd\x0b\x1b\x86B\x0b\x1f^\xb7\x9fyG\xe5\xe9\xbc\xc5\xcc\xa7\x9fN&gt;\x8a\x13S\xa2\x8e\x15\x10\xa7z\x89\xf7\xf7\x92g\xf3\xc0\x0fX\xa4a\x91\\\x03\x927\x95\xef\xbe#b\r\xd8\x08V|\xcf\xfflg\xc8lD\x03*\x19\x05y\xfd\xe9\xeb\xc9\xc7y\xd1\xe5\x9a\x0f\x94\x80\x15\x10\xc5\xa9\x89)\x88\x874\'\xf0C \xd0|2#X@\xbay\xf3&amp;\xc4\xb2Y\x81\x15O\xc6\x97\x8b\xc65\x07\x9e\x1b\xfa\xf4\xd3\xd7\x8f\xf3.\x97K\xce\xe7aD\x17\xd2\x1b\xb2&gt;"\xf3\x92\xc3\xc8U\x1f \xe2\xc0\xd5\xc9\x91J\xde\x13\t\x95\xd5Fg\xe2\xf1\xd0\xc2\xd2k\xe3z\x16\xcd\x8f\xbe~\xfd\x88p\x18\x06V\xa9D\xc0`\xcf\xf9C\x92\xe4HRX.=\\\x9f\xbd3\xacg\xcd=\xf0*\xf8\x95\xd5n\xb51\xc9x\xdc_{\xd5}\xce\xb8\xf5z\xe7di^.I\x92T\x92" \t\xc8\xb2K\x96\xe7\x0feI\xabH\x92\xba&gt;\x8b\xda\xa7\xb3\x87d\r\x04\nZA,f2\x18\\~\xf6a\xc88*s\xc7\xce\xc9\xc9a\xbe$\xa9\x9a\xaaj\x11\xa9\x94\xcf\x87\xf3\xfb\x12\xa4R\x0b\x15UU\x0b\xe3}\xc3\x9d7\xaft\x11W\x07\x92\xddd\xb2\xdb(f\x126,\xee\x18\x88u\xae\xbb\x0e\xb9dIU+\x95\x8a\x02.\x88\xa6U4U\xabT\xa2\xb3(\xf7g\xc7\x07\x1dzp\x06\xd5\xcf]\xc6\x94;\x19\xf7/\x17w\xda\x8d4\xe2\xf5\x9d\x0fK\x87Re\xbdP(D\x0b\x8a\x06\xa2B\xd4W\x88F}}}\xd1B\xb4o\xd8\xc1vY\x06\xfe\x03e\xb2\xd3L&amp;\x1e\x0c.l\x1a\x8a\xd5\r\xacW\x87\xfbZavv6\xea\x8b*\x84\xce\xe7\xf3\xf5\xa5\xd2\x83)\xd2bJ\xa8\xbc^P\xe9#Iw[LN\xca\x9d\x19M\xc6k\x9b\xd7\xcd\x86\xaa\xf5\xe1\xc3\xc9\xd2a\xa4\xe0\x1b\x1f\x07\x8e\x8f\xf3\x91V\x95\xf4\x88\xc3\xe3A\xd5\xe5\xf0\xe8T\x03\xb6\xd3!)"\x16\xe5vg2\xf1\x8d\xcdOfC}\xeb\x95\x8e\x15\xf5\xa5RwR}\x89Tjd\xd4\x01\x1a\x86aX\x96E"\xea\x1d\x80X\xa6&amp;\x13\xa8\x9c4\x85\x7f\xb9\x83Fc]_ZZ:&lt;|\x16E\xf6\xeb\xe8L\xa7\xd3#\xa3P\x88A\x9a\xc0 \xaf\xa2\x80\x84e75\xa1Lv\xab\xd3i\xa3i\xda\x1d\xdaXzj0\xd6\xe1&gt;V\xce\x97"\x8d#\x10*\xa3\x8bd\xf1Z\xc0\xe4\xf5\xd2M\xac&amp;\x94\xddn\xd5\xffh7\\~\xc6X#n&gt;\xab\xe5\xb4\x88\x16M\xa0X\xe8\xf4\xe8H\x16\xaf\xbel:\x13\x0ev\xbb\xe9\xd4\x8a\x90\r_\xedN*\xbel0\xd6\xceRm9\x82S\xc1\x97\xe8#wY\x8e&amp;\x98w@\x0f56\xfd\\\'Pd\xc0\rH\x17\xc9jq\xbeH\x1a\xad\xd6\xcefm\x99\x8fh\x8a/\x85S\x81\xb4\xb3!\xd4\xb0\xba\xa7\xebX\x04\nTw\xef\xea`d\xa8\xec\xd2\x85\x16;=\xe97\x1a\xabX\xe39%\'D\xb3\x89\x04i:\'\xc1\xa6\x87\xa4\xc6\xa7!P\xb7\x1f&gt;\x88L\xcd\x013`9\xdd!c\xb1\xdav\x8aBD\x96#\xb9h\x96K\x80,\xe1#\xbe\xef\xc1\xe1\x00\xc1t\xb1\x88W\xdd\xd5\xa9.5W\x13\xabh\xacZ\xd5b.\xa7(R  \xc4\xf8\x04\x07\xac(\x0e\xd44NSV\x8f\x84\xb6\xa6c]\xd4\x87\x8f\x9a#[\x17q\xd43\xa1g\x86b\xbd\xae\x16\xf7#\xbc\x16\x0e\x88\x81D6\x9b\x05\x15bO\xf6\xfe\x08\x8e\xaf\x0c\xcbXN\xc3N\xd3|\xcd\x19&lt;`\x91\xadh\xacZ\x1d\xd5\xa2 i\xbc\x92\x0f\x8b\x1a\x17\x8b\xc5\x08\x16\x17\x8b\'G\x93\x93\xc0\xa2\x80\x85C\x81LC5\xa9\xc8X\xd4\xc5\x16\x1bM\x05\x8bF\xabU\xe3\x15!+H\x810\x0f\xacX"\x11CY\x13\x8c\'\x93\x93\x93n\x86\xa2\x9d\xbf`]\x02\xd5]2Ef\xa7\x81\xb59c\xe4\x80[\xc7V-\xc2\xf3\x9a\xe0\x0f\x8b.!\x1b\n\xc5@\x04\xac\x10\xb0\x00\xe6\xa6\xc0e\xfa\x85\xeb\x92\xc9z\xe1B\x8b\xc9\xe6\xa5_\xc47?\x198\xaee\x1e\xdbZ\xa8)BN\xe0\xf2\xbd.\xcd\x97%T\xfa:N\x8e"\x8f\xc8\x10\xb5\x88\\M\xae\x8bV[K\x8b\xf5\x14k\xad:3d$\xd6\xb2 \xe4\x14\xbe4\xe1R\x95(\x17\x0b\x12.|\xc4\x14\xf5\xe1\xfa\xf8\xb0\xc7\xfb3\x17V\x8bu\x00Pv\x9b\x85~\x91,\xae\xec6\xea\x8f\x8cH\x05\xdb\x87\xba\xbb\x1f\xe9X\x82\x10\rL\x04TE\xd1\n\xc4\x88\xb0\xa2?\x8f*\x11\xd5\xd8\xb0\x83jb\x91\xe9j\x00!$Ym]\x16*\xb9\xb2\xf1|we\xcb\x00\xc1\xda\xdb\x1e\xd5\xeb\xd7\xd7H\xcb\x14\xcf\x17D`\tQU\x82\x83\x05C\xf1x\xb4\x14~\xf9\xfd\x8d\xbf\xdd\xe9d\xbdv=\xfc\x98\xac\xfa\xb4\xe0cK\x97\xd7\xda\xc5\xb2\xc9\x8d\xdd=\xc2\xf5t\xe8\xac\xa5\xeaX\x9d;h\xd4\xd7\x9e-\xfbyNP{\xfb]\x11&gt;\xabH\t\xecE\x982Qx\xf9\xe0\xc1\x8d\xd9N\x0fC\xd9\x9c$\x04Y\x91\x0b\x02\xeb\xca\xe3+\x16\x94\xd5\x9e\xd1\xd0\x1e\xc1jTg\xce\xd4\x8e\xed\xddc\xabs\xdb+\x1b\xd5\xa5}%\xcb\xf1B\xbe\xff\x0fb.\x1b*H\xd9P\x8c\xe7\xb21\x9fo\xfd\xc1\xf7\xeb(0\x18\x1c\x128\xeb\x89OA\xad\xae\x1e$\x87^\x9a\xca\x8c\x06\x8f\x83{\xbb\x8d\xb5\xad\xf2Y\x0e\x89\x98\xdb\xa6W\xe7\xaa\x8d\xdd\xdd\xcd\xe2~\x8e\xe7\x85\x9c\xd8\xdf/*\\(\xaafc\xc0\n\xc5p\xd6?\xbc1\x9e\x1ea\xd9\x0c\xe5\xd4\x13A\x84!\xbb\x97\xed\xb1x\x91^\xd0L28y\xbc\xb7\xb1\xb6\xbd]}zv\xb76\xbaV\xe5\xb5\x95\xe7\xcfW\xf6k0bN\xeb\xed\xbf%\xf1\\\xac\x00#"6\xc6\x12\xd1\xbe\x94\xba\xde\x97r W\xa5\x9d$2\x9a\x06\xacv\xa7\x97$\xf7\xf8\xa0\x18\xf7\xa8{\xf2y\xa3\\.o\xd7\xcf\xac\xe87\x0fu\x8c-\xd6\xb7\x1a\x1b\xc0\x82k\x85\x88\r\xfb]\x02\x97\xcd\x16Jp\xf9l\x82\xcbi\xbe\xfb\xd1h\xea\xfe\xa8\xc7\xc3\x00\xcb\xd9\xd2b\xb7\x90\x16q\n\xf1\x9b\xf6v\xa1\xc8p\xbfp\xef\x96\x9f&lt;)oW\xcf\xac#i\xa8\xb5c\xfa)\x11\x0b^[[\x0e\x85\x04e\xa2\x7f"\xc7q~\xbf\x90\x17\xb2\xb1l\xa1 \xe1hM$\xee\xa3\xe2 ]\xf1(}L^`Q\x84\x0b\xaee\xc9d`Z\xf7\xda\xdc\xe2\\y{\xab~F\x9b\xd1\xdc\xdd\x06\xac*\xc4\xda\xdb[\xa8-\x84\xfcB\xa9\xbf\x17&amp;$X\x12\x17\xe3r\xe1R^I\xa0\x98\xf5\xa5\xd2\xd8\x89t\x17KP\x18\x8a\x81\x9fy\xbbzX\x8ab=\x9e\x17-\xc1\xfa\xe2\xe2\xdc\x93\xed\xad\xb3\x92k\xa8\xb5\rF\xacB,l\xf2\x1cq-\xf1O%Pa\t\x92R\x91\\.Y\xcaia\xb5\x80\x82\x7f\xd0C\xd1^K\x97\xa5\x0b$\x1e\x87\x83\xa5\x80e\xa1\xa8\x8c\x87r\xae\xac\xae\x12\xac\x83\xadz\xb7\xf9\x0c\xee\x05\xdb[\xdbZ\xdb\xae\xae\x967\xf6\x8e\x8f\x83\x1c\x1f\xe2\x14\xb9\xffV\x04R\xf9y\xa5$N\x88r&gt;\'\xf0\x9a\x1c\x08K\x95\xc2\xec\xf8 \xebEm\xe8\xb5\xb0\x0e\x14F\xa4\xf4\x87\xbfc{f\xe8x}z\x95\x18\xf1`\xad\xfaH\xbf\xae4\xff\xc6]\xd8\n\xae\x8e\xb1\xfa\xca\xf1\xe4H\x10I\x83 \xf5\xde\x92\x05\x7f6+\xc8b\xaf\x98\xcf\xf1\x8a&amp;\x08y\x97\x18(\xa9\x85\xd9;D.\xa7\x93fX\x8f\x03T,\x19\x0ba [\x86^\x99\x06\x16\\\xfe\xa0\xb1U\xfe|\xf4d\xb5\xfb\xb7]\xa5\x0e\x11*"\xd7\x9a\x9bI\x07C1N\x83B\x9a?\xc6I\xa2\x18\xd6\xf8,\xa7\xe4s\t\x18\x92&lt;\xfc\xe8\x97n\x1e\xe2\xe9\x04\x0b\x19&gt;C#\xd5a!\x9b\x9b\x88\xb5Jl\xd8h\x1cl\xbd\x7f\xf7\xee\xcd\xb7\xed\xb9\xb1_\xff+)\xed\xad\xcd\xd56V&gt;f\xd2\x89\x18\xa7\x84\'&amp; \x96 O\xc99$\x82|.\x92\xe3\x94@\xc0\x15\x08? F\x1c\x86F\xc4\xc7\x1d#\xd0\x8a\x0c90\x94cp8\xdd\xb99}j\xc3\xc6\xb7F\xe3\xdb\xbd\xdb\xb7o\xdf\xfb\xf1\xfd\xe7\xc5_\xe7ffb\xc2S\xae\xd5\x15\xf7\x08\xaaC50!J\x82&amp;O\xe5\x05^\x104I\xde\xe7\x05\x19\xe9\x83\xaa\xae\x13\x97\x1f\x1c\xfc#"P\xc6\x01\x13f\x00E!\x1a9PMr\xd7\xc7\x10\'t\x1b~\xfb\xd68\xf8\xd7m\xb2\xee\xbd{\xf3\xa5&lt;\xdd\xfa\x7fZ\xd3ln\xfa\xd5)\xd6\xd5\xfa\x9e{4Qy\ta\xf2r^\xcaG\x90w\xe5E1\xa2\x08\xb2K\x95J\xaa\n\xb1|}\xa8h;\x1d\x0c\x93\xc1&gt;dA\xc5 \xc3w\xa4\xd3\xf7\x97\xc6\xc6\xa6\xb1\x0f\x8f\x88\x11\x1b\x07\xdb\xef\x01\xf5\xfb\xcb\xd7\xee\xdd\xbb\x06\xb2\xa3\xd5\xff\xf57o\x88\xb4\xe6\xee\xd5\xa3\xa3\xb1\xb6S\xb0\xee\xd6\xb6\xe9\xb5\xe4\xe0\xc3p\x00\x06\x93\xf3\n\x12z^\xe0\x95\x88\x84\x8c\xb0\xf7\x16yl\t\x97\xd4\xf5\xd9&gt;@9\xfe\xea\x80J\x9e\x0c\xa8(6\xe3\xc9d&lt;\x0ea\xe6*\xc1\x82Xdm\x97\xffy\xfe\xfc\xf9\xdf\xdd\xbe|\xed\xf2\xb5\xb7o\xdf\xfe\xf8\xfe\xcb\xe7\xb9\x8ev\xf3\x7f\xb3\'y\xb1\xe8X&lt;\xfa\xf2\xe6\xdfu\x9coH\x1bi\x1e\xc7\x13f2\x9b\x1c\xdb\x907\x0b\xcb\xa5\xf4\x08\x1e\x88A\xf1eX\xf4E|q/\xc4\xed\x96\xe4B\x85\xb2\x82\x14W\xa9\xc7\x06Y\xf0\x96\x14\xa9\x04\xcd\x16\xf7\xa49\xaf(\x0c#\x93\x1dL\xb0n\xb5eqgBw9:\rX\xae\x92?.B\x14\x8a\xa7g\xf2\xc6\xa4H\xf2&amp;\x14\xa1\xbd\xfb\xfe\x9e\xc9D-\xdcS\x93&lt;\x89\xd1|\xf2\xfd}\x7f\xdf\xe7\xc9Lq\xfb\xd8\xe3l\xc9u\xc5\xb3\xfed\xf8\xfb\x81\x81\x7f\xf4\x05BCC\x9d\xab~\xff\x0c\xda\xb0\xb3\xad3\xb48w\xe3\xc6\x8dEv\x9cyb\xf8\xee\xc4\x04b\xe2\xea\xc7\x08\xd6_QBtaG\xc7\x9d\x15\xdf\x05\xacgK\xf1c\x95\xe38\x90\xf1\x91\xa8\x1bh\xdb\xdb\x85\x93\xe3T\xec\xb3/?\xf9\x7f\x7f\x92\ny\xf2\xc9\x95X\xfcp\x7f\x9b\xdeF\xc2\xe3\xb9r&gt;|K\xfe\x89\xef\x06\xda\xb1\xd1\xc2\xfe\xd4\x7f\x0f\x1f\xcb\xe6f\xfcC\x81@{\xdf\xf4\xf4\xf4_!\xd8?\x19\xd9]\x14\x12u\xbc\n\xaa\xc9\xc9k\xa37G\'7\xd6|\xbe\x18\xc3\xa2\xb1\x94J\xa4N9\x1b\xb0\x98f\xf0X\x0f\xc6va\xff\xe4(\x1eC=?\xfc\xcbOL\xc6/c)0\xb1\'\xe2Ya\x8f\xf3\x1c\x0be\x1c{\xbc8\x15\x9aj\xf3c\xcb\xd5\xbf0\xd39D\x99:4\xd5\x8f\xd2\x06\xe6\xe8@\xf3\xf5\x9b\xe3\xc6q\xafk\xe4+D\xc4\xb5\xd1\xf1\xb1\xdb\x9b&gt;R\x8b\xc5\xd6\xb3\xa5\xa5T|-q\xb8\xc7\xdb\x9aX\x06\x1acc\xf5L%.\x05\x07\x9dm\xfa,vtX`LT\xf7\xc2\xd1\xda\x1a\xb8Z`NO\xe2I\xf7\xed6o\xa8\x13\xeb\x8e7\xd4\xb7\x00\xd9\x02\xfdS3S\xa1\xc5Ed\xe9\xf5\x9b\xc3\xc3\xc3w\xe9\xdc\xf0\x83\x07\x7f\x9e\x98\xbc\xda\xdd\xfd\x87\xab\x1d\xb0\xfe\xf8\xdf\xc3\x1e\x1f\x98\xd8\x00\xd4z\x02\xca\x1dF\x1c\x1cS\x8c\xf0x\x1a\x91\x88\x15-\xd0\xb3\x07\xd9\x0eSa3\t\xb0{Y#\xa6]\xa2f`\xd1\xe8\xf6ab-\x16&gt;\xb7\x97\x07\xe1\xf5\x15\x92j\xca\xeb\xf7\x7f\xf1\x8574\xe4\r,\x04\xfa\xfb\xe7\xe8\x0c\x1e\x9dH\xc7\xc6\xf9\xbb\xef\xff\x82\xf1\xf5\xd7\x13X\xb5\t\x0b-yk3\x96\xfa\xed\xed\xd9\xd9\xe9\xe9\xe9\xcb_\x9e\xa5\xe2\x08\xd5\xb7\xa7j0\x18tpv\xaa$\xf0L6\x88\xe6\x8a\xbaQ\xa8}r\xd3G\x1f\xc1Ndq\xf4\x05C\x82\x11\xdd.\x975\x129K\xc5\xc2&gt;\xa7\t\x86\xac\xff\xa5\xe3zh\'\xe4]\xc5\xb6\xeb^\xc8\xef\r\x85H,:\xf9\xd3\x0ek\x01\xea\xf1\xe3\x07d\xaf\xf1n\xca\xd2\xee\xc9\x8e\xaf&gt;\x9f}\x1agL\xef\xb6&gt;\xfdtk\xeb\xdd\x7fNO\x7f}\xb7E#\xe8\xb0\xdb\x89\x8b3.(\'qE\\\xd1(\xc8\xf0\xe1!\x1c?\x06\x12\xd3\x89Dr\xbb\xa3.\x0c\xab Dl\xf6\xfa\xdb\xcdy\xe6/\x1f\x16\x8f\xb5X,\xfe\xaf;\xbd;\xa1\xce\x19\xa0\xcdt\xfa\x91\x11\xfe[\x9f\xdf\xa2C$\xbd\xbd\xb7\xc70n\x8e\x8f\x8d\x8d\x8f\xde\x99D\xbac\xef7\xba\xfa\xe3\xd2H\xe2\xf8\xecl\x0f$\x80\xda\xfa\xdd\xef\xe9h\xe6\x1fq\x8f\xd4\x02\x153&gt;\xcf3"\x81\x90\xa0\x16],)\xd6uF\xd5\xf0\xa8\xd5j\x05\x91\x15P\x82U\xd5\xf4Z\xfa\xbf?\xfd\xf0j\x05E8=\xdd\x7f\x96J\xc4V^&gt;|\xe8\xdd\xd89\x98\xde\t\xb5\xcd\x84B\xd8=\xdc\xbb\x87]3\x1d\x9f\x1f\x9f\x1d\x1f\x9b\x1d\xa5\xc3\xf4\xa3\xd7\xba\xef\xdc\x99\xf5&gt;Z\xb9\x0f\x1b\xa5NN#A\xa6\xcf\xd6\xc7Ec\xe8zN\xcfj\xa2(\xdax+\xab]\x04\x17WD\x80\x1a@sY]Q\xcb\xf6\x05$\xa6Q\x13Km\xd4d\xb9\\\xc9\xaa\xb9\xae.Y\xc3\x9b\xb3E\xf7\xe3\xe8\x00\xcf\xfd\x95G/7v\xb0\xe8L\xd1i\xc4@hyyy\x90\xcef\xdc\xbe&gt;6;F\xe7X\x96\x97Q\xc9\xc1\x9f^\x8d\x84}\xb4\x10\x1e\xee9\x82\xc1-\xfa\x12\xd3\xc9d:\x0b\x1a1\x97L&amp;e\xa5X\xd3x\x01l\xcc`\xf0\x17MY\x17\xf0\xbc\x05Lf?\xe5\xc2O\x00\x00\x04\x8eIDAT\xd9\xac\x11\x86e\x15xUW\xe4j\xa9TV\x05\x81o\xe4Ky\x1d?)\xb8w\xb7\x0fcd\xb3\xf0\xfa\xcfO\xf0Yc\'\x10\xa0\xffZ\xb6\xd8\xbf8\xd0\xde\xd7\x87\xdcZ\xfc\x96\xcd\xda\x17\x97\x97_?\xbfO\xa1\x10\x8b\xa5\xf6\xa3\xc4\xc4\x06a%\x8bY\xbbCT$IJ\xcarQ/\xa6\xd3\xe9Z\x16T\x1c\xa7\xd5\xd2i%\xa7\xd9X\xd2Z\x88\xcaMBQ\xfd0\xd4\xba^+C\'\x85\xb0\xe8\xc1z\xbeT\xaaP\xf9\xc1\xb5[8\x8a\xc1\xfa\x90l\xf3\xe9\xc6\xc3\x8d\x8d\x19\xd41\xf4\xed"\xb1\x0c\x04\x02st\xa2\x11u\xddx\xba9OQ\x15\x0eC*\xaeE\x15\x0c\xea\xc4\x95\xb3\x8bE\xa9KJ\xebjVIvuI\xf8RTQ\xcd\xca\x98HR\x85\xd7\xf4\xac\xc8Y\xdc.C)+yISU\xa5\x9a\xaf\xd6t\x95\xd7$`Q9\xeb\xe0\xab\t,[\xac\xee\xcc\xee\xbe\x01v\xc57\xf2\xf3\xa3\x87~\xff\xeaj[[\xef V\xa3\xc1^Lz\xbd\xde\xd5\x8d\xa7#&gt;\x8f/\x0c\xae\xb5\xe3\x82\xcd\x11\xa4\x7f\xc1\xe6\x8d\x98\xcd\xe5DG\x0e(i\x8d\x13\xe96YL\x03G\xcf\xc9 \xecR\xf0\xddlR\x92\x14\x11X\xe7\x1aI\x92\xac\'\xf3yED\xed4\x9a\xf0\xbc hR^n\x00\x8bZ\xc6f\xcd\xf4\xec\x16\x8e\xd7\xc0\x05\xc9\xd6\x96~|\xb2\x11\xc2\x1ebp\xd0\xdb;\xf8\xb7A:h2\xf3\xc3\x08\xd2\x93\x86\x13\xf5\xb3\x03\xc6\xc1.\xe6\xe0\x10V\x10M\xcer6\x15\xfa0\xb5\xba\xe4l\x9aM\x95zV\xcd\x82\x8f\xb0\xb4FE)\x97\xcb\xb5Z%\x9d\xcfW\x8b\xa0\xa9\x00\x86W\t\x8bPD\xbd\xa1\x9aK\x050\xb1!\x01X\xc2\xe9A\xfe;\xc3\xeb\xcf\xdf\x1c,\x04\xda\x17\x16\xe8|\xfaB\xe05|\xee\xf1\xf8\x88+q\xb2\x17\xe1\x1c\x17\x07\xcb\x03\x9e\xec-ju\xfc6\r\x00i\x85\xcc\xa5\xa9\x84\x85&amp;P\x922\x0c\xa6\x8b6\x0b\xf3Q%W\xa9)\x8a\x0c,E\xcaw\xe5x\x81\xc7{\x81t$\x10Y\x903\x03\x86\xc0PJ,L1\x80\x11Zl\xe4\xd5\xeb\xf6\xe9o\xbey\xf1\xe2\xc5\xc1\x9b\x91y&lt;\n&amp;O\xf8\xa8\x10\xe19\xbb\x1d,\xe0aL\xf6&amp;\x16\xc7\xba\x0e\xd7\xc4"\xa5\x95\x1a\xcaY\x04UZU\xd1\xa1TJM\xd7-\x95F\xbdR\x96\xa4rM\xd7r\x84U\xcdK\rR\x8b\x87\xd1X\xe1\x8c\xb5\xa1\xa9\x96q%\x90\xc7RN\x00\x10\x98\xef&gt;$;\xf8\xd3\xc1\x9b\x7f\xcf\x13)\xb4r\x92Txi\x86\xc5\xa0\x1c\xc6\x14`\xec\x9aA\xda\xd5\\Z\xa2\xf4\x11\x9bf\xe386)&amp;\xa5.K\xa3\\\xad\xca\xb5F\xc6\xed\xae+\xa5R\xb5R\xab\xd4\xcd8\x85f\x8c\x84\xe7\xcf\'l \x05\xdd=\xdb\'q\xe6!\x90y\xe6\xd7G\x9e\x1bP\x0c\xec\xa8\x10\x8d\xb04b\xaf\xde,\xa1\xc3\x9c\x9d\x17\xd5.jY\xf4\x1di$\xd7AE\xbeJf\x15(f\xc9\x97\xaa\r\xb7\xcb\x9di\x94\xdf\x97\xde\x97\x1b\xad\xbe\x14\xe8\x8a,\xcf\xdbZ0F\x11YW\xda\x00\x06\xefS\n02\x1f\x16\xce&amp;U\xf8x\xcf%\xf0\x97\xb1Z\xb7\x97\xb0\xf0%\xe6\x14\x8a\x89$%\xa3\xc6\x9aR\xcc\x11V\xa9$\xbb\\\xf5\x8a\x0c(h\x96q\xb3\x18#43\xc9\x04s\x18D\x82\x81\x85\t\xb6!\xfbK&amp;\x17\xe5?\xf3\x9a\xc7w\xb8G?cb\xb1Jr\x1fh\x15l\xd9M\'7u\xc9:y\xb7\x868\xcb\x15\x15E"\xb5\xe0\'\xb9\xfa\xfe\xbd\\\xd9\xcb\x98\xc3D3\xa5c\xa9\x06\xedH&gt;\xde\xc4\xc2=\xab{\x0f\x82\x11\x15l\xd6\x14+|\x08\xad\xa05\xcf\x96\x14f&amp;\xc3\xf7\x97\xb8\xe8\x01\x8av\xce\x96\x85\\\xc8v\xdaD \xd5\xf4\xac\x9cLJ\xc9\xb4\x85\xad\x02\xe5J\x1du\xbc\x00\x85+\x97\x89\xd6\xc2\x82\xdb\x0c$\xb3\'\xc1\xd5s\x02.\x8f\xb3\x89\xe5$*7J(0_2\xaef!M\xef\x1b}\xc9td=n\xdc6\xe7\x0ef7\xac\xe2\x96\x0c\x92\x1d\xbf\x04+\xb4\x8bH\xdcM\xae\x0bXBK\xadV\x01mM*+R\x8cv\xfchG\x1f%\xac\xcf\x89\n\x1a\xcf\xe4[\xe1b\xf6\x9f\xc1goF\x85Is\xfe8\xcd\x9bw\x1d\x96\x0cb^h\x06\x92\x95a\xb4\x90h+H\xfb\x89\x0b\xe6\xe2[\x83\xde\t`\xc1U\x88;I.R\xcb\x07\xb77;\xc50\x97\x91y\xf6s,{K(\xbbI\xd5\xcaZ\x13\x14\xde\xb3\xecf\xe8\xd5\x05\xa32\xf4\xe2V\xd3SF\x01/a\x19J\t\x86V\x82\xd1\xae\xeeL!\xd5\xc4\x8a1_5\x1d\xd8\xc2\xfa \xad.`\xb1~0\x1b\x9532\x1bTX\xd4\xff\x07\x1b\xafB\x0f0\xa7\x02\x9d\x00\x00\x00\x00IEND\xaeB`\x82'</t>
        </is>
      </c>
      <c r="M59" s="3" t="n">
        <v>45492.67596064815</v>
      </c>
    </row>
    <row r="60">
      <c r="A60" t="n">
        <v>147467</v>
      </c>
      <c r="B60" t="n">
        <v>1980</v>
      </c>
      <c r="C60" t="inlineStr">
        <is>
          <t>Gabriel Vasconcelos</t>
        </is>
      </c>
      <c r="D60" t="inlineStr">
        <is>
          <t>Gabriel Vasconcelos</t>
        </is>
      </c>
      <c r="E60" t="inlineStr">
        <is>
          <t>GOL</t>
        </is>
      </c>
      <c r="F60" t="inlineStr">
        <is>
          <t>GOL</t>
        </is>
      </c>
      <c r="G60" t="inlineStr">
        <is>
          <t>GOL</t>
        </is>
      </c>
      <c r="H60" t="n">
        <v>193</v>
      </c>
      <c r="I60" t="n">
        <v>1</v>
      </c>
      <c r="J60" s="2" t="n">
        <v>33873</v>
      </c>
      <c r="K60" t="inlineStr">
        <is>
          <t>Right</t>
        </is>
      </c>
      <c r="L6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949e75a-b99a-45fc-9a97-688e45332c3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\x1c\xfe\xc3\x00\x00\x03\x00PLTE\xff\xff\xff\r\x14#\x18\x1e-\x1c"1\x0e\x17\'\x1d%6\x1f\'8\xfe\xff\xfe\x10\x1a*\x1c$4\x1a!.\x17\x1d)"*&lt;\x18 1\x1f);\x13\x1a&amp;\x11\x1c/\x0e\x07\x05#\x1b\x17\x15\x1d,\x10\x17#",@\x1c\x14\x0e4\' \xe9\xac\xa2\x0b\x12\x1f&lt;/&amp;\x18\x10\x0c\xba\x82l\xabzf)\x1d\x14- \x19\xdd\x99\x86\xe8\xa9\x9d\xb4\x7fi:*#\xba\x86s\xe1\x9e\x8dJ9/|dT/&amp;\x1c\xe4\xa1\x94\xaa\x7fm\x1f\x17\x13\x12\x0b\x08E5,\xbc\x8byA1*#\x18\x0f\xca\x91\x87\xaf\x80l\xfb\xfc\xfb\xca\x93\x7f\xc3\x8b|\xc7\x8e\x81\xd6\x95\x82VC;\x15\x0e\x0b\xdb\x9c\x8c\x94qa\xd1\x9d\x8e\xa3wb\xae\x84v\xc8\x8dy\xdc\x95\x85\xcf\xa5\x9b\xc9\x99\x89\xe8\xae\xa8\xa3{i)!\x1d\xb4\x84o\xc0\x86q\xc3\x8buQA8\xcb\x89r\xc2\x81k\x85gU\'1E\xdb\xad\xa4\xcf\x93\x88\xd4\xac\xa3\xea\xb3\xad\xa4r[\xb3zc\xd6\xa7\x98\xc7\x86nqZM\x8efS\xd0\x8cv\xe6\xa5\x94\xcf\x97\x8d\xcf\xa3\x94\xd1\x90{\xd3\xa2\x91\xe6\xa8\x98\xd0\x99\x87\x84i^\xe1\x99\x8b\xcc\x9e\x8b`MF\x93kW\xf0\xf3\xee\x8bkYM=5\xb6\x86v\xce\x8d\x80\xd9\xaa\x9f\xc4\x95\x84\xe7\xa3\x99fN&gt;\xc0\x86x@:&amp;jUE\xcf\x93\x82\xc2\x99\x8c\xd6\x97\x8c\xd6\xa5\x9d5+*\xd7\x92{ZI@iPL\xf6\xf8\xf5\xa1{p\x85bN\xadv`\xcb\x9b\x91\x9cvd.%$\xd4\xa2\x97\x88nb\xe9\xed\xe6\xe4\x9d\x90\x9cr^\x98mX\xdd\xb2\xaa\x8fo\\\xbf\x91\x835."\x9anh\xd5\x92\x89\x93tk\xc5\xa0\x93HB.\xdb\x92\x81\t\x04\x03\xbb{f\x9eoX[I7;1/D97\xdd\x94\x8e\xbb\x92\x8c5#\x1b\xd4\x8e\x82\xb4|xy]N\xa1pn\xd6\x9b\x93\xc4\x91{V:.\xce\xa9\xa1\xb7\x8d\x8037\x1e{XV\xabsp\x90ca\xd7\xb1\xa8\xabmc\xdf\xa1\x92\xe3\xa2\x8fv_Y\xb1\x8bz\x7f_L\xe3\x9d\x99\x9bzk\x8emf\xc2\x87\x85\xe8\xa4\xa0\xa9{v\xb5xn\xe2\xe7\xdfqSQwWD\xd6\x8b|\xdd\x9d\x95\xc9\xd2\xc5\xe1\xa4\x9f\xcd\x9e\x97\xbeynzf_\xbf\x80{\x85`]\xe0\xa7\x96\x96fP\xc7\xa8\x9c\xee\xb9\xb6\xda\xe0\xd7\xc0\xc9\xbamZU\xc0yw\xc6\x83{\xbe\x91}\xbf\xa1\x9d\xb6\x82\x82\xab\x88\x81\xca\x92\x93F+\x1f\x82WF\xb3pl\xd4\xda\xcc\x95\x9d\x95uL?\xca\x84\x7f\x9d\x84{fB5OD1\x9ccablQ\x8d]NW^G=I%\xae\x90\x8c)/9YZ]\xb7\xbe\xb5\x83\x8dw\xb0Vg\xb0\xb8\xa9cbg\xa8\xb3\x9es\x83dDJP\xa0\xa8\xa2\x95DTNU&gt;\xbeaq\xd4r\x826?H23=~\x88\x85\x96\x99\x82\xc9exFP4\xa5\xa2\x85\xe2}\x91\xdc\xb8\xae\x8fyz\xd7\x86\x8d$)3ktizot\xa3M^ULS\x81AN\xca\xbb\xad\xe4\xda\xce\xb4SBW\x00\x00 \x00IDATx\xda\xdc\x98\xdfK\x1bk\x1e\xc6{\x97k\xe7bFf\x92\x99$\xb3\x99\x1dw2\xccp\xecb\x92\x83T\xc8\x99\xda\xc4\xb2\xa0\xc1\xc6@p\x91\xc6\xe6\xc6\xecX\x96\xc4Jd\x85\xa6^\xccM\xfc\xd9%\xa5\xb0\x01oV\xc1^\xc8\xb1n\x15\x0e([\xf72\xd2\nJj`+\xa2\x1c\xbc\x12\xefz\xb7\xcf\xfb\xc6\xd3\xdd? \xe9.\xfb\xa2f\x12#\xf3\xf1y\x9e\xf7y\xbfz\xe7\xce\xff\xf1r\xd1/d\xdd^\xffO@\xb9\xa6\xa7\xa7\xc7\xdf\x9f_\x1c\xbc\xdf\xda\x1a\x9f\xeen\xe2\xfd\xf7\xf4!Dw\\\xd3\xe3\x1f\xce./\xbf\\\xd9v\xf9\xe6\xea\xaa~}\xfe\x01p\xdd\xdfX5\x17E\xe9nj\xd2=\xfd\xfc\xe0\xfa\xb2~c\xaf\xda\'Y\xde\x01X\xb9|\x12;\xb9\xba:=\xdb\x19\xff\xa6\x92\xc1\xad\x83\xf3\x8b\xeb\xcb\xb3\x8f\x17\x17\x1f\xaf\xcf\xea7e\xdeqx#\x1b3\xf4\x98\xa2\x18\x86\x92U\x1cguu\xb5q\xb93\xfd\xcd\xb8\\\xef\xafOmG\xb5m\xdc\xb7\xd1\xb0\xcb\xcbU\x9dwx]\xd1\r\xc5\x90\rC\xe6xY\xe6m\x9b|\x1f`\x07\xe3\xdf\x04\xcc\xd5\xbd3\xa5\x8a\xaaM\xd7jY9\t\x85B1\x05"\xe9\xban\xc8\x12\x96\xccq\xaa\xea8\x86\xae\x9f\xe0-\xe5/\x17\xcf\xbf\x01X\xf7\x87\x7f@\x9b\x13 \xc8\x08R9f\x18&lt;\xc7\xc9\xca\xf2TH\xc1\x95\xc8H\x10K\xc5\xe2x=\x9bUt\x1e\x92}y\xefj\xbf\x83?)\xbc\xcc+\xb2*\x01\xc0\x8e\xf1\x15\x0e\xda\x19\xa1\x90\xceI\x92(\x89"\x11\x0b\xafI\xaa\xc4)\xb1X(\xab\xc0\xcb\xcbv\xeb\xe5\xda\xfa\xa9\\\xe6%\xca\xa2\xaa\xbc\x0e*\xe2\x1b\'\xcb \xe1t\xe2$2f\x18\x9c$\xaar6\xa6+J\xec\xc4^m\x9c\xb5\x97\xcb5~V\xb6\x1b\x10\xcad\x18\xc6RyY\xe2\xf2\x96\xa5\x99\xa2\xa4rrv*k\xf0\xb1G\x8f\x96\x15\x9e\x03(\\\xc6\x9e\x84\\\xd0\x0b\xc9\x9fn\'\xd6\xc1)\xb2\xa2J\xa2\xa6\xb1\xac%\xc9\xb2\xa52\x1a+\xb0\x02c\x89\x9c.\x8b\x9c\x11\x9a\x9c|\x94\xab\xd6*0T6t\x9e\xd7cY\x1dF6n.\xba\xdb\x88\xf5\xb1\xac\x8a\xf0\xcc\xd4\xb4p\x98aT\x8ea\xc2B8\x1cdA\xc9\xb2\xa2X\xc1&gt;P\x1e?\xae\x1a\x9ch\x9a&amp;+\x98"\x9e\x1b\x9ca\x97\x1b\xa7;m\xe3rM_\xda\xa2)r\x8e\xaa\xb1`aT\x86\x11\x82\xc1\x8e\x8e`0\x08\xb6\xb0\xc0\xb2aA\x94\xa7\x1e+\xaa&amp;\x08BX\x00\x9a\xc8\xf1\n$\x0b\x95\x1b\xf5\x83vq\xb9\x9e\xd7\x1dQ\xb4f\xf3yF\x13\x82\xac\x08\x07\x01\xf5\x1f+\x18fE9\xcf\x08\x1a0;\x82\x02\xc3aCp\xf0\xd2\xc8\x86\xa6\x1a\xf5\x9d6\xe5\xde\xf5\xb9\xec\xa8\x96\xc5X\xb3\x8c%\x045Fe\x05\xb0,,P$\xf2\x00\xd5X\x01\xba1A\x01\xcf\x83\xac\xc5\xf3\xbc*\xe9\x1c\xc7\x19\x86\xdd\xb8\x1coSg\x9d:\x9cn\x89\x1ac1,+h\x08V\xb0c\x01\xf7_hR5\xc1\x08\x1b\xb4Z /\x0b\x8c\x94\x97\xc5\nG\xe0D\xb5\xd1\x9e\xd8\xbb&gt;7\x1c\xd1\x91\x10op\t\x02\xc3 `\xbf\xa8\x15$\x19\xc3\x15}\x08\x0bAB\xb5\x10F\xd4$\x18\xc9\xa9\x0e\x87_F\xado\xb5\x05\xeb\xfcfU\xc4\xee\xd34\x8d\xc9[,\xaa!\xfc5U\xbf\\\x05i\xd8\x82M\xb1\x16:\xc2\xccl\x9e\x119\xf4\x05\xc3j\xa6z\xd1\x8et\xb9vnVMMe\x00\xa4Y$\xf6\xc8}\x93#\xd8\x81\x9dH\xaf\x04\x81r-P\xb4\x0e\xec\xd6YF\x13II@6\x99\xbbl\xc78\xd1\xbd\xd3P\xcd0\xcbP\xb9f\xf3\xb3hz\x81\xd6\x16\x16\xb2&amp;\x10Kq\xd1\xe4\xeb\xa0\xcf\x044\x05+\xc9J\xd6\xe08\xde\x90O\x0e\xda\x805}\xad\x9a&amp;\xe2\xac\x91\xbd\xb8\xb2\xb2\x82\xfdH\tAD\xf2\x0f\xf1\x10&amp;\xd6${\x11"\xde:\x1c\x16\x04SV\x14E\xae\xe0|\x92\x7f\x1aoC\xe2WD\xdc3\x18\x14`M\xfe\xe5\xcb\x95\xfc\xac5\x0bB\x86,\xa0\x122\xd6\xe4d\x89\xbc\x8b5E\xe2p\x98\x14\x86\x863\xdc\xe0*\xbc\xaa\x1b\xfcy\xcb7\xe3\xd6?\x19U\x84"\xd0F`\xf2\xf9\xfc\xcaK\xf8h\x91E\n@U%\x0bC\x84\xacL\xc5t\xb9R\xe1*\x15B\xa7\x01\x1czb\xc8\xc0\xc8\xa3\xf2\x06\x7f\xda\xea\xd9\xab\xfbLu\x0cN#!b\xd1\\\xa8z\xe8\x85\t\x10\x83\x82\x9e\r\xc50\xd1\xf0\x18\xe5s\x8f~\xfdd{r\xb9\xba\\\xad*5\xe8\x867\x9b\xa6$18!E\xd3rx\xe9l\xbc\xc5\xdb\xb0\xec\x18\xb3\xd8\x82\xd0\x0b\xa7\xa1\xfeR\xd7e\x0c\xa0\xb1\xd0\xe3g\xcf\xde\xbe}4\x99;\xce\x1d/O\xbe}\xfd\xfd\x0f\xbf\xe9}1\xf7$\xf9p\xe3p\xbbZ\xad\x99\x02+V$\xa9"\x99\xc0\xc3\xcf\xc9\xf6Ak\xc5\xfayU\x84\x81\x14\n\x03_5D\xd6\xb3\xd7\x1b\x0f\x9f|\xffC\xef\x8b\x17\xc9L\xb2\xf8$\x93|\xf2\'\xcf\xfd~\xb7\xdf\x9f\xf0xz\xe7\xf6\x0f\x0f\x8fj"\x99"\xd0\rd\xa4\x80\xd4\xaas\xd6\xdd\xe2\x93\x07u\xa0aJ\xd0$\xb9\x9a\xcbM\xbe\xde\xd8(fz\x13\t\x8f\xdf\xefv\x83\xe4G\xbf\xe7\xfe\xfd\xef~\xd5\xdf?&lt;0\xb0\xb8\x98H$\x86\x96\xf6?\x1d\x1e\xd7*b%\x9b\xadp"\x06\x1f\xa2\x17_omwu_\xafb\xa7\xe1\x03T\xdb\x87\x87\xc5df\xa9\xd7\xef\x1e\x18p/.\x0e\x0c\x0f\x0f?\x88\xa7\xef\xb9\xef\xff\xe1\xb7#q&lt;\x01\x18\xe5\xfa\x04\xaej\xa5\xa2\x87tIdM$L\xd3\xb8z\x8b\x07\xe8\xad:C\x02\xcf\xc8\xd5\xa3O\x99\xb9^\x8f\x87@a\r\x0f\xc7\xe3\xf1\x91\x91t!}\xf7\xee\xd3\xa7\xe9\x91\x91\x91x\x1c` \x9b\x19Z:&lt;:\xae\xd5\xe4\x1a4\xc3\xeceBj\xe6\xb4\xd5s\xfd\x05\xce\xe70+\xe9G\xc5\xb9\x17\xbd\x80r\x0f\xf4\x0f\xf4\xdfB\x15\n}\xde\x9e\x9e\x1eo_\xcf\xabB:\r\xc9@;\xb083\xb4\x0f.\xec\xc9\x9aL\xb8`"\xcb\x9e\xb6\xf8\x00r\x1d`\x90Ae\x1f\x15\x93\xbd\x94\xca\r\xa6a\xa2S\xba@\xa8\x02\x81Hd-\xf2\xe7&gt;\xd0\xa5\xa9b_\xb9\x8e\xab5\x99\x93LSh\x0b\xd6gLwZ\xe5\xb8\x98|\xe1\xf1$\x88X\x04\n\xde\xfd\xad\x00\x99\xbc\x81\xb5@`m\rh\x91\x084+\x8c\x8c4\xb9\x90/\xe8UC\xbb\x8a&amp;\r}\x1b\xb0p\xec\xe8\xdb\xc9L\xef-\x16\xa0\xd2==\xaf^\xf5yA\xb5\x9eZ[\x1b\x1d\xdd[\x8b@5o\xdf|\x01`\xe0J\x0c\xed\xd3\xdc7\xb9\x08\xdaU\xab\xb3un\xb1\x1a\x97KB\xac\x04\xb0\xfc\x03\xc3\x90\xaa\xa7\xa7\x8f\xd876VJ\xf9F\'|\x9d\x9d\xa3]]]\x01\xbc\x000b\xe4"\xb8h\xbej\xe4\x8f4\x12\xfaVc\xb9&gt;\xab\x8c\x14*f2\xc4\xc3\x1f\xfd\x8bD\xac\xc2&lt;\x81*u\x95J]\x13\x9d\x84\x8a`\xad\xad\xaf\xaf\x97\xc6\x9az\xd1x\xddr\xd5\x88\x87m\x88\xbcj\xf1\x93\x19\x825\xe3I$\xdc$\xec=}c\x81R\x80@M\xf8|\x84\xaa\xd37\x9a\x1aMu\xa5Jc\xd4G`%\xfe\x8a^=:\x02XU\x06\x17S\x9fn5\xd6\xaa\xa5\xbc\xce\xcce\x96&lt;\x9e\x99\x84\xbf?N\xa8\xbcc%\x02\xb5\xb9\xd9IW\x14ra\xa5R\xebc\xf3\xf3h\n\x14Ebff\x06u\x7fH\xc0t\x95\xb1\xbe\xb4z\xb4\xd9\xb1\xb9\xa9\x8d\xcc\\r\x0e7J,\x0e\xc7\xd3\x04\xab\x04\xb1Rp0:8H&gt;\x07!\x17\x05\x0bx\xfb\xa0V\x9c\xc8\x85Z%\xb9?\xdc\xce-\xf3\xa2z\xd6b,\xd7\x872\x9f#X\x99\xa1\x99\x19$\x8b`y\xbd\xeb]\xeb\xa9T\n\xfe\x01\xe9\xefX\xd1[\x1b\x03\xd4DZ\x124\xf6\xfb\xfb\xc9\xe4FN\xe1\xd4\xebV\xcf\xcd\xefo\xf8\\\x11&amp;\x02+\x81s0&gt;R u\x05\xa8Q\xdf\x04\xb0\xa2\x14k0\n\xb9R]\xeb\x01o\x81bQ\xbd\x86\xe6\xb0\x96\xe6\x8a\x931\xde\xf9\xd8\xf2\xf1\xb4l\xe7pBg\xe6\xfe\x8d\x85}\x98\x02\xc5(\xd4\x8aF\xa9\\\x14k\x94`\xcd\xd3\x8a\xa0\xa9\x1fZZjbM\xe9\xce\xcf-V\xcb\xf5\xfc\xe6+\xd6\xa2{\x98\xb4\xd6&lt;iQ\x12%\xba\t\x89\x8d\x08W\xa7\xcfGL\x1c\xf3\xce\x17n\xcf \x84k\x08d\x99\x8d\xc9)e\xe5\xbc\xd5&amp;&gt;\xbf\xd2\'1c\x11\x13q\xf0\xc4\xef\xa1\xe1\xbd\xe8\xac\x14\n\xb4\xc9\x15\x8dF;)\x15\xb8\xd6\x03\xd0\xab@+\x95\xca\x05\xae$\xa6i\x9do\x03V9\xb7]\xa4j\xa1\xe2\xe9FD\xbb\x03\xaaT\x9a\xb8\x15l\x932m\x92\x86X_\x8f`\xa6(\xa4a\xa3;\x01(\x82\x95[\xb6[n\xe2\x9d\xf1S\x82\x85\xf1\x0f\xd9"\x15\xdf\x13\x89\x04\xd6@5A\xcat\xd4\xe7\xa3\x85\xea\xf3\xed\xfa&amp;&amp;&amp;\xb0\x11R{{\x00K?\x88\xc7\xdd\xee\x99\xa6Z\xed\xc0r\x8d\xd7o\xb1z\x13\xee~X\x18Y\xdb\xdb\xdb\x03\xd2\x9bMz\xea\xf8\x88R(T_\xe7&amp;\xea\x15\xfa\xed\xe1\xdc\xf6\xf6\xdc{\xf0\xa0\xdf\x9dX\x82Z\xc8\xd6\x89\xed|l\x1b\x16\x86\xad\x07\xb00\xb0\xb7\x07\x96\x89\xddM\xb0D\x9b\x1d\x1f\x8d\xd2|\xa1\xf4\xa3{{\xef\xdeE"\xbf\x7fz\x97p\xf9I\xe6\x93\x1b\xdb\'\xb6z\xdd\xfa\x7fQ\x96s\x1b\xc5\x87\x99\xde\xef\xfc\xfd\x7f\xb9\xfb\xf4\x8f\x91\xc8\xbbw\xbbo\xde\xec\xeeFI9\x0c\x0e6\x1f(\xd9\xee\xee\xef\xfeE\xab\xd9\xff\xa4\x95fq|\x7f\xe3w\x7fX\x8d\xe1n\x01\x81\x1b\xd8\x08\xe1*/\x81\xe1%\x95\xe2\x1b)Q\x1b\xa9\xd6\x9d)\xd5"X\xbc\xc5\xa2\x85\xaa\xabV\xae\xa3\xe1\xda\x12\x8b\xd2\xf2b\x8d\x03\x0c\xb6jUh\x85R\n\xddv\xb7\xd0R\xa7L\xd7i\x89\xddf\xba\xe9d\x92\x9d_v3\xcd\xce$\x93\x89\xb3\xcf\xd5\x7f\xe1\xee\xf9\x07\x9eO\xbe\xe7&lt;\xe79\xe7{o\xdfbgg\xe7Q\x81\x10E\t\xb9Z\xb1kS\xfa\x11\xeb\xd5\xca/HOb\xcd?\xcf\x03,\xfd!\x96H$\xd0\xe9:\x17\x17\'\x16\x93\xa9\xba\xcf\x89\x96E\x10\x81\xb6U\x97\x1a\\\x1c\xdc\xd9\x19|\xb0\xb9YXU(\x86].\x84\xc9\xa4B\xd8\xb5\x1e\xbd\x16$\xf1\xfc{\xb2\xb1(\xaf\xce{\x80ZF\x0cB\x10D\x11\x8b\x15\x96\xaf\x83\xd8\xd9y0\xd8\xf7y\xcb\xa1\\-u[\xa9\x89\xcc\xe6f\xb8Px1\xbc\xb1\xf1\xf0\xf6\xd3{\x0eG\x88\xab\x81\xe4\xf2C\xac\xab?\x92\xee\xa0R&gt;|\xe1!\xf6UL\xed\xcaf#\xd9\xcb\x1b\x97C\xb7o\x87\xb2\xc1\xc2\x03\xc1D\x8aH \xa0\xaaH&amp;\x05\xc1p\xd05\x1c\xea\xeev\xd8{\xe7\x87\xe6\xab\x17$\xf7\xe4P+\xd8p\x8d#\x00\xeb\x07\xb2\x1dA\n\xe5o\xe7=\x01\xa0\x96L\xe6\x90H\xec\xf6n\xc9\x02\xe1C,tg\x83\xcb\x9b\x9d+\xa0;\x80j\xe7xqad#\x1b9\xfd\xd4^=?44tl|h\x9e\xdd\xdb\xaf\xc5\xb0\x9e\x1e\xe3\x9a\xf5\xea\xd5\xff\x83\xaf\xfb\xf5\x8f\x9e\x80\x16Dwo#\xbb\xf7\xc0I\x1a\x1f\x1a\xe7\xb3\xbbC.\xa6@\n\xeee\xaa\x8e\xce\xa2\x99\xe3\xea\xd0\x9a\xd1\xc1\xe6\xcf\xcf/\xcc\x8f\x0f\x1d+\x9f\x1f\xaab/m\xf7L\x1b\x8d\x01\xeb\x9b7\xe4\xfb\x94\x94\xbb?x`-\xdc\xce\xe6K\xf8\xfc\x85\xf1\xf1\xb2!\xc0u\x83\xcf\xee\xbf\xa7\xd7(}\xa0_\xa4R\x8fX\xe2.\xaa\\\xaf\xff\xcb\xf6\xd2W|~\xb5\xc4\xeep4\xf6\xf2o\xf0\x97&lt;kF\xe3\xf4\x9a\xe7\x8d\xe7&gt;\xa5fr\xb2\x86\xcc\x1cR&amp;\xdf\x02\xac\x00\xfbFyeUe\xe5\x91\xca^\xbb\xa4\xff\xef\x81\xb5\x91\xbd),\x9a6\xfbh \x8f+\xb4\xae\xfa6H\x0e\xee\x04\x04q\x15\xab\xcb\xab\xab\x8a;\xb0C\xc2^\xea?\xc4\x92\xbc\xbd?\xb9_{s\x9f\xacy\x9e2\xb9\xbf?\xf9\xd7\xb7o`m\x7fUyyyU\xb5\xa4\x7fV\xb1\xfc\x0c\x04\x8fGe\xb4\x11c\xa1\xf8\x16\x9d\xceQ\x9d\xa4\x8e\xca\x11\xa6\x89\x1b\x1c\xe6\xae\xce\x9c;wn\xc6\x14sm\x9c\x0e\x04F\x8cF\xe3\x9a\xa7\xb1\xff\xfb\xd5\xaeD3\xb4_CR+\xfd\x18\x1d\xbd\xf3\xfd?\x00\x96\x95\xcdn\xec\x86g\x87\xb9\xa6sG\xcf\x9c9u\xe1\xc2\xcc\x8c\x90\xc9hkk\xeeb\xd1+:\xc4\r\x10\xa6\xf6\x87#\x91\xec\xd3\x05\xbe$4\xbc\xfa\x8c\xa7A\xd4\x98\xacG\x06jk\xc4\xd3\xbb\xbd\xd6\xc5\xba\xd8\x16?E\xd2w\xbc\xb3\x1f\xe7\x9a\xe6\xacW\xdf\xc0p;a"\xc9\xb8\xa6g33\xd7_\xcc\xde\xeb~\xba1\x1c\xf3+ \x08j\xa2Y\xe8\x1d4\xeaT\xc4\x15\x0e\x96f_\xfdR6^\xf6\xfb\xa1\xee\xac\x1a\xd1 \x08\x17\x820\xadQ\xebY\xba\xd6t\x8bU\x1f7\x9f\x9a$\x0b+\x9eHD\xfb\xed0&lt;\xa2\x85\xb52\xb5\x82\xa7\x18~h?Rv\xec\x8f\xdf\xbe\xfa\xc9\x15\x0c\xbb\\\xf2z\xb7\x93\xce\x113"\xa1\xa0?\x1a|\xf7\xfe\xbb\xb2_\x87\xca\x16\xbe\xe3K\xb2r\x04\xd1h4j\xa3Q\xdb\xff\x9a!f)\xb1\x0c~\xe2.9\xc5u\xf6\xb1)\x9f\xa0\x06\xbaa\xd886&amp;S\xab\xb9c\xf7\xe6\x7f\xfd\xf6\xc888\xfc\xfd\xf3YW,\x9b-5\'X\x1d,_\\\xffR^\xfaW8\xf6\xfc\xa7\xaa#Gn\xfc\xf2\xce\xf1\xd5\xd2K9\xa4\x01\xd5\x06\xd2h\xddf~R+/\xe5\xbc\x8f~#I\xad\xc7"\x8dR)\xb3\xc2#F\x804\x86\x8d,U9^\xfd\xbb\xf2\x0f\xc7\xaa\x9e&gt;\x7f\x11\xdc\x83\xb0\x91h:\xc1\xb2\xac$\xe2={\xa3P4\x1a\x0e\xc7"YG(\x18\x0c\xea\xb7_\xee]\x03\xcf"\x84M\x19\xdb\x03\xbcZ\x04\x8d\x92\x86E\x99\xec\xd3A\xa6sc\xedZm\x0f\x97;65\xf2z\xe9u\xf6\x9bw\xb7\x97\x1c\xa1X!\x18\x85\x10\xac\xe7\x00\xcb\x92HG\xf5\x11\x7f\xc1\xef\xcfl\x82\xf7\xb2P(\x98@\xabhme44P\xe5\xd84\x1c`2\x99\xe6hn\x91,\xb5&amp;\x8f\xe3r\x88\xa7\x86\xb5z\x8c\x0ba\xfa\xbd5\xbd\x1e&lt;}\xe0\xb9\xbe\xbe\xb3\xe9/\x14bS\xd1b:\xe1\xdc\xda\xc2\xd3\xc5\xd6R\xb8\xe0\xcfd6\x05 jo\xd6S\x19(\x03\xccg\xb5($\x9f\x82\xad\x08r\xd3\x97\xf6\'IK\xe2q\x1c\xa2"w`\xe3\x14\xc4\x80\xa2\x90Z\r!\xccg\xa6\x99M0@d\x00Vi\xb4-\x9d\xf6\xadomys\xc5hk\xd4\xbf\tb7\x9fG\xeb\x1b\x94D\xd4S\x95\x03\r\x88\x1c\x83\xfb\xd5\xdc3\xb6\xdd\\\x8a,\xacK\xc7}q\xa5I\x06Oc\x08\x93\x01!\x1a\x13\x93Z\xdf\xd0\x00f\xbcL\x06d*&lt;:7\x97\xce\x11X?\xe7\x8a\xc5ht./\xd8!\xc4\x12\x88\x06t8\xfeY\xadRY[[\xcf\x90cZ\x8f\x9e;\x91\xf4\xe6\xbd}\xe44\x08J\xcd\x7fEh\xe7\xd1\xd3\xf0\xb4\\\x83\xa2\x1a&amp;*\x14fP\x14M\xe7\xc0l\xb5s\xdd\xdf6\x97N\xc7s?\x13j\xe5\x01V\xb1\xb9\xc9\xdc\xb9\xb8\xd3\xa9\xd3\xe9l\xb8\x18\xb7\xd9\xcc\x03]\xcaC\xac\xed\xe5\x89TJ\xe7\xfb\x92\xa4vJ\xf9\x8d\'HN\\\x86\xa7\xd5\x0cT\x88\nED\x98E\x80ig\xa7\x13\x9dK\x03\xacC\xb5\xbc\xbbq\xa0V\xf3\xc9\x8b*\x9a\xd4f\xb3-J\xa5`\xb6\x96\x8a\x0f\xb0@Gm\\3\r\xb6\xb4HE\xa4\xfd}0\xb9\xbc\x98\xea{x\x88\xa54\x83\xf0\x99\x81\x18\xba\xceN\xf3\xc9\xa6f\x02+\x97\xc7\xc1\xc2\xe3\xf5\xe5\xe3\xd1\xd1\xe6\x93n\x15M\xa5\xa2\xd1l`e[Y\x91\xaa\xc4J%S\x03ap\xe3\x182\xf8\xe4Ir\x86\xb4Y\xf0\xd2\xe3T]\x8aP\x0ba*\x07|]\xbe\x83\x10\x8b\xc5\x89D\x82\xb0\x19\xe2i\xd4l\xb3Tl\xad{\xcd9(J`\x1dr\xd1n\x81\xa5\xdb\xa0\xf2\x99\x95L\x86Z\x06\xdb\x875\x0fZZ\x92WH\xfb\xb5\xa5\xe6\xebT]\xcbl`Z\xce@E\xb8\xcf\xadr\'\xc0*\x0f\x90\x12\xee\x03o-\x8e\xa2\xe6\xa4\xa5\xae\x0e`e\x8a\x00KL\xa3\x19\x0cn\x83\xe1VG\x87\xc5\xc22\xe0\x00\x0b\x91O\xb7\xf7*x\x82T]r\x9f\xb4\x81\x8br7\xb9\x9e\n\xb5\x1b\xc7\x10\xd4\x0c\xa8T\x84\t\t\x94\xba\xe8\x16w\x9dl\xa2\x86s\x99\xbc.\xb9\xd5\xd2\xb2\xe55\xe7s\xd1\xb8\x9b\xa02\xb8\xdd\x06N\x07\xdd\xe2dy\xf1\x01\x02\xcbhe\xafj\xf2\xde\xf5O\xc8\xfb\xa8H9;\xe8\xc5\x1d\xedF\x8cH".5\x10^r\xc2M\x94\x90\xfbbS1\x97\xcf\xef\xdaR\x15\x00+i\xcegrEq\x87\xd3I\xf8\xcf\x06\'\xc7\xb2\xbe\x9e\x94\xe2\xb5B&amp;\x82\xc1\xf6\xea\xe1p.\xa1\xba0\xf9;\xd2\xe2\xd2\x97\xf8\xae\xc3\xaa\x95q\x99B\x80%5\x00\x1e\xaf\x17\x1cl\xa0\xd1\xd2\xf1|^\x89\x03\xb1\x9e&lt;\xa9[\xc7A\x1b\x8d\xe7-t\xc2118\x9d\xeb\xeb\x1c\xb0]\xeb\x08,Y\xfb\xd5jY8m6?\'\xd1\xd5\xad\xf9\x90O\xf7\xdb\xc1Lc\x12\x8a\x06\xc0\xddW\xa9\xbc\x04\x96\xd3\xc9\x11\xc73\xbbf3\x9e\xacxr\x80\x95A3\xf18\xa7\x82n\xb18\t*\x10R\xdb@-\xca\xe4N[\x17\xf8/G\x07\x8e\x9a\xf6I\\3j&gt;(\x96\x03\x8d\xe0*\x9ax\x82\x01\xdc\xb6\xe8=\xa0\xe2X\xe8\x163\xc0j\x10\x8al)\xb0Y\xa7\xf0L\\\x93\x8e\x17\r\x16z\x05!\x18A\x95\xb4\xe9\x04"T\xa3\xd6Z+\xab\xa7&gt;{4\xa3 q\x83\xa5P\xee\x7f#p-\xb4\x1b\xe5\x1a\x1e\xd8\xf3m\x07\\\x06\'8\x9dc\x8e\xa3\xfe0\xd7$\xb2%SI\xdc\xef\x92\xc9\xa1h\xda\xd0A\'\xf4\xe2\x00*o\xd26 B\x99\x9a\xb1\x80\xbd\xb2\x97\xd7w\xfc\xca*\x99\x9f\xd1)w\xffs\xf4Ee\xb7v\x0c\x01Y\xd4\x81\x17\xc5\x06\xa88\xe0p\x83\x0f\xbc7\xf1R(\xc8\x13\xe86\xfd\xd9\xd7\xaep)\xea3tX\x0e\xb08\xa0\xb2\x16\xf1\x01!h\xa62ko9\xdb\xf4\xa7\xe3\xa7&gt;\x92X\xf1`\x1d\xfbx\xe1Ee#,\xe3"&lt;\xa1@\xd7\x89\xdb\xbc^\x02\xabC\x95\xc8EK\xc5b$\xe2\x8a\xc5\x82\x91\xd2^\xa9T*\xfah\xceO+*8\x16\xce\n\x87#\xb5\tn\x82=Cn\xb47V6*\xfe|\xe2\xc4\x152\x17k\x02ky\xa1\xba}Z\xcd\xd5\xa0\x02\x01\xc0\xb2yY\x1c\xfa\xa7,\xf7.\x18fJ\x91\xecp,\xf6?\xde\xcd\xff\xa7\x89&lt;\x8d\xe3\xfe\xd6\x1f\xee\x07\x12cB\x96\x83\x1c\xc1\x81\xd1I\x18\xd2\xda\x96\x1e\x03S$mi\x93&amp;\xbd\xa8\x19#\xb0\xdbqG\xda\xa9\r^\xcb\x97mw\x90\xa9\xb3\'i\x19g1\xb7\xb4\xc7\xd1\x96\xee\xd6\xb6\t\xb4\x9b)\xa9Tc6\x05\xddh\x95\x95M\xd6\x13\x12\xbd=vW6\xde\xaeJNQ#w1&amp;\xf7\x19.\xde_\xc0\xf8\xf9a\xfaK\x7fx\xe5\xfd&lt;\x9fg\x9e\xe7\x99\xe7a\xf8x&lt;\x95\xba\x17\x8f\xdfj\x97\xac(\x89533`\x93Lhj\xb3\xfa\x1a\xc7&amp;\x90\xfe\x83\xdd_\xf7\xee\xacZ\x93\xc9H\x15E\xb2\x88\n\x92\xccxn\xe0x\xfd\xec\xfe\xfa\xf3\x97Wn\xa63\xa9\xa2?\x9b_.\xc4\x17\x8bN\xa7?\x95Yhn\xaf\xff@jVJXJ\x8d\x192\xa9XX\xd74\xd6\xa7\n}\xe8\xde\xd1i&lt;E\xef\xc3\xe4\xa4E\xb2\xa2\x01\x91\xbc\xcbv\xae\xb6\xb6\xbe\xbe\xbe}\xea\xf2-@\xe5\xf7/\x16\x8b\xf9L\x91\xb2\x80\x02\xbf\x98J/L\xb5K_7\x80Z-\x03jM\'\xa8\x151\x98j\x1c\xf3\xa0K\xee\xb5\x9d\xec\xd9(\x14\x1f\xdf\xc8-[\xc6\x9c1\xd6\x80@\xd2e\x04X\xe0\\^Y\xb9\x08\xb4\xa2\xb2|\xbeT,\x16\xb3\xd9l\xb1\x98Je\xf8\xe8\x82w\xf6\xd8\xecl}K\x8b\x1d\xc4,\x08\x01o\x1e\xaa\xa1\xca\x93\x0bM\xee\xec\xe8\xa2B1\xffb\xd5bt\x12\xc0\xe7i`E\xa5\x84\xf5\x91+\x9dN\xf3E\xbf\x9f\xe2\n\x0c\x00*g\x05\x9e\xb7\x12\xc5\xd4b&amp;\x1e\xb5KM\xf0\xffa\x99X\xd6AX\x1a\xf6=^}\xb1\xc3\x83\xb1\n\xc5\x81\xeb\x0f\xef\x1b\x1b)RDL&amp;H\xab\x06IBm\xcf\xc5L&amp;\x9f\xd2Q)\xb2@\x17\x84T\xb1$D\xe7\xa2H0\xb5\xe8\xcf\x92|\xc1^\xbf-\x96F\xc2\xc2HB\xd7x\xe1\xc1\x95\xf9\x9d\x1e\xd7U(\x14\xbd?_pR%L\x05\xaaQ\x8d\xda\xdb\\\xdb\x0c\xec\x97\x02~e\xe5\xd3+\xe7\xe6\xd2\x7f\xe7\xa3\xca\xbflm)o\xf3\x8e\x18Q$3Q\xbb\xd4j\xd6\x9bQH\x85\x04a\xd8\xd7\xf4\xfd\xbc\x0cceR+\xe9q\x03\x05\xach2\xd1\xa8\xba\xa7\xb9\xf9V&amp;\x95-\xf6\xc5b\xf1\xb9\x8d\x8d\x8d\xad\xad\x95\x95\xad\xad\x8d\xcd\xcd\x9b+Q\x9e\x17\xf3\xa5&lt;\xe6\x96\xb0\xbcf\x93I\x85\xb0A\xb8o\xec\xbe,3\xfd@\xae\xef\x1b))CET\xa6D\x8f\xb79\xbd\xb8\x98\xca/b\xf1\xe8\x93\xed\xb3\xb9\xb1)\xfd\xac\xaf\xafK\xddSA\xe0q\xbbWmW\xd3H\x1b\x00\x0b\x12\xba\x1d\xff\xc4\xf9\x7f\xf7z0F\xc58\x10Q%\xac\x1e\x17\x9f\x17q&lt;^H\xbf~\xfdz\xfd\xedy\xfd\xe8\xd1\x9bG\x8f\xeee\x18\x86\xe1\x19u\xb3\xdd\x9d@\x0cR\x1f\xee\x04\xa1\x1b{(\xd7\x9c\xee\xc3?\xfa\xb2p\x10C\x0c\x86\x84ZM\xe7\x01\x16\x96\xc9\xbc\x01\xe7\xd1\xf6y\r\xa0$\xae7w\xeffx\x86)$\xecv\x147\xb0\x08\xc2"A\xa2\xe1\x82l\xe3\xc3W.X\xfc$\x86\x19\xf8 \x82&amp;\xf0&lt;\x83\xc7\x17\xef\xde}\x03p\xd6\x9fln\xaeo?77\x9f\xac\xdf\xcb\xdccD\x91\x11Q\xbb\x1a\xc10\xac\xcd\xc0\x1a\x1cD\xe3s\xb9\xb6\x1f\x14\x9f&lt;w\x12$\xc7\xb1"\'\xe0(\xb2\x08\xb8\xd2\xf1\xf8=\x89f\xe3\xe5\xcb\x8d\xcd\r\xe9\t&lt;\xec\xbb\xef\xa2\x10.\xe4\x19T\xbd\x84\x08\x18\x0b\xb0X\xabg\xfc?\xf2\x0c5K\\\xffl\x04!\x89\xc30\x92\x14\x10\x13\xbf\xc8\xa3\x1a\xcd\xdc\xc2\xcd\x9b\x12\xcf\xcb\x97[\xd2\x03p\xdd\x8cF5\xee%C\x9eF\x97p\xcc\xca"\x18\x8bap\xdf\xf8\xcf\xf2\x8d\xcc\xff4\xee#8\xabH\x92Y\x01?\x95\xe6\xf1S^\xadfAj\x84lmMO\x83\x1a\xfb\xdb\xad\x95\x85\xdb\x0b\xb4\xc6\x0b\xbcJ\xcc%\x11\x91#\x04\x84e\x83Vx\xe2\xf1\xbcl\x1b\x19\x8a\xf9\xc7\x16 \x97\xc8q$\xc9\xd0\x10\xea\xb6\rL\xb9\xb4Z\x94\xe1\x0bx&lt;.\xe4\x05p\x01\x0b\xf8\x92\xcd\xd6Rk\x0f\xe18\x82\x900A\x1a0\x03l%\xc6\x1f\xc8\xb7\xf7\xb0\x1d"\xfc\x04\x07\xc3\x9c\xd5\x90C\x13\xa0\xd8h?\xd7\xec\xd5\xb0A\xd6\xe1\x07\xf9C9\xcf\xaa\xd0\xed\x8fz\xb5\xf6%:g2\x80\x7f\x92\x98#H\x10}\xe37d\\_Q\xdc\x00\xef\x1f*K\xc0\xc0_\x0c\x08\n\xf2.P\xd2\xb7\xd85PM\xb0\xa8\x03I\r\x0f\xd9g\xa4\n\xb1\xbdY\xef\xc6s\xb8\x81!I\x18s8\x08\xaa\xe1~\xef.\x19O\xef\xfd\xb0\x85"\xc0udY\x03\x03\x12/\x974)5\xdbb7\xd3\xfcb\n\xe4\r\xb6\xfd\xd2pF\xfb\x94\xeb\x160"\xce\n\xb0$\x17!c,}[\x01=\xb7\xf8(\xc2C\x8a\xac\x88\x15h\x8dk\xea\xa3\xf3\xb3\xb3W[\xd4Z\x90\xc9G\xa3s\x03\xfb\x8f\xfd\xa9\xfe\xf8\xd4e=\x84\xe0\x08#\xe6I8\x06s\x1e]\xd5?\xee\xc8\xbb\x82t\xe0o\xe1\xb0\x8e"`\x07\x88\x12\xf9\x1c\xaa\xef9\xdf~|\xffL\xab&amp;\x9aNG\xa3\xb7\xa3\xee\x99c\xc7\xea\xdb\x9b\xa7\xcc4\x8e\x8by\xceJzJ\x9e\x125\xb4O^\x1bJr\x8d\x07"@0\xe0\xf5\x1c)\x88\xb4\xbe\xa7\xbde\xa6\xd5\r\x84R*\x95\xdf\xcei\xedWgfZ\\j\xd4\xc00\x1cL\x92\x1cQ\xf6\xe9"\x95\x13\x0f\xe4\xc5\xda\xa5\xb8\x037\x04\xc2\x16\x1f\x11\xb3\xc2\xd9\x92\xc0\xd0\xfa\xe6\x01;ZH\xdf\xd6\x0eLOOw\xd9l\xad\xef\xb7\xda\xd5\t\x14\xa4\x10\xf9l\x96$\t\x9f3\\\xf9\xf9\xd1g\xf2nP*\x14w\x82_6\x8d5\xf8\x08\x02\x8e\xf9I\x92\xc4\x13\xf6\xd6\x0f\xf1\x02\x1dj\xbdzfpd\xa4\xab\xc3\xde\xe1\x0e\xe5p@\xc5e\xfde@\x15\xa9\xaa\x9a\xf8l\xf4\x85\xcc\x8b\x9d\x00\xeb\xc4\xd1\xcf\xab,\x94\'\x06"\x05Y\x12pw2\x89\x16\x92\x93#\x83_\x1d\xec\xef\x9f\x0cu\x84\xdc9\\\x14\xb8R\x89\xd2Q\x1e\x9ds\xa8\xe9R\xcd\xe1w\x81u\xb6\xed\xac\xc7iq\xeat\x16?Lr"\xce$\x93\xf8\xe4d\xff\xe0W_\x7f\xda\xbf\x9c\xcc\xe5\x10F\xc8s%\x7f\x99\xd2\xf9t\xce\xc6\x86aS\xf5;\xc1:T\xa7j\x1b\xd6U6E\x86|D\t\xf8\x17\xc7,//O\xf6\x7f\xf1\xc57\xdf|\xba\xb6*\xae\n\\\x1e\xe6\x80\xa7;\xa55\xdd\x896\xc8\xfcN\xb0\xb0\xb6j\xa8\x0e\xb16\xfc\xd5\x18\x18\x02!\xbf\xcc\x91\xa2\xb0\xba\xba\xb6&lt;9\xb9\xb6\xb6\xb6\xca\x91%\x0e\x94\x8b\x94%\x12\x0e\x07\xaa\x9c\xce d\xee\xac\xae\x19}\xf6\xb1\xdc71\xd8Vg\x86j\xa4V\xe8^#\x88\x15\xfeRV(\t\xafV\x97\x99\xe5\xd5W\xab\xaf\xb8\xb2?[\xa6(gx\xc8h\xdc\xd7\xe4\x83Uh\xc2\\]s\xe2\x99\xdcj]\x0f\x1e\xaa\xeeL@&amp;U\xdb\x97\x13{\x8d\xc6H\xc4\xa7\x03e+\xd0K 9\x90"\xfa\xfd\xe5R\xd9\x17\x0e\x18\x8d\xbb+\x9bt\x84\x012\x9b\xcd\x9d5\xd7\xe4\xc6\xdau\'\xf8Y]\xa7^\r\x8a\xb2\x9a\xb3\x97\x1a~\x17\x18\n;-\xfer\x96\x13\xc8\x12Y.\x97u\xc0\xa9t\x96\x80q7\x90\xaa\xcf\x8a\xe1 Q4W\x9f&gt;\xba\xda+\xb7o9F\x0fw\xea\x13(\n\xa1\x10\x1b\xeb\xab\x02\\a\x8b\xc5BQ@\xa7\xb2\xce\xe9\xa3|\x91H`\xb7\xb1j"\x16\xc3\x10\x9c\xd6h\xf4\x9d\x7f&gt;t\x14\xbe.\xf3;\xf1\x86u\xf4t\xb5\xd9\x8c.-\xd14\xddf%\x08g\xd5\xee\xa10\x80\x8b\x80#1F\xc2\x81@C\x1f\xc8\x1c\x1c\xb9\x1c\x8e*\xb5\xfa\xce\xbaCG\'~\xbc!\xe3\xfa\xeb\xae\xde\xa7\x91a\x80\xd5i\xd6{mJM\x02b\xadX\xd0\xea\xb18\xf7VJ\x03\x12\x81\xa1\xca@\xe5^\x1dau\x807f\x1ed6xH\x0b\xd4:\x0c\xb0~\xff\xc3O2\xa6\xa7\xbfV\x04\x86Gk\x00\x96\xda\xe5\xea\xb2)!\x90\xa8\x83r\x8bA\x10Q\xc0\xac\x0e+\x1c$\x83\xa2\x983\x88V\x106r\xb9dH\x1bz\x8b\xf5\xde/\xb2\xd9Q1\xff\xcb{c\xc3\xa3*HR\xcb\xe5\xb2\xb94\xa0\x92\x95\xc6V\xd0\x0ew\x7f\x7f\xc8\x1d\xea\xe8\xeeO&amp;\x0b9\x1c\xc1D&amp;\x97L\xba\x95Z\xad^_\r\xb0\xfa~\xbb\xa7\xe2\xa9\\\xb7\xf1\xc0\xd3\n\x80\xf5Y]5d\xd6\xbb\\^\x9bk\xe5"\x8f\xd0h\xa8\xa3\xb5\xfb\xfd\xd6\xd6\xae\xae\xd6\x913\xdd\x00,\x87\xd0*\xc4\x80\x87\xdcJ\x9bR\xe9\xea\xac\xaek\xbb\xe6\xd9WQ\xf1\xef_\x0f\xc8\xc3u\xe5\x87={\xaa$,\xa0\x96\xda\xeb\xb2\xd9V \xc4@\x87\xdc#\xddG\x8e\x9c\x99\x1e8\xd7\xd55x\xe4`?\x10\x0f\x95\xa8\x94J\x9b\xcd\xeb\xd2\x03\xac\xd3\xd7&lt;}C\xbf\xa9\xf8\xd7CYb\xfd\'?\xee\xa9\xa8\x98\x18&gt;$ai\xd4^\xe0\xf4.\rD\xa3\xee\x8e\x91\xee\x83\x7f8yrp\xf0\xe4\x99\x93\'\x0fv\xf7\xbb\x97h\x90\xe8kA^hs\xb9\xf4\xa7:\x01\xd6\xa5K\x13\xffe\xe5\x0cB\xdb\xc8\xce8\xeeyo\xde\xd3\xbc\x99y3\x82\x19\x1d\x04\x9bK\xc9\xa9\x87\x80\x13\xd9\x87\xae\xb2\x8b\xe6\x90M\xa1\x96E1\x044\x18\x15\xb1)\xc1&amp;a\xad\x08\xbai*\x10ak|\xd1\xa5\xb4\xf8\x10d\xec\x8b.]\xe8\x1eB \x88\xed\xc1d\x0f\x16\xce!\x86\x1c-\x05V`_l\x9fb\x9c\x90C\xff\xdf\x93\xb7)[\xdanw\xf3dcE\xb6g~\xf3\xff\xfe\xdf\xff{\x93\xd8\xf1\x9ch\xb8\xf7\xfe\x7f}?s\xef$t\x1c\xef\xf69\xd6rae~ee\xf6\xce\x9d\xaff\xab\xc0*5\xcb\xe5^\xaf\xdc+\x97Z\xadd\xf9\xd2\xad\x8f.\xcdNW\xab\xf3\x85\xd9\x8f\xaf\x7f`\xb0\x1e{Q\xd6q\xc7\xef\xf9?\xae\xc8dn\xee\xb9\x8e\x13\x02\xeb\x0f\x845[(\xcc\xd7j\xf4w\x90wp\xfe\xc54m7\xcb\xab\xab\xe5J\x85\xb0\x00;3;\x0f\xaa\xf9\x95\xc2\xa4\x88\x8f\x1f?\xf4\xa2(\xcaFg\xe3\xbd\xa7\xef\xcd\xfa\x99+\x8f\x0e\xc7\xaem\xb0n\x18\xac\x8d\xc2\xf4|\xb5XO6.\xcd\xa0Z\xd5V\xb1\xdb^*\x97\x9b\xcdv\xbf\x95L\xcf\xfc\x1dX\xd3\xb5\xda\xdd\x95B\xe1\xba\xb1\xfc\x97_&gt;\xf4\xb2X\xb6\x93u\x0fN\x9e\xbf\x8f\x08\xcbLe\x1e\xec\x1dyq\x1c;(\xe2g\x84u\x11j%\xd5Z1M\x93e\xc4B\xb5\x85\xedr\xb7I\xf6\xea\xb7\x9eM\xaf}ugff\xbaX\xecv\xef\xae||\xfd"\xd4\xfa\xd3\xfd\xfb\x0fC\'\xab\x1d\x1b\x97\xe6\xba\x07\x87\x8f\xae\xfc\xe4\xea]y\xb4w\xc0\x95c\xc5\xb1\xed\xd8\xe1\xedO\xe9\x97\xff&gt;\x99-T\x91\x08\xed\xf6"6\xc9\xc8\x87V\x92\x14\xdbP\xab\r\xc2$\x99\x9d\x99\x99M\x8a\xddb\xf7n\xad@\xde\xbap\xf5\xc6\xfd\xcf\x80\x95ul\xcb\xc9\n\xe6\x9d\x1d\x9c&lt;\xf9I&amp;\xcb\xdc\xfc\xe6\xe4\xc8\xf5&lt;\x1c0\x1fS\x15o\x7fa\xb0f\n\xb5Z\xb5\xb8\xb8\xb8XD\x92\xb6J\xa5V\xa3UD\x1b\xf6[\x06\x0b\xab\x8a\x1b\xa1nm\x82\xf5\xeb\x0b\x7f\xbc\xf1;\x1b5t \x97\xca\xb9^\xe8\xf1\xa3\xd7\xdf&gt;\xf8\x919\x06\x9f\xbf\x1c\x9f\x85a\xe8yv\x1c\xe7-`\xd9\xbf\xfc\xe2\xf2\xe5\x9fM\x86b\xb5\xd8n/,\xd6\x93\xa4_*\xf5;\x04\xd77X\xd5*\xb2\xa1\xda\xfdE\xb7\x8b{3\xb2\xfc\xd5\xcbW?\xfd\x8bCX6\xb0\x02\x0e,\x97\xe9\xe1h\xef\xf9\x8fp?\xf9|t\x86K\xa3\x15[P\x0b\xde\xb2\xff|\xf5\x1a\xa9\x85^\xc3\x99\xdb\x0b\x0biZ,\xa6\xedR\xa9\x94\xb6Z}\xd0\xb5\x10\xf8\xd5d\x1e\xcc]\xdc1\xae\x146\xae_\xbcv\xed\xda\x85\xdf\x9eMj\x88"J\xed\xc5\xcc\xc5\xe2\xf2\xe8\xf5\xcb\xff\xf3\xe7=3\xf7\x9e\xee\x1d\xf8\x9c1\x0f\xd7\x06\xb5,,`9\xee\x878\xcd\x07\x9fP\xa0\x16\x8b\xc0j\x03\xab\xd5nV*\xf0{\x13t\xb0[\xbd\x0e\xc1\x8a\xa8\xf09\xd6\xc5\x8b\xb7.\xff\x8aM\xd4\xb2l\xed+7$,\xc6\xb8\xcb\x8fG\'?\x9c,\x93\xb9\xf7\xe4\xe4HJ\x05W\x91\x13\x18\xbce[\xe4\xad(\xfe\xfc\x16\xb6\x80\xa0\xdaH\xe0\xac\xf6B\x9b\xb8\xda\xcdf\xa5\x8cU\xa94\xd3t1\xad&amp;\x89\xf1\xddb\x1d7\xd8\xd81^\xbat\xedsHm\xac\xe5d\x81\x15{\xae\xe0\xae\x07\xc1\x807\x1c\xff0\x97\x19K\r\x95\xf4%\xa4rY\x18r\xe5\x85\xf69\x97s\xf6\xfb\x1d\x9c\x07\xc1\x95\xd4\x8b\x8b\x0b\x0b\xcd\x85\x14t\x18&lt;\xc8\x07$\x040\xdb\x8b\xad\xa4V\xc7\xa7 [=Y\xde\xd8\xc0\xd7\xff\xfc\xd8q\x8c\xe3q\x00\x95Sq\xcc\x84P\x1e\xd3\x00\x03\xd9pt\xf8\xf4\x7f\x8e\xcb\xcc\x83oGC\xe9\x07\x13*\xf2\'\xe7\x1e\x03VL\x9ew\xac\xb7;;;\x1b\x1b\x1bh\xc5\x1a\xce\x8d\x05\xe3Sf-\x99\xd5l.,\x16\xebDL\x1f\x80\xb5\xbc\x0c\xae\xdfDTC\x9b\x0e\x10\x05\xd2\x8dcW\xe1\x83\xe7*\xce\x05\x00\xf9\xf0\xe0\xcd\xcb\xff\x9aeW\x1e\x1c\x8e\x86"\xf0})\x08H\x19,\xa1\xe6\x04\xf4GrA3\xefo;\xcbf%\xb5\xe2\x84\x8b\x88\xca\xe5%*\xe3Ry\xa9I&lt;\xa6\x84\xb4\x92\xa4\x91\xec|tl\x93Z\x84\x95=:\x9as\xc3\x98\xf1 \x10\x1e\xe3\xca\xc53? \x97\x8d\x0f\x9f\xdf\xbc\xf2\x9f\x94:&lt;8\x93\x81\x9f\xcb\xf9\x8a\xdaX\x08\xba$?\x90\x1aX\x11Q\x81k\xb8\xbb\x86l_^6e\x84\xeb\x17\x08h\x95\x96\x01#\xcf\x93\xe1\rU\x07\x8f\xc6\xda\xd7\x16\xc5;\x85\xa9\xa3s\xfe\\.\x82\xad\x84\x1f\xb8\x91\x16\xe0RA.\x07\x1b\xbbgh\xcc\x7f\x0f\xd9\xcc\x14\xe5\xb9/}\xdf\xcf\xf9\x12T\xa1\xa7\x94\x00\x94\xe6\\G\x9a\x0e\x8b\xcb\xb5\xec8\xffv\xabAj\xad-\xd7\xcf\xe5*\x7f\xc7\x05\xb0%\xf2\x14\xb5a=\xa97:i\xda\xe9tv\x8fM\xf9\xcdR\\\xe6\x04\x0e\xcf\xb8\x1f(\xcf\xe3\xc4#pJ\xa9\xa0\x988~\xfd\xe4\xde\xf7c\n\x89 \x85\xcc\xf9A\x10\xf8\xc2\x05\x95\xebC\'4\xb2\x12\x9aE\x1cT\x14\xa9\x88\x8a\xf8\xeb\xf5\x06\xfd8s\x82\xf3\x93\xb7 \xd7\x04\xea\x15\xb8\x96\xda\xd5ZbJ\x984:\x9d\xedRi\xbb1"\xb1`x\xbc\xeb\xc0\x8b\xb4d\x91\x90.\x1a\x9d\xb0$g.L\x03%\xd0\x9c\x88\xb2\x93\xa7\xef\xda\x92\xfeu\xf5\xe4H\xc9I\xfdr\x01\xa8\xe2\x10\xae\x14L)\xad9\xf4\xf24\xb7\xed\xd0\xcaS~\xe5\xddS\x83\xd5H\xa6\xa7S\xda\x99\xa2\x8a\xab\xbd\xde\xea+\x83\x85|\xa8\xa7\x88Yh\xd5\xb9\xe8\xcf=\x00\x00\x04\xd1IDATI77\xb7\x07\xa7\x8c\xc4Bh\xc1^P(\n\x85\x8cbO\xf99\x98\x9e+\x05\xfb\xba\x8aN\x0c\xf98\xd6\xc1\xe1\xf9f\x11P\xcf)\xa6\x02IL\xa83(\xc2P\x80\t\xed\xc8A\xc6\x11\xabL\xe0\xb8v\x1ezYq\xfex\x17zm\x81\xab\x91\x96\xc8\\\xc4uN\xd5\xc4\xdc.\x96@\xd5ilo\x13\xd5\xfe\xd0&amp;\xb1\xc8\x96\x0e\x84\xe2:d\xd0)\x0e\xc5\xdc\x9c\x0f\n\x18\x05\x19!\xc8;TJ\xe5rL\xa5\'&amp;\xd0);\xa9\xfb\xc0\x14\xa0]]3\x1a\xa8\x87}\xcay%\x94b\x08Vm\x01\tr\xd1 \x1a\xed\xaf\xaf\xafmmu:\x08\xf6f\xa5\xdf\\\xaaT&amp;\xcej\xd2\xb8\xc6n5\xed4\x1a\xa0\x02\xd6\xc8&gt;\xf7;\x0c\xef#\xdaY\x18)\xa9CO\xe3\x04\x00\x81\x1a\xd8SpJ$\xe2\x92$\xdf\xd9\x11A\xbd&gt;V\x06\nNBc\xb8..@Q\xd5\xb1\x14c\x1a\xd6\xa2~\xf1xd\xd94\x1c\x01g\x85ov\xb7\xd6\xfe\xba\xb5\xde)U\xf0V\xeaWz\x95\xde\xeaj\xa5\xdf\xef\xa7i\x0b/\xa4\t\xacNX\x83Sm\xecn\x9aX\xa9\x10X\xb0\x87/0\x17\xa5\x14Z\xca\x1cD\x13\x90A\xc9\t\x96\xa0\xe2\xf0\xa9o^\x0f\'\xa5\xa5P\xc0D`\\\xa0\x84n\x10\x98D\x05\x163*3D*\x95\xd1\x0bI-\xcb\x1a\xbe\xd8\xdfj\xac7:\x9b\xbd\xcaf\xa5W*U*\x18?\xcdg\xcfZiZ\xea\xe1\xcf\xad\xbe\xc1\x1a\xec\x1fM:\xd0(\x96C\x01]\xd4\xcf\x959\x0c -\xe9\x04\\SVp\xc6\xe1!i\xa8\xe8mj\xc8\x95\x90\x92\xc4\x948;WR8!R\x81\x98\xd0\x1c:b\x1a\xe1\xa2\x19\x8b\\O \xbcll\'\x08\xcbz\xbbK\xbf\x80\xd4(Uz\xbd\xde&amp;J\xb9\t\xb0f\xffY\x1f\x1f^\xadnn\x96\x8cZ\xdb\x837\x91\xfd]8d\x85d\xe8k/\xb6B\x91\xe34\x80\xfc\x00\xd9@\xc7\x8e85\xa5  \xc2\x11b\n\xcfLh`:!7s"\x8a\x88\xde\'m\xf12c\xaeF\xc8k\xad\x99\xe6Lh:\x07\xe6\xa3\x95\xcf\xe7\xc7\xbb\xbb\x86k\xb3\xb7\xda+m\x02\x0b`\xa5&gt;0a}T\x11T\xdb\xdb\x83\xc1\xb1i@\xccC\xbcc\x03\x08\x02\x06\xbd]_\xc4y4#\xb0dD\x07G\x8b!\xb6\x84i\x01\x92i\nlTL\x01\xafQ\\i\x85\xe4"(*\xb9"\x1a\xbc\xa2Hj\x18L)gb\x14\x07r\xb9\xa3\xf1\x9b\x17\xfb\xeb\x03\x94\xaaB\x85\x84L((\xb4{\xf5\xaaW\xc1\xb6\xb03\x18l\x0f\xc6Y\xc7P\xd1\xca!\xb3\x1c\xa8\x8f\xfd7\xc2\'\xca\xc7\x9a\xca\x86\xf2\x81Cid\x06\xd9\'"2\xc2R\x00\x94\x98\x08\xc0\x13\x01Yj\x02Ebi\xc0\xa0\x86\xbe\xe0\xa4&gt;s#N%\xb1\x1d\xb3\x9d\xc8\xe3\xe1\x9d\x1d\xbf\x05\xdb\x04\x8d\xb0\xe01*\xea`}\xf7\xc5\xe9\x9b\xf1\xdb\x03E\x1b\x07\x92Jgu\x8e\x85\x8cV\x88oT\x81\x8e\xadH\t!9.[\xc0W\x02{\x15W\xe1K\x14)6%!\x12\xda0\x08\x94\x16\xc8\x87 \x98\x83\xfb\xe7\x90^&gt;\xb2\x1d}\x08\xcbK\xf3\xcc\xc3\xb6+\xf4\x9c\t\x95\xd9\x7f!\xf4\xa9\x9a6\x07\xdb\xfe\x00\xd5\xablC\xa2\xfd\xfd\xd3\xf1\xc1\x109\x80O\xda\xd9\x7fV0\x1bH\xdc)\xa2b*\x8a\xf3y\xc4&lt;a\x05f\xbcqrM\x80\xb2\xc1I^d\x12jJN\x82L\xd1\xc4\xc4#\x98H\x05\xd1P:\x82\xa2\x84P\x1a\xa6\xc0\x1e\x95\xb6\xcf\xc0:w1\x043\x8b\xb2,o\x1f\x8fO!\xd0\xe8\xe0\x18\xa3\x802\xd7\xac\xc8y\x87\x85\xc91\xc1b\xb8\x9eP\x98*\n\xb2\x13$#]\x80%\xe9K\x8c\xa7\xa6L\xcf\t\x86n\xc5 \'\x9d\x0c\x15z\x82\x8cE\xcb\xc5\xec\x01\xd3\xbf`M\xba\x9d\xee:\xde-h\x172\x93N\xd6\xbbEw;(\x9f\x93\x8d@\x85\xadn\x04\xc7k\x85\xf2\xe5\xe3H\xe88\xd6\xe8\xb9\x00\xb6\x96\xd0\x83Fq =+\xa4\x17\xf9\x14\xc5\x00\x10\xa8rs\x13\xac\\`2M\x91\xdd\xd1\x88\x90\xec\x1fM\x97K\x0e\x830\x0cDU\xd4\xa0\x86\x94\xb0\x08]p(\xee\x7f\x9d\xbeg\xd3OvH\x80\'\xe3\xf1L\xb22?\x02\xe3\xaa\xb1\x8d\xcf\xb8\x0b\xe0\x1f\x17\x8c\xc58\x1c\x89H\x80\x97\xd6%\x8b\x8c\xe6\x0f\x8eP\x990&gt;`\xcd\xcd3j\xac\xda)\xdd\xad\\\x1aD\x12\xdaN"\xdaN\xa6\x02\x18/D\x04 v\xfd\xaab\x0c\xa0\x92\xaf\xb8\x02\xb51\xb68\xa7X\xd6\x8c\x8c6\x1e\x96\xca\x94\xb9}a\xdd\x13\x94k\x9d+G\x92\x80\x05[\xde\xd0\xd7\x82\xa3\x06O\x94+\xcf\xec\x13\x0f\xd3\x8e\x95\x03K\xf7\xeag\xaeW\xb0)~\xe9\xaa\xe1\xa3\x0b\xd3\xd8T\xbc\x80\xa4\x0b\xf3\x833\xb0\x8e\xc7\xafcG\xe0\xc8\x0e_\xeb\x96\xba\x82\x97~\x96\xe2\x97\xect`~cg\x7fh\x88pD9\xb6k6\x8d\xa5\x06\x91-\x8d0~\x03D\x82z\x18/\xc5\xf9\x08\x00\x00\x00\x00IEND\xaeB`\x82'</t>
        </is>
      </c>
      <c r="M60" s="3" t="n">
        <v>45492.67596064815</v>
      </c>
    </row>
    <row r="61">
      <c r="A61" t="n">
        <v>149710</v>
      </c>
      <c r="B61" t="n">
        <v>1981</v>
      </c>
      <c r="C61" t="inlineStr">
        <is>
          <t>Lucas Moura</t>
        </is>
      </c>
      <c r="D61" t="inlineStr">
        <is>
          <t>L. Moura</t>
        </is>
      </c>
      <c r="E61" t="inlineStr">
        <is>
          <t>PD</t>
        </is>
      </c>
      <c r="F61" t="inlineStr">
        <is>
          <t>ATA</t>
        </is>
      </c>
      <c r="G61" t="inlineStr">
        <is>
          <t>PD/MEI</t>
        </is>
      </c>
      <c r="H61" t="n">
        <v>172</v>
      </c>
      <c r="I61" t="n">
        <v>7</v>
      </c>
      <c r="J61" s="2" t="n">
        <v>33828</v>
      </c>
      <c r="K61" t="inlineStr">
        <is>
          <t>Right</t>
        </is>
      </c>
      <c r="L6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87c949-a87c-41b4-b448-8a5d6329ee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f5\xfe\x02\x00\x00\x03\x00PLTE\xff\xff\xff\xf0\xf0\xfa\xf9\xfa\xfe\xfc\xfd\xff\xf4\xf4\xfc\xfb\xfc\xfe\xf6\xf6\xfc\xf1\xf1\xfb\xf3\xf3\xfb\xf5\xf6\xfb\xf2\xf2\xfa\xf2\xf2\xfc\xfc\xfe\xff\xfb\xfc\xff\xf8\xf9\xfd\xf7\xf8\xfc\xee\xee\xf9\xf5\xf5\xfd\xfe\xff\xfe\xee\xee\xf7\xf5\xf5\xfb\xe9\xeb\xf7($)\xec\xec\xf6# \'\xe3\xe5\xf2\xe6\xe8\xf4\xe1\xe3\xf0 \x1d#\xc0\x88n\xdd\xe0\xec\xf2\xf2\xfb\xd1\xd4\xe3\xdf\xe2\xee\xb9{`*&amp;/\xc0\x85i\xec\xed\xf9\xdb\xdd\xea6##\xaeoR&gt;56\xa4eI\xbc\x7fb\xd5\xd8\xe6C&lt;&lt;702F54\xef\xef\xfb\xc6\x89m\xf0\xf0\xf9\xc4\x8cq\xf4\xf5\xfa\xf9\xf9\xfe\xabxce@5.+6\xbd\x82g%\x1b\x1edE&gt;\xd8\xdb\xe8\xb4vY&gt;+*\xbb\x86lk5#\xa8jP/%(\xb7\xb9\xcc\x9eo[\xb5x\\T,#\x83R?(\x1f"D&amp;!=$"\xc1\x81cD.+M&lt;:YHE\xc4\x85g\xbbxYX&lt;6nE7{&lt;$1+.r&gt;+\xaahJ. !\xb4sT7*+\x9eaF\xaer[eLFzO@\xa9`?\xf2\xf2\xf9\x89B\'\xadcB\xad~lP60tYR\xc9\x90u\xc6\x91znJAL("\x98]Aa9-\x8cV?L0+\x8bcSu7#\xb2fD\x9egRmRJ|XK\xb4\x7fgZB=uJ:Z0$\xb9\x80g\x90E\'\x80`T\xc9\x95}\x81L8b0"\xa7r\\\x1b\x19\x1f\xa0S1W6.30=\xc0}]\xcc\xce\xdf\x88[K97C\xb3iJ\x96J*\xcc\x9a\x83\xd0\xc0\xba\xa3vc\x96U6\xc6\xc8\xda\xb6oM\xbbsR\xb5\x83m\xa2[:\x92ZD\x95`K\x93l]QA@]ON\xad\xb0\xc3\xcd\x9f\x8cMO]\xd2\xc7\xc4\x8eM0\x88P:\x82?$\xb2yb\x9aN.\xab\\:wE2ICF\xc4\x8euk=.\xbd\xc0\xd4\xf1\xf1\xf5\xa3\xa3\xb4\xeb\xe9\xef\xe6\xe4\xeahVT\xb1`&gt;\xbe\x8cu\xc4\x95\x84\xc1\xb2\xaf\xb1\x87w\x8b\x8b\x9c\xc1\xbf\xc8\x94hVuSG\xd2\xa2\x90\xa6W5\xdf\xdd\xe4\xa3_@\xa2\x91\x8f\xca\xb8\xb2\xad\xa0\x9c\xb7\xaa\xa9\x83h_tq}\xe2\xd6\xd3\xd0\x95}\x90\x87\x88\xb9\x98\x8d\xaa\xaa\xb9\x9a\x9b\xad\x81E.&gt;&gt;N\xc8\xad\xa4EGV\xd6\xce\xce\xd7\xd5\xdc[Wd\xb9\x89u\xc2sS\xdb\xce\xc9\x84rnQIS\xc3\xbb\xbb\x9f\x98\x99\xc5\xc5\xd2\xd6\xa8\x97uec\x9f\x88\x82\xc8\x9a\x8b\xd4\x9c\x85\xd8\xb1\xa3\x9e|p\x84\x82\x92\xb1\x8f\x82\xbclI\xb7\xb2\xb4\xf8CSebo\xcc\xcc\xd3\xf6\xf6\xf8\xce\x8cq\xe7\xde\xd8\x92\x93\xa6\xc5\xa2\x98\xbe\x8e\x80kiv\xfb5F\xcc\x85f\xda\xba\xb1\x8ezw|y\x86\xc8z\\\xee\xe5\xe1\x8dph\xdf\xc6\xbf\xf0*9\xd0 -\xb4c[\xfe\xfe\xff\xf0T_\x9aKD\xea\x82\x8e\xb7$/\xeb\xc7\xc8\xc3hg\xccLQ\xe1ln\xe1\x9e\xa7\xc4{n\xc0s\x82\xaePRg\x02c\xa9\x00\x00 \x00IDATx\xda\x8c\x98\xffSSW\x1a\xc6\xe1bHH$A\xe9\x82\xd3n6\xb3$3~a\x05\x13D\xe2\xb0K\x03\xb6\xae\x18%A\x08\x82\x83\x81\xa0\t\x95\xbaD;Hkd\x07\x931\x81\x96I\x16]h6\xc8\x02\xc2l\x15\x8cJ\x8b\xe0\x97\xc2@\x1b\x15\xd8U\xa0*Sp\x1d\x9d\xb1\x96\x19\xd7\x19\xfd\x17\xf6=\xe7\xde\x9b{\x93\\\xd4\xc7\x0c\xe0\xf0\x03\x9fy\x9e\xe7\xbc\xe7\xbd7*\x9e\x14A\x88\xc5b\x898T\x99\x99\x12F\xb1\xb4\xe2\x90\xde[\xb5\x82\x91\x80CB,\x99\x08\x8b\x1f\xa2\xe8h\xf8\x84+!!!1a\x13\xad\xa8x\x02\xffCd\x18\x85 \x08\x16Vf$\x15\xcd\x15\x89%dA\xd1`2\x19E&amp;\xe2\x8bB\xd1"\xa5bca\xab@\xf4w\x82\x05\xc6`\xc5\x86(\xdc/\x81\xa0\xa2B(SE\xbf\x9f\xa8R%\xa8\x80\x86B\xc4d\xd8\xadH\xc78\xfc\xda\xb4)\x81\xc1"8x(I8S\xa4\xb1\x80K\xb0b\xf3f\xf8\xeb\x89\x17\xfe8\xf8\xcd\x95\xc5\x97K\xa3W~\xf8i*YU!\xab\xa0R\xa4\xb1\xf8\xfc\xb7r\xa9\x12\x90Xn1F\x89\xc5o\xa8WD\x8a\x02\xf4\x91\xa9\x86\x07\x17\xa7g6\xaeO+\xcb\xc9\xc9IOok\x1f\x9f\x9b\xba\x90\x08\xf9\x91Ht\xb7B\xfcz[\xbd\x10\x16A\x19&amp;\xe6\x02\xe3\xe2\xc2Xq(\xbc\x15\x89S?\x8e\xcelL+[\x8b\xb5sg~\xfe\xae]\xe9\xbb\xdb\x1f\xccM\xa9\xa2\xf9B\x99\x88]y\xd1\x1b\x9b\x85\xa8XX\x04\xe9\x16\xed\x18\xbb\xed\xe1\xb5g\xb8\x80l\xd5*\x01\xff7\xdbFg\xd6\xe7 \x1e \x02\xa4\xfcO\xb0\x0e\x1f&gt;P\xd7?&gt;x\x1e@\xe8\xba\x8b\xc2\xfc\xe2\xc4\x8a\x0e\t\x91*&lt;\x95%\xcdE\x82\xe0\x86E\x96\x1e\x87\x98\xbcm\xf4\\\x0e\xe5\x11\x02\xda\xce\xa8\xfedav\xfb\xbd\xc1D\xda.Q\xf8\xa0\x88\xe6\x96\x8a\xe2\x8a\xe2\xf1x\x04\xc1\x8b\x0f\xd2\x05\x1d\xcb\x0c\xf1)"\xc2\xb8\xcdO\x97frrh\x93\x00\xa5\x81\xa5\xfa\x9a\x9a\x9a\xac\xf2\xfe\xf1a\x95\x8c\x0b\nq!\xb2H&lt;\xaa\xf5Q1&lt;$&amp;\xc5xv\xf7\x97\x01\x8b\xdd\x1c\xb7\xe2\xe9\xcb\x99\x8d94S}=b\xd1h4\xb5\x1a,\xf4cCMVuy\xff\xdc\x05\xbe(\x18%?\xe20\xf2\xc3\x99(.\x12\x8b\xae\x17\x116)2\xc3,\x0b\x068\xbc83\x93\x83\xd2C&gt;QL\xb5\x9aZJ\x14__\xdf\x9e\xa3\xed\x0f\x06\x13\xc3\xab\x1fz\x1e\xf9\x91~mJ\x88\xa2\xbd"\xe2\xd9\xf3\x94\t\x12`\xc2\xc0 \xbfo\xee\xccl,[\x0bV!\xa8z\xd2\'\xac"$\xf2GC\xad\x01\xb8\xaa\x8f\xf6_\x1b\x8efb\xe46-b|E\x11\xb4[,.\xb2`\x04S\xb0\x90;H2\xbc\xe4&lt;\xb7&gt;\x8f\xa4\xaa\'\x8d\xa2\x99:;1\x17\xfa\xc0\x17\x83\xc1\x00\\\x05\xed\x8f\x93\xf92\x19\x03\x16Q\xb1\x10\xaf\x12!H8\x89T\xb7\xe8A\x11&gt;\xf0\xc3\x8a\x0f\xb3a\xf0\x1fN\'\x1aT\xb8T\x94S\x98\xa8\xb3\xb3\xb2\xb2\x12}+\xc2pH\xc0\xb5\'\xbb\xa0}&lt;\x99\xcf_&amp;F\xeeK(\x8a\x17\xec\x16yi\xb3\xb8H\xb4\xd0\x08\xe3\x12\x7f\x01\xa8\xb4\xbc\xb59\xf9\xf9\xdbi*\x04U\x89\xa0\xbe\x00\x91d\x9d\xd8\xb3\x9eZ\x83\xa1\x07\xb8\xda\x1eL\xf1E\xcb\xf6&gt;\x92\x8a\xc2B\nw\x0b\x982\tfl\x91X\xe2\xf3/\xedvuZY0A\x1c`\x11\xf6\tC\x01\x16C\xd6I\xda\x95UW\xd7\xd6\xffT&amp;\x12F\xec\x11\\d\xb0G$$\x04\xb1\xe8K\x88\xfb\xda\xa6\xb9\x92\x17\x81\xaa8\x8d\xa6"\xad\xa2\xa1\x9a\x9a\xd0\x87b\xc3y\xc2\xaf\xa0_}Y\x85mm\x05\x83|Yp\xde\xbf5J\x06\x8b\xbe\x84\x96[&amp;@qq\x8bv\xa7Zn/C\x93\x01S!\xa7H\x9b\x9a\x90\x1a\xbb@\x18\xad\x12\x0b~\x17\x00\xc3\xb2\x80+\xbd`V\xc0\x15"7X\x14\xed\x15\x06c\x07\x19~eKb%q_\xdb\xed\xf6\xe2\xe2\xf5\xa4Y\xa4W\x9d\xd8\xa6\xa6\xae&amp;\x00j$\x85\xc0\x90}\x95\x95\x1d\x95\x81\xca\x80\xc1plOv\xe1\x81\xdd\xe7\x06\xf9"\xe1\xbb\xba\x15\x13\xc3\xb4\x8b\xa0j\xcf\xb1\xe6\xa0\xf3\x18\xfb\xfe\x1d\xb5S\x9d\x04X\xf9\xbb\xc0\xac\x1a\x8d\x01\x12\xac$}\xeajj\xbc\xdax\x15\xd4\xd8\r\\]t\x96\x1d\x80\x170\xf4\x1c+\xaf;\x90\x9e\xde&gt;\xcc\xe7\x0b9\x97\xe87b\xf1\xe8\x0b\x9b+H\xc8\xf0\xbdE\xb5\xdd\x9e\x97\x97V\x86\x87;`\xd5\x16\x91\x95j\xc2&amp;]\xed\xee\xee\x1e\xe8\xee\x062l\x18Y\xb4\x8e/\xc0\xb1\x9ec\xd5\xe5\x85\x85\xbb\xd3G\x13E2\xee\xe3\xc8\x8f\xc4\x8aac\x11\xc1\xed\x8b\xe4\xa2\x9f: \xc2\xd8\x0f\xee8\x9d\xea\xbc&lt;t\x0c\xf15\xa8\xa9\xed\xc4^u\x01\x11\xf8\x04PH\x00\x87\xd1\xc8\x9au \x9d\xd8\x7f\xech6p\xa1\x18E\xef\x94b8V|\xc4P%\x82\x8d\xff\xc1\xeet\x02\x15\x89\x05\x8d\x07\xb3\x00\t\xa2\x03\x1e\xf0i\xc0\xearYA\x03\x03&amp;d\x1a\x05\x06T-\x9f\x9e\xda_]\x9e]W\xb7q)y\x99\xd6sa\xb1\xc0\xc2\xdcbw+V0}\xcb\x9e\x86\xb0v\x92X\x9a\xda\x006j`\xc0\xeavYMV\xb7\xc7\xfd\x1f\x8f\xc7\xedv\xebK\xe1\xff\xd6\x81n\x88\x92\xc4:}\xfa\xd4\xf1\x83\x80\xd5\xd6&gt;\xb5\xccPE`\t\xcbc\x11\xf1!\xcb\x04\xbb\xf3\xe2\x9f\xecN{1D\x08\x8b\x03\xda\x1b\x1a4`V\xe3\xd5\x01\x97\xdb\xed\xd1\x7f\xecr\xe9=z\xadR\xabU(.\xfe\xfb\xe2\xc5\xcf\xf5n\xcc\xd5\xd5\xd2\xd4\xd1\xd2r\xe6\xcc\x99\xfd\xdf\x01\x16\xdcBB!9\xbe\xde\x01\x8b\xc7\xb6\x8b5&amp;\xc4!vI~q\xca\x9d\xc5\x8cY\r\xb5\x81\x8e\xae\xab&amp;S\xa9"U\xffa\x8a[\x9f\x9a\x92\xaa\xd4){-~\xff\xaf~\xbf\xe5\xf3\x8f]V#\x19dK\xcb\xe9oO}\xfaYuvvA\xc1\xd2y!_(z\xfb\xf5H\xba\xc5\xc6\n\xbd\x1d\x19\xac\x7fM\xdb\xd5\xeab\xaa\xf0(\xc3\xa2\x8e\x96V\xa3\xd5\x9db\xb9(\x95\xea\xb5Z\xa9V\x01X\x16\xff\xfc\xfc\xbcw\xde/\x05.\x17*Xc\x0b`\x1d9u\xea\xef\x9fU\x97\x97\xb7?\x99\xe2\x0b\x84\xdc\xdbj\xc8\xe6E\x85\x18\x04\x8bg\xed\x12b\xf6\x9c\xc8\xfc\xc3-\xb5]\x8d3\xcc\xdf^\x0ff\x19\x00\xcbhr\xb9\x1d\x16K\xaa4\xd5\xa1\xb3)\x94\x16\xafw\x1e&gt;CC\xcf\xfd\x16\xc8\xd1\nX\xad\x88\x0bB\xfc\xcb\xc2\xf7\xdf\x1d&lt;\xd8?=X\x11|J\xe3"[\xae\xf2&lt;"8&amp;X\xa7\x11=j|\xedT\xdb\xe5yy\x80\x85\xa6C}\x1fr\xcbh\xb5z\x1cREJ\xaa\xde\xa1\xb3(,\xde!\xef\xd0\xfd\xe7\xcf\x87\xc0-KF*`\xc1\xa4hm\xedj9r\xe4\xccG\xaf^\x1d?\xfe\xfd\xbd\xe99\x810\xf8\xf8\xf8\x86\x874\x16V\x0c=\xe99\xa6\x04`]Q\xcb\xd5\x18\x8b\x1cZ\x06C\xa0\xa3\xd5h\xb2z\xf4\x8a\x14G\xa9\xc7\xa1\x95fX\xfc^D\xe4\xf5\xcf\xfb\xe7{\x15\x0e\x8f\xd5d\xecnm\x1di=\xf4\xd1W\xdf.&lt;\\Xxu\xef\x7f\x0f\xc6+T\xa1O\xb5\xec\r\x9a\xcf\xd5\xad\x18\x82\xe9|\xb8]\x00\xf6\x84\xc2\x82j\xd5\xa3\x8b\'\x80\xaa\x85\xb0R\xf5\xa5\x1e\xc0R*\x946o3\xf4j\xbe\xd9\xeb\xb7I\xb5\x0e\x0f\x94\xbe\xdbd2\x8el\xa8:rf\xe1\xd1\xb5k\x0f\x1f\x8e\x8f\x8e&amp;\xb2\x1e\xb6\xc3\xf6\xd4P\xac\x95\x11\xa5\xe7XT%\x9b\xef\xc8\xe5r\xf5\x8e\xbd\xb8Z5$\x16\xae\xbc\x07\xcd*\x18\x0ef\x9d\xcd\xeb\x97Zz\xe1,\xda\xbc6\x9d\xd2\xa1wY\x07L\xae\x12\x97\xa9\xe4\xf2\xc2\xa3\x87\x137o\xde\xb817\xbe\x04\xcf\xb4"\xa1\xe8m\xadGn\x85q\xf18\x16U\xb1\xf8\xf7vp\x8b\xc6\xd2hP\x86\xc05b\x04\xc3\\n\x97[\xaf\xcbP\xdal[{\xa5R\x85\xc2b\xb3)u\xdaT\x14\xa2\xc9\xe4r\x99r\x1fM&lt;\x9a\xb8t\xfd:\x80\x8d?9\x0fk=\x85\x05\xfb}D\x8c\x94eQ$S\x08\x18\xdd/6\x97\xe4\xa9\x1d\xcc\x92\xef\xd8\x81\xb0j\x00\xab\'\x80\xecjlEAZa\xb2ku:\xb3Yj\xb3(\x14J\xa9n\xabV\x9a\x02\x03\xd5\x84\xb8L\xa6\xdc\xaa\xcb\x13\x97|&gt;\xdf\xec\xec\x8d\xb9\xd1\xe1\n\xfc\xd2\x0bI\x18\xb6N\x90X\xa4[+WF`\xf1\x98\xdd\x8b\xc1\xda\xa6\xc6X\xd8\xad\x06\xe4V\x0f\xb6\x0b\xb0\xba]\xffu\xa3n\xe922\xcc\x19\x19Z\xe0\xd3)\x1cz}\xa9\x0b\xa0\x06LFc\xc9\xba-\x97o\x7f96\xe6\xf3M&gt;\xbe1:\xac\xa2\xde/\xc9\xe87r\\c\x15\xb0\xb8\xc0\xe2\xc3VUB\xf2\xa3]\x9e\xa4NJ"\xb1\x0c\x06\x8d\xa1(@\xb6\xcbh\xf5x\xf4\x0e-\\;:\xa5\xd2\xac\x80\x1f\x1c\x0e\x9dC\xefq\x9bL\x03F\xc8\xd18\x92\xfb\xcf_\xaf\xdf\x9d\x1c\x9b\x9c\x9c\x9c\xbd\xf9rX(`\xde{-\xbb|a\xac\x95\\~\x85-\xf6\x8b\x08K\x9e\x04v\xe5\x7f\xa2\xe9\x81\r\x1d\xec:\x0b\x87q\xc4\xe8\xf28\x94\xe0\x90\xce\x0c_\xcd\n\x85C\'\x05*\xc0r\xb9P\x84\xc6\xd6\x91\xdc\xaaG`\xd6$\x80]z&lt;\xfe\x14\xbf\xc2\xa4\xed\x92Q\xcf\x8e\xdcX\x1c\\\xa1\x8f\xff\xe2\xb8\'v\xf9\x1ayR\xde^\xb0k\xbb!\xd0\x83\xfc\n\x9c8\xdbrh\xa4\xc4\xe5\xd1\x9amf\x08\xd0\x92\xd1l\xe9\xb5\xc1\x80\xb0(\x81\xca\x8d\x96\x1c\x13\xd8\xd5\x9a[\xf5\xdc7\xf6l\xcc\xf7\xcc\xe7\x03\xac\n\xfau/~/\'\x93q\xce\xfa\xa8\xd5!\\!\xedb/\xf6\x15\xd3j\xf9\x9a$\x08q\xef\xde\x9d\xf5}=\x80\xd5\xd7g\xe89q\xf6\xf4\xbe\r%\xa5Z\xb3\x19F\x96\xcd\xd2\xeb\xf7\xfe|\xfb\xf5\xeb\xdb\xf3\x1fn\xfd\xd3:T-8\rV\x98[[n\xdf\x1d{\xf6\x0c\xd95{m\x10\xbf\xbeT\xa9H\xbb\xc8w\xd1\x91\xdbD\xd4\xea\xd5\xab\xb9\xb9B\xee I\xf2\x1du\xd2\x1a\xe0\xda\xb1c/\x9c\xc4&gt;\x80\xaa9Y\x93\xb5\xe7\xd8\x9f\x0f\xed+)\xd5\xeb\xcc\xcd^\xaf\xd7\xd6\xfc\xf3\x8b\xd7\xa0\xeb\xcf\xfd\x7f\xdb\xf2\xd7\xdc}#pJK \xc6\rU_\xde\x05.\xa0\xf2\xcd\xce\rR\xdd\x12\xd0Vq\xae\x85\x14\x16=\xbc\xc2\xea\xc5\x84\xf8\xc1-p\x0b\x84\xb0\x0e\x9f\xac\xa9)\xcc*&lt;Y\xb8\'+\x0b\xb86\xac+\xd5o\xb55\x0f\xdd\x1f\xba\x0fT/^\\\xbf=Q\xf5\x15\xdc7G\xf6\x1d\x82\x8c\x8dFc\xee\x84\xef.\xa4\xe8C3\xe2\xe6\xac\x80y\xd9K\xbd\x1f\xe7X\xbe\x82n\xad\x8c\xa0\xe2\xb1\x1eg%\xbfs\xca\x93\xd6\xfc\xf6\xff|\x9a\x7fL\xdag\x1e\xc7\t\xb7\xe6&lt;u6i\x16\xe2\x1f4&amp;`\xc2\x0fS\x08s\xa7T\x02\n\xa7\x08\x82\x03\x11\x11\xb0\xe2\x94\x92\xca\x8f\x9e\xac\xad\xd8\x96j)\xa9\xa4\x94\x88\x8a\xed\x1au\xadT\xd2\xdb\x82\xe2\xd6\xba\t\xd8\x1b\xf5\xe2\x995\xd2Vk\x9d\xf4J\x93;\x16\xbdX\xeb\xb6?\x9a%\xfd\xf3&gt;_\xb5\xf2\xb3\xf74\xa9\x7f\xd4\xa4\xaf|\x9e\xf7\xf3\xf9\xbc\xdf\xdf\xe7\xe1!\xd5"\xd4\xa8\xd5B5$\x86Z\xaa\x90e`\x98\xb5Z\x99\xdc**&gt;\x1fY\x81b\xbd\x8a,\xacO\xb5U\x0e\xdd=\t\xeb\xb2^\xaf\x9d\x99Q\xb2\xd7\xa1Z\xb0\x89@\xf5\x12\xa9V"Wv\xc1{\xaa\x95\x9b\x9bQ]\x1f\xee\xcf\xa1\x1d\xac\x87\xd0M\xf3\xb1P,,\xaf\x91%Tp8\x8d@\x89\xe5q(\xeaR\xbd\x96\x0c&amp;PP\x0c\xf5\x8aD\x16~Z\xbcz\xf2\xee\xa9\xe3\x8cO\x8f}~\xec\xf8\tF\xa7kF\xd9\xbd\x1ex\x844\x88%\x04k\xa9e\x17\xe7\xe3]\xa6\x82\x0c\x1f|3a%\x1a\xafxK\xcd\xfb\xf7\x0e\x16\x96W\x86\x90\xe5c\xa4\x14\x0c\x16~`8$\x96Z\xa2w\x80\xbc\xde\xe9\xeb\xb4\xf1\xf2\xb9\x13g\xa8GH\xa4#\xb5\xd7\xae]\xa32\xf4\xc6\xa9\x05\xc0\x82\xb5\xe4[\x9a]~\xd9\x92P\xaa\xf7:{\x14*\xe5,\xfe!\xb9\xcf\xefi&gt;\xef)\xf4,DZe\x18lOO\x0fTJ\x8a\xe1P8R\x8c\xb4Qhq\xebgd0\x14i\x9a\xf3\xe7\x8bq\xcc\xcaj\x86\x9a\xcaR\x90HR\x12\x85r\xa4\xb6V}\xef\x85\x0f\xb0@X\xbeY\x04+;\xde\x1e\n\xde\xabyT\x9c+7\xbd\\\xf1j=\xa5\xe7\x83\xe4\xb1\xf9X|OO\x19\x0f\x1c\xbd\xa2\x96qBRj1\x18\x84B\x9d\x19\x94\xdd\x07X\x1a\x91\x80(w\x99;K%\x92:\xc6\x19\xf5\xa7\xd4#\x14\x12(\xf0\xbe\xcf\x8e`\xd9\x97f\x87g\x97g\xb3\xf6\x8eaN\xc1\xfeeU\xe2\xa0\x8ec\xa12\x8a~\x17\xea\xcf\xbb\x9b\x99\xf7\x05\xd2\xb5\x90\xa3\x88\xe9\xe1\xb1\x84u\x0cI\xb3\xdee\x04\xd7in0q\xb9\x9eQ\xc7L\x1f\xf8\x1a\x8d@,#k\xb5Zrww[[\xdb\xd5\xa1\xfb\xe7\xce\xd4RI\xa4\xeb~\xfb\xf0#\xbb=\xb0\xe4{\x19\xf4\xbf\x8c_\x9f%\xdc\xa1\xed\xd9\x9ad\xac\xcc\\\xe8]\xc1\xefJ\xfe/x,\xc2\x04\x7fq\x84\x16\xe8Wf\x10zS\xff\xe2b\x89\xcb\xec1\xe9\xdc\xa3\x0e\x1b\xedFdZ$\'\x92\xc92f\xf9\xf8\xc4\xf8\xc4\xc4\x04\xfc\xeb\xdd{\x9f\x1f;S\xbb\xe5\xb3\xc3\xf2\xf9f}\xc1\xe0\xcb\xa4\x9b\xbd\x96\xc4\xaf\xbdiX(\xd4\x9b\x0c\x13(~\xd5\x88&gt;\xf8E&gt;"q\xa4u\x11,\x12\x89\xc7=:\xe8r\x19\xafVVv_5\xba\xc1\xac\xbaGZEW"\xe7\xadr\xa2L\xc6\xec\x9a\xe8*?&lt;\x01\xb1\xac\x9cId\xdf\xbdw\x82\xf1,\x18\x08\xd8\xed\xb3\xb0\x96A[\xc97\x8ei_\xa1s\x12\xb1\x80+\x93\xefB\xfe@\x00\xba\xf3\xf5?\xb0=X,\x1e\x04\xc6Qwv\x96z:%\xa5\x8cc\xf7\xee\xdf_]}~y\xd4\xd3\xce\xd5\xd5\xab\xc4\xb4+\x02\x98\xcf2b\xd5M6 W\xb6M\xf5w\x15\xc9eJ\xe3\xc9S\xc7\x83\x01\xa8\x97/\x88\xf8\xd3\xa5\xc4\x8b\xd0\xac8X\xba\xe4Q\xfb;\x99\xd1\xe0\xa0\xd1\x0fo+z\x11,:\x1cG\xa1\xa4Z\xa2+5\x08\t\x8dee$\x8a\x821\xf4\xe2r\x03\x84\xec\nG\x9fH\xe4\xec\x00\x87LT\xea\xf5\xfa\xe6SC\xbf&gt;\xbf\xdaMfB\xbd $\xfa}\x81a\x9f/\xb8\xec_\x06\x07\xf1\xc9^\xbd\xb2?NVWNf\xacL\\;X\x07\xff\xcb"\xf0\x90\xbe\x00AQQZ]\xed)%46^\'\x11\xb0O\x9e\xdc^~\xd6YY\xcd\xe5\xf3+nuX\xad`\xb1T\xc4\x12\xa5\xb1Y\'\x84_\xa02\x9a].2\x93H\x84\x80\xe1\x0b\xd8\x03\xbe \xa4\x8c\x07\x0f\x0b\xb2S\xae\x8e3\x19{T\x1a\xd7N\x08J\xea\x12\xffyMe\x11\x00\x0bK\xef\xa5\x13\xdc\xae\xcb\x9dj\x1e\xa1\xee\xf1u\x02\x81\xc3z6\xec\xfb\xf5\x82YW\x03X^\xb1\xd3\x06\x03P\xdcot\xeb\xce=S\x94\xf5J\x1b\xa9\x86f\x17\x9b\xc9\xec6&gt;\x07q\xf9\xc0\xc9\xfb\xb7\x82\xdf\xdfiI\xb8=\xde\x1b\x8ci\xeaJ\xa1\xca\xdd\x05K:\x8e\x1f\xe6\xbd\xa6RkxX\xd8\xc4^)\xcbm\xae\xf6\x08\t\xed\x1es\xb5\xae\xf4\xc4\xb9\xca\xca\xcaA\xb3[\xc7o\xaf\xbf\xd8\x01\xc1\x10&lt;C\x9fRo\xae\xbe\xfb\\]#\xe4\xd7m1j:\xb5D&amp;\x93]97\x0b\t#\xf8\x00"\xd9\xea\xd0\xeaW-\x89\xe5\x8a_\xb6\'l#*\x9d+7\xd5\xa5\xe6}\xc3\xaae5\xc2I\x04,\xa1[\xaf\xad\xb6\x18\xa0%\x8c\xce\xeb\x8dm/^\xc0\\\xf6p\xf9\xdc\xfa\x8b^g\xb8uf`\x80xt\xf1f\x89q\xd05\xe4\x7fnT\x8e\xeat\x83D\xa6\x9c\xd84\xe7\xb3\x07\x82~\xa8\xd6\xa8\xc3\xd5\xf6c\xd2\x0b\x80x\xc5\xfe\xcf&amp;\xee`\x1dH\xc6B\x7f\xcb\xaa!Qx\xf9\x98\x1d\xacA\xad\xb6Yg\xf2\x98G\xb5Jv\xc9\x14t\xcdj\x1d\xd7p\xe1\xb3\xef\xa2\xe1(Tk`\xe6t\t\x99ll\xean\x9b\x9b\xeb\xaf"\x92\x95J&amp;\xb1\xcfF\x9c[\xb0\x07f\xfd\xab\xfe\x932b\x9bk\xe3N\xea\xd3\x84\x96\xec\x94k\xc7$\xaaC\xbb\xb5\xcaM\xf9\xb2\x84\xfe^\xc8\xc2\x1c\x91b\xf0\x97(0\x98\x81G\xab\x07w:\xef\x80\x86\x8a\x14\xa6\xc1\xd4n\xa98\xbb\x87\xa5RUm\xb4\x19\xc9M\xa7\xfb\xcb\xcbqL\xa4\xb9B\x06\x9237\xa0o\x05W\xb7\x86\x9a\xaa\x9a\xf4\xf3\xc6\xaf\xd3\xb0\xe2\xef\x12rr2\x9c\xc4\xb8#L\xcc\xb2-T*\x9dE\xa2_\xbaD\x11\xaaK%f\xadR\xa9Uj\x91\xa5d\xb3\x07\xe7\x1b\xb8\x06\xd3\x97\xb7\xbc\xd1\xedp\xc7\x8c\n2\xe3\xc4\xc6\x06\x98\xd3\xa6\xd3\xc0%\x97\xc9l\x00UU\xd5\x8f\xb4S\xff\x16\xb3\xab\xab\x9c\xfd\xfb\xef?\xec\xeb\xea\x9d\xec\x0b\xb2\x0br\xfe\x98p\xff\x92\xa9ZIMbgT?\xa1RX\x1c:\x9dN\xa1\xaa\xeb&lt;\x08\x16T\x81\xcd\x96\x91\xc9Z\xc7\xc8hE{\xbb\t\xd9\xc3\xed\xed\xa8j\xac5\xea\xec\xeb\x9a\xdc@F\xcf\xe9.\x1c\x0e\'v\xca\xe5ULfW`8\xe0{0T\xb4\xa8\xb92\x19\xb6\xa5c\xa54\x8a\x9cd\xacL`\x88\x7f\xf8;\x95\xa3  \xb7*T\xb5\xda\x03\xb1\xa2\x89\x08\xff\x99\r\x9440\xe0h0\xf1\xdb/\x9c\x1d\x03,gT\x05\xe5\x82\xcd\x94w\x8d\x17\x17\xd3h\x87!4\x16Y\xc5\xf2*\xa2\xbc\x1c\x99\x89\x0f*7&amp;\xac\x91\xe9\xed\xc3w\x12\x9f\x99$\x1b\xe8\xbd\x1bwT\xf2\xda3\xf6\xa9C\xe8\xe9m\x0e\x81C\xc7K\x15B\xb5Eb\xd6+\xd9\x80\x05\xa9\x19I\x81\xf3\x17\xb8\xed\xdc\x86\xcf.\x8eu8\xbd^\x15\x90z\xa3\xe1p\x9f\x18\\NLC\xa3\x15"\x01\x1b~y\xd1&gt;l\xf7-OM\xe14?O\x87o|\x94\xd4Q\x13\xc7\xe3;\xb0T\xaaC\x99\xac\x04\xfa\xe0k\x0e\x07\x83\xc7\xe0\x15B\x83\xce\xd3\xa9\x07\xdbg\x13[\xc5}\xad\xaa\x8b#\xf5:&gt;\xdf\xf4\xd7\xb3\xb7\xbe\xf3z\x91\x8fl\xc8\x97g\xa7@d\x15A\xf8\xa7\xc5D"Z!\x0e\x11\xd7$`-\x05\xd7Kl\xb4W\xd3\xe1\xdf2?\x13\xca\x8e\x7f\x96\xc8X\xad\xf4\xb8\x81\xfe\x1bG\xca\xa3\xe3\xe9\n\x96\xc1\x02aG\x0faG \xc0\x89;\xc6.:\xe6M5|S=PE\xa3Q\xef\xd8\xc0\xc0\x98\xb7#*\xa6\xc1\xda\xa4\xd1b\xf0\xe3(N\xde\xc7&lt;\xba\x80T\xeb\xc1\\\xb1\xa88\x14\x8a\xfd\xf2AvV\xd2;\xa6\xfd}lygtP\xa9\\I\xd6~\x9fk\x19C\xe1\xd1\x91j\xa9\xd5H\x06\x931q"H\xf4}\x1d\xad\x03n.\xbf\xc64?`\x03\xc5\xc3QT\r\xb4z\xa3\x9b\x9b1MH\x03\x7f\xc7\x80\xab\x08\'\x96\xe3&amp;\x02\xf6\x1f\xed\xc3\xfe\xb6\xc2P(t\xe5\x15\x80$?\xaeJLB\xd9\x19\xb1\xded\xc0B\x1f@\xff\x0bC\xe1\xe0\xf3\xe9,\x83Z\xad\x93T+\x898\xab\x88&amp;\x12\x88m\xaa\x11\x93\xce\x04=~ \xbc\xbd6\x1d\xdbv\x8a\xe1\x10\xd8h\xa1\xe9\xe9\xe9\x10@\x854\x1aZa!\xae\xa8h2`\x7fd\xf7\xadviBk\xa1\xf5\xaf\xb2R\x9f|\xed\xe7\xd9\xfd\t\x99V\xadCo\xd2\x02\x07\xfa@\xde7\x98|)&gt;\x1f\xcfR\xab\r\x16\xcf\xa8\x12\xf6\x10\xb1\xee\x856GC{EC\xbb\xa9^\xe5\x8c\xbd\xfdee3lUy\xc7Z\x05\xa2\xb5Hdz\rY\xa1\x10\xedpQ\xd1\xe2\x8d\x05\x18\x89\xfe-\xda\xf4\xda\xca\xca\x0f;\x0f\x86\xd2\xd4\x95\x15\x8f\x1e\x19\xb0P\x87P\x99\x0e\xe3\xb7R,XS:\xec!\x1cE\xc0r\n \xe7\x14W\r\x8cp\x01Kg\x9a\x97\x85Co\x7f^\xd9\xdc\x0e\xdb\xa2\xb6\xd6"\x81 \x04\x91\x11\xd6tH3^x\xb4|\xf2\xa7\x05\xfb\x92ouK\xb3\x12Z[\xb9\xf3\xee\xc9W\xf6&gt;\xd0n\x07K\xac\x18\n\x95Q]\xa9-\xe2\xa3^\x1e\x06\x8f\xa5\xb3,uj\xb5d\x94,\x17[i\x9a\xf1\xa3\xad\x0e7\x9f\xefih\xf0\xb8e\xd6\xd0oo\xd7b\xc0\x15\x8e\xda\x8aAP\xb1\xb5\x08\xe4\xfe\xc8Z\xac\xb0\xbc\xbc\x7fr\x12$\x1f\xdc\xba\x1fZ\xdb\xdc\\I\x7f\xb8\x97\xb8\x85\xef\xc7:\x94\x86\x85F\xff\xe9\x9f\x1c\x0e\xb2\x89\x96:8\x8az\x04\xab\x08wS6\xe3h\xa8i\xb4x$\x12\xf7\x8c5\xb6\xb2\x12\xdb\x84\xb5\x1d\xee\xd3\x14\xd3\xba\x9c\xb4+\x91W\xafVB4\xc1\xf8\xe2\xc6\xc6\xe4:(\xeb\xf1c\xcda\x9c5\xf2\xc9\x1e\xd6\x07\x89\x9d+;\x99\xed}X{\x93q\xff$f\xf5*\x14;X\x10\x0cK\xf5J"S\\Ed\x93gF*j\xca\xfe\xc7\xba\x19\x86\xb4\x91\xa6q\\Z\x95\xe6(-\xe9\x86\x9c\x1f\xf4K\xb3`\xe3^2\xc8J"\xce]\xbc\xca,\x1e\xdb\xcc\xd4\t\xd9\x96\xd4\xc9}\x88\xd3L[\x1d\xc8\x8c\x13d\x14\xc5\xca\xec\xa19h\xd0$w\xb5%\xa0-^\r\xda\\\x93\xd2u\xbd\xd4\xd6\xdd\xab\xb4X\xc3\xf5\xd4n\xad,\xdb\xae\xa7\xcb\xe9\xad\x16,\xc2\x1d\x9c\xec=c\xa25\x1a\xab-\xf7\x0cI&gt;\xe6\xc7\xff\xff\xcc\xf3&gt;\xef&lt;\xef\x9c6\x93\xc6\xae3-\xdf\x7f\x03bAQ\xf8\xe8\xd8\xa5\x1fO\x16:\x83\x15\x85\xf7\xc6\xe7\xc7\xcf\x16\x9e\xec\xeb\x1f\x1d\xed\x9f\xfdr``"\xee\xac\xf8pn\xec\xc0N\x07\x1d7am\xcf\xad\x14\x1b7\xb0\x8a\xbamz\x8dFV\xab\xca\x0cj\x9d:\x06P\xb0`_\xf9\xec\\~ISS\xbe\xb1\xfdh!dw\x1dV}\xf5\xca\xa9\xc7\x8f\xff\x99\xd7\xda\xf7\xab\xa3\x85\xad\xe3\xb7\xcf\x9e8qmv\xb4otxdp\x12\xb0Z\xeaGz\xdfz\xfer\xdd\xd3\xb4Xoj\xeaFr\xdd\xd5\xdb\xe4\xfdEUs\x8d\xd9x\xb5\xe0T\xc1\x99\xf6\xea\xf6\xf6\xf2.\xe8\x00\xf3KJ\x9a\xf2\xed\xae\xca`\xadG*o?^y\xe9\xf1\x8f-\xf5\xad\xce\xd2\xa3\xc1\xbc\xfa\xb3\x1f\xb7\x9cp\xcez\xbd\x8e\xe1\xc1\xc1\x85\x89x\xfd\xd9\xdbm=\x07v9\x19\xba\xc6\x95\x96j{\xad?tK\xa7\xbf\xa8)3\xd5\x90f\xc0:_\xd0\xden/\xe7\xed\xc6\x0b\xb0\xd7\xff\xf44\xec\x81\xf2\x9b\xaf\xdb}K\xac\xaf\xfcxA\xc1\xef.=\xfe\xd0\xd9\xe7\xf4b\xb5}\xce\xc2\x96\x13Og\xa7\x1d\xe1\xe9\x81\xc1\xf8\xc2\x82\xf3\xde\xed\xce\xcd\x07Cw\xe0\xda\x01+e\x97\x9d\x94\xab\xe7\xae\xee\xa2\xba\x0c\xea\x16`5\xc8B\x95\xf3(nFl&amp;\xb3\xe9\xb4\xc9f\xc291\x16[\xa2E\xbe\\j?s\xe6\xf8\'\xc1\xd1\xd1\xf0\xa8\xa3\xb1\xefd\xc5Gs\xc3\x0e\x8fcz``!\xb6T\xdf:&gt;\x93\xb9%\xd2\x0b\x96\xf1\x16\x17\xd7\x92~\xbd\xd2\xdf\x90\x9f\x80\x9b\xabH\xb3\xc9h\xaf\xbeZ.\xf1\x14b\x93\x8f\x05\x9aL\xf9&amp;\xc4D\xd1\x1c\x11\xa0\t\ne\xec\x92]\xaa\x96\\\x98\xc7\x11\x0e\x1b\xea\n[*F\xa7\x1d\x9e\xf0\xd4\xe4B&lt;\x1e\xbbV\xff\xec\xc6\x81m\\\x99{\xc5J\xf7L\xe2\xd0\x9d\x8b\x1a\x8d\xae\x86D\xcc\x17\xdc\r\xe5\xf6(\'\x98\xf4Z\xd3\xa7&amp;\xf9\x91M\x15\xc9\xc5\x08\xdcLS\x14!\xa0L3\x8a\x1a\xed\x11v*\xec\xf1\xb8*OT\x84\xa7=\x1e\xef\xf0T&lt;\x1e\x9fj\xfd\xe3|\xcfV\xa6tz\xfdl\x07\xac\xf5\xc7\xe2\x9bm\xec}\xa0\xd1\xe8\x11\x011[\xdcv{\x94\xc2\xe5i\xba\xb9\xa6\xd9m\xb4\xb8\x19\x8b\xc4\xa2"\xc9\x88\xb1(JU\xa1$I2\xbc(N\x85\x1d\x8d\x9f\x1c=\xe6p\xf80\xc7T\x8c\x8e/L\xf5?\xbd\xa3\xca\xcc\xdc\x8b\x8d;`\xed\xdf&amp;\xd7\xbe\x0f.k4e\x88\x1fG\x8c\x16\xbb\x9d\xc2q\xdbi\xe8\',\xe5\xed\xed\r\xe7\xdb\x0b\x8eb\xae\xbar\xac?\x8cI\xbc]BI\x14EE\x8e\x0f7\xba*+\x1b1\x0f\x86\xf9b1zbr\xe0\xe1\r\x85\x12\xb8\x94J\xa5r\xbbd\x99{\xc0Ji\xbc\x92\xa5\xeb;Mn\x99\x16\xb8H\x8b=*\xf8\x11?R\xd3L\x1aA\xab\xae\xab\xd5+_,\xaf~|\xcd\xf9tnn\xd4\x13\x8e\xd8E\x91\x11h\x94\x9f\xf2a\xb03\xf3E\x1a=&gt;:6\x11\x9f\xfc;\xfc\xbdJ\xa5JeJrm\xc9\xb0\x8c\xdd\xb9\x92&amp;\x1e\xfe\x87F\xad\xb6\xda\x10\x9c42\x0c\x8a\xd0\x02\n\xf5\xe1\xdc\xb9\x0b\xd7\x7f-\x8f\rV\\\xcb\xcb\xcb\x95\x10\xf0\xe5\x89\xf8\xf8(\x85\x8a&gt;\xb6\xd1u\xdc\x80\xb1,\xbb\x86\x15\x7f\xa1R\x15\xc9G\xa1\x81K\xb9\x8b\x97\x19;\xc7\x96\x9c?\xfc\xf5E5pi\x11-\x8e\xf2\xb4_\xe4\xa2\x12I6S\xd2\x804\x19\xe9p\xb9V\x1a\x1d\x86\x82/\\+\xbf\x87\x1d\xf5q\x0f\xcb\x0b\x02\'\xd2\x9eJ\xcc\xc7r\x1c-\x8a4\x1d\xbf\xdf\xabP$\xb0vO\xaf\x9d\xc5\xda\xbab\x1f\xfa\xc3\xe7ju\x8e\xde\xa6\xb5!U\x0c\xc3\xc5\xa2\x92\x81\x0f\xd1\xf1\xe9\x87\x83\x9dm#c\xaf\xc6\x9f-.\xce\xcf\xcf\xcc&gt;k\xeb`?\xeb\x92x\x86D\xa3&lt;\x86\xb1\xbcHqQQ\x9c\x08\xc4\xef\xf7\x00TR\xad\xadrm\xad\x12;J\x95\xba7\x93\xb9\x1e=\x00\x17\xd56\xf9i.\xc3\xd3T\x94uU\x829\x93\x9d#ccc3\x8b\xaf\xfe\xfd\xb2gf\xf1\xc6\xd0\xe2P\xe7\xcdX\xf3u\x8c\x8dr\x80%\xb1\x1c\xcfq&gt;nb"\x14\x7f\x02\x16\xcagV!2\x95\xbb\xb8\xb8\xb3Z\x19\x19[\x1a\xaf\x9f_.\xce\x01\x17\xcb\xca\xcaL(d\x16/\xb1\xae\x82\x0e\xc97\xf8\x97\xb6\xb6W3\x8bC3\x8b\x8b\x8b\xf2\xcf\xd0\xc3\xce\x01)h\x88\xf0\x1c\x1ba\xa3&lt;\xc5\xd1\x1cK\xd3\xa1\x89\x89\xbf%\x0e\x1d\xabT\xf21\xed\xcc\xf7\xc3\xdaT\xbc\x92\\\xfbz\x9e\x17\x83Z\xb03\xb3\x9a\x04\x0e2\x87\x95\xca\xabWVV:&lt;\xc3\xc3mcCCC33\xf0\xe9|us$\\Y\xe75`&lt;*a\x11\x86&amp;8\x8ab}\xb1P|\xa1w\x03+y3*\xff\x1fXY\x8a[\x9f\xc3VQ]f-C\xaa\x04\x0e\xe5Y\x96ww54\x00\xd9O\xcbs\xb3#\xf3\xf3#O\xfb\xe7\x82\xcb\xcb?-\xd7\xe5y!\xa9\x04\x91\x15E\x0e\x07.1&amp;N\xc4\x9f\xac\xbf\x94\x908j\xaf\xdc\x96\xfa\x89\xd2\x95\xb9G\xac\x8d\xe9\xd9\xbe_&gt;\xd0C\xd2\xab\xadj\x1bN\x08\x04\xc3\xb3v\xc6\xd2\xf5\xd7+@\xf5\x9f\x8d\x802\xb1\\Q\x17\xacuH"\xcd\xb3\x1c\x8d\nT\x8c\xf2\xc9&amp;~[\xb4\xe1\xe1\xda\xdd\xa8L\xebdR\xb6\xbd\xaa\x05z\xed\xeb\xfdA\x1ed\x00V\xbe\x19\xc7)\x9e\xe1\x19\x14\x16\xa2\xea\xf3\xbf]^]u\xde\xfb\xe6\xf6\x7f\xc7\xef}\xbf\xba\xbaZWW\xe7\xcd\xf3\xfax\xb8\x019p\x90\x13\xe1\n\x85&amp;^\x14e+\x8a\x12h\x89{1m\xa1H\xfe\xbc\r\xeb\xc8\xc1\xd7)\\/\xbf\x82NpmjP\x06\x8b#\x17\x8d\xa2\x0c\x8a\xba\xddl\x87+h\x08\x96\xce9\x9d\xfd\xad\xfd\xce\xfak\xa5\xb5\xb5\xb5u\x1e\x8fHA\xb1"\xc0B\x8e\nA\xdc\xbf\xa1X\x8f\xb5\x1a\x91\x88\x9d\xf4\xcax{\xa4n\xce~\xf1@\x1e*\xcas\x03\xab\xd6$\x8f|\x8cF(O(\xcf\xf14#\xfa&lt;&gt;\x9f\xc7\xd3X\xeb\xad\xad5\x04\x1b1_\x94\xa3hB\xa0(\x81"\x08"\x10\x7fT\xb4\t+Y\'\x14*Uz\xb4\x03\xbbSmZ\x1b_&gt;/\x96\xa7QM\xf0\xa5\xd7\x0bd\xd4\x0e\\$\t=\x98@\xf8\xc5%Q.\xfc\x98\xc1`\xa83\x18\x1cS"\x15\xe38\x02\x07\xa6@\xc0\xdf\x1dx\xf2\x81J\xb1q\xda^\xb9\x01\xa8J/\xd9.X\xeb&amp;&amp;\x1b\xc2}/\x1e\xc8CEyrg\xd5\xe2B\x94g\x18#YU\x03\xed\x96\x80\x83e\x14\x8a\xda\r\x86\xda\xa0\xb7\xd4\x80\xf9h\x9c\x0b\x84p$\xe0\'pPk\x02\xc4\x92\xdf,I`\xa9\xde`\xc9\xb55Md\xecE\xae\xfd\xebr\x15=W\xe7\xc8.\x02\x96^\xe7\xa7P\xb7\x91\x81.\x02\x8d2(\x87\x8a1\x81\xaa\x92\xbc^o\xd0\xdb\xe7\x88\x88!\x02\xc7\x89\x00\xe2\xf7\x07\xb4\xdd\xa1\xd0\xbfz\x8b\xb6\xbc\xca\xf1\xc6\xd1\xf7\xc0:\xb8\xb9\x1f\xdc\x9fu\xf8+\x8d|3\xe66\xe5\xaas\xad\x08\x82\xba-\x16\xa3\xc5\xc20"/P,O\x1b\xedX\xb0\xb4\xae\xd1;\xea\x8bQ\x04t&gt; \x13\x8e\x10:\xc0\xfa\xb6G\xb1\x03\x96"\xad\x8f\xef\x86\x95\xb5v/\x82\x89M\x90]Z\xad\xe0\xb6\x97\xbb-FhV%7\xcf\x8a&lt;\x1bq\x04K\xf3\x0c\x98gI p\x1d\xae#t:\xbf\x16\'\xfc\xa1\xfb\x8f\xd63+\xf1\x8e\xd0\x1b\xa6\xb5\x95\xe8\x9d\xb1R\'\xb3Y\xfb\xffTl]S\x0b\xe4\xb2Z\xb5\x02coh0\xba\xed\x8c\x11\x8bxXZd=\xde\xd2\xbcRh\x1b(\x9c\xd0\xf9\xe5q\xb5\x16&gt;\xdd\x04=xG\x91\xc8\xabmZ)\xde\x0f+\xe5\x81WV\xd6\xd7\xc5\xf2\xacS\xc6\xca\xb5\xaa\xb5\x02\x89\xda\xdd\xc6\xb5\xde\x9d\xc5D^\xf49\x1c\xb5\xa3\x86H\xc4G\x11\x01\x1d\xf0\xe8A1\x9d\xb6;\xb0p\xb37{\x03+;\x1d\x96\xf2]\xd5:\x92\x82\xf5gH-9\xeb\xc1\xc6\x1c5t^&amp;\x81$\x11\xb8\x15aO\xc1\xa1\x1c#u@\xeb\xc0F\xa9\x90_\xa6\xd2Zu\x10\xdd\x81\xa5\xe9/{\x15\x1b\xe5!{+\x982Mv\xed\x8eud3\xd6s\xf90DN\xceZv\x15\x97i\xf56\x04\xa2\x19\x81\x9aJC\xddD\xf9\x0e\x89\xb7DI\x04\x01\xa6n \x03\xa9\xbaCKS\xc37o$\xb1\xb2\x93f\xa6`\xa5\xd1+c\xf7\xd8\xccuW\x93\x9b\x9b\xf0\xb0)Wc\xd5\x97Y\xb5Z\x9b\xa9\n\xe1H\x1aJ:A\xd3\xbcP%\x90T\x15\xa2[\x8bn\xb8\x02KSaY\xad\xado]n\xc3J!\xdb\x0b\xd6\xc6\xd0%+\xeb\x07H,y\x84\'\xa3\xc9=\xa1^\xaf\xd5\x83^8M\xfb)&lt;@\x0b\x1cn&amp;HJ\xc0q=\xa8\x05P\xba@\x0cv\xfa\xc3\t\xac\x1dj\x84\xea\xfd\xb0^\xbfN47\x07\xa1n}\x07X%%%\xf2\xba\x08\x8a\xe9\xa1\xd8[\xb5\x01\x84\xc0i\n6\xb6\xb0 \xe3\x08\x12\x80b\x85\xcb\xa9\x15\x00\x1b\x89\x98\xcf#\x9f\x0c\xbc\x93\xbd\xed\x8d\xbd\x942\xa1R\xa9R\xd022\xf6d\xa3\xacTV\xcf\xa3[\x97srK\xe0\xfaM\x02\xcb\xaa\x97\xaf\x80\xdf\x8f\xff\x8f\x91\xf3\x8di2\xcb\xc28\xa2TjfZ\xa7-\x7f\xdaNI)\xb5\x14(\x90mK\xa5C\xb1\xa9\xa5\xd3\xea\x00\x89\x84\x08ZI\x13\xc6\x95A a\xadL\xb3C0\x90\xd2/\xa6\t\x01\xb4\x99\x844\x11\xa4\x05\xc3\xee\x14L\x88Y\x97\x84\x81\xe8h\xfd\x80Kv?,\xc6\x01\x12&amp;\x9a,\xd1@4j&amp;\x13\xb3\xcf\xb9\x15\x05\x04\xe4\xbc\x96\xa01\xe9\x8f\xe7&lt;\xf7\x9c\xf3\xbe\xdc\xdb\xabeW.\x96\xdf8{5\xb7\xec\xc6\x95\xf2\xf2|\xa2\xc2u\xe5l\xd3\xd8e\xc2\xba\x0b,\xee\x16\xe7g\xdf\xeb\x15C\xfb\xc0\x15\xb7K\xae\x84\x85\xc9\x89\xe8\xcc\xcc\x9d\xd4/\x1dP\xeb+G2\xdb\x80\x90\x97\x9c\x95\x9c[v\xf5\n\xd4)\xcf/\xcb?s\x03\x8d9\xb7\xac\x9c\xbc\x9e\x95GT\xbd%mm\x86\x9f\x1e\xdd\xbd7\x14\xe2p\xb7\xc7\xfab\xc3\xc0\xb3K,\xac\xc6\x84\xd1\x99h?\xb0|\x0e\xe4\x90\xd2\xe8\xf8\x12s}j%\xac5\x93\x95O\xbbV\xae\x94\xa1\xcf\xdc\xc8?\x93\x0f\x91b\x86\xbfAZ\xb5a\x9a\x80Z\x0f\xc7\x85B\xfd:\xa4M\xb5~}.\xd9\x8c\xbf\x1b\xaa8A\xc2Bt&amp;\xea\xf3\xf5\xf7w8\x98XL/\xaa\x14\xfd\x95(\x9aP&amp;\x8b\xbc\x9fu\x15\x9d\x06e=\x17\xff\x92U\x8e\xa2?\x06\xadJJH\xad\xc7\xa3\xc3\x1b\xb88\x9bL\xbfiD\xdc\x9dZ\x9f\rO\xccG\xa3\xbe\xc2\x8e\x8e\x8c\x0fX\x0e\x1aS\xa9\x05\xe5&amp;\x83\xe9T%f\x8a\xfe,\xca]\xae\x0f\x84\x18t\x00u\xd9`@\x12\xbb\x1e\xdd\xbdM\x87\x87C[rq&gt;\xc2\xdam\x12\x13"\x13\x13\xf3\xf3\xbeB\xb6M\xf7=V\xd5Q\xd4\xfb\\\x94/\x07\x15\x8ad\x07\x14\xcb\x03\x1c\x18\xb3\xca`\xab&amp;\xe8dhs\x1a\xe0\xad\x9f\xef&gt;~\xf2X3\xa4\xd5\x8a8\xfc\xcd\\\x9b\x85\x8by~7X\t\x0b\xcbss\x13O|\x19\x19\x19G\xab\xd6\xb0b\\\xc9He2]\x14\x8e\xbc\xcad6\x88]\xfc\xcb\x85\xde\xa6^L\x84\xce`[s\x0c+\x1aA\x1a\xb5Z\xee:\xaaw\xbd\xe8\xa3b\xb1K\xb5\x04\x8b\x91\xc8\xd2\xd2\xdcDGj*\xb0\xaa\xaa\xd6\x04#\xaeJG*\xad\xc9B\xda\x15\x84\xa1"##/\xebJ\xf9\xc5\xba\xce\xde\xa61C\xad\xdb\x1d\x0c:\xdb\x18\xd6\xdfg\xe6\xc3\xe3\xaeDm\xe2\x07,6\xaer\xb7\x9a\x0b\x11\x9f\xf6{\x9c 07\x1d\x9e^ZfX\xc4U\x15\xc3\xaa\x02V\xd5\xa9#\xa7\x1c\x0e\x07n\xb5q;t\xf4H^\xe9\xc5\xa237/4\xf5\x8e\x95\x18jq\xaf\xe1\t:\x9dN\xc3\x03`\xf5\xcfL\x0e\xd3\x8eS\xc0\xf0\xd7\xc9\xb5\xe5\xb6r\xbe\x98\x00\x00\r\xaaIDAT\\(\xda\r\x96\xe0\xfe\\$&lt;55\x1d\xc3\xca\xcc\xcc|\'X\xd5W\x0e|\x97Y\x8a8r\xe4xf\xe6\x91\xd2\xc6vzJ\x83\xbb\xed\xb1\x18\x95\xc7m\x0b\xda\x9cm(\x10\xbf\xdd\xbe\xd3\xbf&lt;\xec\x12\x1dH\xd4\xeb9\x9b?\x97`s\x16Q\xc4\xbe\xf8t\x0e\x17\x97"\xd3S\x01\xebT\x04X\x95\xa7\xd8)\xf8*&amp;\x19\xd4\xaab4\x8d\xa5\xc7\x8e56~{\xbe\xa2\xee\xe6\x85\xde\xde\x92\x92\x92f\xa2\xea\x82Z\x8a`\xb13\xe8\x06\xd6\xad\xbc\x8e\xff\r\xbb8\xb8_\xfe \x17g\xbb1z\x17X\x02\xc1\xe8\xdcR8`\x1d\xb5N\xdf\x89a\x1d?\xce\x8e\xe7W\xb1+3\xf38\xfd\xea\xb3\xbd\xbd\xfdpEM\xe7\x85\xb1\x92\xcb\x86\x12*\xecnw\x97\xd9\xe31\x83\xcai\x08\xfe\xf4\xe8\xd1\x7f\xb3\n\'q\x97A\xb7\xcd\xc4\xc5\xdf\x99K$\xfa\x04S\x9c`(\x02\xb1\xac\x83\xb3\xb3S\xbf\\J\xcd;E\x9fb@G\xcf\x11\x99\xb1\xcc\xd1\x9e\xdd\xc3\xb8\xe9\xef\x1c\xc3\xe4\x8cBu\x99*\xa8\xc7l\xf6\x98\x8dnzji3\xd4\xd6\xd6\xf6\x9eH\xfe\xd7\x10\x87O7_\x0ck\x8b\xc3\xf6\x1b\xe2S]\'~*Bb\xf9\xbd~k\xf4RF\x1e\x98JK\x8f5\x96\x96~\xf7]\xe91x\xaa4\xf6X\xb7\xa2\xc6\xdeIJ\x01\x00\xeb\xaf\xcd\x10\x1c1\x8f\x98e\x1e\x8f\xcdf+\xb69\x83\x86\x92\xa6\xa2\xca\x85\x10\x8fG\x8fj\xf4\xb4\x04\xf9\x1f\x1bl\x03\xdb\'\x06\xadP\x00T\x10\xcb/\x97\xfb\x97/\xa1P\x92&lt;\x8d\x8d_7\xb2(-\xfd\x96\xf6[C*{\'\xfcd\xa8e\x97\xc1\xe0t\x8f\x8c\x8c\x98\xcdF\x05\x1c_\x8c&lt;\xb65\xf7\x14]\x1d\xd6\x03\x0br\xe9]\xfa\xb5&lt;\xf2\xb7\xedF;J%\x10NG\x98\xdf\x07\xbd\x1a\x93&lt;|)\x0b\x13\x1f\xbc\x8d\xbc}\xdf\xfe\xfdy\x18\x8am\x02\x07\x94\xbd\xbb\x07\x12\xa1)\xc3\xe9nC\x9b[62"C\x1a=\xc1\xe2b[\xb1\xdabi\xee&gt;|+\x85\xc3\xe3\xb3O(It\xb9\\\x9c\x9d\xfd\xb5#\xd6g\x8bS\x8c\n9\x94\x9bT&amp;\x7f!\xed\xb9e\xfe&gt;\x0f?]?|\x9e\x99\xca\xde\xd0`o\xe8i\x86\xcf\x1ftu\x99\xbb\x0c\xf4\xbc\xc6,\x93\x99\xbb\xc0es\xda\x9cN\x86Uw\xcf\xc5[\xc3:\xa0\x15j\x19\xca\xf6d;\xd4\xab\x17\xf1\x81pd)\x10&amp;\xb1\xe4*\xa9T5\x8fy\xef\xc4\x89\xf6\x13\xc09\x7f\xbd\x82.\xa6TgOsO\xb3\xc5\xe2\xa4\xf5g\xeer\x9b\xddFP\x81Ki\xf6(\x14\xb6\xe2j\x86\xf5|\x98[\x10\xcf\xe7\x88\xd8C\xb5\x03Z\xad\xd0\xb5y\xfe\xda\xd0\x8av\xc8`\x82uij)\x00\xad\x06\xfd^M\x9a8I:\x8d\xbe\x82{\xc2\xc3\x14\x15\xd7Z[[\xae\xb5\xb4B\xab\x9e\xe6\x926\'\xca\x93\xfbA\x97\xbb\x0b\x9er+\xcd\xa4\x96R\x06s)(\x89jK\xb6\xfd\xb6\x90\xf79\x8fO\x0f\xde\xf6\xc5N\x17\xbck\x8f\xfc\x8d\\k\x9am\x8f\x15\x9a]\x9a\x0eLYA58(7\xa5IRR\x16\xca\x8b\x8a\x8a\x18\xd4\xf5\x96k\xad}}\xf6&gt;\xbb\xbd\x81\xb6\xc5\xb69\x83N\xd4t\xe4\x90\xd5\x05\xb3L\xa7\xc3\x1f\x9d\xc7\x93Cr\xc1\\\xd9\x9d\xe3\xa2\xf8\xcf\xe3\xf1\xae"\x0ew_l\x93\x01\x19ls\x1e\xb9k\xb9\xdc\x0ek\xc8\x8a\xfe\x1c\xb6\x0e2,?a\t\x0f\x8a\xff]WWTTA\xc1dj\xe8\xeen\xe8\xae?}\xda\x02\xa9r\x8c@\x82\xa9\xccn\xca ^:\x99\x8c\xa8\x14(\x11\xd5\x96\xee[B~B&lt;\x9f\xcby\xf3\x0c \\@\xedC\x1b\xc2`\xc8\xdd\xc2b\x9c-\xb0\x04{q-\xde\x0f\x84\xc3\x13\xd3\xd3\x01?aYi!\xa6\x89\x0fj\xb5\x93u\x14pTKK+Q\xd1\xb6\xb7\xfa\x9e\xd3\xd9Ng\x8e\xc7H\\\x04\xa4\x93Q\x12u\x032\x99\x11X9L\xad\xceq=m\x8c\xe6\x88^\xbe|F\xa7\xd9a0\xfd\x1e\xe1\x81\xc4\x94\x14\xad\x9e\xbf\xfeVm[\xac\x17\tC\xb3\xc8\x9dup\x02\xf5\xca\xef\x1fdI\xf4jT\xe2C\xfb\xb5\xb3u55u--u5-\xad}\r\rl/\x1e\xa2\xd9\xa2.V\x18\x8dF\xa5N6\xa0\x1bP*sd\x03\x03\xd0Jf\xa4\xddnpWuu\xcf\x7f\x86 V\x01\xc4z\xfakh\x88&gt;]\x82\x9b\xa8\xd7\x1eJJri%\x87\x84.\xee\xc7\xe6\xdfL\xc5\x1f\xa7\xb4\xf9Mi\xd6y\xe8\x84\xe2\x0e\xa8A*\x10\xe2$\xad^{\xb6&amp;\x16\x84\x05\xad\xb2-D\x96mQ;\x15J\xa3\x91%N\xa9\x84\xa9t$\x99\x0c\xa49d\xaej\xb5\x1d\xd5!\xbe\x80\xcf\xd5\xbfz\xfaj(:\xb5\xc8\x8b\xe7\x8bD\xc2$\x89D,\xd9\xef\x92\xa4\xa5\xa7\x84\xb6\xc1\x12\xc4\x16_\xbc\x89\x16\x9e\\"6\xf9\xc3Q\xf0yM^\xbf\xdf\xff\xf3[\xca\xa2D+\xd2\xff\x03\xf5\xc0n\xafi%g\xd1\x0eA\x8b%;\xbb\xbe&gt;\xdb\xa9\xb6\x01\xc0\xa8\x04\x0b\xf3\xfa9\x19\xf11\xac\x1cx\x1ebqy\x94\xc2g\xbf&gt;}3z\'\x1a\x02#G\x7f(I"\x16\x8b\xa5R\x89$e\xff\xa2^\xbf\x9dZ/\x04{\xc7\xa1\x8f\\.M7\xa1\xd5,\xfdh\r\xf85&amp;\x8dW\xfe\xf0\xf5\xebQ\xbf\\%NI\x14\xdd\xafi\xb5\xd7\x10\x17\x13\x8bt\xb2Xh\x9f\x86\xda\xa6p\x16+r\x14J\xf0\xe8\x06\xce\xe9t\x7fbTJ\x0f\xe9e\xbbpO\xe8*(\xc0\xf8\xf0\xc7\xd3\x97\xa19\xdf$\x97\xc7\xc7\xdf\x92\x92 \x974==]*\x96$\xe1G\xd6\xaf\xab^\xdc\x0f\x15!!\xe4\xb7z\xe5\xe9\x924\x8d\\.\xf7\x0eF~\x0cX\xe5\xa6t\xd3l\xc4\xff\xfa\xf5[T\xaetd1\xf4\xdc\xce\xa2\xd5\xde]\xcf\xb2gQ\xc7\xc0\xb2\xd5h3\n8Lf\xd6)e\xec\x94\xa2\x11\x95\x82\xe0r\x9a\x9f\x8f\x0by\xf1&lt;\x8e\x88\xfb\xf2\xe9+\xfd/\xbe\xc7\xd4x\xb8P\x8b\xc9\xc5B"I\xd2\x87\xb4\x9c\xb5\x87M\xc0\x12\xb0\xe0\r\x8dk\x90(&amp;\x14\x85\xd7:73:\xabQ\xa5\x05:\ng\xdf\xae\xbe\x9eE\x9d\x97`=?dL(WD\x95}R\x8dZ\xa9V\xa3\xbd \x9d\xd5\xc56c\xcc\xf8\xe7\x06@\x05"\xa5\xd2\x8co\x825\xb7\x878\xa8\x0e|\xee\xb3\x95\x957^\x9fo\x98\xbdw\xe2A\xf2\xd6Z@41\x96\xa5\x0bm\\\xc4V\xa2\xe0\xc5\xe2\xf0\xb8I%M\x91HU\x1a\xb9\x97\x90\xf0\xf2[\x97g\x16\xd0\x9fU\xde\x8e\x8c\xc8\xe8\xea\xeao^\xb9Iz\xc8%r\xfd\x93\xb0\xfa\xec\xdd\xb4\xf54\xdbRmS\xd8\x9cj\xd6\x8eO\xaa\xd5\x8a\x1c\x90\xc0^\x7f\x1e \xbb\xc3\xf3\xe43e\xf3\xcd\xfb\xa1\x84\xbd\xf1(\xf1oVV\x9eM\xfb\xa2|.\xa9\xb5\x87\xd4"\xd3\xe3\x82\xc3\x10\xe9*\x93*M\x9a$\xa4\xdf+\xc4-\xde\x1fW\x994\x1a\x8d\xfc]x\xd9\x17\x7f\xe0\xc9\xcc\xa8W\xa3Q\xa9\xa2\x85Q\xcd\xef\xab\xbf\xcb\tk\xcf&gt;\xfd\xed\x86V\x18\x9eN\xb4!\xd46x\x07\xcd\x98\xc6\xaaj5\xca\xc47\xe4y\x19\x1c\xcf\xb0t\xba\x81\x81\x01w\xcd\xad\x14\x1e\xedF.\xe0\xff\xb1\xb2\x12\x9a\xbb\xb3\x8c\xe2\x80w\xa6\xfa\xc0\xb8XH\xe9\x95F\x1c\x1aTn\x177nV\xea\xf5{\xe5\xc0z\x0f\x06*\xef`x~&amp;,\x97kL\xa6\xa5\xc2\x8e\x85\xbf\xad\xae\xde\xa3\xff.\x14q\xc7\x9b\xfa\xc0\xd5PO\x8b\xf0$\xb0\xe0q\x14r\x05\x03\x83v\xdf\xc8X\x12!Z\x0e\xb0~8\xf7\xc3H\xc9_\x879\xb1\xe3\xd1\x05\xafV^\xf2\'|\x93z\x0c6\x07\xfe_\xc6\xf9\x85\xb4uGq\xfc\xeajc\xd2\xcd\\z#\x17\x13\xb4z\xc9\r\xc1\xf8\xd0\xdc\xe8h\xc00\x86\xf5)\xb0\xf8\x14d\x0f\xcd\x06\xbb\x17\xfa\xb8\xf5\xa1,\xa3\x0f\xadu\\:\xc7\x18\xa3\xcd\x1d2\xc6\xa4\xf9\xd3uL\xb7b\xcb6-(!\xd5=l\xd8\xadBY\x9</t>
        </is>
      </c>
      <c r="M61" s="3" t="n">
        <v>45492.67622685185</v>
      </c>
    </row>
    <row r="62">
      <c r="A62" t="n">
        <v>152098</v>
      </c>
      <c r="B62" t="n">
        <v>1957</v>
      </c>
      <c r="C62" t="inlineStr">
        <is>
          <t>Igor Coronado</t>
        </is>
      </c>
      <c r="D62" t="inlineStr">
        <is>
          <t>Igor Coronado</t>
        </is>
      </c>
      <c r="E62" t="inlineStr">
        <is>
          <t>MEI</t>
        </is>
      </c>
      <c r="F62" t="inlineStr">
        <is>
          <t>MC</t>
        </is>
      </c>
      <c r="G62" t="inlineStr">
        <is>
          <t>MEI</t>
        </is>
      </c>
      <c r="H62" t="n">
        <v>170</v>
      </c>
      <c r="I62" t="n">
        <v>77</v>
      </c>
      <c r="J62" s="2" t="n">
        <v>33833</v>
      </c>
      <c r="K62" t="inlineStr">
        <is>
          <t>Right</t>
        </is>
      </c>
      <c r="L6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b59b09-ed75-4207-be42-b5b135c270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j3\x97\x00\x00\x03\x00PLTE\xff\xff\xff\xeb\xe9\xe9\xef\xed\xee\xec\xea\xe8\xee\xed\xec\xf6\xf4\xf2\xf3\xf2\xf2\xfe\xfd\xfd\xf5\xf2\xef\xf6\xf3\xf0\xf3\xef\xed\xea\xe7\xe6\xf4\xf0\xee\x0e\x0b\x08\xf2\xee\xeb\xf8\xf4\xf1\n\x08\x05\xed\xec\xea\xd5\x9a}\xf7\xf7\xf6\xf4\xf4\xf3\xf2\xba\x92\x14\x0f\x0b\xd6\x9d\x80\x16\x13\x10\x10\x0e\x0c\xe6\xe2\xdf"\x1d\x19\xf7\xf6\xf4\xef\xef\xef\xd8\x9a}\xe2\xde\xda\xe9\xe5\xe2\xd2\x97}\xf1\xf1\xf0\xcc\x90y\xd8\x9e\x81\xb6uX\x1d\x1a\x18\xcc\x99\x81\xbc\x7fc\xfb\xfb\xfb\xd3\x98x\xef\xec\xea\xc4\x84a\xcf\x9a\x84\xff\xff\xfe\xdb\xab\x8e\xcd\x8ek\xd0\x94{\xda\xa1\x83eD5\x19\x17\x14\xe0\xb1\x99tP&gt;\xcc\x8ft%!\x1f\xca\x8ad\xcc\xa3\x8dC2)\xd4\xa9\x95\xcb\x95umK:\xec\xac\x82\x1e\x14\x0e\x84WC+ \x19fI&lt;|XF\xbd{^\xc5\x86j2%\x1d\xf4\xbd\x99\xc1\x86g\xc2\x8al\xa8mQ\xafsWK9/\xdb\xa6\x89\xd2\x90o\xb8{]\xea\xab\x8b\x05\x04\x03&lt;* \xe9\xaf\x86\xb2x\\\xd7\x96y\xcd\x93n\xd4\x96p\xa7q[\xd1\x92u\x94_J\xf9\xf9\xf8\x9acH\x82]K\xc6\x90p\xaa\x85r\xdb\xad\x96\xeb\xa7v\xc9\x8bp\xc2\x80c\xee\xb5\x92\x8b^I\xc3\x9b\x86\xd3\x9c\x84|Q=\xe4\xa7\x88\xd3\xa5\x8f\xc1\x7f_C,!T@5\xca\x87j\xa0sZ\x8bcPwUC\xd7\x9f\x87\xdf\x9d\x80\xd1\x8a^#\x18\x11oPAK1%tC.\xcd\x9e\x84^@1*\x1a\x12\xc8\x84c\x9fydY;-y^R\x84O:\x9aeP\xee\xb1\x8d\xed\xab{\xe8\xb6\x9b\xea\xb1\x95\xe8\xa8\x80\xc2\x8at\x8cYC\xe9\xaf\x91\x93eN\xca\x97|\xdf\x9ew\xe1\xa2\x86\xac}d9%\x1a\xb5\x86owI5\xd9\x95s\xbf\x8fs\xa3hL\xbb\x84hR7*\x98lS\\E:\x8dpb\xd1\x9e\x8a\x9eiO\x98q\\\x7fK4\x8cU&lt;\xd9\x8fb\xe2\xa8\x91\xef\xb1\x85\xb0\x82j\xaax^pVK\xa1lU\xc8\x9f\x89\xa1aF,(%\xb5~dmF1\x95[B\xc4\x98\x7f6,&amp;\xaahL\xe2\xa2~\xaa_V\xb0\x8aw\xdc\xd7\xd4l?*e;)\xb7\x90|\xc4\x92y\xdf\x99u\x92kW\x89iY\xf6\xc4\x9d\xd3\xa4\x891\x1e\x15\xbbmd\xe7\x9ep\xda\x9br\xe2\xae\x8f\xe0\xbc\xaa\xd6\xae\x9b\xbb\x8bp\xcf\x8aj\xd8\xb3\xa4\x81fX\xafnS\xb1dZ\xa2\x7fmc6#\x98zkhPD\xde\x9f\x8c\xc0wV\xe1\x97g\xd2\xcf\xcd\x92\x8a\x84\xe3\xd0\xc9\xea\xa1{\xc8\x80YS-\x1d\xbb\x95\x81\xafxb\x9b\x95\x90\xad\xa4\xa0[3 J\'\x17\xb8oP\xf9\xf6\xf3\xe1\xb6\xa3B\x1f\x11840C?;\xeb\xde\xd9\x84la\xa2ZR\xf5\xe9\xe4\xe2\xc6\xbb\xd9\xbc\xb2\x81|w\xcb\xc3\xbf\xe7\xd8\xd2rnj\xb7\xb3\xaf\x98SL\xea\xbb\xa8SNIgaZ^WR\xb5\\D\xc1tq\xb6t^\xaf\x99\x90\xb4V;\xbe\xba\xb7\xc7\xa5\x99\xd3\x87x\x8cKD\x8c?*\xcfxf\xc7\xb0\xa7\x812 \x05\xcb\x0fj\x00\x00 \x00IDATx\xda\xcc\x98kLTw\x1a\xc6\xa5k\x9c\x0f\xddI\xa6\x02\'\xe7x\xbc\x05wO\x19C\x0b\xcaa\x18\x18\x17\xc6\x19\x96\x01\xda\xb1\xc0\x80\x80\x02\n\xec\xe0BwX@\x81\xb1\x8c@\xe52\x15\n\x0c\x04\xb9\xd8z)\xa0t\xb0P\x02jE;\x01\xa2\t\xa6)*\x04\xb7\x0c\xeef3\x93~\xc1\x0cY i\xc2\xc7}\xfeg\xd0\xed\xf7=h_\x98[B\xc2\x8f\xe7y\xde\xf7\xfd\xff\xd9\xb2\xe5\xff/\x89D\xb2\xe5\xb7U\x12\x89\\\x9e\xe9\xeb\xbbSN\xden\x91\xfcF\x98$\x92\xb7g\xd7\x17\x9d\x8b\xce\xe5\xd9\x1d&gt;\xbe\xe4\xb3\xe4\x8d\x13\xa1\xe4\xbf\x1f[v\xae\xb9\xdc.\x97{emiq,S\xfeF\xc1$r\xdfm~\x01;\x16=k+++.;\xcb\xf3\x14\xc3+]n\x8fs\xd6\xc7\x0f\\\x927$\xd5\xdb\xcbN\xe7\xdc\n\xcb\xd04M1\x8c\x94ad\xc92\x86\x05\x9eku\xee\x85\xcf\x1b\x91\x0c\xde\xfdn}\xd5mgi\x86\xa1yJ\x96\x9c,\x93I\xa52&lt;\xd1\x1c\xc3P\x94\xcb\xb3\xbe\xeb\xf5\x83I\xe4[_,\xb9\x954\xc1\x91\xf2J%G\x01\x88\xa1hJ*\x95R\xb4T\xca\xf0\x9c\xdd3\x9b)y\xcdR\xf9.\xaf\xba\x87y\xd8\xc7\xf3\x8c\x94\xb6\x0f\x0fs&lt;\xc7\xb1\xacR\xa9di\xa2\x99\x8c\xa1\x18z\xc59\xb6\xf3u*\x96\xb9gy\x8dW\xda\x95&lt;O\xf34\xb0\x94\xc3v%\xcb\xd2&lt;\xabd\xf1\x00(B&amp;\x85\x8a\xec\x8as\x87\x9f\xfc5qI|\x16\xd7\xc0\xc1s,\x1cc`\x1bMtbY\x8e\xc4\x8c\xa6@J\t!\x93I)\x8a]u\x8eI^\x8f\x81~\xebn\x9a\x91\xd1\x1cOH(\x14M\x0cT\x92by\x86\x84\x8d\xe0\x122\x8a\xa69\xfb\x92O\xe6\xe6\x1b)\xc9\xdc\xebt1\xe8\xb9d\x04\x1c\xe6\xd1H\xba\xe0$\t&lt;\x04\xe4\xc0\x95\x9c,\x15\xba2\x99t\x01\xaf\\z\xb1m\xd3\xb1\xe4\xb3K\xacT\xc6\x90\x96\x03\x86\x9a\xc5\x07\x1a\xe61\xa4%\xc1\x86\xf72\xc2%\x13\\$/\x14o\xf7,\xfbm.\x97&lt;\xe0\xc5\x9c\x8b\xe7\x91"XG\xba\x0e#\x81b\x04m\x88:\x0cE\xde%{\xf5"E\x86\x19\xb8V\xd675\xf7rt \x86\x15\xc3qD0\x8e\xcc\x02\x0c(\x14/dL*\xa3(\x19\xc5\xc8\x08\x18\xd1\x8a&lt;\xc9HG(\xd7f}7\x8f\x0ba\xf7\xd81:1\x16\x18`\xd1\x1c\xe6\xa6\x10yV\xa3\xd3i\xca\xcb\xd5\x14\x99\xa4d\xa2np\xc9(i\xb2\x94\xf0\xb3k\xcb\xdb6\xab\x03w\xcd.\xba9N\x98\xa0\x0c\xd1\t}F\x86\x81Z\xad\xd6\xe8\xf0U\xaeV\x97[,jJM\xb8\x84h\t\\\xc4E\x96cW\xd67gw\x03k\xdd\xc3\x92xs.\x97Rh=Z\x8dq\xa5.\x07\xd2\x06\x93\xcdd6\xd9\x1c\x02\x1a\xf1\x94\xd0\x91\xd6\xe0\x94\x1cg\x9f\xdb\xbbsS|\xcc\x9cu\xbaI\xcf!Y\xc8\x13C\x86%U.\x94\x05\x82\x95;L]\x95ZE\xa9B\x1b\xdae6\xd8l\x06\xf0\x81\x95"\xcd@c\x03p\xee\xd5\xe5w27\x01\xeb\x9d\xe5\xa5a,:p!98\xc7\x10,H\x05\xa1\xca!SuE\xc9xq\x7fkj\xc6\x8d/\x8f\x17\x14(\x14\xed\xed7o=79\x1cj\xb2\xc3\xd5,\xfe\x12\xfb\xca\xd2\xec&amp;\xcc\xd51\x88E\x867\xa3\xc4\xc9\x85!IW\x13\x95,\x0eCWhiSq\xdf\x89?\xed\xdf&gt;\x99\x1eq\xee\xd9\x93G\x8f&gt;\xf8\xe0\xe2\xd7\xdf\\\xfd\xb4\xfd\xf6?l\x165\xf4\xe2\x94v;\xcb\xda\x9d\xe2cI\x9cnN\xe8@p\xd9q\x90\xa1\x88H68W\x91\xdd\x9d\x91\x1a\x1f\xb2\x7f$%%\xc5jm~z\xad\xec\x19\xa9\'\xff\xfa\x16dWn=\xb7\x95S\x98\xbcd\xb1\xb3\x1e\xf1\xc7\xbd\xef\x9c\x0b+\x10\x8e$\x93\xb0\x90DA\xa6\xa8\xec\xa6\x1b\x0b\x89\x81A!\x93#)F\xff8\x7f\xff\xde\xdc\x89\xa7\xd7H\x95\x95\t`__\xbdr\xfb\x9fpR\xca\xd9\xed\x1c\xed\x9e\x15\x1bK\x12\xb04\xcc\xd2\xc2\xe0\x86\x83\xc8\x94\xc3\xd6UQR\x9c\x1a\xf8\xf7\x90\xf4\xe6\x91\x94Z\xff\xb8\xfb(\xff\xde\xba\xdc\x89\x89\xa7\xa4\xae\x11\xd5\x08\xd9\xd5\xb3\xc4I\x8a\xb3\xb3R~n\xaf\\d\xac\xb1\x15\x96\xc3\x98\x94\xe1\x84\x0c\x03-\x0esTI\x7fgH\xfa\xe4Dn\xaf\x17\xe9\xfe\xfd\xb88\x82\x95\x0b0\x01\r\x8a\t\x92}s\xf6\xb9\t\\&lt;\xcbH]sbO\xd5\xd95;\x8f}\xc2p,O\xab-\xb6\xae\xd2\x1b\x81!`\xca\xad\xfb\x1f\x15&lt;\x14\xb0\x04\xb0W\x82=y\x94\xd5\xfe\xdc\xa4\x11\xce\xad\xb4\'@d\xb5fq\xc5\xc1\x08%3\x0b3\xaa2\xbf?6\xbd\x19\x00u\x1bX`B\xf5F{\xb1r\x05+\x05\xb9\x00\xf6\xc7\xac\xf6.\x93N\x89]E/\x89\x8d\xb5\xe8\xc2\xcea\xb0\x119V\xd7\xa5\xe8\xeeL#P\xa0\xaa\xeb\x05\x97\x17\x8ap\xd5\x11\xae\xba_c\x9d{\xf67pU\x1b\xb02e\xbcgL\xe4\xd3\xdf\x1c6\x0e/\x9cAuE1\xc5\'&amp;G\x04*\xa2\x16\xe2\xee\xe5\xea\x15\xe4\xaa\xab#\x8f\xf9\t\xd2\x92e\xa4\xce\x05\x81\xab\xa0\xdaf\xc1\xd8\xc3\xe8\x12\xd9\xc4U%v\x1b\x0e\xed\xc3E\xd3\xadi\xcd\xf3\xb9\xf3/\xc5\x02\x8d\xffK\xb9\x8c\xb5\xf8\x1c\x1d\x1d=??\xf1t\x03+"\xe2\\\xd0\x9f?l\x8a2k\xb0\x898O\x80\xb8#\xd5\xcf\x83\xd0\xe2\xc8n\xd7\xd7\x9c\xfc|\xc4\x9a[\xe7\xa5\xaa\x8b\xee\xad5\xfa\xbf*\xe0\xd5\x12.\xeb\xfc\xc4\xdd\xa7\xd76\xe4\x8a\x88\x08J\xbdq\xb8\x92\xccU\xa9[\xe4\x05\xf4\xd6\x9a\x06\xb7\x1bV\xa3\x9a\xa9\xfa\xe4\x88\xd5ZG\xbe\xf0\re~\x85e$v\x1a\x05\xb9&amp;\xee\xde\x15\xc2\x15A\xa8\x82\x12\xfb!\x97C-`\x89\xeab\xc0\xaa\x06\x0ej\x86{\xa6\xef\x1c\t.\xb4\xe27\xd7\xe1\t\xdf\xbd\x08\xd7+\x17\x85\x94E{]\x9c\xb8\xeb\x95+\x02\\\x81\x83\xc5\xa5H=%\xb5/\x8a{~~k\x15WS\x9dN\xa5\x1d\x1f\n\x0e.$\xbf9\x05TVB%\x8cx"\x93\x97\xaa6::\tX\x82\x8d\x84\x89\xa8\x158\xd8\x9f\x1f\xaa\xb2\xa9\xa5\xdc\x9c\xa8\xff\x01\x90l]eq\n\x1d\xd6W\\~78\x18K9\xa57E\x10+\xa5\xd6\x08\xeb^N\xae8\xa3\xb16\tT\x00\x9eon\x16\xb8\xca\x82\xc0\x15\xdf\xd9\xdf\xa4\xa86Y(zu\xab\xe4}1W\xf5\x92\x06X\xaa\xa2\xebU\x9f@-\x9c\x16\x08\x16\xb8\x80\x05\x91\xfe\x03\x99\x80\x84j0&amp;%\x01\xcc:b\x05\xd6dz\x99W\xad\xf8\xce\xd6\xee\x98P\xbdAM\xad\xec\x11\x15+\x13X\x16\x9d^;}\xf2\xfb\xe0\xa9\xa9\x94\x8d\xb2"\xf0\xc6\xfa\xfa\xb8\xfa\xb88\xa3\xbf\xd1\xcb\x95\x94Th\xb5\x8e\xa0\x9a\x9b\'\xd3?\n!X\xf1\t\t}\xdd1\x15\x95f\x8b\xda%\xee\xe5LN\xd42\x14\xcd\xdc\x1b\xfd8\'\x8cpY7\xc8\x8c\r\xf5\xf5\xf5\r( \xd5\x1a\x1b\x81U\x08\xa83B\x81+\x8dp\xc5\'t\xb4\x15g\x97FaH\x88\x9c\xf9\xf7\xe7t\x16\x8d\xaa\xe7\xfa\xbd\xd1Caaa\x1br\xd5\xd6\xd6&amp;564\x80\xaa\xb1\x11\xaf\xf8\x80\x97\xc6\xc2\x91\xe6\xa3G\x8f\x1d\xdd\x8d\xda\xbf?=$\x84Pu&lt;l\x1d\xcfVhM\x16\xfb\xa2\xb8\x99\x07\x16&lt;\xac\xd9\xc0*\xf4B\x01b\xaa1,\xec+R\x8d\x8dI\x85I\x00K\x1ai\xfe(///&lt;&lt;|_x\xf8\xb1\xb4\xb4\xb4\x10\x82\xd5\xd1\xd7]R\xaa\xd5\xebtbc\x19\x1c\xf0\xf0%\x16ll4\x1a\xa1\rx@\xf5\xf8\xf1c\xbc)\x14\xea\xcc\xeec\xb1\xbf\xf4gd,\x0c.,\x0cv\xc6\'\xa4\x9dH XmU\xe3\xd93E:\xcb\xdc6\x91\xb1H\x1fN_\x1a\x8d| p5\x1a\x1b\xa7\n\x0b\x8f\x9c&gt;\xfd\xf8\x8b/\xde;\xf0\xde\xe9\xc7GZZ\n[Zv\x1f&lt;\x90\x17\x98q\xfe\xb0"T\xab\xc8\xce\xceo\xea\xce\x18L X\xdfu\xf4].\xa9\xe81\xe9\x96v\x89\x8b\xa52\xe8{\xae\xff\xfc\xe3hdNN\x0e\xc0\x1a\xa6\x0en?\xf0yG[[[_kkk\xdbg\xfb\xfe\xfa\x87\x83--g\x8e\x85\xc7\xa6\x9e\xcf\x8e\t5\x1bt:\x83\xb9\xba24*\xbfx\xf0aG\xc7\xd0\xd0\xc3\xaa{\xa5Z\xb3Ad\xb5\x9c*\x93\xbe\xa7\xe6\xd2\x8f\xe8D`\xd5\xd7O\x1d&lt;1\xd8?^\x12\x13S\xaa\r\x8d*\xcd.\xe9\xffl\xdf\xf6\x83g\x8e\xe6u\x0e\xde\xc8\x8fQt\x99l\x1aKy\xb9\x06\xf7\xd8.\x80\xf5\x01k\xa8\xedr\x8d\xb6\xcb\xb0\xb4U\xdcNT\xa9\xf435?\xff\xf0\xd3\xc79\x0fr\xfe]?\xf5\xee`7L)\xd2\xab\x84;te\xcc\xe5\xc1\x84}\xdb\x0f\x84\xe7\x05\xa6\x9e\xcf\x8f\x89\xea29,\xc2=\xd2a\x83fQ%?|7t\xeaN\xd5tE\x91\xca\xe3\xb3E\\\x13UH\xfc\xa5\x93\xa7\x08\xd6\x83\xef;\x8a\xb3+Bq\x16\xd6\xb0\xe4n\x86k\xd0\xf8Bg^x^^|`b\xc6\xf9|Eh\xb5\xc9f\xb18\x1c\x0e\x9b\xc9\x00\xc1\xb4\xf7N\x0e\r\x0c\x9d\xbcw]\xab\xf7\xec\x15\xf7\xfa\xaaG\xe2\tV\xe4\xa1C\x87N\xf5\x95(\xaa\x85\xff\x83\x94C\x12\x8b\r\x824-\x04&amp;\xe4\xc5\xc6\x06&amp;\xfe\xf2\xe1\x97\xc7/\x1c\xber\xf6\xd6\xed\xdb7\xa3\xa2B++\xf1\x83=\xd7/\xfd400:^3S\xb4\xb6G\xd4#\xc4\xa2^\xd5\x03\xb5FOEFF\xde\xb9\\Zi\x86\nfsW\xb5\xd9l\xae\xbe\xd9^p\xf8xFj`ll\xec_\x12\x1f]\xcc\xbap\x157\xfd\xf6\x82O\x0f\x93\xca\x8eQh{f\xa6G\x07\x06\xe0\xe2L\xd1\xaa\xa8X\x92e=\x1a\xd1\x8b5P\xa5\x85\x02\xe6\xca(EAAA\xfb\xd9[g?\xbd\x90\x95\x95u\xf1Qb\xde\xb1\xf4\x88\'\xdff\xfd\x97U\xb3}J+\xbf\xe2\xf8L\xdf0\xed\x8bff\xb7\xd9\xce\xf4EZ\xaa6\xc41\x8a\xa6\xc6\xc9]\xd8\x0c\xdd\xc0(\x12\xd1iD\xe1\x86\x00#J\x00\xb3\xe6\x81\xc9\xe6\x92h\xbd8j\xae\x0fd\x055\x1b5P&amp;*T\xa0&gt;, \xeb\xd2\xacQQ\x13\x08L\xab\x01w\x95\xe84F\xbb\xe9l\x9c\xae\xb3ubt\xd2sq\xfa\x1f\xdc3&lt;\xcd\xf0\xe2~\xe6{\xce\xef\xfc~\xdfs\xaf\x8b ,\x1eLM\xa0(\x81[\xf0\xaa\xd6\xd6\xaa\xab\x03sr;\x12\xaf\x9b\x18\xb8G)\x16\x8d\xf6\xea\x93\xb3OI,;K\xeb\xbbp\xef\xe6\xcd\x13\x9f\x9e\xe1\xa89\x1c\x82\xc0M\x98\xc9*\xed\xeb\x1b\x140$\xba\xf6`\xb4\xcbEp\xd4\x98\x89\x83\x1a\x06\r\xa8\x8b\xb0`\x1c\xc3\xe7_N\xcc\x85U\x88\xeaIO\xfd\xd3\x1f(=\x9f\xd2\xbex\n\x0b\x11\xba\xa9\x1dQ\xd5\r|z\xe6BU\x95\xda\xc41\x88\x07\xfb\xa4\x04\x8e[QC\x12\xab\xa4\xc1\x1f\xed"pH\x1fQu\xe5J\x15\x87S\x85\xbapS\xd5\xe0\xe5\xfb\x13\xe18\x8957\xf0\xc3\x17\x94\xaa\xf5\xeb\xff@\xc5\xaf\xf7\xf8\xa0D&amp;\xae^h5\xa0\xa4\x0c\xe2%1j\xc5-\x16\xdc\x05\xda\xf43\xcc\x95\x87\x17\xff&lt;l5A\xfe\x08\xe7\x8d\xb3\xff\xbc\xf5\xb7K\xce*\x03\xc1\xe9\x13\xf7\xd7\xc9\x93jM\xd4\xaf\xff\x8aB\xac\xcc\xcc\x9f\x7fw/\x89\x85 O&amp;&amp;\xbe\xfc\xdc\x80c\x84\xc1\xd0z\xe6\xc4\xdd\xd8\xb2\x17\xb3\xe0\xe8eq?o\xf1p\xfe\xe9\xaf\xa3V\x93\xc5j\xf1\x0e|\xf2\x87\xbf\xfc\xfe\xfa\xf5Kw\xd5\xad\x84T|G\xee\x03\xac0`}Gm\xdf\xfa\xc5?@\xad\xb9\x1e9b\x97\xdf\xaf\xbb&lt;\x88Z\x89\xcb\xad\'&gt;\xbb\xfe\xbb\x0f&gt;\xb8u#\xe6\xc1Q\xf1\xd2\x92\xf0t~~\xc3\xd7 \x97\x15[\xbe\xb9&gt;\x00\'!8\xfb\xdfXs\x12}\x85\x0f:\xe2vR\xad\x9e\xfao~Kim\xbd\xff-l\xd4s\xebrH\xa2\xbc\xae_,E[\xd5\xb1\xcfn\x91\xe3\xb7\x0f?\x8e\xc50ti\x88\xe1?}\xf8+\xc8b\x02\x96"\xae\xe6\x9c\x19x\n\xdb\xd2I\xa77d\x91\n\x86f\xdc\xa0V\xdd\xc4\\\xfd\x7f)\xbd\xa5A;\xf6\xeai\x12\x0b\xd1\xda\xe3c\x1dK}\x04\x16\xbbt\xef\xde\x1f\xff\xfa\xe1\xd9\x8fM\x18\x885\xc4\x08\xea\x9a\x1bH\xac\xe80t\x08\xe8\x0e\xd04P28V\x12k\\e\xb7C\xfa\xeb\xbf}\x9f\xca{\x8cP\xf3\xeb\xf5s\xeb\xebO\x90i\x16\xe2\xee\x04,\xf5\xd5\xab\x9c\x0b\x13sW\xaap\x9c0\x88\x05\xc55\xfe\xffc\xcd;\xa4\xd2&gt;\xa9\xd4\xe1 _R\xa9\xabOP\xcc\x98q\xeb\xedv\xf9D\xcf\xdc\xf7\xe7iT\x1e\x9bi?\xf9\x06J\xab\x07\xb0\xa6Y\xf66\xfe\x90xP&lt;(5@\x7f\x80\xeb\x17B\x06y"\x8d\xb1\xa4!\xff\xf0\xa2\xf9Y\xda\xfcpai\xa9 9\xd9\x95J\x0b\x05\xa5\xc5\xc5\x0c~\xdbQ="\xef\xb9\xdf\xf3\xea7\x0b\x9b\x1b\xc7(,\xae\xef\xeb\xd7\xc3\xe1\'ofg\xa7\xb5\xfa\xb6\xdbC\xa5\xfd\xe2\xbe\xaeB\xb8\xb6\xa0\xb8\x9b\xcf\xe7I\x8cpfn\xc8\xaf\\4\x9f\xaa\xe6\xa6\t\xb8J\xd8\x89x\x19\xd5\x0cFA\x01\xaf\xa0\xa0@6\xde\xa6G|uu\x97;:~TN\xff\x94\xba\x16A\xfb{O8\x1c\x96\xbf\x99\x9aZU\x04\xe8)2~7\x83\xc1\xe0\xc2eypd\xcf\x93\xe4\xd8ZJZ*\xc9\x95\x18\xac\x05.\x86\xb2\x86),7\x83#\x132+d5|&gt;\x1b\xb0\xdcO\x1e\x94\xce\'\xa2\xc1\xdc\r\xaa\xccb&amp;\xed\xd0\xc2X]8&lt;\xc6\x9a\x9a\x9a\xca-\xbaH\xa7\xd3%\x92&lt;2$\x12\x89P"J\xb55\x91\xe6\'\xbfa\xd1,\xac\xc9\xe0r\xb9Je\x8d\xd0\x0cQ.$\xb9*dlH\xa2J&gt;\xa3\xac\xae\r*\xd3f\x9f\xd3(\xa2\xda\xf8\xea\xdcd\xa7&lt;\xec\x9b\x06\xac\xd5\xack\xa99\xa9G~Iz.\xdd\x11\x91D(\xd2i\xc0\x96\xb54\xe4\xe7\x97,\xfa\x81\xab\x9a\xcb\xad\xad\t\n\x93\\B&amp;\x93Y\x91\x07X\xbdZ\xbbo\\\x96"\xc9\x8b\xeeD_P\xb2\x1a3\x8fml577\xe7\xb8\xe5\xf1$V\xae\xcdh4\xe6\xe8\x8c\x07.UtD\xa7\xb1\x91\x1e\xb6\xa5\xa1\x92\xc4\x92\x08\x95i\xd5@\x15\x84,\x92id2\xcb\xd8l\xf6Q\x84\x85\xa8\xf4\xfale\xb0v{g\x95\x8a,f\x1e\xdb\xacQ\x8at\xc6\xa2\xc0X\x9c\xb5:5\xb5\x05\\\xe0r\x92T\xa9F\xe3\xc8\x08\x98\x9e\xa6\xa6\xad-\xc8\xa2f\xd1\x0f\xde\xb5\xa2\x98[\x1bL\xaaU.,\x03*\xc0j\xd3k\xa7\x11{ \xc0M\xd4\xd4l\xefh\x8fQQ\\\x1b\xa2\x9dD\x8a(\xa7H\xab\x8a\xb3f\x93r\x15\x19\xc1\x80\xe9\x00\xcd\xa8)\xd1h\xe0W\xe3\xd6\xd6\x96\xad\xb1\xc9\xa8\x13\x89\xe8\xd9"e\xa2\xfaY-I\x05X\xc9\x00,\xd64\xe2\xee\xa5\'\x12\xb5\x14aefn\x04\xb7+"\xc7/\x16\x05\x10\x15kz5\x99E\x92\x0b\xccj\t\x04iYm[\x8d\xe0asrrR\xdf\xcbN\xc9\xcb\xaeHD\x01\xcb\x0fu\x06\x15\x9f\xcca\x12K\xd5\x96V\xacd\xf2\xb6w\x14T`\xd16\x82Qznn\xef\xb5\x80\xd6\x8e@\x16W\xc1\xbf\x16i4\x8fH\xa6\x16\x92K\'\xb2\xd9\xb2+R\xe8\xa2\xectzv\xcam^^vZ"#h\xf6\'g6\xcc\xb2r\x10\xab\r&lt;\x80\n\x19\xdasT\x07kvv\x144J\xd4\xda\xdd\xbf\x96k\xd3^\xbb\xc8R\xd9\x11\x05P)\xb2\xb2\x1e\xb5@\x94\x94\x1cPI"y\xc3\x9e\x93K\x15\x10\xfcV\x0fV\xc8KKT\x93X\xc0\x05\x95U&amp;c\xb7\x1d\xd5\xb2\x90\xb8\xbd{o/\x99D*J\x1e\xd4\x12\xedGr#6\xe5m\xc8\x83\n!M5`\x91\xc3\xa3\x06h\xed\x9a\x11\x9dhw7\xed\xdd\xda\xad\x13\xe2\xd2\xd2Rb\xed\xd6\x9ae\x1e\xba\xe6\xa9\x03,r8"\x83\x85\x18\x00,D\xef\xd8sDk\xb7\xb7WiT4\xad\x9fE\xf6#\xb6\x88h\xfb\xc7\xd57q\xb7^\xab\x00\xb5\xc0XWBG\x00\xad\x8c:\xbf\xce\\3\xfc\xf6-\x8e\x1a\x0c\x06\x14\x0b\x85&lt;\xb8k8\xf1\x0c\xd4\xf2ON\x96\x03\x97\x0c\x8aK\x8f \xaa8\x12\x98\x7fgM\xd4\xeeloR\xb1\x103\x9fo\x01\x96N\xb8\xdd=5\x1bw\x1f\xd5\xb3 \x87\x80\xd5\x08b5hF\xfc\xfe\x11\x9d_8\xffrtp\x10\xa8L\xde\x90\x07\xb3X\x87\xa3\xb0\x10\x0f\xb0\xca\xcb\xf8\xa0V\x1b\xa2\xf2\xc5\xf5\xef9\xde\xedm?\xdb\x89\xfe\x9b\x8av\x9ay~s?\x129\xb2\x9b\xc8\xde\x9c\x8d\x03W@\xa1P\x90T\x95-%\xe7\x9a\xdb\xfd\xed$\x96\x80\xc0&lt;N\x13\x8a~\x14[[\x89\x85\xf0\xe1\xea\xa0\xd0\xdc\x0eI\x9c,Og\x03\x16\xec\x88\xaa1\x95\xbe`\xef\xdd\xdeNt\xfb\xe2!j\x9a\xfc\xc2n$"\xda}H\xdf\x9aR\xf9Tz\xb2\xba\xc8\xd1d\xc3\xb9s\xcd#\xed\xed##\xed\xc24\x8ewee\xe5\xae\x9a\xf3\xa7\x95\xb5\xb5\xb5\x15\x8fUP\x1b,\x9f&lt;\xc0JO\x96\xbc*&gt;\xe6\xa6;\xf6H\xb5\xaa\x17\xa8\xd9{h\x1b\xb6\x88qw\x7f\x7f\xb7q\x0b\xb0\x10mrf\xd3HjER\xf9\xcdA\x81\xd5\xbb\xbc\xb2\x12\x8b]\xe5,\xaf\x91\xb1\x12\xc3\x1ci\xa7\x84\x93d\xa4\xa7\xb3e\xb2\xb66\xf7\x98|\x9c\xedr\xcc\x0b\x94A\xc5!j\x0e\x10\xb0\xfbDJ\xcc\xfb\x0fwm\x8dH\\e\xd7&amp;+\xbe\xf1\x119Rn7\x9b3\x86]8\x06X\xb1\xd8\xcaG\'\xe1k%\xf9\xf2\xe0\x0e\xee)\xa8\xac\xc9t6\xbb\x00\xe4r\xfb\xe4\x9d\x15\\e/\xab\xf7\xf8\x0b\xaa\x8e\xa7\xb4\x8d\xd5\xa6\x92#:\xe8\xe6Z_\x12KAN\x045d\xfa\xb8\x85V\x0c\xb3xB^\xaf7\x14R\xab\xe1Gh9\xb4\x1c#}\x9aU\x90Q\x06`l\xb6\x8c/s\x8f\x8f\xc9;\x18\xbcl\xc5\xec\xf1\x7f\x9d\xa7l4O{\x91\x0b\xbb^\x93-\xd2;\xa6\xd2\x02\x16,\xc5G\x1a\xcdH{Yu\x97\x15\xf3b&amp;X}\x16\x1c\x7fk@Q\x97\xd5j\xb1`\x1e`\xf3z,}\xc5\xcc\xf22\x99L6\xd39\xee\xee\x90\x0fq\x0bRXZ\xed\x06\x85\x16\xe3\xfc\x02kv\xb5\xd1F?\xee\x8b#ZmVV +\xab\xc88\xc2\x14Hq\xd0\x8a\xb0Z\xac\xae\xae\xd1\xc7\x0f\xc9H\x0c\x93\x8f@\xe0\x18\x80y,\xaeb\xd8\x11;g:!\xe4w\x96\x18\x05\x15\xc8\xf4\x02\x95\xf7\xee2\x0fm\xceN\xe5F.\xf6\xfa|\x08+\xa0\x0f\x04\x8a\x8arr\xcaK\t\x93\xc7c\xb2\x1a\x0c/GG\x1fC&lt;|\x08\x1f\xa3\xa3]\x0eG\x17J&amp;\x163ue\x94\xc9ff\xf83\xf2\x8e\x8e:1\x8f\xd7=\xb3\xf9\x9c\xda\x1b\xb0\x87\x16\xa6\x14\x91\x88\xd6\xe7\xb3k\xf5\x80\x05`\xa9L\xa9\xc9\xe9\xf1\xa8\xd1\xc1\xd1\xd1\x97\xa3$\x0f\xf9\x1e}\xf9\xf2\xb5\xcbE\x0ek&lt;!\xa7\xd3Z\xcc\x97\xcdtw?\xe8\xe8\xe8\xb8SXP \x96/P\xfc\xe8\x1b\xa9\x17KasC\xcd\xeb\x03z +J/\xb68\x9dN\x13\x07}\xfd\xfa\xf5\x01\x16\x886\xfa\x18\xb0\xde\xe2&amp;\xcfr\xc8\xe9\x85\x7f\xfb\xbb!\x86\xee\x00W\xbf\xa06\xe3\x7f\xb4\x9c_LZy\x16\xc7\x9b\xe9\xe8\xb5\xb3M\'\xab$$\xb4\xbbJ\x19"n\x05\x87\xbd\x19\xc8\x0cHB\xefE\x83\xa0!!dC\xc5\x0bFB!"r\xf1\x01[*P\x9fh \xa1\x9a\xaa\xa0\xd0&gt;\xf0g\x9c\xfa\xa7\x99ZK0\xb5\x0f\xadc\x1d\xab\x99\xb4M:Ng\xd3tc;66\xbbO\xd5l\xa7I\xb3\xe7w\xb1\x9b\xbe\xec\xc3\xcex\x8f zM.\x1f\xbf\xe7\xfc\xce\xefw\xee\xef\\F\xae\xd7\xecs\xeb\x88\xa4n\xf3\x91\xb2\xaf/r\x1d\x12*`\xc5\xce\xf2\xfff:3?5|\xe3\xfe\xfd\xe1\xb7o\xdf\xfe\xeb\x05\xc0\xbdEx\xdf\xc2Ooaj&lt;s~\x18\xa8\xa3\xd9l&lt;\x1e\xf7\xc6\x97\xc0\x89\x03\x03+o\xca\xf6\xbb\xa3E\xf2ts\x86\x7f\xea\xaa\xed&amp;\xcc?33\xb1B\xa4E\x0fX\xae\xe1\x1b\xf3\xc3\x08\xe7\xf6\xeb\xd7\xafo\xdfFO\x046\xdd12\xa2k\x9f\x9a\x929\x12\xd1\x84\xd7\xeb\xcd,eV\x8b\x1b\x91\xa1w\xfb\xdf&amp;\x88\xfd\xe1\xc7\xae\xae\x8dU\xdb\xf5\x9b7o.A\xacd\xf3\xc3\xf3\xae\x94N\xf7\xe2\x05\x8a\xf8\xd7\xbf\x8a\x7f}\x8d\xec{\x10le\xc7 \x14\nu\xea)\x97\xdaAQt:;t)\xb3:&gt;\xbe\xbb;\xb7\xaf\xfb\x89%\xac\x8a]s\x86^\xb0]\xbfn\xb3\xad\x06\xd3\xc5D\xde5\xef\xd2\twvv /|_R\x8a1(\x13\xddn(bu\x17\\.\x8a\x94\xc9\x1c\xe9\xf8\xd2R|u\xf7\xc9\xee6\x0b=\x95PY\xaf&gt;\x1c\x1f\x07\xa8L0X\xa4H:\xa1\xc6\xd5z\x8d\xdb\xae\xd1\x88\xec\x1a\x94\x1c\x984\xb1\xb3\x03\xbf\xda\xedn\x8d!\xa5v\x91\xa4O%\xa3\xb3\xf1\xa1Lp\xed\xc9\t\x0e\x1b\x8dx\xa8\xf5tn\xee\'\x1bp\xa5\x8b\xa4\xdf/\xa3\xc8)\xb5\t*\xd5&amp;\xbb\xc8`\xd2M^\x19\x86\xd4z\xa5=\xb5b\x82\xa2\xda^\xef6\xa4\\*\x19\xe9\xc3e\xb47\x93\t\xa6\xd7\xfe\xc9a\xa9\xbd\x19\xc3\xb0\xf2\'6\x9b-\xb8@\x03\x96\xca\xa7\xc2])\xc3@ooo\x93\x08\xf2=\x9a\xae\x7f\x86\xcc&gt;\xa2w\x0f\xd4\xbb\xeb\xeb\r)\x12\xc7e&gt;\x99/\xe1\x8dg\x82\xe3k\xfff\xab+V\x82au\xdbk\xab\xab\xabi\x9a\xa4\xfc~\x1f\x8e\x93f\x11`}\xd7k7L^\x86\xb5\xcd\xb3\xbf\xdf?seDX?\x00\\n}\xd4\x87\x87p\x9f\x8cJ$\x18\xac\x07\xec5\x11c\xd8\x83\xb55\x14\xf1\x14%S\xa9\x02\xb8cC\xdb\x8bl\xc0}\xed2\xac\xb5\xce-&gt;\x9e??)\x1c\xf8\xf2\xcb\x01\xbbA\xa7V\xc9T\x0c\x967\x1eO/&lt;\x9cc\xafE]\x82\xf1\x1e2X4-S\x11\x01\x9c2\x8b\x9a\x9a\xf6\xb0\x1e?[&lt;\xb7\xf8\x0ca\xb9A-\x8d\ta\x912\x95\x8fr@\xe6*\xde{\xc8c\xb1s\x1e\xb3&lt;y\xbe\xb6\x1a\x84\xfc@\xca\x88\x90\x8aJl\x88\x0cM\xdf\xf5\x0e\xd8u\x97\xef\xc3Zk\xfe\xe7\x1b\xae\xa8\xc9 \xd2\x98\xf4\xbaA\x87L%\x03,\x07\x1d\xf5\x16\x17\x9e\xffT\xce&amp;\x16\xb6\xfd||-\x08y\x8b&amp;\xf1$\xe1\xa3\xa18\xb4\xf7v5\x89\xa6\xcf\x9foo\x8f\xb6\xab]\xe7\x1d\x83\xd1T^\x97O9H\x19\xae\x9a\x82\xb4\xc5\x88u\xef\t\x9b\xfd\xe9\x18\xc6[\x1b\x1fO\x07\x11\x16\x81\xb0\xbc\xd9\xab\xa2\xd1\xd1\x8d\xec`\xfb\x85A\xb3\xd9&lt;xA\xadV\xbb\\.u4\x15\x05\xac@@\x85\xb0\xd2T\xf8\xf9\x03\x8cU\xacc\xbb\xe1\x85\x85`\xdc\x0b^\xf4\x13~\xba\x98\xcd\x00M4\x9ap\xb4\x03\xd6\x86\xd9\x01P*\x1c\x87Y\xc7A\xa2\rEH[\to\xd1\x9f{\xf8Gvo\xca\xa8{\x10\x0e/\xa4Qp\x91\x80\x05\x13^\x9a\xa6)\x1f%s9\x06\xf3\xf9l\x1e\xb4\x9a\xc2Cc\x01\x18\xa8*\x9c\xc0\t\x15\x08\x9a&amp;\x89\xf0\xeeG\xacbI\x0e\xd4&lt;\xcf-\x14\xd3Ao\x91\xf2\x01W\x8e\xf4\xf9Q\x12\xc3\xa7\x80+\x1au@\x90\xe3\xcc~#\x1e\n\xc03I\x92t\xfa\x1e\xb1\x1e|\xc39\xc0\xae\x1d\xde]\xcf-\xa4\xd3@\x15\xce\x8dy\x88u\x82\xc8\xf9\x93\x81PH\xe5B\xbb\xad*|*\x10\xeaA\xed\x06\xa1\xfe\xb1\xb1\x00`Q\x14\x91\xa4`I\xc32V\xd5\xcb\xf1\xf5\xf0\xbd0E\x85\xfd\x1eEk\xd2\xe3\xf1\x10\xc9\xb1\xfe\xfe\xc78dO\x15$\xf6\xd0X\xbfq\xb1\xb9G\xd1\n\xe6!|\xe0\xea\xa4/~i\xf9\x18\xcbXu\xafn\x86\x89\\\x98\n\xe7\x92\xad\xf0\xde\n\x85\xa2\xd5\xa3\xb8\x08n\x0b\x80\xfbp\x1c\x08\x81\xaa\xd9h\x84\xbfy\x90\x98I\x82\xcc\x8eF\x96YVK\x82m\xbe\xb1\xe5\x92\xb9\xdc:P)fg\xd1\xa3\xb5\xc7x\xb1\x7f,\x84\x13\x81P`\xac\xbfg\xf1dss3\x1c\x05)AL\xbf/!\x02\xac\xa7\xacc\xdd=\x1d\x0c\xaf\'\xd7\x93\n\x84\x85L\xa1\xb8\x08r\x85\x08\x15ra\x8f\xb1\xf9$\xd8l\xab\x87q\xa3\xdf\xe10\x1bF#w+$\x12v\xb1j\x96\xbf\xfa1C\x13I\xe6m\x81\xac\xf9\xe8I\xd4\x86\xd1\x1f \xfc\xe0\xc5\x90\xf1"\xc2:7\x8bzJ&lt;~2\x81\xb6\xa3F\x0b\xca\x13lc\xfd\xb2\xac\x9c(d\x8a\x84\xc7\x83\x02\x0b\xb8\xbe9\n\xa1\x84n\x12A\x0b\xac1\xe3"P\x1dE\x87\x8c\n\x7fb\xb0c\xf2\x9a\xce4\x1a\xf9j\x13c\x15\xeb\x00v\xe4\x8erB\x1c\xc9\x14I\x82\t\xf8\x7f\xcc\xce~s\xb2Y\x11\xf0\x93\x0e\n\xb2V\x7f\xc9\x87\x80\xd5\xac\xf0%\xf4\x1d\xd3\x93\xd7V\xc0\x89_o\xb2}\xeb]\xc5\x1de\xb78\x16\x89C\xf2^\xf7\'[[g!\xc0\x9b\xc1_T4J\xc9B\xe0\xc2\xa3@u\xd2\xa8\xf0\xc0\xbaT79y\xed\xda\x8aP\xb4t\xfa\x11\xcbX\x92O\x11\x16_0d.\xd24\rI\x1e2WkOOOHER\xbe\x80\x02\xa8\xd0\xfd[\xfd\x04I{\xf3y\x9dn\x04a\x19\x96j\xb7$,;\xf1\xd3\x97\xcan\'_\x10\xc9\xc4\xa10M\xa4\xa1@M\xa3\xb5*\xd3\xe93f46\x1b\x15\x10f0A\xc7\xbd\xa9\x14T\xb1#\x80\xb5\x13\xa9\xddb;\xb6\x9en)\'\x9cbA$2\x94\x012\xa8\xe53\xf1|"\xea\xb8\xe0`\xa6i|,\xa0vD\xf3\xd9l\xd6\x94\x82\xdaz\x04\xd4\xd2\x0bE\x91\x99\x97u\xeccu\xf79\xa5\x11\xc4544\xb4\x04\x96\x89\x9b\xf3\x83\xd1D*\xea@=,\x1d\x1d\x83h\xeb\x00\x1c\xd81\xa2\x03\x1f\xea\xd1n\xf5&gt;^\x05\xfc\x1f\xebf\x06\x8b/(D\x18\xbb4S(\x14.A\xf1o\xce\xa2\xa6\x1b\xd4k\x90\x82T\x05\xcbfp\xe0\x88neE/\xdc1\x8c\x16\xee\xb0|\x17,V\xf7\xa8\x84%\x880`\x85\xda\xd3\xb5\xa7c\x85\xa5\xa1\xd1\xd1\xab&amp;}&gt;\xc5\x04\xd4\x1e\x16&lt;\xf4B0QKa\xf90\xbb\x1f\x7f \xa9{\xd5\x89\xb0\xa4R\x01\x98\xb5\x10\xab=;1!\x8e!\xc9Z\x00\x0c\xd6\xaaz=j3\x00.0\xbdI\xc88\xb10\xf3\xee \xc6\xe6\x073H\xb0Ww\x1b\x00\x8b\xcf`\t\x04\xb5\x13\xb7\xba\xbb\'j\xc1bV\xe0B&amp;B\x06\xd1\x05|B!&lt;\x0c\x9a\x96\xc2%\xef.\x0fc\x0f\x0cN\xbby\xb7\xad\xcdY\xc9\x97#\xa8\x88@&lt;\xd1\r_\x13b\xb1\xb8\xb6\xd1\x1aii\xd1\xb6\xb4\xb44i\xb5"\x91\xc1``\xa0\x80\n\xd4*x\xa3\xbbG,l\x81\xa1\x93\xd6,w\xb7\xf5UJ\xe5\xf2\x92Z\xe2\x89=\xac\xb31\x01\xeae\xb6Z\xad\x08\x0c\xb8\x84%\x03,\xad\xb5\x90mOo\xf3&gt;\xb1\xb0\xc2\xc5\x9c\xf3\x97\xe5\x86\x12\x16\xe2\x92\x82\xf7\x00L\x8c^@\xc0F&gt;\xbfQ.\xefj\xd1j\xb5\xef\xa9\x84\x1a\x8d\xb6\xc5\xda\xb8\xd1N\xbf\xab\xae\xae9\xc1\xb1X\xf6yP\x96\xfe\xd3\xaa\xcdee[\x1f\x97\x89-\x00\x13;\xc5b\xd0\xaa6\x16\x8b\t\xba\xe4R\xfe_\xe4h\x17V\xab\xb5\xffW-\x8d\xc6\xae\xb5Z7\xa6\x1d\x80\x05\xc6\xe3\xf1\x8eX\xb0}\xa7:\xb1\xa5l\xb8\xd5\xd7\x87\x86"PI\xf9\xe2\x92\x81\\R)\xbf\x12b\x0e\xb0\x9a\x10\x96H\xa3\xd1\x00\x93A\xe3FX\xa6iz\xbb\xbaz\xaez\x0e\x19o\xbf.v\x95&gt;\xf1\xa4\xce\xc29\xbe\xf9F\tNDr!\xbd\xf8|\xa7\xf3=\x96\xd3YY\x89z\x88\xad\x1fp\xfd\xa0AT\xe0E\xd3t\x11\xb0\x80\x8b\x01\xe3}Te\xd9\x87\xf2\x9f\x81\xaa*/\xe7\x94\x1f\x7f\xf4\xb5\xb2\x13aU2\x19\x82\xbf\xc7\x85b\xcb\xd9\xf7\x19\x1c\x85\xd8\x92w\xa1\xe6X\xbb\x1d\xb0\xdc`\xf5%\xac\xb59\xc6\x89\xd5\xaf\x98W^M\xcd\xc7U\xbfW3\x80\xb2p\x80\x8aS\xfe\xc9\xd6Y\xc0j\xe3\xf2+O\xa1q\xc7\xc8\x05`\xb5\x0c\x17\xf7\xcf|i\xa3U\xde\x88\xb0\x9a\xecZ\xbb\xdbmGW\x06\xd1}"\xfai[\xf5\x87\xc6\xabF\x03\xe0X\xdd\xef!\x03\xa58\x15\xc79`\xe5\x7f\xda\x9a\xe8\xeclh\x03\x95\xa4\xa7\xd0H\xe4\xf3\xc5g\x91^\x88\x8b\xcf\x07\xb1\xac\x8d\x8d\x8d\xf2\xa6\xa6^F\xafz\xd0\n\xb8\xb4\xdaQ\xdd\xf4.b\xe11&lt;\xbc\xf7\xc1_s\xf0\xf0o\x1e\x97\x98\xe5\xd8\xa1\x8a\xb2\x8aC\x1c\xf0!8Q\xd9\xf9EC\xdbg\\.\x80A\x90s+\x81h/\xbabp@.o\x94"\xb5z\x81\x0bt\xaa\x1f@\xdf\xb4\xa3Wu\xc5m\xde\x07\xc6@\xf1\x18\xb0#\xc7~C\x94a\x98\xa5\x8as\xa8\xe2PYE\x19h\x05X\xaf\xeev~\xd1\xd9\xf6W\x08\xa3J\x90\xac\x92\xcb\xe5\xbew"\xa2\x12\xc8A\xacF\xd4\xaa!\xff\xfcst\xa1\x90\xc1r\x8bL\x93\xb6\xb9\x0f\xa9\xf6\x98\x18;x\xe4\xd0\xff)\x19\ntNY\xd9\x1eV\x15\x92\xab\x06a5\xecq\xc1\xd0\xe3ro\xdd\xeas\x02\x14\xca\x10\x10\xf0\xff\xa9\xe4l^\xdb\xb8\xa2(\xee\xf9\xcc|\x88\x19F\x1e\x10\x08\x8dl\x8b\x81\x84\x19\xa7v\x02%\x18\x9ce\x03-!\xf1\xa6r*\x02\xa1PH!\x86.\xbc\xcb\xb2\xffBC7Yv\xd7e\xb3\xcd&amp;\xa4\xd1\xa2\xbb\xa0E!\x0bo\x0cAT\xff@\xb3)=\xe7\xde\xf7$\xb9M\xdb\xf4jf\x94q\x16\xfa\xf9\x9cs\xef{\x81Qn\xde\xc4u\xc2\x07\xce\xf6Q\x07\x82u\xe5\xe8\xf6\xb7o\xb6\x0c\x05j\xc5\x94\xe2\xf0R/\x0b\xfe\xcf(#\x14\xa9\xe0\xe1 *\xa5\xc2v~\xf81\\\x94\'}\x14\xab\xa6`W\xe1$\x9f\x83\xdbi\xae5\xcdd\xd2\xe0\xc2\'\x7f\xe4\x9bQ\xbb_\x1d\xdd\xfe\xe5\xb5b\xa4&lt;\xfa\xdbJ\x95\xa6\xa9\xe7y\xe9[\xafm\xb3\xe0C\xad\x14\xa8%V\xcc&gt;\xa4\\\x0b\xc1\xb2\\\xc3\x9e\xda\xc8\xc2\xd4\x80\x82\x18\xaa C\xdd\xdd\x7f\xf5\xea\xe0\x1b\xeau\xe5\xe8\x8b7}\xa1H\xc9\x05\xb9\xb6S\xc3\xe4\xbd\xe5\x05XY\xf2A\x19S\xa5\x06\x03R\xc5Q\x1e\xc4A@\xb02\xf4\xa6{_\xee\x81\xeb\x0e\xb9\x80U_\xefuw\xbe&gt;e\x01\xab\xd7m\xba;B\xd5L\xf6I\x05\xac\x93O&gt;\xff\xe9\xb5\xa5"\xd8\n\xaaee\x80\x120f\xec\xd2\x7fA\x85A\x10\x90*\x8a\xa2\x18P\xc4\nY3&gt;\xd0"z\xd5\xc3!\x0f\xd2\x08V\rK!X\xd3\xf0d\xba^\xed\x03l\xf7\xe4\xe8\x87\xdf\x89\xe3\xd01D\xc9\x00z^QX*SI&lt;\xf8\xb7\xe9\x8f\x99\x10E$\t\xe2\\\xb0x\x13\x86\xb1\xd8\xd8\xce\x9f\xef\x91\xebz\x8d\xdc\x03\x8b6\xf6\xeaS\xbc\xa0\x9eP5\xc3\xaed\xeb.\xb3\xf5\xe9\xee\xc9\x8f\x7f\x08\x89S\x14J\x96:\xce\x12\xeb\xad\x97\x19\xae$K\x12\x9c\xd1\xe0}\xf1\xc7&lt;\xbf\x7f\x7f@\x8d\x84\xca`\xc5\xb9pI\xbe\xc2\xf3\x97\x8f\xf6\xf6^h\xbc\xeaa\x8d"W}\n\xf5\xbabc\x03\'\xc7\xf7\xee\xf1\x01\xcf\x83[\x07\xbb\xdf\xbf\xdb\x12\xa9\x8a\xa2P*#\x16&lt;\xcc\xa8\x960\xb1:(\xd1\xec\x1fc\xce,\xe5\xb1\x14\xa9\xd4E\xc6\x9e\xdd\x88}\xf3\xde\x0b\xe9FXX\xe3\xed\xba\x08F:\xb1\x0f&amp;\x0e\xc7cyd\x91_Q$\x15\xb0\n\xdf\xf7\x01f\x98\x14\xb3\xb5X\x1d2A\x80\x8e\xf0\xfdmv\x96%S.\x95\xd3&lt;-\xa2I\xbab\xc9\xd7h\xf6\x92Xw\x10\xf6n\xad\\\x14N\xdc\xec6\x93\x1b\xcd\x18P\x93{\xc7\xc0\xfa\xec\xd6\xcf\xef\xfa\x1em\xf3\x95\xcaIm\xcc\xc0\xe5\xb5\xbe+Z)\x959;\x9d\xbfJ\x85\xd6#V\x1e\x18\x99\x04J~\rxZ\x02K\\\x0c\x13pI\xba\x86\x88\x16\xb8\x94\xad\xa7\x81\xbf1!\x16L&lt;\xde?\xde\xbf\xf5d\xaeT\xc5\x12\xcbA\xb2T+\xa8\x95\xf9\xc8\x14\xc4\xeaX,\\\x92\xce\x05\xa96\xcb\x81T\x8eZ)%j\x99\xa8\x05a \xcd\x18V\x8b)\xb9\x88\xc5\x81\x8a\x86d\xfe\x15\x0b\x13~&lt;\xfen\xacb\xfd\xfa\xdb\xb6\xb3\xa4\xf2}\x98\xa7E,\xaf0\x0e\x8aZI\xc7|\xd8\x9aZ\xb2\x9fR\xa8\xb3&lt;\x97\x9c[\xb9p\x13\xe3GQN\x19C;%F\xe7\xf3C\xbaH\xb9\xe4\xec\xd6\x1c\xf7\x18\xb0\r\xb4\x1a\x8e\xc1v|\xfc\xe0\xc9\xbbg\x9eP\xf9\xae\xabX\x8e\xdcj\xde=\rV"\x81_a\x01l-\xe9\x9b\xea\xdf@\x82\x0e\xb5\xa2\x9c&lt;8\xce\x80I\xf5\x82\x81Uk4\x1a\x85a;\x9b&gt;\x02\xcdX\xbeR\xaa\xaa\xf58\xc2\x9a\xae|\xc7\x14\xd1z\xf0p\xde/\xa8O\xe1+\x94_\xd0?\xbe\x98-Z\x88\xe1\xc0\xa1\x00\xe3\xd6\xc42X\x80\xda\x14\xa8M\xc6*78\xe4!\x12\xa5\xd2v\xcc\x91.\xa6^\xb8P\xe9l\xfa\xf4\x1aR4l\xf0\x12\x13\xbbtQ\xb0\xc6\x93\x1b\x97\xe7[\x9e\x98\x06\xaaJ\xb8\n\xb10\xd5\xb4+V\x9b\xe9d\xb8@\x95\x98\xad\x8b\xd1js@\x08A\xa2B\xf9\xd9\x19\xd1\xc4T\x91P;\x14``\xaa\xaajTm\xcf\xe6\x87;m\x01\x1e5\x00\x00\x02\x1fIDAT\xd7\xa8W\xd3\xd3F\x04\x99P\xed&lt;\x9d&gt;K\x0b\xc1\xf2\xe1\xa0z\xe8\xa5\x16\x8b\x13\xac\xf0E-u0\xe9hku\x14\xeb\xa3K\xfcO%Y\x03*\x16\x08\x0b\x91\xf8\x9e\xc7\xaa\x9c\x8d\xbfp\x854R\xb0\\\x9c~\x1fd\xcf\xeb!\x17\xc1\xae\xa9^\xef\xf4p\xbep\n6\x1biH\xe5\x16\xb4\x90X\x9eU\xcb_E+Z\xf7\xb0\x93%\x1b\xf4\x0fZi\xb0\xb8\x02\xaa:\xb9\x9a)-\xb8\xd6\x90\xa6\x19K\xe1\x823\xae\x90\xa5\xe7\xb3\xf9\xf4\x10\xff\xb6~\xfc\xf8\xea\xe5\xc7O\x0f\xa7\xf3Y\xdf\xaf\xfcu(\xd7\x06\xcb\xd1\x89\xa5\xc4m\xebc&gt;$:\xb6t&lt;$\x14+\xd9P(5QW\x1b\xb1\x11X\xd1jp\xad\x86\xaa\xba\xa8\xe9\xaa*\xfd&lt;\xb0\xb9E\xba}~\xbeX,f\xb3\xc5V?-l\xe3\x99\xbf_v\xa1\xb3\x8e\xd5\x92\xca\xd7U\x87\xd3TN]\x8166M\x89Z&amp;XD\xca/0\xc5\xa2\x9b\x9d\xf5\x81\xac\xd9\xc6G4\x19\xb9\xf4\x93\x0b\xb9[1-\xff\xbc\x12K\xb0\x1cU\xab\xf0+W\xf3.\xd7$\xb2\r\xb9\xb1\xd4\xaa\xd4\x8597\x10\xc1\n+^;\xd6\xf4\x92v\xac*\x83\xe0[\xc3*\xd3uk\xee\xadIe\xfa\x90j\xe1\x87mVU\x89l\x1b\x92d\xa4h\x99\xc1\x92l\xc9\xa4,\xb9g\xd7Q\x10\xad;h\x99\xacd\xa6\x1b\r\x19&gt;X\x96\x11\xd1\xac\x92rE2\x8b\xd5\xaaT\xa9c\x0e\xb3\x1c\xea\xef\x91\xb8: \xb2lD$\xc4\x1f\xd9\x8a\x12\x83U\xcan*\xb0\x1b\x06\xd9\x90Z\xeb\xa2\\\xa6+\xcd5\xd4:\'\xca@\xb8\\E2\x14\xa4\x1a\xb9\x17\x8aJ\x8aL2\xdf5^\x85\xa3X\xd5(Q,\xaa\x95%\xbc\x0b\xc3N\xa7\xd5\xc8\x97lz\xf8c\x14\n\xde\x83\xa5\xa8\x1a\xb0\x90\xfb\xd6\xd2\xe4\xde\xb5\x02\x19\xdb*e\x13DW\xde\x0b\xe3\x9ea\xe2ma\\\xac\xecN+\x11\xa4\x11g\x05\xb8&lt;Qk\xa0\xcb\\\x14\x96\x918\x1b\x06x\x8f\x05\xd3\xe8\x97\xc7\x16\x94`\xe1(\xb4K\xb6\r\x98\xbb\xca\x93/\\ne\x1a\xb5pV*-Km\x97&gt;\x94\\\xf1\xe4\x82\x9dQ\xadQ\xb2\xfd\'\x8a\xc4W:\xd5H&gt;\xc9\x00\x00\x00\x00IEND\xaeB`\x82'</t>
        </is>
      </c>
      <c r="M62" s="3" t="n">
        <v>45492.67684027777</v>
      </c>
    </row>
    <row r="63">
      <c r="A63" t="n">
        <v>152276</v>
      </c>
      <c r="B63" t="n">
        <v>1963</v>
      </c>
      <c r="C63" t="inlineStr">
        <is>
          <t>Felipe Anderson</t>
        </is>
      </c>
      <c r="D63" t="inlineStr">
        <is>
          <t>F. Anderson</t>
        </is>
      </c>
      <c r="E63" t="inlineStr">
        <is>
          <t>PD</t>
        </is>
      </c>
      <c r="F63" t="inlineStr">
        <is>
          <t>ATA</t>
        </is>
      </c>
      <c r="G63" t="inlineStr">
        <is>
          <t>PD</t>
        </is>
      </c>
      <c r="H63" t="n">
        <v>175</v>
      </c>
      <c r="I63" t="n">
        <v>9</v>
      </c>
      <c r="J63" s="2" t="n">
        <v>34073</v>
      </c>
      <c r="K63" t="inlineStr">
        <is>
          <t>Right</t>
        </is>
      </c>
      <c r="L6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93a150fc-3aa3-4f86-a9fc-67de18dab5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94\xf1\x00\x00\x03\x00PLTE\xff\xff\xff\x0b\x08\x08\xfd\xfd\xfd\r\n\t\t\x06\x05\x10\x0c\x0b\x16\x11\x10\xff\xfe\xfe\x06\x04\x04\x13\x0e\r\x005$\x00-\x1e\x00;(\x00J5\x00C/\x00@,\x000\x1f\x1a\x13\x12\x00H2\x00&gt;*\x03\x02\x03\x009%\x1e\x16\x15\x002"\x01F0\x00Q:\x00M7\xb5hJkA.\xdd\x86g\xb0fG\x8eO;V0 Z5\'n;$\xef\xf6\xfd\xe4\x93r\xed\x9f\x7f\x7fG4b4 N-\x1f$\x13\x0c\x96R;vH7\xd8\x80`g=(\x19\x0b\x07\xe0\x91m\x00,\x1c/\x1c\x14\x14\x08\x05\xcbzY\xa4S6i7"\xdc\x8cm\xf9\xfa\xf8\xe1\x8ai]1\x1eT,\x1b\x90J0\xc9xOK&amp;\x17D$\x16\x0f\x05\x03\x89L3\xabbH\xe5\xed\xf8\xd2~_F+ \xeb\x9d{\xea\xf2\xfc\xbaoQr@)\xcfyRa8+\x89F/\xf0\xa3\x83\xe3\x8dm\x9dP4\xca|`#\x1d\x1b\xc4pQ\xe9\x99y9 \x16\xe1\x8fr\x1f\x0f\t\xf5\xf9\xfe\xc4wX\xacV8\x81K9\xdc\x83c\xda\xe4\xf2+\x16\x0e\xd7\x85e\xc1pJ\xc8mJ\x97M2\x87N=\x80A-\x8dUG=%\x1c\xf3\xf4\xf4y?/\xbciM\xe5\x96x\xd6\xe0\xedyE,\xee\xee\xeeq;-\xb2hRj8,\x9bYG\xacgU\x01U?\xe7\x9a~\xdf\xe8\xf5\xa7_?\xd1zY\xd0\x82e\xaea?\xb3\\&lt;\xc8uV\xcdrO\xb9c@\x81F*\xbfsT\xe7\x98t\x9dV:\xc1fD\x94WD\x92Q4\xa1`QQ3)pE2\xdb\x8cd9\x1b\x0ex&gt;&amp;\xe6\xe8\xea\x9bTC\xa3WD\xa1\\@\xd7|W\x00)\x1a\xb4cC\xa5_H\xcb\xd5\xe3\xabZE\xd5\xdd\xe5\xf2\xa6\x8a\xdc\x91w\xb9mH=87\xd0\xdb\xe9*%$\x03[D\xdb\xd9\xd9s@3Yf8\xd4\x89nFY0\xe1\xe2\xe3\xc4\xcc\xd8\xcd\x82n3-,\xd2\x83Y\x1fM1\x80PB\xed\xf2\xf7\xe9\x92q\xc5\xc0\xc0\xb6p]\x15A+\xc5\xa3I\xb1_NjddgrB\xa0\x9b\x9bJA@\x92\x8e\x8f\xc4|j\r:(\xb4\xaf\xafOLK5S0\x94]M\x87\x80\x80\x0c4!\xbbfY\xca\xc8\xc9\xc3nb\xaa\x95H]^]}wu\xf5\xad\x95\xba\x9a&gt;\xb6\xc5\xc5\xa9\xa7\xa7XSR\xc2\xafm\xce\x8au\xd3\xb1Y\xd3\xcd\xce\xce\xd6\xdb\xd9\xb9f\xfd\xfc\xe8\xbb\xb7\xb7\xbewb\xcc\xabRaD9\'B%\x02%\x19\x93\x8dR\xc4\xa9\xa4\x9e\x8a&gt;4bY\xa9\xa0c\x7f\x82P\xec\xca}\x8b\x83Al\x8c\x8b{\x9d\x9c\x14RB\xb3\x928\x97E=xo+\xf4\xe9\xe5\xf8\xf2\xf0\xdf\xb6\xa9w]X\xbe\x8d\x81\xd4\x93\x81\xa1\xb8\xbd\xbc\xa2THhJ4bDe|{rlm+IA|0+Z\x19\x13Nul\xe4\xc4\xba\x8f\xa8\xab\xdf\xa6\x93\xd7|{\xacyo\xde\xc0t\xea\xd3\xcc\xef\xe2\xdb\xe7\xcf\x8a\x99nb\x83\x8bcuSK\xa5\x87\x84\xde\x85\x89\x9b\x83%\x82\x14w\xd2\x00\x00 \x00IDATx\xda\xc4\x98\xddkZ[\x1a\xc6\xbb?\xdd\xfbrA\xd87EH\x82\xd2:8\x86\xec\x93\x0f\x1b\x89\x9e!\r\x1ck\x92\xee\x9a\xc8\x04\xb1\'"5\x911\xd3\x8b0\x9e\xa6&amp;u\xc2\xa1\xd4\x84!\x04\x0e\xed\xc8\xc6\xa1\x04\xf6\x957\xa2B\x04!\xa0\x17z\x91\x8b\xfc\'\xf9#\xce\xf3.\x9b\xc2\\k\xdb\xa5\x06\xd3\x9d&amp;?\x9f\xf7y\x9f\xf5\xae\xfd\xe0\xc1\xc8\xcb\x85\xc7\x83\xec\xcdU-+\x8a\xae\x07?~\xb9\xf8\x12EqQ\xbcl\xb5\xea\x8dKp\x89\xc3\x7f\xf9!x\xae{\xa8&lt;\x81\x88gg\xd5\xba\xe5\xb4\xef\xae\x1aW\xa2\x98\xcf/\xf6o\xae\xb3?\x00\xcc\xb5\x08E\x16\xb3\xf9Z\xbf\xdf\xbf\xea_\xdd\xde\xf5\x06\x06\xab8\x83z\xbb\xd5\xb8\xea\xf4z\xedv\xbbu\x96u\xb9\xbes\xe5.ok\x8b7\xd5F\xa3\xdej\x0e\x1c\xdb\xaet+\x86\xaa2\xcb\xb6\x8c^\xbdW\xc7\xf7]\xd5n\xf7n\xaf\xf3\xe2\xf7Bs\x89\xd9E\xf1\xf6\xa6\xd5\xef\xd4\x1d\xa7\xd9\xabX\x063*]GUT@1\xc5\xa9X\x16\xb3+\x96\xa2\xaaV\xbb\xd5\xb9\xad\xe6\xbfO1]\xd5\xdb\xeb\xc6U\xad\xd1\xac4\x1d\xcb\xae\xd8\x86a\xa8\x86c\xe9\xb2\xae\xea\xba"\xe9\xaa\xaa*\x12\xbd$\x08V\xa9\xdf\r\x1a\xdf\xc5eb\xe3\xb6\xdam\xb5\xee,\x03\xbaX6cL\x812\x8a\xae(:-\x05d\x8ab1I\x90t\xc6l\xc0\xdb\xadKj\xceo]\xc3\xdbn\xcf\x19\x0c,\x86\xbf\xca\xa0\x144R\x19JHL\xaaA\x82a\xa9\x8a ):SU\xc3\xae\x18V\xb3\xd3\xa8f\xc5ol\xf7[\x8bp,X\xdc\xa0\xa7\x82\x85\xca1\x89t\xd2\x15\xc2\xd4\xc1$\x90Z:\xaeX\x86\x8e:W\xae\xf2\xdfP/\xf1\xacQoZ\xb06\xd5\x8e\xe4R\xa9j0\x143$\x01\xc5\x04\x1f/\xa9\xa1\n\xb2\xac\xe0\xaa\xce\x0c\x06,fu;\xd5of1\xb1\xda\xaa7\r29\x90\xe0\'\x95\xe4\xd0\x05\x81\xd4\x82\xd5\xf1\x85\xe9\x9a\x06\xadl`\xa1\x94t\x8d\'\x07C\xa8\xd5\xaf\x17\xbf\x05\x17|+\xd6\xda\xb6\x03\xa9\xf0$\'\xe9\x12\xa7\x81\x97 \x91\xc2\x14MQ\rK\x9a\xd0\x14|/\x0bd3\xc0Y\xf4#p\x1d\xba\xb6w6~\xe7\x8b\x97\x8d\xeb\xeb\x01\xb2\x00Ld \xe8Dq\xa0\x03J\x10\xd0\x85\x8c\xc9\x13\x13\x82a\xe8\xb2B\x86\x97\x05A\xd04Y\x96\xa0,\xaf%\n\xe9t\xc6\x1e\xafP\xaa\xdb\xa9\xa3\xf5a,\x95\x8aG\x16W\xc8\xdd\x020x\x1bJ\xb2\xa4\x1b\xe4\'\\\x91!\x94\x06,jJ\xfc\x18\xbc\xc7(_\xab\xf9\xcb\xf1\xc6\xabx\xd6\x1d4m*\x08\xb3,X\x88\xe4\xd0\x14P\xe9\x90\n\xca\xa0h\x00\x944\xdd\xe0^#,\xbc\x08\x9a\x8a\xa9B,&lt;\xedn\x0f\xd3\x8f8N\xb1:\xaa\xd1\xae`w\xd1\xe9O\xe8`\x80\x18:,\xa4(\xd0eB\x9b\x80\xa5dt\x9f\xc1\x04M`\x86\x80K\x88XY\x03\xbd\x04\xbd\xf0q\x0c\xcb0\xecf\xad\xd6\xcb\xba\xc6\x88\xd5P\xb1\xcf\xa8\n\xdfZ\xa8b\n\xb8\xe0l\x99\xa0&amp;\x08\x8b\xd7U\xd7\x89\x04\x11o\xa8\x90H\x97\xd0\x97C.\xaa\xa3aU\x06\xf5\xfa]~\x9crU\x1dF}\xc7,\xea3\xea4\xa8\x02(S\x92eMP`w\x14\x8d\xe4\x99 \xa3O\xc8\x14\xaeLE\r\x81-\xe8\xf4\xa0\xccoV*N\xf7&amp;;N\xac\nC&lt;Qd\xd1\xfe\x82zA\x14Y\x8e\x98\x81@\xc2\x8c(\xaa\x06\x14\x98\x1cP\xbc\xffd\x00RGPM\x81\xc5\x0c\xbe\x13\x18\x14.\xd6]ulr\xb9\x16[\x86\r\x8b\x18&lt;D\xa9\xcd\xe4H\xc44\xcd\x80/\x95J\x99\x01z\x13!\x95\xf0\xc2\x85\x08\x94\x8a\xd0u\x82\x81\xf1\x05\xf2#&gt;\x15\xbd\x00\xd7\x19\x93\xbb0\x9b\xd7z6x(\x91\xb0\xd5I\x91\x88,\x81\xa4\\^^\x9a\x9c\\J\xf9|\x81\xf0r8a\xeaf\xc2\x17\x08\xe0\xbb\x88\xe9\xc3\n$\x12\t\x90\xa0Mi{\xa2\xfd\xdc\xe0\x11\xe6\xdc\x8c#$\\b\xb5\x7f\xd3\xaa5u\x05\x1d&amp;#\xa1\x02&amp;\x94\x08$R\xe1\xc9\xf9\xe9\xd3L\xe6t\xa9\x9c*\xeff~y\xb4\x14\x0e//\x97\xc3\x8f&amp;}$\xdff\xb8\\N\xf9\x98\x12\x81\xbf\xd0\x98:\xa3\xcc\xd5i\xb0\xb0\xea\xe3\x90\xcb\x95\x1fX\xce\xa0c\x0f\xd3S\x11LZ\x89\xd4\xf2\xd2\xa3\xdd\xd8q,\x9d\xfew\xe88\x13\xda\xd8H\x87b\xc7\xa1\xf4_~\x0f\xfd~ZN\x98fy\xfet\xfaI9\x10\x89\x04\x12\xaa)\x9b\x01t%\xa5\t6*\xdd\xaa\x8c\xc3]\xaeK\x0c|\xb6C\xbb\x8cDy\x04\xad\x12\xb3\xe1\'\xd3\xa7\xb1Pzcn\xfbb\xef\xe4\xe8\xe8\xe8\xe2\xe2\xe1\xc3\x8b\xff\xfeJk\xef_\xd3\x90o:=\xb7\x11z\xe2\x8b$\xc2e_\x00\x81&amp;Q\xb4\xf1\xb4\xd0\x993\x8eH\x15/\x9b\x8c\t|3\x81y%\x05R\x85\x97\xe63\xb1\xf4\xc6\xc6\xdc\xe1\xe1\xc9N1\x1a\x8d\x16\x8bo\xa3\xd1\x9f\xa2\xd1\x02\xbd\xdfy\x93&gt;&gt;No\x1f\x1en\x87\x96\xca\xcb\xf3\x8f\x00f\n\x94n\x13\xd8\x0c\xb0\x05Xv\x7f\x0cE\x14\xf3\x03\x15\xb9\x88\x0f\x8b\xa4\xc2\x06#\x07^M\xce\xa3lss\xdb\x87G\xa0*\x16\n\xe7\xe7+X\xfe\xa4\xdb\xff\xd2\xbfR(\xbe\xd89\xd9;\xc1:\xdaN\x1fOOO?A;\xf0\xd0\xa5L\x03\x96\xd1\xee,\x8e\xa1\x88\xd9.\x97\x8a\xffb9"k\xb3K\xf3\xbb\xa0\xda\xe6T\x1c\xcb\xefO\xbe|\xf9\xd2\x1d\\p\xbb\xddI\x7f\xa1@\xa2\xed\xec\xec\x9c\x1c\x1d\xce\x85b\x99\xd3GK\x9b\x11\xfe\xbf\xa1\x17\r?\xf5\xce\x18fUW\xb6\xae`\x14P\x04\x8e%G\x12O\x9f\xed\xc7BC*\x12\xabX\x80L\x0b\xb4\xb6\xb0\x16\x82n\xff\n$C-\xc1ur\xb8\x8d^\xc8\xcc?N\t\x12\xc7\xa2)\xc3\xa87\xc6\x80\x85"2A\x85W\x87\x854\x9fN\xed\xc3X_\xc4\x02\xd4\xb9\xdf\xef\xe6H\x9f&lt;\xb9\x9cgkf\xe1\xa5\xdf\xef?\x07W\xb1\xc8\xf5\xda\xd8 \xae\x842\xac"2\xdf\xea4\xae\xc7\xa0\xd6\xa5\xa3h\x94\xeb\x02\xdf\x87SS\xafw3\xe8A\x8eU\x8c\x82\xca\x9dt\xaf\x83*\x97\xcb\x1d\x1c\x00\xcc\xb3\xc5KyN\xe6\'\xaem\xb4\xe4?\xfe\x1af\xa0\xa2\tQ\x96\xedz\xab6rr\xb9\\5u8\x16`.\xd7d\x86\x12f(\x1a\xb6\x0f/Nv\xa2\\\xab \x15o\xcb\xc3\xb1\xe2\xf1\xdc\xd6V0\x18\x04\xd79\xb8N8W:\xf6\xcb\xd4\xac0\xa1\xd1\x9e\xaa\xe8\xce\xa05z\x151\xd3\xc84\x13`\xc2\xa2\xc9\xef\xd5\xd4\xebS\xc2\x1a\xb6a\xf4\xfc&lt;\xe9w\xaf\xe7r\xa4\xd6A\xfc\x80\xe4\xca\xcdl\xcd\x04\xdd\xc9s\x92\xab\xf8E\xae\xd8\xee\xb3\xa7\x01\x8cd\x06\x1dv\x8dJ\xabu9r\x15\xf3mE\x1e\xb6"\x96\x01\xb1v)\xb3\x80\x85\xcc\x82\xdb\x93(\xa1\x87\x16\x98\x0e\xbc^\x80y&lt;3\xe0\xe2j\r\xb1\xb6\xe1\xae\xd7\xef}\xda\x84L#,Z\xb1[\x1by\xb8q\xdd8\x86B\xf1\xa0\xd1D:\xfb\xfe\xf5&gt;\xb7\x16\xc7\x82\xdf\x93nTlf\xc6\xb3\x95\x8b\x1fx\xd7@\x15\'\xac\xf5`2\xc9\x8b\xf8E\xadtl\x7fj\x16\xb3\x10\n\x89\xf1\xd0j\xd7F\x16K\xec\xe3`\x8c\x0fJa*\x9b\x9b\xa8\xe1\xe9W\xac\x9db!\t\x7f\xbb\xd7\xd7\xb7\xd6=\xab^&lt;V\x89\xca\xe3A\x11\xef\xcdEXs\xe9\xd0\xee\xb3W&amp;&amp;2YV1\xe38\xfdQO@\xae\xc5\xbe\xad\xd3\x84\x0c\xd7k\x11\xdf\xd3gCk\r\xd3\xf4\xd7"\xfa\xd0\xed\x0e\xa2\x8a\xb9\x9cwm\xcd\xbb\x1aGB\xa0\x86\x1f&gt;$\xfd\xc9\xafX$W\xe6\xf5c\x06\xc5e\r\xe7\x13]\xed\x8d\x1a\xf3\xa2x\xdd\xb4h\x1e\xc5F\xab\x05f\xdf\xdfc\xf1\x80\xd8)R#~p\x07=\x9e\x85\xa4\xa7T\x8a{\xd7\xe23C,?\xa9\xc5#\xf5h\x9b\xe4\x8a\xed\xbf\x9f\xa5\xd1\x9e\x9f\x96T\xebj\xd4\x91K\xccw,\x9c\xfb\x14\x8aBus\xea\xabZs_\xb0\x92\xc9`p\x01vZ\x98\xf1xJ\xf1Uo\xc9\xc3-\x1f\x0c\x0e\xb1N\x86\x9eG\x15\xa7fU\xda\xec\xe9|\xab\xb3\xc1\xa8\t!V[m:\xe1P\x19\xd5\xcd\xf7\xff\x8f\x85Vt\xc3\xf0D\x84:\x96\xa0\xd7*\x1eD\x06\xd3\x03k\x18\\\xb4\x03\xc5v\'g}&lt;\x93%\xba}bWG\xc3r\xe5\xef\x9a\x8eB\xf9\xa0\x0b2\x9b}|\x1f[\xe4-\n\x08\xf7z)\x8e\xb5\xba\n$|\xc5\xf2z\xbd\xf1R\xc9\x13\x0cr\xac\xfb@\r\xedN\xa6\x80%\xd1\x1dCIq*#V\xd1\x95\xef51\xc3! $\xd85\xf5\x98\xb6\x1e\x8e5\x07\xb1\xa2\x85\xe4z\t kkdw\x02\xc2\xe2oWK\\.\xee\xf9\xe1\xfe\x03\xac\x00\x1d\x87\x08\x0c\x07\xc6\x11\'AW\xf6N\xe5\xe7f*b\xc0\xf7\x98\xa7)/"\xb0\n+\xee\x19\xc2\xf2\xae}\xfc\xb8FD\x04\x88\xb7DVZ\xe7\x89JX\x17\x84\x95\x99J\x99t\xc3\x84N\xdb\xac\xd9\x1b\xd5[gm*\xe1pX\xd2S\x93\xa8!\xb00\x98\xce\xbd\xd9{[\xf0/xr0\x13h8\x16\x91}\xc4\x83\xf4\x8a#\xbc\xfc\xfeh\xf1\xe4\xe4\x82\xbc\x95\xce&lt;\xdb\x84Z\x08.\x9c\xbd\xedzu\xc4\x9b]\xae\xb3&amp;\xd3\xb1\'\xd2T"I\xf7X(\xe2\x1f\x17/\xde\xae\xac\xb8?}\xc2\x06MI\x8a\xcc\x8a\xc79\x18^\xabk\xc0r\x7fH\xae\x14\xde\xbe\xd8\xbb\xc0p\x93\x0e\xfd\xbc\x1f6\x87\xf7$p\xc6h\x8cz\xe2\x17\xb3ux}x\xa3A\x8e\xccN\xa1\x86\xc7P\xeb?\x7f\xfc\xed\x9f\xef\xfe\xfe\xfc\xf9\xf3\xcf\x9f\x01\x86\xb9\x01T\xa5\\\t;\xd0\xea\x01\xdf\xb0?-,|\xfe\xed\xb7\x9f\xde\xed\xbd\xdb{\xf8f\x0e\x07\xa2\x9f\xff\xf7\xd4\xa4\xc38\x0e\xc1\xdd\xfe\x18\xe6\x9a\xbe\x8a\xdf5\x1c\x01\xe5?i5\xbf\x976\xd25\x8eW\xb7\xad=\x97\x0b\xa573\x93\xc9\x14\x1d\xd3\x99\xa8\xe8T\x1b\xab\x89\tII\x8d\xa6i4\x92Mht\xc7\xf1\xcc\x14\xcf\xe4\x07b\xe2I\xd9\x98\x13\x13[\x9a\xf1\x900hKi\x08Kz\x08"\xa4l\x1bvIIe\xd7\x8b\x83WGz\xd1\xfbb\xb5^\x9d\x9be)-\xa5\x0b\xe7y\xb5\xe7/\xd8\xd9\x07\xf4\xc2w\xcc\xfb\xc9\xf7y\xe6}\x9f\xe7y\xdf^\x14Z\xa0VZa\x02B6\x1b\xdb\xda\xdb\xabW\xcae\x94\x05B\x9e\xe5k\xef\x81\xd5~\x03\xac\\\xae\xd4\xeb{{[\xd9L&amp;S\xd4\xa9if\x85$\xe9\\\xdf\xf1\xce\xfaU\xcb\xcf\x8f\xffp.\xdf\xda\xfa\xc3\xc3\'\xa8\xb3\x87\xb8Fz]"`\xcdZ\xad2E\xb9p\x96e\xab\xd5j#\xb6\xe7I\x84P\xda\x8cV\xb0\x8d\x81r\xa5R\xdf\x8a5\x04\x01\xc6X\xdc\x85\xe34\x93g\xc8!2\x90\xeb&gt;n\xc4\xb5\xb4hP\'\xc2"\xff\xf0\xe9\x05\xf8\xbc\xe3L\x1c\xb0\xe6g\xc5YY\x7f\xd5l6\x18,\x93\x93\xbd\xbd\x93\x16\x17\x9f\r\xa7&lt;!\xe0\xea\x81\x9f\x84?\x9c\xcd\xb0\x94cn\xce2\xe7\xc8\xe5\xf4z\xaa\xb3K$\xc1\xf8\x1c\xd4\x8b\xa7\xcf\xa1\xd8z\xf9\x87\xb1\xdaZ\xbf\x7f\xfe\xcb\xd93_\xea\x9e^\n\xc4\x12e(\xeb-\x16\x83\xc3\xe1\x98\xbc\x07f\xd1\xaf\xd2Q\'p\xa1\xbd0\xe1\xd7\xf1]@mA\xed\t\n\xc7\xbb\xf4\x86\xae\xae.\x16\xb0@\xad\x16T.\xb6\xfc\xe5\xdf\x9a\x14\xfbm\xf7\x7f\xbey\xe6\xa4\xe3w\x8b\x12iQt\xe9A+\n\xafV\x03,\x8bwuvv\xf6_\xa7\x8bN{\x08|x\xf7_N\xc6z\xb1\xeb\xe2\xf5\xebl\x80\xe7\x05!S]\xed\xc2Y|\x95\'\x85\x80\xa3\x0fa\x9d\xfe\xea\xec\x8f\xda4v\xdb\x1e\xfft\x13&gt;\x0f\xb0.\xe5J4]\xea\x1c\x1c\x84\xb9x\x81\x07\xa3\xe9y\xb0\xef\xacil\x94h_\xee\xb9\xcba+\xdf\xcd\xd3\xf3\xa2\x1cAV\x02\xb6@\x80f\xd9\x80 \xb0(\xe1:\xdfr\xf6\xec\xb3\xc7Z5\x92^&gt;9s\x06\xa95\xe5\x90iZ\x96\xe5\x88\\\xc2\xd1\xa4\x02/\xbb\\@:6\x96\xc68\xd3\xf2D\xfb]N\xb7B\x03\xb9+Bg\xb2\xb1(-\xbbJ\x010\x1aa\xf5\x9eA\xa1\xf5\xe8\xc9S\xad\xba\xa7\xadW^&lt;}\x01\x15\xd5\xb9\xee9`\x10\x11\x97K/\x0b\x82\xd0\xa8\xb2%\x17\x15\xa1\xadV\x06\x8b\x0f,_[\xbe;\x8c\xb0\xc4H\x84\x16\x1a\x9f\xdeg\xa3\x8c\x18\x11i\xa4\xaa \xac\xdeB\r\xcd\xd37\x7fz~E\x1b*\xd4\xe2\xfa\xe1\xe9\xb3\xaf\xcf\x9f\xebCX \x86\x18\xd1G"\xd4\xe4\xd4\xa5\xde\xc9\x1c\xf8\n$dt\\\xcf\x04\xc2ZZ\x99/\xc92\xcd\xba\x1c\x93\x93s.6P\x92i\x9e$\xe1\x1b\xe0\x97N\x9f\xee\x9e\xec}\xf6\xdf\x97Z5)!s~27\xd7}\xfe\xfc\xc81\x96\x95\x16\x07)\xfd\xa4cj\xe4\xebG}9\x10\xabT\xa2\x19\x95k\x1f_\xbf\xd6\x03X"\x180\x8f&lt;\xbay\xaew\x8e\x821\x12\x16\xae\x8c\x80O\x8dL\xf53\xd9\x1f_\xdc\xd7\xacuz\xff\xe1\xab\xd8\x9b\x8b\xf7\xfa\xfa\xe6\xd8@\x80dH\xd1u\xd5\x92;|\xd4\xd7r\xe1\xc2\xa1P\x92a\tgl\xf6\xf6\xf1\x9dq\xf7pa\xc5J\xd2\xfd\xf8\xa7g}g/\x8c&lt;{\xe5\xd0\xcb\xb0\x9c\x16\xa3\x99\x06\xde\xdd\xdd\xb9f\xdbz\xfdB\xbb\xc6\xfc\xdf\x1e\x1e\x86Uu\xcc\xdc=\x07\x1e\x81\xef&gt;&amp;\xeb\xa9\xd5O\x87\x97\xba\xa7r\x9f\x1a\r^\xccf\x18\x9d\x9d\xe8X\x1f7\xdd)\xa4\xd5\xa2L\x0b\xef\x0fouw\xf7\x1e~\xa6\xf4.\x9aQ\x8e\xb1\xa6\xf4\x8b\x98\x9a\xff]\xbbF\xf3\xa9+\xcf\x1bcC\x7fWgo\xcd\x05x\x98\x84\x19\x13#.\xb6\xf1\xe9\xf3\xab\xcf\xefc\xd9(l\x8e\xc5&lt;fww\x8c_\x0b\xce\x14\x16\xb1\xb0-\x9a\x89\xc6`\xe7\xa9\nl$"\x8e\xc1\x7f\x14\xa3\x8d\xd5^\x12\xb31\xe9\xd7Z\x9e\x16\xfc\xf5\xfd\xd8\xec\xe5B\xdal\xe0\xc9\xbc\xa2\xde`\xc8YY\x84\xb7+\x0bDJ&gt;\x9f\xcd\x16\x15\xc9\xb8\xd9\xb1\xde\x01XKX8K\x92\xf9h#\xdb\xe0\x03\xac\x08\x91\xc5\xd8l\x80\xc5\xeam\xba|^}\xdd\xa6%\xd6\xbbo\x87n\xa8J?\x85\xb0l\xaa\xaa\x90\xf4\x98\x15\xe6\xce*y\x92\x01\xb9l6\xc9x\rb\x8b\x98yP\xd0\xc5\xb2$\x1a\x03\xcb\xf0V\x06\x9e\xc7\xc0y\xd1@\x97\xce\xb6\xa6S\x7f\xd3P\xad\xd6\xfd\xfa\x8d7\x80%\xbb \xb4\xd4Z\xd8\xa6(\x90\x1500\xa5R\x8c\xc5\xb6b\xb1\x1a\xe6\r-\xac\xef\x8c\x07g\xfe!I\xce08U\x81G\xe0\x99|\xd1f\xd3\x1dc\xf1\xb8mq\xc9Y8\xd0R\xad\x8f{\xdf(\x97/+r\x04\xdc\xa3\xea$L\r\x87c`\xe1\xad\xbd:J\xac\x9c\xd2\t\xd65\xa3wz\xda\xeb\xf5C\xaa\x05\x16F\x0f\xa4R\x18\x96\xc2lJT\xe8*.b)\xe9Wm\xd5R\xd5on02\x0e\x12\xa9\xe1\xedf\xb8\x99\x02\xa0J\xa5\xb2\xbb[\xa9x\x92\x92$yC\x13\xeb;\xcbq\xafw\xe6\xce\xa8=Q\x81?#\xde=H`\xfd\xc9\xa4\xa4S`\xe1*b@\xfcQK\xb5\xde\xee\xd6j\xaa\xf2\xed\xc5\x12I2\x8a\xe4\xdf\xf6\xf8=\xc0T\xde\xdd8\xda-\x87\xec^\x84E,\xec\xec\xb8G\xbd3\xc3\xa3\xa3Fb\xa0\xbcq\x84r\xd4D"d\xb4s\'X\xab\xd1\xb0?y\xf4V\xd3\xd3\xd7\x83fMR\x87\xfe\x8f\xe5I\xc0|\x15\x94\xc7o\x0c\x10\xc4\tVhag\x1d\xb0\xbcwF\xef\x18\xdd\xed\xbe\x014\x06\xe9\xf4\x00\x11\xb2s\x80\x15\x15\xd8X8Q\xf9\xa0\xe9au\xeb\xaf\xdb\xcdmU\xe1K(\xe41\xbf=\x14\n\x95\t\xa0\x1a\xf0\xc1\xbcq\xa0\x92\x92\xa0V\x07\x01N\x1c\x1e\xbe\x13\'6\x97Q;\xd5\xe7\xbb\xeds\x9b\x10\xd6R&gt;*\x04\xb6\xb67\x8e\xf6\xb5\xc5\xfa\x10\xdb\xae\xd4T\x1e\xe7\xc94\x94bP\x89\x11 \x03A\xf8`Z#\'a\x98\xd7&gt;0\xbe\xd3a\x02,\xef\xf4\xcch\xd0\xbd\xb9\xe9v\x9b\xd0(j\x88\'\xa5%%\xca\x0b\x1e\xcf\x82\xb6&gt;\x84WQ\xdd\xaa4\x9b\x19\x17\xec\x88\x97\x0b^\x8f\xddx|fA\xb8}&amp;"\xc8I\x05\xc0\xf2\x8d\xef\xac\x9b8\xa0BX\xa6\xcdM\x93\xc9\x8dz_\xa6\xa01\xee-\xa8J\xa6\xca\'&lt;\x1bGo5\xbdl\xd3\xba_\x8bUj\xcd\xe81\x96n\xda\x1bGG)\'m@\xc2\xc8\x15tPa\x03\xd6\xce\x00\xa8%=\x98&gt;\xc1r\xbb\x89 \xb0\x1b\x8d\xdctA]k\xb0\xbc?\x19\xda\xd5X\xad\xb7[\xb5z\xed\r\xa9/\x05\x98\xf4\x126\x9d\x04/\x12\x0303\xb8*\x98,HI\xce\xee[\x07,x\xeb \xfe\xe3\x048\x11\xdchB-\xd4x&lt;\xf9\x00\xa9\xb5\x9a\xc1\x12\xc9\xa3+\xa7\xb4\xc5z\x17k6\xc7h=\x1e \xd3K\xa8\xce\x0f\x12A@2\x81\\!\t\xdb\xf6xB\x80\xb5\xee\x0bq\x88\xcb\xde\xb391\x81\xb8\xc0\x8d\x10Y^I\xb7\x98\x17pa\xda\xef\xfdM\xe3[#W\x8e\x9a\xb0r\xcd^u\xd1Vf\x11uE\x82H-\x13\nm\xbb\xd4L%\x93!\xdf\xc2\xfax{(\x99\x04\n\xce\xbd|B\x85\x02\xde\x98\xf4b\xba\xb5L\xd5E\xda\xbd\xc4\x81\xd6\x97Y\x0e\x9a\xdbJX\xe94\x94@\xaeE\xcc\xcb\xd9!\xe0\x83Aw\xfb\xa6\x89\xab\xd5\xc2\xb0\xc1\x84`\xa5\n\xf9%\xa7?)%{n#,\x80B\xe7e\xfe\x94\xce\x16\x15V]\xb1r\xe2\xf6\x07\x8d/\xff\xb4}\xa8\xd7\xb7k\xe1\x88\x01\xc9\xb5\xa6s~\xe1r\xb7\xb7\x13I5=d%\xd3N\x8f?\x15fHR\t\xd7\xa4\x9e\tp\xa2;\x08o!\x04\x9b\x13\xd3\xd92&lt;\xfe*\x9c\xf2-\xec\x9f\xd2\xd8\xf6w\xeb\x95\xa6z\xf1*U\xb22 W*\xc9\xc5\x8dA\x14\xf3F\xce6&amp;\xf7\xf7\x8bd4\xcf\x04\xe4\xce\xc1~2-\xf5,\x03\x16\xc4\xbb1\xceyS@\xb5F\x06p\xdc\xc9-\xec\xbc\xd5\x1a\xeb\xd4A}w[\x15\rz\xdc\xba\x92.\xea\x9c\xceT\x12\xf5sM\xa6\x10\x87Y#\xfd\x91\xce\x88\x8cjV\xf8%\x0ey\xef\x82\x8a\x9b&amp;\xa31&gt;:\xecu\xeal\xc5\xa2\xc0\xe6p\x7f\xa2\xe3@\xf3\xabem\xfb\xefv\xeb5\xabA\xdfE[\xd3k\x90\xd99\xa79x\x1d\x89P\xc2\x13&amp;e\xcal1\xbbJ\x11\xcal\xd0\x0f\xca\x8c7t\x17\xadZ\xc6\xd1\xd1\xe1i\xe4\xc2\xe2\x1a\x8fS\xab\x9e\x81\x85\x0f\x9a\xdf\\\x84Z\xf1u=\x1c\xd5\x1b\xa8y\x08.\xc8\xedt\xce\xe1\xb8\xd1h\xb7\xa7\xb6\xb2%\nuo\xcc.\xcaro\xd2A\xb1\x8c\xd3\x03\xfb\x92)\xf8O\xd0\xea\x01P\xd9\x8ay\xc0\xaa\x96\xcb\x07\x7f\xc2=&lt;(\x16\xdf\xc7\xa2\x94\x19\xe4\xfa\x92s\x82\\\x9c\x7f+*Tq\xbd\xc1l\xb6\xdcsX\x0c\x16\xb3\xde\xc5\xf2\x90\xc1\xd8a{\x02\xad\x80\n\x89E\xd2TN\xd8=\xf8\xf8g\xdc\x0el\xfb\xcf/\x9f\x7f?t\x18\x06\x01k\xad\xb8\x08\\I\x7f*\xc6\xb3\xff\xe3\xe5\xfcB\xda\xc8\xf68^\xc2\x85\xec\xaah\x97e\xeb\x85\x0cI&amp;\x172\x13\x87\t\x8ek\x90$ML\xb2\x83f\x13\xf0"!h0\xf4\xaa\x89\x85\xc4\xa6\t$\x90\x16#\xde\xfc#\xc6\x06\xffl@\x04}0/\x16-.\xdd\xde\xebb\xab\xd2B\xbb\x0f\n\x16)\xa5/}(\\,e\xe9\xd6.\x8b\xf7\xa5\xb4\xe5~\xcf\xa4\xcb}\xdd\xbb\xdb\xb9\xbf\xb63d\x08=\x9f|\x7f\xbf\xf3;\xe7\xcc\xfc\xcepT\x91eYZ[\xb2\xc3\x91\x14\xcf\xf0+\x01,|\x90(\xbe\xbeP\xd7\xaa\x92\xe58\xba\xf0\xe6\xf9\xfa\xb8\x1cT\xca\xae\xe5\xe5\x7fm\x15\xb4ZL#\xe23$\xbez\xe7\xb3k\x14_\xa4x\x8f\x96*jK\xa2X\xd2r\x14\xcf\xb99\xddH \x1ewNb\xb9\xa1N\xcdW\xe2#\x1cE\x8b\xf4\xbb\xad1yj&lt;\x15\n\xe5\xfe\x11m\xe1\x8bQ\xcc\x9d\x91\xbd\xb2\x01\x8e\x02\x16\xc7\x15W\x02\xa1\xc0e-V\xd0\xe4\xc6\x11\xaer\xb8\x18\xa8\xa8\xd3\xa9J%\xae\x19\xe1\x8a\x1e\xfa\xde\xe3\xf5\xf2\x19\xb9L1\xfe\x96\xb5\xf0T\xb1\xc8a*\x91\xd5C(\xa8\x13\xda\xde\xc6\x92,\xb6\x91\xd8\xf8\x07\x96\x15\xf9,\x96\x87&lt;\x8c\xd2OU\xa6\xda4\x81\x80\xbbHy&lt;[\xb2\x16\xa9+n\xd3\x1e\x84\x0fOE\xa3D*\x866\xf3\x81lvff\xe6\xd9\xb5\xcd\x9d\x9d\xcdo67\xafay\x18\xd0\xf1&amp;\x10\x07\xdar\xfa(\xb9\xf3[\xa4\x8e\xf6e-\xb7Vn\xb14m\x06\x17\xa3\xa5x\x9ef\xb4\x96\x92\xcdl:\x19\xf5&gt;\xfb\xd5\xbc\xa3\xfa\x8b\x97,\x0c\xbc\xcb3#\xd1\xa8\x8e\x87\xb4\x14u\\\x96\xb5\x08\\\xb9\\`=f\xb3\x87\xb7\xd8h-\xcf\x9by\x86\xb1\xbd\x861\'u3\xbf\x96\xccf\x81\xa3y\xc6M\xb9y\xf0qE\xfe\xb6\xac%\xe0g\xce\x8c\x7f\xcbj\xb54\x8d\xb4\xceZH\x8b\x9ax(\x94\x9d\xc1\xa2\xff\xd9\xc9\xeb\xd7\'\'\xa3\'\xdeg3\xf9|&gt;\x9b\x1d!\xe1EzD\x11\'\xcfM\x99\x8b\xf9\x15\x0f\x90"\xb4\x1e\xden\xb70HY\x81|"\x9fO\xec\xec\x9d\xbe\x7f\xff~o\x07\xc7\xd3S\xf2\xb8`\xa37\x96%\xfd\x81A:\xc1\x99?Z\x96\xb9\x90_\xb1Z`-\x88+\xa8E\x17\xa9b6\xb6\x99\x98\xbf\x16\xdb\xdb\x03\xd8\xa9Duz\xba\xb7\xd3;9\xd0\x1bG\xa0\xf3f\xf4[\x8e\xf7\x1c\x1d\x8f\xcb\xbd\xbf\xa0\xeb{\x9f\x8d\xa6x\x8b\x9d\x1c\xa9\xac3\x16\x8bm:7\xd1\rw\xf6\xb0\x96\x84\xed\xf4\xc2&amp;{\xe7\x11\xe94m\xd1\xf2E\x8f\xa7pS\xfe\r\x19?\x08d\xe4\xa3\x10\xf3\x1em1;\x0f\xae\xc4\xa6\xf3\xda\x8c\x06\x89t\x04\xa3\xe5f\x0cT1\x95:\x8b\x88\xa2\xb5Z\x0b\x8dH\x94\xdd\x87\xf0\xe2q\xd0\xe7c\xa5\xae\x88\xbe\x18\x00\x97Z\xbd\xe9\x9c\xd7\xac\x981\xb9\xa1W\xe2\xc0T\xa9T\xeaT\x1bE\xb34\x06K\xad\xcd.\xde\x93}\xbf\x8f\xb2\xeb\xb8\x14\xf4\xd9Y2i`m\xac\xa7\xce\xe5\x8ck.k\xed\xa5\x12\xbb\x12\x8f\xa9\x80\x85i2\xc7\x16XV\xb4\x8b\xf6\xb0\x18\xbe%?\xd6\xd81k\x00\x17\x98\xec\x98\xc8\x84i.\xeeT\xc7b\xce\xf8E\x86&lt;\x7f\xba4\x0f\x17\x02\xab\xc2\xd1&gt;\x91\x05\x14&amp;b\xbe\xc2\xd6\xff\x01\xeb\xad\xb6d\x0c\x96|%\xb4\x17.\x85Ez-\x11C\x84\'0$\x07\xf4\xfa\xb6\xd8\xe4$\xb0\xe6\x034\x0bW\x87\xf1\xa5\xb0\xe0;:\x94\x1fk\xfc\xad\xd9\xe6\xf7\x07\x89\x95|\x82\x10\x16\x8f\xf2\x1b\x0f7\x12\x89yrw0\x91\x8f\r\x0c\x0c iQ\xac(\x82(\x18\x0c\x0bB\x81\x93\x1fKQ~k\xb6\x94\x8c\xfe\xa0\xc1 \x08\x82A\x08\x87E.\xf10\x1f\x8f\xe7\x13\xf3 \xcb\xe676\x1e&amp;\xb6\x03t!\x0c3\xf8\r\x82_\xa4\xd6\xd6e\xef\x88\xcae\x8e\xb1\xd8\xc0E\x043\x04\x05\xc1\'\x1e\xad\x85B\xa1\x91|"\x9e\rm\x870\xc7\xd9^\xe3\xe8\xb0\x10\xf6\x19\x80n\xf0\x07i* ?\xd6\x99}\x8e1[l\xc1\x0eR\xe0\xed\x0f\xfa\x05A\x0c\x17\x8e8n-\x9f\xcdg/\x87Bk\xdb!\xceS\x10\x83\x82\x0fZ\xf9\x85\xa0\xa1\xc0\xb8\x03\xbb\xf2\xab\xb5\xcb\x99\xcc\x16\x8b=\xd8\xd1a4\xa2a\xb8\xd1\x87\xf8:\xa2\xd6F\xb6C\xe4\xb9\xc5Z\xb1@\x8b\xa2`\xf0\tp\xb3\xc1\x18\xa6y\xb7~]\xfe\x90?\\\xd1\x11\xb9\xec\x06p\xf9\x8d\xe4\xd9\x9d\x18\x16\xc4\x02K\x85F\x8ak\xe4i&gt;-=\xb3\x03\x94\xd1\x104\xfa\xb4f\x93;\xf0X\xf6-w\xca\xc7\x17u&amp;\xc6b\xb1\xf9\xfcF\xa9n\x1e\xde\x12H\xe0S!\x0c~EL\xe2\x0b\x05\x9f\xe0\x13\x82~\xbf\xf1\xd3\x0e\x81\xd52:`\xc9=$*\xc6\xde]\x9c\xd6\xc1\x8dda\xe8\'[\x1b\x10\xd8\xe7\x0c\xe4y\xe7\x91X \xc6\x8a\x05\x01=\xc1p\xceh\xec6\x88\x16\xb3I\x17u\xc8\xad\x96\xa2\xbcu&lt;:=-\xb9\xf1\x03\x97\xf1\x9c\x1f\xfe\n\n"xH\x11\x02\xf2\x02\xa0\xa0U\x871(Jbe\x1c\xcf\xe5\xc5R\x94\x0fo\xad\x8d\x82\xcb\xf4\x81\xcb\xd0\xd1\xdd\xe1\'\xfb/\x82A\xe2H1,"\x99\xa1\xfb\xe1Z\x87\xc1\'QMG3\x8e7e\x85\xac\x19\xbe\xf6\xe0\xa7\xc0\xe8hfZW\xd7K\xac\x0b\xd6m\x94\x12\x94/\x88\xacO6\x87|\xe6\xff\x14\xce\r\xb3\x98/\x02+\xe3u\x84\xb6Ve\xe4\x1a?\xa8\xdd:rx3^\xb8\x91\xc4\x17\xc0l\xbe\xa0Q\xda\\c4\x1a\xfd\x9f\x19p\x80N\xf8H\xa4b-f\xc64\x9d\x01\x96\xe6\xcd\xe1j\x97\\Tc\x07\x0b\xb5\x9f&lt;\xc0\x82\xd5\xf5\xb2\x90J\x9bp\xb0\xa3\x9b\xec\xfb\xf9\xd3\'\xdd\xdd\x9f\x90N\x00\xf1$(\x8b\x19\xf1\x0e,\xab5\xc7\xdd\xde\x95\xc9\x8fJEua\xa9\xf6\xc3e\x87\xd7\xeb\xb5z3\xd3\xa4?\x02\xcc\x82I\x95\xcd. \xc2;$\xa4\x0e#\x12,&amp;\x7fp \xb4\xd2\xe9\xf0\x13\xac9\xcd\xa5\xef\xb6\x96\xe5\xe1R\xac\xd6\x16\xaa\xb5\xef\xf5\x04\xcaj\xf5\x120\x92\xbf$\xc3$\x14\xfe$\x05Av\x84\xf9\x07#TnD\x9677\xdcvQ\xb8uP-\xcb\x90\xbd\x14\xe3\xb5\xda\xd2\xd0\xc1\xb1\xc3*Y\x0e\x82EI\xa2 \x82\x99\xcdfP\x98i\xf2\x87ap\xadnR/\xcc8\xac\xb9\xe1\xbe\\\xe9\xdb\xfd\xd5\xea\xf8G\xce\xec\n\xcc\xfe\x0ej\xb5\xea\xd0\xc2=\x8d\xd5:l\x1d\x1eFK\x0e\x12a\x84\x01\xba0&amp;\xc6\x84\xbf\xbc\xc9\x84\x7f\xcc\xafT\xee\xa8\xd7*Q\xf5M\xe9\xbe\xdb-W\x0f&gt;\xe6\x9d$\xa5\xa2ku\xecz\xb5V\xabE\x92\xd5\xdbm\x04\n\xedtN9\x1c\x8e\x0c\xfcH\xcc\xa4\x03\x8d\xaen #\x82\xe1\xe2\xf4\xb4#\x97\x1b\xce\xf5\x91o\x0f\xd3\xeb\xe5\xd5\x83\xea\xc7\xbaK\t\xa5\xca\x0f\xee\xbeL\x0e-\x11,\xd7\xd0\xbb\x99&gt;B\xd5\x99"7\x89r\x8e\xa8[g\x92\xb0t:\xdeM\x8c\xd7\x99&gt;\x90\x92\xd4\x90#J\xf5uvvV:/\xad\x97\x87\xaa\x07\x1f)})\x95]\xeb?6\xdc\xb9\x0f\xac\x85\xdaB\xc4\x95\xdc\x8awJ\xed\x0cVR\xdfT\xa64\x8eL\x948\x0f\xb1\xad\xd3\xb9\xddQ7\xc1$F\xa2=\xea\xc8M\xf5MM\x91o\xa7\xd2\x9d\xa3\xeb\xe5d\xf5\xe0\xe0#tG(5\xb6\xfb\xf2FS\xe3\x93H2\x02\xac\xda\x92\xcb\xb5\x9bH\x13\xa8T:\xadN9!\x98#\x03\xb7\x11$\xb7\x1b Q\x1c\xc9gB\x16\xcd\xe4\xa6`\x9d\x83\x83\x9d\x83\xe9\xf4\xa0w\xb7\x9c\x8cH\\\x7fl|T*\x14c[wo44}\xf1\xe8ir(\x12Y\x92\xb0\xaa\xff\x9e\x93\xdaQc)\xa8\x9e\'zEI@I\x0e\x84V\x12\x96t!\x03\xadR\x95T\n?`0}e"\xad\xd9w\xb9\x86\xaa\x0b\xd5jyL\xa1\xf8#J\xad\xde|u\xe7lS\xcb\xe7\xad\x8f~IF"C\x11x1\xd9\xe3\xba\x19\x9b\xbb2\x98\x9eS\x91[\xdbjg\xaa\x02.\x89(\xaa\x8fF\xdd\xff5\xe2\xc1N0\xa5\xe6\xd2W\xd2\xe9\xb9\x89\xb9\xd0\xb2\xeb\xfaP\x95\xd8/\x87\xbfws5\xbcw\xf0\xf4\xd5\xec,\xa8Z\x1af\x1f\xbd X\x08z\x04W\xcf\xee\x86\n\xcd\xcc-^\xe8]\\T;\tW\xbd&lt;\x90\x94\x9b\x91s\xd4\x9d\x91\x8a\x05sm\x90*=\xb7811qeb\xe2\xefsoV\xaf\xbb\x92D\xad\xea\xfdW?n\xfd\x8ewW\x90\x17\xae\x1c\xfe|\xa7\xbd\xbd\xbd\x11TM\x8d\xed\xadu,\xc8\xb5\xe4\xeaI\xbe\xebU\xcd\xcd\xa9.\xf4_\xed\xc7\xf2\x19\x82U\xda\x1cz@9\x88!y:\xf4\xfaL\x14\xa33\xf1\x9fZ\xbd\xb8\x08\xae\xf4\xc4\x85\xbf\xa5\xdf\x95\xebX\x91j\xf5I\xeb\x9d\xbb\xf7\xbb\xfe\xa7\x10#\xaf\\Y}\xf0\xe4\x9f\xed\xb3\x8f\xda\x1b\xbfhiinj&lt;\xdb\xfa\xc25T\xc7\x82\x17!\xd7\xe4\xa2j\xb1\xbf\xff\xcb\xabd\xfdL\x1c\x99#\xd5\xae\x0e\x8d#\x07\xb0\x1c\x8c\x9c\xda\xa0\x94ZE6R\x12\xbd.\x9cO?v\xf5\x90\xd8\x8a\xe0\x07\xbe\x9cmm\xbc\xf1\xf3\xee\xd8o\x7f\xa9F=\xa4\x1a\xdbA5{\xb6\xa1\xa5\xb9\xb9\xa5\xa1\xb1\xa1\x01X\xc4\x96\x16\x16 \x97\xeb\xf9\xc0do\x7f\x7f\xffW\x12\x17\x16\xf6\xce\x142X[\xdbT\x1b,G\x8e \xab@)\xd5b}{\'9}\x9d\xd8\xbf\xdeC\xb2L$R\x1dz\xda\xdez\xb6\xf1\xec\x8d\x97\xf7\xc7\x7f\x0b\x18y]\xcf\xf8\xee\xcbWw\x1a\tT{kS\xf3\x9f\x9b\x9b?ohmh}\x81\xff\xf1\x03V\xb2\xe7/\xfb\x1b\x03\x03W\xcf\x0f|\xf9\xd5_\x07&amp;%0u\xaa2U!\x86\x1c\x9br\xa6\xf0)\x95VA\xa9\xc9\xf30\x89\xec?\x84\x9c]H\x1bk\x1e\xc6\xc5\x9b\xc2d&gt;\xc2\x0c\xc3L\xa6\x9c\xdeD\xef\x16\x14\x02\xe6\\xs\x0cV\x04\x0fn\xa5\xd8\x8b\x92s\'(\xb2\x17\x89{R\xbc\xa8\x97\x82\x17\xa7\xb0X\xadk\x19\xc7\xba\x06\xb7\x9b@\x96m\xb6\x81\\\xe4l\x136\xe6\xa8K6\'\xc6\xc4h$\xad\xf8\xd9-\xf8AmE\x16\xf7\xf9\xbf\xd3\x9e\xddew\xd97\xe6C\x9by\xe77\xcf\xffy\x9f\xf7\xd5\xfa\xda\xde\xfd~\xde\xc6\x9a\x99\x99\x19\xd9\xd28\xce\xe9\xd4\x9c\x91\x8d\xedg\xc3\xff\xe7\x0f\x91\xdc`y~\x12o%(F%\xc9\xba.\xf26V\x07q!\xbb\xc8\xf4K\xbf\xef\xed\xf5\x8c\xde\xeb\xf5\xf4z&lt;\xf7@6\x8d1\xf0Kj_=x\xf0\xe0\xab[\xb7\x1e\xa0~7\x89\xa5\xfd3V{\xf7\xc3\xf5%\xf41\x84\xeb\x9a\x19\x1a\xd9\xd6TNsj\x9a\xe6\xe0k\'\x07$\xd9\x8d\xffY\xbb\xc6\xf9\x0c\x84r:\x9dL*\'\xa7J\xd0JT\xd0\x01\xcf\x1d\xb8\xd1\xe7\x08\xe3\x1a\x82\\O\xdf\x87\x00\xd6K\xbfl\x84\xf6\xcd\xc3\xe9[\xc4\x03 \xfa\xb9\xd6-z\x9a\x9en\xff\xa9\x01\xaf{\xf1w\xa8a\x07\x93{f\xa8c\x9b\xe3\x99\\x\xd0\xa4\xda\xc6vf\xbe\xf1\xbfe,f\x98\x81\xcc\xd6F\xdc\xe1t:&gt;\x17PQDVC\x95\xe3T\xc2b\\C(\xc1\xfd\x8e\xdb\xfd\xeb/\xe6B\xbd\xbd\x9f\xb9&lt;\xec\xbf\xe7\x18\x0e{\x86\x97\x18O\xf7Od\xdd\x8b{\x13\xb8\xb2\xfb\x183\x10\xeb\xf6\x19GW\xebtrxph\x1c\x91=\xfb\x8f?F\xd5\xd88\xcc\x98Z?Q=\x82V\x08\x06\x05~\x17%\x1eX&lt;\x97q\xff\x93\x8b\xe4\x9a\xdf\x03\x16\xdd\x88\x0b\x95\xecb&lt;7m\xac\xe9.V\xbfn\xc0xl\xa8n\xff\x8b\x1f\x96\x80\x85\x1a\xfej\xf2\xfe\x88\xfb\x80G\xb7\xaaFr\xd1\xa3CSD\xe1\xe4l\xfe\xdf\x15\x03SDs\x10\x93\x93I\xe5\xd0x]\x10A\xa5\xeb:\xb0x^\xb1\xb1nwt\x10\xd7\x90-\xd7B(\x14\xea\x9d#.\x8f\xc7C?h\xbb\xf9\x8b\x9b]]]\x88\x8e\xaeo\xee\x80\xa8\xdd\xd3\xbd\x88\x06\xa6\xc5\xc5q\xff\xde\xb0\xdb\xc6\x9a\x1c\x1a\xe9pgxEUU\x0eJ\xe1\t\xaaA\rN\xd1\x8f\xb7\'\xb1\x1c\xbbq\xc3\xfesU\rp\x1e5\x9b\ni\xc5I\x82!K("a)\xc0\xe2\xf9gn\xf4\xea\xb6\xb9\x86\xeeC\xae\x89\xf7\x0bs\xa1\x10\xfd\xd6\x18\xc0|\x1e$\x06k\x0f\xef\xdc\x99\xeej\xf7x\x16\xff\xa5}\xb78\xde\x12:\xed\xb7\xb1f\xd8\xd1\x93\xefxP\xa98#\x87g\r\xc1\xd8\xfa\x88^\xd6\xb6\x0e2+\xc3\x9f|\x06\x1a\xd4\x8e\x90\x1d(\xa0\x83\x97\rCV\x14^\x01\x15y\x8bW$i\xc5ms\x01\x0c\x03r\x04r\xfd\xe5\xfd\xc2\xc2B\x08h!\x9fo\xd1\xe7\xbb7\xfa\xf0\x1en\x0f\xef\x8d\xa2\xa8&gt;\x9f\x7f|\xdc\xef\x1f\x87L\xb8\xe3\xa1\x85\xc4r\xdf\x1e!\xa9q\xb0{\xe9-\xb0T\xdev\xbd\xaa:[\x1d\x1a1 \'\xe5\xda\xc6\xc6\xc9v\x86\xe6L|\x01\xf1IX\xa0\xd2\x14!\xe0\x92%\x18J\xd2e\xc2B\x15\x95\xc8\xa4\xfb3\x17K\x8a\x8e\x0e\xf7\xc4\xdf_,//\xcf\x11\x97\xffg~\x7f\xc8CiAF\x1b\xf5\xf8\xfc\xfe\xb6\x96\xf1\xcf\xedKP-?\xf7\xf63,*!\xb0ng\xe2\xa0\xe2\xa9~\x9a\xc6\xa9\xcc\xf8\x94\xe0\xad`\x94\x04\x97\xabv\x92\xf12,\xaa!y\x1dT\xae\x80!\xa9N\x0eY\n,\x14\x11X\xef&amp;\x08\x8aQ\x91`h\x13K\xcf\xdf\x03kjnn\xce\x0f\x8a\xf1q\xdb\xfd\xe43O\xa8\xad\xade\xac\x85v@\xd0n\x83q\x12\xeb\r\xab!\xcd`\x10\x8b\xfaxKC\x1d\x91\xa81\xdf\x13\x17\x8d6RLSy\x98\xa8v\xc2\xb0\xf0e\xf8\xaa\x95\x13\x05\x97\xe1\x12y\xcd\xa9\xda5$\xb5\xd4\xf8\xd1\xca\x12\xb5\x81\x81\x81%\x0c\xf2\xcc\x1f\xde\xfe\xf9\xe5\xf6\xfc\x1f\xf7\x16h\xebL\x9b\xff\x8b/[\xd8\x9e\x9e\x10\xf4\x1aeX-M}c\xb4Kq\xac\x85Z\xdb\xc2\xaew\x80\x8e\x07\x17\x89\x85"\xae|\xaf\x91e\tHCL\x10\x17\x05&amp;\x99\tS\x1d\xc7+\xa2\xdc@TN\xcav\x07/\x1a.\x97\xa0\xab\xd0\x16\x86\xa7\xd8\x92\x14&gt;nUK\xf5\xbf&gt;y\xf7\xee\xe5\x9f\xae*/\x7f\xf3\xeb\x9d-\x983\x00\x00\x06AIDAT\x1f1\x05 \x9d\xcf&amp;&amp;\xd6\xf7\x96\xf7\xa7\x82w\xdb\xbe\xbeK\'oC\xc2"+F}\xfe\xb6\xa6\xb1\xb11P\xb5\xe0\th\xcb\xeb\xc3+\'/\x9f&lt;\xf9\xfe\xedY\x06\xdf\xa4L&lt;}\xfe\xb7\x9f\xff\x08\xb1\x14\n\x1fp\xd1\x07\xe1\xd9r9\x1c\xcco\xaa\x8dE\xeeR\x04\xc3\x15p\xe9j\xb2`V\x8a\xd5zB\xd2\xc3\xe1\x84Y\xad\x9b\xe9t]\x93\x94d1\xbdS\xf8\xd1\x01\x19eA\x16k\xdb\x13\x03\xf3\xeb{\xfbSw\xbfnb\x9b\x83\xdb\xe0~\xcf\xb7&gt;\x1f\x9c6\xd8\xd9\xd9\x07\xa41\xdax7u\xfeq`\xf2D\xa7\xc9\xc6\xe1\x8c\xbf\xbb*\x17K\xa5b"\xaeH6\x95J@\xceO\\d/\xa4\'ar\r\xe4;\xa0j"\x98\\\x86\x11\xb6*\x87\xe5J\xcc,\xedXf4zX\xb4\x1e%\xa2\xd1\x98"J\xf1j:]\xd08\xa4\xbf$\xd0\xfdl\xc9\xeb\xfda\x7f\x7f\xf0\xee`s\xe7\xe0\xe0`S\x9b\xdf\xf7\xad/\xe4\xfb\xa2\xa9)\xd8\xdc\xdcioU\x0c\xee\x9fz\x07\x9em\x88\x08?\x165G;h\xa9\x94U\x8cET\xc2\x82s)\xc0\x98@\xb6^\xad\xa4\x19a1\xcfi\xc9H\xb8v|\x14\x8e\x95\xb3\xe5X\xa1\x10\x0e\x87\xad\xebz,\x9f7\x93N\x87\x05,\xac\x9d#\xc5t)\x89\x1e\x14JZQ\x94kgK\xfd\xde\xe1\xd3\xfd\xa9AP\xd0\xfe\xe0\x966?nw\x07\x81\xd5\xd3\xc3&gt;\xcew?bZ\xdb\x10)\x93q\xe3\xe3\xb1\x9d\x9dz!\x12N\x94\xd2%+N\xde\xe2\xe9_H\xb0d2\xf9\xa9\x8e$\x98\x93k\xc01\xf1\xb0Y,\xa7\xb2\xab\x97\xd6U\xc5\x8a\x10\xdba\xe9\xfa\xba^\xcd\xe5-\\\x04D3Ux!Q\x883\x85y\x12\x8c\xd0\xb6\xc1\xe5\xfd\xb8&gt;\xd5\xfc\xb8\xa7\xaf\xa9\xafs\xac\x89\xf6\xc8\xf7\xf5\rv\xd2\x0e\xc5\x9e\x9e\xce\xf3\x0fkk\xde\x83\x9a\xa0\x90\xbf)\xaaT3\xbdS-$U5\x96N\x97b\xb1\x08G\xbc4\xc1\xc5\xcdj\xb5n\xb1\x04e\xad\xd5\xd9\xa0D\xcc\xd4a\xf9*fY\xc7aY\x08\x1fU\xcaE3\xc1\xd4*\xe6r\x16B8\x96\x8fZ&lt;\xcdB\xbc\xbd\x1c\xe1(a%\xe4\x9a\xc1\xb8\xde|8\x0f\xf6\x04\x9b:\x9b\x9b\xfb\x80\x14\x0c\xf6\xf55?\xa6\xad\x93\xe7\xa7\xaf\xd7\xd6\x86\xcfj\x02\xde\x0b\x7f\xb3\x04\x8d\xc7R\xe9\x94\xa5\x86K;\xe9t4U\x08[V"\x82\x0cJV\xa3Q\x188iY\x85OX\x8e\x06\xa9r\xb1jEd\xf8;|\x1c9\xca^\x94-(!\xcb\t`\xad\x12\x96\xf3(\x06\x8bR\xee\xc3\x1fTq`\xc1\xb1X\x8d\xc9\xc6\xd6\x84\x17\xed\xf5\xe9yp\xb0\x130\xb4\xd1\x94a\xbdz\xdcs\xfaq\rT[\x86N\xbaJ\xf6\xe1\xe0\x0b\xc7*\x11\x05\xb5\xdc1M\xb3x\x98\xcb\xe5Sf\xd2"*+\x91,\xa4\xd2;V+\xad\x19\x1c\x8e\x86\xe3\xcb\xcd\xacyU\xce^\x1c\xa6\xb2\x89\xf2\xc5\x85%\xeb\x89X\xcc2\xaf\xeb\xe5\xd5|\x02\x14I\x8df QbyA\x03\x88\xb0$I\x90u!\xf0v\xdek\x83\x05\x83=\xaf^\xd1&gt;\xce\xe6&gt;\xdar\xbaKPk\xf3[\x01\x9d\xcd\x16\x00\x93X\xdd\xb1&amp;\x89+\x10k\xc7R\xe3\xc5|\xfe\xb0\x8a\xbb\x95\x8a\x02\xab\x9a0\x13\xb1R\xb5@37\xc0\x1a\x8e.77/\xb2\xe5\xab\xa3c\xe8\x95\xdd\xdc4\xc3\xb1\xecE\xea\xfa\x9a\xb0r\t6L\xd8\x85Jl](\xd2\x92\x07\x9f\xc1\xf3\x82,\xbb\x02\x1b\xcf\xbck\x8d\x04\xb6{\xfe\x98\x1a\x952\xb8\xfb\xe1\rQ==q\x19\xd0\x1d\x8b\\\xdcez%\xdb\xc7[\xa5z\\JDs\xb9\x14\xb0R\x85J&gt;\x9a*\x9a\xc5h:\x05\xe3\xc5\x93\xa4\x16\xc3\xca&amp;\x04\xd7\xac\xcb\x15\x90\xf5\xf2\xe6&amp;\xecn\x86u9bA\xb3D\x1cnRU\x06\xc5V:4O\x8al%&amp;\xe2$H_W\xed\x00P\xfd\xfd\xde\xc6\xd7\xa7\xafzP\xc6\xdf\x0e\x9e\x7f \x01\xd7\xd6V6\x0c\x815p\tX\x95\xe02\xd8\xd1\xf8&amp;/\x12\x11\xc5X&gt;\x97\xcb\xae\xae\x96\xad\x08\xd4BU\nx\xaa\x9b\xa9T\xc9$\xc5\x18V80\x0b,\xb4\xca\xe5e\xd6\x8c(\x06\xa6k\xac\xe3)S0=J4\xf0 \x16\xa6#\x99]\xbc\xc8\x14`j\xb9\\\xb3g\x03\xfd\xac\x91\xc7\xa6\x82\xbb\x1f1\x03\xd2H\xc8l\x04\x0c# \xcb\x00\x92\xc1f\x10\x1e\x1d\x8d\x9e\xd0\xb1$\x1eA\xac\x98iF4\x8c\xf4:\xf2\x0b#+\x958\x8cFK)\x13u\x84\xb7.\xb3\xe8|6@h\xc6\xf1\xb1\x8c5\x8dK\x90DA\xa2`\x01\x96\xc2\xf4Q\x98^\xb2\xc1\xae^\x10\xf0\xca\x10l\xac\xd9mw?H\xf0\xd0\xff\xfa\xc30^\xa2\xf5\x0f\x9c\xd5\x02\x08\xe7\x80 \x13\x10\xdek\xd0\xfb\xc1\'\xb35/\n\x10\xa9\xac\xae\xae\xe6K\xc9\xf0a4]\xe0\xf9p6\x973#\x18\x04f!\x9e0\xcd\x86c\xd4\xcd@\xe7DF\'q)\xbc\x8c\x187t\x0cjZ\x12a-\xa1\xb3u=\xec\xa4\xb3\xeb6H\x00\x9d\xceCU\x9c\x9d\x9d\xdd\x9a`+\x9f~\xa2cT\xee\xa5m\xa8\x8f\xfe\x02\x06\xd3\xc9\xe6\x12\x88\x8bf.Z\x00\xc0\xae\xc7\x95b\xc5JVV\xf3\xd5\xb8\x12\xaf@\xbcD\x18\xa8\x87\x91X&gt;\x9dn8\xbe\xc8\xc6p\xbc+0\x1b`g\x81ZX\x07\xea\x82\x84\xf1\x87Y[\x15\xa1\x90\xbd\x9c\x90I&amp;\xea\x9e.\x1a\xc6\x12l\xac\x7f4Y\xf6(\x0c\x02Q\x10\xb6\x0eQaAp\xdfq&lt;D\xee\xb1\xe46\x01I%)l\x03\xb9\x81\x04\xb6\x08A\x82&amp;\xe6\x00\x89!\xed66\x99yZ\xa4\x14\xfc\x19\xbfyov\x9cs\xc3aV\xa5\xc8\x16U\xa2\xe3\xca\x9b\xf0\x88E5!-\xa3^\xe6i\xa6\xf5\x12\xb1Q\x95\xfe|9\xad\xd3\xaak\xfc\xbem\x9a\xe0}\x89\xd8\xb8E\xbb\xb1\x16\xfc\x978\xc2\xc2\xa9\x08X\x92 \x95\x98\x82\x90\x05th\x15\xb9\xe1\xeaQ\x8c\x18\x1dc!,\x943\'\x8ax(T\xd5f\xd6\xb6\x1d\xe8\xae\xe5lY\xa5$\x96-\x80/\xe0U\x8c\xf9\xa2.\xd8Y\xfa\x10\xfc\x83g\xc8\xb1\xfe2\x07\xee\xa1%\xb1kD\xfb\x89{\x19\xfa$K,`1l\xf2t\x05U\xfc4W\x90\xebdfV\xbaa,A\xc2\xf1Qb\xcf?Y\xc5\x87b\x89(v\xa2T-\x8dPZ\xb1\xb2\xd6u\x02.\xd3!\x9d\xdaZ\x0f\'\xb82N\xd3\xf4\xae\x90\x06\xaf\xfe\x07K\xc5\xd6TD\x08N\x02\x00\x00\x00\x00IEND\xaeB`\x82'</t>
        </is>
      </c>
      <c r="M63" s="3" t="n">
        <v>45492.67710648148</v>
      </c>
    </row>
    <row r="64">
      <c r="A64" t="n">
        <v>158257</v>
      </c>
      <c r="B64" t="n">
        <v>1977</v>
      </c>
      <c r="C64" t="inlineStr">
        <is>
          <t>Rodrigo Battaglia</t>
        </is>
      </c>
      <c r="D64" t="inlineStr">
        <is>
          <t>R. Battaglia</t>
        </is>
      </c>
      <c r="E64" t="inlineStr">
        <is>
          <t>VOL</t>
        </is>
      </c>
      <c r="F64" t="inlineStr">
        <is>
          <t>VOL</t>
        </is>
      </c>
      <c r="G64" t="inlineStr">
        <is>
          <t>VOL/MC</t>
        </is>
      </c>
      <c r="H64" t="n">
        <v>187</v>
      </c>
      <c r="I64" t="n">
        <v>21</v>
      </c>
      <c r="J64" s="2" t="n">
        <v>33430</v>
      </c>
      <c r="K64" t="inlineStr">
        <is>
          <t>Right</t>
        </is>
      </c>
      <c r="L64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0181f19-e911-4a67-98e0-996789fd18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@K\xe6\x00\x00\x03\x00PLTE\xff\xff\xff\x14\x12\x12#&amp;)\xfb\xfb\xfb!$(\xf0\xf3\xf6\x1a\x1a\x1e\xfe\xfe\xfd\xfd\xfe\xfd\xfc\xfc\xfc\r\x0c\x0c\x18\x18\x1a$&amp;+\x11\x0f\x0f\x17\x15\x16\xec\xf0\xf3&amp;(-\xd7\x9e\x84\xf9\xfa\xfa "&amp;\x1d\x1d \xee\xf2\xf5\xea\xee\xf1\xeb\xb7\x97\xf4\xf6\xf8\xde\x99v\xe4\xe7\xec\xec\xb9\x9b\xe5\xae\x8d\xf2\xf5\xf8\xd8\xa2\x86\x1f\x1f#\xe5\xaf\x91\xe8\xeb\xf0\xe0\xa6\x86\xd2\xa0\x87\xdc\xaa\x92\x1a\x14\x11\xd0\x8bj\xe1\xe4\xe9\xd6\x9c{\xdd\xa9\x8d\xe9\xb4\x92\xee\xbc\xa0\xe6\xe9\xed\xf5\xf5\xf5\xda\x93z\xe3\xa2\x89\xca\x8cj\xda\xa5\x8a\xdf\xe1\xe4\xdc\x96s\xe3\xa1\x86\xdd\x9e\x87\xff\xff\xfe\xe7\x9f\x84\xe1\xa0\x83\xd7\xa8\x8d\xfe\xff\xfe\xc3}Z\xd9\x99~\xf8\xf8\xf8\xe5\xb2\x98 \x18\x16\xe0\x9c{\xc3\x8bl\xca}_\xde\xa1\x89\xd7\xd8\xdc\xbc~\\\xc5\x80]\xba\x8cu\xcb\x88f\xdb\xdd\xe1\xdc\xa1\x81\xe2\xab\x8e\xc6\x84c\xde\xa5\x83\xd8\x94p\xd4\x90l\xc9\x85a\xc8\x92{\n\t\t\xcb\x99~\xec\xb0\x97\xd9\xa0}\xe6\xa5\x8b\xd2\x9c\x82\xb0\x8au\xd2\x97s\xe4\xac\x89\xd2\x8do\xdf\xae\x92\xcb\x8dp\xd1\x86i\xcd\x92m\xe0\xa5\x8c\xd6\xa4\x8f\xe1\xa9\x8b\xdc\x9c\x82\xd6\xa1\x8b\xbcwU\xfe\xfe\xff\xd8\x9av\xe3\xaf\x94\xc3\x96~\xe0\x99}\xcc\x83e\xef\xee\xee\xd9\x8dr\xef\xaa\x8f\xf3\xf2\xf2\xd1\x92s\xb5\x90~\xc6\xc8\xcc\xc3\x8ev\xd6\x93uuvz\xe9\xb0\x8f\xf2\xae\x93\xe0\xad\x99\xc9\x99\x86*+/\xcc\x9c\x83\xb9\xba\xbd\xa6fIE) \xc1\x83c\xb7vY\xc3wX\xbe\x93{\xcf\x94z\xaa\x84pG6/\xe9\xa9\x8f\xd1\x7fe\xe4\x9d\x81\xe8\xa3\x87\xcd\xa1\x88\x88\x89\x8c\xd2\x99{\x9bvc\xa4x`\xd7\xab\x95\xed\xa3\x8d\xcc\x93s\xe6\xe5\xe6\xd3\xd4\xd7\xb2rS\xd1\x96\x81\xac\xae\xb1\xe3\xaa\x93\xe4\xa8\x87\xbf\xc0\xc4eMCd:,\xdf\x9c\x82*\x1c\x17\x8adR\xdc\x8byjko\xc2\x84r\xbc\x86i\xb4\x80j\x90V@\xcd\xa0\x8e\x80\x80\x83\x8e\x90\x94\xc4\x89dsO@."\x1dQRT\xbb\x97\x85\xcd\xcf\xd2002}aRT?5\xd8\x88l\xb0jL\xeb\xea\xea\x83M8\x98q^IJMABE`E:\xb3lS\xb8\x83t\xc3\x9d\x8b\xc2\x97\x84\xe2\x92|\xdb\xc5\xbb\xa0}msYK\xff\xfe\xff\xafvb\x96\x97\x9btD1\x9d\x9e\xa0::=T1%XY\\\xb3\xb3\xb6\xbc\x7fl\xaa\x7fh\xa2]C458\xa4\xa5\xa9\xe4\xdb\xd7\xf4\xea\xe4\xd6xs`ae\x8ekZ\x9ehW\xec\xe2\xdd\x98aI\xe2\xb9\xa9\xcf\xbc\xb3\xda\x97\x83\xd5\x86s\xdf\xd0\xc9\xd1\x98\x8a\x80WG\xbcpR\xca\x83n:$\x1d\xc4\x8e\x83\xa7mS\x9cU&gt;\xcd\x8ax\xd4\xb4\xa6\xaebE\xdf\x80{\xcf\xa9\x94\xf1\xbd\xa7\xb9sb\xe6\x85\x81\xb6Z[\xcbgU\xe6\x94\x8b\xc5hj\xf1\xb2\x9f\xc8WH\xf9\xf1\xee\xe9\xc8\xbd\x8eF6\xd5oj\xc7\xab\xa5\xc8vl\xed\xd6\xcd\x9f\x96\x93~qi\xc5\xa3\x95\xcf\xc4\xc3\xb0\xa4\xa1\x9f\x8a\x83z7)\xae\xed\xde4\x00\x00 \x00IDATx\xda\xbc\x99\xefO\x13y\x1e\xc7\x19&amp;\xb13mf\xb2\xcc\xf2`y"\xc9\xba\xd3\xb8\x0f\x90*\xc8\xb2\xb4\xcdP`J\xd5\xa6\xad\x98\x03.DE] \x0b\\p\xf9\xf1@\x84Rv\xed\xc6;\x16.B%\x81\xda\x86\x83\x1e\xd2r\xd2\x06\n\xd4\x8d\t\x88\x85\xc2\x81&lt;\x10\xd2\xe4\x1e\xd4\xadx\xb9\xff\xc1}t\x9f\xefw\xa6\xde\xe5\x1e^\xa6\xfbi\x996N\xe3\xbcx\xbf\xdf\x9f\xcf\xf7;%\'\xe7\xff(\x95JE\xa9P\xd14Ir\\g\xcd\x85\x95\xee\x81\x81\xa9\xc9\xbd\xf1\x95"\x92$)\x9a\xa2\xf1\x93B\x9f\xca\xf9\xad\n\x01\xc1UUpY\x9a\xeb\xbcP\xb37\xb3\xfbf}i\xe9\xf5\'Ko\xe6\x0fk:\x8d\x1c\x07\'H\xf8\xa1\x10\xfdo\x8aE\xa2\xcb\x02\xd4\xc4\xd3\xdd\xf5\xa5B\xb5Z\xcd\x10\x0cA\x10\x9a\xdc\xc5\x91\xa9N\x0e\x04#i\xcc\x95},\xe9\n*I,\n\xd9\xd7\xf9\xec\xd5n\xbe\x9aa\xe0\tH,K\x10\x8c\xbaN\xbd32\xd0=Nr\xf0\xa0H\xe0z\xa9\xfa\xf8\xcbdI"\xf8\x8f+T\xb2\x85\x9c\xb1s`~-_M\x00\x0c*VC\xc0{\xc0S\xd7\xd5}\xba\xd3\xd7\xddE\x83\x97r\x04U\xaa\x9c\xcckv\xb0\xe4\x02\xadV\xa6\xe6wNa\x8d\x10\x0bzs\x8a\x056\x16\tV\xa7f\xd7_\x8ds\xd0\x10\xaa\xff\xa9\xac`\xc1\xa1\x0c\x07\x9d&amp;\xbb\xfbv\xf2\x11D\xa6\xe0=B\x02C\xa5"\xfa\xfb&amp;\xc7i\x0ezUnH\xa9y\xb3\x12\xad\x8cRd\xe7\xc0na\xbe\x86\xf8O\xa1\\iX\x142\x99\x8b!4\xaf\xe7\'\x8a\x8c\x1cI\xd24\x95]\xb5d\x07\x8d+\x87k\xf9\x02\xcb\xb3\x88\x86\x91,\xc4\xaf\x00%y\x08\xc1\x87\xca]\xdc\xbe\xd0i$i\x8e\xce\xb2\x89\xd2k\xe7\xde"6\x90\x95e\x82\xb4K\x0e\xb2\x04\xc0\xd4\xc9\xa5\xaec\xea\xfa\xfb\xf6\xc6a\xc0R\x99\xd0g\xad\x15\xc1\xc3\xae\xa97\x85\x02\xce\x11#\xa5J\xa3a%\xd9 \xfd\xd8A\xc4\x84\xf5R\xb3\x8b\xdb\x13E4Ee\xdbD\x9a\x04\xaa\\\x8cAHT\xe8=\xf2\x0f\x07\x8a\xc8D^-\xeb\xc6\xbc~z\xc9H}\xe4\xca\xce\x8aCQ\x1cY3S(\xa5\x89\x97\xc3\xceJLj)Y(V\x12\x1b\x83\xb9\xd4;\xdb+$Z\x86\xa8,a\xa1^\x87\xc9~\xb8\x03&lt;\x0c\xe2\xd1h\xb0\x932\x12\x93\xc1\xfb\x08\xa4\xc6\x07fm\xaf\x93\xccL\x89l\xa8E\xa2\xd9&gt;\xb5( \xcf\xf0\xa0:\xc52h\xb5\xc1)\x03J\xdc\x892\xe9\xc7\xe0\xab\xd5\x9a7\xddE\xb0\x10a\xbd\x14\xc7*\xc3XdM\xdf\xa78K\xf2\xf0\x94\x89\x08B\x80\x89\xc1\xca9\x93T\x93C\x0f\xd8\xb9\xf35\x1c\x92\x8b\xce\x8eZ0G\xc7G\xfaY\xe8B\x9e\x87\xee\x93v\r\x12\x8c \xf8\x04\x01\xd0&gt;\xc2\xfeW\xf2\xd5\xc4\xd2\xc8%\x8e\xa6\xb3\xa2\x16\xde\xf4\x19\xf7\xd6\xb1\x1c\x1a@#\xea\x10\x15\xcf\xb2&lt;\x01T\xf9&gt;\x9f\xe0\xcb\x17\x04\x1e\x90Q\xe1mEF2\xcd\xce\xd3\x15\x8a\xca\x12\x16\xac:\x97f\n\x81\x87\xc7^1\x0c\xcf\x0b\x88\x00\xcb$\x84B\xbePhi\xc9\x07\xc7\x10 \xf2LF5\xb4p\xe7\xafO\x16e\x85\nu"\xd5\xb5\xbd\x04]\xc8Jz\xf0\x02 \x80u&gt;\xc4\x03\xc7\xb4\xd3\x19\x89E\xbc\xc1`0\x1eK\xa4\x01\x0cC#0\x868U\xb8\xf8\x8c\xcc\xc2R-M\xd2\x9a]V\x96\x07\x90|\xc0\xe1t\xa6\xd3\xf8\x00/\xdeT\xe0\xf8\xf8x\xeb\xe4\xe48\x19\xf5&amp;\x9c\xe8&lt;\x82\xc33W\x93\xdf\xbf\xddE+.\x17\xach\xad\xadd\xd7a?\x16\tl\x02\x98D\xdc\xeb\x8d{\x13^\xa8\x04\x1c\xe3\xc9\x83\x93\xe7\xa2\xcb%\xba&lt;\x83\x81h&lt;\x01\xe7\xe3^\xa7\x8f\xe7\xf1\xd8`53\x97\xb2\x80\x85\xb7K\xcf\x165H\xa9P:\x8d0\xa2\x81h \x10\x8fG\xa3\xd1x&lt;\x10\x08\x0c&gt;\x7f\xee\x12\x87\xac\x16\xad\xb9\xc5\xe39IF\xe1d \xeau\x82\x91h\x96\x11\x9a\xf5\x81\xcf(\x95\xd2L90\x0c\xc9\xf9B\x02Q\x85\x9c\x88\xe9\xfd\xc1\xe0\xc1\xf2Arpp0\x99&lt;qy\x96]\xe2/Z\xbb\xcdf\xb7k-V\xb3\xe89\x81\x13\x83\x88+\x84\xdb\x82`\xf3\xe7;\xe9\xcc\xf6YQ\xac\x9aE\x16\xc4\n\x81;\xd1\xc0\xc1\xe0\xf2\xf3\xb7-\xc3\xc3f\x070\x88V\x8b\xd5j\xd5\xdal%%%\xb6\x12\x9b]\xabu\x98\xf5\xfa\x16\x17\xb0\x05\xe2\x90~\x9f\x0f5\xca\xda\x14\xa9\xe4&gt;B\xda\xeeR\x1c\xbd\x9d\x8br\xe5\xf4F\xdf\x0f\x02T\x8b\xde\xdcq\x03\xe9\x03\x02\xd9\xd0\xb1\xa4\xa4@*\x00k\xd2"4Qt\x01\x17\xc4?\r\x11c\xfb_qT\x0eE)\xb5w\xce\xdc\x7f\x15\xf5\t\xbc\x80\xa9\xfe\x85\x94\xd2wX\x9a\x90&gt;\x88\x03\x0e\x19\xa6\x82J\xc4\x05\xa8v\xad\xc3a\xd5\xbb\x06\x93\x90\x7f\x14}\xa6p\x04o\xbc(\xe5\xb0\xd0zF^\xda\x85.\x0c%\xe2\xef\x07\x97\xdf\xbe\xd5W9:\xb4M\xb6\xde\x92\x82\xca\xcaJ\x04\x83\x8f\x98\xaaR\xc6\x82\x90Y@1\xb0\x12"\x96\x86\xf5}\xf7\x82|\x9f\xad\x98\x89pS\xcf=[\x07\x0f\x9dqh\xb9\xb7\xc3\xfa\x8e\x1b7,Zp\xaf\xa0\xc0 \xe3\x00WI\x81d$$\xcc\x8e\xb9\xb4\x16\x07\xa4\x0c&amp;F\x14\xe4"v\x06(Z\xb9\xed\r\xc6"9n`\x89\x17\xd2^L5\\\xd5\x81re\xc7&amp;\xb6I\x0e"\xb9JP\xe6\xe1\x1fm\xb6\xbbv\xfbMx\x80\x91\x0e\xbd^\xf4\x04\xbc!\x81(|\x057\x1b\x8afKE\x1b\xb9\xc9Ox\xc1\x19O.C\x03VUU9,\x90j\xbb\xbd\xa9\xa9\xb7\xb7\x04\xacDja.\xc9?\x80\xd2\x81VZ\xe4#\x1a\x17\x07q\x90K\xe8+"\x15\xce\x16\xcd\x91\x87\x85\xbc/\x11\x85`\rC\xb0\xcc\x8e\x0eK\x87\x03\x1epi\x94|9\\\xd8&gt;p\xce\x02\x13\x03\x80\xe0\xd5\x81llY\x0e$B&lt;\xb1XC\xa3\xfdM\x99bX\xb4\x8a+z\x9a\xcf#\x0f=-@Ue6\xc3d\x822W\x01\x03\x8c\x89\x0c\x16\x1e\xa7\x0e8k\x1e2\x8bz\xb3\x19\x11:`\xee\'\xe3N\x81\xc9=\xe4\x8c4UQ\xa6H\xb6Z\xb1\x89\xdc\xf8\x0c+\xb8\x83\xc9\xe5\x96a=fji\x81wzP\ra\xd9{\x0b2\x16jq\xd0\xadV\xf8\x8c\x08\xdc\xc0\x05\xf1j9IEB\x8cf\x04o\x9eayU$\xf3e\xe8\x0b\x9a\x9aE&amp;\x14K%=\x88\xc5\xac\x1f\x06*\xc4tC\xdb\xd4\x04T(\xfc\x12\x16\x80IS\x0bb\x85\x04\x05\xbd\x90\x8d\x9ed,\xcd\xb3}]p\xeb\x0f\xbf\xa62X\xf8{\xa3\x895\xde\x19\x84\xd5O/K\xa57[\xb4M\xf6\xde\xde6(\x9b\xad\x17F\x18\x9a\x0fh\xfdA|m\xbd\xbdw\x9b\x90b\xf0qX\x98\xf4\xaed\xd0-\xf03+\x1cG\xbfT\xb5\xbeT\xea;\x11\x92\xeb~-\xb8S\xc7\x1e\xd1\xec@Z\r\xeb\xad\xda\xdes\xe7\xce\x19\x0c\xa8\x05\xdb\n\xdap;\xca\x13\xecae\xe5\xe5;\x06C\xdbM\x9d\x15\xe7\xcf:$\x8a\xc7)\xb7\x8f\xdf\xbd\xc0\x91h\xbdVH\xad\n\x98[{\xa1P\xcc\x7f\xe2\x19\xb2:\xcc@e\xee\xb8\xdekx\xf2\xe4I9\xd4e\x00k\xafl\x97fjeeyiiiqu\xf5E\x83\xe1\xec]\x9d\x15\xe9e]\x18\x12O\xfc\x91\x10\xbf6\x01\xd9\x82NlUhn\xc1\x90\x9f\xecO\x07\x8f=\xae!\xb8\x108h\xfd\xe5\xfa\x0f\x86;\x17\xa1JK\xcbq\x81D\xed\x05\x95\x0f\x1f\x96\x97\xd6\xd77WW\xe7\xe5\x9d\xce\xfb\xe9\xd1u\x00\x12\xf5\x12V\xcc)\xacM\x189ZA,\x15i&lt;\xecwo\xaen\rA\x8bA\xdc\xc5\xa1\xbf\x98\xfe\xf9\xb8\xe1\xf1\xe3\xc7y\xcd\xd5\xc5\xb8J\xbfzX\xde\xde\xde\xfe\xa4\xbc\xf8\xf3\xea\xf3\xdf\x9c9s\xe6\xde\xfdk\xd7zDQ\x84\x0f/,\xcc\x8d\xf9\x83\x91\xd0\xfa3#\xa9\x14VN\x19\xbas\xfdl;\x14\t\x8f\x89\x0bh\n\xc1\xea\xbb577W\xfb\xed\xbd\x17\xf7\xbe\xb9U}1\xefb\xf3\xed\xdb\x7f\xfc\nt{b0\xfc#\xaf\xa1\xe1O\xf7^\xbc\xf8\xae\xf1\xc1\x83\xfd\xfd\xb1-\x97\x08X\xa6\xd9\xfd\xa3`,\xbd\xd3m\x84hU\xa8^*5N\xc9\xa2\xed\xa5\x98\x7f\xdf\xa4\xd3Ya\xe7\x99L\xa5Ra\xff\xd1\xea\xc6F\xe3\xdf^\xbc{\xd7s5\xef\xfc\x95\xfa\xf2\xd2\xdb\xcdw@\xbf\x9e\xda\xc6\x8d\xd1\xa3p8|\x14\xde\x0c\x87\xfd`\xbc\xb8`2\xcd\x8d\xfa\xa7\x9d\xaf\xa78Z\xc15\x91"\x8d]\x1f\xdc\xd3\xabs\x80\xb5\x00M\x15\x8bD"\xb1\xe9\xe9\xe9Xl:|\xb4\xb1\xb1\xff\xf3\xd5[W\x8aK\x8bo7\x9f~|\xf5]\xe3hx:\xe2vG\xdc\x91i\xf8L,\xe8\x07\x8du\xa6\xd9\xb1\xa3\xa0\xdb=\xc0\x91\x08\xabB\x01\xac\nU+\xfac\xc5H$&lt;:\xab\xd3\xe9\x86\xb6R\t\xb8h\x04\xae\xec^\x82\x9fX\xf8hu\xbf\xf6\xcf_V\xd7777\x9f\xbf\xff\xedw\x1b~D\x85\x0b\xbd&amp;\x80k\xd6\x04.\xaenF\xdc\x93\xb4\x82jU\x00\xd6\n`\x8d\xcd\xeanZD\xbf\xd7\t\x17\x8c\xc5\xe4K\xc76\x8fF\xc7j\xbf\xf8\xa2\xfa\xc7\x1f\xaf\xdc\xfe\xf2\xd6\x8b\xc6Q\xfff\x0c\x8b\x89\x9e\xb1\x88\x1b\xf4\xdaB\xe1\x02\x11\xdd\xdbFX\xaa[\x15Q\xab\x0c2\nX\xf3\x18Kg\x1a\x0b:\x01j\xd3\x7f\x04\xe5\xdf\x0c\x06S\xfe1\x08\xff\xf9\xea\xe2\xfa\xfa+\x9f\x9f\xfe\xfa~\xed\xfe\xe8\xea\xea\x11(\xd8\xf8\xa0\xb1q\xe3(\x0c6\x06\x8fg\x11\x16\xf4\xe2\x87"R\xa9?\xb8HX\xe3\xbfb\x13M\x7f\xf7{#\xd3\xa9\xd5\x07\xdf_;\xd3\xd0p\xb5\xb6\xf6\xe7\xb9Y\xd3\xd5k\r\x97\xef\xc0p\xb8|\xe7\xec\xe93\xd7zL\xa6\x9e\x9eG\x8f~:{\xf9\xfc\xd7\x7f\xfd~\xdf\x0fw\xff\xfe9d\xa2\x7f3\xf2\xa1\x8bS\x0e\x0be~\xfc\xd7\x18\xc2Z\xd8Jy\x83\xab\xfb=g\x7fw\xf6\xf7w\xafC\xe9\xd0\xe1\x07\x83\xc1\xf6\x07[\xc9\xbfY5\xdf\x9f\xb4\xd2,\x8eo\xe2\x0b\xe5\xe5\xf5]\xdf\x98\xcd8!\xcc\x0b/tDa\xecuS \xb6\xc6\xc1\xb6\x04\x06\x96\x90\x8b\xb5Tw\x06\x16\x86\t\xa4\xb6\xe9\xb6BH\xb80\xa1,45\xeeR"\xc1\x1f\x9b\x9a\xcc\xc6\xc1\xd1\xa4\x90a\x87%M\xccR\x92\xda\xa8udUbeq\xcb\xc4\xc6_]\xddI\xda\xee9\x17f\xff\x00\xf0\x89\xc4\x84\xc8\xe5\xe3\xf7\x9c\xe7&lt;\xe7{\xee%[/\xf1\x08M\xb0\xaf\xaf{\x18\x0e\x83n\x9a\xf6\xc9\x88\xdb\x17\xe77\xa67\xd2\x92\xf1\t\xc0\n\xfd\xf7\xcbS\x9bD\xb4\xb3\xe3\x87\xfb?\x87 \x88\xdd\x8f\xfc\xd3\xd3\xf3\x17\x95&lt;m\xf7\xb9\xaeaX]\x0e4\xd3r\x1d\x19\xd3\xc7\xcc\xb1\xd8e;e}\x04\xef92\x99L4\x1a\xed\x92\xdb)\x8d\xc2\xbf1\xed\x87\n\xc1b\xfd\xbe\xee\x14\xbbS\x16+\xb5\xe4\x1f\x7f4\xfcrc\xc9\xa6\xa1h\xc7\x83R&amp;\xbd\xbc\xbc\xecO\xdf\xd9\xce\x16\xe3\xe7\xf41&amp;\xa6g\xa4\xfa\xcb\xd6a\xc7\x9d\xec\xb2\x7f~lcc&gt;\x11-u\xe9(\x9e\xc2?\xe6G\xb5\x96\xfe\xaf\xd6\xe9\x04\x11\x1a\x08\xce\xc7,\x96d\xfc\xe5rB\xa9\xed\x8e\xc7K\xcb\x1b\x0f\x17\x16\x16\x1e\x8f\xbd\x98&lt;\xca\xcenJ\x19&amp;\x16\xd3K\xa5z9NF^\x8c=^\xb8{w!4\x9f)\xc5\x05&lt;\x9f\xcd\x8f\x9f\x84\x1d\x1az\xdb\x02;\xf1W\xa7U 8\x1c\xc4\x9ay*\x91\x0c\xa7\xd3J\x9f\xc0\x11\x7f09\x96Z\x08}\x1b\n\xdd\x1b\x9b\x03\xac\xb8S\xca@\x10\x19\xa9\x14|avn\xec\x87\xd4\xf4\xb7\xa9Phf#\xfd\xc0a\xe5)\x9e\xa6\x01\xcb?\x96J\xbd\xc5\x9d8xJ\xe5\x14\x0f\x9f\x8f!\xb7\x9eJ\xba\x8736\x8dV\xeex97\xfd\xcd\xbb\xc7\xa1\x85\'\x1b\xbf]z\x7f\x94-\xa2\\\xb1Kf\x90\xcb90{\xf4~\xf2\xde\xc6\x93\x87\xd3\xd3\xef\xbez8\xe7\xe8\x12\xf0\x94\xe3\xb0]%\xfe\x99\x99\xd4\xdbN\x0e\xe7\x94\xe6I\xe53\xf1&gt;\x8b\xf5hX\xa2\xf9\xccj\xda\xdc&gt;ZN|5\x8dC\xad\xe5\xb9\xf7\xef\xc1\xfd;A\xac\xd6\xd6\x98I:0\x10\xdf&gt;:z\xb1&lt;977\x99H\xbc8\xba#\xd7\xf1\x9a\x94\xb4\x04\xb1R\xa9\x7f \xd6\xe9\xe4V\x07Z\xbb\xba\xfb\x7f\xc1 &gt;\x92\x04y\x9fY\xafl\xce\xc6\x8fK\x13\xe9t\xba\xe4\xb8\x03\x10e,\xe8\x96/\xe9\xaf87\xe3w\xb6\xb7\xe3\xb0\x11\xb7`EK\x0f\x10\x0b\x8a\x86\x80\xc5\xfaC\xe3)\x88\x85{\x86\xadZ\x80\xf5\xdd\xbb\xd4\x0c\x9c\xd4\xb4\xd6\xa7\xd5\x99\x9c\xce&lt;\xb9\xa6\x18Q@Fg\xb7\'\'\xb3E\x8c\xa1\x19M\xa2\xfe\xc2\x00beKQ\xc5\xf5\xfe\xebk\x14-\xe0Z\xa1\xc6!\xd6\xc4X(\xf5\xe7r\x0c\xeb;\x06!5\xdak\xb1b\xd0y\x97\xb1B3\x13y\x01m\xb5[iH!S\x0e\x8ai\xbe\x14/n\x03\x038Z\x06v\xa2\xd9\x1c\xe3\xea\xc1|\xcdf\xb3\xd9\xa2CN\xbb\xc0o[\xadV-\x8f\xc7\xd3\n\xe0\xb0^\n\xfd\xfcWN9\x88\xec?\xdc^\xb5Z\xed\xa8V\x07\x1e\xd5_\xbe\r\x8de\x00K\xc7\x15\x08Lr\xa9\xc9d\x92C"\xc5\x8b\xd9bqs\x13\xdd?c\x8aAj\x99Lh\xa2\xe3\xb3\xb3\x03r:h\xb5R&gt;\xad\xdd\xaa\xf5\xf9\xb4p\x98\x8e/M\xff\xf0\xac\xb1\x8c\xd5\x80jU+\x172\xb5W\xee\xe3\xb7\xfc8\xb3\x04\xdd\x96\x00\xe7~r\x1c\x8c\xe4M&amp;\xa93^\x84M\xe8\x04*x1z\xbd\xe9\x9c\x13x\xbb\xe5\x038E\xa5A)\x1f\xcfg\xed\xeb\x0b\x06\x834p\xcd\xa7\xbe\xb9\xdf\xd8\x89`\xe5\xc1M\xb5r\xd5W&amp;n\x1cN\xcb\xca\xb3\x1f\xe7\xfdp\x02\xe2lA\xde\r\x0e\x11\x96\xdeta\x13\x95b\xa9\x9c\x8c\x1e\xeb\xe9\xc09 \xe6\xca\x87\xe5\xdd\xb4\x0b\x98 |\x80\x05`\x88\xe5\x1f\xfb\xcf\xca\xb3\xbf\xfd\xf3\xbb\xc6z\x0e{\xff\xa7\xda\xd4/S\rr8\x07\xab[\xb6hz\x1c..\xbf\x00PHe\xb6\x9bu \xd79)\xbb\xd8j\n\x0b\xb2\x0e\'9\\@\x0f\xfa(\x03A\xf8@2\xc0\x12\x08\xe8\xbe\xe0\xc4r\xf4\x96-\x93\xf9\xd7"\x873\xc8\x86\xb2\xbd\x16\xac\x06N\xe7\xe1\x08|_\x97\xc4\x05Xr\xfcZ\xa02\x9bA-\xcc%\x13\xa6\x15RE\xc0\xcd\x9a\xf5 \x96\x9e\xab\x03\xa7/\xd0\xd9)\xb0\x8av-\x80\t\x04}\x805\xee\xb8r\x85\xab\xd3\xdb\x0f[\xd0\xf07T\xedb\x7f\xc1Z\xfc\xf08G\xea$\xb4\x8b\xce\x97\xe3\x87~\x1a\xb9`\x99\x18\xa7\x14X\x80*iL\x92\xf0\x1e0!\x19\x17\'_\xd4y0\xd7\x14e\xd7\xd1\x90^A\xc9\xb8\xb6\xf5\x8cA\xbf{s\xb1\xae&lt;}\xeb\xa8\x05\xab\xbe\xee$\xb7\x7f\xbcFB[U\xa0i\x9d\xd5N\x9e1\x1aY\x06\x08Z\x1e\x8eA&amp;\xa77G"I\x8fH\x944\x9b\xb9\\x\x17\x07&amp;v\x922\x84\xc1a\x8b\xdb\xc4F\xbb\xce\xear\xb9h\xfa\xbc\xf1\x035\xb3\xcf\xaf`\rV\xad\x16\xfbPQ\xdd\xe1\xee\xfes\xf2L\x10\xaf\x0cPT\x18\x00&lt;F#\x1b3F\n\xddL\xccL&amp;\x93IQ\xc0+\x12\x19\xcd\xdc\xcb\xa4\xce\x84X\x14e\x10\x0b\xa1\x95V\xab\xdb(\xbb\xcb\xe7\xf3\xd1}\x1e\xd9\xe8hn?\xb9\x88[\xb1\xfa\xc1M};;FoD\xac\xc8y\x9fk\xc4\xe7B*\xa1\xd0\xebE\xaeV\xc4b\x18\xa4\xf2\x88\x02j\xf7\x90jO\xa5\x0e\x9b\xf5v;PY\xed\xbf\xa3(\x10\x0b\xb9\xf8\x06\x1eO\xa3\xf1\x05\xad\xdek\xa3\xa3\x11\xc4j\xc0&gt;\xa2Z\x17\xcb\x86\x103~w\xf79\xd9\xcbs\x8dP&gt;\n\xa8\xbc^0\xf6(W+\xb42L&gt;\x97#\xbd\x01\x8bj\xef\xd5\xde\xabW{{\xa3b\xb3\x8e$\xedvH?\xca\x18f\xb1\xae\xf2e\x04,_P+\x14\xab\x03\x11\x08b\xc5\x96\xfd\xbd\xda\x06\xb0l]Q\xad\xb5\x1e\xca\xa5! 0a\xa1\x1a\x82\x85\\\x108H#\xa0r\xab\xf6\xf6\x90\t\xb1T*\xa1\x9d\xc4\x00\x87\x8dF\x03\x1bE\x1cP\xf4\x10D\xb3O\xa2\xed\xb1R"f\x7f\xf4\xa0\xa1&amp;\xac\xca9\x8dXo ?\x82\x1a\x82\xc0,\xf6V\xb0@0\xc8\xf1\x9c9\xe0\x8e&amp;n\x02\x110\xddL&lt;\xedW\x85\x01\xca\xe8\x81?\x12c\xca\xf3\xe1\x87\xdf\x8bjI\x82=g\xc8\xe4\xee\xeeo\x0e\xd8y\xf3`\xb5u\x8bmi\xea\x1b\x1aOb\xfb\xbb2\x83U\xe2#\xda\xda\xda\xc4b\xa1\x08\xb1D\xecJ\x92\xb9\x88\xa50\xb7\xb0\xd1\xaf\x1a\xda\xb3\x8c\xde\xbb{\xf7\xa5Z\x8dT\xea@\x00\x82-\x14\x8b\xf98\xee\xeamjjvI\xe8\x1e\xaf8\xb2\xbf\xbb\xdaY\x19\x83\xd7\x86U\xb7\x02\xd7\xe2\xf3\xad\x12%\x8b\xe5\xf1T\x98\x02\xb0\xbc\x9e\\$@\xc6\x9f,,\x8f\xba\xdd\xea\xc2\xdc\xdd\x87\xb3"\xc0\xf2\x04,\x16\x8bW\xedE$\xe0\x12\xf745\x11.\xe8\xd5\xd4j\xb8\xd4ag\xe5a\x8d\xaa\xb1\xd8\xc7\xc88\x8b\xafw\xa5\xfc\xb3&gt;\x89\xa2\xb9\xc9\x10\x0e\x87=\x00\x86q\xf4\xe2w\x07\x92\xb9\xa4(Y\xda.\xad\x81\xaf.d^\x0e\x93\x1e#)\xb2X\x86\x86,\x16\xb7\x17\x05S\xf3\xc5a\xa2\xa9I\xe3\xa2y\x06\xf5Pd\xff\xf9Jc}C-\xcf~vt U}\xfd\xc1\xcd7\x8c\x90\xd0\xd8\x10\xcb`&lt;\xef)\x8b\x05TCCC\x81d2\x12Y#\x0b#\xeb\xd7\xaf\xca\x88\xf5u\x19\x99\xcf\x19\x03\x88\x05`@\xc5\x87\x9c\x17\xc3\xe1\x08\xb66\xd8+\xbb\xaaJ\xbeQ\x1d@\x04:j\xb0e\x1d\xe5{\xc1\xedu\x87\xcf\xdf\x88\xdb\x08\x9bM\x03X\xe1p%\xadX\xac\x00b\xe5\xa3\x05\xc5\xfa\xd4\xba\xac\xff\xfa\xad\xefmQ\xc0\x12\x05\xcaX\xc8\x059\xcf\x87\x0f\x13\x1a\x85\xef\x03CX\x1d\x89\x1cv\xb2\xf9^KG_ydk\xf1\xf5\x9b0\xe9R \x16e4\x1a\x91\xcb\xcbRY\x02\xaf\x93\x91B4\x93\xd8\xba55\xd5?\xb5&gt;\xb5u1\x1a-\x14(\xa1\x97\xe5\xba\xe1V\xb39/kk#4J\x1ee&amp;\x85\x91\xb6\x95\xf2\xfd\x95\xeas\xeb\x17,N\xcb*c$\xf3\xb4\xa2\x8cE"\x97\x97\rT@\x84T\xd1\x04p!\xd6\xf7\xb7\xb6\x12\tp\x17\x05\x8a\xef.\xeb\xe5\xf6\x02\x96\xac\xad\xc9@(\x95.h\xac\x93\xe6\xd5\x03\xcc\xab\xc1\xc1\x1a\xdd"\xde\xa6\xe6\x9c\x90dL:\xac\xc0\xc2\x05j\x19EB\xa0\x02\xb5,|\xc8\xaahfb"\x13\x85(NMmm\xd92\x13\x89\x89\x8b\xb6\x11\x19\xdf\xcd\xcaeq\xc3\xd9#\x935\x11\x84RAo\xee21\xf2\xa4\x0e\xbd\x01\xbe::j\xa2\x82}s\xb0j6m:$\xb7\x9b\xa1\x9e\xb2\x1bQm\t\x04\xe0+\x89\x91B\x14\x8dY&amp;_\x00\xd1\xa2\x85|4\x03\x90\x13\tE\xf3\xd9k\xeeJ\x18\xf9\xfc\xab2Y\x0f\xa1\xb49\x8bEF/[,O\x92j\xc6b\xef\x08\x9f\xacq/8$\xcaf\xa2M\x06\xf5T,t[\x02n\xd5\xd5\xb3\x1aE&amp;\x8dv1\x9f\x8b\xe4\x98\xe3c&amp;g\xce\xe5\x91\xeb\xe2\xad\xfe\x8f&gt;U\xb1E\x82\xc5j\xea\xd1(%\xf1\xa2\xd3\xcc]m\xe1\xb0\xdb\xb0\xbd\xa3\x16*\x16\xab\x9e\xd3x\xb0\xaa\xb3\xd3\n\xa5\x86\xc5\xfa\x93P\xed\x86b\xf9\xeb\xb3\xcdJ\xdbD\xba\x949\xce\xed\xfc\x04k\'\x02\xbf\x92\x11\x00\x8b\xda\xbe\xf8\xfa\x93\x0fGU\x80e\x81\xa3\x1a\xb0 \xe3mt\xb7\x8e\xeb:\xa9\x8c\x03\xebk\xc5\xc2\xcaU\xd7\xb8\xb2N\x10.\x08"{\xfa@B\xab\xd5\xee\xcf?iV*\xa2P\x10";;?\xed \x19\xbcvv"\x91\x82Ky\xfb\xeb\x7f\xff\x11\xb8,7n\xb8?\xbd\xc6b)\x94\xbd\xbd\xbc\xff\xd1r\xbe1m\xdcg\x1cG\xb2*\xecW\x93-\xad\xed\x08\xb3\\\xdfI\xf8\xa4\x92p\xac\x87r\x08[\xe9Lt\xc5\x9e_X6\xb1I/\x8b\xcf\xbe\x85\xbb\t\x8d8\x9e\x98\xad+!\xb2-^\\ nH=g[\xa4(m\xac\xf6\x05\xd5\xa4$H\x1b\xb6@D\x95\xaa*H\x04%$P,E,%C\t\rR\x12 \x19i\xb7\xe79\x9b\xa8\xdb\xab\xac1\x0f\xf8\x1f\xb2\xcc\xc7\xdf\xe7\xf9=\xbf\xdf\xf3\xfbsM\xf1GU*\xf6kkZ\xa0N\xd4\xf5\xde\x16\x87b\xa8\x16\x03\x1d\xf0\x01\xc8H\x83\x16\x92\x15\x94@v\xf7y\xa0B\x9b\xad\x18\x80-\x88\x04\xcbfX\xca\x0f\\\x88\x15B\xac\x94+\xect&gt;\xb5#VKM\x15\xb8\xb4%\xf4\xc6\xc5\xd2\xa1\x184\xc5\x08\xa8\x05\xad\xecw\x07\x06s\x99\x15\x96\xa5\x99\xf3\xc0\xb3y\xe1\x9bR\xa9\xb4\xb4\x04\xb7\x0b\x9b\xeb\xb3\xc0ES$I\xb2\x92\xbf\xaf\xaf\xaf&gt;LA\xfe\xf7ySG#\xa1\xdb0^\xc6\xfa\xa2:\xcb\x89\xb8V=\x97\x19J\xf9\x10\x8b\xb1\x0e\xfa\xff0x Gf2\x19\xcax~v}mmikcbbb~bqb~yimmv\xf6\xce7Y\x9a\xe4I\xc0\x1a\xec\xcbU\xb0\x98\x08\x13\x7fj\xd7\xe9\xab\xb51\t; \xa8\x15\x1fKFP\xcb\xc58C\x83~\xff`H\x02,\xd2|\xe7\xfe\xea\xea\xfd\xf1\x8d\xf9\x8de\xc4\x9aX\xde\xd8(\x8c\xaf\xad\xad\xad\xde=1D\xf1\xbc\x1b\xdeh\x91B\xe1\xb0\xd3\xec\xf3\r\xfao?}d\xa8\xdaV\xbc\xda2\x96\xe9\xfa\xe3\xe5\x82b6\xd3!7b\xe5$&gt;\x9e\xa1S\x7f\x7f\xf2\xef\'7o^][]]\xdb\xdc\xdc\x84\x07\xcd\xa6\xefN\x0f\xd8&lt;\x1a\x96\x1b\xaa\x8a\x9c\xdb)&amp;Vn?\x9e{\xa4\xab\xee\x1e\x1bt\xa4\xe9\xd1\xdcr\xc1h\x16B\xa1\x9c\xdf\x9f\xb38\xe2\x19\x96N\xdd\x9f~\xf2\x048\xd6\xd6\xd7\xd7g\xd7gg\xd7\xc1\xa3\xa0\xd5\xea\xfdC\xbfwy\xdcn\x0b\xbc\x91\x92\x1cR\x8e\x16W\x16\xaf?\xd2i+\xd5U[\xf3\xc1O\xc2\x132\xf6\x89B\xc0I\x87r\x80\xe5\xf7;\xe2$\x19j{\xff\xd7\xbf\xfc\xf6\xdb5\x88\xf2\x07\x0f!A&lt;|\xf8\xe0\x9f\xb3\x9b\x9bw\xbe^\x80a\xbc5\x1c\xf6\xbfa\x91$\x87\xc3!Q\xa5\xe5\xcb\xda\x9c\x08b\xe9\xab\x82\x85s\xba\xda\xeeN\x93i\xa6@\xd0T.\'\xf9\x1d~\xff\x1b\x0e\x92\nE\xa0\xc09\xff\xf5\xec\xec\x83\x87\x1f&gt;\x04\xfb\x10\xee\xcf\x9f\xdf\xbd\xc00\x91\xbd\x07\x0e\xb8-\xbbvI&lt;\xef\x80/ &amp;\xe6{+3[\x86*a\x95\xeb\x0c\xac\xcc\x0c\xd77\x8a,I"\x17\xca%\x91\xa1s\xbfm[X`\x90\x07\x80JLI\xc8A\xff\xe7\x84q\xcc^(\xc4,\x8e]\x0e\x92%%\x07I\x8a[\x8b\xa6\xed\xe3\x0f\xaf\xd6\x19\xfe\xeft\x12N\x83\xf7\xce\x17\x05\x92\x8c\x93qP\xcb\xbf\xcb\x91\x0b1\x91H[\x04rF)\x01C\x9at:\x1dM,%\x02\x0c\xfc\x19\xb0\xdc\x92\xc4\xb3\xaa\xca\xf2\xe0macNg\xd0\x19Z\xcb\x1b\x92Z[j\xaa\x16\xf3\xb8\xa5\xb9q\xb1 d2\x80\x15wH\x8e\x1c\x9f\x0b\xbd\x03\\\xccB\xb6\xe4\x1dOO\x0e\x8f\r\x8fMF\xb9d\t\\\x08Y\xc4\x19\x92XVH\xe4\x15\x81\x14\x84&lt;\xfaPW[\x99\xf5\xacJh\x81\x17[Z\x8f\xc0GB\x174\xb3\x95\xcf\x00\x14X\x8e\x14)\\=\x7f\'\x02\x03bc6\xc6\x8d\x07\xd3\xe9\xc9\xe0R\xc2\x9b5\xe2\xca:c\xa4y\x96eUA\x05\xad\xf2[\x8b\x95\x99o\xa8\x0eZ[\xaa"\xd6\x0b\xcd\xa6\x0c\x86\x9e\xf9b^S+\xce\x8a\x04I9\xcf-0\x18I\x8c\x08^\x04[J$\xf2\x04\x01\x83\xb0\x14\xa0\x11f\x11\xb8\xd8L&lt;.$6.\x97\xa7\x98\xab\t\xf4"\xf2\r\x06\xfbb!\x91\xd1\xd4"EA\xa0\x9c\x91\xddP\x87\xc1x*$\x96J\xa2\x02`j\xc9\xe7\xcbfS^c\xd6+B\xeaeI6\x93\x11\xd4\xe8|\xaf^\x1b\xc1OU\x1d\x0b\x9b\xb6\x01RD2\xafq\x91\x82\xaa\x88\x0c`1\x80\x15b\xb2\xde\x98\xec\x93\xe5\xa4\x9c\x8c\xc5\xbc\xa9\xa1T6\xe0#hs@\xc3\xca\xcb\xd1\x89F&lt;\x9f7\xb5\x03jiK,\x86\xb9\xadd1/ \x16\xa9\x10bh\x0fT\xb3{\xf6\xeca \xb68@\x929n\x9c\xf3\xfaR\x87\x0ey\xbd\t\x91\x0e\x04h\x9e\xcc\xac\x14\xb9\xd1\xc5F&lt;\x844\xb5\x03;\xc0\xa7\xb4C\x92\x80\x05\\d\\\x10HQ\t\x84\x9c\xe7\xce1P\xa1.x\x01+\xa1p\xe3`\x17\xbc&gt;/\x08\xe6\xf5\x89"\x11\xa0\xdd\xecJ!8^\xc0\x88\xd7\xd7N\xed\x80\x13\xa70\x11\xeafTp\x156.h\xf6J\xd6\xc9Dp\n\xeb\x1c\xd6d1\x85\x90\xb9$\x96=\xde\xd8\x85\x188\xd5\x07rR\x14QL\x8f{\xf33xFdG\xb0Z\x10\xcb\xbe\xe8\x1b\nx\x15\x16\xb1H\x810:\x99\x85\x85H\xdb\xd1w/\x80\x0b\t\xa3"\xcb\\\x10\xb1\xc0|^Y\x01.!\xc1}\xe2\xf5\xa93\x06,,ZvH-\xe8\xac}6\xa3\x91 \x84\x8c(\x88\xa4 :\x99\xb6\xddmm)p\xa1\xac\x12\x82\xaa\x16\x93I\x88{/\x18!\x12\x84"\x8aJ2(\x07\x86\xd4\xb9Zm\x04\xbf\x03\xb1\x85\tB\xdf81d\xeb\xa4iE\x11\xe0\xbf\x8a\xa2\x18B\xb9\x8c^\x8e+&amp;\xd4\xbc\xa0\xe6\x0b\x85\xc2h1\xc9\xc9 \x93*\xcb&gt;B\x959\x19J\x93\x959\xad\x03\xab\xd9\x19\'\xea\xf4\x8d\xf3)[\xa7\x99\x12\xd1=\x02A@\x1fl\x84$\x15\xe3\x82\xc9b\xb1\x90\x1f\x1d-\xac\x00X\x1e\xb8T\x00J\xca\tP\x910\x1b\x87V\xaeW\xb0jv\x06\xabw\xf9\xb4\xad\xd3CQ\xb4QQ\tB\x0561\x9bM\xc8\xc1tp\xb4X\xcco\x01\x17\xc8U(@^-b\xc6\xe0&gt;\x91\xcd\xb4\xab\xf3h\x19\x0bz\x9e\xeac\x1dA\xac\x9e\xe5\xd3]\x9d.k\x982C\x83\xc4\xeeF \t\xa2\x18\x8dFG\x81(?\xaa=F\xa3\xf9\x95|2\x1a\x84\xe8\xe7\xbcf\x8fg\x1bkj\xaa\xb5\xfa&gt;,\x9f\xf3\xe9\xc9\x9c\xeeF,\xe4\x8aq2\xe40AH\x04\x01+\x9a\x8e\x16\xf2\xc5\xd1`\x10\xf9@\xafh0}\xea\x14\xe7\xa3i\xab\xc7e;\x9a\xd1\xb0jw\x02\xeb\x886\x0e\\9\xdcm\xd3\xb0(\xda\xc7%\x01\xabXL\x02\x16\x0c\xb5\x82 W\xb4\xac\x1b\xbc\x08\xa6\xaf\x01\x95\xd9c\rY;\xbb\xdf/c\xb5\xd4\xb4\xec\x10\xd6\x9c\xda\xd4\x05\xc1e\x057\xd2fB\x81\xfe\x06\xf4\x01\x96`\x10\x7fG\xf1\xc9h489\x8c\xfb\xef\x82\x84\xd9\x0c_\xe0\x05\xd6\x91\xea\x9e\xb8\xab\xdd\xfeH\x1co\xf9\x9a\xba\xc0\x8bX&gt;P4\x82q\x08\x04\xeaD\xf1\':\xaam\x8e\x9a\x9c\x1c&gt;u-\rZ\xd1V\xb7\x1b\xb1\xc0\x89\xda\xc4\xf2TmU\x0e\x9b\x96?\xe0\x07\x87\xa9\xed\x8b\xb1\xf7\x0e\x03\x17`\xb9C\x80E\x13I.\x8d\x18\x93p\x8f\x8e\x84\xdb\xe4\xd8\x8d\xb1S\xd78Y!@+\xc4rmc\xe9\xabt`\xf8\x07Xz\x9c;\x80\xb1\xfc\xbb\x88esy\xaca\xc4"@/\x19\xc0\x86\xcb6\x89O\xc6\xc6\x86Oq2t\x88f\x9ar\xd7\xbb\xc3\x9e}\xdd\x873\xd7a\xf0\xa1\rO\xf5\xe5\x19\xa0W\xc6\xd2\xbe\xa2\xde\x00\xad\xb0q\xe6\xf9F\xf4\xe3\xcf\x9a\x0ec[\x04,\xb3\xd9L\x80\xa9\t\xf0\xe2\xb5\n\x10\xd8\xb5t0\xa9(\xbe\x80Fe\xa9\x0f[\xf7uwe\xe6z{\xec:S\xe5\x9cOu\xb0\xb45t\x9d\xdd\xf4\xfc_\x7f\x1d\xbb\xba\x7f\xa0\t\xe4B\xb5p\xd5K#\x83\x0e:\x99\xe44\xffAd\x05!\x8b\x02\x95\xc2R\x94\xdbb\xb1\xd4\x9f\xb5\xee\xfbY\x17\xf7\xfd\xb3\xef\x9au\x86\xcaw|E\xac\n\x14n7\xe8\xed\xf9y\xcf\xf7_^\xb9\xf5\xd1\xfe\xfd\xbf\x02\xac}{\xadV\xab\xc7\x8c\x86~T\x15\x1f\x8eL\xa3\xd8O\xcb\x8a\xaa\xaa\x84H\x93\xbcd\xb1\xf4\xd5#Vw\xf7\xd5\xbf\x1d\xff\xf3s\xdc\xdb\xa9/\x97\x9c?\x82k;*_\\\xca\xc0`j|\xbb\xb9\xf9\'s7\xbe\xb8\xdb\x0fX\x9f5i1o\xf5x\xb6\xb9h\x9a&amp;\x08\x96@\x1e0V3\xca\x8dX\x16\xc0\x82\xd8\xea\xfe\xf8\xca\xf1\xe3_\xd9\xed\xa6\xf2\x95+\xf4?\xe2\xea\x02\xb5\xffu)\x03\x9c\xd8\xea\xbd&lt;\xd2\xd1\xd1\\w\xe6\xc6\xc5\xe9~\xdcq\x0b\xc1\xb5\x0f\xbc\xe8q\xb9\\\x9d\xe8G\x9aBs\xd3\x01\xbaL\xc4\xf3&lt;\xbev#V\x1f\xaa\xf5\x8b\xae\x81\xe9/\xbe|\xd6\xf3\xdakv{\xa3]\xbf}\x82\xbf\xf5\xffi\x94\xe5\xf5\x94rm\x8fJ]&gt;s\xa6\xb9\xa3\xa3\xbd\xbd\xe3\xf9\xcd\xe9{\xfd\xff8\xb1\x7f\xe0=\xc4*su"\x17\x88\x05\x15=O\xf8\xcc\x14\xa5A\x95\xb9,\x16w}}\xfdAT\xabk\xa0\xff\xe2_\x9e\x8d\xbc\xf5\xd6\xeb\xaf\xf7vt4bmV9\xf0\xf3\xd2\xfe,{\xced\xd0\xa8to\x8e|\xf5\xe9\xb1\x06\xa0jo\xfe\xe0\xd6\xbd{\xfd\x97Nl\xc7&lt;dz\x8f\xab\xcdf\xb3\x19\xb1\x1c$y^$@6\x9e\x97\x1c\x92\x85\x0fW\xe2\xfd\xe0\xc1\xb3g\xf7"\xd6\xa5\xe9+\xcfF\xde\xaekh\xf8\xe9\xb1\x93\x1f\\6\x95\xb3EeO\xcb\xcb\x87\xb9\xa1Le\xea\x19\xe98\xf6\xa7\x8e\xe6v\xc4\x9a\xbfu\xe9R\xff\xa5\x8f\xd0\x89\x98\xe85\xacN\xa02\x1aE\x96$y\x92\xc2\x88\xc2Y#^\x02\xb1\xc2\x90\x1c\xca\\{!\xcb\x0f|t\xef\xe2w#uu\xcd\xcdu\xed\'O\xfe\xf1\xf3\x1e\x13$\x8b\x17\xd7\x89x\xd9\x807\xe8\x90\xea\xcd\x9e\x91\x91\xba\xf6\xcf;\x1a\xc0\x89\x1d\xed\r\xcf\x11\xab\x1c[\x80\xd5\xe99k\xb5"\x96\r\xddH\xf1\x12\t\x86\x93F\x0e\t\\\xe8v\xa3\x03\xb1!V\xb0~s\xef\xd6\x06`5477\xfc\x87\x923\x08m#\xbd\xe2\xb8\x18K\xde\x18\x0f\x19\xc5\x9a\x19\x1b\xc9\xcaXN@\xb6&lt;\x82\xcdPB\xd3\x8d\x0cK\'[\xc6\xae`\x0f6\xde\x18\x83\xb7\x0679\x08D\xa6\x8c\tbB\xca\x1er\xa8\x96\x04[A\xb1nCK\xa5\x80*\x1dj*]\x8a{\x10\x12\xd2A\xd6"\xd6\xd8\xe0[\xc1\x90\x9c\x0b\xcb\xc2\xa6\xd0\xff\xfbFr\xbc\xbb\xe4\xd0\xcf\xce\xc8I\xa47\xbf\xef\xff\xfe\xef}\xdfX\xf6\xe4\xccN\xe3\xa8\x92\x1a\xb926\xf6\x7fa\xb1\x9e02\x15$S\xd9\x96e\xaa\xc4\xa5E\xdf}\xfb\xe4\xe5\xdf/\xb0\x96f\xf7\x07r\xdd\xbdv\x03r=\x86\xa1\x1e\xd2\xb7\xd8\x1e.nl,/\xa3\x04\xdd\xf1l\x7fi\xf5\xc1\xe6\xd3\xed\'\xdf\xbe\x0b\x02+\x1a\r\xe6*F\xa1T\xcc\x1b\x89\x8b\x9fL\xfa\xc0*\xf9\x91\xe7\xf2\xd2\xc7\xbag\xe2\xc0\xb4M\xdd,\xd6\xbd\xb5\x82\x1c\x05W4\x9a\xfb\xc7\x93\xed\x97/\xb7\x07XI\xc2\xfa\xf5\xd2\xea]`\x81\xeb\xe6\xc6\xe3E\x1a\xa1\x10\xa9\xe5\x8a\xb5\xc3\xc4\xda_\x9acX\xff\xca\xb9X\xb2m5rz\xd3)\xda\x07\xecg\xa6n\xdf\xfe\xd5\x07\xba\xc5\x8f\xef\x9dBR\xa5*\xf9N\xc5l\xd4Z\xfdR\xde\x88\x90\xf8\xd1\xe0\xde\x17O\xb6\xe9\xb7\x1d\x86X4`\xfa\xbbw\xd7\xae\xdd\xb8u\xf3w7\tjq!\x04k=$\xac\x1d6\x9e\xed\xef\'W\xef\x7f\xfc\xd9\xf6\xbf\xff\xa6\x05iD\x85R\xa0\xea\xd8F!\xeb\x14\x0b\x07\x13\x13\x13\xec\x9d\xd8+\x1f\xc6r\x1b\x03\xf90n\xd8y\xd3l\x96\xab\xe5f\x0e\xaaG"jp\x0f\x0f\xdf=\xd9\xbeGb\r-\xbfE\xbb\x03\xfay\x10\x98\x0b\x8d\x81\xb0\x16\x80\x85J\x9c\x81\xadvb\xb1\xd8\xce\xce\xfa3\x86\xf5\xf9\xf6\xf3SUU\x11H\x15:N]\xa9g+\x86]\xec\x17\x0b\xf4\xebH\x1fy\xc6\x86w\xe2\xf9\t\xd6\x95\xc1=s\xe8m\xa2\x91\xb4\x96\xd3\xf5F\xcd[/\x99\x9a*\x07\x11\x0cX{A\xf9\xec\xf9\xcb{\x9f&lt;}\xfazs\xf3&gt;\xdb\nnMc\x1d^\x9a[\x9bs\xb1\x1e.N\x02\x0bT\xd4F\xc149\t.\x96D`\xfd\xf1\x91.\xab\x11YUe\xd5\xd0\x0b\x16\xef\xed\xe75#o\xb5\xad\x02\x9a\x85\xeb\xfe\x9f\xdd"h\xb8}\xa1&amp;7\x12O\xa7S{v\x9f\xcbX\x05\x18\xaaP\xb4l\x01\xd1\xd4=5\x92\xfa\xef\xf3O&gt;{M9\xbc\xcf&lt;\x8f\xce\xb4\xbc&lt;\xbb\xb4\xb6F\x9d\xfe\xd6\xcd\x87\x8b+\x84\x05\xdf3\xa6\xc9\xc9\x15\xa8\x85&amp;\xff\x8b\xd5\xdd\x8f\x7f\xfb\x97Sh\x8ev\n\xb2`$\xa8\x1f\x95\xb9V\xd1\x8c\xe6:\xc5\xbe\x05\x8f\x8d$\xd8\xfd"~\x92\xca\xc1\xb7l!\xd6\xc8D:\x1d\xdf\xb3\xad\xaeR&gt;\xd25\xcd\xcc\xd6\xfc\xbcc\x08r$r\xa0F$\xed\xd1\xbd\xd7\xd0\x8a\xc4\x9a\xc3\x86~\x9d:\xd3z\xf2\x9aK\xf5\xea\x15q\xc1\xf1\x8b\x84\x14\n\xe1\x10\x9bA\xdbJ\xferns\xf3\xcf?\xf4\x04\x06%\x0b\xb9F^W\xa3f\xb1\xcb\x95\x1b\x15C\xb7\xb3m\xab\xa3\xc5]\xac\x81\\\x83\xc3\xc5\xe6s\x0ck\x96\xd6q\xaa\xfer\xa9\xa2i9$2\xc0\xa1\x14%\x19\\\x08\xe9{\xf7\x05\xb4\xda\xdd\xc5&gt;pnui\x9faM\xcf.\xd1\xea\x83\x06\xffjfe%4\x89L\xb2\xb1\x18C"wh\xedY}pwW\xb1\xc6\x00\x00\x07\xa0IDAT\xff\xd3Gg)YVe\x011\xb2\x99\xaaS\x88F!\x18\xcf\x97\x1b\xa6\x165K\x8e\x95\xd7a2\xb6\x1f\xbbh\xb1\xb7\x07\xbf\xa0&lt;212\x92\xce\x1d\xf5\xab\xfe\x1a\xd6\x9b\xa8\x9ew\xaa\x80\xe2\xb8n\x89\xc2E\xe83r\xfa\x9bOI,Xk)\t\xac\x1d\xdaN\xcd\xde\xfa\xd2]\xab_\xcd\xc4V\xa0\xd3\x02Q\x91\xb1\x98\xe5\xa9m\xdd\xff\xea\xf4\x80\x02 \x8e/W\xf6\xfa\xf9Z#\x17\xd4\n\xc5\xba\x92i7`\x15\xb3\xe1X\xcd\n\xca\xf2\xbdf\xbfgo\xae\x8e\x8dL`\xf3x`\x96\xca\xd5n\xbbT0\x82\x9am\xd59h\xc5q\xbc\xdf1 \x17\x0b+\xed}\xf7\xd5.\xa0\xbe&amp;,J"\xf6-\xe0\xdaZ\x86\xc9\xd8*\xc8\\\xbf\xc028\t(P\xcd\xae\xae&gt;\xd8=\xd7\xc8\x07\xb2 \x08R\xb3\xca\xfb\xfd|\xd7\xe9\x18AL\xbc\xc5e\xda%[7\xccf\xd1\xca\xdaZb\x8cn\x11D\xdbE\xf7\xadhl\x85\xa6`\xa9z\xb5\xe5\x1c\x99\x86\n\xa7\xd72\x1c\xe7\xf5B-\x9e\xaf\xd9\x12\x02\xb2\xc9\n\xc7\xe7\xff\xfcz\x8eR\x98L\xae\xaf\xaf\xb3\x1d\xc2\xec\x97\xb4*SS\x98\x89]\xa2r\xb1f\x93s\x9b\xbboz\xf2\x90\xca\xe8{\xfd\xc0\xe23\xb5,2R\xc9[-%S+\xda\xbaV\xc9g-\xebH\x9f\xba\x92H\xb0\xb7\xab&lt;WF\x12\x89\x84\\i:\xf5V\xbb\x98\xafhQ\xb4\xbar\xc6\xeb\xe5AEID\x16#\x92@A\x85\x94 \x1c\x9f\xfeum\x15\x03b\x11\x15\xb5q\\\xde\x80j\x91\xca\xef2Ul\'6MX\x7f *\x9a\x14\xa6&amp;t\xba\x04\x052\x7f\xb7\x7f\x94SA\xe3\xb4\xfc\x00\xcbW\x8c\x9c]\xb2\xac\xa6\x99JP.\xc7&lt;\xa8\xbe\xbdB\xb6]\xaf9\r\x13\xcbr\xae\x03(\x8eG\x06\xbd\xc4\xc5q~\xbf\xa3\x93\\\xf4G\x90\xa4\xbd\xc377VW\xaf\xc3Z\xaeZ\xeb[\xebL\'V~!\xd7W\x80b\xde\x9a^O&amp;\xd7\xce{\xc2\x10K\xd0,&gt;CL\x94H\xae\x05\xa7\x07I\xb1Z&amp;Sw\x9a\x05=W@.\x1b6\xdd\xbdh\xcc\x93\xd2\xf3\xc5r\xbd\x9f\xed\xe4\xa2A\x8d=)\x10\xe0 \x95\xe2%oQ\x80zG\x92\xf1\x81\xb0&gt;\x9f \x1c\x1c\xbe\xb9\x9eL\xceo\xcdn\xb9X8\xbaT\x93!\x80-\x0c\xb9\x00\x85\xffM\xde9\xefI\xa42MK\x16\nu\x17\x0bP\x94\x89z\xb1\x030\xbdSDv\xbaD`P.\xb3y=\x92\xf0\x94\xfa\xb5r\xf1\xa8\xa2\xa1\xcb\x15\x1aN\x9d\x07\x14\xa4"\xad\x02L-o\x80\xb7\x0c&amp;\x96\xc4&gt;|\x91\xb3\xf3;\xb3\xf3\xf3\xeb?\xc3\x1a\xea\xe5\x96alzg\xfa\xe6\xf9\xe1\xb1OJ\xc9\xf4B|F\x8b\x8a\xd7\xa5\xa2\xf8\xbc7\x90\xa9[\xf9\\T5\xecR\xbb\xcbWk\x16\x8c\r\x88b\xb6Y\xf0\xb4\x9dFASU\xc3&lt;\xb2jUB!K\xb1G\xf7\x0bQ\x1c\xad\x96T\n\xeb\x930\xd2\x92O\xee\x9d\xbe\x98\xa7\xec\xb1]\xb1\x9bC\xa6\xd1E\x0e\xdd\x14n\xbc8\xec\ta\x9f \xb39A\xadNk\\T\x02\xa0r\xa7\xcd\xfb\x91\x8f\x96\xd34Q\xf9t\xf6\x0c\x8f\xad\x01\x93\xac\x94\xf5\xd8z\x90\x98\x8a\xe5\xae\x1f\xcfd0\x1c\x93\x8a\xe6\xa3(\xe2\xa88:\xdeB\x1a)\xb2$\xf9\x88\xcd\xb7w\xf8\xe2\xce\xf2\xfa\xd6&lt;s\xfd4\xfa\x82K\xb4@#4p\xd6\xf4\xc6\xf9\xd9\x81/\x1cf\x93\x11$&lt;T\xdaWG1\x14X\x84\xa2\xb3\x93aT\xcbY[\x8f\x06u\xbb\xe4\xd4\x99\xcbLt\x0cOT/4-0ql\xb86w\xb1\x02\x01E\x14\x15\x90\x89\xa3e\x93\xd2\x00(\x9f/M\xc7\x83\xb3\xf3\x17\x1b\x0ck\x86-\xcc\x97\xb0\x16B,\x85\x8f\x91\xbf\xb4\xcf\x1d\x12SK\xb7\x14\xa2\x1a\x1f\x1fU\x88\x86\xf3\xba\xa5\x8e\x87L\x8d$\x8bj\x95N\x96\x92\tO\x99\x9e\x86S\xabr\x01/\xcfs\x17J1,\xe2QH\xec\x80\x82\xaf\xfb9\x8a\xec\x9e\x83\xe6/\xf4N\xdf\\\x9f\xdd\xc2\x06\x86v\x0bn\xc3r\xa1\x90\xc6Xl\xf1\xe4\xb0\x97\x9a\n\x87\xe3C.\x9fdd\xfd\xa3$=q\x89\x01f\x10\xafk`?\xd2\xd4u\x9b\x93\x8ed\x96\xbb\x99V\xdf\x83\xc2#\x1frC|\xa2\x82L\xa3\xa3\xa2(B/\x90\xd1\x11+6e\xe2\xfd\x08\x1f\x1c\xfe\xf0\xa7;\xd3;\xd4\xaeV\xdc\x8e\xb5\xf0\x96Q\x81\x8bA\x81\n)\xf4\xb1\x83\xcf\xa7e3\xe3\xa3\x83\x01.\x05\x0b\x1be1@\x82\xa0\xdc\xbd\n\x19\xcbF70\xcc&lt;4\xf3p\xac\\\x07:\xa1\xabS\xed\xc1N\xe3\x14D$:\xc8Fz5\x07X\x12\x9dEJ\xa7\xd3&gt;\xed\xf4\xcd\xfc\x06|\x85\rM\x88\x98\xde\xbeu\xe5\x02\x940\x95\x88\xc7\xe3\x8c\xcc\x95K\xcew/\xa8\xdcL\x92L\\ \xc0S{ed\x01\x91o9\rX=\x12\xcc\xe5=\x1c\xab=\xd6Gx&lt;\rJ\xb9\xaf\x1b\x8e\x01\xdb\xb8\x15dXdz\x9f{\xae\xb8\xd4;&lt;\x7f\xbc8\x90\x8a\xb4\x02\xd8\xc9\xc9\x7fz\xa9\xf8Txjj\n`\x03*\x9f\xa06\xf8q\xa8\xc4\x82\x11\x14}\xa9\xd0\xaa\xcb\xa8\xb0\xc4\xa1CR\x81\xfa\xeb\xfd\x86mD"\x1e0Qs#\x95D\xa5\xea\x17\x07\xf9s\xc9\xe8\xd6_L8e\xbc\xafE\xe4\x01\x0f\xcbL\x98\xd4H\x1f\x9f\x9d\x9e\x84.\xb0\x16NN\xcf\x8eSa\x00M% \xd5%\xaa`\x83#\x92\x81T\xe3nt"#\x9dpp\x07\xeb\x1d~d\xd3\xf4\x10/\x89\xc5\x07\xf8Z\xf6\xa8=\xae\xb0\xdac\xf5\x07\xac!\x9ax\xb5\xacc\xcb\xfb\xde]$\x07)\x92\xfe\xe6\xfb\xc3\x93\x93\xb7\x94\xc0\x93\xf3\xc3\xef\x8f\xa1\xd4p\xb8P\xe1\xb0$\xe0*\x85a\xd1\x10\xdfc!\xb0\xc8\x93b\xd4\x9ax7\x99&lt;O\xa5Y\xa7$\xe2\xef\x01\x05{?S3,\x91\xcaO\xa1\x95\'\xc0\x8c?\x98\xd7\xe8\xd5\xba\x19\xc4\xbe^\x18@\x01k\x90\xa7x\xfc\x9b\xde\x19\xc8N\xce\xcfz\x07i_\x18X\t\x97j \xab$\xe3\xd2"\xd8\xf0^\xa85\xb4\x17\x0b\xdco\xb4\xd10\xc9\xdfC\x97QB\xbd\x1eV}\\\xb7\x8d\x9d\x06.\xbc\xb2^*@/\xd9\x91\xe3\xa8o\xb9\xf9D\x98\x96\x8d\xab \\\xb9\x0c\x12\x89\xf3\xd1\xb9\x13\xcc\xd5\xa9\xe3\xb3\xc3\xb3=i\xf8\x8fS\xc3*$~\xec\x96q\x8d\x12,y\x7f\x045\x98\xac\xa8\x94\xd4\\\xde\xaag8\xde]\xc2]\xbd\x02\x9c\x07\xa2\xd1j\x94\xa3W\xab\xeaQ\x86\x8c%\xd2b\xed\x16\xa5\xc2\x1a\x18F5OXQ\x08&amp;\r\x15\xf3\rTI\xa7R\x07d\xf3t\xfc\x12\x13\x08\xf1\x0c$0\xc2\xb8J\x9c(\xfe\x8cJ\t\xfc\xaf\t+Fq\x18\x06\x82\xe6\x90]\t,Pb\x82 \x04Wj|\x8d\xde\xa0&amp;\x7f1\xa4\x17\xf9A\xfa@\xbat\xa9\xe2\xf6\x1ep\xe4p\x93\x14yQfv\xc3\x11\xfb\x01;\x1a\xed\xce\xec\xc8\xde\x86\x942=Q\x80)(\xd0R\xd1\x95N[\x06\x13n\xec\xfb\x9fFz~C\x95\xb3\xae8\xf1m*\xab{\x84(\t4`)W\xa9\xa0P\xa0\xf08\xee\x04\x10/T\xa7a]\xeb\xaf)\x80A3^\x8c\x0e\xe1\x07*\x14\xf1\xe5\x18sN\x10\xf8\xdb\xf3\x8er\xc5\x19i\x1fS\xcd\x0fdT&gt;\x0e\x0c\x0c&amp;\xd7ycD\x8b\x17\x1e\xb8\xddT\xe4\xd6\rm\xe0w\x08\xef\x0fA\xb4\x83q</t>
        </is>
      </c>
      <c r="M64" s="3" t="n">
        <v>45492.676875</v>
      </c>
    </row>
    <row r="65">
      <c r="A65" t="n">
        <v>158267</v>
      </c>
      <c r="B65" t="n">
        <v>1962</v>
      </c>
      <c r="C65" t="inlineStr">
        <is>
          <t>Bruno Uvini</t>
        </is>
      </c>
      <c r="D65" t="inlineStr">
        <is>
          <t>Bruno Uvini</t>
        </is>
      </c>
      <c r="E65" t="inlineStr">
        <is>
          <t>ZAG</t>
        </is>
      </c>
      <c r="F65" t="inlineStr">
        <is>
          <t>ZAG</t>
        </is>
      </c>
      <c r="G65" t="inlineStr">
        <is>
          <t>ZAG</t>
        </is>
      </c>
      <c r="H65" t="n">
        <v>187</v>
      </c>
      <c r="I65" t="n">
        <v>25</v>
      </c>
      <c r="J65" s="2" t="n">
        <v>33391</v>
      </c>
      <c r="K65" t="inlineStr">
        <is>
          <t>Right</t>
        </is>
      </c>
      <c r="L65" t="inlineStr">
        <is>
          <t>b'\x89PNG\r\n\x1a\n\x00\x00\x00\rIHDR\x00\x00\x00\x96\x00\x00\x00\x96\x08\x03\x00\x00\x00\x0b\xdf\x81\xd0\x00\x00\x00\x04gAMA\x00\x00\xb1\x8f\x0b\xfca\x05\x00\x00\x00\x01sRGB\x00\xae\xce\x1c\xe9\x00\x00\x03\x00PLTE\xff\xff\xff\xb9}^\xbf\x82d\x0c\x0e\x13\xfe\xfe\xfe#\x18\x13\x1c\x12\r\x08\t\x0e\x07\x07\n\x0b\x0c\x10\xa8\x83l\xa5\x80i\x1d\x15\x124&amp;\x1f\x17\x0e\n\xa1\x81n%\x1c\x17\xc0\x85h\xb2\xb1\xb6\x9d\x7fi\xa8\x81f*\x1f\x1b\xbc\x80a\xa8\x85p\xc4\x87i\x10\x11\x16\xcb\x90r\xbbxR\xae{a5*&amp;\xa2uZ\x9cu^;,#\x90hP\xb5x]\xa3y`\xa4~c\xc8\x8ai\xc4\x82^.$\x1f\x13u\xaa\x9dpX\xb5tOP8+\xc5\x85c\x14m\xa5\xc2\x7fZ\xa1}f\x14h\xa0\xa3\x85q\xa2pU\xce\x8dk\x84]H\x8bcL\xfb\xfa\xfb\xca\x97v\xa3iOrO&lt;\xad\xaf\xb7\xd1\x91o,\x1d\x15\x13\x0b\x07G4)}\\H\x15d\x9e\xb2\x82g\x9fz_\xbe|X\xc5\x89p\xa8lUdH7\xacqU\x98iN\xba\x82fkG6\xb5\xb5\xbcqSC\x98{gC)\x1d\xb2vV\xc6\x8en\x8b^EB/&amp;iM&gt;L;2\xb3|c\xaf\xb1\xb1\x91nY\x9dlRI/"\xc0\x8ai\x12\x14\x1b]E6\xbf}`\x93bJ{UC\xaf\xb4\xbc\xce\x92w\xba\x87g4"\x17\xb0t[\xa9~k\xf7\xf5\xf6\x98pU\xaazZ\xa9\xaf\xb4\x83V@\xb8~d\xb9x[\xb8\x86n\x83aO\xdb\x9e|\x16o\xaa\xafpN\x97jV\xf1\xef\xf0\xbf\x8cp\xcb\x8adU=0yQ=\xd7\x98t\xb4\xb1\xb3;%\x1a\\&gt;/&lt;1,B60\x97ePwWF\xa0\xa3\xaeUB7\xcf\x99}\xa9mL_J?$&amp;/WY`\xca\x8fy\xb1\x80_R3#\x18\x19\x1f\xa1dG\xaa\xaa\xb2\xd0\x9c\x84\xa0\xa8\xb5\xc5\x92rd?/\xa3t^\x94u`\x16g\xa4@BJ\xaf\xb9\xbf\xed\xe9\xea\x1e &amp;24:kkr\xb5\xb8\xc4yH4\xa9xc\xe0\xa3\x83\xff\xff\xff\xb2\xad\xac[9)!n\x9b\xa6\xae\xbe\x12s\xa4[TT\x86\x88\x92;\x7f\xa6\xbe\x95\x83\xabt]\xc4\x90z\x7f\x80\x88vx\x80u\\O\xe7\xe2\xe2\x93\xa7\xb7QII\x84{x\x11m\x9e_cl\x8agW\xd6\xd3\xd5\xde\xdc\xde\xbf\x84o\x86IG,-6HLT\x9c\x83s:;B\xa7}a\x16f\x97[\x87\xa4\xc4\xc1\xc3\xb0vh\xd7\xa2\x89\x97]D\xac\xa6\xa7mB0\xad\x87u\x91\x85\x80\x8fSO\xa0\xb2\xb9ms}H\x88\xad\x85\xa3\xb8H?&gt;\xbc\xb7\xba\x13O\x84]\x91\xb0\x90\x94\xa0\x9e`Z~eXkba\x0c\x06\x04\xcd\xca\xcb\x96\x9d\xab\xb8\x8cz\x83P9\xa3\x8e\x85\x15\\\x96xssj\x98\xb2\x95\x8f\x91\xa1\x9d\xa1\xda\xa8\x8fXr\x80y\x94\xaa\x9d\x97\x980t\x9d&amp;z\xa7\x1ac\x8c\xdd\xae\x96\xe3\xd2\xce\x8eU?\xac\x9a\x96DQaw\x9d\xb7\x97\xae\xbe\x87o_\xa8i`fRG\x0f:mm\x84\x97\xd0\xba\xb4\xc4\xaf\xa9\xca\xa7\x9d@p\x8b.h\x87\xc0\x9f\x94\xe3\xaa\x8a\xdc\xc6\xbfFcq+CQ Ul\xe0\xac\x8f\xda\xbf\xb7\r.\\\x94\x10\xf2\xfc\x00\x00 \x00IDATx\xda\xcc\x98\xdfK\x1b{\x1a\xc6\x9b\x90\x19\x96e&amp;\x8c\x17\x93\x15u\xda\x98\x12\x87\x9a\xe0\x01\x7f\x11q\x92"\x9ej\x0c\x92\x90\x1frL1J\x8d\xc7.\x9aUR\xab\xb5\xc9\xa4\xa2\x96\x9eJ\x91c\xf7B\xb6\xf4\x14\xbd\x08\xd4\x1e\x8e(T\xf7V\xac\xd6\xab\xf4\xe6\xa8X(V\xf0\xa2\x9c\xff`{S\xd8\xe7\x9d\x89\xbb{\xb1\x97\xa3\xedc&amp;\x19\x13a&gt;&gt;\xef\xf3\xbe\xdf\xef\xe4\xd2%\x03d\xf9\xbf\xa7\xdf\x82,\xba\xbe!\xa2\xc1\xcd\xad\x9d\x8f\xc7{\xc7\xc7\xa7\xa7\x1f\xef\x1f\xae\x0eZ\xbe\x01\xd3\x1a7\xef\xaf\xaf\xc9\xa2\xc8q\x82(\x8b\xb2T\xc8\xaf\xefl\x8c5~\xdd\xca\x8d\x1d\x1e\xe7e\x8ee\xad^\xaf\xd5\xca\xb2\x0c\xc8D9\x97__\xdaXl\xfcj\x86-\xbe\xfbP\x10\t\xc9\x0b$\x88\x91%\x89\x97$IUsk\xfb\xc7\x87\x83_!j\x16\xcb\xe0\xe1zA\x12\x19\xab\xd7\xca1\x0c\x03\xc7\xacVF\xe6%\x95\x97UU\x92dy\xedt\xf3\xa2kii\\\xdc:\xce\xe7T\x9e\xb1\xb2\x82(p\x1cC\x95\xc49$\n\xb2,\xa9vIV\xf7\xef/^\xa8a\x96\xc5w\xebk\xaa\xdd\x0e*\x0eq\x82U\x1c\xc7\xe9\xd5\xe4\x04\x81\x01\x9b,\xf1v\xbbT\xd8\xdb\xb8\xc0\x88\rn\x9e\xe6s\xb8.\xcf\xb0\xe8\xbf\xa2\x18\xb8EX\x0c\xac#.\xde\x9e\xcbI\xea\xb3\xad\xc1\x0b\xe2B\xa8&gt;\xe4$;y\xc5Z\xa9\xf9d\x81\xd1\xc4Q\x19\xf1\xe0\xe0\x95$Kv\xc4_U\xf3;\x8b\x96\x8b\x19\n[\xcfT{\xc4.\x89\x1c! \xee\x9cVA\xad\x19\x91\x7f\x9d\x8a\xbaQ\x05\x17\ny\xbaj\xb9\x88X-=\x92\xd4X\x84\x17\xc9 *\xa1\xc0\xb0g\xe2\xc8&gt;\x8e\xaa\xa8\r0\x1e\x8d\xc9\xf3\x85\xe3\xf3\xef\xc8\xc6\xc5\x9d5Y\x8aE\x14\xba2.\xcd\xf3\xbc\xc6\xc51\xda\x13\xe7=88@\xc0(r\x08\x18C\'|n}\xe3\x9c\xb9\x1aWw\xd6D{,BsAA\xaa\x110^Q\x84\xa2k\xb0\x88\xd5\xb8\x908\x94\xd8\x8b\xd9\xc1y\x05U\xca\xedmZ\xce5\xec\x9b;yx\x15\x93\xa9\xe7X\x01\xd3\tP\x0c#\xa2V\xb0NF\xf8Y\x0c\t\x90Y\x918\xeb\xc1\x9fXQfX&gt;\x97;\xdf|\rnaZ!\xcc\x12\xe3\xa5R\xb1\x0c\xca\xc70\x8a,\xc9\xa2\xa0\x88Z\xf4\x11~\x0e&gt;\xc1/\xe2:\xf0\x8aX1\xa5X.\xbf4v~T\x1b\xeb\xff\x90r\xaa\x08\x1a\xab\xf7\xc0\xab\x89\xbc\xe0\xb5\xb9%P\xb6\xb4Z2\xd4\xa2\xf8#\xfc\xd9\x81W\x90\x05\xd1\x17\x8b\xed\x1f\x9e\xd7\\m\xdcXW\x05Y\x15\xb1\xf4\t4\x10 V\xb1\xfb|\x11;\x06\xab\x92L*\x0c\xcdQ-\xea\x9c\x86\x88\xba\xb2VFR%\xbb/r~\xb1\x1fC\xda\xb1\xdc1z\x89X*_&amp;\x08\xc5\xe3\xf1`2\x89\xd3$\xd0\x14^V\x14\xf4\xa7\xa0\xefsx\xda\x82\xd9s\xb1\x1c\xc6\xd7\xf9\x8c\xd5\xc6\x8d\x0f\x12C=\x0f\xa3\x98$)\x13\x8c\xcfA\x13YW\x9c\xf0\xec\xc1\x0c\xbd\xa90\xf00\xa7\xca\xb4D\xb2\nOB\x1cyi\x7fk\xf0&lt;\xbap\xf5X\xb5zi\xa7\xc0\xb1L2\x93\x89\xcf-/\xec\x06\x02M\xa4\xb6\xe5e\xd7\\&lt;&gt;\x07:2\r}\x90\x8c\xf8PXj\x08t\x04\x8dU\x9e\x8f\x9d\xcb\x94\x18|\xb7\xc6\xd2ZC\xa9Q\x92\xc1\xb9\xe5@_}8\x1c\xae\x0f74\xd4\x0f55\xdd#\xbc@ \xb0\x90]\xc8\xce\x0530\xd2\xe5B\xecxA\xdf\x1c\xaa\x11^\xca\xbf3\xde.\xcb\xe6\x9e\xa4\xb5\x97\x96\xa8\xb9\xe5\xdd{\r~Roo\xef\x03\xff\x83\xdep/=\x86\xc09\x04\xbdo\xda]X\x86}\x13\xd31\x99\xbaR\xe0s&gt;\xbb\xbd`\xbc]\x96\xb1\xa55\x96\xb6-\xa2\x9c\x0c\xc6\x01\x15\xee\xf5{&lt;O\x9e\xbcy\xf3\xc4\xe3\xb9\xd1\x0ey&lt;\x9e\xf6ZO\xed\r\x0f\xde\xeb}\x03\xbc\xe7\x0bss._R+\xa4h\xb7\'ei\xcd\xf0\xcd\x04\xf2.j\xbb&lt;\x06\xf5[ (\xbf\xff\tqyfg\xc1\x14r8B\xed\xed\x8fC\xb3\x10\xb1\x92\xfex\xff\x9c,Cs\xe2\xa1$\x91.9op\xea-\x8b\x1f\x0b4\xbb\x8bT\xe4\x14xf\xd3\xb3\x9a\xd2\xe9t(T\x8d#\x94N\x83\x8a\xf4?`\xe8\x82HF\xc9\xa0\x07d\xf9\x83\xb1el&lt;\xdc\x17u\xaa\xf8r`\xc8\xef9\xa3\xd1_\xaa\xff\xabt\xb5\xf6\xd1\x93"]\xef\x1fT\xcal6\x9eLFb9^(,\x19\xb9W\x85Y9\x8e\xa6\xba\x12\\n\n\xfbo\xb4\xa7\xdb\xd3D\x93\xfe\x0fRyuy9\x8e"[Z\xab%\xc9\xd3\xfb~wa!\xb0\x1cL\x06c1\xbb \xef\x19\xb9d[6\x91,Z\xe72s\x81pw;\xaa\x05\x10\x9d\xa1\\\x97~\xa2\xfd^\xfc\x84\xd8&lt;\xb3\x88_\xf8\xf9n`w9\x18\',q\xdf\xc8%\xa8q+\x0f\xb38%\x13_\xa8\xef\xae\xd5\xb0\xca[\x13\x89V]5U55\xba[E,z\x13\xaf\xa1P{Z\xeb\x80\xa1\xe7(\xa5\x0bET\x985#g\xd7\xd8R\x81\x05\x15\x1f\x99\xb8\xe7\xafE\xdf\xa5R\xad\xad\x89*\xb7\xbb\xeaL5\xad\xe5\xbaM\xe4YkMM+~\x12)\x93\x83\xc001\xc2CMY\xd7t,\xc9p\xd2\xa9\x81\x1b\x9c\xb1S\t\xeb \x1fq\xb5\xe9%\x04T\xc2\xedv\xd6\xd5\x8d\xd7\x8d\x8f\xbb\x81\xa7a\x15U\xa3\xa9*QeN\x10\x17J\xe9\xe9\r\xdf\x0bd\xa7c\xb8S\x12\xd6W\r\\\x0e\x7f\x15i\x0f\xe3\xca\xde\xf3\xcf\xa6C&amp;\x93\xb9\x8a\x98\x9a\xebH\xe3\xe3\xe3p\x0b\x06\xb5\x9e\xb1\x9dQ\xb9\xcd6SJ\xe3\xf2\xf7\x0e5\xb5e}\n\x16\xa2\xfd\r\xc32o\xd9\xd8\xe7`\x96o"\xda\x80`\x99L5\xe4T\xf3ds]3TW\xc4\xa2\xca\xd5P\t\xcb\xb5l\xb5\x9a\xcd\xe6\x84\xcdD\\\xed\xe0B\x19\xdb\\I\xdc\x83c;hd\xe2Y\xc1\x1e\xeb\x99\xaa\xac\r\x85\x1e\x9blngs\xf3\xe4d\xb3&amp;\xa2\xd2\xb9(P\xc5B\x86\xcaS&amp;\xc8FOH\xfelw\xefP_\xd4\x95\xc1\x8dI~\xab\xd1\xc0\xcd\x03\xc7*\x91\xe9\xe8\xc8m\x98\xd5j"\xafti5tkTz%\x8bc\xa3\xba:\x84FLil&amp;\xf8U\xeb\x0f\xf7E\'\xec\x0c\xcb\xad\x19v\xf3o\x19\xbc_\xe0\xb8d\xac\xa7\xb3\xa1v \x94"\xb3\xea\xf4\xfa\xd5\xd59A5~\xd6\x925z\xbahha]jOc\xa54\xd9\xcc6G\xc8\xb1\xd2\x1d\xee\x0b\x14\xb1\x8cr\xcb2\xb8T\xe0\x98\xa4\xeb\xe1T\xe5\xe5\x81T\xcafv;\xc1\x85\xc4;\xddN\xeaB\xbd\x80\xc5A\xa1M,\xc2J\xa7\xd1\xb3\xf8\x1f\xccf\x93\xc9\xe1\xa8E/ND\x14\x96\xcb\x1b\x8a\xc50\x19\xd7\xc3\xebwV\x1c\xad5\x80r\x02\x07G\x956QS\xc5\x99\xaa{F-I\\\x1a\x94\xe6\x16\xb0L\x8e\x15\x7f_\xa0\xc7\xa7pL\xfe\xd0P,%8\x1d\xad\xbfVa\xc2\x14%\xaf\xc0\xe5N$\x12\xa9\x14M\xd6\x9a\x04x\xdc\xe3g\xe1\xa7J\xa60\xdd\x1c\xf8\xd0\x84\x86\xb4aN\xc0\xae\xa6\x1el\xbe\x04\xe3\xb0(\xf2\x82\x12\xe9\xe9\x1c\xb9Va#\xaa\xb2\xe62g)\xb80/\x81\xa6\x8d\xa9\xaa*m\xb2\xean\x91L\xbal6\xc2J\xa4\x06V\x1e\xf4\xb5\x11\xd6#\xe3\xb0,\x87\x8fD1\xd2\x13\xad\xbf]1l\xa66,+s:K\x01f6\x03\x8e"O\xcf\xe4\x96\xbb\x18\xfd*\xfa\x0c&lt;6\x93Mw+4\xd0}\xbd\xcd\xa70\xa2\x81s\xcb\xb2\xf1L\x96}=\xd1\xeb\xb7\x1fw\x98\x8b\xc3\x81\x02\xe6\x1cwj\xe1GM\xd1\x91\xda\xb0\xa0c\x1co\xd7\x11w\t\xc6\xbc\xc6eJ\xa1\x8a\xf5\x84%\x188\xb7.m~\x90x_Og\xfd\xb5\x96\x8eR\x9d\n\x97\xd7\xf9\xcanMN\xde\xd2f\x8561\x9a\x8b\xcf\xb7n\x95\x95\x95}_Jq\xb7\x11\x9c\xc3\xb1\x02,\x9e\xa1-\x84a\xab\xcf\xe6\xba\x865\xf2\xb4\xa5\xc4\xd9\\\xb4\x07\x11\x9b\x9c\x9c\x9c\x19\x1d\xdd\x1e\x1d\x1d\x9d\x99\xc4\xd4\xa7\x83^&amp;\x9bo\xcd\x8c\xce@?}\xff\xcf\x8e\xe1\xe1a\x1c\x0e`5D]&lt;\xc3\x15\xee\x1b\x87\xb5\xba\xa7\xf2\xbe\x87\xbf\xbd\xbe\xfa\xb7\x9b\xd4\x85T\x9fRg\x19.\xbe}r\xb2\xfdb\xfb\xc5\x0b\x90Mj\x1a\x9d$\xc8\x99\xf9\xf9\xed\xf9\xf9\xf9\x9f^\xddm\xa9X\xa9\xe8\x1a\xee\xear8\xfeZ\x19\x85[lng\xcc0\xac\xc5c\r\xebNE?p\x9c\xa5\xfd\xfd\xfd%w\x7f\x9e\x99\x07\xd4\xa7O_NN\xbe|~\x012b\x1b\x1d\xc5\xc9\xf6\xfc6\xa0^\xbe&lt;::z\xfb\xcb\x9d\x07\xddO\x7f\xa9\xa8p8**QD\x81S?\x1a\x88u\x9a\x93|=Sw\xba\xfa\xd1\x88\xa57o\xf6\xb7\xb4\xdc}\x05\xaaO\xba\xbe|\xf9\xf2\x99\xc8\x80\x06\x9d\x10\xd3\xdb\xef~x=2\xf2\xfb\xeb\x1fF\xae\xd7W^\xb9\xba2@Xq^\xe4T\x03\xbf!\x19\xdb)\x00\xab\xf3\xf6\xb0\xd9\\\xe26w&lt;\xbe|\xed\xca\xd5?\xbf}{\xf4\xf2\xe5\xbfN\xe0\x18\xfc\x02\x97\x06\x06\xcd\xcf\x1c}\xf7z\xaam\x02\xb7\xfa\xbe\x89\xb6h[[t\xe4\na\xf9\t\x8b\x91\x8e\r\xc3\xc2Z\xbd&amp;E\xa6\xa7.w`\x18ut]n\xe8\x9b\xea\x8cvB\xbf\xfd\xfe\xf7\xbf\x1c\xbdD\x90\x8aTT\xc3\x99W?Vvf\xe7\xe2\xc1\x0c}\x11\x11we\xb3\xd9h\xc3\xb5\xf6\x81\n\x7f \xce+\x82\x81X\x97\x1a\xdf\xe5\xa5\xc8\xc4\xd4\xd3\x92\x92\x8e\x8e\xaek\xd7\x03===\x13.R6:\xf5\xfa\xca\x8fwg\x80\xf4\xb9\x18\xfc\x9f[n\xf7\xb5M\xc4#\xael\xa0\xa9\xb3\xa9\xa9i\n\xaa\x7fP\xbbRq\'\xe0\xe3\x93\xc6b\x1d\xeeK\x91\xd8\xd4/%\xfd\xf0\xea\xdf\xb4\x9a\xefK\x1by\x1e\xc7I\xb0\xfb\xa0\xfb\xe3nX\x9a\x860U3\x9e\xb7\x84),\xa4\x89I\xd0U\x023\xc6\t\xb9417\x98\x0c\x9a\x908\xb62\xe3X.\xe6L1\xedHs\x85\xa9HH\xd2\x07\x85%)\x97\x07\x07I\xc0\xb2\x05wspw\x0f\x8c\xe8\xdd\x93}\xb2\xed\x03-\x0b+\xdc\x83\xaa\x0fv\x17T\x90&gt;)\xf7\xf9\x8c\xee_\xb0s_\x88\x0f\xcd+\x9f\xefg\xde\xdf\xf7\xfb\xf3\x1d\x97oucc\x15\x8b\x15\xc3\x1dJ-f\xeb\xc2}\xbd\xd7\x01j8\x92!\xb3\xae\xd04\xbd&lt;\x1e\x1asg\xb3}\x03\x9f\x0f\xf4\xf5e\xe3\xbd$`MB\xb5\x1e\x1a\xd8\xf2C\xa0\xa7\xfd\x7f\x0c\xd5\x05N&amp;\xd5\xe8\xd4\xa7\xd7\xaf\x7fx\xf5\xfa\xee\xf5\xcf\xa7\x16C\xb1U\x97\xdd\xf1D\x18\xbe\x0fO"\x08\xc4\x9fo\x9a\xe6\xe3\xae $\xe9\xa0/\xe5\xda\xb4\xbb\xef\xd6\x15E\xf1\xb7\xe6u\xac\xcf\xae]\xfb\xd6@\x81\x80\x8c\xf1\xe0\xc6h\xa8\x9a\x01\xacj\xf5*\xf6z\xb3\xb9{\xf5\xe9X\xac@7\x82`,\xcc\xb7P\xaf\xc0F\x03\x963Z\t\xe3P\xae\x10[\xdc\x9crKI2\x97\xcb\xf1$Ef\xc7WF\xae}\xf6\xd5\x0f\xdf,\x196\xdc}\xf6\x03&lt;\x8a\xb1\xbb\n\xc7\x93\xbc\x02P\xa5\xa6\xfe\xb4\xad\xe1\xd84Q\x89\xce\xebX\xf7\xf1L\xbaI%wp$\xb8222\xf9\xf3\xabW\x8b.)\xaeD"\x02g"\x1d\xc1\x95\x91\xd9Y\xfa\xc7\xe3\xd3\x17CF\xf6\xfc\xb4\xdd\xcf\xc9&lt;(\x16P}\xb8\xb9\xb1\xf1xr\x04G%k\x8dZ\xdcr\x0b\xcf\x1c\xf4\xf5\x96\x80\xd4\x00\xd4\xfe\x91O&gt;\xb8\xf1\xfa\xe5\xabP\xca\xa5\x92\xb9rD\xb0&lt;A,\x88\xe5\x7f\xffn\xeb\xcc\xb0A\xc4\xd7\xdf\xf7\xf7/\xbbH\x8e\xe3r\xedvs\xafo5\xb6\xf1\xf2\xf5\xc3\xdf~\xf1Ax\xb9\xd0\xa8M\x98\x06\xb1RhjL\xac\xab\xb2\x96\x98\xfc\xf8\xda\'\x1f}\xfb\xe5\x7f\x8f_\x05\xa5\xac?\x97\x83r!\xd6J#\xafR\x84\xec\x7fo\xcc\xb9\xd8\x03\xc7\xcf\xc3~:5\x9f\xe1:eO[q\xe4+\xb1\x7f\x1f\x7f\xff\xb7\x1b_\\\t\x17\n\x8d\xbc\xd3lE\x0f\r\x0e\xd0D\x89j0\x1cN\xe0\xb5\xec?\xbf&lt;&gt;~\xeaJV\xb9\\\xb9\x1c\xc9&lt;\xe9\xf5\x85\xd7\x16\xeb\x1d\xdb\xf0-\xf2\xcc\x10\x91\x18\xba\xf3\xec\xeb7\x8f\xfaG}\xbd\xfeL\xae\xec\xc9\xd5\xa3\xb5\xe0\xab\xe3\xbf\xbe\xfc\xea\xb3\x8fF\xe8X\xa5\x91oe\x08\x08\xab\xe8\xa0o\x9bx\xb5\xb6\x16N\x84g\xaf\\y\xf8\xf2\xf8\xcd\x94Z\x95\xe1\x97x\x10+\xbf\x16\xda\xd5\xc0\x07\xdd\'\x9a\x86\xec\xe2\xd2\xbb\xb3\xbd\xa9Jb2\xe8\xe0\x84\x88\xa7\x98#\xe3I\xf7\xd3\xe6\xe9\xf1\xeb\x87\x0f\x1e\x85V\x83;\x92S\x06c&lt;\xb3\x00\xc1\xf06T\xab\xd6X[[\xa3\xc3\xa3\x1b\xff\xd8\xfdM\xb5\xce1\x1ab\t\xf2\xbc\xd4\xb0\xb7K\xc5\xe7\xf7J\xcc\xde\xa1\x01M?t\xd8\x96\xb7~\xfaO0Q\xb8\x0bX\xc5b;\xa7\xf8{\xb3s\xcd\xf37?\xc2\xa3\xe6\x0b\xe6\x93,F\x1c=p@\x84N\xe6+\xc0\xd5\xa8\xf8\x16\xfb\xe6\xf6\x14\x85\xd1\x00\xcb\x16!\xe4\xf9\xe8N\xb6\x9d\xd6\x9ewK\x0c\xff\xee\xd7kD\xcf\x9dw\x1dFcd{\xa10\xc1\t6\xf0RE\xad,\xb7\xeas\xbb\xbb\x9fN-\xa6R\x92\x94d!lC\xd8\x98\xb99\xb3\x10\xf0n\xd7v*\x15\xa0re\xe7\xf6\xf6\xda\xed6\xc3D"\x91\xc1\x9b\x162\x89X\xcc\xbdR\xd1\x1a81`\xcau\xe7=\x93\x06\x14\x7f\xaa\xa2r\x82\x07\xb0J\xe8;\x15e\xab\xea\xc8\xda\xd5\x89\x89\to\x80\x82\xe0\x05T\x83\xd6\x85\xdb\xde\xed\xfd\xda\x0eH\xbc\xdb1\xa7 U;GX\x05+`\xf1\x13\xb5\xac\x96\xb6\xc2\xbf\xb2\xb2gK\x06\xf8\x87\xf7\x1aX\xbbb9\x1b\xb4\xfb\x01\xcb\x03v\xd8\xa3\xe1\x17*~Xd+ \x02\x15\xa43\xb3\xf5\xd6\xa0Id\xbd\xc9\xfdZ^rg\xe1\xd4\x01}\xcf1\x19\x8e\x10 &amp;Y\xf8x-\xae\xa5\x07=%\x8fy\xdd\x18,\xe6\xde\xc1A)]\xad\xb9\xfd\x02\xb4\xaf\x07&gt;EO\xbb\\\xc6o\xedp&lt;\x86\x1b|\x10\xb1Z\x16*\x10`\xd5\xa8\xe4\xd2\xb1`u@\xea\x08\x02\xb0fL\xce}U\xb6\xdd\xbf\xd7-\x9a\x8c\xc2J\x1f\xbc\xed\x16[y\xa8V\x04i"e\xe0B\xbe\x08\xc3\x10\x1ca5_\xc8\xc3\x0cf/J\x14\xd98^\xb98I\x9e\x979\\z\xb5fx\xa7$m\x8b\xc3\xcf\x0fJ\xd4\xfa\xc9\xaf\xd7\xd3\x9e\xa1w\x0c\xd3}{P\xe4A\xb0\x85\xc1H.\'\x10BN\xafZY0\x13\xf8\x9d\x18\x08\x17ff \xdf\x98 \xd7S\xb0\x91\xaa\xaa\xc6\xd9@\x8b\x87Ju\xb0\xe7\xa1\x8e\xbcs\x7f\xa7\xb6\xbd\x90\xee\x96X\xef;c\x04\xa2\x03X\xddNR\xc7\x8a\x08\xa0\x9d\\\x86\x10\xc0\xd3s\x16\xb3\xd5\xca \x16&gt;\x88T\x00\xe7\x0e\xd4m1\xc0:\xbdq/\x1b\x10\xe5\x0e@Ab\x04,3\xef\x90j\xb5\xed\x00Q\xd4\xd6\xb7\x0e\r\x90\xd3\x1e\xc0*\xbd}{\xc0E\'t\xac\xc8e\\\xb6Xd\xa4\xb22\x83\x04\xee"`\x89\xb7EJ\xaf\x16\xebdY\xb6%\xf2\x88e\xd34\r\x05\x82\x8fKQ\xe9\x88\xa5:\x1d\xef\xf93C\xdc\xd69\xaf\x1d\xbc-\xc6kQ\xe8-}\r\x128\x7f\xbc\xc4\x1aD,\x02\xc72\xa2H\xe1\x02,\xd6\xcb\xb2"\xc5\xcb\x04P\xd9\xd2i\x1dK\x95\xd4\xe4\xd1\xbaW\x94\xeb\xc6\x1c\xd5K\xa7d\xae\xdbm\x03\x16\x99\x89\xc0\x96\xd8\xd26\x86\xc0\xc1\x07\xcec\x90\xcbj\xb6@r\x16q\xc1_\x99\n\xb0^\xbc\xce\x13E\x9e\xc0=\x04\x91\xb7\xeaX\x8e\xef\xf6\xf7\x8f\xfeD\x19r\xf6\xa0\xcc\xef\xb5\x0f\xbaZ\xeb(:\x8fX\xc3\x9et\x1a\xe7\x0b\x08e&amp;\xb0ZV3Fz\nz\n\xef\x15EY\xd4\xb1\x00\x12Z\x1e\x1a\xbe\x1cA\xdd"UW=\xbe_;b\xe5scRF\xcf\xe1y\xb3[J\xcb\xc9hU\x89\xd8\x86\xa1Z\x88\x05\x1dF\x10\xf0\x81b\xc1_\x86\xe9t\x10\x0c\x88\x80\x07\xb0p\x13)\x19\x9eD\x04\xb3Z\xcd\x1c\x19\x95\xaa\xc9\x1a`)\'\xc6\xdcd\xf4&lt;;m\x96\xe0T\x8c#\x96\xbe\x8b6\x1b\x03\x8aE\x10\x17\xe5\x02\xb9\xd4J%Mc\x18\xad\x83\xf3\x06\xb1\xc5\xea{HA\r\t+&lt;\x8b\xf0\x1b\xccr]\xcaG\xf7k\xfb\xeb|\xf3\xd0\x18\xd3\x0c\xbb\xd8ls\x14\xd5R\x1d\x19\xbd\xe3/\xb9\xac\x1d\x8c\xb3\x16\x8b\x15x\xba\xdd\xa2\xa6\xa5K\x9aL\xc2v\xeaXp$\x81\xfe\x032T\x0b\x1e\n\x1e\xbc\xe3N\xed(`\xee\x18\xe6\x99\x87\xbe9\xdf\xe3\xbdl=\x9bU\x18\xdbE\xcf\xeb`\x84\x99\x9b1Q&amp;Bf\xc9\xb6\xd6\x06!\xd0:\xf1}h\x9e\x96w\x1d\xb0L\x97\xcd\x87?\x80\xe0 \x905v\xa2\xa2m\xb8sbX${q\nX\xeb\x0ew\xd2\xcf\xa4\xa1\xb3`i6\xc6\x86:\n\xfdD\xc9\xeb\xb5#\x1e,E\xa7\xc3\x91jmg\xbb\xa5\xdf\xa7\xebSf\xac\x96.\xb8\\\xdd]\xd9I\x92LzF94l\x1e\xb8t\xb2\xa7\x88\xac*I$\xa3\xa5/\x16V\x0c\x0eDY\x0cP\x94w\xff\x88\xe4[\xce\x16\xbf\xc5\x93\xea\xd16\xb4\xbb\xf7\xc2\xec\x10\xfa\x82\xf3\x80\x90\x07\\\x85\xbc\xbf\x9d&amp;\x02M\xe3.`\x87\x0e\x9b9\xadSw\xe5\xab\xb9\xb2\xcdv\xc9e\xb3\t\x80\x85w\x02\xa2\x97\xe59\xb2\xd5\xe2\xc9^\x87\x9aLB\xbb\xb3\xe8\x0c9\xe2r\x01\x15\xdf\xb7A\xa7\x94\xf4\xe0m\xd0R\x03\xaf\xee\xce\x15\xad\xd4\xaeJY\x05\xb84\r\xed\x03\x1eu\x028\x86\x05\xbc\rpV\xeb~\x08\xf5\x0eW&gt;/EU(W\xe0/\x01\xd3e\xb1\x88\x8c\xc0Q\xad\xa9\x9f\xe9\x10\x7f\xeb\xf7F\x16\x0bwqN\xd6J\x8a\xcb}\x15\xcb\x05Pi\x04\x8b\x10\xd0\xf0&amp;\x13\xdfJJ)Wv`n\xc0\xed\xab4\n\xc1TT\x05.(\x17\xaa\x87U\x00\xac\xcc||1F\xfb\xea\xc4\x8cQ\xa2\xf5\xcb.\xee\xb5:E\xc5\x95\xeaS\xcae\xc4\x02\x8f\nXx\x9f#\xf3U{\xbe\xd0\x18\xf7\x8dm.\xae\x8e/C\xa4\xc6\xd7oT\'\x1b\xa0,\xd0\xf0\xd0W\x82\xc0\xcd\xab\xae\xf1\x84\xaf\xae\x80:\x18\xfa\x1a\xd7\xd2\xd9\x16\x07v\xde7\x85N\x10\xa9\xb0Z98\xa0)\xb2\xd7\x1e*$F\xe9\xe5\xe9Ph|\x99\x9e\xfcxv6LC\xc2P\x9d\x01\xd4-\xe0R\x14\xb2wbl:\xe1\x9bk\x9e\x1d\x1a\xfbr\x194=\xd7\xa9\xa7\x82\x8b\x03\x19\xdd\x02z\xb0XBF&amp;[\x8e\xb1q:\xdc?9:JO?~D\x8fN\xf6\x8f\x8c\x8c\xac\x84\xe9\xf1\xbckb\xde\x04\xf5\x122\x90\xdf\x1c\xf6\xd5\xe5D\xec\xcd\xc9\x0b\x83\xdff\xe9Yz\xdf\xdc\xbb:6\xbd\xda\xe7\xbf\xc0\x02s\nT-\x87=\xdf\xc0yd\x7f\x7f\x98.\x8cO\xd34=\xba2;\xbb\x02\\\x85\xa0\xe4|\x02X\x99\x8c\x9ft\xd8\xdd&gt;zr\xe3\xf4\x99\xe1/\xe2\xf5`\xb6\xde\x9c\x8em\xfe\xee\x17\xac\x1ctr\x16K\x15\x9e\x9c\\YI\x14\x82A_&gt;\x9f\x1a\x83\xf4J\xd3\x89\x04\xbd\xdc\x08\xba\xff\xe5\xe7,\x1c\xe7\xaf;\xec\xae\x18\xfd\xe0\xe5\xff\xe3\xbd\xb2\xa1\xa5\xc3\xb3?&lt;\x8e\x8d]\x96\xab\x0cY\xc3\x1fOM\xd3\x93\xfd\xa3\xb0\x81\x05\x9f\x1b\xfc\xbb\xfaS}\xab\x9au\xbbV\xffG\xcb\xf9\x87\xb4y\xe7q\xbc\x87\xe9\x9a\x1fM\x95\x19\x11!\xe6\xc9s\x8f\x90=\xc8\x915$r)6\x0f\xf1\x8f\x10\xec\x93\x1b\xc9\xf3\xd8\xa4\x97`\x86\xbd\x98\xcc\xd1p\xa4#\xa1j\x1a\x1f\x88\x12\xe4\xb83\xb9V\xad\x15\xee\xe8t\x14\x1bk\xbb(\xb5m\xd4\xc2\xfa\xe3J\xd7\xddLW\xae\xa3\xeb\xb8v\x95u\xae*\xb4\xb4\xe3V\xff\xb8\xcf\xe7\x89\x1d\xec\x8e\x1b\xbb\xcd|x\xe0\x89\xa8\xf0\xe2\xfdy\x7f?\xdf\xcf\xf3\xe3\x13\x9b\xcf\xe7\xab\xef\xf2\xd3\xea\xb7\x7f\x91J\xa9G\t\x92\xb1Y&gt;\xdc\xc4\xfb\x93\xdf\xdb\xb1\'\xffr+\x99u\xab\xe0\xfa\xefOHu@\xd31\x00fr\xd5\xfb\x9a\xf1\x0e\xea\xa5K-\x97\xc4X]\x8d\xe4\x98\x04\xeb\xeb2GB-\xbf\x0c\x85\xa84M2&gt;\xd7\xd4\xa1R\xbc\x1c\x88\x06\x9b&gt;\x93\xcc\xe6\xea\xe0\xf2\xef\x1d\xe8#\xdeiim\xfek\xb4\xbe\xbe\x8b\r\xe7"\x8b\x8b\xab\xab\xab\'WW\x17\x8b\x11\t\'\xcc\xcd\x03f\xbb\xba\xe5w\x06:\x18!\xc1\xf1\xae\xcd|8\xf6}\xac\xc9\xabSk\x05\xbd\x15\n:\xecs\xbfU\x93\xcd\x03\x90\xadD.\x92\xbb\xf62\x1e\x9d\xbbv\x0e\x02\x98lfs\xcc\x9ej\tyH\x93\x89\x0c\xb3Q\xcb\xddiI\xa9\xb0\xeeM%\xb3\x19U^em\x83P\x9bbl\x82\xb3\xb1~\xff\xb9\xff\x88\xe3\x97/_6\'\x18?\x99\x07\xb7\x9b\x18&amp;\xccp\xd1\xf8\xd5\xc9-\xa5\t\xc9\xe0\x83)a-G45\x85R\xa9\xb6\xb6T\xd0db\x9a\x07.7\x1f?\x87B\x89:\x89\x92\xc1\xa9\x95\x04\xe3\xc7Li\rid\xcc\xe6\x04\x14Z\xa14\x8e\x17o\xde\x1c\x1a\xe3\x93\x89p\xa6I\x13B,*H\x86\xfd~\x93\xe9\xda\xb5\xc5\xef\x02,\xb6\xba\xb8zrtTC2f#\x1d1\x82\xf9\xcd\x9c/\xca\x97\xcaZ\xe2S\xeb\xbb\xbc\xc0%\xdcM\x84&amp;\xa4NY\xf3A\x13\x19I\x07\x02\x97\x02/\x97\xe0*\x9e\xd4---\xa9T\x8a"\xfd\x1d\x91\x88\xd1\xcf\xb2\x9c\x0f\x16\xec\xdd\x99-%\x0b\xccb\x92\xcde\x82\xc1\xa0&amp;\xafR\x05\x8d\xa4\xc6\x8a7\x8c\xf0\xe6\xcc\xa54\x9d\xa6\x17\xf1\xe9\xa1\xd5j\x05,\x95\xc6\xd4AF\x98\x18`E]\xda\xf8\x83\xc1\xd2a5,\xdc\x8a\x0bP$H\x13\x19\xa4\xf3y\xd2\x19\xb4\x1e\xb0\xb6\x1d\x80\r\xc6\n\xe2\x98\x13\t\x96\x89h(\x11\xcc\x9aB1I\xa3\x1fRh\xd1*7\xf7m\xc5\xff\xea\x07\xaf\xc6\xbby\x8e\t\x1b\x8d\xa6 X+\xa8:\x80k\xb2-\x95\'\xc2\\\x14\xba\x88\xa8\xcf\x1f\xa1GE,\xc8q+I\xe6\x180\x96K\xab\\[(\xe5&lt;\x06&gt;Z\x8c\x0bl8\x0crA\xe4\xad\x07\xda\xa0X\xa4R\xf9H\xa2\x0b\x1f\xe5E\x07b\xa4\x06\xb1\xd4y\x8a ;\x8c\xb0VmQ\x10\xcb\x95}\xd2^B\xac-\xb7o)Q.\xc6\x84\xf6\xa2\xa8\xbc\xa8\xcb\xdb\xa9P\xd0ok\xb6uu\xd9b\xceHZ\xadN\xa9Ct\x844\x9a\xcd\x0c\xc3b\n\x95\xd1\xdc\x93\x83\xa5\x1c\x13\x999\xa3\xd5\xf2&gt;\x16\xb04T\x1dA\x92\x9a\xbc\x1a\xec\x9d\n\x19Z\x9d&amp;\x7f\xb3\xb9\xc3\xe4\x81\xe2\x81?\xdb\x8d\x8c\x1f+\x16\'X\xb4UZ\xce\xfd\xb4\xa4X\x93\xf7\x04\xe8\x19l\x0c\tXA\xa3\xdfH\xd2\xa1\x90\xc8\x15\xd2\xd0&amp;\xb8\xbc\xf0`\xe9\x00\xb1\x0c\x87\xc1\xec\xcd\x1c\x14\x87\xa8\xa5\xb3\xb1&gt;\x1c\xf9\xa6\xa4C[\x93_e\xeb\xf7k}\x0cz\xcb\xc82F(\x11\x1a\x00{\x03\xb8\x0cv\xbb\xc7`0\x84B\xa17B\x06h\xb1\xcc\xb6\x01\x1b\x97\x8cZ~\xd3\xd8\xc9\xbaK\x8e\xb5\xc2\xed\xd3\n\x90E\xd8]`\xb3\xc3l\x16\xd3\x162\x18\x80\xcan\x07.\rR1f[\x97\x90L\xf2\xd0\xadv\x85#\xf6\x7fL\x96\xd2\xf2\x83_\xad0\xb6}\x16p\x17\x03T\t\xd6HB\x05\x0ba\x18&lt;v\xbb\xdd\xd9\xe1\xb4\xd3\xe0v\x93X\xaf\xea\xeb\x05\xc1\xb2\xbfq_\x82\xb4\xdb\xaf\x94r2J2\xf8M\xc6\x1d\x8e\xba,\xd1$\xc7\xc2f\xe7\x87\x8a\t6\xc3\xb0;M\xa43f\x8eAQ\x00\xb7\'l]\xbe\xaez\x0b\x1f\xd76vrn\xdac\xaf\xfe\xb2\x94I\x1c|\xea\xd0\x13\x89}\xfb\x95P\xedm\x1cC\x82.PYi"\x184A\x952\xc6\xa0\xa3\xf7\xfb\x13f\x96\x85\xa6\x19:j\x97\xb2J\xe9\xcb\x11\x80\xa5\xf8\xb2\x84\x83\x9d\x92\xc1\xa7\x95\xaa@\xc4\xec\xaa\xd2\xc5\x05\x0e\xaeX\x19\x7f,\xc6\xe4\xdcnL\xdbK.\xb3\xcd\x06\xed!d\x90\xd7\xd6V\xc1*$\xd2\x86_{\xf4\xffj(\xdd \xac\xe4\xe0\xd3\xf2\xbc:@d-:%\x9fd\xa1ia\xa1\x11d\xc2ap\x1ac$\xdd$|\xe0lQ\x0c\xcb&gt;\x9e\x07*H!Ei\x0c\x1e\xa2\xa4e\xfe\xe0\xd3JJ\x1d\x90;\xb2\xbcVk\xe1}I\x8e\xb3\xf9l\x1c\x9be93\x13&amp;s \x1fk\xc3m\x88\x87\xdf\xf3\xddU\x15\x9d\x90B\x8a:i\xf0D&gt;]\x98)\xd9\x0c\xb8\xa4\xfd\xc9\x85\xf4h@^\xee(D\xb5J-\x0f\x15\xc0\x87l@\xc7\xc1\xe2\x84\xc0+~\x9c\xf1\xb1(\x95\xdd\xb5\x15\xfb\x850A\x13\x1aP\x8b\xcc\xae\xf5\x9d:1S\xa2\xb9\xf9\xf6\xdb\x17h\x9aP\xc8\x15\x19\xd0K\t\xdb\xb6 $\xd7\x92&gt;8\xf9\xa0\xa4\xb3\\\x12_\xbf\x01(\xd8\x08k\x95\x15:!\xeb&amp;h\x8d\x88\x95pm\x1fZ\x9e\x7f\\\x9a\x89\xd3\x86\xdb;\xe9\x08]\xa7R\xe93Y\xa1[\xa7\xec\x8e#\x96\xc0\x0b\x02\xb45\xc9$|rY,q\x97\xab\x1b\x87\x16\xabx\xa4\xa25i\xc42\xfa:\xb7\xf7\xae?\xbb1\x8d\x9b\xe3f\xbb_2\xfd)\x91\xa6\x02*\x95JQ\xb9\x92\xd4V\xe9\xb4q\xc8$\xdf\xcd\xf3\x16\x8b\x00Pq\xad\xb2\x1bG\x84\x01jkc\x14\xa8 @-\x8f\xe7\xb01fs\xf5\xae\x7f\xf4\xec\xf4\xc2\xcc\xe6w\x84\x88E\x01\x94\\.\xafvd\xa3Z\x9dR\xa7\xeb\xe6\xe3\xb5\xb5\xf1\xb8+\xce\xf3\xdd8!\xac\xab\xa8\xc29\xe2N!\x9bA*\xcc"l\x01\xce;\xc7\x07\x86\xd7\x97\x96\xe6\x1f\xefY\xb8]\xf4\xd8f\xbd\x0c\x8e\xaf\xec:D,\x95B.\xd7g\nIq\x1cKY\x8b\x93\x8b\xbaZ\xc8\\\x05N\xc7o\xdd\xfa\xca\x8e\xad\xaed\xd8-\x8aE@\xdd\x02\xac\xd6;1\xb3\xf0b\xe9\xf5/\xee\xef\xda\xd53&gt;\xf1\x81\x98\xccM \x93\xe0\xfc\xf2\xc8\x99\x02\xd1\x04\xd6R\x00\x96B\xefX\xc9\n\xda\xc6W\xb6\xe3\xa8\xb28\'\x0f\xe7\x9a\xed8\xe6\xa2\xe3\xd7r\xee\\\x90\xd0\x10D\x93FC\xd3\x1eOk\xc7\x9d\x98\xed\xc5\xd2\xef\xe7\xe6O\xbc\xf9\xd6\xf8\xf9\xe1\xf3\x13\x87\xd0\xfe?\xdfe\r\x07\xa7O\xffs,L#\x16$Q\xaeP\x94Wf\n\xac\xa0\xad@\x92\x1d@\xd6\xbf}\x87L\xb6{\xf7\xd6Z~\xad\x00\xa5_\x14\xab\t\xaa)P!V\x07\x07XK\xf3\x7f\x1c\xd9\xd3\xd37\xe4\x1d\x1a\xee\xbb\xb7\xf0soyI\x0eN/\x1c\xfd\xfa\xd9\xf2X8H\xe5E,E9r9V\n\xd9\xe4\x87`.\x1d~\xb5\x01N\xa6C\xf9\xcf\x8aP\x80\xd5\x04\x81E\x1e\xd5r\xde\xb9\x03j\xbd67\xffxd\xcf\xae\xeb\xbd5ee\xde\xa1\x8b\xc7&gt;\xf8\xc9\x15\x03\xb37\xf9\xea\xbd\x8f{\xee\xbf\xf7|y\r.yFU\x1br\xc1Q\xe9p8VV\n\x85B\x16\xeb\x04\x14\x895`\xda\x80\x02\xa9\xf4z\n\xb00\x8b\xad\xce\x0e\xc4\x02\xb5N\x00\xd6\xa9Y\xc0\x92\xc9d\xfd\xb3}\x0f~\xca\xb73\xe0\x7f4L\xee=\xd6w\xaa\xe7o\x9f=\\ZfMnj4\x8f\x96\xaf\xae\x86cgy%\x829\x1c\x17\x1c\x19\xa4[Y\xc9dD\xa6`\x10\xa5\xa2D*\x03\xa8eou:\x1f\x01\xd6\xbbK\xf77\xb0de2\xe9\xb6m\xdbjz\xc7\xeeM\xb7\xff?&amp;+\xfea\xfb\xcc\xdec\x17g\xdf\xef\x199\xf1\xf7\x87s\xcb\t\xc4\xaa\xabC\xcbWc\x94\x17\xa9\x1cH\x97\xd9\x08\xa0"\x91\xaaNQ\x97\xa7\xa8\xb4\xe8xh\x11\x9d\x8f\x92/\xe6\xce&gt;\xbf?2rt\xd7\xf5\xd9\x9a\x9a\x9a2\xa9T\xbaM*-\x1b\x9a\x9aX\x10\x8b\xec\x8fe\x92\xb4\xcf\x1c\x9a\x18\x1b\x1e\xea\xbf8\xfe&amp;`\xbd6\xb7\xcc\x98\xdci\x11\x0b\xb8\xe4W\xae\\A.@\xaat\\\xa8\xc4@6\xb7;\xe7\xce\x10z=\xac\x0c\xa0\x02,\xe4\xb2\x83\\\xc6\xa9\xf5\xb9\xb9g\xa7\x01\xeb\xadc\xbde5^\xc4\x92\xa2be\xfd\x17\xef\x8a&amp;\x93\xfc\x08\xa6\xf6\x99\x85\xcfO!\x93\xd7;\xd4\xd73"b}\x1b&amp;\x83i\xaa\xae\xaeN\xaf\x08\x14\xb1\x80K\xe4\x11\x93\x89Xn\x14\xcc\xa1\x07\xec"\x16X\x0b\xeb\xd6\xe1\xd6V\xe6\xfcGgEk\x1d\x85\x95\xf8\x1d\x16\x82Ie\xde\x8d\\\xfe0\x19\xc8\xb4\xf7\xcc\xd8p\xef\x90\x17\xc4\xf6z{\x8f\xfd\x01\xb0&gt;{x\xf6\xdb\x02\xa4\x07\xb1\xea\x02\x81\x80\xbc\x1a\xb9\xd0^x\x14\xf1D&amp;\x87\xbeH\xa5\xca\xe7\xb1&lt;@\xd8\x11+\xbb&gt;\xf7\xe7/n\x1c\xddss\xe4\xe3#\xfd\x88%\x93mC*\x99L*\x95\xcd\x1e\xb9\xf8C\xb9\x94\x88:\xbd:16\xdb\x0f\x8b\x05\x0c +\xf3\xf6\xcf^\xdf522\xf2\xf5\xc3\xb3\xcfo\xb9\x83\x04\xf8\x18\xb2\x18P W\xf5N\x88rQ\xad\x0b\xa2\xfd1}\n\x05\xae\xd4"\x16\xf6\x0fp\xd5\x11\xb1\x1f6\x8d\xad\xbf\xfe\xab\xf9\xc7Go\xde\xdc31\xec\x95\xc9jj\x8aX\x9fHwK?\xa992&gt;qdh\xf8\xd6\xe7\xd3\xff#\x97\r\x937\xc7\x8bL"\x14\xac\x15\xafw\xf6\xfa\t\xc0\xba\xf1\xde\xbb\xcf\xfb\nn\xac\x90T\xd1]\x81\xa2\xefQ\xb1\xf2\xca\x8d5Y\x14Jn\xc5-*O55!\x16\x11\xb4\xdb\xc9\xf0\xf2\xd2\xd9\x7fwq&gt;\xb1i\xa3i\x18G\xf2j\x08\xa1Z$\x18\xa9\xe2\xd2j\xd4\x1e\xe8\xc1\xc2\xd3\xa3O(W\x94+\x1d\x89\x0b\x97\xaa\xeb\x1b\xda\x9er\xf3\xc5&gt;X\x96\x0f\xc5\x08\x13\xad\x14\x19\xc6\x1c\xb0\x16\x05k\x0f\x18\x06\xf6\x10)\xe2\x8f\x1a\xd0v\x17iS6\x82%=4d\xa4F\xab\xf4\xd0\x1di\xf6y?\x93N\xbb_\x15\n\xc1\xae\x7f&lt;\xef\xf3&gt;\xdfk\x0eml\xca\xe5\xec\xa1\x8e\x1a\x86#\x1c\xfd\xeb\xac\x86H\x8aH\xa7){Z$yg\xff\xff\x17\xea\xcf\x7fu\xccJ\x1248-\x99\x0c\xef\x84\xb9|\x92\x15\xb1\\\xbe\x1e\xc3\\o^QB\xfe\xe9q\xfa1\xc5\x16\x19\x9f\xf5$$\x83\xf9\x1f\xee\'\xd2i\xa6\x13-\xaa5a= \xac\xef\xbe{\xf3K\xdf\x9e^g\xb3\xe5\xf2E\xd5\xac\xc0O\xb8@@E\x19\x06\xb9\\\x85.\x9b\xef\xb9\x07_}eK\xff\xe9\x91\xf3\xa3Z\xb5\x08\x9f\xa08j\xdf{\xf7\xbe\x89T\xd4y9[Fp\x15?V\x9f&lt;H\xd0\xc5\xa3$W@u\x17\x16\xf7\xa3i\xach\xc0\xf38\xa0"\xb9\x1e&gt;x\xf2\xe2\x8f\xcf\xfev\xf5\xce\x1eO\xca\xe5\xf2\xe1\xa1.\xcf\x9a^O\x8bp\xdfD\x98\xb7XY\xf2\xaa\xe3S\x13TT\xd7\xfd:\xca\x0f\xde\x9a\x15E\x1d\xf5\xb4$\xa3\xc29\xd0*\x0f\x0bh\xfe\x0c\xda\x97\'\xe3\xa2\xfd\xe9\xd9\x1f\xd2h\xb9\xd8\xf3\xe7\xccA\x80\xd9e\x84,\xf3\xc1\xb5\xe5\xd9\xca\xb5\xb7GY\xff\xea\xc5\xd3\xa7\xcf\xd4_\xde\xad75\x88~(;3cX\x9b\xbb\xa6\x96\xfc}\xd0\x89\x1cY\xa6\xe3\xba\xbei\xaaMYv&gt;C\xfd\x0e\x96\xaaZ\x8a\xe9y\xae[\xad\xaa\x96\x96\xbf\xa3\xca\x93\xf3\xadf\xe1\xf0uy\xb8i@\xae}(\xb0\x9fF\'\xa6)\xea\x11\x11\xbb\x0c,J\x02\x12\xd6\x17T\x84\x05\xb5^=|\xfa\xc3\x9b\x8f\xefP\xc2r6\x9b-4}\xd7\xa8\xd5j\xf2jy\xa5DX&lt;0\x15\x92\x8a_\x1d\x8d\x9aN\xd3\xb3\xee\xa0^\xfe#\xf7\xeffU\xf5\xf0+\xab\xd31\xbdj/O\xfaF`w\x0e\xeeL*Hy|P\x04}\xea\xf6m\x9av\x15\xa8\x95\x8e\xc6\xd8\x0eD\x8am\xd1\xa2\xc0\x8a~\xfb\xd9[\xb4Uc:\xdd{\xf8\xe2\xe7O}{\xdc*\x97\xe3\xaf_\xcf\xaf:U\x19X\x93Ac\xb0\xfc/\x99,\x12\xe6\xa8\xc1\xb8d\xa5RQ\x14E\x8b\x04T/_;\xae\xda\xb3,\xcb\xacz\x15\x94Z\xeb\x99\n\xabz2O\xc7Z\xa6Zu\xe4\xc2!&gt;jk\x9c\xb2\x97\xc7\xfb{\x8f~\x8aF\x13\t\x8c\x10\x00#\xc1\x08\x8f\xb9\x8c\xd5\xf3\xdb\xdf\xc4\xda{\x80\x9f\'?\xfc\xfc\x89\x8cU(#\x1d\x8eF\x9d\x8a\'\x0fk\xb5\xeb\xb1m\x03\x0c\x8a\xfd\x9d\xbc\xcc\x1a\x13\xd2A\xbeJp\xdb\xe0\x9a\xaa\xaa\xc0B\x91\xa4U\xf5\x93aN\xb1\xd0\xc0\xf0=E\x83\xbf\xbcY\xad\xe6\xb2$\xc6\xb3\x08\xc2\xf2fl\x7f\\\x1e\'\x10\xf3\t\xe6\xfb\xd8\xfd/\x16eX\xa0\x1b$#*&amp;\xd7\x1e\xc6E\xef#Q\xa1\t\x0bY\xc7\xd4\xf2\xea\\\x12k\xd7S\xbb\xdf\xb7\x1b\xd3\x1bV\xca\x08\t\x86\xdd\x9b\xd04\x1a\xa4\xe2~\xc5\xf4,\x8e\xc2\x8d\xeb\x8d\xccp\xbe\x13Pa \xeax7\xd3qc\xbd\x1e\\\xd7jb\x1c\x91S\xa8m\x1a\xf6\xc7Q7\xfd8\x91\xc0\xf5(\r\xb6&lt;\xb1\xd8\xf7\xdb\x15\x8b\xb1\x90G=\x1f=bT\xe9\xe3e@\x85U\x9e#\xb3\xb8\xab\xb9\x18\x8f\xd7\x16v\xe6&lt;#\x10\xd8\'K\xa3 \xa3\xd8\xc7\x9fH8\xf4\xf2/\'~^3]\xaf\xc3\xa1\x1f:U\xc7Wz\xbd\n\xde\xe7"\xf7\xacO\x83A\xc3\x16\x8a\xbc=m\x19F\xcd\xa06*\x0c\x17\r\xfbvD\x1b3Q\x91`\xbbAj\x05\x8b\xe2+\x96\x8eA\xb34K]DD\xecxi_\x8e[\xb9x&lt;\x9b}-{\n\xf6\r\x9f\xb0\x86\x8b\xb5\x00.\xa6\xd8\xea\xc63\x95&lt;\xc7\x82\x15\x8a\x84.Nh3\xd7zUWUU\xaf:RU\xdf\xa24\xe5\xa0+\xbe\x0e\xe7\x00\x00\x04\xd9IDAT\xe0\xcd\xa0Q\xa4EX\xb2\xd1r\x1c\x1d5(\xa0\x1d\x89+F\xe6\xa2BR%w\xbf\xa0\nP!\x16a\xe1E\x02Z]N\xaf\x8f\xfeCb\xe9#l;\xe1\x88?\x13E\xb1\xb6\xb9\xe4K\xe7\xe7\xe7B\xbb\xdf_\x0f\x16\xab\x9b\xd1\x95\xa5\xa1\x84\xe0\n9\xcd\x1e\xdbf\x14\xdfS}\xb3\xa7\xe45l;;\x11\xe5j9\x18\xaf\xed\xbe\xc0\x17\xeb\xbc\xb0^\x18\xb21\x1f\xa9\x0e\xeaP(\xd4&amp;\xe3\xf5\xed\xe8\x94\x04J0\xbd\x88&amp;\xc1\xa0&gt;\xab\x86L\xfb\xe9\x11\x19\xb0{\xea.o\x07\x93\x1a\x05C!\xab7\x11\xa2p\xb5IX\x85\xcde\x8a\xcf\x9c\x9f\x9d\x97x\x80\xd9\xeb\xc6`\xb5\x1a\xf9\x15\xa6\x96OC5-M\xcb\xb3N\xa0y\x116\x07T\x06Lm\x81\xe7KBc"\xe9\xc6\\U\xd4Y\xa1P\x80\xc1\xae\x17\x8d\xdb\xe5q\xb7\x1bccC,\x86g\x89\x18s\x17=\xc5c\x94E=\xde\xfa\xfext\xdbX\xb4r\x07pU\xa1,6M\xa2\n\xef\xf4\x18\xd6\xa4\x91*\n\xe7gg\xe7\xedv;\x93\xc9\xb4\xdb\x97\xa8\xa6\xe3Y\xf9\x9dP2H\x0c,\xcaZMAf\xdd\xac\x16\x03\x08\x95)\xb1\x02\x02\x0b1(\xe9\xb5\x99\x89\x0e\x90\xf1\x99\xe3\xd9\xf8p2\xbd]\xba\xa7\xdd@0"#\xaa;\xd3\xd3\xf4@J=\x8ev\xdf.\x97\x83\xc9\xb0\x90\xcb\x91V\xa0\xaap\x0c\xcbr\x0c`\xb5\x80\xb5\xe5BI\x04\xbe^\xaf\xdb\xeb\xc1f52C\x94\xaeD\xa5)=\xdfs\x91\x05\x0b\xb4\x9e\x9d\x11\x04h\xc53\xacRf\xbd\x18\xea\xba\xde\xec\x845\xcb\xd5\x0b\xc1\x1a\xb6n\x96o!\x18)\x13,VE\x98\x9f\x02,\xb8\xbf\x8d\xee\xbf]\xdeL\x86qv\x02|\x85\xdd\x86\x0b\xb3lR\x9a\x86$\x8a\x08\xc1T\x8a\xef\x9f\x81\x8b\xaf\xb7\xdb\x02\xd3\xa1mC\xdd\x101i\x1d\xdfk\xced\x9d\x8as\t\xe4"_*\x95\x04\x01G\x92V\x99Lc\x02,\x8c\x1d\xe1\x88\xd6\x03\x97\x98\xcb\xa1\xab\xe2\xe2\xdc!\xaenl\x17\xfbPt7\xf6[F\xdcg\x1b\xf8\xf3\xee\xb1{3\xaf\x15r\x07qR8{Q\xb54\x8asp\xedhUY\xd7\x03\xacT\xbd\x7f\xf6\x01\\m\x81\x95\x87G\x83\rZ!r\xd2\xa8\xd9D\x88\xc3\xcb\xc1q\xa9"P\x04\x1e\'@Y\xc8V\x1a\xb7$]\x9a]%\xc3\x01W\xf6\x00XY\x80I\x17\xff:=%3\xdd\x0fp\xa0\x1d0\xbb\xdbRvO\x1d@\x15p\x1cN\x88\x8b3\xb5\x93\'\xa5"T\xc6\xa4:7t}{9\xfe\x9c\xb8J\xa4\x05\xc4\xe0\xf9\xcbi+dV\xb15\x9a\n:V\x92\xc4I\xa3\x88j\x97JH\x13P\xa1\x80\x80\xc2g\x98\xb6r\xba13)\xe8\x10%#\xb9\x10?`\n\xe0\xaf\xa3\x93\xf7\xef\xffy\xb7\xba\xa7X\xddSz\xfa\xfe\xfd\xfb\x93\x93\\\x9c\xa0h\x15d\xd7W\xf24\x8c2\xae\x1d\xce\x9f\x19\xfa\xd1\x16\xab.\x9c}\xf8p\x96)Ra\x98\xf1\x17F\xc8\xc1D\x96\x0c\'\xcd\x19j]\xc3\xf8\t\x14zW\x80\x9e%\x01\xf8\x90\xedrj\xe8\x86\xe1\xf4\xd8\x14\xc9i\x967C\x16\x8a\x92\x18\\3wp\x94;\xa2u\x12,&lt;9:\xca\x1d\x1c@\xd2`\xe1\x18\xddQ\xa9\x80\xccWa\xd6]=G\x96\xa1V\x9dq\xa5\xda\x8c\x8b\xe7\xa9\x1f3\x99\xcb\x8d\x11\xaaptG\x94\xf7\tK\xda\\\xd6Qb,\xd2\n\x82\x92\xaa|\n\xf4\xc0r;\x8c\n\xe3\x9a\xe27\xe58\x89KT"-i{\xfd\x03\xc2\x89\x1f\xd0\x13\x02\xc6\xaf%\xbc\x12gUSI\x86\x83\x85\xa9\x84\xec\xa5\xb8\x17\x08\xe8\xa9]dr\xa5\xfag\xbf2.\xaaN\xbf\x01,v\x9f\x16\xa6\xbdS\x17\x87\xabK^\xc8\xf4\x19U`\xabL\tOq\x98a\xcc\xab4Z\xb0{\x02\xaeb\xa9\x0e\x9c\x8f\xc5\xc0\x00\xc04\t^0\xce\\\x8e\x04\xc5\x8f$\xc5/F~\x07\x1d\x08\xa20;\x9d\xb9\xab\xe2\x05X|P\xc6\xfa\x1dW\x9b\xb0&amp;F(\xcc\xc6C\x8d\xb6t\xd1X\xd8\xa4\x95\xb0\xa5"\xd9J8\x07\x87\xc9\xc6L\xcd\x87\xb9\x00+L\xdfix\x0e\x86\n\\\xfe\x88\xb49b\x8f\xc1"\xdd$\xac@CID\xb0W\xf2l\xa7\xdbaUd7`\x98\x90g\xc0Z\xacy\xbe\xce\xb0\xf8\xf3\x0f\xe0\x12\xa8\x1f\xfb\x8dV\x80\x15\x8e`\x00\x12u\xa95\xb0\x01\x85l/\xf2\x01T\xd0\x8fc`\xc9\x8e\xc91\xf5\x83\xd9\x9b\xa3\xaf\x81F(&lt;l%I[\x10\x02b.\xa3\x97\xe2pxmP\xa5\xf5Q\x87\xbe\x03\xd9\xee\xc1[\xd1"I\x1f\xe6\x02\x96\xf0\x15\x17b\x02\\\x83\xb9\x1c\nzC\x19!G\xf4\xc9\xa0\x9f\xe9\x07Z\x81h\xeb\xb1z}\xdc2\xe4\xb9\xdb\xa1\x81(\xd0\x96\x8dFI\xcaV\x11-\xda\xba\x1e\xd2\x92\x86\x0c\x8d\x1e\x86F\xab5Y\r\x06+C\x92t\x19\xa3\x00\xc7F\x03J\x07fz\xf2\xa8\xd9\x9c\xcb\xc6\xa6!\xb0p\xc7ER\xfc\xd9\xaf\xe0\x02\x960\x9d\xcb\xff\x03\x83\xda\xcd\xab\x07\xa6\xd2H\x00\x00\x00\x00IEND\xaeB`\x82'</t>
        </is>
      </c>
      <c r="M65" s="3" t="n">
        <v>45492.67689814815</v>
      </c>
    </row>
    <row r="66">
      <c r="A66" t="n">
        <v>158561</v>
      </c>
      <c r="B66" t="n">
        <v>1980</v>
      </c>
      <c r="C66" t="inlineStr">
        <is>
          <t>Gilberto</t>
        </is>
      </c>
      <c r="D66" t="inlineStr">
        <is>
          <t>Gilberto</t>
        </is>
      </c>
      <c r="E66" t="inlineStr">
        <is>
          <t>CA</t>
        </is>
      </c>
      <c r="F66" t="inlineStr">
        <is>
          <t>ATA</t>
        </is>
      </c>
      <c r="G66" t="inlineStr">
        <is>
          <t>CA</t>
        </is>
      </c>
      <c r="H66" t="n">
        <v>178</v>
      </c>
      <c r="I66" t="n">
        <v>9</v>
      </c>
      <c r="J66" s="2" t="n">
        <v>32663</v>
      </c>
      <c r="K66" t="inlineStr">
        <is>
          <t>Right</t>
        </is>
      </c>
      <c r="L6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b48b31-e279-4086-bfae-aae3b520d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\xa0\xab3\x00\x00\x03\x00PLTE\xff\xff\xff\xf8\xc4\xbb\xfc\xfd\xfc\xf4\xc6\xbf\xfe\xff\xfe\xf3\xc2\xb9\xfb\xc3\xbd\x01\x00\x01\x06\x03\x03\x0c\x05\x05\x0e\x0b\n\x04Z7\xf9\xc1\xb8\xf6\xbd\xb3\xf9\xbe\xb8\x91UC\xacq`\xed\xc3\xbd\x9caN\xb9u^\x16\x0f\r\x1e\x18\x18\x7fQ@\xb3pZ\xf8\xfa\xf8\xfb\xcb\xc4\x8dQ?\xbexb\x18\x07\x04\xc0}h\x04Q1|\xd2\xa7\x96]K7\xc3\xa1"\x11\rw4#\x05iA\xd8\xad\xa6-\xbe\x9c\xee\xa9\xa2)\x19\x15\x04a&gt;%\xb9\x95\xa4l[\xea\xc0\xb7p/\x1db&gt;3\xdc\xb4\xad\xb7\x81q\n\xa5\x85\xfb\xc5\xc2\xa3dQ\x07rN\x87WF\xe1\xab\xa2\x97XE\xb8{i\x05I+D\xc7\xa4\xadlY\xec\xb1\xa6|:)R0&amp;\xfa\xc9\xbe\x99N?\xc6\x8c\x7f\xb1ve\xcc\x96\x89\xed\xbc\xb5vJ&lt;\xcf\x9d\x92g(\x18\xa8jU\xe5\xb6\xaf\xda\x8b\x83\x04C#\x03&amp;\x0f\xf5\xb2\xab\x0e\xad\x8f\xa1hU\x05;\x1d\x07~[Z7*\x08sB\x82?/\x9f[G\x18\x14\x14\xda\xa5\x9c\x87K;\xc2\x82q\xc5n`\x8b]KD%\x1c\xce\xa2\x9c\x9agV\xfc\xcf\xceJ30\x8aE5\xcf\xaa\xa3\xfa\xd2\xc72\x16\x0f3\x1f\x1a\xe4\xb0\xa9&gt;)$\x83\xd8\xae\x1b\xb1\x8d2(&amp;K\xcc\xac\x06d7\x12\xb6\x95\xa2`L\xef\xf3\xee\xbf\x87x&lt;\x1f\x17&amp;"!\xe3\x91\x85\n}K\xe3\xbb\xb4\x0f\x8b_J+"\xa0TD\xf0\xb9\xac\xe6\x98\x8e\xd9\x84w\xb1\x8e\x89\xee\xa5\x9c^\xbc\x8e\xf4\xf6\xf3\xce\xd5\xe9kA4~G7)\x0b\x06\xbf\x92\x8a\xf3\xad\xa5\x8fK=Z;4\x050\x17\xe2\xe4\xe0\xad]O\xd9\x93\x8e\xabfQ\xc2\x99\x92\xe9\xeb\xf3\x07R\'\x0e\x97v\xce\x83y\xed\x9d\x95\xab\x81}\x94I7\xb8aRk5)\xabyq\xa0\x85\x81\x82ig\x13\xbc\x9e^(\x1c530u\xcb\xa0S\xb2\x84iTR\xe5\xa1\x9c\xfa\xb6\xb5\xdb\x9c\x95I\x18\x0e\x92aS\xf9\xd8\xd5!\x93a4\x9dl8\xcd\xab\xa0ri\x9byu\xc4\xa0\x9b\xef\xb2\xb2E\xa8z\xe8\xef\xea%\xc2\xa4\xb6\x88\x7fh\xc1\x95\xef\xcd\xc4kI&gt;\xccugzOG\x8fgbD\xb5\x83\x1f\x82VQ\xbc\x8b\xca\xd5\xcc\xb6\x99\x92{VRy`^&gt;97\xbfhX\xcd\x8d\x84\xb7od\x03\x1c\t\xc5\xce\xe2\xee\xf1\xf7\xd7{k\xd6\xdb\xed\xf4\xf4\xfaY\x1b\x0co\xd5\xb8`HEo\xc5\x9bw@4mB@NA@\xb6\xbc\xb4\xe0\xe2\xf1\xd8\xdb\xd6\x89\x97\x86\x8ctq\x8b[V\x9cjd\x12[5;\r\x06[\xd0\xaf\xabTHSVO\xc5\xca\xc4\xb1\xe1\xd5EKA\xe3\x89y6\x8bj\x7f\x87y\x8e\xdb\xbf%bC\xf3\xe7\xe1\xdc\xc9\xc2\xd2\xba\xb1\x1c\xa2\x83\\\xaa\x83\xa7\xa9\xa0\xb5\xbb\xd0pzp\x19vI\xc5up\xab\xb6\xa8\x11g&lt; D+\xde\xee\xe7\x90\xbf\xb8\xaa\xd1\xc6J\x80c\x8e\xb4\x9d\xc8\xe6\xdebj[\x8a3.\x9c\x9c\x91z\xad\x8eS\x96\x80=mPG\xb5\x9c\xa1=;b\xa9\x9cb\xc4\xab\xc1\x9b:i\x00\x00 \x00IDATx\xda\xcc\x98]H\x1bk\x1a\xc7K:\xc5\x99\x81=F\xcf\x8c\x9b#9\x10"\x92\xc0\xd4\x0f(F\xc1(j\xfc\x0c\x04A\xe2\xc4\xcfl"F!\x17\xb5\x8e\x14\xb3\xa6"\xf5\x93\x98z\x11\xbfr\x8a\x03\xf1\xa4\xdehE\xa4Z/\\M\xcd\x82P\xc4*\xf1X\xc4HJ.vA\x82\xdev\xbd\xdc\xe7\x9d$\xdb\x96\xdeNz\xf6\x81\xccL\xae\xe6\xc7\xff\xff\x7f\x9f\xf7y\xe7\xde=\xb1\n\x93\xc8\xfa\xfa6\\\xae\x8d\x11\x89\xe4\xde\xffKI\xfavOo\xef\xa2\xb1p8z\x1a\xda\x90a\x7f6\x0f\x06%\x91\xc8Bg\x91\x00\xcf\xb1$A\x90\\$v\xba!\x93\xfc\x99d\xe0\xdcH\x9f\xeb\xea6\x1a\xa1I\x96"\x81\nO\xc3q*\x10\xbdr\xf5\xfdx\xc90L\xe6\xda\r\xb9\\\xae\xdd\xd3\xeb\xb3X\x98\xa7I"\r\x07"\xa1p(:\x12\xbb\xdb\xfd\xa1^b#\x80\x13\xba\x0e\xdb\x03\x81H\x80\xa3\xa1\x08\xe0H\xfbR8\td$k\xff|\x1b\x1a\xc1~\x98k\xae\xbbX8\xc2\xd38\xce\xb2\xc81P\x89\xa4\xc9\xb4\xaf\xb1p\x1c\xbc$\x086r\xbd\xdb\xf7\x83\x16\xa5d#\x1a\xe0\x08x\xb7 \x0b\x8e H\x9a&amp;\xf1o\xa8\x80\x0b\xa7\x00\x97\x0fGC?\xc4HLr\x1a\xe0p\xc14x5p\xe1$IR_[\x98$#q\x92\xa0H6|\xba!\xc1RN\x86\xf5E9\x14\x1d\x84\x05\x0f\xb0\xf2h\x0e\x89\x97\xe4\xf9\xc2\x05?\x82$i\x8a\x17\xbaE\xaa=\x0c}F\n\xd9\x91k\xf0V\xd0\ng\xc9o\x88\xbe\x16\r\xac\x04p\xfe6\xb4\x91Z.Lv\xcb\xb3@\x12\xe0\xe0\xc2\x11,\xc7\x12I\x1e&lt;q\xf9\x06\x0fa\xe1d\xf8v7\xb5\t\x03\xb18;\xcd\xb2\x1ctN\x92\xa3\xd0\x9dE\xba\x11$A\n\xde\xc5\x7f_\xa7\x0c4\xe5\xa3W#\xa9\x94\x0bs\xc5h\xdaNC\x94\t\n\xf6\x19\x9c\xe6i\x90\r\xba:O\xa3\xf6\x9e\xc6~\xef%Z\x13\\\xf8,\x95.b#w\x1c\rj\x91\xe8m\x14K\xe1t\x80\xc6!\xf6,\x1f\x80\xe5\x88\x16&amp;j\xa5\xdf-J2\x10\x8b\x85R\xb8EJv#\x14\xea\xea,@A\xe6A-\x1a\xbd\x95\xb6\xf3,A\xa1~\x01\x06~\x8f\x95F\x86\xcfR\x89%A\x16\xb24Eq\x14\x05\r\x94 )\xa5\x92\xa2HJmS\xcb\t\x82 \xf0/\xc9\'\xbeA\xfb\'/t\xaf\x14Y\xb8\x11\x85`Q\x14+,@`\xb2\xd9:\x06;\xfa\xbb;\x06\xfb\xa1\x94\x88\x0cv\x1cB.\x97\x8f\x8d\x8d\xc9\xe5\xc4W)\x83~\x7f\x96\xa2v\x0f\xc1\xe2Y\xc89l\x80\x94Zm\xb7\xdb,\xe5\x8b\x8b\xc7\xa3\xc7\xc7-\xd9-\xc7\x8bK\xaf\xba\x01f\x0c.\x17\x17\x17\xafP]\x8c}!\x03\x7f\xd9\x98+%zI\xae"\xac\xf0\x1eJ\xa9\xb6Y\xa0\x16G\xad\x0e\x87\xe3\x12\xcaqYa,\xcb[z\xff\xfe\xfd\xd2R\xdd\xd2\x12z@\xf5\xaa_\x8e\'\xd5J\xc3\xe9\xbb\x94\x8c\x13}g4+\xec\xc8D\xefT\xfe\x87\xfc\xc5\x16\xc7\xf4\xc2\xc2\xe5\xc2\xc2\xc2\xf4\xe5\xf4\xe5eE\x85\xa3b\xdeXVf,\xcb\xc9\xc9\xa9CP\x00X\xb74\x16\xe7\xc2\xa1\xb9\xe1aW\n\x9a\x04\x06\x8d\x14m\xc98e\xdb\xfa\xe8\xad\x7f\x1clkk\x03\xa6w\x0b\xf1\x0b(\xd6\xec\x98\x9f\xb7\x1a\x8d\x00\x96W\x07HB-u\x13\x89](-\x8d\xdf\x15\xdfELv\x1a\xa6\x05*\xcb\x9e\xf7\xd7\xb6\xed\xc3\xc3m\xe0z\xf7\xee\x1d\x82\x12n\xd3\xd3\xcd\x8e\x8a\n\xab\xd1\x1a\xe7B\x95\x97\x97Ww\x91\xd0\x0b\\\xbc\x16?\xf4\xd8\xc85\x0fN@\xc7\xde\xf3z\x0e\x9dN\xc0:\xdc\x062`j\x13\n\x81577\xcf[A\xb0\x9c\x1c\xe0\xc9C\x95\xf3?.h`\x9f7D\xc7\x92l\xc4ht\xaaQ\xfa\xbc\x1e\xa7P\x87\x87\x02Z[\xdbv\x92kz\xfa\x85\xc3\x81\xb8P\xbe\xe2Tp\xaf\x1bKn\xe5\xf6+\xb1]\xc4$\xa10\x1a\xf7\x08\xcb\xaa\xe7\x93\xf3\x13\x94\xf3S\x1c\x0c\xb0\xe2\\A\xc45\r&gt;\xce\x0b\xf1\x12\xa8\xca\x10\xe0\x92&lt;\xd1&amp;\xc83\xb17l\x88\x16O\xd1D\x9az\xafU\x80\xfa\xf4i`\x00\xd0\x9c\x87\xceC\xc0\x020\xb0\xf2\x1d\xa2B\xf1\x12\xf4\x12\xa4\x82;\x80\xbdJ\xda\x18\x11{\x0b\xc2\xa0=\xd89\x82\xb2x=\x02\xd2\xc0\xd0\xd0\xd0\x80~\xc0\x99\xa8x\xfe\xc1DH=\xb8h\x15T\x02\xad@7x\xac\x93\'6%2\xd6\x87\x89\xeb\xa1\xeb3\xcd\xdb)\xdb\xde\x81^\x8f\xa0f\x87\x10\xd7\x80\xde\t?\xbd\xde\xe9\x11\xb8\xe2&amp;\xce[\'\xad\xff\xc9\x89[\x08\xe9\x07.cwR.\xeeTT\xb90\x98\x1d\xd8\x00\xad\x9e\xda&lt;\x10\x94\x9a\x9d\x1d\x9e\x9d\x05,\x80\x1a\x18\x02,\xa7g{\xfbF\x08\xbdc2\x1e\xf9&lt;$V\x0eJY\x99\xd1\xbaD$g\x9c\xd8\x88\xb8X\xa7&lt;\xccY\xea\xbd\x19\x9d{\x00A\r\xab\x00\x0b\xd9\x08X\xa0\x99\xc0\x85\xb0.+@\xab2\x14\xf7:\x14.\xd4\xf4\xcb\xac\xe9e\xc9f\x8f\x07DM\x97Dv\xcdqv\xaa\xf7\\\xe7\x07\xa9\x00J51\x0cj!\xff\x06\xe27\x8f\xc7\xb3\xdd\x16D\xdd\xbeb\xd2\x98\xec\xa6\x82\x83\xc6\xc9\xe2\x96\x84\x8b8A\xdf\x8a\xd9R\xe1\x18\x063\x8dzJz\xe0_^FP*U\\\xac\x01\xbd\xdb\ri\x13\xe2u\xd3v\x13\x0c.L;\xe6\x93]&gt;.WKz\xe6\xe4 \x91\x98\xeb)Q]\x94\xb8\xc24\xa7\xee}[\xe8\xf6/\x83V@5\x8c\xc2\x85b/,I\'\x12\xecf\xfb\xe6\xe6&amp;X\xfa\xc2\x91\xd8} _\xa0\x955=\xb3^\xb1(O|\x9c #"\xee\xd7\x18v\x15\xa1\x03\xb6\xa9\x95B\x9d\x1f\xb4\x8aW\x02\xcc?\x04r\xe9\xf5n\xfd\x01\xf8\xe8\xb9i\r\xfe\xf5\xf1\xa4\xd5(\xec&gt;h)f\x17g2\x8c\xe2\xb8[\x18\x89\xe0|$f\xa7\xc7\xb0\xdb\x93\x93@o\x8d\xf9\x89\x1f\xb0\x10\x98vbB\xab\x1a\x86\x94\xcd./\x03\x96G/\\\x00\xad\xf5\xd7\xe0\x8bfX\x8d\xb0\x18!\xede\xa3\xd9\xe9\xd2Bic\xd6 \x8c\x848:\xb5\xd9OETKr\xcd\x07\x02\xbd[\xde\xca\xe5e\xa4\xd3\x84\xc10\x81~\xf0\x0c\xff\x97\xdd\x1e\xcf\x01D\x0c\xd8\xdc \xd9M\x10\x9a\xd7\xe4$\xea\xf5F\xab5;\xb3\n\xb0\xd2\x9b\x94\x840\xed\x93bv.LvF\xf3\x01\x98hj\x97Q\xaeT\x13\x86u\x83a\xfdw`\x9bPi\xb5\x1a\xbf\xfe\xc0\xed\x07,\xb7\xdf\xef&gt;\xa8l-)}\\\\Q\x9c\x9e\x9e=9\xd9bmQ\x00\x16\xa3\xa8\xe9\x97\xcb\xd1W\t\x98n\xc4\xc4\x8ar\'\'G\xe7^\x93V\x8b\xec3 \xa8\xdf\xd7\xa1\xb4*mO\x8f\xc9\x0f\xe5\xd6\xb9\xfd\x1a\x93\xee\xa0\xf2I\xb0\xf4qz\xa2\xb2\xb3\xb3\x15L\x15\xc3d\xb67\x8d!\xb1`\xa4?\x13\x11k$\xc6\x9f\x1c\xf9\xce75\x80\x01L\x7f7\xac\xff\xf4\xd3_\xd6\xd7{4\x9aNSn\xae\xc6d\xd2\x98j\xddnM\x8fI\xf7\xc4\xfb\xb1=ktt\xb4(\xab%\xab\xa5%[\xa1xT%e\xa4\x0c\xd3\xde!\'\xe0\x0cG\x90g\xe25.l#l?\xb1LyM\x1a\xa4\x96\xc1\xa0]\xaf\xaenh\xc8\xed|=&gt;\xee\x9d\xdb\xec\x04\xba\x1e\r\xa8e\x02\xac\xd5\xf3\xa9\x8e\xfe\xfe\xc1\x8e\xa6\xa6\xfc\xfc\xe7\xc7\xa3E\x8aG\xa5Lci\xbd\xd9\xfc\xb6\x1f\x98\xe0$.\x9eZ\x18\xe6\n\xdb\xed\'\xfb\x9d&amp;H\x92Je0\xf9g\xc6\x9f\xcd\xcd\xad\xed\xef\xf9\xf6^\xee\xaf\xcd\xe4j4\r\x1a\xbf\xdbm\xca5\x8d\xef\x1cYlp\xa6U*\xd5Jew\x7f\xf9\xf3\xa2L\xa6\xbe\xb1T\xca\x00\x97\x92\xa2\x01\xebN&lt;,I(b\xef\xf5\xcdh4Z\xc3\xc4\xf2p\xed\xdc\xda\xcb\x97\xfb&gt;\x9f\xef\xc8\xb7\xef\xdb\xdf{9\xd7\x95\xdb\x80\xb0\x0ejs;7w\xa6\xec4\x91\xf8TH\xc8\xd5\x1d\xf9Ef\x86\xa9g\xa4\xd2Fs\xbe\x92\xa3XVD,l\x97\xe7}k\x9d\x1a\x08\x96jY\xb7\xf9\xdb\xbe\xef\x08\xfa\x98\x9d\x0bX,S;s\xcf\xba\n\x1a\x1a \xf7\x95\x07:\x9dw\xcf\xa2V\xb2D\xfc\xb0\x03`j\xcb\xd6\xce\xf9J#\xc3H\x1b\x99\xf3^\x1a\x8e\xe4"\x9a(\xb9\xe2\x03\xbeg\x05\x1a\xd5\xc4\x84F7\x0e\xe6\x1d\xf9Nx\x1a\x0e\xd6\xb6\xf2\x9a\x8f\x9b\xaf\x0b\x9e&gt;\x85\xf4\xfb\x0fZ\x0b\x9f\x98k\xca;\xba\x95\xc2G\x92\xf8\xb9\xdf6\xb5\xb5\xd3\xae\x00\xb5\x98L\xf3\x94ZI\x111\x99\x88c\x8d\x9d\xf7\xcd\xf4@\xdaU\xb5\xe3\x9bs\xaf\xbb\xfe\xdd\xf5\x8f?\xf6?|\xf8\xf0\xf6\xe3fmg\xc1\xd3\x87\xd5\xb0*k+\xa1\x13\x98\x8b\x9e\x97\xf7wC\xd9z\x07-\xe5\xe5MS[{;k\xabELU\xb0&gt;\xd3\x9coS+\xc9\xcf\xa2\r\xa80\xc8s\'\x7f\xbc\xd6\xc0\x9ec\x1a/\xc8x\xf3&amp;\xe3\xe9\xd3\x82\xdc\xce\xf1\xc2\xaaB]\xad\xa9\xa7:#\xe3\x01\xacL\xc0jT(\xdak\xcaa!6}x\xdb^T\x94USS\x93\xb5\xb2\xfalne\xa5*X\xda\xa8\xd8\xea\x07\xb9\xc4\xc3\xba\';\xb5\x1f\xadui\xb4\x13Z]\xc1\x9b7\xff\xcaxX\xdd\xd0\x93k\xd2\x95d\xd6\x97\x14V\xfa\xd7\x1f&lt;\xb8\xff\xcb\xfd\x06wk\x95\xb4QQT&gt;6v1\xf8|e\xb5\xb0J\x9aY\x9c\xae0\xaf\x98\xbd3\x9b+\xd2\x92\xaaRE\xd6\xa0Z\xcdFGDT\x8b?\xfa\xadK\xa32hs3\xded&lt;\xcc\xc8\xc8x\xd8`\xaa\x94\xa6\x8f\x8e\x16?\xfa\xb9RS}\xff\x97\xbf\xddW\xe9oJ\x9e\x142M\xe8;Rw9\xb8[X\xf5\xa8X\xc1\x94\xac2\x8d\x85\xe3U\x80%5\xff\x975\xb3{Il_\xe3\xf8\xb6\x95\x9eip\x99/s\xb2\xe5\x0b\x84\x11\x05\x8e\xb5P\xb6-\xc8\xd1\x96\xcb\xd1\x0c$\x08#W\x939\xa690\x17eD\xa851\x98\xbdp\xcc.|\xc9f\xe3\x86\xc9q\xbch\xeab\xb0\x97\x8bs\x9a\xa9.\x02\x19\x8c\x03{\x8a\xe8\x0c3\x0c4\x07\xf6\xc5\x9c\xdb\xed\xb9\t\xce\xb3\x9c\r\xe7\x1fX?\xd1\xeb\x0f\xdf\xe7y\xbe\xbf\xe7\xfb\xb3\xc9\xf8d\xe2\xe9\xefu\xec\xdd=\x9f&gt;\xbf|c\x05{\x88\xd8\x81\xc8"BD\xb3\x01\xebfS\xaeP\xd6\xc8z\x08\xca\x8ex&lt;\x91\xad\x99\xfd$Emw4\x80/\xf8W\xdf\xfdr\xb4\xb7\xd7\xf4h@\x88\xbf\xdd\x1c3\x07q!A\x98[\x9a\x06G\x9f|\xfe\xc4"\xd6\xdf\xff\xf5\x0e\xb0"\x11\x14\xfa\xc8\xc2EJ\xa5\xae\xb6\xf4^\xc8\xef/\xe4l\xce\x9e\x13;\xe2\xf3a\x91\x99\xb3\xa4\x95:`\xbc\xa1\xe1\xe9\xe3\xf7\xef\xef\xc2,\xaa\x06\x7f\xc6\x97\xde\xaa\xd5x\x10\'ps\xcb\xc3\xceP\xe8\x8f\xbf\xb1w\xf7@\x1c{\xb7]\xc3\xe2B{#\xa5\xd9\xae\x9d\x97\xbf\xdemP\xa8\xa6\x0b\x1a\xaf\xf0\x95\x08\xc1\xb4Z\xc3\xccH\xf2\x047\xd6\xb0\x1a\xfe\xfa\xf1\x8f_\xffr\xe7^\xc3\xbd\xd5\xceK\n\xef\xc1\x83A\x9a`\xb0\x8c\xa1\xaf,.\xcd\xf5\xcf\xbf~\xdc^\xd2GP\xf4&gt;\x02T\xf6\xae\xf4\xea\xfb\xaf\xf7\xeeL\x84\xcese\xa7Po\xe1\xf2x\x82\x85\xf9\x91}Z\x99\x8d\xd5\xb8:^&gt;U\x01\xb5\xe2\x9e\xea\xb1\xf1Q\xd0L\xe0xP\xa9\x1ch\x8a\x0e\x0e\xfe\xce\xda\xbf\xb2\xf5uu\xcf\xff\x9bN\xbf5\xa0(\xcaE\x10\xc4\xa0\xdf\xcc\xa5?&gt;\x9e\x98\x8eV\\\xdej\x984\x18P\xbe\xc0\x91:;\x96\xd0\xf2\xa1,\x93\xbd\x1a\xfc\xa3F\xb8\xb1C\xc6\xf3\xd5\xe9\xd1\x82X*\x04.\x9a\xe8[\x8c\x0e\x1a\x7f\xfb\xcf?\xd9\xd9\xe6\xeb\x9a\xa7\x8a\x9f~{\xb6\x0eX\x02\x06\x8b\xbbE\xbe\x0e\xba\xc7\x9f\xa5\xb7\xd5\x8d\xbd\x99\xcc\xa9&gt;\x10A\xf9|\xc7\xdc\xfe\xb1\x92Tnd\n WCl0\xda\x19\x8dV\x9a\x0e7\xb7\xa3e\xa7\xae\xc7\x8c\x07i\x89\xd4\x95\xed\x1c\xfc&lt;]\xd9d\xa3\xbd\xea\x9bo\xb8\x0b\x92G\xcf\xdcK\x11T\xc0\x07,Q@o\x11\x95\xbe\xcd\xbaI\xf9u\xbc\x1a\x7f\x15\x00\x15\xf9\x1c\xc3\xcc\xd91M\x06\xe5C\xce\x82\xe2\xce\x1d\x85?\x97\xcdf+\xae1\xe1X\xcb\xa2\xb3\x1b\x06\x12\x9aK"\xcbu\x1aU\xe5n\xf9\xbfY\x90\xabn\xaa\xc4\xe7\xa7\xf6\xad;\xeb\x0c\x16\xca\xe1 L!\x11d6\xb06\x12\x8f\xd3[\x86\x88C\xc0\xe7\x98"sg\xc7J+I$\xba\xbd\x9aB\x0c,\x15\x86\xf4\xc1\xa2K\xd6\xd8\xdd\xd2\xd8\x08w"A\xc8%\x8d\xb9h\xae\xb0B\xea\xa8fV\xb0PL\xd0\xaew\xbb\x1d(\xc3\xc5X:\x86!\xdc\xdd\xe1\x93\xe4\x1a@\xa1\x02\x81\x80g\xc2\xd0\xd4\xfcq\xd2\n\x17\xd0P\xb7\xb7\xb5\\(\x94sY\x06\xaaq\xa8\x0f6y\xf1@\x1f\xa1\x94H\xc4\xb9G2gBg\x0b\xb2\x835\x87b&lt;\xee\xf00\xa8\x02=\x0fX\x08\xe6\xc3\xb8v\xd8T\xf5\x86\x08\xafvL\xda\xfcB\xff&gt;IYI\\\xdd-\xf32\xe15\xebt\xad\xac\xf4\xf6N\xf6A\x1d\xbb\xc5\xba\x1eB"\xed\xab\x08\'\xa5rM\xd9\xcc\x02V\xfdT)e\xc0L\xbe\xc8\xb0\x03\x84\xf91\x8b\x08\x17u0!\xb1\xdd `\xa0\xb4Z\x9eV\xd0\xde?\xa2$)\x12\x17\xb6\xc8\x16k\xcf\x93No\xc6\x9b\xc9x\x87t\x8d2\x17p\x9d*\xa5\t\x19!\')MY\xf7\x9c\x85I|^\x9aY\xc0|&gt;\x13\\=\xe0\x10\x16\x90\x0b5,\xb7\xa7\xe0\xcc-8\x04\x0c\x12\xa6\xad\xf9\xd61\xf4\xfcR\xd0\xdc\xe2Z\xccf\x99@\xed\xf5fzaTW 36N\xf6\x9d*%\x89I\x92\xb4\xb69\xcb\xe1)6\xac\x14\xf9\x92\x82\xaaa5,.\x8a2\xd1\x95\t\x88\xa9\xb9\xd4\x82#/\x00*L+\x10\xe4\x01+.\xa5)\xd2\xacc\xb0jPp\x80\x0b\xc82\xe1D\x0fA+\xa5=\x14\xad\xb4\xea\xca\x99\x1b6\xd4B\xcfR\x98\xc9\x04j\xa1&lt;-\x94/\x9fw\xe4k\xb1:\x95j\x07,\xa0\xc2x\x82&lt;`m\xc47\x94TP\xdd\xbdX\xc9V\x00\xab\x97y\xdd\xadq\xf5\x86\x018H\xd2R\tuBY)[\x95%\xac\x05\x9f\xc9\xc75D8\xb5rA\xc1\x18\x8c\xe5vh-\x88\x8b&lt;\xa6\x82y\xc0\xfa2r,W\x06\t\xb13\xaba\xd4Z\xe9\x1d\n\xff\x00\x0b\x87\x13R\x82\xb4Rt\x0f\xa1\x0cK\xe8W2/+X\x9c3~\xd1\x87F\x0c\xa8\x16\xf3x&lt;P28\x02&amp;\xe9C\xe8\xcf\xe7\x05\x0e\xf8\xc9\x0b\x98\x96OB\xa2\x0e\'d\x85B!\xd7\xea]\x01\x9c?\xb9&amp;\xa5\x92 \xa8DK\xa5+\x9apX\x82\xaf\xdc\xb0\xe1\xf2\xa6\x19\x9f\xc7\x07\\?\xb0&lt;\xb5\x1f-`\xd5\x1e\x05\xf3\x8cRy\x9e\xa7\xd4\xde\xbf\xff\xaa\xcb\x8dO\x0e\xf5\xe4\xc0Ls\x0f\xa0\x88\xd7\xd7CC\x93\x93\xe1x\x8f\x99\xa6\xc0\xd2\x94\xd2&gt;\x8d\xedAk&amp;(fC\xadf\xdfr\xd1\x07\x07\xb0&lt;\x9e" \x15\x8bE\x0f\x96w\xb4\xa7\x98\xb7]\xe8-\xf8xnD[\xf3#\xe4\x8e{\x9d\xa4\xe8G1E\xac`sBK]\xc7\xe3\t\xe1\xa9\x19\xa4r\xbb)Z\xde\xd7\xe7\xb2\x95\xcb\x1aB\xc8\nV\x11-\xf2\xb1\xa2/\x121y|5\xaa\x9bb\x11\xd4\x9a\x9b\x99\xdf\x9fO\xf1ju\xc5&lt;\xf6\xb9\xa4DB\xe0o\xdf\xae[/c\n\xc5U\xae\x02U\x8c\xc7\xe3\xa7x\x90\xb4\xba\xc7\xdd\x14IK\xfa\xfa\x08\xdbU\xc1ff\x05\xab\xee\x86\xefs\x08|&gt;K\x84\xe3\xf3\xfdI\xe5\xe19\x16f\xce6\xae\xe7w\xb5\x98\x85\xa4\xb8\x08W\x7fr\x9a\x10\xaa_G\xb3\xba\xe0\xff\xb1\x80\xcbL.\xb9\xc7\xdb\xc6\xdd$\xf8\x83NHg\xaf\xae\xca=\xec`MqL\x0b\x0b\xdc\xe2\xfd\x00\x07\xaba1E\x14,\xa7\xce6no\xb7`\n\xd76\xbe\xbb\xbb\xec\xa4n\xc5\xb5\xf7D\xa5\xb8z\xa0\xcb2E\xcc\xbaV\x18cH\x10\xc1u\xf7\xf8\xf8\xb8\x95\xc1\x82\x8b\x91\xc1\x92\x9aY\xb0\xd3\x9f~\x9aB8\xcb3\x0bE\x91\x9e\xcfT\xab\xd6Z\xda\xfcV\xff\xf1m\xf5x\x17\xc6r\xb7\xbd\xeb\x1f/\xd67]\x95\x90B\xd1\xf1\xc4\x98m\xcd\xc1\x06Q\xc3\x02\xc7\x9a\x94\x92\xebn\xeb\xb0\x9b\n\xd2\xca\xc4\x80Y\x92\xbd*\xb4\xca7Y\xc1z^B#_\xbe\xf8Jm\\\x8e\x89\x19Fh{\xednj\xfe\xbaZ]\xe3\xfa\xb4\xdc\xae\x9d7G\xef\x0e\x0f\x1enw\xaa\x14\n\x95\xf1\xfca%[\xb8*\x18+pQC\x1d\x13\xf8\xd2\xfa\x92\x95\x02{\x97\xeb\xc4\x84\xa4p\xd5:\x99\xc0\xd9\xb8\x13\x7f\xaa+:L\xcbs\xed\xa5a\x0b\xc2\xe11zy\xb4\xdc\xf6\xb9\xef\xd5\xea\xf7]\x04\x13\xb5-\xa5\x8f\xceW\x1fO\x0f\xbe\xf8\xd0\xa1hP\xc5\xa6\x07\xcf\x1fF\x81\x0b\xf6\x1af\x83\xd0\t\x83K$\t\x11C)\xd1\x89\xc9\xb1\x82-\xae\xcc\x8c\xb3\xb257\xdf,\xa3\x82\xd4\\\xc9\x1a\x00,\x13pa\xc8\xeeV\x7f\xbcz:,Bf\xad\x9b\xdb\x17\xe7/G\xfd\xd3\x9d\x87\xab\x1d\xf7T\x8a\t\xfft\xa8\xf3`\xcf\xef\x1f\x1d\x04\xbd\x1a{\xc5\x03A\x12\x02\x06$2\xa9N\x9c\x14\x975\xd2\xde\xcc7VBF\xfdMd\x19\xdc\x14\xb1\xda\x11.\x87c\xc2\x10\xedn`\x8dN\x08\x97\xdc;;\xeb\x87\x17\x87G\x07G\xc6\xe9\xd1\xf3\x8b\x0f\x1d\xaa\xda\xa7\x96/b\xfe\xe9\\e\x11\x16S1\x84W\x82\xf9\nuCJ\xa93\xa3\xd4HoX\xc1\xaa\x9b\xe2\x1a\xc0\xe7\x11k\x002"\xb3\x05Z\x02\xfa\x13B\x98~\x91N_^\x9e_\\F/.+\xb9\xec\xca\xe5Qht:\xa6\xea\xe8\x88ML\xf8\xfd1\x05\xe8\x95u\xc9Z\xc4\xc2M3\x84W\x1c\x17\x0etK\x94\xf4\xa9PC\xb2\xd2\xf1\xb5\x9e\x07\x977\r\xb7\x89`\xd9\xe2\x8a\x00k\x98T\x8f\x1d\x1e\xfdr\xf8&amp;}\xb1\xbdy\xfa*\xb0\xb5\xd6\xbf\xa5_;\xedm\xcd\xe6\x8cPP\xbfJ\xa5h\x88\xf9C\xd9\x8a\xac\xf6\xb4\xa5f\xc0\x84\xe2\x01Z\x02\xa6\x9a\x19g\xe7\x85\xab\xbe\xb9\xc8\x07[\xf0\xb5\r\xdf\xbf\x0fz!v{\x1b\xa5n:8\xda;:L\xbb\xdd\x01\xcb\xee\xeen`kk+\xb9q}[uz\x17\x17\x1f\x9e\x87\xfc\x8a\x86\x06\x05\xc3\xb5(\x1b\x10\xaa\xc7\xc4jH\xb0j\xb1p?\x99L*%\xdfXz\x85\xa8\xbb\xc1`=\xc5\xba\xdafE"D\xc4\xb5\xd8\xf5\xc1\xa6\xce\x0f{\xd1\xc3%`b\x88\xd6\xfa\xd7\xfa\xf7\xafooo\xab\xad\x1a\x9b\xc6\xf5\xfa"\xa4\xb8{\x07\xdc\xc2?X\x01\xac1\xf5\x80\xd0\x8c\xe3c?\'6\xe44-\xa5\xd8z\x85\xa8\x9f*2{`W[\xdb}F/\x8b=\x80G\'\x9e|8\xd8\x84\xe2\xc199I~O~\x07\xa9\xaa\xd5V[\xce\x96\xb5\xe5r\xff\xa3\xdd\xfc_\x13I\xef8\x1ecb\x93\x90\xf85\x99\xe4\xa2\x12\x11\x86\n\xcaL\x88L\x13\x10\xe6vs\x9a\xc6\x83C\x18h\x92\xed\x8c"S\xbd\t\xfepYC\xc5_\xe6\x08\xbar\x12n\xa7?Tz:\xdc\x1e^w\xed\x82\xba\x04\xbbA)1\x86\xee\xaf\xde\xeavkBa\xd3\xd2\xee\x9d\xa1\xfbC\x97M\xf7\xb8\xb2\xdb\xfe\xd2\xcf\xe3\xdd\x9f\x90yF\xf0\xd7\x17\xef\xcf\xe7\xf9&lt;\xef\xe7y&gt;\x0f\x8d\xd4\xb2LGh\xcc\x16\xd0\xdb\x02(\x8a\x8b!l\xf9\xda\xcfgMf\xfc\x8aR\x0b\x95\x88_\x80\\\x9b&lt;\x99H\x00\x98\xdf\xef\x0f\xdc\xb38\xb8\x14\xa5\xfb\x9c\xc8\\\xf4\xe1\xbb\xb8\xa8\xd6\xca\xe5\xc6\xa9\xaf\xd3\xe9\xd0\xdc-\x0b\xa4\x96\x05~\x0e:\xad3\x06\x8c(\x88\xabz\x96J\xff\xf47&amp;\xd3\xf5\xfe\xd5\x9d$\xed}\x03\x86\xeb\xfd5\x1e\'\x13\xfe\x84\x1f\xff0p\xcfao\xd7J\xf7\xc6\xbb\xe7\xfb\xbf\x82o\xffOO\x8f\xce\x8f\xce\x9f\xbch\xbex\xd3+\xa2\xf3o \x83"\x96\xc4\xd26\xa7\xd1\x16\xd2\xe7\xcbN\x96\xfd\xf3g\xd7n\xdc\xbc\xb8\xd2#\x9bo~\xd7\xaf\xf28N\x92\xa4\x7fs\xcd\x9f\x7f\x1c\xb1\xb7\xf0\x07\xef_\xeb&lt;\x01\xa8\x03\x84\xf5\x14\xb0\xce_\xbe\x11e\xb9\x88JW\xdc\x02%,\x92L\xa5\xb1R\x89\r9C\xa1\x10[\xde?\xafI\xfd\xabn9\x98\xdb\xe9\xfb\xf1D\x02\'\x83\x9b\xfe\x8c\x9e\x894p\xd8-\xfe\xfan\xe2a\xffa\xbf\x0fq\xac\xf2|5\x93[\xcc?Z\xfe\xe4\x13\x9b\xb1\x0e\x91t\xc4\x93)\x8a*\xb1\xf0+\x9d9\xa97s\xc3s\n4\xf7\x0f\xef\x93&lt;`\xe1&lt;OJ\xb9:\x91\xc3\xbd\x93K\x1ad\x99\r\xa8B\xdc\xfd\xf2\xee\xe6\xe6\xa7\x90\xfd\x8f&lt;\x8fn.\x96|\xf4-\xbb=N\x13\x04\xc2\xc20\xa7\xb3D\xa1\x0bN\x05\x1a\xcbF\xf6!\xe3I&lt;\x18\x0c\xe2|\xad\\_\xf3{\xa7T\xef\xc0R\x04^Z\xed}\xf0cT(\x00j\xe5\xfa{R\r\xb0R\\\xc4\x1e\xa5i\x86\n\xb1\x18\xcb\x86B\x81\xd2\x91B=\x8b\x07\xfd\x04Y\x85 B\xe6K\xf93\xdc\xeb\xd5h\xb5\xde\xc1\xb93\xba\xc2\xbb\xfb\xe9\x1f\xff\xe51\xeaBg\xf9Z&gt;\x84aX\x8a\x8e\xdai\x86\xa1X\xcc\x17:\x0b\xb1\xb6\xf2\xbe2TC;}\x9c\xe4I\x12\xa8\xf0`.\x83\xbb\xd0R\x84\x07\xa5\xaa\x98\xc9\xe7syT\x1f&gt;\xff\x8c :\xf5\xd3\x10\x85Q\xd8a*\xeeH\x12\x87\x18\xe6\xf3\x9d:C%[eG!\xac\xb9&gt;yQ\xc5y\x94\xdbU)\xc3\'\xd4\xeaQ5\xd8\xad\\\xa3"w\xda\xe1\xac\x90\x158!,\xd0\xc7\xc7u\x1f\xc5\xfa|4\xc7%S\xa9C\x9f\xafN\xc1D\xd4\xbd\x99S\x08k\xf8)\x14z\x1c\x97\xf0f\x95\x173\x12\xa9\x1e\xd5\x8c\x8e\xfa\x83"`e\xc3\xd1\x18x\x1a!\x1a\x89r\xd9\xc3\x14\xbaX\xc9&amp;i\x82N\x11\x04\xe1\xf3\xb1\xac\x8d\xc5\x9e(\xd5\xd5&lt;\xb2\x0f!\x042I\x0c\xe2\xc1j\x934\xa8G\xbd\xde\x04\x99\x11+r\xbb\x1d\x16b\x0e\x07*XI\x0e|`\xbd~L\x10I\x82f\x80\xeb\x98bY\x8ab\x95\xca\xf8\xa1\x91\x83\x97\xb0\x89\xe1\xf1 /IxU\xac&amp;\x0c\xde\xa0\x14\x0cJb\xa5q|\xdc\xca\x86\xc3\xe0\xb3\xc24\x17\xe7\x98C\x18\x04\x93d\x98,qx\xe8\xc3\xd0h\xec+\xd6\xd4\xbc\xf7\xa4\xca\x073\x12\xcf7\xe1W\xc9\xf1\t\xd8kej\x19\xb1Pi\x94\x1b\xc7\x9dN6\x99\xa4\x19\xe0Jf\xb3\xd9c\x86\xcef\t\x02\xd4bR&gt;\x9f\x8fh\x1c(E54|\xf4\xa2*5%\xa9\tC\xac\x14P\x86\x89\xe5\xd3FE\x027xvZ\xafw\x88,\x840\x1e\x89\x87\xc3\xf1l;\x9eEb\xd1\x04C\x10\x18\xc1\xd4v\x14\xc3\x1a\xd9y\xd1\x14a\x14D\x89\xaf\x16\xaa\xf0_\xc9A\x08\xcf\xc4J\xb9tV\xf2\xd5\x8f\x8f\x89d\\\xe0\xb8p8\xec\x10\xc2\xd1v6\xcb0\xa9\x14\x9db\x08\x86\xcd(\x8754tT\x00\x9d\x9a\xa2\xd4\xbc\x00\xc1\n\x85^\xa1"J9@;\xf3\x9d\x9e\xd6;\x9d:\xc3\xc5\x05\x01u&lt;Gb\x82\xd0\x86i\x08bq\x0c\x91dV\xd7\xf6\x14\xc4\xda\xe3\x0b\xa0V\xb3Y)\x00T\xa1 \x17\nM1W\xc9\x89\x8dN\x8a\xa8\x13\x04\xc2\x8a:\x1c\x08\xac-\xc4\xb2I\x86\xc82\x04\x07\xd3\x003\xf3s\nb\xcd=\xac\x81B=\x84T\xf8GO.\xca=\x88j\xa5\xd2kt\xeaP\xa7\xb8C\x82\xb6G\xa3\x82#\x16\x16`^\x869\x86\xa1\x93t\\\x88\xa7V\xac\x17\xc3\x8ab=\xc8\xcb\xb2\xdc\x13\x9b\x95V\xab%\xb7\xe5^Al\xf6\xe4V\xe5\xb8S\x84\xe8\tI\x01m\x15\xa31\x01JkL\x80YHst&lt;\xca\x04\xccJc\xfd\xf6A\xae\xdd\x92\xe5\nh\xd6\xeb\x15\x0b\xb2\\\x05\xac\n\xac@\xc5p\x18\x8a|$\xea\xd8\x9d\x99\x99vD\x85\xa8C`8.\x1e\xe7"\x1c\xb5b5+\x8a\xb5\xa7\xd6j\xbcb\xa3uX\x94[-\xd44"Cz\x81|\x05\x08h8\xdc\x8dE\x1dv\xbbcfb|\x06D\x9b\x86\x1c\xb3G#\x1c\xc7\xaeZA-%\xdf\x1f\xed\x19\xb4\x9a%\x17\x9e)\x1fv\xdb\xc5b\xab{\xd2\x830\xca-\xb9\xd7*vA\x1f\xfb\xb4ezwfcl|c\x1a\x86\xdd\xe2\x88r\xf1\x14\xe5\\\xb1ZW\x94\xc5\x1a\x05\xac%/\xbe&amp;V\x8a\xed\xa2\\\xecv\x9f\x01T\xb1\xd5jw\xc3\xb0&amp;\xeeN\xcfL\x8f\xff\xf0Tdb\xc2b\x17\xa0pa\x1e\xfd\xaaYY\xac\x91\x01\x96\xda\xe0\xfd0\x08\xc5\xb4\xd8-\x16O\xba\xcf\x9e=;\xe9v\xc3\'wb\xbb\x8e\x99\xe9\x89\xc1\xdb\xc4A\x7f\xcd\xb4\x9d\xa3a\xd9aWgW\x00\xab\xaf\xb0Z*p3j0\xcf|\xb5\xd9\xeav\xbbw\xee\xcc\xecnl\xec\xde9Ao\xcb&amp;\x06\x1dm?Bb\x8d[\x92\xb0\x18b\x14e\\\xd5\x9b\xacVk\x7fHY\xb5&amp;5\xe8\n6\x01\x0e\'X-\x14\xdb\'\xb1\xd8\tj\x95\x9d\xd9\xdd\xdd\x98\x18&lt;m\x19\xbcL\xb4Di\xe4\x1d(\x9d\x11\xb0@-\xeb\xd3!e\xd5\xd2j \x8cj\x03l\xaeq\x04\x06F+\x1c\xdb\x15b \xd9\x0cz\xf57x?3\xee\xa0S\xe0\x1b\xd2\x94N\x17\xd0\xaf\xe8gg\xad7\x14\xc5\xda\x19\x9dB\xd7&lt;\x03\xac\x84\xdf\x0f\x9e\x90\x17eXg\x04!\x16\xb5;\x1c\xf6\xc1;\xe6\xe9h\x92@f\x86Jc:\x9bm\xdd\xe3\xf1X\x15\xc6\xdasM!\xb5\x96\xdeQ\xab]\x06\xbf+\x01\xb1$\xc9jA\x06\xcdP\xc9B\xedw\x0e\xc8)\nY\xbf\xc7\xb0?\x9c\x9f_^\x07\xad\xcc\xe6\x1b\xfbJ\xe6\xd6\x8ekJ\xa5RiT0\x1b]\x06\x97\x8bL\x90.\xe4\xa3\x83\xb9F\x1d\xd6C\x9a\xe6\xc0\x07\x1eR\xb01da{H\xa5\xd3\xbay\x1b\x84\xd0l5\xdfT\x12k\xee\xfc\'S\x1a\x95F\xa3QC\x18Q\x1c]\xf0\x01\x1bx\xd6Z\xb9\x0c\xd6f\x90\xe6\xa5\x903\x14\xd0\x19u \x98n~\xd9=\xc0\xba\xae\x9c9\x1d\x1a~\xf9\xb7\xcd\x0f\xb4\x9aI\xed\xd2\x12\xda\x8c\xa9\xd1\xa9\x12l_]\x80\x16\x94jy\xe0\xf2\x81P\xce\x903`\x0c\x18\x9d\xb64\xe8\xb5\xe5\x9e5\xdd\x9e5\x9b\x95s\x81\xc3sGwf\xd6&gt;\x98\x9aTAr-\xa9G\x07MnhW\x8db\x89KRf\xf1\xac\x0c\x91cK\xe5\x90^\xaf\x0f\x04\x8c[\xe9\xf4\x96\xce\xe8\xbe\xbd&gt;\xbbj\xce(\xa4\xd6\xc8\xf0\xc1_\xdf\x8e!,-pA\x82\rn\xf8\xfd^\x17D\xd3K\x92\xc1L&amp;S\xcb\x97X\xb6\x84\xb0\x02N\xa73`\x9b\xdf\x02,\xb7\xfb\xa3u\xb3\xd9\xd48R\xc6A\x0c_\xbe\xde\xfe\xf6\x07,-d\xbdf\xd0y\xe0J\xa0#\x08\x03\x89\xafA\x10\x17\xcb,\xc5\xc2\x0e\x9ar:\xd7\xf5\xab\x1e\xa3n~~K\xb7\xec^_7[M\xc4\x7f.\x87\x15\xa2Z\xf8z\xcc\x81\xb04\x93*\xad\xe6\xfb\xae\x16\x03:M}hHl\xbe\x97\xa9\xd5\x00\x0b\xea\x02\x1b2\x06\x9c\xfa\x15\xeb\xec\xfa2\xc2\xb2\x05\xd6gMV3\xbd\xfb\xf6\xbb\xab\xe7\x82\x08n/,\xbc\x1ac\xbeD\xedG\x1a\xed\xe4\x92J58\xa4G\x076\x06W\xc2\x8f\x1a?\xf3\xa5\x12\xebK\xf9(\x9b;\xe0Y\xb1\xae\xba\x8d\xf3\xe9y\x9b\xcd\xe86\x99M&amp;n\xe2\xdb\x7f^^\xf5j=r\xf9\xfa\xf9\xf6\xf6\x17\xaf,\xee\x8f\x11\x96\n\x15\t\xad\n\xddi\x18\xbe\x9f\x89\x89`-\x9f?+\x950\x98\x8b\x98ny]\xbf\xb2\x82\xd4\xda\x9a\xb7-\xbb=0\x11=\x91\xb1\xff\xdd\x7f{\xa5\xef&amp;G\xe6v.\x9fo\x0f\xb0n=\xfa\x18\xa8&amp;5K*\xadv\n\xc9\x85\xe6#\xa2"\x83k\xb9r\x89\xa2`\xc9y\x8cQ\xb6\x80g\xd54k\x9c\x87\xb1\xfc\xb3\xdb\xb3&amp;\x93)`\x19\xfb\xfa\xfe\xfd\xff^\xe1\x1b\xf9\xe1\xcb\x7f?\xdf\xfej\xe1\xf9\xf6\xc2\x17\xaf\xfe\x82\xb0\xa6T\xef\xbe\xab\x01,\x98\x91(\x8c(\xbd\xc0\xe7\xac\xd5\x16\xcf(tR\x03j\x19\xa1X\x99\xdc\x90\xf2:\xddG\xb7=&amp;\xb3\xd9l\x1b\x07\xac?\xfc\xf2\xef\xaf\xaf\x86kd\xee\xe0\xbb\xb7_-,\xfc~{\x1b\xa9\xf5\x7fR\xce?\xa4\xcd\xfc\x8e\xe3\xa6\xad\x07\xbd\'\x9a4\x81\xda\xda\x19\x93\xf1\xec\x19yZFs\x89\x8dI\x04\xf1G%\x92\x10\x13BV\xa5\xec\xd8\xe8\xe6\x99=I\xce?\xb2\x80p\xe4l\x19^\x06.q\xdc?C.r\x94\xa1\xfe\xe3\x89\xfe\xb1E\xfbOgD\t\x19\xact\x90\x05fI\x95\x9d\xa9\x84\x8bFm\x99?h\xf7\xfe|\xe3\x8d\x1b\x1b\xdbn\xf7y\xe4Q\xfc\'/\xde\x9f\xf7\xf7\xfd\xfd&lt;\xf1\x1b\xff|\xed\xbbt\x86L&amp;k\x97\xc9\xe8\x84\x14)\xd6\r\xb5\xb0g\xf7t(\x7f\xc3\xde\x04i\xb9\xabUa\x1f\xa4\x85\xf8@\x01\xb1\xc6)\xe4\xcd\xc0\x8a\xa4\xc2\xde\xd4\xd1\xf27~\x03\xfc\xc2\xb9\x0f\xf762\x99Bs2\x99\x1dbj\xfd\xf8Wm\xd4D\x99L^+\x93\xd7\xcb\xe5u\xb52\\\xdd\xa0\xfaA\xd7\xcdw/\xb7\\F\xb0\xb7hU}\xca\x06\xb5]\xd5x\xb9_\xe1\x0b\xa1\x87\x88-\xdf\xb7\xdeN\x81\xaa\xec-\x9d\x1c~\xa3\x0f~_8\xf7\xfe\xcb\x8d\xcdL^x\x03\xac,\xc3j\xde\xfa\xc9\xc3\xb6\x11\xf2\x16J^Oq__+#\xb0\xc1\xde\xef\xf4\x0c+\xdfmy\xd0\xd2\xd2x\x97N\x91u\xdaBZ\xb4\xd0\x1c\xa2\x1d\x11+\xd1\x0c\xac\xe9H\xa9T\nk\xb6\x8e\x0f\x97\xffO\xb2/\x99$\xabU\xccW\xb1\x86\x80u\xf0\xde\xa7m#\xb5\x0cK.\xaf\xaf\x97\xd7\xd2\x17\x19\xecF\xef\xad;\x8f[\x8dZ\x85Y\x81\tK\xd5gS\xf6\xe1\'\xc5\x98\xcf7nkP\xc3h\x8d\x17\xbf\x9fJEJ\xdeR)a\xe1\xdc\xbb\'O\xff\xb2\xf7\xb5\xff\xa3\xc6\x85+{\x1bC\x84d\xb5JV\x7f\xbe\x90\xcdf\x17\x18V\x11XuU\xb1\x90\x10\x88/\xdce\xf4\x96`o\xef\x1dxK\xd5\x07$\x95\xb6O\xa5\xec4\xb2\x0f\xaf\xf8\xaa=\xc4J\xec\xbf\xe8N\x85\xc3\xe1\x92\xb7\x9c\x88\xe5\x9cNg\x8c\xc8\xbe\xce\x7fm9\x07\x93of$\xab\x04,\x9d\xd5*\x88\x99\xd4\x02\xaa\x99\xb0\xb2\xcf\xee\x8c\xb0\x80xKF\xb7*\x1f\xcd8\xdd\xec\x14\x7f\xa7\xcd\xde\xa7".\xday\x1a\x15\x8d\xbe\x10\xd4R3o\xf5_\xcc\x81\xca[\x0ep\x8eX\xd9\xe9\\\xc1\x05\xb2\xa3\xe5\xcf\xae\xfcO\xbdcLy\xeb\xec))\xa5\x13t\xa2(f\nQ`e\t\xab\xf9\xa0\x07X\x84D\xb3 \x1c/g\xd3\x04M\xd0\x83\x0f{\x1e\x0f4\xd8\x8c!\x95V\xa5T\xaamZ\x96Y\xe6\xd0\xb8\x9a\xf2A\xfd\xe0\xed\x12\xa3\n$\xdc1=\xb0\xa8\x9c1\xf7\xee\xc1\xe1\xf2\xfb\xff\xc5g\xe7\xd0;0\xe5!\x92\x0e\xdd\x93t\xa2 \xf8\x815W\x04V\x92a\x15\x7fN\xf9\xf0\xd6Y\x17\xe1,\xc2\x82Z\xb5\xbd\x83\xb7z\xba\x06ZmF\x951dTv\xaa\x8d\x98\xff\xccf\x9f\xcfFZ\x01\xeb~,\xec\xf5z\x03\xb9\\"\xe6\x06\xd6\x19\x17\xc0\x1c9"\xbb\xf0\x9f\x02j\xf3\x8d\x95:\xc7\xa8$+\x94\x12\xfc\x061\x98\xb7\x16\x16\xa2Qt\x11X\xc9_\xd7\xd2\x1f\xf7\x89\tr\xd1\x9eM\x85=\x08]\xbc\xd35\xd0\xf4{;\x9a\x88\xfdP\xed\xeb\xa7#\xa7&gt;\xe3x\x15\xeb\xda}\xf4\xd0\x0b\xad\x12\t\xa7%\xb0\xf2\x15.\x80Y\xb6\x0e\xbe\xf8\xc5\xbfM3\x1a\xa6\xde\xa0i$\x94@\xfd\xcbK:\xbf_\x10\xfd\x06\xbfA\x82\xe7\x81\x95%\xac\xa1\xa3^\xc2\xa2\xa2\x88\xa8g\x07)\xdb\x91\\\x0c\xeb1\xb0\xecF{g\xab\xdafn\xfc\xd1\x98\x02rU\xd5jR\x7fT:\xc3r\xac\xe44dy\x06\xc6\xb0\xdcn\x07\xc8\xb0\x00.\xfck\x1cldt:XI\xa0\x9bU\x97\xcfK\x82\xc1\xa5\x93D\x83\xdf\xbf\xbd\x9d/E\xa7\xa6 \x17a%_0,JyD\x04\x82^.{\xa7\xbd\xfd|w\xef\xe0 \xb0\x06\x1a\xa0\x96\xd1nk\x18W\x8cA,\xb3\x99-D&lt;R_\x7f\x06*\xf40\x91p\xaf\x94\xddN\xe2\x8a9\xab\xdfb\x0c\xcba\xa1f\xfeS\x9c!\xa36%\x01L(+\xd1\xe53\x04\xa4\x83z\xa2\x7f{b\xfa4R\x88N\x15\xa3Y\xb4qh\xe8\xe8\x06I\xc5\xb0\xeah[\xacg}\xec\xa6\x0f\xfatu\xb4\xda\xec\xaa\x10m&lt;!\xcc\x0eDe\x1b\x1f\xa7\x07\xfd\xa6\xdb%/Y+\xe1p\xc4V\xf8\x18i\x05\x91\x08\xac*\x16\xb8P\x9a\xad\xaf.\x80+{\x9b\x94\x03\xb8\x04\x91\x9c5/e$!(\x08\xd2\xe9v\xc4c\xe2M\\!\xff:\xfa;&amp;\x17\x85\xd7\x8b\xf3\xed\xed\xf4\x07u\x8ay\x14mE\xc8\xd3\xee\x91^\x8a\x08{\xc8\xec\xa3\xe1]\xdb?f\xf6\x85B!\xb6!6\r(?\xf1\x92X\x01\x87;\xe1t\xf2+1\xe8\x15\x83Bn\xd2\xea\x8c\tT\x16\x8d\x86\xab\x92\x11\x16\xfa\'\xc0\xdd\x80\x12\x19\x96./\x89Pi{\x82\x8a\xee\xa9\xcd\xe5\xe2\xd4\\1\x9a$\xb5\x86\x0e?\xa7s6W)\xe7\xeb\xaa\\P\xab\xb6\xbb\x8d,o3R,\x00\xa7q\x0c\xe9@YJ=\xbc\xa6\xfe\xa8\x8c\x1e\xf2\x81\x9c\xdb\x9dX\x89m9\xdd\x16\x08\xe6\xd0h\x00\x06\xad\x00\xf4eq\x1a\x8e\xae\xd7Z\xcc\x00\x00\x06xIDAT#2\x9a\xaf\x11\xe7"r\x00l\x82n\x16T\xa7h\xdc\xf6\x84\xc1\x15\x0c\nR&gt;\x9f\x17\x0c\x91\xfd\xf8\xd1\xc2\xdc\xdcT5R\x93\x87\x8bt8\x96vk9k\xa2\x9c\xa6T`=\xech2*\xfa\xe9|\xb5\xca&lt;F#M\xc8hS\xb3g\xc4\xcb\xbb\xde\xaa\xb3\x80\xb1\xb2Uv;4\xf8\xc1\xc1q\x04\xe6p\x10\n\xc7U\xef(=\xc7\x95\x0f\xf6?\xac\x91$\x01kN\x87\x94\x82\xbb\xfc\x06\xc8c0\xc0\xea:)\x9f\xc9lnnf\xc4\x89\xfd\xd5?.D\xe7\xa6\xa2\xd5H\xcd\xbe\x00V;B\x01\x9b\xa3\x9c\xb0\xe4\xd4\xc3\xc1[]\xc3JU?\x9e\xc1\x1a\xb5\xec\xc9\x02\xc3\x03lFaj\xfc\xc4\x1b\xf0z\xc3\xe5\x1c`b\xb1\x9c\x9b\x85\x82\xc5\xc2\xe9I h\xa5\xe7M\xbc^\xcf\x88\xf4T\xa4\xd8Q\rbs\x12\xcbO\xf4\xfb]h\x99\x81.\x83K\xb0\x12U\xb5\xac/\xe3{GY\xc8\x15MB\xacd\xf3\xd1\xe7t\xe2\x86%\x96\x8c\x98\xea\x90\x0f#\xac\x87&gt;E?\xc9\x85\xc22\x84X\r\x84\xd5\xf0\xc3\x1c\xcf{\xbd\xa52\xc4\x8a\xadX\x12\xe4+\xb4\xcbr\xa6\x92F\xa3\xf7x"\x1e\x9e\xe7\xf5\xf8:+.WC\xa9 \n.\xbf\xcb\x1ft\x11\x12\xa0\xc4\xa0\xdf\xefg\x06\xd3I\xe0Z\x8d\xaf\xefg\xa33\xd4\xc6$\xe3\xfa\xeb\xbd{\x8b\xed\x04\x86\x99\xa6\xb6n\xa4\x8e\xc4\xba\xd5\xd5a\xb3k\xc1\xa5P\xf4\xc3^\xd8w\xec6\x9b\xdd\xa6V\x7f/\x01[\xf1\x01l\xd2\x10\xeb \xe7&amp;*\xbc0,\xee\xb0\x90B\x1a\xce\x14\x89DL\xac\xfe\x01\xc7\xd50\xaf\x93\xe9\x11\x9e\xe8\x1e\xa2\x1d\xdf\'&lt;&amp;\x0f\n\x9e\xdf\xf6K\xab\xab\xf1\xf8av\x0e\\\x98S\x01\x96}\xbaxo\xf1|;\x9bQA\x85\xeamc\xf9\xa0\xec\xd3V\x07\x07#\xfc\x8e\xe7C\xbb\xd1\xa6\xbc\xbd\xcb\x07\x02&lt;\xfc\x0e*\xf7\xc9\xce\x01\x9c\xa5\x01\x0c\x19\x1dd\x16"3y"X\xf3t\x9d\xb1\x81\x0bX\xf3X\x86A\xd8\x9er\x1d\xfb\x8e\x00\x7f\x11S\xe4l%ZW\xd7\xe3\xeb\xcb\x0b\x0b\x05p%i\x07J\x16\x9f."#\x18\x18\xb0\xda\x06\x07\xdb\x10\xf2\xd8\xaa;\xfb\x8c\xa0\xc2\xb3\x0e\xb0hZ\x86\\\x97w\x03\xa0\n\x04r\x16\xb7#\xa1\xa9\xecTN\xc8D&amp;\xce\xe1\xa0&gt;\x82\x90\x83&lt;\x04\x83\x174Q7\xf1\x8d\xacV#Qj\x81\nEYzj\x15\x83\x06\xd6J\xea\xab\xe8w\x19*q\xa8\xb5ZIfg\n3S\xcc^\xc9\x83\x8f/A\xae\xab\xed\xef\xb4\xcb\x81u\x8b&gt;\xfb\n\xb5nv"\xe4\xcd\nUC\x03S\x0br\xf5\xdd&amp;*`\xe5,\x8eD\x80?N\xef\xecTL\x84\xc1\xb0\x1c\x1a\x0b|\x15\xf6xxt\xd2b\xd1C\xb6\xe9\t\x08\x070\xc2\x12\xe6\xc5`\x10\xaf\x0f\xb1\xb6\r\x06\x1111/Pf\x10\xaa\xe8\xdaN?A\xc5?\xab4/\xcc\xa4R\xc5,\xa8\x92\x0b\xcf&gt;\xbe\xc1&gt;\xfbp\x15C\xe0\xe0\x1d\xaa\x9e\x8e\x81V\xa5\xb2O\xa55*\x9b\xd4\xe3&gt;\x9f\x19=T\xfd\xe1\xa7e\xea \xcf\'\x02eo8\xb5\xbf\xb3\x93\xdey\re\xc2z\x87[\x83%\xa7\xd7\xc3U\xbc\x85\x83Z\x90\x10*\xbd\xde\xa8\xbc.\x90b5\x88PP\x04\x83.\x97\x0b\x1aM\x18\x82:I\x92X\x8a\xe9\xe6\xe9w\xa7k\x80\x8a?Y\x7f\xd9\xdc\x1cM\x95Ks\x98\xbd\xb2\xc9\x99\xf7\x1e\xfd\xec\xd2\xa5\xc5{\x84\xd5\xf6\xe9\xc3.:J}\xb3\xb5\xb5\x133\xe0\xf0\xe3\x8e\xa6\x90\x0f\x0f\xd3\xda\xbb\xf7\xbf\xbd\xe5\r\xf0\xb4\xefxS\xd3\xe1\xf0\xeb\xb5\x17;\xa3\xe9\xfd\x14L\xc4\xb9\xdd\x9c\xc9\x8b\x85\x08a\x1cN\x8d)\x02\xbbDL\x1cw&lt;\xba\xb6\x96\xae\x1coGj\xac\xba\xd9ya&gt;\x184\xb8\x0c.\xd6;Q\x98\x9d\x9d\x9d\x9f\x9f\x9c\x9ctam\xba2\xa4\xd5\xfaj|u\x1f\xf3V)\x97\x9a\xc28\xb1\x10\xdd:N\x1e\xa2\xbe@\xbdx\xf4\xc1\xcd\x9b\xc3\x1d\xc3\xc3\xc3\x9d\xd7\xfb\xae\x0f\xff\xf2\xd1\x07\xcf_\xbdzur\xb2\xb5\xb5\xbbED\xe1p*5=\x13\x89\x146\xd2;\xe9\xf4h\xfa\x98\xb0\xa0\x16o\xa2\xf5\xc8\x03\xcb\xcdyD\xab8\x81\x94(\x00kmm4]\xa9\xb12\x88`\x90\x10\xa8\x82\x93\x93\xf3\x80\n\x06\'\x83\x93\xaeI\x9dn3\xfe$\xbe\xba\xbe\x1e\'\xae\xe4L\xa9\\\x98#\xb0\x83\xdcRt)\x1a\x8d.-MM-\x15\x8b\xc5\xa7O\x9f\xff\xed\xb7\x7fz\xfe\xfc\xb88733\x9d\xf2\x06\xb8\x04\x97\xd8M\x11Tdzznj&amp;2]\x19\x05Uzt\xb4\x92\xf2\x845\x0eGB\xcf\xeb\xc9\xf6z\x8b3\xa6\xf1\x18N\xfd~,\xff\xc8\x06\xa8\xd2\xe8\x0f\x9a\x08\xaay\xf40\x88\x0bz\x01\x10BM\xb2\xbb0+Y7\xe2\xa8\xf5+\xebOV\xf7*\xc9h\xa1\xf4\xf7\x1a\xcb\x98\xb5A \x0c\xc3%\xab\x7f\xc0\xa9\xa5 \x85\xee.\xf9\r\x85\x92\x90_Q\x9alr\xa38vJ\xf6\x0e7\xaa\x8bH\'uN\xf0\x86,N\x99\x04\xa1CE\x02m"uIK\xda\xf7=\xcd\'\xc1\x10\x02\xf7\xf0|\xdf\xbdw\x9fXD\xba\xf5\xd7&gt;\xcb\xde@\x95\x0c\x95%A\x05$?\x15\xfa\x0e\xc3\xd3d\xf2\x03Q\xc2\xc7\x06v#_\x9csL\x96\xe7\x11\xcbv\x8c\x15\xb7\x00\x82\x9e\t\x81\x8f\x850\xfa\x80\xafi\x0bWM\xbe,\xb4\xad\x10\x14\x8b\xa7\xc1\x17\xbc\xbd\xea\x8aCLYXnP\xca\x1c-su\xe8\xda\xedi\x9fb\x9dH\xbeO"63\xbb\x80e\x12\xc1\x16\xf8(!\xf4\x95o\xbe\xdaAQ@\xa8L\x06\xe9\xa9\xf3\x1aOW[\xd93\xdeS\r\x04\x14\xb1lZC\xa8"%\x858B\x16\xb0\x96=\x16ta\xe3\xd1\x96~hj\x11c\xf6\xe3\xbb\xdbR)\x05\xae\x91*\n~\xeb\xda\xef\x1a\x17\x8a\xc8\x7fI3\xf6\xf0\xc2\xe5\xba\x1a\x0b\x1d\xa30\xa4\xba\xf1P\x81)\x91\xa8(\n\xea\xb2`\x03=|\x9a\xca\xb1h\xcb\xe0\x1ee\xc8\xdb\x961F\xf2[L\xd5?\x0cV\xe3-7W\xcfa8\x8c\xf8\xe2q\x08,R\xc5\xb7\xfa\xc78\xd4X\xca4M\x8e\x17\xfa\x89\xcc?\x94\xc7:X\xed\xa0\xab\x07\xa3,\x18\xb9`a\xb4\xe8+\x95\x84r\xdd\xed\xb1\xed&lt;\x0f\xcb\xa1?\x04[\x9f\xa6\xb3\x15\x9b8\xe7A\xc3&lt;e\xe8\xe3\xc5\xb4?\xe3\x0f\xcdZc\xf1a\x1b\xfb#\x91]\xc4\xd0#\x1e\x00\n\xba\x12@\nX#\x13\xce\x14\xc1\xc8V\xba\xfe8\xc0\x9a\xe0\x92=\x97\x0c\xaa\x84X\x98x$\xa2pR)\x93\x9b\xb2\xeb0\xbf9-\xf5o\x8d%\x1c6\xd1\xd2u\x7f\xdd\x9f\xd8&lt;\x83\x80\xf5K[\xebb\xf3\x0f\xea\xa4,\x81\xff~5A\x00\x00\x00\x00IEND\xaeB`\x82'</t>
        </is>
      </c>
      <c r="M66" s="3" t="n">
        <v>45492.67732638889</v>
      </c>
    </row>
    <row r="67">
      <c r="A67" t="n">
        <v>158583</v>
      </c>
      <c r="B67" t="n">
        <v>1955</v>
      </c>
      <c r="C67" t="inlineStr">
        <is>
          <t>Santiago Arias</t>
        </is>
      </c>
      <c r="D67" t="inlineStr">
        <is>
          <t>S. Arias</t>
        </is>
      </c>
      <c r="E67" t="inlineStr">
        <is>
          <t>LD</t>
        </is>
      </c>
      <c r="F67" t="inlineStr">
        <is>
          <t>LAT</t>
        </is>
      </c>
      <c r="G67" t="inlineStr">
        <is>
          <t>LD/MD</t>
        </is>
      </c>
      <c r="H67" t="n">
        <v>177</v>
      </c>
      <c r="I67" t="n">
        <v>13</v>
      </c>
      <c r="J67" s="2" t="n">
        <v>33615</v>
      </c>
      <c r="K67" t="inlineStr">
        <is>
          <t>Right</t>
        </is>
      </c>
      <c r="L6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8acc795-c711-49a4-bbb8-fe504df29c3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\xe72\xa0\x00\x00\x00\tpHYs\x00\x00\x0e\xc4\x00\x00\x0e\xc4\x01\x95+\x0e\x1b\x00\x00\x03\x00PLTE\xff\xff\xff\xfa\xfa\xfb\xf1\xef\xf2\xf3\xf0\xf3\xf8\xf6\xf8\xf3\xf2\xf6\xf8\xf8\xf9\xfa\xf9\xfa\xff\xff\xfe\xfc\xfa\xfc\xf7\xf5\xf7\xf6\xf4\xf6\n\x07\x05\xfb\xfc\xfb\xfd\xfd\xfc\xee\xeb\xee\xf3\xf1\xf4\x0e\n\x07\xf5\xf5\xf8\xf9\xf9\xf9\xee\xec\xf0\xf1\xef\xf3\x06\x04\x02\x13\r\x08\xf4\xf2\xf5Q9)\xea\xc5\xa5]F7V&gt;/\xfe\xff\xfe\xf0\xee\xf2=+\x1cC+\x1dS&lt;,6#\x15YA20\x1f\x13O6&amp;;&amp;\x18\x17\x12\r\xfe\xfe\xfe\xed\xc8\xa7\xf0\xee\xf0 \x17\x10B1!G0!\xea\xca\xaf\xda\xb4\x97\xed\xce\xb6\xe8\xc2\x9f\xec\xe9\xee\xdf\xab\x80\xd4\xaf\x94\xdf\xaf\x83\xe6\xe3\xe8\xe3\xe1\xe6sO:\xe8\xe6\xeaJ5%\xcc\x9ao\xeb\xe8\xeb\xd4\xa2v\xe6\xb9\x93\xe1\xb5\x8d\'\x1d\x13\x11\x10\reH6\xda\xd8\xdezZGkM;\xe9\xc1\x9bdRE\xd6\xa4z\xa3|dcK&lt;\xeb\xc4\xa07(\x1c\xdd\xdb\xe1\xc8\x95l\xe0\xb7\x94\xd2\xab\x8f\xe1\xb9\x99\xcf\x9dt\xd3\x9eq1%\x1a\xd3\xa6~\xee\xca\xaa\xd8\xa9\x7f\x80V?\xe0\xbc\x9f\xd9\xab\x84\x80\\H\xd7\xd4\xd9\xf1\xd4\xbe\xe2\xb3\x87\xb9\x87b\xe5\xbd\x9a\x1d\x12\x0b\xe1\xde\xe4\'\x18\x0e\xcd\xaa\x8f\xde\xb1\x88C4)\xc5\x9d\x81\x90nX;.$\x8agRlH3\xc6\x91h\xe5\xbe\x9f\xce\xa6\x8a\xf7\xf8\xf7\xc9\xa3\x86\xdc\xb8\x9b^L@\xe8\xc1\xa3\x86bM\xbd\x92v\xdc\xaa}\xae\x80`\xd0\x9antS@\xdb\xbb\xa1X9\'\xe4\xc0\xa3\xe7\xb7\x8blQ@\xcd\x95m\xe9\xc6\xaa\xde\xa4}\x91jS\xaa\x88p\xe9\xe8\xed\xbf\x8ce\xe6\xc3\xa7\xab\x83iRB6\xcc\x9f{L1"bC/\x7faN\xeb\xee\xea\xdb\xad\x8b\xb2\x86i\xda\xa7x\x87[BzR;\xb8\x89msWE\xa3w]]&gt;+kWK\xa4rR\xea\xbd\x95\xf3\xf5\xf3\x9bv`\xc2\x98y\xc1\xc1\xbf\xc1\x90i\x91dI\x96s\\\xd2\xd0\xd6\xb2\xaf\xb5\xabxX\xa0\x82n\xcd\xcb\xcf\x8d_D\x84\x84\x80\xbe\x9e\x84\x1d\x1c\x16\xe0\xb1\x91\xb5~[\xe2\xc3\xacJ;.\xdf\xe1\xdd\xd9\xb1\x91\xbe\x98~\xb8\x8er\x9bsY\xc6\xc3\xcb\xce\xa3\x80\xb6\x94{)"\x19\xb7\x98\x82\xc2\x94r\x99iL\xd3\xa9\x86\xe9\xba\x9c\xe0\xc1\xa7\xe3\xac\x8a\xbb\xb9\xbe\xc3\xa1\x88\xda\xdb\xd8\xe7\xe7\xe4\xb1\x8bqt^O\x86m]\x8esb\xb1\x8fxD&lt;3\x9d\x9d\x9aUJ@\xef\xf2\xef\x83gVcc[\xac\xab\xac\xd3\xd4\xd1tun\xee\xe0\xd6\xd3\xb3\x9a\xc9\xca\xc5,+%\x9bnR\x98{h\xc7\xa6\x8e\xa3\xa1\xa6VVMyeX\xd7\xb7\x9ekmcGH?86.\xb6\xb8\xb0\xa9\x8dy\xe4\xcf\xbd\xf3\xdc\xc9\xca\x96u\xd9\x9cy\xda\xbd\xa8\xd9\xa3\x87\x94\x93\x95y|v\xcf\xd1\xcc\xe3\xc8\xb3\x8e\x8b\x8d\xe8\xd7\xca\x8e\x8f\x84\xf6\xf2\xed\xa4\xab\xa1\xae\x98\x8f\xc6\x88h\xd9\xc5\xbb\xd0\x9e\x85\xd6\x94\x88\xe3\xb3\xa8\xdd\x9f\x93\xce\xb9\xaf\xf9\xf6\xf3\xf4\xeb\xe4\x94]T\xbe\xa9\xa0\xa9h`\xbc{m\xcf\x8a~\xdc\xd0\xcc\x83wl\x19f\x99\xc0\x00\x00 \x00IDATx\xda\xbc\x99\xefK\x1by\x1e\xc7\xeb\xa3\xb2\x90\x19\x08\x03\rn7h\xd3\xe8\x0cL\xeb\xb9\x88\x9clH\xcd\x88\xd2x\xe4\x0c\xc6\ti#\xad\x0615\xd5\x10\xb6\xb6FQT,\xb6Z\x1bk\xbb\xea.\xb9\x9a\x16\xbaW\x89\xc5\xd8\x95n\xb0\xfb\xe0\xd0\x96;\x7f\\\xaa`&lt;\xc8a\xe2\x83&gt;X}P\xfc\x17\xf6\xde\x9f\x99\xb4}~$\xfd\x1a\x8d\xa2\x98\x97\xef\xcf\xfb\xf3\xfe|f&lt;q\xe2\xff8\x02\xcb\xb2\x02\xcb\x048.\x1c\x08mo\xaf\xc6B\xb1\x10\xc3pL \x1c\x08\x04\x18|\x8f~H\xaf?\xf1E\x8f\x00$\x8ec\xb9\x82\xf0\xd6\xda\xea\xdc\xc6\xfe~\xe2p\xfex;\x16;\xfa\xc7\xdcnl-\x14f\x08K!\x17\xf0Q\xcf~!&lt;\x81\xe1X6\x10^\x8bm\x1fl\xec\xa7\xe3\xbc$E\x93\xc9d:\xbd\x9eLf\xe6\x8fV\xd7\xc2\x9c@bf\xb1\xd8/\x85\xc52\x05,\x1b\xde}\xb71\x9fJ\x8a\x92FsJ\x0b2\x89\xe7%-\x003\xe9\xf9\xdd\xad\xd0\x1a\x17(P\xb0\xa0\x15\x9e\xf2M\xa4\xa7\x97`\xb6\xf0\xba\xc7\x87\xa9t\xc6\xc2\xebt\x1a\x8dF\x87\x032\x1e\x88\x1a-\x1fO|8\x9e\x8b\x85\xd9\xc0\xc9\x02\xf8\x8dc\xf2\xaf\x97^Q t\xb4{\xbc\xb3\x99\x91\xe3qPi\x89\x04\x87&gt;;u\n\xcaI\xf82\x9a\xfe\xb0\xbb\x1a\x0b\xb0,\xc3\x05\x02\\\xb6\x05\xf2I\x05\xcf\x84\xe6\x8ew\xd2\xbex\\\xb6YD\x110:1.zD\xa8vJ=\x1a\xadF\xd2F\x93\xa9\xc3\x83\xb5\xad\x93,\xcb)\\B^[\x10T[\x07\x1f\xf6Ae[\xf4\xda,\x1e\x88\xc4\xc7}\xb2\xc5\xc2k&gt;a\x01L\x03\xd94\xd1\xcc\xef1\xb8\x9f\x81^\x0c\x9b_,A\xe0\x0ev\xf6\xd3^\xd9\xb7\xe8%\x1a\x8b\x18\x95}&gt;Y\xf6h\xb5\x9f\xa9\xb2l\xf0\x7f\xea\xc36\x83\x13\x80\xff\x85|\x8a\xc5\x16\x1c\xed\xa76\xd7m&gt;/a\xc96\xd9\xe6\xf3\x81\xd1\xa2\x05\x96r\x88G\x15\x0c\x07`\x1b\x14c($\xcb\xe6\x91\xaa\x80\x0b\xcd\xa7.\x02\xcb;\xe6]\\\xf4z}^P\xd9\xbc6\x0f\x0c\x9f=*]V&lt;\x8dt8\xb7\xb6E\xd6g\xf2\x88\xc5p\xe1\x83\xcd\xcd\xf4\xa2\xcd\x06\xa0\x1bc\xf4\x0c\xd1\x16\xbd\xf0\x18\xcf\x8b\xa2hA\x07h5Z\xa5=\xd5\x9a"\xc7\xc8\xfa\x81&lt;\x9a\x1e\xd1pru\x7f=c\x93e\x9f\x1c\x87X\xb2\x85\x1c\xb68\xe6\xb5\x88\x16\x0b\xca)\xe3\xd9\xa3\xe3E\x8fV\xa3V\x12M\xa9\xa6\xc5\\\x88+\x10\xf2\x95\x0eH\xac\xe3M$\x03r\x81\xb7\xc8\x80\x90\x89\xd0\xeb\x8d[\xe4\xb8\x0f\xc6\x17\xe3\xb2\x85\x92U\xd2j).\xd4r"\xfa\xa3)\xc4k~&lt;\xaf\xd7\xd3\xc6pt\x98\x89\x83\t/\xedQj\x86wY\x16E\x19\'.\xeax\x0fO4Z\x89\x17uY\x9b\x91`\x88\xff\xfd\xdd\x10\x97\x1f\xb50\x9f\xc3\xa1w)Y\xf4xtZ\xe2\xc23\xcf{\xf0%UPT&lt;\xaf\xda\xfc\x14\xc5\xbe$}v\xbf\x14M\xcc\xc5\x90\x11\xf9\x18AB \xb4\xba\xbb\x83)\xc8S\xb0+X\x1eO\x9b\xd1hi\xb3X\x8c\x16\x0f\x05\xab\xc2\xa5*D\xf3H\x99K\nU:1\x17\xda*`\xf3\xe2\xac\xc0\xd1\x01\x9c\x15\xa5\nju\n\x92\xe1|aaa\xc9\xf9{%\xe7\x8b\x8b\x0cFc\x1b\xf4\xfb\xd8\x84Z\x89j\xadF\x86$e\x12\xef\xd6\xc2\x81\xdcc\xc1Xl\xf8\xe0\xc3N&amp;\x89\xed\x85\xc7\xab\x8b\xc6\xa2\xf3gjj\xefO\xf7\xd5U57\xd7\xd6\xd5\xd5\x9c-\xbcWT\xaa\xc0)2\xe9Dr\x9bF\x1d\x91\xd14\xbc\x95\x07\xb5\x10\xef\x81\xb5\xe3\xc4z\\\x96tZ\xb1\xcd\xd3VTRW{sdo&amp;Hgfff\xe4zs_]]gg\xcd\xc4\x99\x92bC\x9bj\xbf\xac\xd7`\xfa\xe4q\x80\xcd\xc3\x0e\x8d4dB\xbfg\xa2QZet\xa2\xa1d\xa2\xef\xfaL\xb0e\xb4\xab\xcb\xe105\x8c\x8e\xb6\x80myoy\xef\xf5\x93\x9b\xcd\x8f\xaa&amp;\n\x8b\x8d\x94_\xbc\xea5t@t\'\xc6\xb1y\x99;\x81\xd0F\x92\xd7\x89\xb0\xbch,\xac\xa9z\xf2\x0cP\rCC\xbdMM\x00\x8b\x8cF"\x80{\xf1\xec\'\x90]\xaa\xaa\x99-)"05&amp;\x10\x18\xd1\xf4q8\x1f\x01\xa1\xc7~2\xb7\xce#\x91&lt;\xa2\xe1\x9b\xe9\xe6\xbd`K\x04T\xbd\xbd\xbd\x8e^\x08fj\xc0\xa3a\xb4\xe5\xd9\xb3\x9f^?y~\xa9\xaa\x13\x82\x19\xdaH.5 \xa2)\xe4|^\xa6\xa2~\xeb8C;(/\x9f\xae\xdd#\xa9\xba U/\x1eM`3\x99T\xac\x17\xa4\xd6\xf3K\x8f\xaa:\xfb\xef\x11\x97.\xcb\xc5\'\x8fChE!\xf7\x83Q\x1fF\x11q\xda\n\x9b\x97\x83\xa3\x91.\xa5\x82\x80\xa2\xd3k\x1a29\x86\x1a"\xa8"a=\x04\xd6l\xc9\xf9"\x03&amp;\xa4\xc2\x85\x0b\x90\xf4*\xd6z,\x919\xb7\xd7\xda\x0ea\xb5\x15\xf5\xed\x05!\x95ZA \x99\xcdVk\x13\xc4r\x98\x86\xbaF_(E|HU,\xb9W\\j\x84^\x1a%\xec\xd1\x8b,\xad\xa8B\x0em\xa5\xfc.f7\x91\x8c#\xd0\xcft(Zu\r\xa9L\x80r\xb9\xacf\xaa"\xb0PE\x05\xebQ\xe7\x04\xaa\x88\x8cm\x13\xd5\x11$E\xe7\xb9\xdcn\x82\x82:\xfb\xbf:H\xd1v\\Z\xab\x9a\x1dT\xc4\xe4\xb2\xf6\xb4\xb7\xb7\xbb\xadd{\x05\x8b\xe4zH\xe6\x9a\xed\'\xb90\x964\xd4\x8dR|\'L\x8b\xb3^\xc8\x19\x15\xa3\xfc*\xf6`\xd3\'\x9f3\x9eYV[\x90\x94r\xb9\x17\xecv&lt;\xecv\x97Yi\xc7.5"\x14\xcfO\xf4\x97\x14+\xa9\xaf#.\x89?\x0c)\xd7\x19\xb9\xcaT6\xbb\xee~u\x9c\x96\xbdc\xdf\xd5\xc2X&amp;\xa2B\xf1\xda\x17\xfcw\x06\x1a\x1b/76.X\x1d\x10\xacAQ\x8b\xe4",\xc5\xf4Fpi\x15\xd3\xcfs\x059\xc4\xd2\x7f\\\xc2\xb9\x8du\xdf\xe6\x8d\xd3#-\x11d\x14\xa8\xa6z\xda\xed\xadw\xee\xdc\x19\xb8&lt;0`_p\x9b\x9df\x07R5\x8bu)\xdb\x8b\xa5\x06\x83\xd1B\xe9%I\x89-\xee$\x9b\xc3\xb1\x93\xadex&gt;\xb3\xbe\xf9\xe3t=\xb2\xdd\x01_)T\xfe\xe1\xe1\xf2\xf2;\x03\x03\xfe\xc6I\xa7\x15X\xd4\x8a\xaa\xb9\xd0\x8b\xb3\xca\xec6\xa8rIR*\xc4pL\xae\x9c\xa5\xff\xb4\xeb\x86v2\xde\xb1\x8b7\xa9\x86Mh\xbf\xa9\xca\xeaF\x7fwYYy\xf90\x14\xcbbE\xb2\xe3\x07X}u\xd4\x8b\xc0R\xe4\x82\xb9216w\x17\xfd\x9fc\xf9\xcf\xfb\x19\xdf\xe2\xe0r\x8b\x8a5\xd5SY\xdd\xda\xfd\xf5p\xd9pY\x19\xc4j\x9ct;?a!!\xa8\x8a\xf0&lt;\xaaH\xaeG\xd8#\xe7\xb7s\x88\xf5\xd9\xa1\xb1D\xc67v3\xd8\xd2\x05\xac\xa9\x9e\x1e\xaaaw\xb7\xdf\xdfMZ5\xda\'\xdd.\x15\xeb\'`\x81J\xc5\x82\\\x84ErI\xc9#\x96er?\xae\xff\xba\xbf\xbexz$H\xd6\xb2\xf6\xf4TTV\xdb/\xb4\xfa[[\xbb\xa1\x95}\xa1\x1dj9\xb3\x9d\xf8\xfa\x89"\x16%W\x89\x12\xa9F\x8b\x88\xe9Cj\xe5\x1eKXM\x8c\x8d\r\xce \xb4\x86 \x96\x9b\xb0\xaa/T/TW/,T/L\xba\xddN\x97\xeb#\xd6s\x95\nX\x85\x94\x11dz^U+\xe7W\xfc\x02\xfb\xf7\xc4\xfab\xedL\xcbhC/\xb0**+\xdb\xdb\xaf\xb6\xbb+\xdd.\x97\xdb\x8d\n:\x9d.k\x16\x8b6\x08\xe4C\xe7\xc4\x04\xe4:\xafD\xaa\xc5#i\xe3sy\xc1\xdaM\xad\x8f]\xc7B\xda@\xe1P\xd9^YYY\x01\x87M\xb90\x12]\xf0\x95\x19s\x11\xb9\xa5\x0cE%\xb6\x90\xa7\xb3\xb3J\x15\xd1\x8b\xd8\xbc\xa2\xef\xf2\x80uB\xd8N\\\xfcg}K$b2OMMA-\xf8\xab\xa7\xc2\xed\xa27\xab\x19XN+\x86\xcf\xe8hv(*X\xfd\xfd4\x80\x94\t\xc4K\xd1\x8d\x00\xdd\xad\xcc\xf1B/\xc4\x12o\x7f\xae\xff!\xd2\x05,\x10U\xb8!\x95ZK\xb2\xbb\x956\t\x9a&gt;\x91,\xd7#\x12\xab\x1f\xe6\x02\x96\x8d\xa2K\xe2?(\xf7Grb\xfa\xcf\x7f\x9c\xb0\x96\xf8\xf1\xfer\x10\x93\xc7\xdc3\x050\x171UV_hmm\xb5\xc3\xf2V\xb3\x95\xd6\x88\x86.\xd41\x88\x8c\xa0}~vV\x8d\x88R\x83L\xbdx\x18*\xc0\xb0\x16\xf49MS\xe4\xd6\x8d\xe9\x91`\x97\xc9AE\x84\xbb**\xaf^\xadn\xfd\xba\xac\xbcl\xd8O\\N\xb7k|\xfc=\xb8"\x0f\x823{7k\xabH.\xb2|\x11%\xbdG\'\xedo1L\x8en\'\t\x9frY\x88\xed\xdc\x98^n1\x99\xe0m\x98\x1ePP\xea\xdb\xe1\xf2+W\xae\x94\x97\xf9\x17\x96\xdc8\xd6W\xe3\xef\xdf\xaf\xac\xfc\x12\xac_\x1e\xb9\xd9WWCK\x04\xb0\xd4y\r\xac\x02\x86\xc9\x11\x16\xf31\x01\x85\xd8\x1f\x17\xef\xcfD\x1c\x0e\xab\xd5\xdcKX\xd5\x17\xfc*T9\xb0\xec\x8d\x93\x93\xae\xdf\x9c\xaf\xc6\xc7\x1f\xaf\xdc\xfa\xe1\xee\xcc\xd3\x91\xeb\xb5}\xc8\xf9{4~\x8aJm2\xb0\x12!\xfawPn\xbc\xc5~\xbc\x8c"\xac\x8e \xfa\xb0\xc9\xdc\xd4\xdb\x04\xb7\xb7\xdb\xfd\x98\xd3\xca\xa0\xf6\xdb\xed\x8d\x0b\x93\x93\xce\xf1\xf1k\x8f\x1f\xdfzS\xff\xb7\xa7\x1d\xd7\xef\xd7\x0e\xd6\x9c-)\x06Ui\x11\x8e,J\xe9\x18\xdd\xa2\xcfQ\\q\x01!\x9b\xf2\xf3o\x9f&gt;hp\x98\xe9B\x87\xd6e\xf7\xd2\xf7\x97/_\xfe\xde\xbe\xb4\xb449\xf9\'\xbf\xbfq\xc99\xber\xeb\xd6/o\xea;\xeeO\x0f^\xbc\xf8\x97\xb3g\n)\xe3\r\x06\xe2\x92\xa3Rj\x8d\xc9\xd5\x1dT\x81-\x08\xa8\xf7\xcb\xd8\xa3?\xdev\x04\x1b\x1ct\xf5e2\xad\xac&lt;\xbe\xf6\xf2\xd7\x97/\x7f\xfd\xd7\xcbk\xd7^\xbd\xfami`x\xd8\xee\\yP\x7f\xf7\xe7\x8e\xe9\xd3\xdf\xf8\x8cF\x83\xad\xe8\xdcw\xe7\x8a\x8c\x16\xa3\x81\xf4\xb2Y\xf8\xc4V\xeeV\x08\\L\x8795\xe5\xff;=\xf2\xe0\xbd\xc3\xd1djXy\xf0\xe6\xf6\xed\xdb\xff\xf9\xf7\xfd\xb7\xd3\x83\x83\xcdO\xef\xfe\x8fV\xb3\xfbI+O\xe3\xf86{Q\xb2\t\xde\xccEs\xe0l8\xbcVSP6@B\x8e\x11\x1c\x02\x1dQ"/U\xa1\x92\x01\r\xf5\r\xab\xd2\x8a\xb5\xc8\x08\x82\xb1\x15P\xac\xa2V\xabU\x137\xce\x0c\x9d\x96b\x1cK\xa1\xa43\x9d\xd6\xd9\xa9\xdd\x893\xeb6\xdb6\xe3vp\xc9v3\xed\xd6\xf5b\xdbn\x9a\x99}\x0e:\xff\xc1\xe9/\xdcx\xe5\'\xcf\xf3\x9c\xef\xef\xfb}\xce\xb9\xd3\xe5\xd0\x0b\x0b\xb5\x01\xeb\xb2\xbdy\xbd\x1c\xe7U\x11kB\x9b\x8d\xc3\xaa\xd2Tql\x9c\\\x1bW\x0f?\xb9O\xde\xbe\xf9\xf7y\x07/\xdd\xef\xc8\x03\xac\xcb_\r5G2\xe0\xe2\x8b\xe7\xe2wf\x9a\xef\xad\xaf\x7f\xc5\xc6\x05\x98`R\xe5\\\x1e\x99\x8d\xf5\x15\xcaON\x99=\x1e\xb6\x00\xe2\x0e\x0bCB\x1e\x98-\\SU\xc5)%\xba\xa8Y\xfd\xf4\x9f\x1dy\xd4\xf7\xc8\xda\x08\xc2t]\xba\x7f\xe9@~\xfe\xcf\xebC\xcd\xf1Jo\xf1\xd9\xb9\x84\xc3\xd1\xb5\xb6v\xe3\xc6Z\xff\x8c\xdd$\x95\x9a\xec\xea\xf8\x8a\xb6\xae\xae\xd6:\xaf\x02\x12\x8c\x81!@\xaaV/;\x95\n&amp;\x9f\xc1\xd7\xecc=\xb9\x94{\x0fI\xe2\xce\xf4\xfe%\xea\xfd\xcb\xebC\x0b\x11H\x17s\xdd\x91\xd9\xd9&amp;\x9d\xb8\xa7\xe7;G\x17(\xe7bww$P+\x97\xcb\xcb\xacK!\x14\xc1X&lt;\x01\xaa\\PO\x80t\r\x8d\xb3\xb9\x02&gt;\xa3JC\xcc\xd6\xa70[\x07\xa8$\xfaf\xea\xc1W\xaf\xa8\x1d\xdf\xdf[_\xb0\x02\x96\xb5{$\x12\x0f\xe8\x8at\x8e\xa6\xf8\x04D\xc2\xa5)kb\xa5\x01\x14\x1f\xb0@&gt;a\x96\x90\xf5\xfe\xb5\xbf\xda\x9dfU\x88\x0em\xde\xc3\xaa*-%f\xeb\x00\x95J\x9e\x9d\x7f]\x14\xfb\xcf\x8b\x9f\x17\xecp\xf7\x18\x8a\xe7\x12\xb3+p\x12\xf1\x1b\x7f\x1cW\xb4JM\xa3\xf3\x8b\x03\x19\xa3\xc4"9f\x9d\x9f\x0c\xf28\xf5-\x1e\xa5\xa7\xf1\x87\xc3\x879\x8dL\x81\x00\x17\x00\x17`\xad\x1e)}0\xfc\xc5\xd65*i\xebf\n\xf5_e\xdb\xde\x87\xff]X \x04\xc2\x90\x08$\x93\x81D\xf7H3[\xf3\xcd\xe1C6\xe6\xd8\xd2f$P\r.\xc7{ei\x12\xe3\xd8\xea1\x01\xf2\xe8\xeb\x07\xef\x1f*\xad_\x85{\x9a\xcfo\xe43rX\x7f\xfb\xf7\xd7\x9a\x8b\xd7H\xb3\xcd\xf9\x07\xff1\x90\x8dz\xbb\xd53\xcd\xd6\xcac\x06\x82\xcazs\xc24\xf8M\xcb\x83\xf7\xeb\xb1\x8b\x1e\xd3TD[\xedK\xfb\x00\xcb\x8dq\xeaA\x18\x1e\xbd\x1c\xac?d\xe3W\xad\x1eaqx\x02\xfe&gt;\xd6\x0f\x7f\xb1\xb1\xd8[\xa4m\xb8\xa0Z;\xbb\xb2h\xc9\xc8\x82\x7f\x00\xb2Xur%\xb18eR\xfc\xfd9\xdfV\xcfB\xee\xda\x9bG*\xcb\xca|\xa2\xed\x9d\x1c\x96\xcdf\x0bz\xee\xdde\xf2x\xd8\xe0U\x184\x16\x7f\x1fk\x15\xfe\xc0\xb8\x7f\xce#\x0f\xebi&amp;\x9b\rk\x13\xcd\x9bsgK\xaa\x8d\x80e\x9dr\xaa\xaf\xff\xef.\xeaV\xd8\'\xa6\xba\xad\x06\x83\xe1W,\x16\xfcs\xae\xcb\xbe\xdclW*\xcd*.\x0b\xb0p~\xeeN\x04U\x15p\x83[\xa45\x11\xb0\xb6\xb3\xd1pt\xc5\xbf|\xf2l\x89\x11\x02\x85a\xc0j\x8dw=|x\xe3F|dq\xb1k%\xe0\xdd\xfe\x15\x8b\x07\xe5\xc2&amp;]\xfe\xe5M\xbbY\xa9\xe2\x82af\x08p&gt;\xc6\xd0\x1ca\tp.\x8e&gt;#/\x92\xe5od\xb32Z,&lt;C`Alm0x\xbd\xc5\x81\xa4N\xdc\xded]\xec\x8e;t\xd5%&gt;\x9f\x0f\xb0F\xddD\xce\xb1\xb1\x82\xa1V\xd3\xa8\xd3,\r\x05\xc1j1\x04\xc4K\x0eF)\x83\x8br\x83\xa7\xaf\x91\x98\x14_G}\xb2\x9a\xce\xf0\xc8b%d1\x90\x02p\x11%\x10\xc1V\x02\x89H\xa4\xa9]\x9c\x84\xd1"\xb0\x16M\\\x0c\xba\xc8\xe1\x05\'[\xa5pZ\xc1na\x18\x86\x03\x16\xc6\xa8\xe23\xe9\x88\xe0\xe20yX\x94\x17\xfa\xedT\x81P\x1f\xbfr\xf2X\x89\x08\xecrY\x99\x11\xcc\xa0!\x93i\xd7\x89\xc5\xe2\xb0\xc8\xe7\x13\x89D\xbe\x93W\xc6\x82\x18\xb1\x0c\x01,\x95t\xccd6A\x80E\xf1 \x17\x11`\xa0]8Jgb\xbf\xfc\x96D\xacW\x1fm\xa7R}\xfa\x84\xb52g\x97\xc1\xc9\x8b\x1a\xc2\xe1p\xec\xd4\xad\x9e\xa2X-P\x9d!\xaa\xe5\xdd\xc7\xe2aA\xb7\xc2e\x826\x8eI\x15!\x14E\t,&gt;\x03G\xd9L\xc6\xc7\xbf#3\xee?M\xa7R\xfa\x00`\x9d%\xd2\x18\xc41\xb8k\xb4\xe0\x01\xf5\xda0Q\'\xf8\xf9\xd2"\xef\x15\x93\x1b\xdc(`\xb9C0\\f\x13\xb1\x1fQ(\x14tf\x0e\x8b\x8f\xa0t\xc1\x9f\xc8|5L\xd9hK\xa5\xa3\xd9\xc4\x00\x81E\x84\x1e\xb8\x98\xb5Q8\xe1\x86\xb4\x9ch!\x14+\x9d\xf6^\x99o\xcd\xe5\xaf\xa0;\xd4\nM4\xc1O*U\xa9\x14{X,\x8c\x8b\xa0[\xa4\xeeF^\x9fKmg\xc3\x86\x81\xca\xe2cD\xa2\x96\xcb-@\x03\xa2\x90\x96\xa5dD\xb1D\xe9tJ\xb6\xfdvj)\x04AG\xc0\x9dl\x1d\x1b5\x8d\xee\xedm\xa0^\xa8\x80\x90T\x1e\xc8\xc4\xe0\xf7\xa4b\xbd8\xd7\xb9\x9d\xc9VC\xa46\\\xb8 \xb1\xf4Z,i\x91\xef\x82(-O\xc9,\xe9^\x8b\x0fz\x9cJm\xeft\xdfl\x15\x80h\xba\x15p\x81/-\xedq\x81\x05c\xe2\xfc\x1c\x17\x873\xf8-\x99K\x08\n\x81\xb5\xb3\xdb\x90\x99\xab&lt;{Ad\xe9\xcd\x1d\x8b$\xdd+KuvV\xc8\xa0j)\xa1\xb0-\x9b\xb1nJ\x83p\xe9\x04C\xae\xd1\xa5\xf9y\x00#V\xa8\xfbX\x0c\xe2\xbaD\xbf%\xb3Z\x94W}\x9d\xe9\x9d\x8c,\x00Q\xff\x02\xd4*\x875-K\xd1j\n?\x14V\xa4}\xd0\xcb\x1f7\x84\xfa\xdd\xc8\xa6\x14\x01\xa1\xc2\xb8\xad\xe6\xf9\x9b7\x81\x8b\x98y:\x8a\x00\x16\xce\xc7Y\xf56\xf63R\xb1\xde\x13v\xd2\xb6\xbd\x15I\xc0:\xb3\xc74\x9d*\xa8!\xc2+M\x16M\xc3I\x01\xdfG\xd9\xc8\xb2\x0b\xe5rAC\xddR\xa7\xdf\x7f\xd3Oln\xe0ADrMdb\xf5,\xfa3R7Iy?\xf5\xd1R\xc7\xeab\x80%\xd9\xa3\xaa\xa8\x01\xa6\x0f\x0be\xa2\xdap\x1a\x9e\xc8h\xaa\xb3-\xb6\x1b\xf1{\xca\x15!\xb7\x80\x87MJG\xe7\xfd~\xbf\xd3\xecRA\\\xc4\t.\x94g\x13\x9c\xfe\x82T,\xcaF!mZ$\xd1\xe7\xaa%\x9b\x9e\x9e&gt;Z\x00\xa5\x12vF}\xc7j\xc3\xd9\xec\xa2\xc9\xef\x88\xc6\x92\xb33.D\x80\xd0\x11\x90T,4fv\xce\xdb\xf7\xb1\xb8D\x17\x99\x1c\x16\xfe\xc1\x97\xa4&gt;\x89\x94W\x85\x05G{}\xfa\x04`\xc9\t\xac\x8a\x8a\x1aa_[\xb8\xcc\x9b\tG\xb3\x99\xcd\x89\x89\xae\xf6\xdd.\xb5\x99\x89\x05\x83\xb9\xbd$\xcb-5\x9b\x9dN\xb3\xd2\xa5`#\x08\xd1\xc5\xab\x88\x8d\x17|t\x90\xdc\x9dn\xfe\x8f\x05\xb4\x9aiY\xa0\xb2\xd8\xb8\x8fE\xa3\xb5\x01\xd0N&amp;\xac\xd7f\x13M\xe2\x98\xee\xfa\x8c\xd3\xc3FpPN\x8c\xc1\xe2q\x15.\xa5\xd9\x0cXD\xe6\'\xb0\x98\x08\x0fA\x9f\x93\xbdi~\xddG\x13\ni+\x95\x06\xa3\xa5W&amp;\x9b&gt;zTV\xa7\x05\xaa\x81j\xfd\x1fR\xa9\xe8n`\xb7\xbdI\xad\xa4_\xc5\x885\x08\xc6\xc7 \xbe\xaa\\\xe3\x00\x06\xd5b2\x89&amp;\xa2lv9}\x8b\xec\x97\xc2\xd4\xa7\xb4\xc2&gt;Z\x92\xc0\x02}\x90M\xcbd\xd1\xda\x95\xcc\\@K\xeb\xebl\xd3k\x93M\xd7\xbb\xce;\xe98C\x03\x07\xc0\x08I\x95\xaa\xa4J\xe5\xb8bo\xb6p6\xbd\xfc\xf4\xa3/)$W\x8b\xf2\xa2\xaf\xf0\\\xa76a(\x93H,2\x99L.\x0f\'\x03\x99@\xac\xae\xee\xf8\xf1\x9e\x9eS\xed\'\xd6\xce\xab\x87&lt;tH\xd1\x04\x19\xdc\xcbl\x95K\x11r)\xc7Ul\x84\x0bXWQ\x94N\x7f\xdeA\xfa\xeb\x02\xeaFaAM_\xa0\xb8LDp\xc9\x1bjk\x93\x81@\xb2\xa8(&amp;\x16\x9f\x10\xf7&lt;\x16\xdf^\xeb_h\xb6\x8f\x97\xa3x\x0b\xc1%`*\\\xd2\xc9\x90\xcb\xa5\x00%\x03,&amp;\x1dE?\xb8L\xfe\'\x07\x94\xbc\x8d\xce\x02Z\xa0\xb8\xe4L\xadQ"o8\x03\x9e~e\xa5\xbd]\xec\xb8\xfd\xf0\xe1w\x8f{zn_o\xea\xbf\xa3\xb6\x13\x15klahZ\x1a\xe9\x1e\xa5\xc2\r%c\xe2\xe0\xe1q\xb4\xbc\x9c\xfd\xb2\xe3\x1d|\xa1A\xa1n&lt;\xfd\xecD"Pm,3Z$g\x1a\xe4\xd5]k\x9f\x7f\xfe\xc9\'\xb7O\x88\x1f\xdf\xfa\xec\x96N\xd7\xeeh\xea\xea^v\x12\x92\xc0\xe7k4\x8d*\xa5\x07\tI\x15\\\x88\xd6\xf8\xe0\xc7w\x7fy9\xfc\x8e&gt;\xc3\xa3v\xfc4k\x08\x00V\x83\xc4"O\x8e\xa8\xd5\xfdw\xae;\x1c\xbaS\xe7\xfa\n\x85\xc7\xa3a]{\xa2{\xd9\xae\x1c/\xa7\xe7.g\x8f\xd3\x85\xa0*\x05\x0eT\xf8\x93\xe1\xe1a\xeao\xde\xd1\xa1\xe4\xbfpTW\x1b\x8d\xd5\xb5\xe0N3\x9b\x0b\xfd\xe7\xfb\x9bt\xb1XQ\x118\xfa\xdd\xdd\xd9\xc8\xc4\x1b\x17\xf8\x186\x8a2A\xbe\xd0!\xbb\x92\xc9T\x84p\xa2\x89\xcf\xa9\xf9\xef\xf0\xf3aJGOI\x89\xd1h0B\xb5\x02\xfe\x99\x91\xf3#\xb3\xb3]\xf1H$\xfe\xf6\xed\xc4\x9b7&amp;\xa9k2\xe4\xe1\xa2H\xcb\x91C,t\xbcyF\x890\x15l\xa0B\xaen\xbd\xb3\xafN\xf7\xe6\xfe)TKb\xa8\x95H\xc2\xb3\x13\xf1\xff\xf3n\xb61m^W\x1c\x8f\x81\xe0\x14\x12\xc2K"\xf0\xcb\xaazn\x88M\x1a\x90W\xa2E\x88\xd8\x15\x18{\xc6C\x86J\xb82D\xd4il \xae\x00\xdb\xc0T\x1c\xc7B\xb6\x84\xa1u\xa1-0\xc2\xdbf\xa8)Ve\xc0\x05\x1c+\x1e2$\xbc\xc4\x84\x02\x81\xcc&amp;\x90\xa8P\xc9\x83\x00\x8b\x10M\xa8\xa6f\xe9v\xeec\xba~X7um\x9e\x1d\x1e\x8b\xaf?\xfd\xcf\xff\x9e{\xce\xf3\xdc[\xf9I\xfce\x8b}\xc5\xef_\x93\xad\xf9\xadF\xa7\xd3\xa9\xf0Z\x9a\xc6\xd5\x85\xa7.\xd2\xb9\n\x811\x9fDJ\xa3\xa6\xa4\x90h\xea\x1b\xf8\x1e\x01g\xdc\x01\xac\xbc\xdc\\\xb9\\\xeej\xac\x1cn|;sgw\xfb\xcb/\xef\xdc\xb9\xb3\xbd\xe6\xdf\xde]p~\xb3:\xbeL\x89\x7fW\xc7U\x0c\x1a\x8dU)\xb4\xf7h \x16\xed~\x1b\xbeX\x87\x1ee\xe7\xe6\xe6\xe5\xe5\x9e9\xc3\x11\x15\xd9]\xf5\xf5\xcf\x9e=\xf6o\xfa\xb7\xb7\xb7\xd76\xfd\xbb+\xa3\xde\x1d/\x17\xe6C\xd8u\x8a\x8dF\xe3\xd9\x14\x12\xb4\xa6$\x1a\xf5\xafe8\xdf/\x88\xf0\xe7\x82^\x90H\x8eh\xd8%\x12\x95\xe7\xfc\xe51\xc4\xde\xe3\xbd=\x00|\xf6\xf7\xa7O\x91\xc5\xceV\x9d\xcd\x1f\x14\x18\x07\xd3H$*\x8d\x06\xf5\xbd\x93\x81\xef\xf5\x82C\x8c\xb5:\x90\x0b\xd6"\x87\xe3\xaa\x97\xf2X\xd0G\xecA&lt;y\xb2\xf7\xec1\xc2\x02\xaa*\x18v2*\x8a\x8b\xcd\x15\xd0\xd3\xc0\xaa\xa4\xd2\xf9cx_\xc6`lw\x80X\xf5y\xaf\x16\x8889,!\x8f\\]\xf2\x04b\xd3\xf6\x04$\xc3\xc4\xaa\xc8\xcf\xa0P2*\x14&amp;\x93\x8eJ\xa2B\xb5\xa0\xd3\xf9\xfd\x118c\x1d\xb8SW7\\\x07+\x11\xc6jQ\t\x99\xc5"WWW\xdb\x00l\x0f\x13\xeb\xe9\x9f\xf5P\xe6)\xef\x9d\xad\xc8o\x82m\x08\xc4\x82\x14\xfe?\xb0\xfe\xe6\xea\xa8\x83r\n\x9e\xe7\xe4\x94\xb0X\xd0\x0e&amp;&amp;&amp;\xda\x9e\xac$g\x7f\x85&gt;\x8dA\xfb\x0eU&gt;\x8d\x9b\xaf\xcb\xa4\xd0i\x97\x11\x15\xa5\x0f\x7f\xacC\x8f\x06\xea:\x86s\xe5\x05g\nD\x92\x12\xd8\xbc\x85\xb0\xf3$\x8e\xacd\x179nZ\x04\x02\xf3\xc4\x8cI\x97\x96V\x95\xcf\xcd\xa4\xd4"[Q\xe9\x94\xda&gt;\xf5\x1c\x03w\xac\xa4\xdc\xcf\xec.9\x92k@UC\x16\nK$\xda\x11M\xb2u\xca\xe0\x9d\x84\x98\x98\xe1\xea\x9a\xf2+\xf2u@CCX\x14\x98\x13\xd5\xb8[\xfe\xc0\xa3$\xf9\xf0\x94\x1d\xb2(\x97\x0f\xe4h\xc9R\x16Y[\xa2M*\x9d2\x18,f\xaf\xd9\xacPp\xf3\xf5f=7\xa3\xb6\xaf\x90D\xa2\xa1N\x99Fz\xces\xd8\x0f\xce@*\xce\xa7E\x8ea9\'\xcf5\xa0RU\x93\xc1\\d\xadV\x05m\x8d\xc3p\xd3`l\x1e\x1cl\x16\x08\x8a\xab\xe8}\x85\xa8\x8eB\xab\x8c\xa9\x857\x16\x03\xb08.\xbb\xd5%\xcf\xed(MN\x92\x90\xc9B\xa681\xb1Z\xa2J\xcaVV\xdelhhlhh0\x16g\xd2\n\x0b\x0bShT\n2&gt;\x89\x82\xbf\xb7\x00\x8b-r\x8d\x16\xd5\xd7C\xa7\x95$)a\n\xc9\xe2\xea\xeaDI\xd2\x80\xab\xae\xb2\xb1\x11\xb0\xdelh\x86a\xe3\x95\xc2\xc2\xbe\xda\xdaL\x0c\x8b\xbex\x00w,I\x01[\nH\xa5\xa5\xa5Je\xb2JR\xcekm\x95\xfe\xa9\\\x0bj\x95v46\x04N\x847\xf5\xbdr\tQQ\xd4\x14\xc0:A\xeb\xfc\x05\xeeI\x94pZy\xa2l\xa5U9\xaa\x1c\x95\r\xe4H\xa5R\xf6\xa7\x03\x12\xd5\xc0\x80+{\xb8\xa3A\xd0\xdc&lt;\xa87e\xf4]BX\x145\x88E\x85\xc9\xe7\x0b\xfc-\xafe\xf3x&lt;i\xb6\x13\xbax\x87\x13\xf2\xa8\xa9\xa9\xb1\xc1H\x96\xfd\x95\x0bl\xdf\xd8\xac\xd7+*t\xd4B\x94\xc2iu&amp;\x86EJ\xf1\x10p6\x17#f\x84\xcd\x13\nY9\xa5\xc0\xe5X\x9d\xb2*\x93G650\x90)\x8b\x8a\x8a\x94E\x86v\xbd\xc9\xc4U\x83X@E\t`\xd1H)\xb876\x87\x886\x0e`\tY"%4\xa3\xab\x16\xa7\xd5\xb7\xa0\xd1hdv{ee\x91\xd2&gt;\xd5^\x0c#\x06\xd4\xac[}\xd3\xd3\xdfQ\x91N\xfc#\x1co\xb5\x8e\xd8\xd8B!\x93\xc9d\r(\xad\xd6)\x8b\xd7\xe9\xb0\xfadP\xe4-\xc6\xcf\xecv(\xf53P\xdfko\xd5\xd6\xd6\xaa\xd5\xe0,0&lt;\x9a\xf5\xc7\xdb\xf0\xbeg\x1a\xb1\xc6a\x91\x99L19G\xe6\x1b\x05\xb9&amp;-\xceQ\xab\xc3`\xb1\x08n:\xe0\xdf\xc48_\x8d\xb0\xa6\x01\x8a\x8f\x89\x85\xb0jg\xc7\xda\xf0u=c\x8d\xc3#3\xc5bqy\x12\xc6\xe5\x9d\x98\\Et\xdev\x8b\xc1\xe0\x9dXn\xe1\xf3k\x11\x94\x9a\x8fQa9L9}\xed\xd6\xc6"~w\xdb"\x08eA\x9b\x1c)$Q,fj\x93}\x18\xd7\xe4\xf2\xc4\xc4$&lt;h\xa3ni\xe1\xab\xa7\xa7\xf9j&gt;`\xe9\xf6\x9d\x85\xb0N\xc5\x9e\xbc\xe5\xc1k\xaa\x8ei\xeb\x9f\x1b\xf3s\xd8B\xa4\x16\x93\xac\x92\xc9d&gt;\xeb\xaa\x05\xc0\x96\x97\xc7\x97A\xa9\x16\xa0Q\xf3A0\x08\x9d\x9aB\x07g\x05\xd4z-*\xea\xd4\xad\xde9\x1c\xce\x9dBm\x88\x1c\xdb\xd9\xd9\x19\x95\xb3y\x08K\\\xadU\xad,$\x03\x17\x02\x03\xb9f\x80\xade? \x83\xfcLz@,\xa8[\xa7_\x8e:\x1cu\xf7\xde|\'\x0e\\eq\xbf\xde\x19oR\xfcA\xde\xcaCr\x91\x995*\xd5\x82fE\xe6s:V-@\x06\\\x08k_\xac\xfd\xe2\xd0\x07\xdd\r\xa8\x15\x7f\xe1\xf0\xe1\xd7\xa6\xef\xf7&gt;|\xdeu\x95\x11\x13\x97\xfa\x8d\x9a\xfa\xe1\x9b\xaf\xcb\xa5P!\xc4`\xafj\x84\xa5\xd1,\xc8F\xa1\t\xb4x\'ff\xc6\xc7\x81\n\xb0`\x19\xa2\xdd\x10Zf\x1af\xaew\xe3/D\x1d\xbe\xf0\xe0\xfe|\xaf\xfb\xc6\xf3\xbc\x90\xc1`\x10\xda\x82w[N\\}\xe7\x1d\x84\x05%B\x0c\x82A\x165\xfe\x91\x11\xcdB2\xd4\x88)\xafwr&amp;\x80\x05\xeb\x10Q\xd1\xd1[\x12\xb4\x16O\xbc\xfb\xd2\xc5\xa8\xc3\'\x1f\xdc\xdf\xd8\x00\xb0\xdb\xcf\xe9|::,\xd5\x16\x17r\xc3r\xf9\xea\xb9\x0f\xce\x9d\x93KyB\xacD\x88\xc9H\xad\x11\x1b\x02\xf3\xf9\xa0xy\'\xc6\xb1\x0c\xaa\xa1\xcdB\xf1/\xae\x94\x97.\xc6F\x9d\xba7\x0fX\xf3\xf3\xbd\x9e\xc5\xb2\x9f\xff\xfe\x86\x11\x11\x96p\xecxdt\xf4\xb7g?z\xfd\xcc\xab\x1f\xfcF\x8e6E\xacF\x88%*\x8d\xdf\xb6i\x1b\xd1\xac@&amp;\x9d\x0e\xc3\xe4r\xc0[\xea}\xac\x00\x19\x8dv\xe2\xf4\xcb\xb1Q\xd7&gt;\xdf\xe8\xed\xdd\x00\xb2\x8d^w\x181\xe2g\x0e\xda\xc4\xc8c\xc7\xa3\xa3\xa3CC\xbe~\xfb\xba\xfcJ\xc1\xef\x02XL\xa4\x17\x93,\x91\x8c\xd8677m\xb0W\xfb\xd0\x941\x81\\\x8f\xfc\x0e\xfb!\xcce\x98b\xbf\x07\xb9\x10\xd6\xdd\xf9\xde\xfd\xd8\xda\xf2t?\xbc\x01\x92\xfdT\x971"\x88\xe1\x91/\x86\x84F\x87\x12\x01\xebcv\xeb\x953o\x00\x16\x0b\xed\x8a\x08\xabd\x1fkde\xc1\xe7\xc4|\xbf\x0c\xb6\xd7A)\xd5e@df\xc2(\x8bVd\xca/c\xa3\x1e\x00\x0e\x16\xeb\xeb\xeb\xf3\xbd[\x9e\xd9\xc5\xfe\xe0\xd0\x9f\xb4%E\xc4D\xc6\x85\xbf\x18\x1d\nA\x8c\xde\xfd\xe8\xe3\xd6\xd6+\x05y\x9c},p}yy\x8e\xc4f\x834\xfa\xb1$\xae\x06\x96c\x13\x84N\xa7\xab\xd2!4\x00C\rj|\xec\xc9\xfb\x80\x83\x90&lt;KKK\xbd\xebKK\x1e\xcf\xd2\xac{,\x15z\x9e\xff\xc9h\xe0\xf4\xe0\x84\xa0\x90\xf0\xe3\xa1D"\x81@\x08\xfd\xb6\xe2\xaa\x94\xc7.x\x83\xc3\x06\xcf\x0b\xc5\x08\x8c\\\x8e\xe4\xb2\xd9\xfc(\x87\x0eG\xa0\xae\xce\x98L\x88\x8c\xcbmj\xaa\xaa\xca\xc8HKC\xad`|\xec\xdd-\x8f\xc7\xb3\x0e,K\xb3\xb3\xb3[K\xb3\xdd\x10_\xc0\xd39\x97Z\xf6\xe3O\xc92\xca\xda\x12\x8e\x05\x05\x87\x85\x1e&lt;H@T\x84\x90\x1b\xed\xd7E\xbcV\xa4\x16\xfb{\xac\xf2\x1a\xe0\xf2C\xf1\xf29\xa6V!\x89^s\xb1b\xc6\xc4\xe5rM&amp;\xec\x93\x0f\x08\x86\xc9\x15\x1f{o)\x10\xb3\xb3\xee\xee\xee\xf5n\xb7\xdb\xdd\xd9\t\x0f\x8a\xc510\xda\x81C?\xc2Qm\t\x10Aq\xe1\xa1\xc4\x83\xd1\x04,B\x13v&gt;\xa9GX"\xa9\x94\xc7\xc3\xb2\x08X5\x10\x01\xb5\xa0\xd9\x82\x11\xd6\x8b\x1d\x855qM\x15\n\x05\xf6\x85L\xa7Ci\xa4\xc6_\xdb\x02\x91\x96\x90H\xeeNw\xf7\xba\xbbshh\xa8g\xb1\xe7\xbbx8\xf6~\xd9\x7f?\xac\xc48\x12\x96p\xf4XBPPd\\\\X\x0c!&lt;&lt;\x80E\x0c\xff\xfa\xc3:!\x8f#\x87\x1c\x02\x16\x8c\xad\xe8G\xae\xa9)\x19A\x0bq\x14\xb0\xa6\x0cF\x8b\xa0\x1da\x99\x14z}1t\xf5\x98^\xc0E\xff\xed=\x944\x04\xe5\x06\x9en\x0f0\xf5\xf4tuu\x9dG1\x07\xbf\xae\xb9\xb9\xfe\xdb\x11\xffqiF\xc4\x04\x1f=\nLA\xc1\x91`\xf7\x10\xe2\xf7Xa\xfd\xfa\x06\x96\x90-g#.!j\x9c\x01\x0b]\\A\xe5TVdw8\xa6`\xacFX\x15\x15\x8abs\xfb\xa0Y\xaf0q\x91\xf932)\x97\xb6:\xdd\xee\x00TO\xcfP\xf7,bBD\xe9c\xe9\xe8I\xcf\x1aK\x07\xbc\xb1\xf7\x7fx\x038\x12~,5\x15\xa0\x82\x83#\x83\xe3\xe20\xac\x90\xfd$\x12B\x12\x1c\xd7s\x84l\xec\x88&lt;\x8f\xc5\xe3\xb1\xd0k\xa4r\xc4\xa5IJ\x96)G\xadv\xc7\x14\x86\x05\xf93\xb7\x0b\x04\x82f\xb3\x1e\xe4B\\:\xca\xe7\x904d\xa7\xa1\x9e\xae\xf3]=\xdd\xdd\x00\x85`\xb2\xde\xc2\xa2?\xeb\xad\xac\xac\xfe\xf4\xf4\xf3\x0f\xc7n3\xfe\xfd#E\xd0\xd1\xd4_%\x00\x13@\xc1_\\8\xc2\n=N \xbc\xf0\x02\x96\xc5\xdd?\xba\xc8&lt;\x11\x1by\x0bA\xf10\xb9\xb45Z\t`\xf9F\x11\xd7M\x03R\x0b\xa4\x12\x18a\xe6\x1f,V\xe4\xa3\x05\xd9\xa4\xe3/u\xf5@\xf2\x86\x10M\xd6?\xbb6\x9f\xd06\xd23\x8c+\x9a\x7fd\x86t&gt;\xa4o`\xf0a\xce\xdb9H\xca f\x10\xe8\xe6R0E\xd8\xbe\x04\x046\x04aP)\xd8\x8d\t\xbe\x18Q\x04\x1d\x92KJ\x0ea)\xecf!\x0e5\xbd\x98&amp;\xc6\x94\xed!d\xe3\xec\xb6\x14\x96\x06\'\x87\x96\xddK\x1d\xe8\xa1\xdbt\t\xb9x\x97\x1c\x96&gt;\xcf\xfb\x8d\x14\xa7_\x1c\xcb\x13l\xcdO\xcf\xfb\xbc\xcf\xf7\xce\xc4Z\xdb\xbb\x7f\x84\x072\x15X9\xfe`\x81n0x\xf2\xec\xdf\x7fxo\xbc\xfe\xe0\xd2Ga\xbf\x1fR\xa8H\x19,xK\xb0\xbcJ.\xbf\xff\xcf;\x0b\x97A\xb5\xb9\xf9\xd3Mrm^_ \xd7dw\x1b\\[\xc0\x02\x17\x7f\xfd\x1bT\xb7\x0f\x0f\x0fo~\x88z\xc2\xfe?\xf9\xfcW\xff\x85y\xf6\xa1\x14`\x8a\xd1`\xffo{\xa2\x13\x90\xf2\x9eY9\x16\xd9\x08\xf6\xe4\x97\xb3\xbc\x00\xd4o\xfa\xa1&amp;\xd4L+\xae\xd8\xf7.z\xd1\xac\x8an\xfcfiu\x01T(\xe1e\x96\x90\x9f\xae/L&amp;C`\xb1\x8c\x9f\x8dQ\xc6\xa5\x8f?\xa6V\x87\xbc7(X\xb7&gt;\xff\xedW{#h\xb4\xb76\x18\x15y\x99\x17G\x8fE\'"\xf5\xcf-\x1c\xe2_\x07\xcf^\xbcx"\xf7\xf1?\xf0\xea\x10\x8a\x96\x8a\x94\x02U\x05E\xcf{\x17/8\nU\x14\xd3\xdb\xe1\xa7;\x0b\x9777\xaf\x12\xeb:\xfe\x08\x17\xe4\x1a\xb6\xdb\xdd\x95\x8d\xadk\xf0=\xb1\x84\xea\xf0\xce\xcd%\x98\xfe\xcb[_\xde\xfa\xeaq/\x1f-\x82\xaa\xe8\x95\xa5.G\x8f\xf7\xa1R.HY\x16\xe2\x03+\xe3\x02\x1a\xbeq\xed\x05\x92\x0c\x03\xdeGa\xa8)U\xdd\xa8d\xcd\xb1T\xe0B\xa4\xc8\xadz\xd1\x8d\x7f\xb8\xb9\x8d\xba\xa1|\x02Dw\xe1\xeb!\xe5B\x19\xa1\xd7\xc3?\xde\\Z\x02\xd6\x9d\x9d\x9d\x1db![\xb1\xdej\xdd\x1b\xc1\xe1\xa32\xcb\x92$[{\\P\xa6\x12L\x996+\xd5\xa9\xac\xb0\xdf+\xc0\xb5\xff\xe2\x93Zl\xc1\xdbq=M\xa5\xff\xd4{+\xb0!\x94\xaa"\x82r\xbd\x1dO\xafL\x17\x8cN?3\x0f\x9b\x9b\xc3\xe16\xdd\x05\xb9\x1e\x1e\xa2\x17?\\z\xba\xc3\xff\xa2"\xd6\x17?\xff\xe2\xcfo\xfbIY\xc0\xe1EO\'\x91\x13\x95G{\x19\x892HQ\xd1\xd4g+\xcd\xfa9\x0c\xb6\xb8\xf6\xac\x86\x18\xb0\xed@\xd5#\xf4\x9e\xfa\xbf\x15\xfb\xc0\n\xd4\x85\x99\xbb\x82\xe3Ow[W\x18W\xe2v2]^m\x0fW\xa5\x88\x1b[c`A\xac\xdb\xa0\xfa\xd3]\xc1\xc2z\x1d\xaa,\x1f\tU\x14\x05N\xb4x\xd4\xd7\xa2\x92\x01\xc2\xdf\n+\xc2A\x98\xf5\xc0\x05\xe7\xd7l\xbb\xd9l\xfaA\x8c\xc63\xeb=\xb9\x80\xe5\xaa\x99\xe9Y\xc6\xcf\xa6-\xe8\xc5u\x9d\xd5\xbczuuYjXa\xa1\x88\xb7\x0f\xef\x8e\xc7w+\xac_\xbc\xee\xab\xa47X\x1c\x14\xa5\x8e\x9cF#(\x8f\x8a$\x15\xa6J\xa0D\xb0\x12s\x10f\xb0\x17\x05\xab5\x9b^\xd3\xf6\x83\xd9\x9a\xa3\x99\x8a\xda\x0c,\xe5\xcd\xcbh\x9dm\xb4Z\xad\xe9\xf4\xc7\x02\x86d\xe5[r\xf9\x1f\xe9\xb4&lt;\x83\x8bv\xbf{\xed\x9a\x10\xde#U\x12\x960VQ&amp;\x0e\xa9\xd4\xe2\x9aE\x8cs\x85{\xf7U\xaaC\xe3\xfb\xa2\x00V\xd3\xb5}\xff\x1d\x98\xb0\x19\x97Y\x16{\xd1uf\xee\x02Wz\xd6m\xc9\x9aB\xb3Mh\xb5\xbc\xba\xda&amp;\xd5\x06Pv\x0e\x9f&gt;=\xbc\xcb[\x85\xe3\x9d\xa7\xc0\xba\xf7\xfaX\xe7\xf0\x15\xdc\x9e8\r?H\x92\xd1ZbU0\xd0\xa9n\xaa\x98\xa4r\x90\x08\x17\x93"\xcfk\xaek\xbfG\xe5\xcb\x06=F\xbb\x00\x00\x05\xacIDAT\x122+\x8a\x14\xdc\xe5\xd9\xb31\x02\xf6\xf2\xc3\xb3\xe7\xadN\xebJ\x0b\xb5\xbc1\xd9\xbc\xba\xbc\xbc\xcc\x1aR\xad\xf1\xceCt\xe0xkee\x85X\xbf^\xba\xf76\x8drn2\xd4\ns\xb7\x9d\r\xd6\xa4|i]lE&amp;94\x9f\xd0\x90ZC.\xc1\xb2\x85\xca7\x1a1\xdaA\xe6\xba&gt;\xebJ\xb2\xd8\x85\\\re{\xe7\xb8\xbe\xe6{\x8e:\x10\xec\x06\xdf\xcb\xb9\xbc\\Y\x8b\xb7\xde\xc6\xe3\xad.\x0eE\xad\xdf\x9d\xa5I\xbe\xb8\xb78\xea\x91\xcan8N\xd6\xcb\x12m\xaa\x96\x08\x938?\x91\xc3D,\xa7\xc3\x90U$\x16\x98|S:\xe8\xcb\x08Q\xd8\r\x9b\xae\x0b\xcb\xc5\xc6\xf5\x1eg\xd4y;\x86g\xbb\x1d\x82\x81ka2\x04\x94Q\x0b\\\xd7\xaem\xad\xb4\xb7\xd1\x02\xc0\xba\xfd\x97\x1f|R\xed\r\x08\xd5h$%\x90\x12\xa5\xd0\xf1Q\x94\xa2\x19\xb3\xac\x94\xe0J\xa2z\x12E\xa6\xb4\x9a\xd9\xd5\x87\xe9k\xb6?_\x06\xcd\x92z#\xe2}\x1f\xba\x07\x92]\xae\xaa\x07\xe4B\xdc\xbb\xe0:}\xd4Y7d\xd3\xd5\xf6v[\xd4B\x15\xb7\xb6V\xba\xdb\x93\xc9\x8d!\xb1\xfe~\x1ckC\x85\x0et!xR\xe2t\xb9VJge\x8f;\x0f"?I\x92\xc8Dx\x14\xd5\xa5AYGdjm\x0e\xc5j\xda\\\xe8\x00iH\xf3\tp\x18o\xe2\xb4\xd70zy\x1e\x0e^U\\\x9d\xe9d\x95\xbf\xd1\xb2\x02\xb1`\xa9n{x\x03"N\x1el\x8d\xdfX\x8e.\xb8\xe3\x90\xca\xc6k\x81%R\xa4R\x0e\x81\xb2\xb2\xa4P\xd0H\\#J\xd0\xf0\xa6\x1b\xb5\xee\xe7\x83\x1a*\x08\x1a\x171\xe1y^\x93\x8b\x8f\x9e\x0b\xed\xf0\x81\x17\x92*4\xa0o[\xba\xaa\xa3\xe7\xda\x81u\xf2\x8dy_[k:\x14,Pu\xbb\xddmRu:\x93\xf6\xeeI\x10g\x05F\xbbA\x8fi\x85\x9f\xc0k\xac\x8bq\xb0\x01E\t\xa0"U%\x91\xf4%.\x1c\x10\xe8\x116\x1a|\x19\xf6\x8b\x1a{\xcf\xe6\x19/]\xba\x88\xbf\x9e\x87\xd6\xe4\xa1\xe7Va\x91\xf6c\x92z\x96\x9a\xc9\x85\x8e\x88\xfb\xa7\x15\xd7\x04\x1b\xcf\n\x95\xea\xb6\xb7\'-\x88\xb8\xde9x\xf5\xad\xafH\xb5XQ\xb9\x8d\x00\xbe\xe5~\x8c\x91 VY\xa4"j\x04\xa4\x94B\xc1fY\x19j+\xa0x*\xd2\xd8\x82j\x8e\xf4\x9e\xe94\xcf,$\x19\xd8|\xe6?7&amp;+M-\x8c\xf5M\x15\xbc\xe3r!\xd8\xa9p\xdd\x18n\xc3\xf0\x84\xda}\xd4"\xea\xfa\xfa\xf7\xb8\x8c+\xcd\xe6\x9c\x08\x95\xc7\'\xd1\xc6:V\xd3\x8dS\x1d\xf0\xdf\xd8\xea\x80*\x8bQ\xde+\xb5\n\xe2\x00\x8e\x8e\xeb!|W\x93M&amp;R\x0e\xc8\xbc\x0b\xc2\xc4r\xfa\x81\xcbjJQ\xf1\x9c\x90\x19S\xb4n\xcc\xe3\x9e\x95\x0c_\x9d\xf2M\x93p8\xb4z\xbe;&lt;\x00\xd5\xcb\x97/O\xbe\xb5\x83\x94#\x83\xc4U\xd0\x10_Efc\x86w,\xdf\xc4$J\xe2\xd9\x8aF\xcbGyVG\xf7\xfb\xb1\xc3L\xb0z\xa3\xbc\x8f":\xa80b#\xc2\xa6\xdd\xbc`\xda\xcd\xb6=\xe3\x7f\xd7\x80\xe1\x95!\xc3\xea\xa9?\xd3\x8b\x1d\xe9[\xc7\xaf\xc0E\xacn\xf7\xeb\xdd\x83\x16\xa1^~\xef7b=\xa7\xa2V\xb6\xb8]&amp;:.N\xe32\x1e8\xb6\x1b\xa1\x010\xfc\xe5\x99\xc5\x89\x81\xfd\x15\x04\xf5\xd1\xde(\xab\x99`\x1784\x86\x838\xf8\xd1E\xc0\xf8|Q\xf6\xacE\t\x06\xb9Tj\xf4\xa2\xf5\xc4\xfa\xe1\xc9ig:\xc4\x96\xd8\xdd}\xf4\xcd\xfa\xbaH\xd5\xb0\xb2|p\x9e\xca\x0f\xe8c\x99\xa94E\xd3f\xab\x06h\xe0\x94*\xc9G\xa3&lt;T\x01\x85\xc2\xa9\xfc \xdc;\x02\x96\x04;\xce\xed5\x99R\xa8\xa6w\xc1\xaf\xa8fq\xc6\x9eh\xda\xf0(\xbai^G\x16\x1c`\xc7\xa7\x07C\x06*zp\x9dR\xcdm\x95\x9f\xd3J\xfa~6\x83\xca"\x1d\xb8\x1c\xd4\xb7\x80\x05#\x9c\x9a\x97\xa5\xc4\xca?9\xca\xa1V\x14%"SS\xfa\x0f\xda\xfa\xdc\xbd\tiW\x1b\x93$\x88+\xdb\x91\xa5\x1dW\xe4\xa2\x11i1?=\xf9W\xf7\xc1\x83\xf6p\xda\x81T,\xa0H\xc5\rG5x\xa7\'N\xf4;\x1a\x06{\xc6\x8bc-\x9br_\xb9\x9e*\x06E\xa6\xf0r\xa4j\r[-\xde\xdf\xcfz\xb5f\xa0\x18#\xc8\x11\xb8\x13\'\xb3Y\xf7*\xbfd\xba\xa8\xe8\xd8\xaex\x8cSG\xf2k\x86\x05\xda\xfe\x9b\x8d\x95\xf6\xf0\xa0s\xf2\x9d+R!\x178\x89\xca\xf3Q\xe4D\x94\xc2\xd2z6d\x99A\xa1\xa7\x91\xd5\x8eF\xc4Z\x84b\x8e\xfbv\x82\x0b\xa3\xb2W\xe3.\x17\xc9D\r\xd1\x1c\x04L`\x00\xc0&amp;\t\xebUh"\x9a\x0by\xd4l\xdf\xf6\xe4\xa6\t*i\x9d&lt;\xdfj\x1f\x9c\x04v\xac\x19\xa1,\xa0\xe6s\x81\xdf\xccr\xb1D9\x970a\x06\x95\xab\x9eT\xc6\x02\xa7W\xf4\x12\x99\x91e\x98\xc9\x8e\xfe\xb1\x8f\x80\xc0S7\xb1%\'\\\xd8\r\x10\xb6J\xf6\x9c\xc0\xa86\x8b2\x86,\x7f\x12_\x07\x96?\xdf\xb8\x8d\xc5\xfc\xf4\xcd\xc6+\xbb\x11\x95\x03\\\xc0s\x10M\x0c\x95\xbc~P\x05\x06\x0b\x16\xa3\xc1x\xf1\x85\xb4\x0fS\xf6\xa4\x1f4t/D.\xba&lt;\x05\xb0z\x8f\xffzT\xe45&gt;s\xd3\xe5\xd4\xcc\xf8\xe2\x8c\xc5k \xd9\x0eg\xdb\x92\xe7\x99\xb25\x19jl\xc1\xc0q\xcd]\xafy\xbc\xc6\xc7ApN*Ry\x9c\xc5er\xb3\x84I\xba1\x04\x19/\xc1\xb2\xb0n\x99\x93`\xd4D\x95q\x91\x85\r\x0f\'\xf2\x8b\xfb\xff9\x1aq:5\xd6\r\x1a\x8dH6)\x191\xear\x17B\\h\n*\xdf&amp;\x81u\x11\xd7\xfe\x88\x18\xb9G8\x8f\xd7\xa6\xab\xca\xd1\x1a\xae\xe5\x0b\x81R\n\xfb r\x18\xb5\xf1g{q5\xbeC0\xc6\x03\x998\x02[\x96\x8e\x03\x1d\xf9&amp;"\x11\xbd\xc5\xfd\xdf\xdf_\x1c\xfc\x0f\xff\xac&amp;B\xfb\x99\xf2\xf5\x00\x00\x00\x00IEND\xaeB`\x82'</t>
        </is>
      </c>
      <c r="M67" s="3" t="n">
        <v>45492.67736111111</v>
      </c>
    </row>
    <row r="68">
      <c r="A68" t="n">
        <v>158593</v>
      </c>
      <c r="B68" t="n">
        <v>6102</v>
      </c>
      <c r="C68" t="inlineStr">
        <is>
          <t>Yerson Candelo</t>
        </is>
      </c>
      <c r="D68" t="inlineStr">
        <is>
          <t>Y. Candelo</t>
        </is>
      </c>
      <c r="E68" t="inlineStr">
        <is>
          <t>LD</t>
        </is>
      </c>
      <c r="F68" t="inlineStr">
        <is>
          <t>LAT</t>
        </is>
      </c>
      <c r="G68" t="inlineStr">
        <is>
          <t>LD/PD</t>
        </is>
      </c>
      <c r="H68" t="n">
        <v>172</v>
      </c>
      <c r="I68" t="n">
        <v>92</v>
      </c>
      <c r="J68" s="2" t="n">
        <v>33657</v>
      </c>
      <c r="K68" t="inlineStr">
        <is>
          <t>Right</t>
        </is>
      </c>
      <c r="L6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569b1e1-d2f0-45a3-beb6-9b294d835f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0\x8c\xdd\r\x00\x00\x03\x00PLTE\xff\xff\xff-("\'"\x1bK;!*%\x1fE7\x1eI:!\xfe\xfd\xfd(#\x1d% \x1b,(  \x1c\x17#\x1e\x19# \x15$"\x17B4\x1bN&gt; H8 TC)fN*O?%jO)M=$XD\'VE,[G(*"\x10mT/\x1e\x1d\x16M;"jQ-Q@!!\x1f\x1aK;\x1dG7\x1d\x1d\x1b\x14qX3QA)\\K1^J,0+$`M4\' \r6,\x19XC#cL(UB\x1dYH.R?%w_@nR+v\\7[E$M=\x1b3)\x15^G&amp;iW&lt;*\'\x1dI:\x1amW8]H %$\x1bZE\x1fQ?\x1bTC$!\x1d\x12uZ2aQ8_K&amp;\x1b\x19\x12.$\x12]G,%\x1d\x08z_7/\'\x17aI\'A5"qY:^J\x18hM&amp;`L0ZG\x16)%\x1b\x7fhH4/\'gS8dM/kT5gR4qU-r^?rX/nZ@cP0\x1f\x1a\rza&lt;{dF&gt;1\x1c;/\x19yfKeL#YE,\xfa\xfa\xf9H;&amp;bJ-{^1vY,q^EU@%L&gt;*\x83kJ\xff\xff\xfe\x17\x15\x0f)!\x15eO4\xf1\xcd\x11\x1c\x15\x05\x85g9\x7fjMvbGO:\x1fUC\x16bJ YJ1\x86jB:/\x1fdO\'@1\x14)!\t{eArW)iS0iYCeT=\xf4\xd11}b:\x81b3\xf7\xf6\xf5\xf9\xd3\'\xdc\xda\xd9\x87nOoS(\xf0\xcd \x93|X\x80e=\x80fCdO\x19\xee\xec\xe9\xea\xc4\x05\xd9\xd7\xd3\xe8\xe7\xe4\xf7\xd1\x1c\x8coEU&gt; \xf5\xd3?o`K\x8dn=\x95vCiS \xee\xca\x04iS\'\x8esP\x8avZE6\x17\xe3\xbe\n\\XS\xf5\xc5\x0162-\x19\x17\x17[L8\xd8\xbc\x11\xf0\xbe\x022&amp;\n\xe0\xdb\xcf\xf9\xd1\x0e&lt;-\x11\xe2\xdf\xdc\xfc\xd55\x14\r\x056)\x0e\xf2\xf1\xef\x89h6\xdc\xd7\xc9VH1\xe0\xb7\x05x`)\xdf\xc4\x1e\xb7\xb4\xb0\xf7\xcb\x03\x96\x81h\xce\xcb\xc6\xd8\xbf/\x9f\x87\x1a\xe7\xca,\xd0\xc9\xbbr]7\x12\x10\x10\xa9\x9d\x8c\xd7\xd1\xc1*\'&amp;wiT\x82pW\xa9\xa6\xa1\xea\xba\x02\xc2\xc0\xbe\xa4\x8af\xea\xc7\x1a\x88\x85\x80\xbf\xb7\xa6\xad\x94x\x82i)\xa0\x9c\x96\xd4\xd3\xcf\xc6\xbe\xafA=:\xb3\xab\x9dMJF\x94\x90\x8dO&gt;\x14MD7tJ;\x97v`\xda\xae\x05\xb3\x95\x0e\xd0\xb3\x1f\x9f\x81S\x89~j\x81tb\xda\xd1\xaaB;,ZRCyP@\x85YII8\x10lY\x11zvs\xd0\xaa\x07\xea\xe5\xd7\xc0\xa7 \xc1\xb3\x93pmh\xda\xc5K\xd6\xc7m\x98\x8e}\x8ax \x87p\x0f\xb8\xa3\x92\xb8\xa2\x7f\x8bbQa;/he`s_\x19\xad\x97*\xdd\xd1\x8f\xe4\xcfn{ZK90\x84:\x00\x00 \x00IDATx\xda\xcc\x97oH[\xfb\x19\xc7\x0bgI\x18c\xcb\xc9\xe9\xe1\x9c\x9c\x84xH09\xe4\xdfI\xba\xe6\x1f\xb1$\xe7.\x12%\xb1\x12\xb9D%52\xe3\xaa\xb2h\xa5r\x99\xb5\x99\x9a6\xc9\x0bi\xc1]e\x85"\x93\xde\x8a\\\x04/\x16\x94I\x91\xf6\xc5\xca\x86\x95{i\xd7?\xbb\xd7\xfa\xeev-te\xb4p\x07{q\xdf\xec\xfb;\xb6\xe3\xbe_b\xf7\xc8\x11\x13\x84\xdf\x87\xef\xf3}\xbe\xcf\xef\x1c;\xf6\xbf\x96\x8e\xd4\xd0\xd6\xe2\xe2\xe2\x9c\xee\xb0\x8e\xfd\x1f\x14Az\xb2\xf7z\xf5\x9boV\xdf&gt;x\xbc\xf7\xfb\xad\xb9\x0f\xcf\x05i\xe6\xae&lt;^\xfd\xfcg\x1f\xf5\x7f\xd2\xdf\xff\x93\x8f~z\xfe\xf3\xd5\x07_^\x1b:\xf6A\xd1\x00\xf5d\xff\xa0\xbf\xbf\xddT.\xb7\x9b\x92\xa9\xa4\xc9\xd4\xde\xff\xc9\x8fW\xf7\xae\x0c}\xb8^\xe2\xe4k\xfb\x07\xe7]\xae\xb2\xcbTnw\xb9L\xf8q\x99\xf0g\xff\xf9\x83\xfd+\x1f\x88\x0b\xc7.\xee\xbdL\x81\x05T\xa6\xa4\x8b`\xb5\xa3\xcaeW\xbb\xab=y\xb0\x7fkH\xf7ALu\xf7\xad\xfb|\xd9Ex\xc0\x96|\x8f\x05\xd9\x92\xae\xf6\xb2+\xb5\xba\xb3x\xd4\x8a\xe1\xbc+\xfb\x7f#=K\x81\x83`\xa5\x88b\x802\xb5\xe3\x83\x89\xb4\xb2}\xfa\xf5\xdd\xa1\xa3\xe5\xd2\xcd\xed\xac\xa6\\\xa6\xf3\xa6\xa4\t$\xaaT\x87X\xae$a\x04[\xb2\x8c\xe6\x1e\xec_;B0X\xfd\xf1\x0b\x90\x9c\':\x85R\x84\xc8\x94J\x85\xc8 \x9a\x0e[\x8ao\xdc)Lgrug\xeb\xa8\xb8\xd0\xc0\xd7)8\x88\x1c\xefJ\xba\xa7S\xc9\x90\xdb\x1d*h4\xfaB(\x94\x04\x0f\xd4r\x11\xce$\xe9\xe4\x83[G\xc3\xa5\x1b\xba\xbb\xfa\xa3$\xc6\x0f\x03\xd7oJ\x85\x064Z\xca\xc0\xe1\x17\xa5\xd5\xda(\x83A3\xe0\x0e\x95\xcb\xc9P2\x04\xc8r\xd9\xf4\xf2\xeeQp\xc1V/\xd1/u\x02\x89F\x94\x85cY\x96\xa3@e\xd0j)\x0e\x85O\xfa\x02\x94\x0b\x81\x0f\x81q\xb0s\x04\xfbhk\xef\x00vv\x99B\xee\x81\xe11N\x05\x02\x8dA\xa3\x81N\xa4\x0c\x14\xc5r\xfeQ\x86\xd5\x166B\xee\xf5\x10\xc2bzoK\xd7h\xad\x1e\x0fC\xabdH\xc3\xdaY\xbf\x9f\xe5 \xd1!\x8e^\xafB\x01\xce\xa0\xa5,\xb4(*\nm\x9b\xd5\xdb\xd6\xe1\xfc\xe9\xc7s\xba\xc6\xfa\xea\xa9\xdd]\x18\xd0\x1b\xfc\x8aHs\xaaP\xdaC\x95\xf4\x87X\xef\x04\xb3P\x94\n&amp;\xcb\xe2,\xc9\x8d\x17{\x8d\x8d\xfc\'\xb5M\xb7V\xf6\xf0\x82BS\x1c\x0b;\x19\xdekE\xb0\xde\xa3\xc1\xfe\xc0\xa2iE\xf1x\xc4\xd92|\xffb\xa7q\\\xc8\xab\xdd\xd0l0v* +~\x1a^\xd7\xdaT\n\xdb!\x96\xfe\xbf\x8a\xa1\x8dZ\x8a\x0e\x06E:\x0e\xbd60\xb5\xae\x97O\x1af{\xdd\xdcw\x85\x95S\xbf:\x85\xa3\x0e;h#e0h\x7f\xc0E\xc8\xa0!\xa6\x80\xb6Z\t\x99,\x077\xc9\xce|\xbe\xa8k\x94\xb1\xbe\x1c{uy&amp;\xe6\x11\x83A\x1abY`w\x15\xcc\xa6\xd5\xfe\x00\x0b\\*\xac\xd5j\x8dZ\x83\xb4(G7C\xc9\xf6r\xe1\xeb\xc6\xc8EZ\xb8\xbe|\xb9K\x96\xe5\xb8Uda\x1f\xca\x80\xd3\xf1\x10+\xbd\xb3\xd8\xa1\xbf\xf0%P\xb5\xd1\xa85\x1a\x8c\xcb\xf1\xd9\x8d\xcdry}i\xb11\\C;\x05\xf9\xf6B\xcc#\xc7i\x88\xa5\xa6\'\xb1\x91\x96\x84\xa8E\xcdR\x15\xcf@P\x81Ei\xadQT0\xaeDg\xf5\x9b\xeb\x9b\xc3;\x8d\xc1\xba\xb6\xb4\xbe\xfc}\x97\xac\x10*\x8e\x18\xcb\xa0bQ\xc8\x034\x14aErA\xab.!\xadV\xc5\xb5\x916\x06E\xeb\xec\x8a~c\xb3\xf0m#BU\xa7\xdbs\xaf\xdcX\x8e\xc9\xb2\xaa\x15G\x1d\x9e\xac%L\x14\xa5&gt;\x98M\x0c\x02g\xb1p*\x19\xd8\x80e\xc5&lt;\xce\xce\xae\xccnl$\xae4@.\xdd\xdcsw\xec\xc6L,."\x90\xac\xa4mh\x13\x908\x8b\x1f\x9c\x17\x08\x12\xf9D\x16$\xcbZT`&lt;\xf0=\xe6cec\x16e}\xd8\x80\xec\xd2]y\xa9\x99\xb91#\x8b"\xe1\xc2B\xb6\x90\xad\xacB]\xa0Y\x90\xd2,\xa8X;\xc30F\xd6\xcf\x12\xf1H\xa4\x11.:\xba\x12]A\xfd\xb9\x01+H\xb7\xf3\x82\x9b\x99i%Xj\xc23F\xc6\xce2\x8c\xff\x02\xb6\x8c\xe8\'\xa8\xa2\xdf\xef\xe7\xcff2\x19\x87\xc3gdXb\x7fX?\n\xb5\x82+\xd1x0\xfa\xea\xfeb\xfd\xbd5\xb7?\xcd\xce\xb4\n\xd8\x85~\x86e\x19\x1c\x0c0\xde\xa8\x8c\x8e\x8e*\xd8~\xa3\xfe\x0b~~T\xe1\xf9Lo$\xe1t:J\x8c\xea\x7f\xc3J4(\xc6\x83+\xaf\xe2\xf2\xd4\xb3\x99?\xd6]-\xdd\xe2\xdb\x82p\xa35 \x8a\xd0\xc9\xe1t8JFc\x9b3#\t\x82\xc0\xf3\xa0QD\x11\x80&lt;\xb0\x88X\xce\x9a\xb3\xe4\xc3\x9d\xc7@\xc2\x0br!&amp;\xa6d\xb9\xab\xfe\x89\xaa\xbbU\xd5H\x15\xa8E\xd3L\xa2\x9ap8k}\x89l$+e\xa46p\t\xfc\xe8u\xc2\xc4\xb7\x9d\xcdH\x89\x92\xc3\x89\x7fp\x1aq\xed\xd1j\x0c\xc0\n&gt;\x0b&gt;\x9b\xea\x8au\xcd\xd7\xdd\\p\xbc=_\x91$\x85cK\xb5j\xb5V\xed\x9b,\xe6Z"yI\x12\xc0%\xf0\xd7\xaf{\xa0\x9b\xe0\xe3\x85\x0c\x88\x9c\x0e\x9f\xcf\xb8m\xb4s\x9c\xc1F2"\x18\x8fOu\x9d\xea\xfa]\xbd\xef\xf5:\xdd\xdd5c&gt;/\xf14\xbb\xbdV\xab.M\xde\x1f\x9c\x1c\x9c\xec\xcb\xe2+\xc0\x08B\xc0\xe3\xf1\x08\x1e\xb5\xa1&gt;\xa6\xa4R\xa1\x18\xbb\x9d\xe5@\x15\x8fC,`]~Zo\xac\xa1\xaf\x8d\x0c\x18pZ\xadV[\x1a\xdc\x1d\x1c\xacF\x12\x91H&amp;\xd3-\x90"p\x01\xfcH\xe8\xb2\xd1g\xf4\xf9`\xbe\x92\x91!\x8a\xd1\xb8G\xc8\x10\xab\xab\xb3s\xf9M\xbd\xcd\xb5\xf5\x9d"\xf4\xf6\xe6\xb3\x91D\x02jU\xab\t\x94\xd3\x99!\x9eo\xe3\x05i\xc4\x1b\x0e\x83)\x10\x10\x14\x05\xf1`$\x8dL8\xb6\x81\xe6\xb7\x92\xbd\x08*p-|U\xef\xfd\xb3xS\xe1\x01U\\\xaa\xad\xc1Y\t\xf4\t\x92\x9c\xe53\x12\x99\xc5@X\xf2\xa6\xd3a\xde\xe3\xe1y\x91?\xeb`\x18_\xc9\xe1p\x96J\x0e\x1f\xc3\xaa\xebz\xaa\xb3\x13j-\xfc\xe1\x9f\xba\xf1\xbaZ\xeb\x8bK\xad\xad\xf9\xec\xe4\xd2RU\x95\n\xeea\x8cF\xff(|E\x1c/\x84I\x05\x02a\x81\xf7\xf0\xca\xd9\xb6\xccD\x16j\xa2\x91\x0cG\xc4\nNu\x11\xac\x85\xe5\xdf~Qg\xac\xa7\xe6\x99\x99Jdpwww\tEzH\xc4B4\xa8r\x85\xc3\xe9p\x18\x82\xa5[\x89\xcf\xf2\xbd=\xa71\xa5}\x91\xac\xd3\xc7\xd9p\xebz\xf6\xae\x87\x0b\x8f\xfeT\xd7&amp;\xea\xc6\x1f\x9ao\x98\x9b\x8b\xbb\xf7\x9f\x03k\xb0X\x8d \xb3&amp;\xa46\tT^\xc1\xe3I{\x8f\x1f\xd6Hk\xba\xfbt\xee\xc4\xa5\x13\xb9\x96,*\xe1\xb0[W \x97\x8a\x05\xae\xef\xdf\xd4u[\xebt\x0f\xcf\x98\xcf4O\xee&gt;\xbf\xaf\xaa5X\x9c\x98\xe8\xed\xc9\x8fH\x12\xcc\x9e\x0e\x04\x08\x91\xd7[175U\xcc\'\xcf\x9d\xbbz\xee\xd2\x89\x96\xac\x03\x93hd\x14\xa8\x15\x97\xbb\xba@\xb6\xb0\xfc\x8f\x7f\xd77Puon_6\xdf\x9b\xdc\xbdO\x9aX,\xf6\xf5e\'Z\xd0\xa8J\xa5\xbb\xbb\xd2\x94N\x1f77\x1d?\xde\xd4\xdcl6W\x9aN\xce\xcf\xdf\x9c\x9c\xcce\xb3&gt;\x84&lt;gW\x82V\xab\x1a\x0f*\xd6_\xb7\xea\xab\xd6\x9bG\xb7/\xdf\x9b\x1c\x04W5\xe1\xf4%"-\'&gt;=w\xf5\xd3\x93\xcd==fs\xb7\x97\x10\xa9Ow\xda\xdb\x9b\xebK\x18\xb7K\xdb%\xfb\xb0\xde\x80WFZm",?\xb5\xb0\xbc\xfcU}/\x11\x04\xeb\xcc\xbd\\\x11)\xbam\xb7;k\xc5\xc1\xab\x9f\xcd\xdf\xf9\xec\xd2\xc9\x96\x9e\x8a\xb9\xa7\xa9\xa9\xf9\x17P\xeaxzDP|\xac\xbe0&lt;\xd6\xd11\xbc\x9d\xd8\x1e&amp;/Bt&lt;\xfe\x1ek\xa1\xceX\xe3\xe3D\xad\xe6\\\xb1\xe8\xb4\x0f\x8f\x8d\x8d\xad\xd5j\xd5l\xa2\x98\xeb\xed\x1e\xc9W*=f4\xd0\xdc\xe4M#\xb68\xdb\xc0\x80\xbe\xa3cl\x18IZb4\x06\x8d\x1e\xce\x8a\x1fb!!\xe6\xaf\xd5\x1d\xeb\xd7\xcd\xa7#\t\xfb\x18\xb0p\xeapG\xc7@\xc70\xee\xc8\x8a u\xabC\x08\xe7\xe3&gt;\xa8\xd5\xeb\xf1\xd6\xc1:\xb2\xd9\xbe\xc1&gt;\x87\x85\xb2\xdahY\x9e\x02\xd6\xc5N`-4\x04\xab%[b\x8cc\x07\xf6\xb5\xed\xb1\x0ew*\x94\n\x15:46Z\x90\xd2\xc7\xbd\xe1\xd64\xd65M\xe3\x16\xcfqv\xa3\xd0\xdd\xf3\x9b\xf9\xab}\xbc\x95\xa1V\x82rl\xaa\xf3\xe2\xc5\xce\xce\x06\xa8\xf5\xf0\xd1\xed\xdb\xcd-\x13\xbe\xd2\xdaZ)\x91\xd8\xde6\x8euL\xbbC\xa1\xc2\xac\x9e\x12=\x08\xd3\x00\xd24\xe0\x11E\xf2rA1\xbe\xb6\xfc\xc4/\xef\xcc\xe7*\xbc(\x06\xa3r\x0cb-,\x90\x9c\xaf7\xd6S\x82\xd5\x93\xf1\xe1\xfeW\x9c\xecK8\'\xf2\x12\xae\xebx\x85\xb6Q~\x9e\\hx\xa2\x96B\xa3\x896\x8b\x9d\xc1\r\xac7\x97\xcbU*\x81X,.\xcb1\x15\x0bu\xa7\xbe\x96\xd7\xfd\xfd\x11F\x11X\xb5Hd\xf0\xea\xc7\xb9| \xdc-\x19Y\xf2\xaeh\xf1\xf3d\x15\x86\xbd^\xa8e\xd5\xe8\x0bnwAC$K\x18Y\xab\xe2m\r\xc8\xf1x\x0c\r$rM}\xbb8&gt;&gt;^G\xb5\xfe\xf2\xafG\xb7\x7f^\x91\xf2\tP\xdd\xbc\x9ak\x91\xa4&lt;\xee\xcb\x16\xbd\x9e\xf23\xc2Hw8\xdct\xaf\xd9\xeb\x11\xff\xc3\x9a\xd9\xbe\xa6\x95gq\x1c&amp;\xa8/\x8d\x0f\xd1\x18QW\xf1\x01\xe35\xf1\xc6\x1b\xafxEC\x92j\xe2\xd5h\xa7\xebC\x8c\xd6h\xb51\xa9I\x1bIgn\xac\xc6ImIB\x1bR\xa7\xecRi"&amp;a_\x1428$\x9b]\xca\x90}1\xa1ev@f\xb2\x9dN\x97\x0e\xf3")3P\x96\xa5\x0b\x85\t\xec\xab=\xb7\xb0\xff\xc1\xfd\xa1\xe2\x0b\xc1\x0f\xbfs\xee9\xdf\xef9\xbcd\xca\xd5\xc5\x9d\xf5z\xe6\xe7=^o\xc9\x9b\xe2"\x18\xe2\x84\xdb\xa2;\xe2\xd8\xe2\xeb\x9d\x87L.\x1c\xafs\xfe\xb2\xf5\x8f\xa7\xd2x&lt;n\xbd\xb2\xf3I0\x10p\xf3MB\x19O\xa5b%\x932\xbe;\x8c\xaa\xe5\xe6bB.Q\xf0\x0c\x1e\x97\xd7kq\xdd\xd8\xbf\xf1\xe3G%C\xb7!\xb5;\x809 \x92\xa0\x01i\xac\xe8\xcb\xbf\xbdz\xf6\x92\xa9\x0et\xfd\xfa\x174V\x85 \x8e\xa3C\x9a[COf\r\x16O\x89\xe75X\x0c\x06\x96\xc6\xbd\xbc\xbdBc\t\x10\x850\xe5ru\x95\xde&lt;\xf6\\\xbe\xf1\xe3\xef\xcf\xce\xe6\x17,I\xa5\x02A\xe8\xec\xaa\xd7\x17_\xdb\xca,\xd0\xabw_\xad1U\xe5\xff}\n\xb9\x15\x8fG\x82\xc2\xe4\xad\'\x9e\x0b\x17.\xec_\xf8\xd8b\xf0Z\xba\\I\x8d\x0e\xbdo6JG\xcd\x80\xf5W\x96\xc5\xb30\xfb\xfe\xcd\xe5\xfd\xfd\xfd\x8f\xee\xccZ\\.Ks\x17\x9c"T\xaez\xfd\xe2\xebr\xd9&amp;\xb6S\x07\xbf\xde\xe30\xd3\x12?`\r\x12q\x9d,9\xe5\x99\xff\xd3\x7f\xff\xf9\xcb\x8d\xdf\xfd\xeb\xecnW\x97\xcb\xe3\xe5\xbb}U\xb5\xa0\xa3C`G\x94\xe0\xef\r\x1e\xc3\x14\xfc\xc6S\x9a\x02\xef&amp;T\xb2UJ\xc0\x02\x93\xf8y}\xf1\xed[\xbb\x00\x9e\xd7\xa6\xe5+\x0e#Tkk\xcf7\xe9\xa6HD\xb4\xb3\xf3\xfb\xa5\xf7g\x1f_\xd8\xbf\xf1\xcb\x9b7\xc9\x11K)\xa5\xd1\x85\xcd\x80%\xed\xb0\xf7\xb4sy&lt;\x83\xc1K\x0f\xb94\xf1Ks\xcb!\t\xa2hW(\x9cp\x16\xc7\xd2\x8bo\x1dv;i\xec\xa8\xed\xbd\xb8\xca\xc4\xbc\xed\x87g\xdf}s\xfb\xe9\xd3F \xfed\xcaP\xf2&amp;\rS\xa5\xf9\xeen\x0b\x8b\x0b\x19\xe6M\xf2u\xa4T\xea\xefPK\x05\x18E\xc9X\x06C)\xc9b\x0b\xc5\x11\xd4W!*\x12zfAc]\x04\xacE\xbby4\x8de\xb1=\x06\x06\xa9\x1c\xce\xbd\xb3\xa0\xa6\xe9|\xfaT\x1a\xbc\xc5\x9a\xd2\xc6\xae\xa0\x91\x8c\x10z"ov\nr\xde;\x95\t\xf9\xcc\xfet\xda\xdf7!\xc0j\x94*eqY\x0c,Y&amp;\x10\x8c\xf9\xc2:lx\x18C\x1c\x0e\xe8\xd6c\xf5\x8b\x8b\xf6\xd6i\x9f\x03\xc7\xf6\x9e|\xc9\x00\xd6\xb7^\rz,\xbe=-\xd7\xf5j\xad\xd1\xc9\xb9\xb994\xc2\x17\xb1X\xde\x92\xa7;%\xec\x8c\xa0U\xb5\xbfP(\xa4\xc7;\xa0\xd2\xe7j*(]\xae\x83\x14\x9b\xcf7\xd5\x90\xcaqe\x18\xe9\x81\xdc\xea\xb1\xd7\xc7.:\xd6\x1fL\xe0\x18\xd9\xfc\xe9\x1e\x03X/\x0e\x9a\xba\xe5\x07\xd3\x13\xc6@\x10\xbc!\xc8\xd2p(\xd0+d\'-]\x9fq;\x831\xf4\xd2r_\x87?M\x83\x91H\r3\xe2&amp;\x167\x99J\xf2D\x03\xe2\xac/\x91\x90\xe2\x80\x05\x15\xb5\xd0\x18s\xf48\xd2\x13F&lt;\xdc\xfc\x95\x89\xdbzQ\xb6\xe9\xc8\x89\x07\xd2l&gt;\x0f\xae\x14\xda\x8fU\xaba\'=\xdd#\x07\xa2|8\x8a\xa2&gt;9`\xf9\xfd\x1d\xe9\x02V\xab!F\xb9\x1c\xa1\xda\xd9\xc2N(\xfe\xd2\x84Ym\x04,\xb8.\x07\xdc\x16\xb5\'qt\xc8\xe5\xc4\xc1\x7f\x98\xc8\xado\xcb2\xfc\xd2\xce1\x14\xf9p,\x9c\xd7\x99D"6\xbd\x96K\xc9\xdc\xf10\x11\x8d\xfa*\x82\x82\xdda\xf7\x8f\x0f\x8e\x1b\x91Z\r\x97\x83t&amp;\x11\xa4\x86 \xb8\xc0\xbc2\x08:\x0cB\xe8\xb0\x17\xeac\xcd\x85=l\xa5O\x1a\xdc{\xbf\xc6\x04\x167\xe7&gt;z\xb7-\x08\x81( \x88`F\xc4\xa3\x97\x02\xb2\x9c;\x9b\r\x01\x17\x819\xec\xe9\x82\xa3\xe0o\xac\xf7\t\xf0\x9a\x11\xc4=i4\x1aiC+PC\xe9 qHyG!]\x1fs\xee\xeda\xdbE\xb9\xa4\x8b\x81\x02\xc1\xe1\xbcbe|?\x1f\x8d\xca+a\x1fAD\x83:\x93L\xa9\xa4j9\xf0\xf6\x92\x88\x0f\x8d\x86p\xff\xfa\xed\xdb\xeb~\x7f\xdaa\xc70D\xae\x96\x1b\x8d\x10*\xb0Brx\x81\xc47\x0e\xdb\x1d@]/\xa4\xfb\x9bN\xc1\x1cJ\x19\x18(\xa7\x1c\xceW,\xfe\x95\xd6\x9cT]\tG\x084\x1a\xd1\xe1\x08\x82\xe1\x18D\xc9\x1d\nO\x12\x88}|zuuuzff\xdd\xee\xdc\xb5Q8\xf8\x1fpA`9\xe8\x0f\xf9\x07c[\xb0C\x0c\x1b\xe9F\xa1\xdc_#\'w\x7f\xfa\x03#\xa3\xadY\xd3\xceo\x1b\xc7j"\x1cFQ"\x8b\x18i[\x8fc\x98\xdb\x9d\xf5U\xa8\xda\xe0\xcd\xcd\xcd\xc3\xc3\xcd\xad\xc3\xd5\x99\xb4\x83N\xae~\x84\x94\xd3\xd7\x04PR\xa9\x11\x1c\xf7R\xba\x00X\xf5B}\xc2f\xa3(\xc2\xf6\xf8!\x13\xb7\xf5\xc7\'\xaa\xa3\x93\x18\xa66\xfb"\xf0\xd8\x85\xc8\x0e\x01i\xcc\x92\xb88G\x99\xf2\xd9\xf0\xfd\x93\xf3\xf3\xd6\xe6\xe6\xd6\xf9\xf9\xe9\xa3\x9b\xd3\x83\x83\x02cm\xd7IfIib\xe5A\xb1\xb8\x02l\x02\xd2n\xb7\xa7\x1b\xf5\xb1\xf5\xd1\x1eU\xb9\x1c\x11\x7f\xc7\x84\xe5\xe7\xac=&gt;8:2\xd6\x8e\x13\t\x14E\xcd\xe6\xc1\xf1\xf1\x0e9\x89#\x14\xb7,N\x9c\x9e\x9c\x9f\x9c\xb6N\xb7\x0e\x0f[\xad\xad\xad\x16|\xbb9.Q\xed\xd60\\\xae\xae&gt;:\xdd\xd8\xae&amp;*\x02;\xe4V\xba\xe1\x07,Ay\xaf\x19\n|\xcf\x84\x12\xe4\\}\xc1\xfd\x99xM\x9a\xcd\xcb\xd5\xfb\xd5\xc4\x83\xe2\xa3\xe2\x84\x1f\xaf)\xcbM\x15zr\xd2\xdaX\x9d\x99Y=\x84\xec\x9a\x19\x9f\xb9yzzz8\x8dS*e\r#\x05\xe6G\x1b\xad\x8dbB\xba\x04\xa9\x05\xd5\xd4\x0f}`\xe9\xe0\xb3r&lt;\xca\xcc\x08\xf5\xfa\x0fw\xd0\x9cMn\x1e\\\x86\xbf\xd9\xa6\xff\xaa\x8fD \x1a*\xd9v\xeb\x91\xd4\xa9\xcaM\xac\x1e\x1e\xaeN\xf7\x99\xb8MJ&gt;\xba:NR\x14&lt;\xa9\x18&amp;\xa8n\x9fn\x14\xcd\x15\xa3\x03*D\xa1Q\xff\xfcvcwdO\x82\xef\xac13\xe5zx\xa4+\xef&amp;F\x07\x13\xadw\'\'\xe7\xad"\x94\xc8\xdanY%\xa2\x12+H\xf7\xfe\xfee\xd3\xcc\xcc\xc4\xe0D\xee`daa\xa4\xad"\xc00\x1dF\x83\x89}\xf7!\x88j\x01hfh\x89\xe9F\x1aoB\x08}o\xdf3\xa3\xe69k\xaf\x84\x07\xcd\xe5\xd1\x89\xc4\xc6\xf9\xc9\xc9\xc9\x86\x19\xda\\Ni\xd2\xf6\x8a\xf4Z^*\x95\x9c\xcd\x84\x02\x03\x032\x1e\x18\xb4\x14\xb8\x1ee.\xe2\x0bK\x94&lt;\x93;\xbc|\x7f.Q\xc1\xe9*\x0f\xb7\xd5\xb07\x9bx\xd8\\+3\xb45\xe0\\\xfd\x9e\xbf7\x925\x8f\xab\x977\x8e6v\xe6\xcc\xd2,BQy\xab\xb6\x93\xaf\xe1\xa6\xb8\x9a|$\x90QqymB\xe0J\x96\x95:\xb4ZE\t7EA\xa7F+Y\x92\xee\xd4N\x10\x10\x8d\x9e~\xa2\x1a\xeeo\xea\x9f3\x85\xf5\xf2Zy\xe1\xa0"\x17\xa8\xc1\x8c]B\xa5\xa4\xc4D\xe5\xb4z}0\xa8\xcf\xf0;\x03p2\x14\x9f6C\x19\xad&gt;\x8c\x82\xf2\xa9\xa2&gt;_(\x97sG":\xf1\x80\xa2\xbd\xbf\x1fZ\xf5R\xc3i\x93ds\xe5\xf2\x19C\xcbt\x0e\xe7\xebO\xac\x07\xe5\xf8\x12i$&amp;\'\'\x89\xacX\xd6f\xca\xb8A\xe7}\xfa\xe9\xb5\x98\xd5\x1ap\x03X^\xc7\xcf\xf1\xb5yk\xd8\xe7#\xa2\xf0\xf6\xf9\xf2!\xb7\xdb\xdd\x0b\xde\xdbfS\xf6;\x1d\x8d\x86\x13zV\xbb"\xf85c\x83\xca/\xacWP\x0c,\x848D\x84\x89HF\xc4\xe2u\xea\x87\xac\xd6\xd8\xb5k\xd7\xacV}\x06\x8e;\xe06\x99\xf8Z}&gt;\x1f\x8c\x80\xae\x08\xc5\xe3\xf9|H\x97\xe1\xcb\xd8l\xd5\xff\xb1\xfam&lt;\x95\xc2\xc8\xdc@\x90\xf3\xf0\x1b\xee\xa5j\x05\x91)\xc4`\xc9\xf4\x1a\x1eKxkHOS\x01ZL\x9f\xe9\xccd\xc4n7\x9f\xcd\xe3\xeb\x83\xf9|&gt;\xae\xeb\xd5\xd0\xfbDMog\xa7\x88^\xa7\xab\x94\xb6~\x08\xe2\x00\xd5\xa6\x1c.&gt;g\xccTs\xae&gt;c\x85\x8aR\x85J\xa9\xe8\r\xe82\xec$\x8f\xdf\xa9\x1d\x8a\xc1\t\xc6bV\xad\t\x8e\x0c^*\x95F\x1f\x8ch\xb5\xfa^M[\x1b\x9b\x95L\xb1\xa64\xc26\xde\x87mT;\xb6\xb4$\x91J\xa5\x0f\xde17\xd4\x85n}G"\x88+Tm\n\xbe^+J\xa5\xbcS\x1a\xed\xdd\x18\x9dXC\xd6`&amp;c\xe2\xf1xB\x93\xd0\xd4\xab\x0f\xc6\xa2\xd6@\xa0\x97/jc\x8bD\xded2)\xd4@\x18\xe9\xf5&gt;\xd6\xa8\xa8\xb2\xe6\xe2o\x7ffna\xc0\xe1|\xf9w\xf7pe@%2\x89\xf3\x9dIW\t\xb0\xfe\xc7\xcb\xd5\x85\xb6\x91]\xe1\xb4F6\xdd\xddD\xd2xV\x1aiW\xebZxF\x99(\xf6H\xc4\x96g3\xc2\x91\x91\xd6\xe3\xaa\xe3"V\xe8\x07U\x92\xc7\x1ed\x19d\xd9\x91\x10R\x16!\x83\x89E\t1\x84\xd6$/~i\x14B\xab\x82hp\x83\rY\xd4\x82\x8c\x9c(x\x89\xdd\xc5\xf1\x96\xc4\xb08\x9b\x8dK0$\xa4\xa4\xde\xd2Mz\xae\x93\x97\xbev=\xbd\x8c\x84\x1e?\xbes\xe6\xdc\xef\xdc\xfb\x1d9YHx\x00\x96\xc8A\x18\xf9\xb4\x8f\x8aa1\x1e\x84~\xc8\xca\xf9\xd2|\x0c\xd3\x18\xf0$\x88X\x05\x81\x1b\x9a\xda{T\x96\xee\x99\xf5\xf5z\xbdv\x98\'\xcdS-\xf3U\xdd\xc9\xa0\xd6h\x98\xd0\x9ap\x9b\xbe \x90e\x96M\xe4\x1a\r\xe0+\x9c\x08\xfb|&gt;\x0f\x01\xc1K\x87\x13\xa1p\x9a!\x89\xd8\xb8\x87\x8a\xe1\x8af\xc1\xa6`\xf0&amp;\x83\xaa\xbdM\xdb]\xba2v\xe1\x90moPP\xbd+\x1d\xdd\xeafHn\xd26X($\x8b\x89DN\xca\x15\x8b(\xef!\xcdy\xcb\x84\xd6`0X(P\xd4#\xa3f\xb3\x92`\xf2\x14F\n\xb68C\x1a\x9aT*\x8b\xa3\xfb\xd2\xbc\x0c\xa6\xf5+/\xb7Wx\xd2\x88i\xb5\x84r\xd0\x0c\xb0f\x13ER\x10\xe2\xc9f\x8d\xc1p\xee\x9c\xa6\xd9h$\x8a\x0b\x0b\xcb\x0bwfg\xcbB2\xd9\x7f6jS@\x87\x8d\xc5H\r\xba\xfbw\xf4Vo\x1e\xea5\xd4\xdb0^y\x99\x8b\x98\x0cd,F\xc7\xcc\x03\x85\xc7\x85T*\x1a}\xf0\xed\xb7\xb3\x8f\xee\xec\xd4\xab\xd5z\xbd\xbeS\xdf\xac\xd5\xea\x9b\xab\xeb\xeb\x9b\xeb\xf5\xc7\x8b\x8b\xfd\xc8\xb2\xa8\xa4\xa1\x9e"\xe7\x84\xc3U\x97\xc5a3ua\x93\xeb$0\x8aO\x07\xe3z\xb3;\xf5\xde\xd9\xb3\x8b\xffZ\xaf\xd5*\xb5\xd5\xbdZ\xedF\xa5\xb2\xb9\xba\xb4T\x81\xcf\xea\xea\xd2\xd6\x82~\xa0@&amp;\x85\xc2@2\x12#\xb06\\\xe5\xd0\xbe\xbf.\x8b\xf3g\xaa\xe5\xe6#\x8a\x9f\xa0x\x13G\xd9\xdc\xe6x&gt;Y0\x17\x16\xd6\x11\x12\xf4T\x00Oeio\xafR\xd9\xaa\xef$G\n\x02\xc1\x90q\x9bm\x99\xc20\x88bO[\xdf\xf0\xaaL\xfe\xad\xb1-\xca\xa45yxn\xa8Yo\x8e\xd3\xc5r2)\x94\x1f\xbd\xdc\xda\xaam\xd6\x96\x96\x0e`\xd5\xea/^\x94\xd5j\x92\x8c\xc7h\x8a\xd2\x0c\x8c2P\xef\xa1\xb6\xf6t\xf5\x1d\xee\xd1\xf7\x7f\xd5T\x9fI\xc7\xa7M\x91\x10\xed\x1e\x88\xd3\tiaa\xa1\x1c\xff\x8e&amp;\xcb\x0f\x1e\xad\xa3\x8czQ]H\xaa\x8d\xe7\xa0|\x11L0M\xd3q\x9b\xc0 \xcb\x0b\xd4\xad.W\xfd\xc2\x11\x99p\xcd\xefxx-M\xf3A\xca\x9c\x8a\x17sR\xb6T\xaa&gt;z\xf8\x1dZ\xaf_\xbf.\xed\xa3\x9f\x0f\x9fX\x03\x80\xc8\x17\xf0\xd3\x8cb$I`\xb09\xaaTm\x8e\x95Z\x8bl\xde\xc0M\x96w\xc4h\x9e\xf6\x8c\xa6\x04gB\x9ck\x94\xaa/\xeb\xdb\xaf\xf7w\x9f&lt;|\xf8\x04&gt;\x0f\x9flo|\xb1m\r\xf89.\xe2\xa1\x08&lt;N\x928\xaeQ\xb5\xab\xda\xba.]\x91\xcf\xe0\t\x9a~\xc2AQ\xf9\x88\xda-\xe4\x13\x88\xad\xed\x8d\x97\xb0\xb6\x01\xd8.B\xb5\xfb\xc5F\xf5\xaa\x15$W0B\xe7\xa14\x00\xaa\x03\x0fU\xdb\xf4\x96|\xbe\xd3\xa9#\xb5Y\xad\x83`\x08j\xd9&lt;\xc2$\xa4\\c\x1b\xc2\xb8Q\xaf\xee\xee\xee\xef#\xb6v\xf7\xe7\xaa\xdb"\xb4\xb8A\x13\xec\xd74\x81\x11\x98F\x031T\x9dYY\x95\xd3\xa5;\xf6"\xe6\xc0\x08\x82)\'G0\x16%\xd7\xf6\xa5\xab\xd5\x8d\x8dmX\xbb\xbb\x08\xdc\xd5I\xafW\x04\xaeL&amp;\x13\xf2,\x11$\x90\xa5jo\xef\x1a\x96\x13VK\xcb\xe5\x05\x0c\xd9\xd9h\xd8_\x9ca\xef\xe4\xe4\xd5K\x97\xbc\xde\xb9\xb9\xfd\xdd7\xe9\xf5$\x10\x18\xb2\x86\x02\x01\x84\xcb\xc30y\xe2 \xb3T\xaa\xbe\xe1\x9a\x9cl\xb5\\\xa8\xc70\x92`(\'F\xd2\xac89777i\r\x8c\xf3\xb1\x896\xcb\x84\xc5\x82kMA\x10\xf1\\\xd0\x9f\xf6D\x90\xad\x049l\xdaU=]\xf6\x95\xda\xd4\x11y\xe9\x82\xb7\x8b\xa0\x8a\xce&lt;\xc5&amp;\xbcY\x04+8\xae\xc5\x91_X\xad6\xf0\xe3\xe3\x01\xeb\x10\xc7\x05\xd2\x91\x08C@\x141\x152$\xd9\x7f\xb1R\x93\xd7\x99~eG\x8b\xe3X\xbe8[t\x82\xe0\xca\x89s\xa5\xc9P\x90\x9f\xb0\x18\xd5j\xa5\x11\x9d\x0f\xa6\xb9\xc0\xf9 \x14\xd3\x03\xb20\x07\xf2\xb2\xd8\xed\xf6\x99%y\x8d\xfc{\xd5 \xae\xd1\x10\xceY\xd6\xe9\x0cK\xb9\x90\x08}#\x17\x84\xb6\x07\xd4\x96aB\xe7\xf7Cu\x08\xf8=A\x0f\xc1\xd0\x14\x86\xab\xda\xaf\x9d&gt;c\xef\xb3\xcfTZ\xa6\xe4\x0cb\xa54\xcc\xe0\x1a\xd2\x89lI\xac$\x86D/\xd4\x83\x80\xdf\xafC\xce@\x1dp5tP\x1e\x82&amp;P\xab\x04\xf4\x16\xa7OC\xe7*?\xac\xa5\xd2\x0c\x87ip\xba\xe8\x9c-\xb2R6\x11\x12\xb3^\x11z\xe8\xe08,\xbf?=d\xb5r~O \xc80t\xbe\xf9\x8f\xd7T=\xaa3\x80\xea\xff\x00\xcbk\xf5\xc0\xcbHC\x18\xc3R6\xc7Y\xb3\xde\xac\x18\x82\x97\xcf\xefG\xc0\x02!.\x12\xe48dw\xc3\x94\xa3\xc8\xaex\xa6\xcb\xee\xea\xf3\xca\r\xab!\x8a&gt;\xc8\xe5r\xb9&lt;\x0b\xb0\xb2a6\x11\xe6\x868\x04)=\xce\xf3&amp;?\x17\x0crV\x0e\x03\xb9%\x98\x95*\x15\x04\xb1\xcf\xe5\xb2go\xc8\x0f+\xcc`\xcb\xa0\xe3\x97\xcb\x89lCb\xc3!\x1f\xb04n\xe2\xfd\xe3:-\x8f\xea\x03\x14TF\x93\x14@2\xa3F\xff\x0c\xc4PvX\x95\x86(\xe5\x9c$\x91,\xb8\x1f?(\xe7J\x8d\x04\x1b\xf2Z\xfd\xc8|\xca\xf3\xda\tm@D\xb7-A\x9c\x14\xdc\'lJ\xa5\xd2\x08\n\xd0.?[\x17Kb.\x17&amp;\x92\xf1\x82\xfb\xe3\xe3\x8fg\x1b\x8dl"\x97\xcd\xf1Z\x0btd1\xa8\x12&lt;\x17\xcaZY,\xfe\xd8=\x98\xd1\x8f\x8e(\x8d\xaa\x93v\xbb\xab7\xbb\xd7"k\x99\xbfQ\x92$Qt\x92q\xc1\x9c:\xf6\xe9\x83;\xa5R#\'\x85c\x13\xc8\x0bn\xb1h,\x13|H\xe4\x9c\x82Y\x9f\xc9\xe8m\xa3\xa3\xcavG\xb7\x0b\x96\xccl\x1d\xb9Q\xcaI\xa2\x94\xa0@\xc7\x7f\xda\xdf\xffNYj@z9\x01\x162\xcb[p\x8b\x01\xf3\x05\x99\xb8{ \x9a\x89\xba\xcd@V\x9bV\xa7\x03X\xf2\x89\xd3\xb7\x87\x11\xa5\\N\x92r\xe1e\x04+z\xb4\xb0\\dY\x1a\xf6&gt;MS\xb3A\x83#\xc3&lt;\xae\x11RG\x01\xd5\t\xb7yT\xa1qt\xebz]\xf6\xde\xd6\xd2\xaa\x8csQ\xa0\x9b\xb3\x92d\x05\xbaf\xf3B\xe1\x9dh4%\xc4A\x19\x93\x1a\xe8\xad\x9b\r\x064n\xa0F7\x8d\x88+ K\x81\xbf\xe1\xca\xe5\x9a\x9e\xb6\xd6\xc6\xe4\x9b?\xda\xba#IY1\'%\xd8b9nN\xf5GS\xe6\x024\xfch\xce\xee\xed\x80\x8dbD\x1f\xcdd2\'\xd0E:\xce\x98\\\xae\xce\xcei\xf8\x9a\xee\x93\xa0\xa2N\xc9\x90`\xd0\xf0\xdf\x8b;\xb3RvN\xb2\xe6\xc2,K\xc5\x8fC\x1c\x110A\xa1P\xa3\t\x1a\xb5B\xa14G\x173\x99A\x9bydDM\x02W\xd3\x9d\xd3\xad\x9d\x9d.\x97\xe9\xa4\xeb\x9f{\x17\x0e\xffp\x04\rw\xef\xe8m&gt;\xaf7\x0bt\x85B!\x1f\xed\xcc\x0b\xa9h\x7f\x7f*e+\x8c(\x15J\xa3R9\x02o\xe0\xe2b4\x95\x1aU*\x9a,\x0e\x9d\xa93\xd2\xda\xda:\x8d\xc2x\xb2\xeb\xaf\xcf_\xed\xed\x1d\xeaP\xf3\x9b\xff0\xa8\x9f\xc8\x98\xd9\xc9,\xc0\x92\xc4D(\x0c\xd2f9n\xfe\xf1Q4\xaf\x7f"\x85\xd6\xe0`f1\x13\x1d\x00\xa6\x14\x8af\x0c\xd3\x9a\xfc\xe7\xcfw\xb6\xb6\x02Y\xae\xden\xd5g_\xdfz\xb5\xf9\xb75t\xf0vX\'\xe0ck\xf5o^\xfdv1c\xf3Mf\xc5\xac\x08\x95&gt;\x14B\xe6`g\xb9\xe0&gt;\x1aE\xc9\x04,\x01\xa6LTo\x16\x14j\x85\xb1\x99\xc4\xb0^\x7f\xa0\xe3\xa3V\xc05=\xdd\xd9\xabm\xff\xd3\xbfo\xbd\xba\xf1\xe5\xfd\xa7kh\xaa\xf9\x108k\x19\xbb\xfc\xf4\xfa\xe7\xdf?\xfflq\xd0F\x83^\x808"1\xc3\r\x85X\x96u\xe6a\xf7K\x01eQx\xf4z\xf3(P\xd5\x04uB\x83k\xcf\xa3\x9bjt1\xec\xb2\xbbN\xb6\x9d\x1e\xfc\xc7\xad\xe7K\x97\xaf\x7fx\xfb\xabgw/\xdf\xfca\xc0\x10\xe3\xf3w\xbf\xba\xfd\xf9\xde\xab\x03X\x94w\xd2;3\xe3\xf5\xce\x88\xd6\x10l\xca\xb0\xff\xb1l\x91L\nn4\xc9\x8cj\x82Z\xa14\x90\xc8\xdd\x85y&gt;\xf8\x00]\xbf~\x04Q\xb4\xdb\xfbz\xaee~\xf3\x87[\xdf\\\xbcw\xec\x93w\x7f\xff\xd3\xfb\xf7\xd6~\xc0)*"\xfb\xe6\xda\xb3\xdb\xef=\xbdRy\xfe\x17\x805\xb0\x0c]\x98\x17-\x11\x96u\xf8\x94\x15\xe0\x014\n:B\xb2\xc9\xa8\x04Tj\xdc\x82Y4M\xb8\xce\xdf\xd1q\xea\xd4/\xdfGvg\x97\xbdO5\x9a\xf9\xfb\xd7\xb7\xbe\xbfx\xf7\xf8\xbb\xc7&gt;&gt;\xf6\xe1\'\xbf{\xb6\xf6?\x12\x06)5\xff\xe7/\xaf\xdf?\xfa\x93\x1f\xdd\x9d_:\x80\xa5?\x80\x05\xc0~=3\x03Btxfe\x08\xb0\xfd\xac#\xa2s\xa0I(\xa3\xb1\xd9`q8\xa05\xc3\xb5\xfeS\xbf\x1a\x1e\xee\xf8\x08\x92\xeb\xe7\x9d\xaen\xfb\x7f89\xff\xd06\xee3\x8c[\xb7\x0b\xbd\x9fj\x89{\xac\x9b\xae\xca\x95\xd3\x16A\xec\xad\x93C\x8d\x82/\xc4\xc27\xaa\x98V\xab,\xb6\t\xd1\xc8+&amp;\x9b\xb4`\x14f\x85\xccS\xb3\xd8\x7f\xcc.\x8a\x88\xddEF\x19\xd6\x16S\x1b\x19\xcdafa%\x93\xc1\xb2\xb7\x12Af\xe2?\xe2yv\x07\xb1\x07n ?\x08\x89I\xfeqR\xd8\xf3~\x95\x8e1\xd6\xae\xddkd\x1bY\xd2\xf7\xa3\xe7y\xdf\xe7+\xe1\xd3\x01\xeb\xd2\xbd\xf2\xc7\xd9\xb9US\xe5\xdam\xc3\xaa\xad.\xff_\'Ax\xe6\xe8\xd8\xdcNI\xa8\x85\x8fp\x91\xa5_n-V\xdf\x80Z/\x9c8\xd3\x05\x0f\xbbFG\x07\xd0]\x9ex\xd7\xb7^\xf3x\xfe\xecj\xa4\x0f&amp;\x9d\xa4\xff\xe9\xbc\xbc\xbb\xe9\xd0\xcb\xf8j\x8c\x0f\r\x05[&lt;.\xf7\xa9f\xe4\xd6\xfe\x83/]"\xac\xed\x8bKk\xa6)p\n\xc7q"G\'A\xf8\xc2\xf6\xbd\xb3\xb4\x13\xd1\x8d\xb0C1\x85\xd5y\xc2\xba]\xc7\xea\xed\xeaf\\\xf1\x16T\xa67\x0e.\xd7w\xf7~\xe5\xcb\xc7\xf6|\xe9\xe4\xf9=\xcf\xbf\xf8\xdc\x9ecMM\xee\xf8H\x10\\t\xc4\xc1\xa9\xc6\x8e\xd6\xd6\xfd\xc0\xba\x05\xac\xfc\xfc\x94ms\x82(*\x86\xac(\xa5;+_\xe4&lt;\x1b\x94S\xf9\xe5\x8f,C\xb6\x95\xb0i\x8bk+c[\x95\xc5G}\xaf\x1e~\x81L\xec\xee\x06\xd5h\xdc\xf3ZK|$\x93\x19!M:\x9b\xce\x9f$\xb5N\xbe\xf4"^4\xb4\xbaF\xa8\x80\xa5Q@t\xb4v\xb4&gt;7\xd3w\xbb\x0c\xb5\xe6\xa7LS\x11\rP\xc9\x06ju}\xf6ss\xc1\xbe\xa5\xf5\xb5\x9a I\x9c,\x08\xa6\xed\x9cZ\x19\xbbR]\\x\x15-\x7f\x82\x8e\xd2\xef\x06\xd5\xc0@\x0bz:8Z\x98\xc8\xb4\xd0q\xd6\xfb\x9b\x9a\xbeq\xfe\xd8\xf9CMM\xcd\xee\x00\x94\x02\x15\xf3\x10\xd5\xd9\xda\xd1\xb1g\xa6\xefa\xe5.a\xb5\x9b\xa2`\x88\x82\x00\xc9DC\xaf\xd1I\x10&gt;\x9fPcs\xf7K\x86 \xf0~^\xe0\x1d\x02\xa95?v\xb1Z\xb97\xd3\xf7\xed\x9f\x11Uow\xf7\x00\xb0\xe2\x81\x96\xe0P&amp;S\x98(\x8c\x064\xad\xa7\xb5\xb5\rf\xb55c\xfeZ\x82AHEX\x88\xd2S\x14\xf3\x9d{ff\xee\x957?\x86\x89\xaa\x0e,C\x119\x90\t\x86\xa5D\x96W\xfe\xe7Y#h\xeb\xbb&gt;\xe5\x05\x14G2\xcb\xb2 \xea\xa6\xb8\xba46\xfb\xa0R\xbd\xdd\xf7\xca\xd7O\xf4\x9eAwu\r\xc4QX\x1f&amp;\x16\n\x99L:\x11\x88\xfa|\x9a\xe6\x8b\x81(\xe6s\x81\x17\x9d\x15\x88\xb9\xb5\xc6S\xf4y\x88\x8e\xceC\xa7_/\x977\xb7\xb2K7e\xa8%S\x19\xa2h\xa1\xc7Dam}\xec\xb3\x9d\x84RW\xa7j\x06n\xac\xe0~\x8a\xa1\x1b\xbcl\xdbJdnvv\xbb\\\xd9\x98\x99\xf9&amp;\xb5&lt;%j&lt;\x18\x8f\x07[\xa0\x17\x1d\x1a\x02\x02P\xf9.h\xd1X,\xea\x8b\x06 \x18\xcda\xc0\xe3\xa2\xd8\xc2,\x9e\xea&lt;0\xb3P)?\xb8\x92\xfd\xeb\xaal\x8b\x82(\x9bh-\x11\x0b)\x9c\xa2\x1a\xb5\xa9\xa5\xcf8\x9d\x05e\xe7NMT\x15EV1\'"\xee,J\x86n+\xe2\xd5\xd9\xd9\xadre\xf3\xc3\xd3\xbb\xbb&amp;\x90\x10\x03\x03#L,\x8f\'\x806\n\x06\x19\x16\x1dY\xe6\x8bFc\xd1\x00*\x16 (d\xbc\x9b\xc0@v\xe9\xdd*:&gt;\x9f\xff[\x04X\xa2Q\xefxEE\x7f)\xb2"b&amp;\xe7\xdf\xf9\x14\xc5\xf0\x92x\xb9D\xb7\x83R\x18\x15C\xd6e\xdb\x14d\xd3\x94\x95\xe5\xfc\xec\xfb\xd5J\xe5\xd1\xe9\xaf\x9d\x98\x98\xe8\x1daT\xc1\x00;\xea\x08\xae\x01!\x10\xf3QE\xa3\x01\xc8\xe5v\xc3O\x97\xcf\xadi\x80rk!Dj\xd3\xa5\x85Ex\x98\xcf/\xcb\xb2\xc9\xd3\x83\xeax\\&lt;w\x85\xd6#\xceO\x9b\xc9g\x8e\xce\xef\xd4\x9c$\x93\xcc\x0c\xc47\x1dX\n\x1e\xc2\xdcY\xc9f\x1f\x94\x17\xef\xde\xfa!\xb02\x94\x0e0\xb1\x85\x1dv\x04\xc1\xe0\\\xd4W\xc7\xf2i=\x1a\xf4\xd1|\x9a\xcf\xedr\x87\x10\xf2!\x8d\xaex\xef\xf5j\xa5\xbc\x9d\xcd\xe7\xa7lS\xf7\xf2xl\x91\x03M\xbd\xf0\x8b\xe5\x14\xff\xdbL\xb2\xb3\xe5\xac\xf2\xa4\x94\xc2d\xc5\x04\xf3\x82A\xed\xc9q\xa6\xbd\xb6\x94\xcdnmV&amp;\x1f\x1d\xe8\x9d\x98@\x8b\x8f\x82\x8a2\\s\xb9|\xaeX\x80\xb0\xa2\xbe\x1c\x00\xb4\x9e~:4\n,\x8c\xc8\x05\xc5\\Q\x9f\xebG\xb7\x9e,\x96\xcb[\xd9\xec\\\xc4\xb4\x95\x9a\xc0X\xb0\x02\x8f\x98\xc0Z\xc8|\xcb\n\x0b\xf5t\xfd\x8fL\xbf\xcf+\x9cEM(*\x9c\xe4\x90\x1c(\xc10u\x07\xcf\xebv\xe4j6\xfb~u\xf2\xda\xc6-\xa8u\xa6\x90\x19B\x06\x04&lt;\x01ly\x98?7SI\xd3B=\xa1\x9e\x9e\xfe\xfe\xb6\xce\xe6f\x92Hk\x04\x95\xdb\x17\x8b\x81\xbd\xf51\xc4z\x90\xcfg\x97-\xc3\x16j\xf0L$\xffx\x91\x03\x18GX\xf8\xc1\x89\xfa\xda\xd5\x7fo}\xbc[^.99K\xe4HS\x8e\xf7z\x1d^\\\x1c\x0e\xde2"\x12\x06\xd2^\x9e\xcdg\xb7/W*\x8f\x7f|\x96\xd4\xca\x0c\xc5\x90\x05\x01\x8fG\xa36\n\x11\x12U\x7f\x7f\xff\xc1\x83m!7\xae@\x83\xe1\xda\x90\'\x86\xf2\xb8~\xba\xb0X\xc1&gt;Bi\xce7\x00\x00\x080IDAT\x8d\xd4\xd2\r\xc3\x1b\xe1e\x91\x17\xc0\x85vaN\nXZ\x08\xfb\x05\x91+\xdd\xf9\xd7\x87\xc2\xe1\xdf\xdcM\x87\xb3\xae\'\x02\xd4\xe1`H$\x98dY\x11\x87\xd3\xd0Sk\xf3p\xb1ZY\xdc\xb8p\x16.\xd2\xc6\x82\x1e\x8f\xba\xc8$\x8d\x0e\xef\xec\xefgXmmm\xfd=\x80\x8aF]Z3\x1d\xb8\x0b\x7f1\x12\x8d\xbf\xae^+W\xaf`\x0e\x1d\xba.\x94"&lt;\xef\xf0\xc2\x05\xa0Q\x1b\xc3\x1d\x84+\xd4p@:\xc7\xd4\x12\xfb\xd71\xdb\xfeJ\x9c\xc5\xf3\xe2S(\x87\xe4\x97$\x9e\xf7\xa3,\xc1rx\x05K\xd7\xa5\xeb\xd9l~\xbb\xb2X}|\xe6)W0\x00\x1ch\x85F\xd7\x08)D\x0e\xb2\x9fh\xa7\x18\xbd\xfas\xd1\x84&amp;\x82\x89`0Dbm\xe7W\xf2\xf7M\xc3\x10\xbc^\xfe\x93\'.\xf1\xd0Bfa\x04\x97\x04\xac*\xf1\xabt\xc6\x14J\xf5\xb5\x1aO\xca\xf0\xac\x9f\xf0$xh\xeat:\r\xa7E\xe5\xb5\x0c]7\xa6V\xf2\xf9\xad\xca/\xee}\xb8w\xe2l!\x03\xb5\x90U\x01\xcau\x1fqh\xac\x99(\xb9\x18&amp;B\xc1\x87HEz\r\xa5\xd3\xc3\xc1\x96?n.B\xac\xec\xca\xd2\xaan\x1a\x12DA\xef\n\xbcD\x8bbY\xd2\x8cM\x19\x1b\x82\x9a\xbf\xb4&lt;\xd6pti\xa7\x04\xd7$\x1e\xaa\xfa\xfd&lt;G\xdd\x85\xccR\x9du&amp;\x0b\xadP3\xc0U\x9a\xcb\xe7/&gt;Xx\xcb&gt;\xb2\xb78QHC-`\xc5h\xc7A\x88\xe6\xa29\x96\xa5\xbe\\\x0eQ\x1f\xd2\x90\xa8-\x94\xa9\x89\x914\x95\xa7\xf8\xabkH\x87\x95\xfc\xba_\xd5y\xaf$\xca\xe2\xd3\x8e\x01\x07\x03\xe3\x14V`\xe38^\x8a\xdcoX_%)\xfda\xc1\n\xd7\x91\x98\xa0\x96%\x91\x85\x16\xc1\x01\xcb\x89\x0c\xbc\x93\x9f\xbf~\xd3\x98n\xb7\x8f\x7f\xbfPD\xd7#\xdc\xa1F 6\x98\xcb\x81*\xc72&gt;\x17EB\\\xf0\xf9b\xc1`"\x91\x08$\x863\xe3\xe9\xf1\xf1\xa1gw=\xdc\xacl\xe5W\xf0\xeaA\xb5\xe0\x07\xf2A\xf2\x92\x7f\xf5\x98 \xefh\xdb\xe69BU\x8f\x1f\xf7;\x1a\xe0\x9f\xdf/pa\x1aQ\xb6\xa9\xc3^\x075V\xb8\xae\x16\x80\xbd\xbcjL\xa7\xfe\xbe&gt;%\x7f`XN\xd5n\x7f~\xb4X(\x8c\xa7\xd3 K\x04\x06s\xd8o\x80\x16B\x8ej\xb9\x18\xed&gt;\xd1h\x02-\x95\x18\x1eN\x17\n\xc5\xa2k_\xea\x83\xd4\x81\x7f\xfci%\x7f\x9dWU\x0b\x8fN\xdea\xd2#\x11\x87\xc0\xa4`\xe9\xc0A\x1b\xa2\xe3\xb8p8\xdc \xe1[\x18\xbf#&lt;\x05?\x04\x95HT\xbf\x15\xf6[\x04jq\x82e\x08\xd64\xbf\xab\xefH{J\x87\xb5N\xbc=H\xed\xf3\x00k&lt;=\x9c\x1eN\x10Qn0\x99HB\xb3\xe8\xe0`2@PAt\xd40\xdc\x03Tf\xb7\x9a2u=e\xac]\x87X\xba\xc1a\x84\xa8\xb1\x05\xa4\x10\x85\x10\xcfJ\xa8\xbf\x8e&amp;U\xfcaH\xd2\xe0\xa7\x8e\x82\x8ah@\t\x13\xe8\xa7&gt;$\xa5\x80%\x88N\x8ev+\xe7\xb3\xb776\x1f\xe1}\xa0.3.\xc4\x98\xf3P\x10\\\x7fH\x0f\'\x93\xb1d\x124\xc9\xc1\xe4`n\x90*\x9aK&amp;\x08\t\xafx\x8a\xc5\xc2\x9b\xaf\xd8\xa6I\xbb\xbdl\xfb\xd7\xa4\xd4\xe1\xb7k\xb4\x98\x80\xa4\x16\x99/,\x8d\x18\x1f\x00\x05\x8e\xcc\xe2\xc1\xd5\xc0\xb2@b\xc3\n7\xe9\x02X\xce\t \x00 S~\xd0\xf6h\xe1\xee\xe5s\xe7\xcaoL\xb7\xb7\xb7\x03Ku\xaa\x8a\xa5\x1f\xd9\xf7ff\x1c\x82\xa5\x13\tB"2 \xe5\xd8W2\x01\xf3\xc6\x8b\xc5\xe2\xf8\xf7\xdeNM\x9b:\x1a\xb3]V\x15\xf3\xf7\xa9\x9f?y\x92\xfeh\xda`\x83\xcfs\xcc#jy\x07\xfcDy\xa9\xcby\x07\xf14\x90\x84\xf8\x0b\x88\x88\'\xecw\xd2\xc2\x86\xaa\xe2.\xd3\xd3\xfbn/\xdc\x9d&lt;\xf7\xdb\xbf\xdc\xb8qcrc\xc6\x14U\x94\xc1n\xa1\xeb\xed\xbbbXz\x9c\x04K\xd6\x05K\x92\x97\x83\x10+\x91\x06S\xb1\xf0\x9d\xb7\xec\x94\xad\x13\x156}&lt;\'\xfbw\x1b\x93\x97\'7\xde=&lt;mX\\\xddI\xd6\xcb\xbc\xe4e\\%\x86\xc6\xf2\xac\x81\xaf\xeb\x16\x86oN\x8b\xad\xa8\xaaNE\x0c\x87E\xf3\xbd\x87\x9b\xd7~\xf2\x9bsT\x937\xee\xdeX\x98\x99VU\xdd\xf9I\x19\xe6W_\n\x10\x17\xe4J\xd2\x058\xff,\xd2|B\xdb6\xc30n;a\xc8\xb6&gt;\xe70Fa\xa8\xadA\x97\x92\xb0\xf3\xf0 \xb4\x1a\xc8\x10\x1f\x06\t\x85\xdd\x02;\xee\xf6\x19m\x87\x9dr\x13E\x07\x1d\x8a@C\xa4hPa\x0b{\xa8xE\xa0\x15\x83e\xa6[@\x87\x1es\xa8s\x9d1\x86\x81}j\x0f{\xde\xef\xb3\xd3\x97D\xb6\x89,?~\xde\xdf\xfb\xc7&amp;"@\xd5\xf5\xab\xdf\xcf\x1e\xf4L\x82J\x83[\x1a\xdcj6\xe3\xe3\x1c\xaa"/Zo\x0f\x9aq\xbdu*G5\n\x10\x02\xabB\xd9p(t=\xa9V\x00\x1b\xcc\x14/\xc4\x98\xfcEY2f\xfe\xb9\xf9/\x98\xd8\x16E\x08qQ\x96-\xde\xc4M\xfc\x9dZ\x9a\xb0T\xd3\xfb\x8f\xcf^]\xbf\xa0 M/H\xd2\xcfi\x8a\x9e\xf0\xe3\x91\xc1I\x14\x1a\x1e)\xd3ux\xd5\xcd\xa3\xf9|n\x07\x88Y\xfe[\xad\xddF9)\x17\xca&gt;\xa4g\xc3\xbd\xac\x9a\xb0\x88z\x01\t\xba\x80qh\x18\xaay\xbe\xb6\x1d\xc7\xf1\x1d\xdf\xb7m\xd7v]\xb7\x8c\xbc\xd5\xb9n\xb6\xa1\x9c\x89\x11\x80[\x93\xf7\x9f\xfd\x9d\xa6\xd7)\x14\xfd\x9a\x82sq\xff\x8f\x83.\xe7\x1c&amp;i{Q\x9a\x1e\xf3\x9f&gt;A\x14i\x9a\x97e9\xce\x16\xcb\x13\x14S]v&amp;\xd1!\x0e\xc54\x96\xabK\x05e\t1`\xbdq\xd1!\xc1\xd5C\x9c\xa8^~\x9c\xfb\t\xc9\xf2}\xd7\'\xc3\\\xd7\xb1C/\xcb\xdf\x16:3\x98$\x1fw4\xce\xfb_\xfc#\xd8\x87Ki\x9a\x9e}y\xd05ya\xea\xdagQ\xbaa\x16\xc7\xcb\xf5\x08\x19|7\x02\xa6\xab\xd5*\x1b\x0fn\x16/\xf1\xb9\x8cv-\xd1\xb9\x84\xb2}\xdb\xacR%J\xf7\x9eS1V\x95\x96\xaa\xe2g;\xf7)\x92\xe9\xd4\xc2\x8d\xcc"\x08\xf3\xc2\xd5\xb2K\x99\x14\x042\x86\x95\xbf\xa9\xc5\xfdgg\xd7\xf4O\xcd\xdf\x7f\xf3\xe0\xa8o\x16\x84\xb9\xa6\xdf\xab2u\x93\x1b\xcbE\x96}\x80,H\xfa\x90\xddx\xde\x001\x8d\xf2[!\t\xbd\xbd\xd5"e\xb2{R\x11Vv\xa4!\xa8\x08q\n;\xad\xb1\x8d\x9bL!\x89"\x9c\x12\\\x84\x16Dy^\x18.n\xf1Q\x88J\x92\xd1\x11uF^&lt;\xfc\xea\xd1\xb7\x0fO\xc0S\x11C(\x18\xa7\xea\xc3\xb2\x0euz\xac?\xcdK\xab\x04U\xb6M@P \x07\xbe\xe5\'\xa3m\xaf];\xad\xd5\x15\xb2\xa2&amp;\x19\x139\xad\x0c\x87$\xea\tF\x94J\xb4+\x9d\xaa\xf2u\xee\x92\xa6\xc1&gt;\xc6\x10$B\xea\x8a\xf2+\x1eKa\x08\x14\xbe\xa1\xf1\xe2\xb2o\xa0\x1b\x98M&lt;\xd6E\xde\xd0\xe3\x80\x14\x03T\xaf\xf3\x99\xed\x02(\xe0\x89\x83@&gt;\x08\xec\xc0\xf1\x93\xc4\xb2\x16\xff\xb6\xb1\xb0\xd08VU\xe5p/\xabV\x19\xde72\x05\xfba\x07\xd8\xf5r&lt;A\xc6\xbd]\x88\x1db\xb0.\x1cmOL\xde\xc4\xdb Q\x8c\xbe\tD\xa6(uXPH\xa6\xa1\x1bd$\x1e\xc6\xfa\xd5\xe6\x0e\x15\xe3E7\x881\x05\xae\x01\xc7\x82`B\xe8&amp;\xd6\xdd\xcbz\xa3#\xc6O\x1dk Z\x05\x8dBE$\x91\x9a\x7f\x83F\x11m6\xbd&lt;\x98|\x0e&lt;\x17G\\d\xf7.\x83\xc0u\xc3\xd0\xba\xdb\x9e\xbfa\x1c-\xdc\xa0/t\rF\x0b\x13\xd2i`\xa1#\xa1\xa0\xae\x89\x8f\xbd\x9c}\x97\xcf`\x92\xe7e \x1dP\ti\x82\xab\x04\xc8:\x01]\x7f\xb6\x14\xcb^GtU9m\xc0\x16\x11O\x85\xd9\xa8\xb5\xea\x98\x81j7\x0f\xa4\x16gw\x9c8\xb6c\xcbp\xf0F-\xd7v\xc20I\xca\xbb\xc5\xe6\xe3\xd51/\xfe\xe2\x86F\xcd\x82\xed:\x1f\xd5\xa8\x1e\x17\x85y\xfc\xf4\xfdbdy^\t2\x81\xe6N\xd4\x98\x84\xddk\xa3\x97\x98\xdd\xd6i\x005\xc4\x0c\x82?\xd4!*\x9d\x8eh\x0e\x18\x83}0\xac\xf6&gt;\x05NB}!\xf1e\x16\xc3\x81w\x93\xd1EQG`\xccr\x1d\x91K8\x06hg\xeb\xcd\x0f\xafO.\x7f)(b\x11\x9c\xee\x9a\x17G\xcb|=\x03\xe0\xa5\x17\x958\x9fX\x1f\x8ce\x16w\xc9\x94\xdcN\x13g\x</t>
        </is>
      </c>
      <c r="M68" s="3" t="n">
        <v>45492.67737268518</v>
      </c>
    </row>
    <row r="69">
      <c r="A69" t="n">
        <v>166273</v>
      </c>
      <c r="B69" t="n">
        <v>5926</v>
      </c>
      <c r="C69" t="inlineStr">
        <is>
          <t>Rodrigo Caio</t>
        </is>
      </c>
      <c r="D69" t="inlineStr">
        <is>
          <t>R. Caio</t>
        </is>
      </c>
      <c r="E69" t="inlineStr">
        <is>
          <t>ZAG</t>
        </is>
      </c>
      <c r="F69" t="inlineStr">
        <is>
          <t>ZAG</t>
        </is>
      </c>
      <c r="G69" t="inlineStr">
        <is>
          <t>ZAG</t>
        </is>
      </c>
      <c r="H69" t="n">
        <v>183</v>
      </c>
      <c r="I69" t="n">
        <v>30</v>
      </c>
      <c r="J69" s="2" t="n">
        <v>34197</v>
      </c>
      <c r="K69" t="inlineStr">
        <is>
          <t>Right</t>
        </is>
      </c>
      <c r="L69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c\xff\x00\x15\xf8\x9fF\xf0g\x87/|S\xe2\x1b\xc5\xb7\xb2\xb0\xb6y\xee\xa6a\x90\x88\xa3$\xe0u\xe9\xd3\xbfJ\xd0\xaf$\xfd\xa5&lt;E5\xde\xb5\xe1\x9f\x86\xa8v\xdb\xea\x1a\x87\xdbu3\xc8/\r\xbf\xce\x88\x08#\x19\x97\xcb\'\xd4!\x1d\xea\xa2\x94\xa4\x93&amp;M\xa8\xb6\x8c\xabM2\xe7\xe2v\xb7\x07\xc4_\x8a\xb66\xc9-\xb4\x9en\x85\xe1\xed\xc1\xd3KA\xca\xc97;f\xba=Y\x86V&lt;\x84\x8fv\xd3$\x9c/\xed\x9b\xfbA\x9f\x81\xbf\x085/\x1c\xf8wV\xd2`\xbe\xb6t\x8e\xdf\xfb@\x16\x129e\xca\x8c\x11\x83\xb4\x91\x93\x9c\x1d\xb9\xeb\\\xdf\xedU\xf1\xc3\xc1\x1f\x0c-7k\xff\x00\x134\xdd%\xe1\x98H\xd0N\xd3\xdd\xca\x8b\xb1\x8bK\xf6{r\x0cb03\xe6d\xf2\xc3\x1f&gt;\xc4\x7f\xce?\x89?\xf0Q\x0f\x82\xfa\xbe\x83\xaf|\x1f\xf8\xd3\xa67\x89-\xf5-\x02G\xd0\xae\xd2\xd5d\x1av\xa7*\x022\xae@\x966\x1f\xba\xf32\x1b\xe4\nP\xaf\x99"\xf8y\xa6j\xe1z0vvv&gt;\xbf"\xe1\xcaN\xd8\xb9\xaemSi\xad\xff\x00M\x0fY\xf8]\xff\x00\x05\xc5\xb9\xd4|Q\xab^x\xdb\xe1\xd4\xba\x8f\x87\xde\xccM\x15\xfb\xdc\xf9r[B\xd1\xc6S|"-\x9ei-\xb7w\xcb\x13\xb3\xa0Gu`\xd5\xf3\x8f\xc5_\xf8(\xaf\xc6\x8f\x07\xdex\xdbW\xf0\xb7\xc4\x8d~=\x0f\\\x16\xcf\xa6i\xa2\xf8:X&lt;\xc8\x9ed\x10\xb1-\x1e\xcd\xea\xe0\xc5\x18\x18D\x91\xc19to\x9c\xad&gt;6\xd8\xe8\x9e\x05Y.\xac\xe3\xd2m/l\xfc\xb7\x8e\xd9"\x81g\x9d~e\x9a0A\xf9\xc4\x92\x12H*\xa1\x88i\x03\xa8\xc9\xf9\xb7\xf6\x95\xf8\xc1\xabx\xae\xee\xd6\xca\x19R\xd5#\x84\xed\x8a8\xc4lW\xe5\xe7\t\x85a\xf2\xaf\xcd\x83\xd3\xa9^\x07\xc8\xd1\xfe\xd3\xc6\xd6T\xe5Q\xb8]\xeb\xf9\xab\x9fu)e\xb8(\xba\x94\xe9%&amp;\x97M4\xdbG\xd5\x1e\x93\xae\x7f\xc1D\x7fk_\x0eiW\xde\x18\xf0\x1f\xc6]KG\xb0\xd5\xe4--\xfe\x95\xa8[\x86\\\x1e\x11g\x8cy\x8b\x10T_\x91YT\xaa\xed9TP&lt;\xe9\x7fj\xdf\x8d\xb1x\xb2\xdf\xc5G\xe3O\x88&gt;\xddl\xf1\xb9\xbf]f]\xd8\x8c\x81\xbc\r\xd8\x7f\x97\x1ds\x92_\xa95\xe5\x9e\x0e\xd7m/e\xbf\xb4\xf1E\xc4\xado{o\x88\xe4f\xdc\xcb*\xb8\x91X\x128c\xb5\x97 gk62x4.u\xbb\xbd*\xf94\xab\x88-\xfc\xa0\xa4+[B\x00u\xdb\x9d\xd9\x93\xe6\xc7\xe3\xdc\x8c\xd7\xd0\xc3\x06\xe0\xbd\x9a\xe8x\x151N\xb4\xa5R]\x7f\x1f\xb8\xfd\r\xf0\x8f\xfc\x17#\xf6\xd8\xf0\xbf\x82\xb4\xef\n\xe9\x9e3\xd3/\x16\xcdm\xd7\xed\xf7\t!\xbc\xb9\x89\x06\xd7\x8aI7\r\xca\xc7\x1b\x9c\xa0q\x83\x86\xdcw\x0fd\xfd\x9d\x7f\xe0\xe5_\xda\xdb\xe1\xb7\x88\xcd\xe7\x8et}#[\xd0#%\xdbE\x82\xd9\xe4\xba\x91\xdf?(\xb9k\x92\x15\x10\xe0\xe3\xc8\x0cwc+\x80[\xf2n\xc3\xe2\'\x87d\xf2\xed.\xa4\x91\x15\t\nU\xf2\xa0\x12z`\x02\xa7\xbf^\xbd\xfbV\xe4\x9akx\xa6(S\xc3z\xdc@\xba\xbb\xf9\x0c\x9f\xbcpI \xa6\xe1\xf3\x10F~R\xdf^p\x1f\xb5\xc5\xd0\x92\xf7\x9a\xf5\xd5\x1c\x92\xc3\xe5\x98\xbfu\xd3W\xf2\xd2\xff\x00q\xfd[\xfe\xc0\x7f\xf0Y_\xd9W\xf6\xe9\xd2\xec4\xbd\'Z&gt;\x1c\xf1=\xd5\xba3\xe8:\xbb*\x92\xec\xa5\xb6$\x80\x94v\xda7\x15Vm\xa0\x80\xc47\xcb_^\x02\x08\xc85\xfcJ\xe8\xba\xcf\x8c\xfe\x1dk6\xda\xf6\x81\xe2\xfdF\xd3T\xb3a-\xb5\xcd\x95\xfc\x89,e\\8e+\'\xcaU\x94:\x91\x8eUX\x1e\x06?\xa1\xef\xf87\x83\xfe\x0b4\x9f\xb6G\x82 \xfd\x93\xbe&lt;\xebr\xcb\xf1\x0f\xc3\x9an\xed;V\x9e3\xb7Y\xb5\x8d\x8a\xedg\xc9\xff\x00HD\xf2\xd9\xb7m\x0cY\xb6\x02\x14\x85\xf6p\xb8\xb8\xd7\xf7^\xe7\xce\xe6yL\xb0~\xfc5\x8f\xe5\xff\x00\x00\xfdL\xa2\x8a+\xb4\xf1\x02\x8a(\xa0\x02\x8a(\xa0\x02\x8a(\xa0\x04b\x14\x16\'\x809\xaf\x90&gt;7|R\xbf\xd5~6]\xf8\x87K-=\xbe\x96\x9fg\x8c!\xe0"\xfd\xec~9\xcd}\t\xfb@|@\xd4&lt;\x19\xe1\x15\xd2|6\xbb\xf5\x9df_\xb2i\xd1\x8eJ\x96\xe0\xbf\xd0\n\xe7\xb4\xef\xd9\xaf@\xb1\xf8_s\xe1\xa8aW\xd4\xee\xac$\x12\xde\xc82\xcf3)\xcb\x12{n?\x95\x01c\xf1\xa3\xfe\n?\xf1\xe7U\xf1w\xc7{\x8f\x0b\xf8SAQu\xa8M\r\xa3\xc6\xd73\\7\xdb\x97\xcfX\xb1\x19\x18}\xa8D\x86.\xab\xe6G#`yA\xff\x00;\xfe2xG\xe3\x07\xc3-R}\'\xe2\x9f\x86\xa4\xd2.$\xb7ymREG\x8a\xe5\x18\xee\x02\x19\x11\xccs!(\x07\xcb\xc0\xc6\xd2\x07 }\xfd\xfbN\xfc\x10\xf8\x83\xf0\xf7\xf6\xc7\xd4o&lt;C\xe0I$\xd4lmn5H&amp;\x92\xddLp\xbbL\xc1\xf3\xb8\x9c\x91\x16\xf7S\xc9\xf9\x1b\xcb_\x98\xed\xf8S\xf6\xa7\xd4\xa7\xd7\xf5\xddK\xc6\xde0\xd5\x9e\xf5M\xf3\xae\x95g6\xa54\x97\x11(\\\xba\xaf\x98_r\x05\xc1%\xdd\xb6\x8f/\x1b\x8ev\xfc\x0e.\x9ca\x8d\x97\xb5\xbb\x93zz\x1f\xa9e\xf8\x87W\tN4\xbe\x15\x1d|\xd9\xe1?\x12\xfe&amp;\xde^Ak\xe1\xd9\xee\xeeE\xad\xa9F\x9a\xc6;\x92S~\x03}\xd0@\xc9e\\\xe7&lt;\x80}\xab\x88\xd65iuK\xa6\xd4\xe1&lt;\x1c\x06\x0c@\\e\x8e8\xc6\xd1\x96\'\x00z\xfa\xd7\xb6\xfc\x05\xfd\x93|o\xf1\xb3\xc4\xc3O\x83M\x97e\xd5\xb9\xb9B\xc3nP\x12\tS\xb0\x93\x97(\x81pp]y\x1dk\xea\x1f\x06\xff\x00\xc1\x1c\xd7\xf7\x17\x9e-\xd4\xc2\xc9q\x132Z\xc0\xe5Y\x82\x9c\x10\xb8\nX\xe4\x94\x00\x02\xc1\xd3i\xc18\xae\xd8\xe6\x18,*P\xea\xbf\xa6UL\x16+\x10\x93}\xf4?;\xe0\xf0\xae\xac\xcd\xbbN\xb5\x12\x07\x01\xd6&lt;\x93\xbf\xa1\xc1\xc6O\xb7\xe2\x0ey\x19\xd6\xf1\x8cR\xdf\xf8"\xda\x1b\x8bY\x16kf\xdceF\xe2A\xc6\x11\xc6@\x1bK\x1eNpr\x00\xdax\xfdU\xf0\xaf\xfc\x13\x07\xe0\xa7\x86\x96[O\x11\xf8\x7flvs\xb2\xc1\xe7\xa1fp\x19NX+\x83\xd8\xf0\xbdO9#\x19\xe3\xbfj\xcf\xf8\'\xc7\xc2\x9f\x04\xf8\x07I\xf1\x97\x82\xbc\x15-\xba\xd8\xea\xf6\xf7:\x84;@k\x8b\x10\xaf\x1d\xc4#\xa1\x0cc]\xc9\xcew\x109$W?\xf6\xf5\'Y&amp;\xbd\x19\xa42\x1cMX4\x8f\xc8\xab\xe8o\x05\xca\xc4ae\xc7|\x8c\xf3\xc9\xf5\x03\xadw\xfe\x0c\xd75\x08\xb4\xc1\xa7[Mit#P\xe6\xdaI2\xdb\x978p\xa0\xb3d\x03\xb7x#\xe5P:*5}\xb9\xfbB\x7f\xc12\xfc?co&gt;\xa3\xa6i\xb3,w.&lt;\xb3kl\xdf+\xeen\x15B\xf20\x08\xee\xd9e\x18\xe7#\xe4\xaf\x1f~\xcb\xde"\xf8s\xac9\xd3\x16W\xf2\xe4(K\xa9VV\x04\x83\x82\x00\xc8\x18\x03 c \xe3\x8cg\xd4\xc3\xe7\x18\x0c|y\x13\xb3\xf3&lt;z\xb9\x16c\x97W\xe6\xb5\xd3\xfe\xb6 \xbe\xd7,5\x8b\x08\xe2\xb6\xba\x92\x19\x15\x7f\xd4\xcf"\x16\x07\xa6\xd0x\xc8\xf9F\x08\x00\xe4\x10y\xf9\x8f\xb7\xff\x00\xc1/?l\xfd[\xf6!\xfd\xb2&lt;%\xf1\xe6h#\xb8\xd3\xacoE\xbe\xba\xd70+\xb8\xb1b\xa2B\xac\xca\xce\xac0\xb2mB\xac\xdeX]\xdbY\x81\xf9ZH5[{\xcd\xb7\xf14r*\x9d\xa1W\x91\xc1\x04\xfb\xf49=Et\xf0]\xc7)\x08\xe6\x1c4+&amp;R1\xf2\x92\xa3&lt;\x01\xd4\x12y&gt;\x99\xae\xa8ST_4M/\x1c])R\x9a\xb7Gs\xfbx\xf0\x17\x8d\xbc;\xf1\'\xc1ZW\x8f\xfc#\xa8\xc7w\xa6k6\x11^X\xdcB\xe1\x95\xe2\x91C)\x04pz\xd6\xbd|S\xff\x00\x04\x02\xfd\xa2\xd7\xe3\xef\xfc\x13[\xc0\xd6W\xf1K\x1e\xa9\xe1\x1b\x11\xa3_\x89\xa4i\x1ae\x8c\x9f*s!\x18\x91\x9d9lgk\xeeS\x86V\x03\xedj\xf6\xa3%(\xa6\x8f\xcf\xea\xd3\x95*\x92\x84\xb7N\xc1E\x14S3\n(\xa2\x80\n(\xa2\x808\xb9&gt;\x1e\xdd\xeb\x9f\x14\xff\x00\xe16\xd7\xa5Y-\xec\xa0\x11\xe9\xb0\x1e\x88{\xb7\xd6\xba\xe6u\x0f\xb4T\xac0\xa4(\xaa\xccH|\x91@\x1f\x98\x7f\xf0YO\x11\x9f\x86\x17\xde9\xf8\x836\x8b\xf6\xa6\xbe\xd3\xec\xf4\x8bK\xa5F\x1f\xd9\x86H\x94\xbc\xa5\x81\xf9\xcb\x83\x1e\xd8\xd4\x12\xcd\x16\n\xb8 \x0f\xca\x7f\xd8\xdf\xf68\xd4\x7fj\xbf\x8b\xb0\xc5\xab\xaaE\xa3i\xaf\xfe\x98Dd\x16\\\x00\x15Yv\xef;\xd9\xdb8\xe3\x19\x00\xe4\x8a\xfdT\xff\x00\x83\x81\xf4\xbf\x10\xc5\xf0\xa3V\x97H\xb8H\x93P\xd7t\x94\x99d\xe9 6\xb7\x0c\x80g\x8c\xf9\xb6\xab\xc7|w\xc5x\x87\xfc\x12\xc3\xe1\xe4\x7f\x0e&gt;\x19&gt;\xaf{:Op.].\x19\xe4\x7f29\x1c$\x8e\x0f^y^\xe4\xe3nI!\xf1\xf0\\MRp\xc4\xd9i\xa6\xfe\xa7\xe9\\%MO\x08\x9b\xee\xff\x00\x03\xa9\xf8\x15\xfb*xo\xe0\xe6\xabv\xba&gt;\x9c\xa9r\xce\xa8\xb23\xc9\x9f\xb3\x01\x90\x84\x9c\xf2YUH\xe0\x10\x13#p\x0c\xbd\xfe\xbb\xe1;Aq=\xd3i\xbeI\x90\x83\x04\x04yc\xee\xe7\xcc\xc0\'\xe4\xc2\xe4\x8eOLs\x8a\xean\xde\x1b\x8dVk\x88\x0c0\xac\x80\x92\x18\x95~X\xfc\xc3\xa8\xc6H\xfb\xd8n\xc4\x020\xd45\xad2\xce\xee\xe5\x9a7\x0c\x1c?\x98\xd2\xa20q\x92G\x03h\x1dA\xc8\xef\xc7&lt;\x93\xf2\x17\x9a\xd6OS\xee\x95\x9b\xd0\xe4\x17\xc2V\xdat\x06\xe0\xaa\xc7y\x03K"\xdb\xacf\x16b\xd8\xc3\x86~\x14\xaf\xcc\x0epq\xc0\xedL\xbc\xf8;\xa0kx\xba\xbfi\xe6v3y1H\xc7\xcb*\xc0\x00\xa5J(,AC\x9c\x8cm\xc8?*\x83\xd0\xaa\xea3\x89&lt;\x85\x99\x88\x91@D\x87\x92\xdf)\x08\xa00\xdd\x86\xe41\xc0n1\x81\x80\x18\x03\xcb\x1a\x1f\xb3#\x02\x0b+\xc7\x18_\xddd\xee$\x0c\x93\xd0\x8d\xb9\'\x96\xcerEc:\xbc\xd1k\xa9\xdb\nr\x84\xd3\xb9\xc6x\x97\xe1n\x8d\x7f?\xf6|\xd1\xaf\x9b6\xd6WD\x120\x00"\xaa\x00r\x01\xf9\xc7a\x80\x18w\x04\xfc\xb1\xfbZ\xfe\xc5:/\x88&amp;\x9a}\x0fNf\x92)Y\xa3\x96\x12$\x90\x84b\x03mQ\x96\x18E\xeb\x9cg\x8e\xbc}\x95\xae\xac\x92\xda\xac6\xd7\x82)\xe1\x98\xcc\xc1\x8b\xc8\xccN\xe5e&gt;\x83\x19\x19\xc9\x1c\xe7\x00W\x15\xe3\x7f\xb3\x85\xc4PD\xdbU!\x9aFB\x1c(\xde\x1c\xf0NU\x08C\x8c\x7f\xcbN\xb9\xf9G\x9a\xab\xd4\xc2\xd5\xe6\x8e\xe8\xf4e\x87\x86&amp;\x16\x9a\xba?\x14\xfe?~\xcf\xda\xd7\x82\xe4\xbc\xd4\xd7M\x9ao\xb2\xe4\xdc\x04\x8f\x822T\x107\x92\xc3\x82s\xd7\xa6x\xe6\xbc\x87N\xd4\xa0\xb4\x90\xc3&gt;\x9f\xb9\xf1\xd27,Y\x01=\x81\xc6x\xef\x9e\x83\xd6\xbfh~)\xfc!\xf0?\xc4\xaf\x0e][\xdf\xe9\xc9&lt;wha&gt;j\xaf\x9a\x8f\xb9\xb2\xfc\xb3\x0c\x00_#\x1c\xe0\x03\xc2\xe6\xbf&amp;\x7fi/\x80\x13|\x1b\xf8\xad{\xa2\xc5+\x9b$\x9c\xa5\xab\x99G8`pO\xd3\x189\xc8,\x01\xce\x05~\x87\x90gQ\xc7\xd3tj\xe9%\xb7\x99\xf19\xfeQ\xf5)*\xb4\xf6{\x9f\xbf\x9f\xf0i]\xb9\x97\xf6?\xf1\xbe\xadku\x1a\xdb?\x8bb\x89\xad\xa2t`e\x16\xea\xc6F \x06V\xda\xca\xbb[\'\xe5\x07\xee\x95\x15\xfa\xc7_\x94\xbf\xf0i?\x83\xbcG\xe1\xbf\xd8\x8f\xc7z\xce\xab\xa2\xcbmc\xab|B\xf34\xb9\xe5\x18\xfbREe\x04.\xe3\xfe\x05\x19\x07\xa79\x18\xc0\x04\xfe\xadW\xdda\x95\xa8G\xd0\xfc\x7f0\xd7\x1dS\xd4(\xa2\x8a\xdc\xe3\n(\xa2\x80\n(\xa2\x80\nc\xc2\x18\xe4S\xe8\xa0\x0f\xcb\xdf\xf88[[\xb5\x8f\xc0\x1a_\x85\xe7h\x89\xbc\xf1~\x88Dn\xa0\x99\x15 \xd4\x03\xaa\x96\x8d\x808\x98\x1f\xbc\x84\x8e2F\xe1X?\x04|\x03s\xe0\x1f\x86\xdaN\x8bqxe\xb8x\x12\xe7P\x9ay\x06]\xdd\x00B\xcf\xb5K(\xdd\xb4d\x03\xb4\x0ez\xe7\x94\xff\x00\x83\x8bnn\x17\xe3\xb7\x80U.\x80\x82\xd8^\\](t\x05v\xae\x9c\xd1\x80I\x04\x12\xc9\xc7\xbe1\x8f\x98\xd7}\xf1\x1f^\x8b\xc1\xdf\x0fn\xfcCn\x1c\x01o\xf2N\x04\xbbS*\xc1\x8e\xf0\xa4\x00\x1d\x8b\x0c\x03\xd3\x81\xf3\x02?9\xe2\x99\xcaY\x82\x8f\xcb\xf0G\xea\\\'\x08\xc3-\xe6}\x9b\xfcZ5\xf5o\x88\x7f\r|-p\xb67\x1e\'\xd3\x85\xf6\xc5\x11J\xf3\xc6\xc27\x01\xbeV!\x8e\x00c\xc0\'\x8e\x0e\x14)5\xc9A\xfbCx\x12{\xf4\x86=~\xc0\xb01\xee1^\xf9\xf9\'v\xd0\xa4\x10\xacyT\xc0\xce29\r\x8c~|~\xd0\x1e7\xf17\x8d|gq\xe0_\x05\xa4\x97Z\x95\xccR\xcd\x0e\x95\xa5\x16;#\r\xb5\xd9\xa4,\xa28K:.ee\x00\x86@\x0b\xc87|\xf9\xf1_\xe0\xa7\xed\x1b\xf0\xe2\xee\x0f\x1ckz\xcd\xd2\xa7\x9eY\xda\xcbU\xdd&amp;F\xd3\xb0;\x96\x07nA\xe1\x8ew}\xe2:a\x86\xc0aT/\'w\xdc\xf4\xaab\xf1m\xaeD\xad\xf8\x9f\xb2v\xbe,\xb0\xbbi\xae\x98A#\x0bo\x92\xd2\xdeb\xcf\x82\x07$\xa9\xca\x9d\xac\x1b\xd3\x00\xfa\xf1{B\x97M\xb4\xd4M\xba\x08\xa7\x86e2(\xdeT7\xca\x18!\xdc2q\xc9\xc8\xc8\xca\x83\xc8\x18\xaf\xce\x9f\xd8\x93\xe2\x7f\xc6/\x16jV\x1e\x19\xbe\xf1\x9d\xcd\xd5\xb5\xd7\xfa=\xb4WD\x07\x8fb\x91\x80\xf9/\x91\xe5\xe7 \xb1\x1bq\xc2\xed\x15\xf5\xe7\xc5}\x17\xc6\x1e\n\xf0\xe5\xf6\xab\x05\xf3\xacv\x96\r)\x99\xe5BBD\x98\x08\x03c\x83\xea\xb8\x1dOLm\xf3\xf1\x98j\x18y\xa9\xec\x9b=\xac\xbf\x19Z\xac\\z\xa3\xd1u\xaf\x18\xc1\x1e4\xc5\x0f$q\xc9\x18u1\x83\xbdrQ7\x93\x86E \x1e\xc5C(\xf7\xcf\x19\xe2][E\xd7\xb5\x19\xe2\xb5\xd5c\xf3\x9cn\xb7h\xf6\x16c\x1a($)\'y\xfd\xe0o\xbd\x83\x8d\xc3\xae\xe3\xf9\x9f\xfbB\xfe\xda\xbf\x16\xe6\xd4.\xfc3\xe1\x7f\x1a]Y\xc5\x05\xc4\xbeZ\xc4\xef\xe6F7\xf0\xaa\xc0d\x00\x06\x01|\xb0\x18\x1c\x92I\xe2\xfe\x1a~\xd4\x7f\xb4\xd7\x86\xe7\x1a\xa5\xcd\xfe\xa9s\xa7\t\x91\xc4\xb2\xdc\xc8\x83y.\xc0\x01(\xf2\xd8\x93\x86\xfb\xbb\xd8\x0c\x06\x07i\xac\xa5\x91\xc7\x11O\xda\xa9X\xea\x8eu*59\x1ctG\xe9\x87\x8e\xae\x1a\xcfIm\x1e\xde7\x95R\xe4\xc8D\x8c\xd8\xcb\xa8r\xaa:\xec*@\xf5\xdc\x063\x9e~\x06\xff\x00\x82\x83x\x16\xd7P\xf1|^ \x9aO0K\xa7\t\xad|\xc8\x972\xb6Y\x1cn\x04\x11\xb7\x9f\xf6H\xdb\x80\x01\xafP\xf8a\xfbB\xfca\xf1]\xa2\xcf\xa8\\[K;\x06i\x12\xea\x11\x19a\x82\x11U\x94\xaa\xbbd\xb8\x01@\x00g\'qb\x1b\xfbuY\xe8\xfa\xbf\xc1\x18|W.\x9f\x1d\xb4\xb0j\x11\xa1d\x0c\xc1 \x95Y\x1drxP\xc5#\xe0\xf6\x84\x11\xc9\xe3\x0c\xb6\x9c\xf0X\xb5\xea^g\x88\xa7\x8c\xc0\xc9\xfc\xcf\xdb/\xf8 \xe7\xc2\xdb\xff\x00\x85\x1f\xf0K_\x85\xfaN\xa1;J\xda\xae\x9d&gt;\xb1\x1b\xbc"2c\xbb\x99\xa7O\x94\x13\x80\x15\x80\x19\xe7\x00d\x0e\x83\xec\x1a\xf9\xf7\xfe\tO\xe2\x08\xbcS\xff\x00\x04\xe4\xf83\xaeD\xd9\xf3\xbc\x03`\x1clU*\xca\x9bX\x15R\xc1H#\xa0$\x0fS\xd6\xbe\x82\xaf\xd9\xa9\xd9SV\xec\x7f&lt;\xd7r\x95y7\xbd\xdf\xe6\x14QEY\x90QE\x14\x00QE\x14\x00U\x1f\x12x\x8bH\xf0\x96\x83y\xe2mz\xecAgcn\xd3\\\xcaA;QFO\x03\xa9\xf6\xefW\xab\x91\xf8\xf5\xa2[x\x87\xe0\xbf\x8at\xab\xb2\xe1\x1fB\xba`c}\xa42F]pGO\x99E\'{\rY\xbdO\xc8\x7f\xf8-e\xd6\xa9\xf1{\xc7V\xbf\x1c\xb4&amp;Ac\xa7\xd9\xbd\xbc\xbaz\\\x01%\xbc\x99\xb6H\x99\xd92\xce\xb2\x12\xa0\x05\x18\x0c\xaf\x82\xe7\x00w\x9f\x12 \xd6u/\x86\x1a{i\xf3J\x8fu\xa5B!b\xb2#\xab&lt;*\xaa\xff\x00!\xc1\x1b\xd9A9\xdcx\xf9q\x95;\xbe-\xf8gii\xe1(~\x19\xdd\xeai$\xba\x96\x84t\xc9\xe5\x95\x19\x8c\x90\xce\x1a\'\x07ke\xdd\x14I\xcf\xde%C\xe3\'#\xb1:%\xbd\xfe\x96m,aE\xf2\xa2\xf2Q&amp;@\xaa\x10\x8cl$\x16\xda\x00\x00px\xf4\xe6\xbf%\xcc\xf1\xf5qX\xa5)\xc5_woK\x1f\xb6\xe5\xb9u,\x06\x0f\xd9\xc6M\xae\x97\xde\xd7\xb9\xf9\xbb\xe2\xff\x00\x81\xbf\x1c\xb4\xcf\x14\\]\xfc=\xd5\xb4\xff\x00\x0cG\xa8\x08&amp;\xd4\xef\x05\xc2I\xa9\xdd\xc0\xbc\xa8\x8e\xe2X\xa5HcR\xd2\x1d\xbeK\x04\xfd\xe2\x9d\xa2FQ\xf3W\x88?fO\xdam\xbe\'\xcd\xa9x\xaf\xe3b\xc9\xa0O{\x1c\xc9c.\xbdy=\xcb\x89U\x19^H\xe7\x8d\xed\xc4\x9b\x162Ur\xab\xf7F\xe1\x19\xc7\xec/\x8f\xfe\x03hz\xc4\x12\xc7\xa9Z\xb9\x8d\x80\x864\x0b\xc8 \xb7\xce\xc10w\x10\xc4\xee\x18#\x0b\xc8\x03\x03\xca\xed\x7fbO\x01\xdc\xebcZ\xf17\x86\xae.$\x8eS4\xe2\xf6\xfd\xe6Gw\x0f\x9d\xc0\x90\x14*\xed\nYT\xe4\xb3\x108\x15\xdd\x86\xc7\xce\x10\xe4I|\xd5\xc4\xf2\xbau\xe7\xed5\xf9;}\xe7\xca\xbf\xb0O\xc1\xcdn\r^\xcb^\xba\x96+\xb9\xa6\xd6bw\x9bN]\xaa\xa9\x1e\x188\x94(\xdaI\x8f\xca\xc0\xceB\xe4*\x868\xfbg\xe3M\xcc\xbe\x1c\xf0\xdd\xfcW6\xe7\x1e@\xd9m,\xca\xab#\xed\'\x8c\x0c\x83\xf2\xc8H&lt;\x03\x9c\xf7\x15\xab\xf0\x7f\xe0\xee\x87\x15\xc4\x1a\x07\x85l,\xf4\xf8\xf6\xee\x96;([\xc9\x82\x1eI`\x0f\xf1\x1fR\x14d\xe4\xff\x00t\xcd\xf1\xa3\xc3\x96~$\xf0\xbe\xa4\xda\x82\xc6\xcbjQ\x8c\x82\x17c\xb7\n\xb9\x0c}\x1bw\xde9#\xa9\x00\x9c\xf9Y\x9dYU\xa6\x95\xb6&gt;\x8f"\xc2B\x8dI\xa9=\xcf\xc7\xff\x00\x17\xfe\xce~%\xf0\x9f\x8a\xd2\r9l\xaf#h\xe5\x94\xdd\xce\xad&amp;\xe9v\x99U]7\xa1-\xb7a\xdcJ\xa8\xf3\x01\xcb\xedcV|+\xfbE|p\xd0\xaen&lt;\x0f\xf1\x13\xf6d\xd3u\r\x1e;X\x94\xddZ\xe9Me"\xe1Q\xe50\xb0\x96d\xb9\'8_\x98\x12\xa9\xbb\x0b\xb5\xab\xee\x0f\x18\xfe\xcf^\x12\xf8\x93$z\x07\x8d\xf5\x04\x82\xe0\xa8Q&gt;\x9f\x1ch\xd08\x04\xee\x05\x81c\x92r8\xe4\x86\xcf^yx\x7f`\x7f\x88&gt;jN\xff\x00\x16#\xba\x80L\x169\xa4W\xfbI\\\x15\xc1\x93%NU\xb1\x80\x0e?\xb9\xc8\x15\xb6\x1f7\xa5\xf5W\n\xb1OKuL\xcb\x13\x92WX\xa5R\x9c\x9a\x8d\xff\x00\xa4|\xc1\xf0\xe6\xdb\xc3\xf7\xf3\\k&gt;\x19\xd4\xa5\x8a\xc1d\x054K\xf8\x1a)\xec\x81\xcb,aX\x16*\x0b\x10\xaa\t\xd8\x00&lt;\x12\xb9\xec\x7fk\xa9\xaf\xe4\xfd\x9a \xd3"\xb8\x94\xc3&gt;\xb3m\t\x89\x902\x80VV\r\x93\xb7p\xe9\x86\xcf\xcc%\\\xf0\xd9\x1fU\xe8\x1f\xb1\xce\x85\xe1m\t\xed5\x9d2\xf2\xed\xa3\xde\xcc\xf3\\,\xa6IZ0O\xcc@\xc8\x00\xa8$\x81\x91\xeb\x8cW\x9b~\xd1\xbf\t\x87\xc4\x0f\x07\xaf\x854}\xf2\xdc\xdbx\x82\xc8,V\xf2\x1cF\x86\xe1Q\xdb$($,\x8e\xcc\x0e\xde\x17\xabr\x0f\x99G0U17j\xc9&gt;\xa6\xd8\x8c\xba_U\x92\xbe\xb2O\xef?U\x7f\xe0\x82\xfe.]G\xfe\t\x8f\xf0\xcfK\xd6\xf5\xc2\xf7\xd1\xc5}o\x047\xb7 \xce\xd1\xc7u P\x01\x01\x88\t\x8cpp1\xc9\xea~\xce\xaf\xc4\xff\x00\x84\xfa\x96\xab\xe0\x8f\x8d\x9f\n\x07\xc3\xa9\x16\xd7I\xd1\xbcU\xa7Y=\xec\xac$\x99Wa\x89m\xe2f "m@\xed\xb4+f\\\xe5\xfc\xc9A\xfd\xb0\x1d+\xf5|\x933\xa7\x9a`\xd5H+[O\xc1\x1f\x88q.IW$\xc7\xaau$\xa5\xce\xb9\xb4\xe9v\xf4\n(\xa2\xbd\x83\xe7B\x8a(\xa0\x02\x8a(\xa0\x02\xb9\xbf\x8cL\xe9\xf0\x97\xc5\x0f\x1a\x16a\xe1\xdb\xe2\xaa\x0fS\xf6w\xae\x92\xb3\xbc]\xa2\x9f\x12x[R\xf0\xf2\xc8\x10\xdf\xd8Mn\x1d\xba/\x99\x1b&amp;O\xe7@-\xcf\xce_\x06&amp;\x99s\xe2o\x12\xf8\x92k\x93u\xa8\t~\xc0\x96\xcd\x19\x8d\xed\xe2T\x91\xd5\xc6@9\x93\xcc8,\x0f1\x9d\xacwH\r\x1f\x03\xf8\x95\x92x\xe2\x9e\xdf3\xb4lX\xc9\xf2\xba\x9c\xe1T\x12q\x83\x9598\xe0\x83\xedZ\x7f\x13\xd5\xbc%j\xd6\xd6QA\x0e\xacnR\xd7SgTI\xe5\x9d%e\x8a\xd9Cm\x05\xd5\xa4\xf2\xd7\'\x90\xcc\x01\x1f&amp;\xde?\xc6Zf\xa1\xe1KE\xd74\xebs*Z\\\xfe\xee\xcc\xa1i\x08\x0f\'\x9a\xee7\x04\xc0U%FH\x0c\x08\xe4\xe6\xbf(\xc4\xe1\xdd&lt;O3\x8bZ\xd9\xdf\xb9\xfb\x85&lt;M:\x94/\x06\xb5JK\xd3M}\x0fF\xf1^\xbd\xa3\xd9\xe9-\x1c\xe0\xc7\x1e\xd6@\xcc\x08\xcf*\x14\x9e\xbbA \x80=@\xc7\xb7\x8a\xf8\xcb\xe2\xbe\xad\xe2\rVO\x01\xf8SS\x9a)\xdc\x11s$7\x04\xaaB\t\xe46Xr\t\xc1\xc6O\'\x903Zz\x8e\xb2\xfe0\xd1\xa2\x93N\x16\xf1\xc6\xdbVK\x96\xe5_io\xe3\x04\xaeB\x9c\x80\xe3\xa7p\x0ek\xc0/?j\xcf\x04x&amp;\xf6_\rx7\xc1\xfa\xae\xad\x7f\x7fx\xd6s\\\xdb\xdaJ\xc6\x1b\x90\xc7\xca\x8d\xf6Dv\xae\xd6E\xc6w\x17\x98mC\xc8\xae\x85E\xcd\xaeH\xfa\xb3l&gt;:\x95\n|\xd3{\xeczg\x88\x7fm\x9f\x07|\x1c\xf1\xef\x87~\x17\x7fc\xdf\xce\xda\xc5\x82\x0b\xcb\xab}5\xee \x82w!\x16)\xd9~`\xa6Gd\xdd\xca\xae\x01\x93j\x86\xdd\xe7\xdf\x1a\xff\x00o\xcd+\xc3\xda#k\x10\xb4e\xa4\x9d\x84Q\xcd\x0e\xff\x007hc"\xae\x01 c\x00\x90\t\x0f\x90q\xb4\xe3\x9b\xf8\x85\xa6\xfe\xd1&gt;.\xd5c\xd4\x9b\xc2\x9fc\x857\x17K{\xb9\x81_\x9d#\x1b\'\xce\xe8\xd9\x98\x9c\x90\t\x06&amp;\n\xcf\x90\xc9\xc0\xf8\xbf\xe0\x1f\xc6\x7f\x8a)}\xacA\xe1[\x88\xda;\x89\x0cr\xc7\x99D\x85\x14\xa1\xdaX\x85\x91\x89\xecH\xe1N\t\x1bq\xd5_\rASP{u:p\x98\x96\xf1\x0eQOD\x8e\xa3\xe0\xc7\xed!\xa3\xfcj\xd3\xdb\xc4\x1e\x10\xd6\x96ManI\x9e/*X\xe5\x91\xb2\x01\x18t\x0cx\x04\xeen1\xd0rE}!\xe0\x0f\x19X\xebr\xc9\r\xec\x82)\xe3%\x1c2&amp;U\x89.F\xc2\x03\x15\xdb\xb1H\'h8\x07&lt;\x91\xf1O\xc1O\x86~/\xfd\x95&lt;qu\xab|E\xd0\xa7\x96K\x9b\x05\xbe\x8dd\xb6!c\r#\xa1Y\x04`\xa8\xd8\xe1\x1f\xa8S\xbf \x10\xa5G\xb4|\x1f\xfd\xab~\x17|^\xf1T\x1a\x1f\x86\x9aM;V\x9e\'0\xc7p\x812\x91\x00\xacT\x84\xc9#j\x92\t\xfe\x02X\x00r~g\x17\x85\x8a\xa9/g\x1fw{\x9fMO\x19\x05N*\xa3\xb4\x9fC\xdf\xbce\xab\xe8\xa9ks&lt;\x92\xecT\x89K&lt;\xf9\x0b\xf2\xa8\x19\xca\x93\x8c\x8c\x00r9\x03\x8c\xf4\xf0o\x16\xf8\xbe1\xf1#I\xf0\xc4\xd7`M\xa8\xdf$\x17\x13$l\x1cBX\x90\xc0\xa8&lt;\xed\x1b\xb1\xc9m\xdd\x00\xc35\xdf\x8a_\x14\xecl\xafa\xd2\xacmn!\x96H\x96Fc"m\x9b\r\xbd\x81\x00n\xe1\t\xc0\xc0\'8\xc1\xf9s\xe7\xbe\x12\xb9\xbc_\x89\xf6\x9e \x86&amp;\x96\xee;\x95\x93\xec\xc9\x01IT\x8e\x18\x05*K\xed\x1b\xf0\x8aG\x18\xc7\n\xd5\xcfJ\x84n\xe4\xfb\x18\xd6\xaf\xcd.D{G\xec\xab\xa8|A\xbf\xf8\xcdc\xf0\x83\xc6\x8f\x136\x9b\xe3\x0bo\xb0\\\x8bY\x15\r\xa8\x97|NI\x03qh\xf0C\x13\xc3d\x12q\xcf\xed\xd2\xf4\xfcM~H\xfe\xcc\xdf\x0b|A\xf1g\xf6\x83\xf0\xad\xa7\x86\xb5)\xe2\x9bS\xbd\x83V\xbe\xbc\xba\x89[\xc9\x86\x027\xc2\x8aHfE@~bARc\'~\xea\xfdn\x1d+\xf4^\rO\xfb2R\xb5\x93\x93\xfc\x91\xf9\x0f\x88\xf5\xa3S:\xa7\x04\xfe\x18-;]\xb6-\x14Q_\\~|\x14QE\x00\x14QE\x00\x14QE\x00p\xfa\xc7\xec\xe5\xf0_[\xf8\xa1m\xf1\x9bT\xf0\x15\x94\xde"\xb3\x1b\xa0\xbee8\xf3\x00\xc2\xcaS;ZE\x19\x01\xc8\xc8\xc9\xaf\x88?ht\xd3b\xf8\xd3\xe3_\x06G\xa7\xc6a\x8fV\x9e7\xb5\x8eV\x84\xce\xb31\x90\xa6\xec\x11\xc2\xb7\xa8 `\x10A\x06\xbfE\xeb\xe0\xef\xf8(\xe6\x9f7\xc3\xff\x00\x8eQx\x92\xcb\xfe=&lt;A\xa2\xac\xb7\x7f\xb9\x05c\x9d\x18C\xc8\xd8O\xcc\x14\x1d\xf9\x1fwi\xc8n&lt;&lt;\xfe\x87\xb5\xcb\xdbKf\x9f\xe9\xfa\x9fG\xc3\x18\x87\x0c\xd21w|\xc9\xaf\xd7\xf4&gt;s\xd6\xb4\xbf\xb2x;\\\xd0m-\xbc\xd9.!\x95\x05\xba\xe1\x1e3$J\xa5T\x97\xc2\x05m\xd8\xc0\x18\x08\n\x9c\x92+\xf3\xcbL\xf8\x83\xf1\x13\xf6S\xd4.\xbc]7\xc0\xbb_\x11A&amp;\xa8\xf1%\xe6\x99l\x1e\x1b6i\x15U\xcc\x12!2\x0c\x83\x8e6\x80\n\x95\x1b\x02\x0f\xd0\xbdg\xc4V\x90\xe9\xdfm\xd5\xa5\xff\x00J\x99d\x89n\x1a\x110e\xd8\x1b\r\x84;\xbeb\xeb\x92@\x1c\x8e\x87i\xa7\xf0\xd3@\xf0n\xb7\xe1[\x9b[\x95\x92\xf2\x19[7\xecX\xab)\x11\x05\x11\xeeFf\\&amp;&gt;\xf3\x90\x08&gt;\xa7?%F\xb4\xe1Q=\xd7S\xf4_cFN1o_\xbc\xf2\x9f\x01\xfe\xca_\xb5G\xed)\xe1\xebo\x19\xf8\xfb\xe3\x9f\x91k\xa8YL\xf6zm\x95\xc0X@[\xd5\xb7\x8b\xf7\x92\xc2\xfb\x15\x97l\xe0\xed\x0e\x02\xc8\xa4) 6\x97\xc6\x1f\xf8&amp;\xaf\xc6\xad*\xf3Y\xf0\xff\x00\x87&gt;6\xc7s\xa5\xf8\x7fO\x8a\xf0\xca\x9ak\x06\xbc3\x19I\xda\xb1M\xc1\x02\x1cp\n\xe4\x81\xf3\x1f\x9a\xbb\x1dS\xe1\xef\x87\xfe\x1b[\xc9{\xe1Xqi\x13\x9d\x92\xe9\xe5\xed\xee\x10\x9f-\xc6&lt;\x92w0dN\x8b\x9d\xe1HR~Z\xe6\xe6\xf8\xd2\x9a\x96\x8fv\x97\xde9\xf1\x81\x94[\x96X\xbf\xe15\xbfy\x0cq\xb3&gt;^C2\x9c\xe426G&lt;\x92\t\x07\x1d\xb8\x9a\xd0p\xfd\xda=&lt;5\x0c\xc7\x9f\x9a8\x98\xa8\xedn[\x1f4|l\xf0\xcf\xed\x7f\xfb&amp;\xe9W7\xbe4\xf1Zk\x16\xb1\xde\xad\xb5\xc5\xa5\xc2E\xb5\xe6\x16\xc9&lt;\xa4)ld#\x05\xce\x02\x9c*\xa9fM\xb5\xe5\x9f\x0b&lt;;\xf1s\xc4\x1f\x1b\xb4\x1f\x8b\xc7\xc3\x1a\x8e\x85\x07\x9d\xe7\xc7e\x7flm\xd5\x14)P\xfb\x18}\xd2P\xa9\x18!\xf7\x0c\xb0\xce\xe1\xf6\x1d\xfd\xac\x9f\x125kMKQ\xba\xba\x92X\xe7y\xa3\xb9\xd55\t/.&lt;\x96\xd9\x19!\xa4-\x96\xd8\x15\x19\x8er\x02d\xf2)\xbf\x1a\xef\xbc-\xe1\xdf\x0b%\xa4\xad\r\xbb\x88\xa3d1\x86W\x11\x11#1\xc33.K\x82N:+09$c\xc1\xc4\xe2h\xdf\x961\xf7\x9f\xe4z\xd8\x8c%YS\x8c\xaaTRi\xad\x97\xfc\x13\xcd?\xb6[\xc4^8\xb9\x86\xc6\xee\x1b&lt;\xfe\xe9\xd2I\xc4\x88d\x12HJ\xe0\x90\xcb\x95\x0b\xb7\x1d\x88\\\x9c\x85\x1fr\x7f\xc18\xbfd[/\xda\x8f\xe0g\xc4\xcd5&lt;j\xfaE\xcb^i\xb6zf\xb1kk\x14\xa6\xd6\xf2\xda_\xb5\x0c\xa9,\x1d\x18l\x8e@v\x97N\x06\x00\x15\xf0F\xb1\xe2m\x0b\xc3\x1aT\xba\xb5\xca[\xdc\x7fhH\'\x8ey#@!\x91\x1a8\xf6u\xe0mUL\xe0\x1eOL\x10\x7fb\x7f\xe0\x88\x9e\x1f\xd2l\x7fb\x1b\x1f\x15\xd9i\x91\xc1q\xaf\xeb\xd7\xb7wN\x83\x99p\xe1\x10\x9e\x07\xf0\x81\xfc\x81#\x06\xbd.\x17\xc2B\xbe6NJ\xe9E\xfe:~\xa7\xc7\xf1\xae6\xb6\x17.\x8f\xb3vnq\xb3\xedoy~(\xf4\xcf\xd8\xe3\xf64\x8f\xf6i\xb0\xba\xd7&lt;c\xe3\x14\xf1/\x8a5\x08\xd69\xf5(\xec\xbc\x88-b\x00f;x\xcb1Ef\x1b\xdb\'\x92}+\xdd(\xa2\xbfC\xa1B\x96\x1a\x92\xa7IZ+d~K\x89\xc4\xd7\xc5\xd7\x95j\xd2r\x93\xdd\xb0\xa2\x8a+S\x00\xa2\x8a(\x00\xa2\x8a(\x00\xa2\x8a(\x00\xaf\x8a\xff\x00\xe0\xa9\x16z&amp;\xb5\xe2}\'\xc3:\xdcS\xbcW\xfa\x16\xc6\xfb4\xad\x1c\x89\x8b\xbc\xab\xab\x86\x01H}\x83\xe6\xe0\x86 \xe5K+}\xa9_\x11\xff\x00\xc1P\xf5\x0b\xcb/\x8a~\x18K\x12\x9ec\xf8zm\xa1\x81\x05\xb1q\xf7C\x81\xf2\x9c\xe3\x82@\xe8\x7f\x86\xbc^!\x9b\x86OVK\xcb\xff\x00JG\xd0\xf0\xacT\xb3\xfa)\xf7\x7f\xfaK?4\xfcS\xe3\x7f\x1e\xf8E&amp;\xf8wz\xf7v\xf76k"\xda\xddMc4\xd0_\xc4\x8e\xc2"\xac&lt;\xa8\xf7)\x8dY\x82\xca\x1d\x03\xba\xe4\xa3n\x1e\x87\xfb)\xfcI\xd1_\xc1\x91Ykz\xce\x9d4\xac\xd3\\Z\x1b{\xd7\x96h\x95\x9fq\x8eO2W/\xf2\x90\xa6f;N6\xae\x11\t1|v\xf0\x1f\x81\xbcy\r\xbc\xfe$\xbc\xbc\x8au\xd2Y\xa06j\x91\xab\xe4\x96W\x86FU+:\xf2\x02n\xc2\x1d\xb9\xdcJ\xad|u/\xc4\xcf\x1a|\x10\xd4\xec|U}\xa6\xea\xaf\xa5\xddA\xf6\xf1\x1cI"\xc1\x05\xba9\x01[\xcb\xde&lt;\xc1\x18Q\xe6)]\xdb\xa5;\x18\x06j\xf9&lt;&lt;\x15z\t=\x0f\xbc\xc4\xd4xlg&lt;u\xf2?@\xfe0\xfe\xcfz\x87\xc5M)\xf4h\xf5\xb8\xec-\xd0q{hB\xb2\x85\xdb\x91\xb9W+\x97\x1bO\xcc\x19\x87\xcaN1^\x11\xa7~\xc4_\x17,\xfcg%\x94\x1f\x19\x9ex\xa3;\x10\xcc\x89,h\xe8\xad\xbb!\xb0\xccA*\xdb\x80m\xddW\x0cMyf\x9b\xff\x00\x05\x19\xd7\xfe#H\xde\x1e\xf1\x13\xc8\x12%\x825\x96\xc6\xe6L^\xc0\x91\xaf*w,\x99$oga\xb9s\x8d\xbf1v\xe7\xb4\xff\x00\xdb\xb3\xc5\xd6\xbe7\xd45\xbd{\xc6\xf7p\xe9\xf6\xaf\x19\xb5\xb6\x8e\xe1\xd4D^4\xc4dgr\xf2\xa4*\xa1%T\xe3\xa0`fXlJV\xb9\xeaQ\xc6a*G\x9ap\xea\x8f\xb2t\xaf\x85\xd7\xbe\t\xb6u\xd5\xfcCo\xfe\xa3-&lt;M\xbd\xe3\x05\x90\x07\x04\xb6\x17\x820s\xbb\x93\x82\x00\xc5|q\xfba|p\xb6\xbc\xf1\xcb\xaa\xbe\'\x8f\xcd\x8fe\xd3\xa4\x93\x0e\x00(\x07&lt;l\xe9\xc1\xce\xd1\x9f\x94\xed\xac\xbf\x1c\x7f\xc1I\xbcg&gt;\x9b,v\xb31Y-\xe2/,\xf2\xc6\xc0(i\t\\\xb0\xf98\r\xecCs\x96\xe9\xf3\xbe\xad\xf1\x0b\xc4\x9f\x1f\xfe\'&lt;\xd6\x10*\xd8\\j\n\xf7\x8c\xb1\x96\x03\xa0\x01W\xa36\n\xc62ON:\x0cy\xb4r\xea\xaa\xab\xa9[H\xab\xeazu\xb3*u!\xec\xe8\xa3\xe9\x7f\x86~#\xb9\xf8\xdf\xad\xe9\xff\x00\x0e\x96\xf2\xe1\xec\xa3\x89\x1d\xd9UDh\xa0I\xe5\x84P\xc78\xdc~f\xdd\xb7q\xc9\xda\x15k\xfa\n\xff\x00\x82p\xf8/K\xf0/\xeca\xe0M/K\xb4H~\xd3\xa5\x1b\xdb\x85\x8c\x92\xa6Y\xa4gb2\x01\xef\xdc\n\xfcJ\xfd\x98\xfe\x0e\xcf\xe0O\x06\xc3\xfd\xa5\xa4\x94\x9a\xf1P\xcb\x0cCr\xcb\x94R\x01fl\xb1\xca\x00X.8#\x827\x1f\xdf\x7f\x80\x9e\x18\xd3\xbc\x19\xf0O\xc2~\x16\xd2m\xfc\xab{\x1f\x0e\xd9\xc5\x1cd\xe7\x1f\xb9Rz\xfb\x93_M\xc2\x9c\xb3\xadY\xc5Y+/\xbfS\xe0\xf8\xee\xf4\xb0\xf8zm\xdd\xb7&amp;\xfeI[\xf3:\xea(\xa2\xbe\xd0\xfc\xdc(\xa2\x8a\x00(\xa2\x8a\x00(\xa2\x8a\x00(\xa3 w\xae+\xe3\x1f\xed\x13\xf0g\xe0&amp;\x86\x9a\xf7\xc5?\x1e\xd8\xe9\x89=\xd2\xda\xd9\xda\xb4\xa1\xee/.X\x12\x90C\n\xe5\xe5\x95\xb0p\x8a\t=\x85\x00v\xb5\xf0\x17\xfc\x15?\xc5&gt;\x08\xf1O\xc5\x8d#A\xd1&lt;Key\xaa\xe8\xfaD\xd6\xda\x95\x8aH\x92\x0bs#\xe7l\xa3\x9d\xa5\x81\x0b\xd0\x9f\x9f\x19^H\xe8\x7f\xe0\xa1?\xf0S\x8dg\xe1\x0f\xc2\xa8n\xbe\x00[Z}\xb7P\xbdKyuM\\:\xf9\x08\xd1\xbbb4PIs\xb3nr6\xee,7\x15\n\xdf\x9a\xdf\x07\xbcQ\xafx\x98\xcf\xaf\xcb\xa96\xa5\xaa\\\x19\x8e\xab\xa9\\\\\xb3O%\xcf\x9e\xac\xe1\xf7d\xe0\xc8_\x05H\x01W\x00\x0c\x00&lt;\xbe*\xc2b0\xfc5\xf5\x99\xc7\xdc\xab.D\xfc\xd6\xaf\xee\xb1\xf4\\\x13R\x86\'\x8a\x15\x15/~\x94y\xda\xf2w\x8a=f}?]\xd5[\xcd\xd3-\xd29\x9e\xd4\x8b{\xb9\x90yo\xb2F\x909$\x12\xcb\x1f\xee\x86\x17k\x1c\x97\x05X\xb6\xdc\x8f\x8a\x7f\xb3O\x86\xbe%\xf8&gt;m\x12I\x16\xdey.&gt;\xd1mu\x06\x19\xe1\x90\x96\xfd\xee70\xca\xb1wb\x1c\x0f\x9c\xaeH?7i\xe0\x8b\xf2\xf7\x17\x16\x8d+H\xcb2\xe1$\x1eY\xc7\xf7\xc2\xba\x16V\xcf\x04}\xcc*\x9e\xe0\xb7\xa6i\x9a,N\xcbs-\xc0\x8c\xac1\xbc\x8a\xb1\x16#\x84/\xf7\xba\x85 m \x0c\x85R3\x90k\xe0\xb0u\xafI%\xd0\xfd7\x1b\x97sW\xf6\x90v?/\xff\x00h/\xd8\x17\xe2g\x87u\xab\x9dW\xc1:\x0e\x9ds\xa71\xf9u+;\x8f\xec\xeb\xa5%Fp\x81Y\x07\xcf\xbc\x15\x01\xb2v\xa8\xc1`O\x85x\xa7\xf6n\xf8\xa9\xa6\xc4C\xf8W[\x126\xf6;n\xdeY\x18\x93\x91\xce\xc0\xfbHQ\x86`\xa7nI*H\x03\xf6\x9b\xe2\'\x83|\x1d\xe2M\x1d\xee\xf5\x9d-f:i\x12\xc5p\xd6\xea\x15\x0e\x0b\x12\xdc\x1e\x18\x1c\xf59R0OJ\xf9W\xe2?\x86\x16y\xa2\xb7\xd3l\xa0\x04\xea\x9e[O%\xbb\t\x15Zf\xde\xe3\xfb\xe0\xe6NG\xcb\x9d\xa78\xe5\xbb\xe5Rj\x17L\xc3\r\xed9\x9cd\x8f\xce\xbf\t\xfe\xcd\xde(\x9a\x7f\xb5\xea6R\xdb\xcd\xe7(\x101gb\x98\xc6[jt&lt;\x11\x81\xce\x0f\x00|\xa7\xed\x0f\xd8\xd7\xf6L\xb7\xb3\x03S\x9a\x18\xbc\x9bq\x1e\xfbg\x80\xeeY\x0e&gt;Q\x85 \xc8&gt;R\xdd\t\x0e\x84e\x99\xb6\xfa\x7f\xc2\x8f\xd9\xf7H\xd5\xe7K\x8b\x9b\'7)w\x88\xd8["\xef_\x9bpd\x19\'8b\xb8\xc6@b@\'\x9f\xa4\xfc!\xf0\xce\xd3\xc2^\x1c\xfb\x1e\x97in\x8bd\x9b\x9c\x802\xf8\x8f\x01\xb1\xc9\x1b\x97#\x04\x15\xc2\xf1\xd7\r\xe4W\xab\x89\xc4&gt;YJ\xe8\xf7(S\xa7\x08]\x9cV\x8b\xe1/\nXx\xefLmWP\xb6\xd3\xf4\xd8\xaf`7\x97R +n\x9b\xf0\xf2\x17\xcev\x84RCg\x9d\xed\x9e#\xc1\xfd\x89\xd1&amp;\xd2\xa7\xd1\xed\xa6\xd0\xae!\x96\xc9\xa0Ci-\xbc\x81\xe3h\xf06\x95a\xc1\x18\xc6\r~D\xeb\x96\x10\xf8b+\xbde\xb5\x05\x8dd\x89\x82;\xc2\xa1]X\xe3y \x1c\x95\xe3\x1c\x91\x8fb\x08\xf4?\xf8&amp;\xe7\xfc\x14\x1a\xf7\xe1\xd9\xd2\xbe\x10\xdf\x05\xd6\xfc\x1bz\xf2\xff\x00a\xcfd\xeb\x9d&gt;\xdc)\x922\xb9*\x0c{\x00]\x8a8;@P\x0e\xea\xfb\xde\x08\xca\xf1X\xbc\x0e!\xd0\x85\xfd\x9d\xa5/M\xbf\x0b\\\xfc\xbb\xc4\x9c~\x17\t\x8d\xc2{i\xdb\xda^\x11^{\xfe;}\xc7\xe9\xed\x15\xc6\xf8\x03\xe3\xef\xc2\xaf\x89z\xc4\xbe\x1c\xf0\xaf\x8a\xe0\x93Q\x86\x013XJvJc$\x8d\xea\xa7\x96\\\x8cdWe^\xe1\xf1\x81E\x14P\x01E\x14P\x04w\x97)ei-\xe4\x8aJ\xc5\x1b;\x05\xea@\x19\xfe\x95\xf9y\xfbu\x7f\xc1\xc9^\x13\xfd\x9d,\xaf\xfc1\xf0\xa7\xe0\x0e\xab\xa8x\x81/\x1e\xce\xde\xe3\\\xb9\x8a;X\x98+~\xf4\x88\xdd\x99\xf0\xdb~L\x0c\x8c\xfc\xc3\xb9ETU\xd8\x1f\x98\x9f\x1a\xbf\xe0\xe0O\xf8)\xaf\xed\x11&amp;\xa3\xa7\xc3\xf1\x9d|-\xa6^2\x03\xa7xf\xd5m|\x9c`a%\x00\xc8\x01&lt;\x9f\x9b\xf48\x19_\xb06\xa7\xe2\xef\x8f?\xb7\xb7\x82\xc7\xc7\xcf\x15\xea&gt;&amp;\x95f\x97S\x8e}GQ\x96\xe1\xfe\xd5j\x86X$&amp;C\x9c\x89\x11\x0f\xb8\x1f\x85\x14Ut:i\xc5)\xa3\xf4/\xfe\n\x01cg\xa5|\'\xd0\xe2\xb8Vyo|T-m\x88bB\x1f\xec\xfb\xd9I&lt;\x8f\xe1\x88\x80ppq\xc0\x04\xd7\xcd\xff\x00\x03t\xa94_\x10^Y[\xba\xad\x9cw\x91\\\xa2\xa1m\xc4\xcf\x19\x91\xf9$\xe0\xf9\x8ey%\xb03\x8c\x126\x94W\xbf\xc5\xb4\xe1S\xc2\xb89+\xf2\xd6\xd3\xca\xe9\xdc\xf3\xb8:s\xa5\xe2\xec\xe3\x07e,&gt;\xbev\x92\xb1\xf4o\x84\xda\xde\x11\x0e\xa0o\xae\n\xdaF\xf1\x00\x91*a\xbc\xd5C\x80\x0fO\xbc3\x90\xd8\xc1\xc8\xe8=s\xe1\xc5\xd2Ke\x0c6m,\x87\xccx\xeed\xb9p\x18\x91\x19$\x8d\x80g?)\xf9\xb2r\xa3$\xe0\x1a(\xaf\xc0p\xba\x1f\xd2\x98\x84\x9cu\x19\xf1\x11\xed\xac\xfc/1\x866\xb6e\xdf*\xbc\'{`\x13\x8c\xee\xe0\x9c0\x04\xe3\x9cv\xe9_4x\x8fD\xbd\xbd\xf1`\xbc\x94ZA5\xa5\xe9O\xf4h\x00\r \x01[;\x81VR\x1c\xf5^J\x82GQE\x15\xe9To\xd8\x1e]\x04\xbd\xa4\xbe_\x99\xf4/\xc3\x0f\x876w0\xfd\xaa\xd8\x89&amp;\x8b&amp;e\x91\xccq\xb0\x07h\x00\x00\xc5FYF3\xc8\x19\xceF\x0fC\xe2;\xabK++\xcd&gt;x\x1aD\xde\x91\xf9{\x88\x1b\x8an9 \x8c\x8e\x068\x1c(\x18\xe34Q\\\xd1VM\x9dR\xd6\xc7\x8b\xfc}\xbb\xd4t\x7f\x86\xba\xfe\xae\xd7m\x19\xd3\xec\xee\xe6\x88\xc1\xb4\xb0T\x1b\x84ye\xcb\x0c\xa1\xe5\x89\xeb\xc0\\\x00&lt;\xef\xf6A\xf8e\xff\x00\x08m\xd7\xc3_\t\x9b\xc4y4\xd5\xd3l\xde\xe65\x1b\xae\x040\xc2\x18\xb1e\'\xe6Ea\x81\x8f\xbf\x8e0\x1a\x8a+\xf7\x0f\x08\x92x\x0c\xcd\xff\x00\xd3\xb5\xf9H\xfer\xf1\xca\xa4\xd6g\x93\xa4\xf4\xf6\x9f\xac?\xcc\xe8\x7f\xe0\xad\x1f\x16~ ~\xca\xfe/\xf8Y\xf1G\xe0\xde\xb1\xfd\x95\xac\x7f\xc4\xdd\xc5\xf4\x1cHD"\xcc\xaa\x1fT\xfd\xe3\xe5O\x1f1\xf7\xae\xab\xf6C\xff\x00\x83\x91&gt;(k\x9a\x0bh?\x1b\xfe\x0b\xdakWV\x1b\x16m[K\xbc\xfb3\xca\x9bA\xc9\x8c\x82\xa5\xfa\x9e\n\x8c\xfaQEyub\xb9\x99\xe9\xd4K\x953\xf4\xab\xf6-\xfd\xb0\xbc\x1d\xfbk| _\x8b\xde\x0b\xf0\xbe\xa7\xa4\xda\xfd\xbe[F\xb5\xd5&lt;\xbf3|lA#\xcbf\x188\xf5\xaf^\xa2\x8a\xe5{\x9c\xe1E\x14P\x07\xff\xd9'</t>
        </is>
      </c>
      <c r="M69" s="3" t="n">
        <v>45492.67652777778</v>
      </c>
    </row>
    <row r="70">
      <c r="A70" t="n">
        <v>168745</v>
      </c>
      <c r="B70" t="n">
        <v>5926</v>
      </c>
      <c r="C70" t="inlineStr">
        <is>
          <t>Rodrigo Ely</t>
        </is>
      </c>
      <c r="D70" t="inlineStr">
        <is>
          <t>R. Ely</t>
        </is>
      </c>
      <c r="E70" t="inlineStr">
        <is>
          <t>ZAG</t>
        </is>
      </c>
      <c r="F70" t="inlineStr">
        <is>
          <t>ZAG</t>
        </is>
      </c>
      <c r="G70" t="inlineStr">
        <is>
          <t>ZAG</t>
        </is>
      </c>
      <c r="H70" t="n">
        <v>188</v>
      </c>
      <c r="I70" t="n">
        <v>5</v>
      </c>
      <c r="J70" s="2" t="n">
        <v>34275</v>
      </c>
      <c r="K70" t="inlineStr">
        <is>
          <t>Right</t>
        </is>
      </c>
      <c r="L70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af0e477-4223-4737-8ef1-f53eed3796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\xd1\xcd\xe1\x00\x00\x03\x00PLTE\xff\xff\xff\x8bk^\xac\x82u\x83bP\x14\x1a%\xa0{l\x0f\x14\x1e\xfe\xfe\xfe\x07\x0c\x14\x1ep\xbe\x9brb\x99ug\x0c\x16#\xb3\x89{\x1eu\xc2}]O\xa4~n\xb2\x84w\x93mZ\x90oa9,"\xf8\xf7\xf8\xa6zo\x1cp\xb9\x87dW\x0e\x11\x18\xab\x86z\x91fV\xb9\x89}\x97na\xa9\x7fs\x8ciW\xb2\x83p\x9fui\xb6\xc3\xd6\xc3\x97\x85\x99xn\xc7\x95\x8a\xac~m\x1cm\xb4yWF?1(\xce\x9e\x93nVF\xa5zg4&amp;\x1d\x95sc\x8cdO\xb9\x90\x82\x11\x1c+\x1c\x14\r\x08\x0f\x1b\xb6\x8e}\x9amZ\x9c{h\xb9\xc0\xd0\xaa\x84p\xc7\x9b\x8aw\\J\xbf\x93\x81\xad\x8b\x7f\x9c\xad\xca\xbd\x8e|\x9d~r\xe5\xa8\xa1\xcb\x9e\x8d\xa6\x85y\xb7\x89v, \x18\xad{g\xaf\x89v~dW\x9fuc\xb9\x97\x8c\xaf\xc0\xd5\xfc\xfb\xfc\xb6\x99\x95\xb0\xbc\xcd\xc1\x99\x8e\xc1\xa9\xa4\xa3\x81sP=/bL?\xbe\x94\x87kP?\xdb\x9a\x94\xd2\x93\x89\xa4uaUC6\xbc\x9d\x97\xb1\x93\x8c\xa7\x80j\xeb\xab\x97\xb2\x8f\x84\x85[N\x1cd\xa7\x1f~\xc9\x81YE\x04\x08\x0e\xe5\xa3\x8a\xce\x8f\x86sS?\xec\xa8\x8f\x1dj\xb9\xd5\xa1\x96\xae~r\\H:\xc5\x90\x86F7.\xbf\x85|]C1\x85iZ\xe0\x9e\x82\xf1\xf0\xf1$\x19\x12\xa5\xb5\xcdZaq\xe8\xb1\xa7\x9e\xb5\xd1\x97f^\xb4{p\xc9\x8fu\xcb\x8c\x83\xc3\x89\x7f\xf2\xaf\x96\xd8\x9a\x80\xa6vm\xd8\x98\x8d#-&lt;\x80_I1&lt;L\x92tkJ7)\xcc\x97\x8f\x1cg\xb0\xef\xb0\xa0\x95\xa9\xc5\xe3\xdf\xe2\xd4\x94x\x1b!-\xbe\x85q\x8aqf\xaa\x8f\x89eRE\xbd\xa3\x9e\xa4qX\xf1\xb9\xa9\xb9\x82y\xa3\xb0\xc6\xb5~v9FW\xe2\xa4\x94\xc6\x88\x83\x85\x95\xac\xd5\x95\x91\xeb\xe8\xea\x8a\\J\x8d\x9d\xb6*s\xac\xa6\xb8\xd4fH7\xe2\xa0\x9b+4C\xaduq\xe0\xd6\xd7K[q\xdb\xac\x9e\x80jc\xaev[~\x8d\xa3\xb5\xc5\xdd\x1a\'7\xc7\x8an\xdd\x9f\x89\xdc\xa3\x9d\xba\x80mnYP_m\x82LTcu^R\xd1\xa6\x93\x19Z\x9b\x9f\x81|\x8c\xa4\xbf\x97\xa4\xbb\xa7\xa2\xa7^WY?Qe\xbe\x8c\x86pio\xb1\xad\xb1\x97gO\xd4\xcf\xd1CAB\x1e|\xbbpc^\xc9\xad\xa8l\x9f\xcc\xd0\x94|\xb5{cp~\x93\x8ext{rx\xf6\xbe\xae\xbf\x83e\xd8\xd7\xdb\xa3ohy\xa5\xcc\xc9\xc5\xc8\x94\x7f}OKP\x95\x8c\x8e\x9f\x98\x9c\xabph\xa3\x89\x82,y\xb6_\x90\xbb\xc8\xa0\x98\xab\xc5\xe3D\x84\xb8iu\x88\xa1gb\x95\xb1\xcfx\x98\xb8`\x99\xcb|\x83\x96*f\x94\x8b\x86\x8d\x83}\x82\x97\xbd\xe0\xb4\xb6\xbf\xd5\xbd\xbf\x8b\xa9\xcb!T\x84\xc1\xba\xbc\xce\x81\x8c\xb3^oH\x8f\xc6\xa4Wc\x84\xb1\xd9s\xaa\xddCg\x82\xfb\xc2\xb2\xa3\xc0\xda\x95WZ\xf7\xb8\x9c\xbcv~\xc0k|[u\x91a\x87\xab5\x83\xc5&lt;r\x9f\xf3\xbc\xb9&amp;D`\xfd\xc4\xb6~EI\x01\xd84\x99\x00\x00 \x00IDATx\xda\xc4\xd9]Hb\xfb\x16\x00\xf0c\xd2\xdd\xa0\xc4.\xbf\xd87\xb3\xadd\xa2\xb9\xd58d\x8c\x165V\x96Qt\'m\xd2\xbe\x84\xe8\x83j\x9cJ)\x1ag\xfa \x1a\x90:5]\x9b\x07/\xd4C\x9c\xc3\xd5.\xe4\xads\x8a@A\'i\xa8S\x16\xf4E0p^\x0e\xf54ow\xb8\x03\xe7\xe10\xdc\xf5\xdf\xce\xcc=\xf7\xe1\xbe\xb5k\xb9\xb7\xa9=\xf8c\xad\xf5_\xfb\xbf\xeb\x9bon!\xb0\xff\xf3\xfa\x1e\x03\xc3\x10\x05\xab\x13\n\x85n\xa1\x10C,\x0c\xbbw\x1bx\xdc\'\xa7\xf1\xc8\xc5\xf5\xf5\xcd\xcd\xcd\xc5e\xfct\xd6-\xac\xbbg\x16&amp;\\&gt;\x8d\xdfD\x13\x02\x8d\xc7\xe3\xa9\xaa\x82C\x90\x88\x1eENg\x85\xf7\x8a:\x89\xc4\x12\xdf\x7f\xe7\xf1|\x0b\xf1gx\xa0\xc3\x03\xb4\x91\xf82vo\xa8\xd9HTP\x05 \x0f\xcd\xf9o\xfc\xa9\xea\xbb\xc4\xf5\xa9\xfb^`\xd8r&lt;\xa6\xf2\xfc\x01\xe3\xf1\xfc\xf1\xb5\xe0\xfc\xfa\xa4\xee\xeeUu\'\xd7\x89\xaa\x14\x01)\xa0\xab\xe8\xf8l\xf3\xc0GU\xb1S\xe1\x1d\'\x0cs\xbf\x8f\xa9\xc0\xe0\xf9b\xd2\x08\x04\x02\x95J \xd0T\xa5&gt;\x85\xcf&lt;\x9a\xf3\xc8\x1dw\xd8r\xe4\xfc\x8b\xe03J\xe5\xa2C\xa5\xd1\xa0\xcf\xbf\xa5\xb3\xa7I\xdc\xdce!\xb1\xe5\xcb\x04\x9d\x98*\xfa\x14\x08\\\x8d\x0e\xeb\xe2\xa2u`\xc0\xd1\xf8\xf2%$M\x93J\x1f`c\xbbw7*\x96/\x12*\x97J\xa5zI\x87\xc3\xaa6\x12,-\x87\xc3\xe1\xe9\xd8\xca\x9e\xa6\xa6\xd5\xd5\xc1F:\x101\xfa^xw\xb9\x82\xf48\x1c\x03\xd6\xa6&amp;\xb5\x12\'\xf8ZNzf\x1bE\xd9\xedv\xca\xa2\xe7\xf1x$\x1b7*\xd5=\xc0{\xe9B.\xecN\xba\x1dT\x90!\xb5Zi\xc4q6\xc9\xd7ZP\xd8\xedk~\xbd\xdf\xee\xb7[\xec\x16\x0e\xd0tlg\xa7\xb2g\xd5\x01\xae;Y\x90\xee\xc8\xb9\xcb\x01Y\x82\xe8\x9c\xee\\\x11\xeb\xf5~\xbf\x7f\xcd|p|\xb0\x06?\xe1X[\xf3\xbf\x81\xd0\xe9t++l|\xa0\x11\xf2\xc5|\xdf\xbb\xe3\xa0\xb2\xf6(;\xe9Xy\x83P@98&gt;&gt;^\xa3\xe3\xe0\xe0\xb3\x8b\x96\x11\xd3M\x8d\x82\xbd]\xa6]\xc2\xf7\xe7\xaaF\xab2\xa5Z\xd1\x81\x8a\x96\x80j}\xfd\xf8k@\xd2R21\xc9#\x9a\\\x82\x18\xc3s\x02\xdb\x8dj\\V%\xde\xe9\x04\x14J\x95\x1d\xa9\xe6\xd7!\xe6\xe6\xe0\\\xa7\xcf\xe3c\x941\x80\xe9\xc4b\x1e\xb8T\x82#F\xe7*\xb6|$P\r*\xd9\xb8\xd3\xe9\xa4se7\x1f\x1cl\xcc{\xf7\xbd\xeb\xde9\x88\x89\t\xf4\xecEy\x83Z\xfa\xdf\x88\xc7\xc6\xc0\xc5\x1e\xd4\xa8"L\x8e\ta\xc4\xa5il\xa2Y\x9d\xa8\xdb\xfd\xf6\x8d\xf9u\xef\xfe&gt;\xad\x99\x9b\x18\x1e\x1e\x06\x18\x1c^$;\xf0\xfb\xf5z\xc4\xe2\xe1\x0e\xcd\xf9)se\xac\x83\x12\xbel2"\x13]C\xff\xda\x062M\x84\x87\xc3\x00\x9a\x1b\xfe\x1a\x88\xb9N/MH\x17\xc0\x94\x8dPF\xe6&amp;\xd6\xb5@0`d;\x9d\xd3\xf4"\xf4\x1f@\xf9&amp; \x86\xbb\xbexz{\xbb\xe8@2\xef\xfa\xc1\x81_/F,\xb6\xd5\x95`\xac\x8c\xd8\xe99\x94\x10\x92\xe5\x9c^\x81\xc6\xb2o\xd0\xaa0(z\xbbz\x01\xd4;&gt;&gt;N\x9f)\xdb\xf0\xdc\xfa\xbc\xd9\xaf\x7f\x03.\xd28\xa0\xda\x9be\xa6\xeb1\xe1\x85\xc05\xa0F\xed\xeeD}e\x9e\x9f\xf7N\x84\x03\x81\xf6q\x1fX&gt;~\xa4\x9f&gt;\xd2,\x1a6\x0c-\xb6a\xb6\xeb\xf5(]M\x8eD\x9c\x99ta\'Q\x18\xefJ\x84Z\xd1A\xb7\x9b\x91\xaa\xdd\xe7\xfb\xf89\xc6\xe9@\xa6q\xda5&lt;\xb1\xef\x9dG.\x1eOO\x18\xad.f\xba\x0b\xab\x8b\'\x1aW{\x10\xcb\xa9\xe3\xe9\xedR(a\xb8\xab\x1d\xc2\xd7&gt;\xde\xde\xfb?A7\xd7\xc4\x1c\xcc\x8d\r3\xca\x97\x9e\xc7V;\x16O\x99i\xf8\x1b\x97c\xb5\xa7\x13rE\x97p\x83n,\xd4[\x81.\xa4\x1a\xff\x92-\xd4\xff\xf4\xc0\xf0z\x11k\xcd\xce\x01\x97\xce\xb8\xe8\xb8\xacc\xa6\x86\xa0R\xc2`\xd0\xe9\xc4zTB/L\x07\x98\x0f\xe0B9\xfb\xea\x02\x16\xac\xc2\xf5u\xef\x17\x16r\x89\xd9F+\x13\xa3\x1e\x13\xc6\x13\xd0YH\xf5o1\x8fC\x99\xa5\xc8\xf5\x99\x16\xa6\x97^o;T\x13Z\n\x15\x0fb\xfex\x1eBj6\x9b)\x80\x91\xd3\xea\xbd]\x06\xd6\xa2\xfb\x026Y\xcaN\'l\x0b\xc4&lt;\x8b\xdd,\x95J76\xe0{\x9fzQ5\xd1\x8c\xef\xea\nCG\x81jn\x7f\x1f\xb4/\xe6\xe1\xf7\xd2\r\xa9Y\xf1\x03e\xd7\x8b\t|+~\xfbU\xc4fc\x8eE5\xde\xa9C\xf3Q\xcfA,\xc8\xc3\xc6\x8b\xeef\x90L\x85a\xccC\xbe\xc2\x086&lt;\x1c\x86\x98\x08O\x19J\xca\xc0.\xad\x94*\xd0r$\xd9[\x97\xb7?"`\xef\x003\x0bwB\xaa\xf4H\xa5\x00\x94YZ\xd6\x0c\x83\x8bn\xad@/*b{W8\x0c\xa3\x15\xbd\x0f\x04\xfa\n\xf2\xca*\x11\xac_A\xc1\x86\x95\xd8\xbap31\xe2\x17\xd5l6\xb0\xf4\x1c\x8e\x9dR\x98\xa1\xbb*KL}\x81\x87\xed\x0f\x11\x0b\xda*\xa5\n\xb4\xfb\xc6}(\x1e\x06\xfb\n\xf2K\xc0\x95\xd6\xafP\xd8%&lt;2\xc4\x00\xab\xee4\xba\xb8\x05,\xa4\xb2LNR(Uy\x86\xed\xc0C`\x81\x01-\xc5\xae\x00\x14/\x90"\xc11\x8a\\O\xcar\xaa\xab\x1f(\x14\x94E\xc2\x0f1\x92\xad\xe8\xa2\x11j(\xb1\xc0\x9d\x17EQ"iN\x89\xa1\xa0/8::\xba\x04\x81`\xd0[\x90\xaa\xa5T\x8c\xa2\x08\xf6\x99\xf2s\xb2\xaa\x1f\xb4\xb5\x99-\x16.s,B,\x81\xbb\x1c\xc8\x17\xa5\xa8.\xcb3\xf5\x05iV2\x99D2\x98\xf7&gt;\xf4\x1a\xbdK\xa9 ]&amp;[N\x1abQ\x94l\xe1l\x99\x19\x16A\x92&lt;\x0ebqd\xfd9%\xf9\x05\x05\xdbA\x80--%?@$!e\xf0\x9cL~\xf8}\t\xf2\x94\xdf\xd0`\xb3\xe5\xc1j\xccI\xcb\xa4\x14T\x1b\xcd\xc2n\x7f%\xee\xa9q\x82\xd4!\x96D\xcf\x11e\x15\x15\x16\xdaj;J;l\xef\x00\xf6{\xf2\xd3\xa7O\x1fh\x16d*X\xd0\x91.\x819e\xc4\xf9\xc5\x16KZv17SD\xc9\xb8,\xc6X\x84N,\x81\x9bzR\xcb\xd5\xf2X3\xf2\x99!#\xdcV\xf3+\n\x0bF\x91k\xc9\x97\x04V\xd0\x90\xc6\xc5\x9b\x06\x07\x07\x06\xac\x9b5CC\x04\xa9M\xe7\xa6\x8bd2\x0e\xeb\x8c\x81-\xd7IL\x8d\xb3\xd90K%\x12\x92\xd4\x0e\xe1JuM\x8d\xda\xba:88\xb8\xaaV\xeaK\x82\xe0J.%\xe1\xdc\xaeL\xe7\xc3o\xe0\xbe{q\xb3\x8654T\x83\xfe@!\x93q\xb5L\xb0\xb0\xd9#\xc4"\xd1-\x03I\xb2\xe1;\xd5[[\x8b\x83\xabM==j#[[m\x18\xfd\xf0a\xc9\xb7Dg\xab\xb0\xfaA1W\xcb\x95\xcb\xe5\xe5;;\xf2\x19&gt;\x8b\'\xe1\xc8\xb8|F\xb25{\x93b\xc1\x16\x98\xc0\x95\xf8P\x885\xb40\xc3\xd7\x16C&lt;\xca\xae.\xca\x0b.%}\xed\xbe$t\xd6\xf6\xb6\xc9P\x96\x95Uhk@\xd1QQQ\x9a\xa9\xe5r\xb5\xcc\xb0\x96/\x10\x8b\xd0\x91$\xc1\xae\xe1\xcf\xect\xb4\xb6\xd6vt\x94\x96f\xa7sD\x956\x83\xa1 8\n\x13b\xc9\xf70\xf0\xcf\xbe\xee\x9c~\x91(-##\xa7\xac\xcc`2\xd8J3\xb9\xc5L\xb1\xdc\x97\x9b\xf8\x16\x9b @E\xf0\xe5\xd9\xb5-\xadW;;W\xaf^\xed\x94s\xc7\xecY%y\x06\xb8\x10\xc1\xd51\xd07\xd5\xfd\xe4\xa9\x82\xc3\x85\x02Vdg\xa4\xb5U\x83+\xbbX\xcb\x10\x0b\x13F\xb6p|\x9a\x8dXC\xf2\xd2\xda\xda\xf2\x85\xf2\x9d\xc3P(\x16:\x9c!\xc5\xb2\x07E%%\xf9\xe0\n\x98\xf2J*\xb3\xda\xc8\xa1\xd0^4z\xbe\xb7P\x9e.K35\x94\xa6\x17\xcb\x81u\xc5\xc0\x80\x10\xc6\xb7\xb6pc\x8aU\xdeZ[\xceZX\x08E\xcf\xa3##7\x87,\xb1%\xb3-#\xe7E\xf3\xe3\xc0\xe3f\xd84d\xc9X3\xa1\xbd\x91\x91\x91\xe8Q\x88\xc5\x15\xd9L\xb5\xd9\xe9\\\x9a\xc5\xc0\xee\xf4\xfd\xde&amp;\x0cH\x82E\xf2\xcbKkK\xf9\xac\x9a\xbd\xa3\x9f~\xfc\xd7o\xbf^\xbf\x9a\xe1H\xa5\x14\x95\xf5\xf49\xb0\xba\xe7\x15\xa2\xfeI\xd6\xd9\xd1\xaf\xbf\xfc\xf4\x8f\xd8\xe5Y\rA=)0\x14\xe6\x16sY\xacK\x06\xae\x89u\xbb{\x9bF%\xb0X\xf2\xec\x8e\xc24\x1e\xbeyv=\xf2\xf3\xdf\x7f\xfb\xf9\x06X\x9cI\xca\xa2x\xfd\xfc\xf1\xe3\xa9\xeeg\x94br\x0c?&lt;\x8a\xfd8\xf2\xcbQ\xa4UN\xe8\xcb\xe0\xc2\x98\x91+c-\xb4\xde&gt;\x0b\x06\xd7\x82Q\x89\xfeR\xca\x7f\xd4Q\x8bX\xac\xab\xcb#(T\xecb\x07.\xe0\x1c\t\xe7\x87\xd7/\x9a\xa7\xa6\x9e?\xa3D\n\t\x11:\x8cA\x9c\xd5\xb7V\xa4\x8brLt\xd7\xf3\xf9\xf5L\xb0\x96\x0f\xd54\x0b\xfa\xbd\xc1\x96\xc6\xe5\xcb\xaf\xea/obGgWr\x92\xa7\xe5\xf3$\x93\xcf^w7\x03K$\x9b\xecO\xd7\x96\xbf\xaa\xafoiy\xd7P\x98\x91Q\x08\xab\xd4\x96\x91\xc9_`\x84\xe5\xbe\xd8T\xf7\xe0p\x85\xcb\xb0\xd9\n3r+\xb2[[Z\xfe\xf2\xd7\xfa\xfaR\x19\x8bp\x92\x12\xcb\xa4\xf9\xd9\xdfR\xac\xb11\x89,\xb7\xf6\xdd\xdb`\xf0\xed\xb6\t\xb6\x11O\xf2M\rE\x8f\xb4\xfcz\xe1\xed\xff\x03\x14s_\xee\xc1=\x06\x8b\x9b[d+,\x82Gm\xcb\xbb\xb7o\xdf\xbe\xb3\xe5J\xc4NBb\xa1\xcc\xff\xa1\xd5\xfc^\xd3X\xd38\xdeQ\x06\xc1A\xfc1\'"f\xd4\x8a\x9d \xb6L\xbc\xb0\xa2&amp;$\x9aPMI\xb1n\x8d\xb6\xa7%B@A;;\x95^\x04\xe78`\x08\xe9p\x084\'\x07\x86!bz\x910\xa1\xe7jM\xa0\xa1p\x96\xe9\xa1\xd0Bi\xa1\xc3.{\xbc\xf0\xc2\xbb\xb2\xc2n\xe9Uho\x16\xb2\xcfk\xce\xb2\xff\xc0\xf8d\x18\x93\xcc\xc5\xfb\xf1\xfb&lt;\xf3&gt;\xcf\xf3\xbe\xaf\xc27\x01\xeb\x98\xafi\x8d\xb3F\x8bJ\xa1\xaa\xe74\x94\x8a\xd3\x01:\x9e\x8d8\tp\xe2\xf2\xf2\xb2\xae`\xf05\'~\x85\x987:pCx\x06j\x1a\xc8,\xfd~?\x14\xa2k\xda\xf5Ihg\xafM\xd5\x14\xa9\xbc\xb1Q\x86.\x8c\xef\r\x1a\x8d\x1b\x8b\x81\xd4i5\x84\xb0\xe24\x9d\x0f{\xfd\xe4\xc2\xf0\xf5px\xa4c\xfb3\xb1\x7f\xb4\xbd}\xcb\x1a\x0c\x96\x00\xcb\x12\xb1Pj\xf8&amp;Jxy\xca&gt;\xa5i\xd7\xef\xf6n@7\xa8\xc8#\xb5\xa0u\xe4dmp\xf7\x86L\xcd\xb04M\x8bq\x9a\x9d\x01\xaf\xe3\x9e%K\xad\xd7\xa3\x8et\x93k\xf9\xe8\xa7\xf7[/\x19_0h\xf4\x11^\x8b\xc5.QT\x18$\x8b\xd8\xa7\xf8\xa9\xde\xdd\x1e\x0f\xfd\x8d\\\xe3%acC\x00*\x81e9\x1e\xecX\x82\xdf\xcaEQd\xd59\xc0\xba~\xf7\xe9\xf1\xbbw\xbd\xb7\xba\xc95q\xbb\xd1\x98l\x98\xcd\xa5\xa0\x153;\r5\x99\xa3(@\x93d\x9e\x87\xeb\xf8\xa9 ,\xda\xed5^n\x8e\xb0\xe6\xa0\xa7-6G|\xcdr\xb3Y,\x96\x9b\x1c\x05X\xe6k\x1cw|\xcc\xdf\xd6\r\xeb\xf1-M\x1bhS\xb8+h$\xcd\xf0\xfe\xcb\x1c\'\xc9\x12\x07w\xb8\xc1\xd8Ev\xeer\xad\xa6\xf0\xed\x8dB\xf3X\x9ac!\xc6\xfeRl\x96\xc1\x80i\x84%\xd9\x9d\xb8\xc7)pO\x8f9\xdd\xd42M|\xafh\x9ab\xf7b\t\xc0\x82\xf6B\xe6\x04Nh\xb7A\x0b\x01n\xc5\x8d"\xbbx\xd9\xe9\x84\xd8\xea\x14\xca\x9c\xcc\xb10\xad"+\x96\xcb\x1bE\xa4VY\x90\xec-\xc2\\\x13:\xe5\xe3\xf6P?\'\xf6{\x83\x1eOQ\x048\x910\xb7\xfe\xc0\x029\xe0B\x08E\x96\xab\xf9\xfd-\xb9xxX\x14dI\x10;\x1b\x1b\x05\x94\x89\xda\xcd\x91Z\xe5\xf6\x08\x8b\x12\xca\xcdcVG\xac\xb7\xbd\xb3\x01O\xe5\x9dV+\xe6\xf1\xfb\x9dv\xa1\rb\xb5!n:\x1d\x18\x1dyI\xf3h-\xae\x90L\x16XY\xe6\x8a\x1d\xa0\xda;,\x14Pd\x15;\x80E\xd9\x9df?%\xf0\xfc;U?\xac\xe5\xa1v\x06r\xa99\xab\xd5\xe5!\xfcN\x89\x1bQ\x95\x8b\x00u\x81%7\x1a\x9a"B\x83\xdf\xa5%^\x166\n\x1b\x85C0\xf4\xb4\xd3\xe9\x14Y\xd5\xe24/\xd5\x04\xe9]O?\'\x9a\x96\x87\x8di\xc0\xaa\x11\x08\x0bB^\xa2\x04V`\x81\xe9\xf0\xb0[\x80Q\x8bM~\xd0R\xb8.t\xd8\xebU\x01\xde\x83"\xa2J&amp;\x93\x87#\xb6N\xb9\x8d\xb0\xcc\x03Ex\xfaN\xd2Q\xad\xd7\xd8d\x8fW\x1a\x9e\x11\x96\xd3N!,\xb1\xda\xed\xc2\xc0\x05\xa0*\xb7yE\x96\xda\xeb\xff\x01[/#!;#\xac\xf5u\xd0\x0fa\t\x80\xe5\xf1\xf7\x94f\xf3X\xd1o\xdeZ&gt;\xdajH\xc2`\x80[\x83.\xd2\xef\xb5P\x94\xca\xd2\x9dj\x17\xe9\x81\xdc\x04\xaf\x9f,\x7fm\'GXm\x99k\xb7\x01\x0b\x1e&amp;\x7f\x04\xb0nU\xa4Y\x96\x02,\x99k\x16\x7f\xd0\xde\xea\xb6&amp;h\xda\x7f\xd9*\x96{\x9a\x01&amp;\xaeF\xabFQ\x14K\x8b\xa1\x0b\xac\xbd=\xd0\xab-\xc9\x83\xd2@D\xf2\xd0\x8dg\nR\x0bt\x1a\xc9\xd5\xedV!\x03!,\rp\x85\x1fzC\x93~\xd5\xc3-oSPZv\xcf\x05\x96\xaa"\xacnw\xfdy2\xb9\x87\xb8XN\x81\xaaA\x16\xbb]\x91\xd3\x06J\xbb\x03.\xfcq\x84\xd5\xadVC"\xa4\x1f\xca\xebiI\x1c\xdf{*\x1f\xe9Y\xc8;{\x8a\xd62\xb4 \xb6Z55\x8f\xbe?\xc4\xd6\xf3\xe7\xdd\xc3\xc3\xbdB\xa1C\xab\x8aV\xa3$\n\x123\xcd\xaa\xd2\xc8\x87\x08+\x99\x84\x1a"\x14\xaa\x86X\x14[\xad\xde\x97/\xbc\xbao\xd21W\xbfl\x9cA\x11\xe5t\x8d\xb0P\xa9\xc2"\xae\xee\x08KTk\xfe\xc9\xd2\xa4\x9f\n\xa4B\xb4\x05\xaaS\x9e+wPl\xc1\xf3\x11\x16\xd4?\xa0\x96\xdf9xv\xd6\xbb\xad\xe7\xba\xee\xfeO\xa5\xf3RC\xab\xb9\x8c\x80\x05\xd5\xa6\x08\xaa\xd0b\xb5Z\xdd;\xac\xb2\x92sr\xed\xe0\xe0 \xe8\xb7dCvOimmr\xa0p\xc5B7\xf9\xbcZ=EbUE\x91r\x12\x0byn0P\x86:\xae\x82/O\xfc\xec*\r\x14\xd9`\x04,\x99\xa6C\xa1x\x80\x05.\x88{qn\xaaQ\xaa\xac\x1c&lt;z\xb4\xe2\x8bZ,\x1eW\xb0r^Y{\xd6\xa8q)\xb4\x1a\x88\xd4\x82j\x90\xb6\xf8\xcd\xb3}\x91Sn\xe9\xd9\xc2\x9aL\xc3-\x8fb\xb7\x1b\\.\xccog\xe3\x08\x0b\xdah \x9b[\x9a\\\xab\x1c\x1c\x00\xd6\xca&amp;\x83\xdb\x18\xa31xa\xcf&lt;\x97\x03\x10\xed\xa3\xd0BX-\xc2-\xd2|k\xa8\xeb\xda\xbci\xfbeC\x91\xe5)\x97\xd1\xe1\xb7\xe7\xe3P\n\x07f\xe6\xe0\xb2;*\x07\x8f\x0e*\x95\xca\xcaJ\xc2G2\x8cq\xcd\x88\xccj\x85\x96\xd2\xe7\xcfC\xc5\x8c\x14\x05,p\xa2\x9bfk7u\xee\xf7\'n\xbb4\x9e\xbf\x81\x9ch\x81\x90\x87\xf1\xe6,\x91\x88\xc5w\x80\x96\xdd\x8cF\x97\x0f\xeaV\x87\xc3W\x9a\xf61$I\x10\x04f]\xa9X\xa3\xf9&lt;h\x8aJz\x84\xe5U\xd5\xef\x8f\xf4\xde_\xd9\xbe\xdfRz\xbd\x92\x95tZ\xf2\xd0\xca\xd03\x91t:\xcdT\x1e=\xaa$\xea\x84\xcdfp\xa7#\x16(Q\xa9|\xf6&amp;\xd8\xec&lt;c\x85\xf6-\r\xaeN\xa5NC"\xbd\xe8\xf4x\xd5\xb7\xdb\xba\xef\xfa,o\xdfz\t\x13\x84\x15\xb3\xfd\x0f\xcb\x10\xb3\x19\x0f\x0e*&gt;&amp;7\xab\xaah\xc6\xa0;\x05\x98\x11:\x9dj\xa8\x9f]uG\xc1\x918\xa8\x15O\xa5\x00\x8b\xc2\x99\xfb\xc3\xfd1\xec(\x9a\xf6\x87?\xdf\xdfy\x81\xf9-\xf9\x99@\x00z\x99X\x8c\xd8\xacX1\xe8\xfd\xb3\xeaW\xe5+\xb2\x7f#\x83O)\xdb\xcf\xe6\xeaF+\x03\x8d\x08\xf4\xd4!QM\x13[\xe3:1\xb5\xfc\xf8\xe8\xf77\x19\xc6\x10A\x9db\xc4\xed\xf5\xe2&gt;\xdf\xfc\xea\xcdU\xb7\xf6\xe5\xec\xcb\xe7\xcf\xdf&gt;_\xd8\x170M\xed\xdfL3F\x0f\xc4_&gt;\x10\xcf\xd2T\x8e\xd8y=\xb63\xc5\xa6\xbf\xbd\xca\x909\x18\x0b\xa2=\xed5\xd8\xa2\xeel6\xe7:???\x03\xaeo#\xa2\xcf\xf0sv~^r\xde\xec\xe7m~\x83!\x96FA\x97\xce\xed\x8c\x11\xeb\xd2\xd1\x877;\xb9t\x0c"\xdc\x9d\xf3{\r\xb3\xe1l~\xd5\ty\tp\xbe\x8dl\xf4\xf1\x15\xd2u&gt;\x1b\x8f\x87#\x16\x1b\x13\x8d\xe26\x1b&gt;\xff\xcb\xfb\xa3Kc\xb3\xedOov\xf0\x07K\x84\r\xc7\x19\x07\xee\x9eu\x87\x03\xfdlXV\x94?\xe2\xea\xc2\xda,L\xa3}\xa0Z\x8d\xe0\x18\x03`\x04\x13\xfd\xe5\xef\xdb\xe3S\xeb\xf1?N\xea\x04\xe3\xf00\x04\x8e\xf9\xf0\xd9\x9c\x05D\xc9fiU\x15\xa1\x84F\xfd\xc6!J\xcfb\xa8\x0f)\'\x05X\xb3D\x9d$\x19\x87\xc3\xb1\x93\x19\xc3\xfe\xd8\xff\xab\xfa\x7f\xbe\xc9\x90\x0c\xe6\xc3\x18\x02\xb0\x16\xf0p6\x9b\xa2\xb3\x00\x069F\xcc\xd2}\x00J\xf5\xfbhy\xe2\xf44\x14q\xcf\xcen\xb90\x82\x9c\x9e6f\xde\xfc6\xbe\xb3R&amp;\xd3\xebW/\xea\x98\xcf\x851\x18FD\xa3\xd1p6\x95\xca\xe6\xf3\xe10\xcc\xae\xb9\xf9\\\x0e\xcf\xc5b\x11\xf8+\x90:Me\xd3\xd1\x9c\x9b\xacc$6=\xbd\x99\xf90\xce\x93x\xa6\xfdO\xbb\tc=c\xad\xbb\x08p&amp;c\x08\xd3\xf18\xccb\xe9X\x94\xa9\xc3\xbf7}\x0e&amp;=\x13\x88\xc3\x1c\x9a\n\xdb0"Gb[$\xe62&amp;N&gt;\x8d\xf3\xc0\x9bi\xe2\xf7;\xbb\x89\xc4\x8bL&amp;C\xe08I\xda\xd2\x96\x00\x10\xa4f"\x0f\xc8L\xe2\xce\xca\xd5M\xc7\xd2b\xfc\x14\xed\xaf\x04f\xa3&gt;\xec\xcaV\x1d\xa82\x99\x93\x93\xb1\x9ew3-\xffk\xf7\x1e\xda\xfaJ\xd4\xe7\xe7\t\x8c\xcc\xc5,\xa0\x0c`\x9c\x06l&gt;\xc8\xceA\xc7\x03\xa0z~\x9aJ\x05"\x0bQ,\xb3\x85\xd5A\xc4Lf\xf7\xc3\xc7\xf1\x1e&gt;\xfdx\xf2\xe4\xe1\xee\xc3\xdd\xab;\x0bQ\xa8\x15\x18\xc2\x8d\xb2\x0b\x92g\xcel\x0cV\xa6\x1f,\xa2\xdc\x1c\x9f\x99\x89\xc4\xa2d=\x83a\xa4\xcb\xfa\xe2\xea\xc9_\x7f\x1d\xf3\x19\xe2\xa3_\x9e&lt;y\xf2\xe7\x87Ww\xe6\xa3\x04V\'q&lt;\x06s\x04r\xe3\xe2\xd2\xa4osz\xe9\xc1\xd4"\xa4\x80Xl\xe1\nY\xb7f0\x92\xcc\\=\xd9\xbd\xf7\xea\xe3\xa51c\xbd\xbf\xf3\xddw\x7fz\x98\xd8\x9a\xbf\x12%\xad&gt;x\xd9V\xc3\xf9\x99\xc5\xc5\xcb\xb1k\x0e\xc7\xf4\xe6\xb4y\xd2av80b\x1e\xb4J$2u,sg\xf7\xe1\xbdq\x8bui\xfb\xbd\xf5\xbf\xbc\xdckL\x9aY\x1a\x00\xe0\xe5\xdep\x19\x05\xd1E\x90[\xcbX\t \x90\x8a\xd3"J\x02-\xe0%-P\x12\x11\xc3\xd6\xfe\xe0\x87\x84`\xdc\x92\xda_\x8d \xd9h\x0ch2]\x133\xe3%f\x1b\xd3\xf2\x87j\xd6\xda\xba\xed\xaa\x9d\xc9\xdaIL\xbb\xb6\xb1\x8d5\x9dj/[\x9bL\xda\xa6\x7fv:i\xb2\xef{&gt;w\xff\xecm.\xc5\xa3@\xc4 \x8f\xef\xfb~\xe7\x9c\x8f\xef;\x9f\xcf\xa0\r\xea\xba4&lt;MWQ\x17\xbc\xbf\xd7[\xac\xe7Z,\x9ev\xae\x88q:i&lt;}:\t\xb3\xd5"Z\x97\xd5\xaa\xd3\xb9\xdd\x12]4\xe8\xcb/r\n\xce\x92\x14\xa5\rb\xdflF\xc3\x93\x14\xb9\xa1z\xaa\x95J\xa5\xd1h\x14\xe1\x99\xe9I#\xb2\x02\x93\x93\xba"k \xa0\xf3\xcf\xba\xf3A\x9f\xcfw{\x80S\xf0$Jd\xc9\xf4Q\xed\xd0t\x86\xe6v\xeb\xacnk\x915\xc9`$\x01\xa44B\xb0\x92\xc9$\x03\xe6\xac\x01\x9d\xce?\xa4\x8b\xe6\xf3\xfe\x986\x1d\x99\xdb\x0bV\x8f\xdc\xea\x13\xc7 \x12\xb3:\xbf\xdf?\x14\x08T1$\xa81&amp;#Ux\xcf\xa8\x8a\xc7\xfd~\xfc]0\x1a\xf5\x19\xc4:\xdez\xe1Y\x19F\x8f\xbc\xc4\x1d\x83&lt;\xfaq\x99C\xd0\x1f\x9d\x0cX!Z\xf0\x1d\x99\xac\xc2\xc01t\xf1\xf8\x90?\x1a\x8f\x07}\xe9\x98V\x1b-\xe1\xcd\xfda\x0fX2Qu\xc6/6\x88c1\x1f\x14N0\x1a\x9f\x0c\xe8\xacU\xd6\xa4u2\x1e\x89X\xa1\xe9\x82A\xa8s\\\x98!\x16ku4\x1e\xd7^h\x16g1#\xe9\xb1\xc8y\xb4\xb8\x98ZDChq\\\xff`\x85 \xe9\x02V\x9d5\xe0\x87\xa7b\xbe4.\xb0I\x07\xec^\xfd^\xb0\xa6%x\x04\xcc\xde\x15\'\x0b{\x10\x96\x0e\xfa`4\x0c\x04 m:\x1d\x0c\x98\xa0\x82gcb\x03\xc0\'\xab\xe9\x9dz\xae\xa6\xc0,\x98\xd9L3d2\xb9\xda\xeb\xa5E\xd3i-\xbc3\xbcw:\xed\x8bF\xfdC\xbe \xd49&lt;F!N\x06\xb1\xd6p\xd4\xa0\x8d\xf3\xe8\xaa\xca\xd6=`\xddE\x96H\xedu8h\xf0\xfedI\x0f\xae&gt;\xf2\xf9p\x91O\xd4\x9f\xc6G\xd8\x1e\xe0\xc9\xa3\x06q\x9c\xe6p\xa9\x8e\xb5Z\xf6\x86%\x91\xab\x15\xb0\x8f\x91\x99\xa5\\G\rG\xc5\xda4.\xeb\t\xfa\xc4\xb0\r\xf8H\x10\xe1\xe6\xa79\xa4\xae\xc3\xc7Z{\n\xcej\x06\x96Q&amp;g\xd1m6\xa9\x1d]Zt\xfd\x16r\x06\x95\x86\x05\x15\x83.\x01\xe3g\xd0\xfa\xf2\x9ap\xd8\xe5\xaa\xd4\xb7\xca\n\xcfz\xe5\xfe\r\xb2 Z\xe8r\xe7!\x93\x06j\xcd\x16\xd4\xb8\x96,p\x83\xe0\x89\r\xb1(\xeeo\x9b\x04\xe4\xf4\xce=aA\xc9\x9fW\xd0a\xff\xc1a\xd7d2\x197\xa6\x12\x02\x14\xd3b\xc8@e\x80\xa8Eg\xfbl0\xb50U\xec\x1d\xcb(\xe3\x96\x01Kjs\x80\xab\xef\xf6\xed\xcc\xf4-\xbfO\x8b\xd9\x83\xfcic\xda\xe0\xad\xe9\xe9\x8c\xc6a3\x9d&lt;\xf9\xa7\x06\'$\xb1\xa7\xaf\xd0\xac\xd2\x13xJ,WA\xa7K\x056\xa9\xc3\xde\xd7\xd7g\xff\xeb\xdc\xfa\\\xdf\xf4\xad\xfcP&gt;\x9f\x1f\x1a\x1ar\xdf^\x9f\xd3h\xec\x8e\x9a\x93\'\x0f\xd49U\xc0*|\x07\x81\xac/e\x1e:\x9d\xee\xaa\tK\xbd\x9a\x92\x0c\xb8\xd6\xb3\xa1l6\xbb\x9e%w\xf8\xc3:\xcc\x11\x0f\x0bL\xc0"\xd1\xb2\xec\x15KA\x17\njj\xa4\xc5\xbc\x12Z\t\xb0B-m\xc3\xc3\xc3\'\x86\xdbZZ\x86\xe1.\xe4\xb0\xd7\xb2\x80u\xe0\x00\x9e&gt;|LoQ\xef\x01\xeb4\xb0\xca\xe8\x82\x8a\x1a\x01\xbd\x0cY\x1ad\r\x9f \rm\xc3m\xc0\xe2\x01\xab\xee\xc8\xa7\x14\x8b\xcb-&lt;\xcb\x8a\xac\xf3\x9dB\xc2\xaa.\xa1\xd1\x80\x95E\xd6W\xe4\x0bh\x14KQq\x84b\xfd\x05\xa6\xd4\x7f+-&lt;\xcb(R\x97!+,e\xd1h\x98\xc4\xb9l\x88bA\x03VK\xd6\xa1\xe1\xa9\x15\xa6\x7f\xb2Xr\xd9\xbd\xd5\xd2\x82\'\x11X\xc5*g\x05\xd4V\x19M\x02,\r\xb0\xa0\xa6N\x10\xd6W\xc0\n!\x8b\x0e\xa5\xf5)\x94\xbc\xea\x9cZ$\x99\xf9\xferA\xf7\xaaKo"\x8b\x8b\xac\n\x81P!\x97\x80K\x03\x1b_K\xdb\tdQ9$\xd1\xa2\xd7\x1c8p\x04\xa3u\xce#b\xa4v\xbe\xbb\\\xb8\x8fF8x.^\x12XzdU\x08\xcb\xe4\x92.`9\xb2\xa1P\xcbn\xc9\xc3v\x98\x85^\x16\x92\xd8\x00\x1b"v\\\xe7&lt;J\xc6\xd2\x87\xf1\'\xab\xcd\x9c\x02].\x82\xc3\x19x\x9a\x07\x96GOE\xabL\xae\x04W\x9f\xdd\xb1\x9bE`\x81*kC\x96\xb0\x8e\xb0\x1a`b#s\x0f\xa5\xfe\xf8\xe0\xe1jw\xf3\xaf8\x05\x80q\xba?[Y\xcbW\x19-\x84\xd5\x00,.\x14\x17\x84k\x0e\xb6\xc56\xc2"*\x88\x96\xa6L\x80\x9f\'Q,\x8b$\xb2\xb6\xb3&lt;\xfem\xd3g\x8b\x03\xdd\x1f5\x97\x1crI\x83\xf9\x8b\xa95\xddi\xa3\xa5\xf5\x18\xb2 \\\xe7K\x90\xd57\xb7N\x85\x8b\xa4\x10\\^\x8dZQSG\x82E\xc6DF\xc4\xbf\xb3\xbc\xfc\xe8e\xff\xfc\xd6\xd6\x8b\x8fx\xe9\x03\x0e\x87\xd3=\xf0\xee\xe1\xc2\xd4R4\x00\xd1j\xadT\xe1YI\x15*\xc8"a9lY\xd2\xd1\xb7\x84\xa0\x85m^V\x99\x10\xfbx\xd2\xcb\xeb\xb9\x14\xabc\xfc\xce\xd9\xfaK\xa9\xa9g\xe4\x9a\x0c\x1f\xc1\xc6i\xee^}16\xf6\xfd\xf6\x87\xa5 \xb2D\xad\x95\x9d*!\xd6|\xa5\x9a&amp;QB\x12ma(\xfa\xb66\x18|Z\x1aC0V\xb2H\x0eI\xb4T\xed\xdc\x1eId\x08X\xbf\xfez\xe2\xec\xd8\xcc s\xe9\xd9\xdd/~\xf9\x11\rH\xde\xcdo\x12\x7f\x1f\xfd\xf6\x87\x1d\x8a\xc5\x10y*;\x85\x84%dA\xd1\xc3\xa6h\x0b\x85\x1a\x81\x04\xb2\x96\xc6\xb0MZ\\L7Q\x05\x8f\xac\xea\x1ec\xe4:\xb0\x96\x81U\x7f%\xc7\x1c\x1cL\xdd\xb8\xb6\xd8\xfd\x0b\xaeH\x82\'\xdf\xad\xdeO\xf4N]\x19\xbb\xfap{\'\x15$,\xa5\xa7\x18\x86jA\x85\xd3\x89EO\x93\x93ha\xb0\xda\xfe\xc5\x12\xc0\xec\x01R\xd8\xd0\x00\x13\x1b\x8b\xecK\xc2\xfa\xe4\xcd\xbb\xb3gWrl&amp;\xb4\xc1\xb5g/\x06~v\xc88\xa5\x8bO\xd7\x06\xf99P\xbd|t\nX\xf18\xec\xd9+y\xc5\n!\xb8\x84Bz1WI\xab\xd6x!\\-\x94\x0br\x08,\x85\xa0\xeed]]\x1d\xc5\x12\x01kf\xfb\x93\x8e\x0e`Ml\xf5"\ne\xbd3\xf7\x16\x7f\x16\x8c\xd3\xbd\xf8ti\x90\xcd\x1e\\\x18\x9d\x7fyg\xfc\xd4\x87\xa5x\x1c?pPV\xb3pf#\x10\xb8\x80%SV\xdb\x1dR\x1b$\x91b5\x86\xc3R\x05\x1e\xae\xaa\xabi\xc0\x1cVzD\xb2dd\xe6TG\xc7\xfb\xd7\xef\xdeM\xac \x8b\t\x11\xe3\x83n\xe9\xe9O\x87a\xa4\x96\x98lh\xb9\x95\xb1~\xc2\n\xee\xb2\xb8\xfa2\x9cp\xed\xb2\xe4v\x07$\xb1\x91\x84\xebxc\xa3\xc9$\x859bCC\r\xdc\x9c0\xaf\xf1\x88DE\xba\x85\x83\xc0z\xde4\xb1\xcb\xa2\x1a\x9b\xcd\\\xbb\xb6\xfa\xc5O:\x1d\x953p\x9fB\xb1\x99S\x97\xae\xf6\xd7\xdf\x19\xff\xdd\x87x&lt;\xee\xc7\xda\x82\xfeTA\xcd\xb8\x14&lt;%\xec\x07\x01\x0b\x82u\x9c\x94V\xa3)\x0c,AC\r\xb8\x9cNW\xe5y\xb5HY\x94\xbf\xb8\xdc\xd1\xf1\xdd\xf3\xa6\xa6\t(y\x02\xe2S\x0f\xec\xde\xb5\xc4\xd3W?\xb6+\xc3\xad/\x91\xe3\xf3\xf9\xec\xf2r6sd\xb4\xff%\x89V|\xd2OX\\\x0f\xab\x18O\xf4\x84\xc1Z\r\xd1\xdaeA\xac0ZP[\x10JSM\x83\xb3\xc2)T\xb5\xb7\xab-\xca\xd9\xeb\xdb\x1d\x1d\xcbO6\x9a\x9a\xea/B]\x99\x99\xf0\x97\xcdf3\x86\xab7\xd5\x9b\x9b\xbaq\xf3\xc7\x1c.n.]\xbc\x7f\xbd\x17_K\xb1\x16 \x87\x8f\x81\xb5\x10\r\x04\x02\x11`\xc9y\xb5\xc5^\x17\xa9y\x96\x9c\x86,\xa8\xad\xc6\xc6\xe3\x8d\xc7\x91%\xa5\xd3\x85\x15&amp;S\x83\xf3\xf3\xcf\x85\x95\xed\xed\xb5\x96?\xcf\xbe}\x00\xac\xd7\x1b\xef\x9a\xc6F\xcc\x18&amp;\xfc\xd3T"G.\xad\xc0S\x837\xb0\xf3\xe7\xfc\x9f\xf1\xf8\xden\xfa\xf8lv9\x9b\xcf\x9fA\xd6\xcb\xf1\x83;k\xbaH\x04X4.\xaf\x96\xe5\xa5\xbb\x84t\xba\xa2\x8c+\x97k\xbcR,.r\xf0&lt;\x1c\xb6\xd1!\xc1&amp;\x93\xc9)\x14\n\x7f\xafB\x96\xf1\x16\x04\x0br\xb8\xb1\xd1t)EX\xe5\xe5\xf8\xefb\xcbm]\xd8\xcc1\xcb\xd9S\xcfV\xffgG\xd6\xfc\xc5\xcd\xeb\x83\x90z\xf6!\x84\xc1\xab\xf9\xe6\x85\xab\xfd\xfd\xf5\x8f\x1f\x1d\xdc\x9e\xc9WE"V`yjY\xc5\xb0S\x06\x00\x85G.\xe7\xd9\x1d\x0e\x12.\xa2\x92\xd2\x15\x87]PX.\x97P\xd5\xd9yL_[=\x9d\x18\x07\xd6\x9b\x8d\xcbMg6\xa7\xcc\x98=\xe6.\xcb\xcc4\xcf\xcc\x8f\xa6\xb0\xd6\xa6\xb6\xee\xfe\xb7\x1e\x96\x03\xc3\xcc\xab\x1b\x98&gt;&amp;{\xdf&gt;x%\xbc\x1a\x8a`\xe1\xea\xe3\xfa\x0bg\x9f&lt;\x18\x7f{\xab*RU\xe4\xa6q\xd5,\xc2R\xc0\x8d\xc5\x95\xf3`\xafP\n\xc3O8DT\x0e\xdc[\xa3X\x95\x95\xed\xfa\xd6\x92\xc4\x0f\xa4\xe0/\xef\xdf\x7f!\x91\xca\xa1\xcb\x8c\xa9\x80\x12\xc1\xeek\xb3\xff\xa2\x99\xcf\x9f\xda\x9c\x9f\xbf\x06\xa3%\xe7?\xa9\xbaW\xef\xaf\xf5N\x8d\xe4\xf8\xecC\xfb\xcaI\xe3\x9bsSW\x905\xf1\xfa\xfd\xf8vb\xb6\nYr.\x1e\xe9U K\xc1RW\xf3\xc0\xe5\xb5\x85\xc3\x88\x82XAi\xb9\x9c\x02\x97\xcb\xa5\xea\x84\xd2\xd2{\xa6\xdf\x82\xea\xfd\x9b\x8d\xfd\xfb\xf7\x9f\x19\x1b\xbd2\xd2k6\xf3wK\x84T\xd7\xe8J\x8e\x9f\xda\x9a\xbf\x94H\x8d\xfc\xfb\xa5\x958\xcd\xa5\xab\xd7\xbe\xb9\xb1\x99H\xcd$\x06\x0f\xed\xdbw\x08\x13\xc8\xe6\xe7\x166G\xc7\xe6\x81u\xe6\xf9\xd7\xe3\xe3o\x13\xb3E\x0cwW\t\x16\x17\xc4\x0b\x1bK]\xab\xd1hXX\xf6\x88r\xfc\xa3\x8a\xf3\x0bic\xcf\xe2xn\x9bd\x13\xcd\x95\x14!Y\xbb\xd4V\x11\xf3"\x85a \xc9\xcb t\xb9v\xc92\x10\xf6e\x1f\xf2\x90\xe2K\xe8\xbe\xc82!\xec\xd3e\x18!\x0c\x84\xbe\xcd\x1d\x98\x87$\x10\x18d\xccS\xb2\xd8\xa4\x1b*\xac%\x10\x85\x8bX\xcb&amp;\xdc\x84\xfc\xb1\xab\xd8\x0b\xa2\xe2\x8bV\n\xfb=\xbf\x89\xdd\xde\x93T\x85\xca\xe43\xdf\xf3=\xdf\xf3\x0b\xa8\xc0z\xb0\xf2\xfd\x1f\x1f\xacD\xa3\x8b\x8b\x8b~\x7f`\xb72n\xe1\xfcf,\xaf\xc6\x8a\x82\xf5\xb6Z*\x8f\xf5\xa2\xc8\xaf\xe4\x1b\xfa\xc8\xa8\xc0u\xb29\xda\xfe\xf9\xff\x01\xfb;\x07\x9d\x11\xfe\xfb&gt;\xe7,U\x15\xa5*\xbb=\xab\x1ev?\x9c\xde\xaak#\xb3\xd2\xefk\xd2\xd5q\xa7pt\xf9\xee\xfe\xfd\xb5\xb5\xe9\xc9p\xd85\xe7\n\xcc\xfa\xa3Q\xbfkr\xd2\xb5\xbc\xbc\xecz\xf6\x10T\x0fi\x0c\x19\xd6=@-\xce\xfa\xc3\xbb\xd7\x85\x17;/\x86D\xb5\xa9\x9aV1\xb6\x19\x11\xb5\xda\xe0\xe6\xdal|\x91\xcb\xe43\xc52\x0c\xabJ\x0b)\x9d\xcf\x1b\xd6\xd7]\x89\x94\xfa\xf5c\xba\xe4\x9eq*\xba\\*\xe5\x88\x8a&lt;\xe9\x93+5A2J&gt;e\xd0\xd72\x12\xda\x18:J\xff\xfe\xf1\x18\xcb57\x17\xf0\'\xfc~\x7fxr\xc1\xb5\x1c\x8f\xc7\x9f\x11\xd6=\xb6\x95\xe8\xe7Z@\x05\xe6\x85\xb7\xb7\xc8\x06\x18\x0b\x15\xbbVZR\xb1X&lt;\xde\x1f\x0e/..\xce\xf7\x07\xd7&amp;\xb5\xb4a\x18U\x8e\x94K\xd7\xebV\xaf2\x8a\xb0\xdf\xbc\xf9\xf3\xcfH)%\xad\xe4r\xff\xae\x96r\xf0;\xbfJXn\xaeq\xd3\xcf\xa8\xb5\n\xc7\x97+\x82\x00\xac\xabf;i\xfesm\xe3\xbb\xe9\t\x8659\x87\x1e\xa1\x99~\xbf\xcb\x15\x7f\x86\x82^\xd1\x15H\x85l\xb8\x17\x9d}\xe9\x0f\x87\x17\xf6\x88\xea\xf3\xf9/\x84e\xe8\xb8\x10\xa8\xfa\x9dP0\xe8m\xb7?\x9f\r/\x9a\x9dK\x85+)l\xe4}r\xab\xde\xaa\xf4z=\x8b\xfe\xe4\xd8!\x9a\'W\xd3\r\xa5$;\xf1\x7f\x9c\xd3\xb3\xba\n\xa8/\xd7\x9dn\xb3_\xcb\x9b&gt;\x8fO7\xc0\x85\x0b\x0e\xdbG\xd5\xe7\x8f\xa7\x99Z\x0bs\xf4\xdb\xa6\xc0b`\xd0\n\x0b\x9ba\xad|\xff\xe0I4\x9a\x88\xfb]De\xdb\x1dS8\xaf\x992g\xaa\x99b&amp;3\xf4\xa2\xa6p\xa6x1\xf5\xb9\xdb\xb9\xb9,q,\xc8\xdcN\xa5e\xa5u\xb3\xd2s\xfc\xfd\xd7\x7f9\xdd\xb9\xaa^\x92\xcbe\xceg\xa7\xef\x8c\xc7\xe3,]v:\x85\xad\xee\xfe\xc0h\xc0\xff\\\xa5\x0e\xb9\xa4b\x86\xb8\xee\xffaz\x01b\x05\xe6&amp;\x1eag\xfbm.\xd6\xc3\x07\xccY\x0f\x88*\xfa\xc3\x0f\xe1p`\x0fC\xb8\xd3eT\x11\xca,_\x03XE\x865eW0\x94mw:\x97\x98\x01\x1aL\x9f\x9cnUt\xa5\xe18\x19\xc93n%\xad\xcb\xe8\x1e\xeff\\\xbe\x19w\xb9\xd1\xe9\xb4\x93\xd9d\xa1\xd9\x19\xe84\x96%K\x10\x84\xa2$J\xcd\xc2\xa7\xf7\xf7\xbf[\x0f\xbb\x02\x01\xd7\xe4\xa3\x89?!\xc1\x96\xf0\xa0\x18{\xb8\x82tx\xf9\x8f\x9f\x9e\x10\xd5"rt\x0eZ\xed\xec\x9c\x9d3\xadD\x04&lt;\xef\xd3a\xd6b\xa6\xe9\xf5\x06\x19\x17\xe9\xe5M\x85\xba\xc3\xe6\rf@\x01\x03\xa7\xa4G\xa3\x8a\xc3\x18\x95H\xbd\x9c\x13k\xc6\x99+\xe9\r\xf3\xf2\xf2\xf2\xfa\xa6yV\xc8fS\xc9\xa3\xce`\xa0\xbb\xa1\x1eg\xe6\x05A\xca\x14\xc1u\xfb\xe5o\xcf_\x85\x91\x0e\x819`\x91\xeb\x97\x96X\x1f)^\x038\xe5G\x89*\xe0\n\xaf\xa7q\xf6k\xdbT\x11\xd1h\x94y\xde\xa7\xe4\x85L\x86\xb0\x88\xca\xcb\xc0\xa6\xbc\xdel\xa1\xdb=\xeb4\x07\x16K\xdbR\xb5\xe7\x18U\x01D\x06\xcf)\xd5\x9e5\xd8o\x0e\x87\x9d\xb3\xb3n!\x99E%\xb7:\xa7y\x85\x87\xd7x\x99\xda\x98)J\'\x99\xfd[\xfd/\xcf\xd7\x97\xe3\xc0z\xfah2\x90XL\xf8\xc7\x8d\xf4\'\x02\x81\xd9D\x94a\xfd\xb8\xf0*}\xb4\xf3\xe2s\xf3\x98bt\x9e\xa8\xb0\xf7\xf9\x12\x99Tjz\x83\xc11\x15\xd1yS\xd9$Z\x93\xec\x9e\x17\xeb\xad\x06F3\xe7\xa8\xe6\xa8w\xee\x9c~\r\xa4\xb3n\xbb\x10\n\xe1\x1b\x92D\x95Ln\x1d\r2\x96\xecA\xe1&gt;[*\xb84\x0cx\xff\xa6\xfa~c\xf7\xf5\xb3\xb8k\xf2\xe9\\`1\x81\xcc\xf4\xfb\x97\x08+\x10\x08\xc4\t+\x11\x9f]\xd8\xa8\x1e}m`,FT\xfc\xcc\x0c/[\x84\xb5(Gw\x19\x00\x00\x03\x89IDAToc\x91\xeb\xf11\x18\x0c\xa5P0\xd9EQ\xd2\xf2-d\x82\x83\x8e\nN@5\x9bg\xedv0E#\x12\x0c\x01\rJmm}\xba\xe9k-\x0eT3&lt;\xcf\xe9\x96JY_&lt;\x11\xa5\xfc\xde\xbb\x8d]$\xe8\xe4\xd3\x89%$\xf9"@\x12.H\x06\xb1\xfc\xc0z2\xbb\xbc\xfe\xaezT8\xbb\xc0\x1e\x8c\x80\xaah\xe99\xb6d=9\xba9i\x7f\'H\xde\xb2}\x8fW$*H\xd6\xbe\xe8\x0b\xaa\x91\x86\xeb\x1dl,+\x83a\x172\xe1{\x81\x0e\xaa`\x8aa}\xba=\x15\xb4\n\xee\x92\xdcE\\u\r\xc6\x90DQ\xd4\xde|\xdc{\xb5\xbe\xfet\xfa\xd1_)\xcb\x19\x17\xd6\xdf\x12\xb4KD\x9f\xbc\x9c\xdd}W\xbd\xec\xa2\x7f\x9b\xf31H\xa5\xe1H\x85+\xe0\xe9\xe1z6\x96\xd7\xbb35\x1eG\xe2KeShda\x9f\xb0t\x9fl:\x10\xe5i\x03\xefj\xb2\xa9\xe0\xd7"r`}:\x1a\xf4\x85z\x9a6\xbd\x07\xb9\x0f\xae^\xbd/\xc1`\xa2\x18\x89\x88o\x0ew_\xad\xad=\x9eH,F_\xe2\x88\x13\x05\xd4\xd2\x12\x8c\x96H,\xfe\xb8\xfe6\xdd\xda\x07\xd4f$\x16\x13\xc5z\xa5\xc4\x14\xa7\xa7\xaf\x92W\x05\xe9\xbcMM\xf1\x8e\x8d\xef\xa5a\xb4\xb1\x04A\xcd\x9b\x98|G\xae1\xaa\xab8y\xa6\x82\x10+HbASo(I\xc6B\xc8\x0bu\x13\xfb~\x06\xa6\x07\x97\xb3\x946\xe0/\t\\\xa2\x18\x13\xb7?|\xdc\xdbX[_F\xc2\xcf\xc6\xe3\xcbp\xfd\x02\xab\xdd\x83\xc3\x0f\xc2\xd5/\xccS1Q\xb2\xaa\xb2\x8f\xe7=v\xf1f\xbe&amp;d\xce\xdb\x08\xac\xe0\xd4\x1d\x16\xb8B\xf4\x9a\xc0R\xd5\xba\x89%\xe3\xc0;\xc0z\xcd\xc6bz\x11\x18\x91o%\xb7nO3\x02\xb0r\x9c\x8f\xa8V\xe9PQ\xd6{yA\xa26\xc6b\x18z4\xf3\xc3\xe1\xe1\x7f^\xbf~}pp\xb0\x8b\xc7\x01\x88\xdel\x9f\x9cDpZ\x00\x14\xd8\xeb=\x1c\x93\xee\xa0P\x8d&lt;\xde\xae@-\x1b+\xc5:\xe8e\xff\x82\xc9dS\x15\xd4z\x9a\xb0\xac&lt;\xaa\x86&amp;\x92\xd1Cv\x13C\xa9,\xfc\xbe\xd5A\xaek\xf5\x06G;ru|Ul\xa9V^#\xb0\x18\xbd\xf2&lt;\xbayr\xb2\xbd\xbd\xfd\x86\n\x9fO\xc4\x08p\xe6\x99\xd1\xd1?\xcd2KN\xdc\x8f\xc7n"J7j5`\x05\x19V\x8a\x88\x98f\xf4\x0c1,\x95\xa9\xd5\xb0\x06yc\x00,\xa2\xa2N\xe2a\x8f\xe1VS\xd20\xaf:G\xb9e_\x99uRnT\xea\xb6^\xb1\xc8o\x0bH\xf4i\x9e}\x04\x95\x86\x05\x97\xe3\xbf\x91\n\x80\n\xb0\xd4S`1o\xa5\xd8\xe83\xac\x17S\xa1\xe4P\xa5\xf6\x10\x96\xdc\x1a\x18F\xadcc\x91^\x84ET\xc9\xe4&gt;a\x19\n\xb5\x90f\xfb\x8e\xcb\xcd\xc9-M\x14OD\x1bk\x9e\x81\xcc\x8f\xa9l$|-\xc6$\xcbTlW\xcd|\x83%\x1bj\xadv\xda\r1\xac\xd4\x9d\\\xde a\x85\x86\xa7wX\\\x85\xb0\x9a\x85d(\xcb\xa0(\xb3(\x1b\xb6\xb2\x05`i\x9a%S\x0b\x11\x11\xab4\x8d,\xc1x_Z\x90ND\xf1\xea*&amp;\x12\x11j\x93\xe1\xb04@m\x92\xedbZ\xba\xcc\xf1c\xaa\x99\xafheK=\xad\xd5\xba!{\x121\x81\xe3\x99\xa4\xad] \xb5j\r\xc2\xf2\x99\x03\xcb \xcfgCwX\x8c*\x19l3\xacQ\x99\x89\xc5{V\xbf\xde0\xef3Ut\xb1?l^\x1c_\xe1M\xd6\xfc\xb8\xd8\x17WW\xc7\xc7\xe7\x99\x18e\x9b\x89d\x01\xd67\xc6\xa2\xf4k\xa9\x90\xabs\x87Ezy\xd9\xa8MA-xK\xc8\x13\xd6\xff\x00Y\xa3\x16\xbdr\x08\x10\xe4\x00\x00\x00\x00IEND\xaeB`\x82'</t>
        </is>
      </c>
      <c r="M70" s="3" t="n">
        <v>45492.67725694444</v>
      </c>
    </row>
    <row r="71">
      <c r="A71" t="n">
        <v>178407</v>
      </c>
      <c r="B71" t="n">
        <v>1961</v>
      </c>
      <c r="C71" t="inlineStr">
        <is>
          <t>Gabriel Pires</t>
        </is>
      </c>
      <c r="D71" t="inlineStr">
        <is>
          <t>G. Pires</t>
        </is>
      </c>
      <c r="E71" t="inlineStr">
        <is>
          <t>VOL</t>
        </is>
      </c>
      <c r="F71" t="inlineStr">
        <is>
          <t>VOL</t>
        </is>
      </c>
      <c r="G71" t="inlineStr">
        <is>
          <t>VOL/MC</t>
        </is>
      </c>
      <c r="H71" t="n">
        <v>186</v>
      </c>
      <c r="I71" t="n">
        <v>22</v>
      </c>
      <c r="J71" s="2" t="n">
        <v>34229</v>
      </c>
      <c r="K71" t="inlineStr">
        <is>
          <t>Left</t>
        </is>
      </c>
      <c r="L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bdd4bfc-4214-4e0d-9633-51b7c7cd77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e\x1c\x1bd\x00\x00\x03\x00PLTE\xff\xff\xff\x10\x0c\x0e\x8a\'2\xff\xff\xfe&amp;\x1d\x1d \x18\x19\xdd\xaf\xa6\xfe\xfd\xfd\x15\x10\x11\x1a\x14\x15o\x18+\xb7}g, \x1f\xc1\x86t\xdb\xab\xa2\xaapX\xaau]\xa5p[\xc5\x8b|\xbb\x80k1%$\xbf\x83p\xdc\xb2\xaa\xb2w_\xa7jR8(%\xads[\xf8\xf4\xf3\xdb\xab\xa7\xc8\x8e\x81\xc1\x89y\xca\x92\x86\xee\xed\xf2\xb4{b\x8e.7\x9flX\xda\x92\x8b\xf1\xf0\xf6\xd3\x82}\x01ZW\xcb\x89|\n\x08\n\xde\xb5\xad\xd4\xa3\x96\xd0\xa9\xa0\xfb\xf9\xf9\xc8\x86w\x83_Q\xc6\x81s\x08//=34\xda\xa5\xa1@,(\xd2\x96\x85\xce\x80vV0+\xcf\x8d\x7f\xd6\xa3\x9c\xd0\x94\x8c\xd5\x88\x82hB=\xd3\x97\x91\xbc~f\xd5\x9d\x95\x99iW\xef\xf2\xfa\x19NS\x83(3\xd6\xa9\x9f\xa0:?rGA\xe2\xad\xa1\xc3}nL0+\\84\xcb\xa2\x98]@=\xd4\xb4\xac3+/\xeb\xe8\xed\xd9\xa9\x9a\xdc\x96\x90\xc8zu\xd4\x88y\xc9qh\xc5vm\xe6\xb9\xad\xd0\xae\xa8u\x1f-4\x1d\x1b\xdc\xb9\xb2\x03TS\x00g]rQK\xd7\xae\xa5\xca\xab\xa5\x9e[Q\xd9\x8c\x85}PP\x91hX\xd7\xa0\x8e\xc3jb\xd6\x90\x80\xb8x`{YM\xf4\xf5\xfb\x95bP)#&amp;\xbcsl\x89dV\xb5~p\x9cqa\x1f\x13\x14\xde\xe0\xee\xdb\xa5\x96(\x17\x16\xafpT\x95WL\xafyh\xd2zu\xcd}k\xcd\x9d\x92t\x14+\x9839\xabgY\xe0\x9d\x94K($|NC\x93NE\xb6oe\xec\xe0\xdf\xafdbfKI\x9fgR\x02KLWEG\x94hb\xe2\xa7\x9c\x8cXJA!\x1e\xe1\xbc\xb5\xcetl\x1245\xb6\x84{\xb6k\\\xc3\x81yO@A\xc5\x80hJ85\xc0\x91\x89S88i;5\x8b\x1d/h\x14\'\xe2\xb2\xa8y\x11*\xce\x8b\x89\xc1rf\xb1\\S\xf4\xeb\xe8\xa6_V\x10&lt;9\xa8&gt;A\xa8vf\xbf\x9f\x99\x88I?\x13JN\xc3\x94\x93\xbdaY\xd1\x9b\x8bz@;\x82[Xy&amp;6\xe8\xe3\xe6lYZ\xaejj\xd1\xa0|\xa3um\xcd\xa3\xa0\xc3\xa5\xa0\xa2hf\xa8ZK\xab|q\xaf\x8f\x8a\x81\x15,0\\X\xb6wW\\OQa3.\rBB|FIE;&lt;\xeb\xd6\xd2\x95PU\x8e[Y\xb7\x98\x92\x97Z_\xbbv{\xa4\x82}\x89LP"JD\xdf\xca\xce\xe0\xdd\xe0\x9fZE\x85ec\xa5\\`\x96&lt;L5lb\x10NE\xb1ru\xa9R^\x94\'?\x84RJ\xc7\x90r\x18ZX\xe8\xd6\xdasjd\xc0\x83\\\x8c\x86\x85\xbdbq\x8ctr\xcd\x95\xa3\xe7\xcc\xc4t\x94\x98Y\x81\x80~vx\x9fR&lt;\xd8\xd3\xdb\xc8\x91|\xdd\xc5\xc2\xca\x91h\x93@+\xce\xcf\xd0\xd5\xbe\xc3\xb8\xc4\xcd\xb4\xb6\xb6\xac\xa8\xa9\x94rn\xca\x81\x84\x96\x92\x92\xb6~\x88\xc5p\x80\x9c\x9e\x9e\xd1\xb3\xb4\x9b\xb1\xb5\xc7\xc2\xc6\x839(E^[\xb9\x97\xad!83\xc3\xb8\xbd\x16\'&amp;\xa5\\sTlg\x15ja\xca\xa3\x8b\x91\x94d\x80\x00\x00 \x00IDATx\xda\xc4\x98AH[y\x1e\xc7\x1b\xfa\x1e\xc9\xa3oQ;\xaf\x8co\xa4\xad\xa0#\t\x83\xdd\xf2x&amp;\xd9&amp;\xdd\xf1\xf4\xd6\x84\x10\xab\xd6C\x0eB\x94\xd6v\x92\xac\x136\xd8\xedA\xcd\x84$$\x13wh\x0c!\xb9\xd4"\x94\x1eT\x8c\xc8f\xbcDt\x15A\x10=\x14&lt;\x88,\x0b\xd2=\x08f+#x\xf1\xb4\xdf\xdf?-\xec}_\xec/Q\x12\x8d\xe4\xe3\xf7\xfb\xfb\x7f\x7f\xbf\x97k\xd7\xfe\xef2\xfeO]g\xcfj?\xba\xf6\x05\xabF\xd3\xb2{Y\xadV\xcf\xab\xd5\xd3\x8b\x93\xdd\xde\xce\xcf\xa4_\x10\xaa\xb3\xa5\xf7\xa4z\\\xd9P\x14\xafW\xf2*\x1b\x1b\x95\xc3\xe3s\xe0}Xj\xe9$\xf5\xbe\x04Tg\xef\xee\xc5\xf9aN\xe2D)\xc8\x0b\x02/\x8aA\x0e\x8f8E\x01\xdd\xd9E\xeb\x17\x00C\x07-\x9dB\xa6 \xcf\x0b|P\xe4M\x82\xc0\x89&lt;\'z9A\x08\x069NV\x13G\x97\xbb-Wne\xcb\xe5\xe1\x86\xc4\x81\x89\xe7\x83A\xde\x00\xa8 \x11yE\x83E\xe0\xc0\'\xab\xf9T\xe9\xecC\xe7\x95j\xd5\xb9{\xb4\x01Mx\xc1\x84\x02\x1988z\xccy%\x93\xc5\xc2\xf3aQ\x92TU\xcd\x97\xaaK\x9dW\xd7U\xad\x97%\tP\xbc`0\xc0=\x81C\t&amp;\x83\x05\xcfD\x99\xb7XL&lt;\xc4\x93d\xaa\xfc\xe1i\xab\xf1\x8a\xa8v\xcf6\x18\x89\x00e\x0c&amp;\x023\x01\xcaBX\x82\xc8\xe1\x01\xeb\x7fY\x92p\x97\xf2GKW\x10\x178\x80\x17%/\x94\xe2\x19\x8b\xc1\xc0x,T&amp;P\xc1Q&lt;1\x11\x96\x18\xe1D\x11\xe6JG\xbdW@\xd5ZM\x91}\x82@\x10T5&amp;\xf01\xdd\xf0s&lt;\xa1^\x8b\xc0\xe6\x08\xc0x\xe9\xac\xb5\xde\\\xd7[\xcf\xbc\x8cF`_d\xdb\xe7\xce\'\xb1\xf0\x80\xb0,\x94\x16&amp;^\x94p\x0b\x0b\x82\xf7\xec[c}\xb5Z:\n~\xa2a(\x06\x03\xda\x08\xca\xf0\xf43C\x8d\x8d\xb0Lt\x06L\xe4$~#\x08J\xb5\xd3X\xd7f?\x0c\n\xec\xcc\t&lt;c\xc3\x9d\x87\xa5\x12\x12\xccd\xa8\xc9\xc7&lt;\x15(\xc4x\xa0!\xd7\xf0\x0b\xbe\xf2\xa1~6\x1a\x8d\xbd\xe7^z#\x12\x82\xaf\xa9#\xf0\x82HY\x11\xa6\xe3\xc8\x88Y!b\t\x1b\xaf\x11\xd8\xab\x83\xc7\xbd\xc6\xfa9x\x96\xe3\x04\xeav\x92\xe8\x13\x15r\x1eZ\t5Cy\xa1F\x85\xd0\xe7j&amp;\xb3\x9c\xc5k\x94\xd3:\xd9\x08\xad\x8e\x14\x1a6$S\xcd\x1bS\x18o\xcaa\xd0\xc8"\x82\x15Xa\x16\x19\x84\x05\x03\x99~\x88./\x1a\x8c\x93*\'uR\xab\xf5L\xe1\x18\x0e\xa3\x02\x81\x10\xc6DF\x92K\xf8.\x12&amp;\xc3\xb2\x90w&amp;\x16!\xf8\x06,\x05/\x90\x15\xf9p\xb7.r\x19/6h.\xb3y\x13\x8eD"\xe1\x88Ov\x15&lt;\xb8\x15\ny\xcc?\x11\x9e\x85ML4\x96\x15&amp;v\x1a8d\x04q\xe7\xf3\xca\xf1R=\xb8Z\x8e8\x9a~L\x14\x9e\xf3\xc9\xea\x94\xdb\xa9\xad\x8f\xa0\x864\xa7\xbb\xe0q\x85M\xe1p\xd8\xc4:\xced\xa95\x1eG3\x9c\x8aSsJ}\xdak\xb7B\xab\x1eo\xa2\xfc\x14e\x97\xdb\xed\\\xdf\xdc\xde\xde\xde\xdf\xde\xde\xdc\\G\xb9\xa7|\xa4\xa1\x81e\x99\xc1bb&amp;\x8b\xe0\x8a\xc0q\x81S\xf2\xd2q\x1d\x86\xf6\xf5S\x85\x1d@z/Q.h\x9a\xb6\xe3\x9f\x8b\xc7c\xcb\xf1\xf8\xfe\xfe\xce\xce\xe6\x8e\xe6\xb6MM\xfb"l\x1a\x99&gt;a!Oi\xa6G\xf0W\x98\xdc\x95]\xfd\xc3\xab\xf3\xc8Kk\x15\xeeX\x0c\nC\x07\xd1\x8c\x7f.\x1b\x8b\x85B\xa1\x18\xc06\xb7\xc1U\\\xb3MG`\xa4\x81\xba\x9e\xe2!\x1c\x11\xe9D\x90^\xf8_\xa4:\xb8x\xbd\xf7\x10k\x1f[\x87e\xb50\x94\xc9\x8c\xfb\xb3\xb1\xd9A*\x90-\xef\xefo\xef\xac\x03\x8b\xf4\x8a\xb09\x14&amp;*t J\x86d\xa2\xe4\x93\xe4\xb3\x16\xbd\xb1\x8c\'9Py\xbd\xf8\x9f\xd5|b+\x10\x98\xcb\xce\x0e\xf6[\xad\xfd\xfd\xfd\xbf\xf5\xff\x16\x82\x95\xdb\x9b\xebE\x1b\xb8\x00\x06$\x01\xaa\x11\x95\xcb\xa5R|\x88&gt;\xac\xab\xe2\xf1\xb7\xba\xbbx\xa9\x00K\n\x06\xbdJ&gt;\xb1\xd8\xdd=\x11\x9b\xed\xb1v8:P\x1f\xfb\xfbC\xcb\xcb\xcbq\xbf\x7fg\xa1\xe8v\xbb\x88+L\x11\xe2S\xa7\\\xa8iU\x96h\xf7\x92\xe5\xd2\x92\xdeX\xc6S\x05\x16\x82\xca\xabx\x9e\xa7\x9b\x1ac\xa1\xfb\xd6\x81\xe1a\x87\xc3\xf1\xba\x03\x8a\x85b1\x80\xcd\x8d\xef\xackE\x17a\x01J\x94\xa6\\6`\x82M\x16#\x11NR+\'\xbacU\x95 u\x16\xc4\x02\xd6\xdbP\xa8g`\xc01\xea\x18\x1eno\xafqQ\xeb\xcf\xf97\xc1\xe5frE|&gt;\x9f\x0c.\x9b\x0bY\xa2J\xd8}\x90]\x97zcu\x9e)\xde G\x1e\xe6\x12\x8b?\xbe\x08\xf5@\xac\xd1\xf6\xf6\xbe\xbe\xbe\xf6v\x87\xb5\x7f\xa6\xc6\xb5?\xb7y\xb0\xae\xd9|\x9f\xb9\xa6\xa1\x94\xcd\xed\xf1@.D\x8b\x9c\xaf\xea\x8d\xf5\xc3\x91\xd7K&amp;*Jn\xe8\xcfo\x19\x95}\x98\xa8\x1e\xb6\x0f;jr\r\x0e2.\x9cH\x9cG\x80E\x18\x98\xad\xe8t:\x0b\xaaD[Y\xfe\\\xe7\xablcK\r\x0b\x1e\xa6\x80\xf5\x15i\x05\xffX9\xd0\xf4\x83\x00\x1b\xec\x0f\xc5\xe3q\xff\xceO\x0bkS\x00\x8aP\xd3\xfb0\xa1\x9c\xda\',Q9\xd3;\xb8jX\xde\x8d\\.\xf1&lt;\xfd\xe2\xbe}\x14\x85~G\xd3wX\xfb\x07gg\x89\x8b\xb0&amp;\xfc?\xbd[(\xda\xa6Q\xe4\xe1\x94m\xad\xa8E\xb5\x9a\x8b\xb8\x06\xd29\xb8\x98Z^\x05T\xa9\xa1\xc5\x1f\xc7\xcc\x80\x1a\xa8\x95\xd5\xfa\xf2\xf1STh\x10\xb7x\xfc\xcd\xdc\xf8\xbb\x85\x85"xlSS\xe8\xf8\xb5b4\x939p\xe6e\xba6\xa3\xa9h\xd4Y-\x85\xb8r\xa9Jio\xf5wf\xfb\',\xab\xf5\xafV\xeb/\x8fg\xc1\x05\xc5\x06g\xb3\xd9\xf8\x1b?\xe4Z#\x9d\xa8\x16\xa2\x99d\xe0@+\xa84\x1d\xa5\xc3\xdeza%J{+\xb7\x80egX\x1d\xf4\x05\x17\xc9FVO\xb3\xd97\xe4\xe3\x9a\xcd\x06\xa5\x16\xa2\xef2\x81d \x03\x17%\xc2\xd2=O\x7f\xa8am\xa4`\xe2\n3\x11`\x8e\xd1a*\xb4\x97\x955=\xeb{:\x90s~\xb2\x12Je\xc6\x03I`Ek\xcd%\x95\xf4\xde!(\xb7\xe8\xd3&gt;\xc8\xb5\x08\xb5F\xbb\x08\x0c\x87\x91q\rw\xd0l\xb4ZiD\xb2\x03\x10\xcbf\'\xfc\xe3\xe3\xe3~\x7f2\x99lN\x06\xa2\x9e&lt;%\xaaX\xa9\x03\x96\xe4Eh\xe5&lt;\x89\xf4\x18\xb5\xd6\xa8\x9d\xd2t\x12i\x8a\xfb0\xcdFP\xd1\x17a\x01,\x16\xcbN\xcc57\xcf5\'\x9b\x9b\x03\xcf\tK\x12E\xdd/\x17\x81\x85y\x88\x93\x98{\xbez\xbb\xab\xcbn\xb6#\xe4\xfb\xa8&amp;)\xe9\x11\x15\x18\xdb\x0e\x87\x99\xe8j\xcb\xce\xb3X\xb6ab\xa2a\xa2\x19\x82e\x9cy\x05gQ\xcc\xe9=\x14\x8d\xe7\xccD\xe4C\xfa\x95\x1dTf3\xa9\xd5N\xe3gr\x924\x03\x96\x19A\xe6\xb0\x83\xab\xa7\xa7\xe7\x8f\xa1\xd0\x8dX\xec\x1b\xc2jnNf\xb4\x82\x0bk\x84\xb8qq\xedZ=z+U\xfa\xcf\xab\xbb\x8c\n533\xf3\xf1\xe3k8\xf9=\xb8\x86\xc9H\xc7k\x80\x99\xad\xf7{0 \t\nj5\x10V\xe0\xc0\x93\x97\xe1b\xeeB\xef\r\x02jA\xac\xc4\xe2*\xa3\xb2\xdb\xed3\xcb\xe5\xfd\xf2\xf2\xfb\x99\xd7\x0f\x1e\xf6\xd5\xd4Boa\xcf\xb1\xce\x84b\xe5\xb6\xee@\xc0\xef\x1f?\xc8\xf8\x9b\x1b@\x86\xa6/\x10\x96\xee\xbdU\xc3\x82Xw\xba\xe6\t\xeb\xf6\xd86]\x8b-n\xa7\xd3\xe5\xf2\xfb\x99\x8f\xaf\x1dv\x1c\xc3\x0e\xbb\xc3\x1c*\x8fhN\x8f\xc7\xc9\n\x19\x9flhl@w\x01K\xd4?\xb7\x80\x05\xb1*$\x16\xd4\xba7\x83\xf7\x1e\x1aIxR)\\\xbc\x16\x12;\xe9\xf7\x10\xd0:x\xdfl\xbf_^w\xbbT\x84\x81O\x96i\xabqF\x03\x8d\x8dMm\x01\x0fa\xe9&gt;|\x8c\xd5\r\x1a\x88{\xe8\xf7\xae\x9bc\xe5\xad!\x0f\xaa\xa0x%*\xd5\xa6m\xcf\x8cv\x99g\x07\xef\x99ouknP\x85q5V\xdb\xb8lZ\xa0\tXN\xfa\x1c\xf5X\xf7\x0f\xeaOS\xb4=\xec\xbd"\xaa\xf4\x08)\xe5)\xe4\xe9\xfa\x01\xe5\xb2i\xe5;\x0f\'G\x91Z\xf7ntG\x9d6U\xc6j*\xfb\xa6U\xb6\x06j\x81\xb6dR\xc3F/\x1f\xe9\xbd\xd8\x18/R\x18&lt;\x89\xbd;]]w\xde\xae\xac\xac\xac\xae\xae\xa4\x17G\x86\x9cn\x9a}\xce\xe8\xd6\x8b\xbb\x7f\xf9\xb9ot\xc0\xda\xf3M \x8a\x0bYZ\xe2\x8bn\xa7\x16\x1d\x89\x1e\xe0\x922\xd0\xd6\x14\x05\x96z\xae\xfb.\x7fR\x01V%}\xa7\xeb\xc1\xcd\xd5WwQ\xaf\xde\x96\xd3\xe9\xad\x11\'\x86r1\xbaU\xbe\xf9\xe8O\x93\xc3\x03/\x9f%\xa3\xd8\xb6\xa6\x9c\xda\xc8HT\xd3\xa2\x07\xddmmm\x81L\xa0\xa9\xf19\xb0\xf2\xa7\xba_\x90\xed\x96h\x1e\x02\xab\xeb\xf6\xed\xf9\xef\xe7\xef~\xd5\xf4bl\xa5|\xa0i\xc5"v\xaa\xad\xee\xb1?\x00\xeb\xe5lv\x1c+\xf3\x946\xb28\xa2\x81*\n.j\xac\xee\xc6\xaf\x7f\x0f\xc3S:\x87\xfcucg\xefa.\x95K\x01k\xfe\xc1\xfc\xa3\xef\xban5\x8f\x8d\xa5\x9d\x85\x8a\xe4S\x0b\xb6\xb5\x85\xf1\xf2\xf2\xdd\x9f\xdb;\x1eg\xdf\xbc\xc3f\xeav&amp;\ny\xb4\x96\xcby\x10=hkllkkj\x0c\xb8TU\xef|h\xf9\xc7\xdf\xfe^IUR\xa9\xf4\xcd\xf9\xf9\xf9\xef\x1e=\xf9\xf7\xb3\x1bo\xb5DE\xa9p\x11W\xc9\r\xac\xe5\xf8\xbd\xbe\x81_\x9e\xbe\xf9\x95\xb0l\x95\xe3T\xc9\x1bVR\x05\x9b\x16\x85\x81Mm\x8d_w\xbbdU\xdf\x83x\xdd\xf8\xaf\xd1\x97s\xceT)AXO\x9e\x00\xcb\xdc\x13\xca8\xf7\xfe\xe9\x99\xf6M{\x16\xd7\x17\xd6\xfd\xff\xa5\xd5|_\x12M\xd78&gt; \xe4\x0b\xc9\x1f\x85=\xe2L;\x88"\x8b\xdaL`i\x8d\x8e\xf5B|J\x1d\xa8\xd1\x9c\xd9\x03\xdb\x98i\x0e1c \x9a\nY\xa6+\'\x9b\r\x8dh\x04\xa9\x0c\x1a\xe9\x87\xcb\xc68\xe9B\'\xa2\x9c:\x12N/f\xe8\xb0p\xda\x82\x95\t\xe9M\xd4\tz}\xae\xfb\xa9?\xe1\xf1\x02}\xfd\xe1{}\xef\xeb\xc7\xfd\xdc\xe3\xe3\x8d@\xb5\xb2PBX\xfa\xbf\xff\xf7\xaf\xa6\x9f~\xfa\xe7\xdf\xbf\x8fn\xadM\x86Y\xfc0\x93\xc7\xd765\xfd7\x18L\x927\xcdS\xee;\x07\xfc\x86\x91\xf4\x97_\xf4\x13\xf5\x80e\xb56?\x9a\x8f\xa1\xf3\xf8\xd7\xefJ\xa5\xe5h\xbb\xb072&gt;\xde\xe1\xb9\xc5\x02oi-\x7f}\xd1\xbf\xd7*-\xe9\xb1\xf8Z\xca\r#\x04\x83\xc7T65\xfd\xec\xf8OsW\x92B\xd2VFI\x0ex\xf1Hs\xf5\xc7_\xf4C-\xcd\xc0\xb5\xda\xf2\xa8\xb1\xb1\xa6\xbe\xfe2\xf71_(\xa4\x90\xb3\xd6\xc7\x9f?\xbf\xc5\x82uL\x1e\xb7\xa4\xf3i\xcb\xd1\xd1$\xac\x170\xa0\x0e\x86\x19\x18oL\x1bO\x15]1\x97\xf8&gt;Y\xcbbr\xc0\x900\xe1\xd6\xef\xaf\xf5KP\xe4\xad\xd6\x81\x1f\x1b;\x1a\x1f\xd5\xd4W\xd3B\x8b\xee@*`&gt;\x0c\x85\xde&lt;\xf7\x18\x01+\x1bH\xc5\xa1\x92i\n\xf9\xfc$\x8c\xa7\x93h@5\x87\x19\\\x0c\x9b\xd4\x04\x8a\x1c,Vr\x9d\x92\xf3\xa9\x98B\xd91\x08p\x93)\xe1\x1c\xd2\x10X\xcd\x06\x99\x17\x8d\xa00\xbd\x8c,\x9aw\xcd\xe6\xc5\xc5\xd0x\x8f\xccc\\!\xb0\xd6\xe4\xa3P2\x80i\x10\xfd\x16a@ep\xb9\x18\xaf}\xac\xc8\xe1\xd1\xec\xa5rM\x92\x1c{QO\xbd\x82\xc8\xaf&amp;\x13\xeex\\\xdb\xd2\x0c)\x94y\xbd\xf3\xb0\xe2\x8c\xc7B##\x0b#\xa1\xc5\x91\x98\xadG(\xbc\xc3BkO\x1cYj\xd7\x8d\x80a\xe6\xe2\xf2T&lt;\x8c\xc7\x9a\xe4\xb8x\x98\xabT^\xd8!E.J\x83\xc9;\x101!,~Mss3\xac&lt;\xb2\x1e\xc8\x17\x11\x8b\x0b\x0b\xa1\x98\xcdh\x94)\x84\x84\xe5\x11\x16,=)\xc02\x03\xd5!`m\xdaU*\x15\x8d\xc7\x1ctq8.N\xa9\\\xfa\x079\x9d\xb1\xc14e\xf0\xe3\x11\x13^=\xfc\x1d\xb0Z\x00\xcbK\xf8(\xbb\x90]XX\xb1\x19\xa7\xa6&lt;B\x85\xc7#\x04.\xc0\x02\xb0\x00\x11n\x10\x0b\x94\xb4\xdb\xed&lt;\x15\xe8\xc5q\x95\x8a\x9cl\xb1\\\xd6\x91R$(T\x93\xd7\x80\xbc\x85\xff\xc0\x06\xaa\xefH.h\xca2 Ca\x03(\x8f\x90\x18\x99!\x8d\x0b\xee\x80\xdb\x1d\x08\x14\x81\xf8\x1b0/\xc4b\x9b\xc0\xb5\xc9\xa3\xf1x\\N\xa9\x94-\x02\x96\xef&gt;Ij\x19\xfc&amp;\x93\xb3\xd9Y\x03\x1d\x91\x08\xb4\x85\xf5\t=\x9e)#\x04Py\x14}B\xb4\xfb@\x997\x83Hn\xa0"\x90C\xb6\xf9\xf9\x98\x0b\x83\xe0\xf1h\x18\xa7\x08j\x95HS\xab\xc14\x10\xc1\xfd\xb2\x9e\xd5\x1ah=P\x1f\xac~+Zv\x10\x17\x80\xdd\x8a\xa5P\x00\xa9\xc2c\x0b\x99\x8bnw\xd1\x9c]A\xd7%\xe0\xb9\x9e\x99y;Fp\xd5r\x11\x15\xc2z\xd6@\x12\x16,\x83\n\xef\x8f\xab\xdf\xa1\xc6\xfb\xacN\xa7\xd3\xef\xbf\xe5B\x82!c\xa1\xbb\xdd;\xacE3\xe8\x15@XF"\xe6gT\xe0-8\x89\xb5\x8cr\x19e\xb1\\:#\xa736\x9c\xfa\x05\x06CK\x9b\xb5\xf9\xe1\xaa\xb8\xcd\xd9\x15\x81 \xb8\x14\x04\x16\x88\x85B\x01K\xbf\xc7\x18\x03\xac"xk\xe5\x8e\xaa\xc7;3C\xc3x\x18\x17\x92X\xba\xb9)\x97\x8a%39\x05\xe2\x1eu\'\xd2\xe7\x95uG"\xab5\xab\xe2U\'\x1d\xc7q\x02\xac\x1b\xd2\x08b!s)\xd0U\xb8\xa0[h\xb4\x01\x96\xd9\x9d\n,\xdca\x01U\x87\n\xe3r\xb9L\x1e\xcdU\xbe\xb9\xb9\t\x14\x99A\x92\xcai\xd0\xef\xb1\xc9\xdap\xfc\x16\xab\n\xc7\x13\t&lt;"\xe8C\xee\x9a2\xdal\x90Eb\xef\x97J\x15\xde\x9e\xf1\x11\xa8\xfc\xa9Tq\xc5\x88\x88\xbd^\xe0RqaW\x84:\xbf\x99\x05\xacr\x96MR\x95\xa7\x04\xbb\xa7V\xa6\xa0\xff\xac&gt;\x14\x8bW\xc5U\x89\x04T\x8b\x88\xc2\x03IC%\xd4(\x13\xf6\xf9\xa5R\xe9\x03\xa9_\xf8\xbc\xf1\r\xba\x12\t\xac\x81\\S\xc04\xe5\xed\x01\xb5\xb8\x0c\x0e\x83\xc5\xe4mrn^\xbe\xbc\xc9\xd6\x93\x86\xe57\xac\xd8\xa0H\xf8|b\xb1\xaf\xad\xab\x8a\xc0\xea\x16t+\x10\x95M\xd6\xa7\x10\xd0\xa5O\x9eH\xa5\xddB$V,6\x92Z\x0bdcH*\xa4\x16TR\xc0b0yX\x11\xb0\xcaY\x92\xca\x16\x0c6\x91\x88\x01\xfa\x0b]\x0cXm&gt;\x02\xcb\x14A\x96\x87\xfai\x13\xf6\xf5).\xe6\xd6\'\xf3_\x9f&gt;i\x1c_D\xb7Z\xee\xb5\x14`\xd9nS8S\x8b!,&amp;\x93\x17N\xdd\xbc\xbc\t\x8c\xbc i+\xa3\xdeO\xf8q\xab\xac\xc7\xa9\x16\xfbV\x91Z&amp;\xd4 \xbb\x05\x02\x83\x175C\x81@\xf1&lt;T\xd8\xb6lD\xa3\x0e\xfe\xe4\x98f+\xbev\x8b5\xef\xbd\xb5\x16\xc6%\xb0X\x81\x9bb\xb1\x18\x1e&gt; k&gt;\x85\xa1\xd9\x9f\xc0\x9d\x89V\x1fJ\xe3-V\xc4/\x180x\xbd2\x03`\xed\xaf[\x94\xca\xed\xfc\xc6\xc7\x8d\xc7\x9a\xb8|\xb43&gt;\x96rgc\xf3\xf3\x84X3v.\xb2&lt;\x93\xc9\xe4pT\xb5\x1c\xf3,Yc \xf5^\x12\x17\xa0\xc4\xb5\x02\x94\xb8\x8b\xc0\xc2#N\xc0\x925&gt;j\x99\xabwllkG\xe5z\xa5%?\x91\xd6\xc8a\xbc\x97kR\xee\xc5\xd8\xbc}~\xe6\xf6\x1c\xdea\xd97\xd9\xb5\xc5\xf0\x19YC34\xeb\x1di\x04\xca\x82\x1a\xc4j\x05\xb5D@\x85;\xad\x03\x1d\x8e\\\xce\xe1\xd8\xc8k\xb4\x9d\xf2\xf7r\xb9Vo\xb1\xe8;\xd1g\x828\xfa6;2\x1e\xb3\x13b1\x90\\L&amp;\xe6r\xa9\xaa\x19\xcb\xf7\xc9\xfcZp\n\xe53\x82&lt;\xafV\xab\xe9\tS\x97\x13\x8fX\x1f-}\xfc\x82fv\xb4\xf1\xc3~\xff\xaeiT\xab}\xdf\xd9\x84\xe4\xd2*\xc7\x8e\xf2\xed\xdc\x98\n\xb0\x80\n\x12\x88\x92\xe8\xb2W?\xdc!sS\x04.S"AW\xb7\x8a\xd5tzBdr:q\xe7\x006\x91V*\x95z\xa5V\xabU*\xb5\x9d\xb0M#\xba\xce\xcew\xa3\x9d\xe8\x12Bc\x19d\x80\\\xbc;\xb5\x96\x10\xd6\xf7SR\x9f\n\xc2Z\x9d\xdc9\x15\xa9\xd5b\xe0\x02o\x01\x96U5\x99Vj\xf5`\xa9\xb4\xc5\xb2\x97?*\x14\xb6\x95\x9a\xed\xed\xb8\x96\x88N@\xd3\x8f\x85]33p\x0eA)\xf89j\xab}\xa7d?`D/rO\xd5\xad\xbeVz\x17\x1d\xb0\xbap+\xcb\xf2\xb3^\xabIoD///\xf7/\xf7\xaf\xf6\x8fC\x87\x87\xa1\xbd\xdd|\xe1h\x0c\xdc6:\xda\xa9\x1cd\xa8f0\x84\x04\xe5!\xf7l\'\x98\xac\xc0\xfbX\n5\xf9L\xa7\x13\xd3\xd5t\x93\xa8\xab\x8bn\xe5\xbfVj\xe3\x1a\xcb\xde\xc6\xd7}"\xae\x8eC\xdf\xcc\xbb0,\xef\xeeN\x1em\x83\xe1\xb4\xcaI\x0e`A\xdfa\xb2X\xfch\x90J\xa5T\xe0\xd9\x08\x85\xd2p&amp;\xf1\xf9\xc0\xf2"\x11\x1d\xd29\xfcXc\xb1l\xbd\x1b\xdd\xde[_&gt;\xc9\x9c\x9cd\x96\x8f\xbf\xad\x1f\xee\xee\xee\x16\nk[[q\xa5F\xa9\x01,\x15\x93\xa0b\xf1\xffHV\xea)1\xf5T\xa2\x03\xac\xae\xaa\xba^\x9dN7;1\x11\xfd\x9a\x97\xbf\xffr\xf9\xe9\xfc\xfc\xe0\xc5\xf9\x9fg\'\'\xd7\x99\xfd\xd9\xcb\x8d\xbd\xf8\xe8h\xbc0\xf1\xf6-\x9fI\xe3\xb1\xf8\x08\x8b\xc9\xff\\\xa9w\xb1\xb0\xc7\x02\x0eT\x88:Q\xafN"\xf1Es\xcbO\xe66\n{\x97\x9f^]\x1f\\\x1f\x04\xcf2\xe7\x07\xd7\x1f\xae?\xe4\x86\xb6\xe4k{_s\xb9\xa5\xe1\xe1aV;\xa8\xc5\xe1\xb3\x96^P+\x87\x05j\x01W\xaf\xa8N\x97\xd1\xf9f\xa3mRi\xdb~h\xfd\xf8\xf8j9svp\xfe\xec\xec\xfc\xd9\xab\xf3\xcfC\xf9\xdf\xb6\x0f\xdf8P\x0c\x0f\xf5\x03\x16+\x1cf\xe5\x0e*D\x05\x87\x11\xb0\x96\x91\\U \x97N\xe2{\xd8\n\xb3\x17}\xee\xea\xea\xea\xf8\xf8x.\x93\xc9\\\xbfZ\x9e\x9d]\x07{\x1d\xeeOOOG\x1dKC\xfdo\xdb\xc1Xa\x16+\x17\xbcW1\xae \xc2\x92\xf4B\x1a\xeb$:\xb5\xb8\xad\x0b\xc7\xe9\x89\xba\xb6\xb9\x8b\xab\x0bDv\x0c\x7f\xdf \x0eC\x8ejv\xf5\x0fl\xc7P{\xff \x9f\xc9\xe2\x87\xf9\xcc?\x92\x95S+(\x91\xe8t\x190\x96\xa8N\x02tP\xbd\xa09\x8a~}\xf0\xf4\xe4\xe4d\x8e\x00;FP\xc3\x8eZ6\xbb\x83]\xcd\x1e\x1ajo\xe7\xc3)\x84$\xbe\xaa\xd8Kp*\x85\xc0\x92@\xd4\xf5B@\x1fBXU"Q\xdd\x83\x07\x88\x8b\xc8\xe6\xfa\x1b\x07\x9bF\x03.v5\x8d\x85\xa8\xf8|~;\x7f\xe9\xbc\xa1\xc2j\xe9$\x99L/p\xa9\xd5\xad\x80U\xe5wV\xd5\xd5=\x90\xb6&gt;\x9d\x9b\xbb\xb8\xb8\x98\x9e\xde\x9f\x8e\xd20{-\xbb\xa3V\x85\xf1\x07Q\x0e\xdb\xe1?wP\xb1\xe7\xb0\x14JR"\xf9\xb4\xbc\x0c\xa7\x10\xb0\xc0\xf9bz\x02OD\x9ct\xb5n6\x1a\xfdw\xf4.\x1c\xc3\xd88\xad\xb6C\xa5Ra\xed\x83H\xad\xc1\xfe\xc1\xa1\xdc\x9f\x95\xc5Z^\xfe\xfcA\x02\xb6\'\xe4\x82\xc5\x0c\xf4\xc2\xa5O\xa2\x13\xf9\xf4\xebt:\xfd\xb6\xffm?\x9f\xc5\xb5\xab\xd8*\xbb\xca\xce\r\x03\x14\xc2j\x1f\x8a\x06+\x87EM\xfe\x9f\x96\xb3\ri+M\xc3\xf0\xd0@\x02\xa6I\xfc\xa81\xcdwt\x84%\x89\x1b\xd1\x166\xa1&amp;\x11\xb5\xdbE3\xa6\xfbc#\x81$\x83\x11\x8c\xa5I\xa8H\xc0\xeaR\xea\x04\xb4%\xe0\xda1\xfe(\x05a\x0cH\xb7~4\x89\x18p`\xd6U\x9b\xc1b\xb3h+Vp\nK\xb5\xd0]\x1c\n\xee\xc00\x0ct\xef\xe7=:\xec\x8f\x9d\xd9\x9dN\xcfc\x8c\xf6\xdf\xd5\xfb\xb9\xcf\xfd\xbc\xefyOl6\xe1Z\x9cnM\xb5\xfa\x8dF?r\x82\xb0\xf0\xed\xd0l\xaet^\xc4j\xe2\xe2\x8d\x8b\xcf\xae(\xbb\xc5v\xec\xf0\xbb+\x944t\xaa\x9cA\x9e\xb1\x04\x93~\x13\xe6\xcej\xaa5E\x8eGF  ~{\xab\xfeVo\xc3\xbd\x05\xdf\x856:\xe4\xb9q{\x90n\xb31*%\x1d\xd9\x01\xcb\x19\x8c&amp;y\xc4\xfa\x80\xb0\x8c\xfeT*\xdb\xda\xea\x81l\xc9~v?\xa2\xf7\x8f\x97\x1bl\x8f\xd6:\xb1\xdezv\xfb\xe3O\xae\xda\xc9Wbq\x85\x92%V\x953lq\x16\'\'y|2]%7\t\x8d^Oj\x15\xfe\xf2\xb4&amp;\x93\xd3\xee[t\xfb\xe6\xf2\xe5\x0f\xef}\xfdha\xed\x8bg\x1f\xdf\xbcz\xa9\xf6\x12\xb0\xba\xed\x98\xd1\x88,\xa7\xd3y\xc5b\xa9\x02\x16\x7f\x9fD\x12\xa8\xbc&amp;\xb7&lt;!O\xad\xe6r\xa9Lk.\x9f4\xb9\x1d\xd8]\x7fh#\xac\xcd\xcd\xf9\xf9\xab\xb5T\x97\xecb\x83\xc1PL\xd7aU\x15Q\x95\x14\xbf\x9d\xe4O,AM\xc2-\xbd\x9b\xf0f\xc1\xb5\x9a\xcb\x1f\x1e\xe6\xa7\xfb\x1bl\xf7\xb0\x91\xbdGX\x8f\xc6\xbe\x1e\xfb5\xdd\xb1\xaf-\x13W\xa0\x81\xb7o_\x81X\x96P\x10\xeb\x9aV\x15\x9fX/z\xb1\xc1Hx\x18W~cc/\x9fl\xb0\xd9\x1c\x94\xa4cl\x85\xfa\xfbZ\xc2\xbaT&amp;\x8e9-\xe1\xd0\r\x98=d\t\xa3\x9723\xefX\x89\x04\xcc\x95\x85\\\x1bss{\xb9\xa4\xce\xe6\xb0\x8d\x8dA\xac\xf9\xcdGh\xe2%{m\xad]\x1c\x8bZ|&gt;\x10\x85-\xa10\xadl\xf8\xc62\xb9\xef\xfe!\xe1J\xad\xc2\xf5\xb9\xbd\xcf\x87\xe7r\xa3\xa3\xc9drta~ssm\r\xe6\xba\x19S\xc6\xc4%%QK\xbc\xad\xcdg\xa1\n\xd3\xea\x94_,\xd1r\xaf[n\xf4\x1a\xd1\xc5Tju\xef\xf9\xf0\xe7{\xf9|:\x9fL\x8e\xac,\x8ctv\x8e,L-`8O9\xc3\xa1\xb6\x89\xf1\x898\xa0B\x96`U1v\x89\x1e\x1e\xb1\xb0\x0e\xc4V\x1f\\\xae@*\x85.\xee\xcd\x81\xebp\xe30\x97\x1b\xe9\\Y\xf1u\xae,\xa4W:-\x18@\xbe\xb6\xf1s\xe3m\xbeP\x18bQ\x0f\x8b\x8b]*\x01\x9fj\x99L~\xb9\xdc\xe8\nd\xb3\xa9l.\xbf7wgnc\xe30\x9f\x1fY\xe9\xec\xf4=X\x19\x19y\xe0C\xd1\x91\xf0x[\x1cX\xe1p\xd0\xc9v\x18\xbccae\xea\t\x10\x16\xb3\xd70=,xx\x08\x9e\xb8\xaf\x13\xfbk\x1f&lt;5\xfe\xbbs\xe7\xce\xc5\xc9\xf2\x10\x8b\xb0\x8a\xf9\xc7\xea\x95\n\xfd\x01\x14\xec\x95M\xe5\xf6\x9e\xcf\xd1C\x1b\xa8P&lt;\xee\x9b\x83P`:sv|\x02\x1d\x0c\x85q)\x06\x83A\xb6\xd5\xe7\x17k\x88n#\xc9=\x1e\x02\xcb\x06R\xb9|~\xef\xf9\x9d\xba\xe18\xaa\xad-\x1e\x9f\x98\xa8;{\xe64k \xb0B!R+J\x9b\xd7\x12\x0f\x8fX\xd8c\xb8{\xa5r\xb9\xcb\xe5\x81Z\xd9@\x00\xa9J\xfe\xaa\xab\x1b\xff\xcb8\xd5GgN\x9f&gt;[\xd7F\xfe\xf2\x85\x8e{H\x07\xfbU2^\xb1\x04\x93R\xa8e\x04U\x16/\x08\xc6\xb86\x9e\xcf\xc5\x87\xef\xdc\x19\xaf\xa3\x0fJN\\@7\x99V,\x1d\x9c\x84U"\x93\xb9\xf8\xc5\x12"\xb7\xd0Dt\xd1\xe3q\x91\xf3\xe1\xfb|\x1e\xe3q\xe3A|xb\xa2\xed\x82\xef\x98)l\xe1\xc4\x82\\\x83\xb2\x12~\xd5\x12\xa9\xe4\x94[\xd4\xc4\x00\xa8\xb2\x01\x97\x8b52\x9f&amp;.\xcb\x03K\x08H\x9c\xab(\xb2\xc2\x0c\xabJ1\xa8P\xf2\xdbD\x95\x11MD\xca\x9b\x03\x14\x12\x01`\xb9\xa8\x93\xab\xf9t\x1a!A#\xf0D)b\n[\x82\xd8\xbe\x96\x94(\xc8[\x1f\xf0\xa9\x96\xd7\r\xcb\xfb\xfdf\xb3\'\x90\xc90,\x12-\xbb\x9a\xcf\xe5\x17\x17G\x82\xdc\x14d@\xc8\x06\xcbmh%\x93\xc9\x06\x15\xbc\xceD`a\xc1%%\xaa\x8c\xc7\x9c1\xc3^^`\xa1\xa6\x93\xd3\x18\xd8\xe9\xe8H\x10\x92\x05G\x82\xf4Ba\x19X\xa2T\xca\x14\x83\xb2V^\xb1j\x0e\x80%\x94\xfb\x81E\\f\x8f\xd7\xebuy\\.3\xad\xecGG\x17\x17\xd3\xe9t4\x1a=\xc4\xb73\x1a\xa5\xed\x18\xa8\x06\x15\n%\xafk\xf9\x0fj^\x10\x16\xb82 \xc3\xfe\x1ar\x81\x0b/?qA\xb0\xc5\xf4b:Jd\xc1h\xb4d\nSGYBX\x83\xe5\xcb&lt;b\tj\x96\xddD\x85M"\xf4\xc9\xb4R\x1b\t\x0cX\xfef\xc7\xf4tR\x1b!$\x8ejj*\x16+\xa6\x9b\xdf\n\x99La\xf0\xf2\xf8!y\x0cE\xd6D\xa3\x11\xb6\xcfd\xe0.\x17\xd2\x82\x03\xc3\xde\xbf_W\x1a\x99\x9aJOQ#\xa7P1l\xca*\x94\xcc\xf2\x15\xfb\xcb\xbc\xfd\x15\x06\x91\x80\xaeD!J\xae\xc6\xf5h\xf6\xfb\x8d^/\xb8\x8c\x003\xca\xd5V\x9bF\xbb\xb8\xb8\x08\x1ePE"e\x11\xb18v\x93\x0e\x84\xa1W\x85\xfd-m`\xf9 \x13\x89T\x07\xf7M\x0cK*U\xcb\xd5j5V\x84\xc7\x95\xf0\x1a\xd5\x0e\x9bf4\x86\xa2\xeeE\xca%\xe5eb\xda\xc3\xfe\xa9B9\xa8\xe8\xeb^\xb2\xbf]V\x89\xf8\xf8\xc3\x15\xaa!\x97\xee&lt;\xb0\xe4w\x85\xc2z\xa9\xda\xcf\xb0\xc0\xe35&amp;\xbc\x89\x84W\xed\xd0H"\xa0\x8a\xc4"\x91\x88D")C\x89\xd93\x10}\x8a\xbe\x8a\xa5\xa5\xddm\xf7\x8b\xc9\xf7\xfe&lt;,\xa4J\x96\xef\x9f\xef\x82\xb7\x80%UC0p%P^\xb9\x11\xef\xc6z\x9bD\x1c3\xc4\xc4et\xcf\rX\x92r\xe8\xd5]a\xa0\xc3\xd7&gt;e\xdf\xd2\xee\xee\xee\xb6)1T#\x10\xbcO\xb3\xd7\xec$\xcb\xb7\xcf\xdf\xef\x82\xb9\xe4B\xa1Z]_\x0f\xc5\xd4\x1c\x11\xc4J\x08{\x7fS.\x8e\x89\xc5\x91\x08\xdd\x08\x94h\t\xab\xbc\xccPa0\xd0\xe9k_\x1f\xe4\xda}\xf5j\xfb\xed\xc1\xfbK0\x91\xaa\xba\xa7\xf1u\xf96\xc4\xear\x0bY\xa9\xd9Y&gt;\xd7G*\xa3\xb4\xab\x14L\x12\xad\x16@Z\xf6N\xee\x82^\xc0R\x00\x8b\xc9\xf5\xea\xd5\xc3\x87\x81\xa1\xf7sX-R\xcd\xb6766\xaeK\x88\xea\x04KZO\x85&gt;\x1a\x8d\x04f\x14\x9at\xe5\xe8\x1e\xc3\xd2jKQ\x10\x8cL\x0f\xaac\xac%\x0e\xeb\xa1\xab]\xf5\x8b\xc1D\x02\xd1\xe4w/A\xd5\xf38IT\x0c\x0b4\x1c\x16\xb8\x90\x0cB\xb9\\\xde\xec\xd0\x953*\xc9\xa8\x84Q1,;\xa8*(!\x8e\xbb\xb8KX\xe6\xa1v=\xc0~\x89\xc7D\xf0\xd4\x9b7\xb3\x84\xa5?\xba\xdf\xdb\xcbaI\xd5B\xe2\xb2Z\xad\xf5\x080&amp;\x9a\xb5_\xa7eZQ\xedk4\xe0\xd2\xa2\x8bvr\x96\xec\x18k\x89S\x0bX\xed\xfa\xd9\x1d\xd5;\x9f\x97\tD\xa2I\xcf\xda\x9f\xdf\xe8\t\xab\xe7\xb1\xa9\x17\\\xbdB\xe3]\xc8%\x952.\x86\x84\xaa\xa7\x88\x07P\xa9\x86{\xd7\xe94\xa5t)\x96\x89\rL,\xc5\x7f6q\x16X\xed\xaf\xb3\xf0\x98\xe0\x1d\xf3s\xfdMaf&amp;\xdfNT=\xd5\x07&amp;\xc2\x92\xd2\xec!0\xf51\x16\xfd\x83&amp;\x8fN\x03\x91\x92\x1a\xc2\xd2\x9d`\xd9\x11\xa8\xb2&gt;\xc6u\x82\xd5\xf5\x02Tz\xfd\xe3\xd1\xcd\x03\xd5;pQ&amp;L\xff\xb5r\xa6\xa3\xe3\xcb\x97\x0c\xab\xa7\xdd\xd3e\xeaby\n3\x11\x16\xb5\x91\xe2K-\x05V\xff}\x1d\x13\xa9\x94Q\xedS\x0f)\xe8Y\x17\x99Z\xdd\xbb\x9f\x92X\xee!=a\xb5O\x0flM/\xff\xfc\x14C\xff\xe6\x0bM3E\x1d33\xdfV3\xac\x9e\x9d\xd6.S/[C\xd0\xc5X\xcf\xb9\xab\x1eFkn\xb6\x9a\xfam\xf4\x18})\xb5\x90\xe1\x91\xb5\xc4\x06v%\x12\xd6R\xb7\xfdS\xd6\xc3\x04A\x11VKK\xcb\x93\xcc\xcf\xbb\xd5+\xaa\x19:\xda,TB\xab\xa2\xa2\x8e\x8e\x9c\x9e\xc3\xaa&gt;\xa0\xa7F\xa4,P\xc9\xf4V+s=zh\xb5\xf6\xf7\xdbl\xd4GR\x0b\\\xf8I\xf9p\x82Eb\xd9_moC\xac\x1dFU=\xfb\x08X-\x85\xf9\xcc\xce\xff\xd9J\x01\x92j\'3_\xa8ljB\x07;\x8a:\x8a\xbe\xbf\xc6u\xb1\xa7\xfd\xc8\xe4\xe6b\x9e\x05\xbd\xd5\xea\xc0\x17\xd2^\x8a\xdf\x1a8*\n-\x8df\x9f\xd4\x82X\x06LE4\xb1O\xd6\x07\xb1\xb6\t\xcb\xabg=\xac^\xdf"\xac\x81\x81\x96\xad\xe4\xc1\xe4\xff6\xbf@\x00\xa3O?\xa9\xacdTE\xa8\x99\x8e\xb5\x97\xfac\xae\xc7f+\x89%\xe7\xe4\x02\x0c\x15i\xe6 ki4\x14\xee\x84\x05:\xd6C\x83!\xc6\x12\x82\xc4*\'*\xd3P5SK\x1f $\xe2\x1a\xa8,lz \xd9O\x92a\xed1DPM(\x06E\xf5\xe57\xd7\xaa\x1bYH4\xae\x9b\x9b\xb1\xf7\x91sz\x11\x8d\xa3\xbf\xa1\x81\xd8\x1al\x04\x83\xc1\xc3\xb5P\xab\xa5t\x10\xb3\xb5\r\x15\x13k\xff\xe1\xdb\x17\xfa\xe3\x1en\xe2?&gt;\xd0\xf2\xd9g\x8c\xac\xf0\x84\xdc/\xfa\xa9\xa0:\xfa\xbe\xc0\xa0ff~\xc0\xfa\xe2\x9bk4~\x88K\xff\xba\x99\xeep1,)\xc4jhh\xb0\xd9l\xf4\xce"\x81a\x9d\x18\x1eX\x98\xdd1\xb6\xb8\xe1\xc4\xdaw\xb5W\xeb\xf1U]}T8u\xea\x84\xabe\xa0e\xa0\xf0I\x06\x8b\x8b\x1f\x1d\x7f\x08\xaa\xa7\x95MP\x8b\xd9\xea:#\xeb\x98\xf9\xee\xda\x0f\\\xb3G\x0cK~\x82\x05\x1c\x8d\xce\xc6\x05\x15M\x9fR\xc2*\xe5\xb24\xc2f"\xad"\x0c\xf62\x88\xb5\xdf:\x04"\xa2\x82XM\xa7*\x07\x08\x8b\x81\x15\x06\xb6\xbe\xf2,\xab~d\x07\xb1\xf3\xd5\xd6\xd3\xa7\x1cVG\xc7u\xbc\xae3\xb5f\xbe\xbd\x86bX\x8d\x8d/Sf\nT\xc4\xbc\x14\x17\xa0\x03X\xbfb\xb3\xa6T2\xc6\x86\xf4qxa\x19(f`1@\x19\xca\xca$0\xbcn\x9d\xa3\xd2W\xbf.\x9cbX\x1c\x17ur\xeb`h}\xe8\xbf=\x9f\x07\xa8\'\x05P=m\x9a\xa9d\\\x1d\x1c\x14\xd4\x02\xd6?\xfe\xc9\xf4\xea\xd1\xff\xebo\x7f7S\xcec\xe5,\xa5\xeb\xef\xdf]\x9bAH#g\x14\xc7C.\x05%\x875x*\xeef\x032\x81e\x87\x84"\xc4\x80[\x1c\xbb\x90\xdb\x9c\xa4B\xbc/K\xa1%\x17a\xb3\x87\xd2\x1cr\x9c\xe2aa$Y\x96\xd9\xb6\xf1\xd0\x9d-\x14\xdau\xd8NQ\xb0\xdbI\xa8\x991\xd2I(\x86\x19I\x0bIt\xa9h$u\x8d\xd2\xf7\xde7\xa3\xb6\x8f\x18\x83A\xf8\xf9{\xff\xf7\xe6\x0b1\xa5X\x8c_\xa6\n-c\xda\xfd\x1e\x8e\x87\tl\xf4\xf6\xd2m|76\xf4{h\xec/B\x82;\xd8\xa5\x80\x85]|\xfe\xdc\xe3\xba\xffv\xbf\xfa,\xff\xec\xee\xff\xc7\xaf\xb1Z\'\xa8\x1d\xd8\xa1P\x88\x85L+\x9e\xad\x8e\xdb\xa7Kc\xcf\xe4\x04\xe0b\xe1\xfa\x80\xb0\x80\x8a\x07\xa6\xd0\xf2\xcd\xb1\x18\xa3\x1a\xa33 \xd6\xa7\xf8_\xd6H\x05?\x80`\xb1\x8a\xa8\x87\x18_\xc4\xf2t\x01\xd7\xe7\xa6\xdbo\xe7\x1b\xd7N\x89\x08E\xed\xdb\xa9\xd5\x0f[\xc7\x9b\xb4C!\xf1+^\xe4\xc9\xd6`\xb0\x0f[5\xebr\x1cg7\xbff\xe1\x02]\xa9$\xd8\x8a\xa7\xe3$+6F\x97C\x9eG\n8\xa4\x86i\xa3\x82\xacp\xf8^\xf8cF\x05\xba\xc4\xea\xf6\x1c\xc3\x82\xd0c\xea\x11\xeb\x9b\x81\x06`\x9du\xbf\x91\xf0:\xab\xd2\x1a"\xd3\xf0\xf0\xb8-\x8a\x9d\ro\x04WFVV\xaeaI\x83\xded\xd6\xb9\xe0\x90\xeb\xfc\xd5G^\x17SI\xe0\x8a\xa7\xd3\xf4&amp;\x14\x1f\x8bM\xdc\x02}!:8\xb3\x8b\xe2\x12R\x8d&gt;\xf0\xa9\xa0D\xb5\xba\x1d\x9c\xa3&amp;"\x16\x80\xa1\xb2\xfb\xaf5\xd34\xdd\xa3N\xc4\x7fg\x1cM\xd5\x86\xab\xddF\xb5\xd3\xeb;/_@\xd2A\x152\x11\x17\xcb\x96&amp;I\x83\xbec#\x15\x97\xe1\xb4\xddGx\xb6\x81pM%cq\xc0"\xb0e\x1e\xa7r\x8cl\xd1q&gt;L\xaaFG\x1f\xdc\xf8\xa3\xe3CUU\xb1\xb1EXA\xd8\xa5\x8fi\xab\xc2\x8e\xf8a\xd7\xa4r\x8f\xbc\x17\x7f\xdb\xb5\xfa/\xadn\xbb\xdd\xeb\xbb\xa6f\x1b?\x15s\xc5\x1c\x8c!\x82]\xb3\xa5%$\xc9\x102P\x1c~\x81\xb0;\xd3\x80\x95*%\xa1\x87\xf3\xe9\xf9\xf98\x8f\xb2R3\xcc\x16l{zU6\x8a}\xbc\xd1\xd4.\xdc^\x84\xa8\xf6\xdf\xa9be\x03{H\xe1\xa2\x0b\xd0\xe3h0Z?8\xd74\x14f\xe2\xf8\xe5[\xc3\xedVE\xcd\xf6\x1c\xd7\xb4\x0bz\xa10\x00YE\xe0\xca1a\xa4\x0b\xb1\x8cD"!)\x85L\xa1@`\\F\xdb}2=}g&amp;\x85Xd\x0b\xb0J%X\xae\x90\xb5x\x08\x8c\xf1\xec\xc5bx\xe9\xb7\x81\xbd\xb8\xb8h\xf6\xb3@up~"\x8a\xdd\xda\x1c\x85\x8bvD\x14\xa1\x82r\xfd\xc4\xd5\xb0.\xb4\xc0{\x91J\xeb\x9f\xae8[\x05OB\xb9P\xd6\xf5ra\xafV,2_\xa4\xcb\x9f\xc4\x9e!I\x00\xa6\x008\x80Q#\xed\xf3730\x8aH\x01\xba\xe2\xf1X\x12\xa1H\x1f\x8f\xc5\x96*\x83\xe2\x80\xeb\xc2i\x8b\x07\x83AGU\x8f\xa3\xd8B\nW4\xc8*Z\xaf\xb8\x96`\x18\x96m\x07\xf2\x95J5\xf20\xdbwm\xdb\x16\x04\x01\xb0t\xed\xa0\x86\xaeP\xd7\x7f\xb0\xf6\x19\x96$]\x81q\x9c\xb6\xf7\x04\x16&lt;N\xe2\xd3\xa7i&gt;\x89\x17!\xd8\x18\xf8\x01g\xa0\x8a\xf1\x7f\xf2\xe3KM\x13\x87d\x91\xea\xc2u\x1d\xf7@~\x00\x00\x02\x02IDAT\x06\xc6yGT\xbf\x07\x18T\xe4QA7\x83\xc1\xad\xb6S\x16\xcae\xc1\xb2\x03Uqr\x16\xdag"\x13P!\x96{\xb2\x81H\xb9\x85"\xecx\x86\x95\xab\xc1\xc5\xa7\xaf$\x10+\xe1\x1b\xc3|\xe1H\xbe\x99\xb8E\x1b\x02?\x8fKX38\x9bd\x8b\x0f\xfd\xd8\xd4\xecK(\xc02\xa0\xdc\xaa\xa8\xae\x12\xcd5,x\xbc\xd5p\xcaV\xd9\xb2,!0;\x89P@D\xae\xc0\x96\xa2;\xed\x8d"\xd5\x1aT\x0e\x97D.\xf7k7\x9b=R\x12\x97\xe5\x1b\x03\xb0\x8c\xd6\xfcr"\xc6c\xb4b)&lt;K\x00\xd6T2\x89P\xf1\xaf\x9a\x1a9\xf5\xa0l`Rt\xc3QE\xf5\x10Qd\xbf\x7f\xa4K\xae\xaf\xffMP\x96\x15\xf0\xa0X\x95\x05]Q\xb4\x1e\xc3Z[\x93\x01\xab\x88\xc2r\x0b\x9b\x95l\xd6\x81\x1e\xfa\xba\x12gW`\x99\xcc\xe0\xed8\x8f\xeb!\xc6d\x01\x16p%y0\x05\xcf^\xa9\xca\x18\xa7\xa7\xa7\x8a\xa28\x91H\xfe\xbb+\x1e\x162\x19"_92t\x0b+\xe0h&gt;\x12\x96P\x96$\xb7\xdd\xa9\x11\x96,\xe3\r\xc1FF\x86\r\xc2\x92|\xac\xb3\xb3O$\x89\xb80c\x19\xe1\xe5R\xfa\x1e\xd8*!\xd7\x87t\xd2\x99\xba\tP\xd4f\xc6\xc4Y\x96~\x8aX\x92\xd1\x9f\x9dll\x12\x0c\xcd"~\x97e9\xbaV_\xef\x9c+He\x040b~\xac\xe0\x91\x0e\xbf\x94\xed\xd6\xd6&lt;\xac\x9d\x1d&amp;,7l\x88d\xcb\xd7u\x06\x05\\\x9a\xedqe\xb4o\xbfH\xf3\x94-\xe8"\xdc\x9e\xec\x0e\x84L\xe1\x92\x8a\xb3\xa0\x0f\x8aD\xb6\x00\xeb\xfd\xca\xc6\x0b\x19\x05\xc9\x14\xb0 \n\x08\xae\r\x1b\xea\xbe\xad\xe8\x96n\x04\x0c\x86\x85\x13\x00\xeb\xa1\xac$\xdcv\xf6]\xd4\x0b\x96\xbc#c+\x8b\xb9\x85\xa1:\x9bu\xa5\xab\xcc\x03\x15\x8c\xa4\xee\xc0\x04gX\xc2\x84\xd7\x9f\xc1$\x96\xe8\x9c\xfa\xe8\xd5\x9e\x86?\xc6\'\x16q\x93\x14\x10J\x91\x14l!\xa4\xe4\xe1\xdd\xca\xcf\x90,(\xbc\x0b\xd2#9\x98\x1b\xe6\xe1o71\x7f\xff\x02\x83\xdbX\xe6\xc3, .\x00\x00\x00\x00IEND\xaeB`\x82'</t>
        </is>
      </c>
      <c r="M71" s="3" t="n">
        <v>45492.67626157407</v>
      </c>
    </row>
    <row r="72">
      <c r="A72" t="n">
        <v>215956</v>
      </c>
      <c r="B72" t="n">
        <v>1958</v>
      </c>
      <c r="C72" t="inlineStr">
        <is>
          <t>Bastos</t>
        </is>
      </c>
      <c r="D72" t="inlineStr">
        <is>
          <t>Bastos</t>
        </is>
      </c>
      <c r="E72" t="inlineStr">
        <is>
          <t>ZAG</t>
        </is>
      </c>
      <c r="F72" t="inlineStr">
        <is>
          <t>ZAG</t>
        </is>
      </c>
      <c r="G72" t="inlineStr">
        <is>
          <t>ZAG</t>
        </is>
      </c>
      <c r="H72" t="n">
        <v>184</v>
      </c>
      <c r="I72" t="n">
        <v>15</v>
      </c>
      <c r="J72" s="2" t="n">
        <v>33323</v>
      </c>
      <c r="K72" t="inlineStr">
        <is>
          <t>Right</t>
        </is>
      </c>
      <c r="L7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51ca742-25b6-45b1-a8f9-f633aa44e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\x9d\xa1l\x00\x00\x03\x00PLTE\xff\xff\xff\xff\xfe\xfe\xfa\xf5\xef\xfe\xfb\xf6\xfb\xf7\xf1\xfd\xf7\xf1\xfb\xf9\xf4\xfb\xf7\xef\xf8\xf4\xed\xfe\xf9\xf3\xfd\xfa\xf3841\xf9\xf6\xf051.\xfc\xf7\xf3\xfc\xf9\xf1?:8\x1a\x1a\x17\xf4\xf0\xea\xf8\xf6\xf3\xf3\xee\xe7\xfb\xfb\xf5\xee\xea\xe1qB0\xfe\xf9\xf5\xfd\xfa\xf1l@.\xf7\xf2\xec&lt;86/.+\xef\xeb\xe420,\x1d\x1d\x1b\xf6\xf1\xea\'%""" \xfb\xfa\xfa\xf6\xf4\xf020/B=;\xfe\xfd\xfd\xfa\xf5\xec\xfc\xfc\xf7\xfc\xfc\xfc964531j&gt;+&lt;62.,)[8(U9+C1&amp;[;-\xb6oN!\x1e\x1b\xf9\xf8\xf7\x95]DzM:V5&amp;`;*,*&amp;{F0\xf3\xf1\xef\x80H1=+!\x88O7P8,\xfe\xfd\xf5\x95X&gt;K5)\x9aX:\x85J1))&amp;wI52(!\xb1gB\xeb\xe9\xe6!\x1a\x16\x8fYA\xf2\xec\xe3\x90P5\xb3kI\x9f[;\xa3_?\xaadD\x17\x17\x14\xfe\xfb\xf3\x1c\x18\x14DA&gt;\x8dT;W=1\x8aM3\xa6hLC+ \xf6\xef\xe7rF5|J4:\'\x1dvD/_?0\xf1\xef\xebp@*\xb8rPe&gt;-\x9b]BsL;\xa9_;H, \xe8\xe4\xdb\x93T9\x82L7(\x1d\x18\xacb&gt;Q5&amp;\xdb\xd8\xd4I1%\x97T5_K?\x9faE\xec\xe7\xde\xee\xed\xeb_6&amp;\xaekM\xbbuT\xf9\xf1\xea&amp;"\x1e\xb8nI\x9bS1kD3P0#\xa0V3dE6\x83T@\xb3qT-\'"\xa4[8\xacnS\xb5iD\x81P;\xa4cE-"\x1c4%\x1d\xc2vPN*\x1c\xc5\x82f\x9a\x97\x94N;2fA0\xfe\xfd\xf8\x88E\'\xe5\xdf\xd5\x81B\'\xabhI[1 \xe2\xe0\xde\xd1\xce\xcc8,$\xe6\xe4\xe1\xde\xdb\xd8\x88S&gt;\x96M+|TCy?\'D&amp;\x19\xf5\xf5\xf4\xa0eL]C6e:*MKI\x8fM.\xfe\xfe\xf9\x8eI)q:%bQF\xd5\xd3\xd1\xbcqMUQP\\YXkI:\x83YGh5!V/\x1f\xbd~d2-*\xc6\xc3\xc2\xff\xfa\xf5\xae\xac\xa8\xa1\x9f\x9c\xc6|W\xbb\xb8\xb5;!\x15\xcd\x8ds\xb5v\\UB8\xac\\5JGEj:&amp;uRB=0)\xe8\xe7\xe3\x84\x82\x80\x8c\x8a\x87\xcc\xc9\xc7jYN\x81]P\xb5\xb1\xaf\xc1\xbd\xbbF6-\x80|z\xcd\x80X\xbez[ywu\xdf\xde\xdbHC@\x8e^J\xa2iSc`^hdbmjg\xb2c;\x99bK2\x1d\x13sqo\xa8\xa7\xa4\xca{Q\xa6pZ\xd1\x84]\xe4\xd9\xce\xd6\x9d\x82\x96{p\xd4\x8af\x92\x90\x8eF:3a2 \xda\xd2\xcb\x8bbS\x96iS\xbfmC\xa6Z3jQE\xc4\x8br\x95\x82{\xc9\xb1\xa6\xb0\x9f\x99xb[\xa6\x91\x8b\xd7\x93t\xb9\x88t\xc0\x97\x87\xe1\xb9\xa4\x85pf\xd4\xbf\xb5\xda\xa9\x92\xa9\x86x\xabzg\xc7\xa3\x921\xad\xf0\n\x00\x00 \x00IDATx\xda\xcc\x98mLSi\x16\xc7\xedg\xb3\x89\xfd\xd4\xa4\x81L\xd3\xdbaI\x80JK-}\xa1@\x9b\xbeP\xa4\x04y\t\xb6\x1dRh\xa7\xb6\x9d\x86b\x85\x12\x90\x10ZDd\x11R^Bj\x81\xa1\x14\xca[h\x89((\x91A\x96P\x10m\x11"\xca\xa8\x01\x8d\x89.\x12\xcc\x8a\xab\xae\xaeq3{\x9e\x8e\x9b\xcd~\xf7\xe2\xfcsy\x1a\xbe\xfd\xf2?\xffs\x9es\xef\xa1C_Q\x04\xc2\xa1?\x92\x08\x04\x02-\x8eF\x8b\x85\xbf\xb8\xd8?\x08\x1a!\x96\x96\xec\xab\xea\xbe\x7f\xa6\xbb\n\xce\xee\xacT\x1a\x90\x11\xbe5\x13 \xf5\xcd\xcc=\xddY\x7f\xb2\xde\xde\xbe\xb2\xb1\xd2~\xf7\xcc-\x1f\x8dF\xf8\xa6\xa5\xf3\xdd\xea\x99\x9b]\x99\\&lt;\x19\x15\x1f\x13\x9d\x10u\xe4\xc8\x91\xc5\xcb\x1b;7z\xb2|\xdf\xaa\x9a\x04Zr\xd5\x99\xb9\xf6G\x97O\x1e\x89O\x88\xa6R1\x8c\x9a\x12\x1d\x9d\x92\x98\x98\x10\xb5\xf8xg\xe6g(\xe67\xa0\x8a\xa5U\xf5\xccn\\&gt;\x99\x90B\xcdHL\xc4\x88\x146F\xa5fdP\xd9\xec\xc4\x98\x98\xf8\x07\x0fWn\xf4\xf9\x0e\xdc0B\\j\xcf\xec\x93\xd1\xf8\xe8Dj-\x86\xd5b\x14\x84\xc5&amp;\xc2\xa9P\xa4|\x97x=&amp;!~t}.\x8bv\xa0#\x03B\xd5}\xe3\xc9bB\x06F\xcd\xc0"\xa2P\xe0!\x16\x10)\x182\r\xd53\xe3\xbb\xa8\xc9\xf6\t\xdfAf?\xce\xd7\xbds9*:\x03`\xb0\xda\xdaZ\xb6\xa2\x10|"\x12\x0b\xe1\x87HA"\x12\xd9P\xd0\x98\xd1\x95\x99\xac\xe4\x83\xaa$!\xd6wgg1%%\x03\x0cbS\xd8\x00\x85\x84\xa8\x14\x8a\xc2\x02"\xf2,\xe2\x1bFM\x8cz4{P\x86\x11\xe2|3O\x8eP\xa1T\xa8p`\x0c0\xfc\x9f\n\xbe\xfc\x0fi\xc3b\x16W\xee\xfcx\x10~\x11\xe2\x92{6\xe21\x8c\xcd\xa6D\xd2\x14q\xa9\xac\xac\x8c\r\xb6\x81\xc0\xb7\x82/*\x84\x82b\xd4\xf8\x8d\x1e\xdfA`\xd1\xbao\x9f\xc4 &lt;l`*,,\xdb\xde\xbey\xf3\xe6\xa0\xd9\\TTd\x86\xb3d{{\x1b \x7f\xc7\xa3\x14\x14\xb0\xb1\xa8\xdb\xf7\xf1/#!\xf9\xd6\xech\x06\xa4\x87BAL%\xe6i\xb7\xdb]\x1d\xa4\x93\xc9t:\x9dD\x1e\xa9\xe6\xf1\xa6\x1d\xe5@\x87\xc8\x90\x97\x14l\xf1iV\x1c\xeeMX\xf5\xf4r\n\x05l*d\xb7d\x169\x18\x062\x99\xac\'i\xb5$\r\t\x89L\xf7\xfb\x83t\x03\x9fiMoE\xfd\t9\xa3d&lt;\xbc\x9b\x8a\xb3]\xb1\xbe\xbb\x93\xd10\xd2\xc1\xa8"\xab\x0e\x98H\x1a\r&lt;p\x00\x1e\xc2\x8a\xb8F&amp;w\xeaT\x92\xa4\xcc\x16\x05\xca\x181\xe5\xf1\x8c\x0f\xdf\x8b(\xae{\xe5p-\xb1@\xd1jft^\x89\xc0\xd8I$\x8d\\\xf3\xbbW\xff\xc5\xa2\x1b\x0c:\xdd\xb0\xaac\xad\xb7\xac\x10\xf5\xe5\xe1\xf5\x89d\x02\xaef\xad\x8e\xd6\xb2\x0b\xcbJx\x06\xd2\xff,\xd2\xc8\xb9\\yq\xb1@\xab\x95k\xf5z0\x8b&gt;\xc2g\xe9t*\x95J\x94^\x86\xf2\x85\x9d\xdc\xe9\xc63^\xb4\xbe\x8dh\xacPQ\xc2\xfaR0\xa0\xe267774x\x1a&lt;\x1eKq\xb1\xc5" \xe9\xc1\xaf\x11&gt;\x83\xc5b2U\xc3\xaa\xf224Z\xa9\xa3s8N\tB\xea\xeaI\x0c+,\xb3\xdaIz\x14oz\x90\xac\xf5dor\xb2\xb3\xe1Qz\x84\x16\xa1%\r\xb8\x00\xab\x9a\x01T\x805\xacZV\x14\x00XJ{V,\x9e\xc9J\x81\x0b\xa7U\xa7\x01O\xc8\xf4`0\xa8\xb7 \xa2l\x0e\x07\x9d\x08\xccR\xac%E\xecb1EL\x15K7\xdcQ\x86\x1a\x92\xf2h\x82\x86_\r{&amp;a\x9f\xaaM\xbf"G^\x05\xe9z-Pq"T\x1c\x8e\x18\x81Y\xd2\xc0. 6\x18\xf8\xc8.H\x98\xa8U\xa1\x80\xb1\xfa\xe7\xbb\xb8U\x91\xe0\x9by@mli)\xb7\xcb\x11UP\xaf-Vnm\r\r\rmq\xb6\x80N\xcc\xe1(-\x02\x81@\x8b\xb8:av1Y QR\x8b\xa2\x90B\x8c~\x9a\x1a\x8b\x1b\xd6jTcfk:\xcb\xa4!\xd1\xa7\x82~m\x9a0{\xe8\xd9\xb3\xa6_+\x8d\x1c\x8eQ,\x16g+\x852\xe8G\xd4\x0e\x06&gt;\x9f\xcfb0\x98*\x95$\xbd\x85M!f\xdc\xce\x8a\xc3\xcb\xae\xd4\xd9\xc3\x8d\xbd\xe9\xe5:\x93\x86\x1c\x9c\xd2k\x05\x16%g\x08\xa9\xb2\xd2hDXb1G,KC\xe1\x1a\xe1#\xe9P7J\xd2{\x1bk)\xd8\xa3&gt;\xbcF\x04\xa1j\xe5pfR9\xb3\xd3D\xa2C\x05\x05i2\xa1\x12re4VVJ\x8d\xc6R\x90\xd8(V\xca\x04\x90.:\x1fzQ\x07X"\x91$iy\xb9\x91\x8dM\xe2\x96yB\xd5\xfa\xd1\xder\x11\xcb\x0e\x8d\xa8\xd7\x82YB\xa1G\xa9\x14\x8b\xa5\x95y\x11\xac\x8a\n\xa9T\xaa\x96\xa5\xa1t\x19\xd0\xe4\x02,\xabH"y\xb9v\x9dJ\xc5\x13ke-\x89\xa9\xeb\xb4#*\x81\xa0X\xa8TB\xf3\x95\x96J\xf3\xf2r\xf3\xf2\xa4H\xb9\xd2\xb115\xe4\x8bd\x80\x11\xc1b1xV\x89\xa4\xa3\xa3\xe3\xe8\xf5\x94\xc9\x1e\xfc\xb0n\xaf\x89\x80\nv\x060\x0b\xa8\xc4\x9cl0\xcbx1?\x1f\x9e\xbc\xdc\x88\xea\xa5\x15c.\x98\x12\xb0F\x00W\x04K\xb5\xd0\xb1|\x1d?\xb7\x0e\xa5\xb6w\xa8\xec \x12\x89\xae\x17\xc8\x94\xe2J\xd0\xd0PS\xd3\xf9\xf3g\xcf^:]_\x97\x9b\x9b\x97\x9f\xffSn\xc5\xd8\xb8\x0c\xb8P\xe8\x19V\x89H\xb5\xb0\xb0\xf0r\xf9\xd1\x19\xdcnE\xdf[\xdb9\x93\xc9\xa4\x91\xcb\xe9~\x97Zz\xf1\xec\xb1Sm\xfb\xfb\xf3\xf3\xf3\xfbm\xf7j\x8e\x9d\xfe\xe9\xf8\x89S\xf7jN\x9d\x00\xe3\xa49\x16-\xcc\x08TD\x91j\xd8f[8\x8a_\'\x1e\xf2\xad\xbe6y\xb9\\\xc0\xd2\n\xc6*.\x1e\xab\xb9\xf6\xfc_H\x9f??\xff\xd8\x06d55mm\xd7\xae\xfd\x15\xd4t1\xbbY\xde\x19\xe1\x12-\xd8@\x0f\x1e\xdf\xc7\r+\xf9nh\t\xb0\xb8\xdcb\x81\xac?\xb7\xe9\xda\xfe\xfe\xc7\xdf\xfe\xf1\xdb\xc7\x0f\x1f\x9e\x7f~&gt;\xdf\xf6\xcb/5\xc7\xce7\rmmn\xee\xed\xed\x85\xbdKK&amp;{\'\x9a\x10\x0b\xb6\x00p\xad\xff\x8c\xdb]\x9d|\xe7\x9d\xd7\xbb\x04T\x16\xd4\x84\x9b\xe1\xf0\xd2\xebPhi\x89\xeby6\xffOd\xd6\x89&lt;\xb1P?\xe5\xe6I\xd6\xd6\x96\xd7D*\x95\xce\xae\xe3\x89:\x16\x02\xaf\x03\xb6\xc0N\x15n\x9b\r\xad\xe7S\xd8\xeb\xe5Z\x9a\x9b-\\0\xa2&lt;\t4hv\xba\xa7dMm\xf7N\xfd\xe5\xf8\x85\x9c4\xff\xae\xdbi.J\xef\xcdlmmi-\x82[\x11a\x85\x02\xb6\xd0[\xfc\xf6y\xda\x99\x17\xe1\xab\xde\xe2\xe6l\xeeH\xb5\xc4\\\x0ei\xd6\xf1\xe1\xbdgj\xca/&gt;\x7f\xea\xf8\x85\xfa\xba\xae\x81\xa9\xdd\xddjw5\x1f\xde\x80\xcc\xf0\xa2v\xb3H\x02E\x04\xac@\xe8\x06~Xq\x11,\xae\xc7Cw\xbb\r#\xdcW\xaf^qJ\xe1vv\r\xb8r\xf2\xf2/\xf4\xf7w\r\xf8\x83\xc0(\x10\x96\x96\xe6(=\xa4\x11\xbe\xa3\xa8\xa4\\\xa4\n\x84B\xafC\xab8b\xf5\xbd\x80"6{,~\x7f\x9aZ]\xb9\xff\xfc\xc3\xa5\x0bp\xe9\x8cw\x8d\x8f\xf7\xd7\xd7\x8d\x83W\xb0W\xb8r*\x9b\x9a.\xe5\x19\x8dB\xb9\xa6\xd3Zd\xb62m\xa1\x87\x81\xd0\xdc\xf7\xf8\x15\xb1\xef\r\xb8\xd5\xe0\xb1\xb8r\xea\xea\xfa\xf3\xe6?\x7f\xa8\x94\x96\xaa\xc7\xc6\xbb\xba\xba\xc6\xebss\\P\xc1\xa0K\xfaC\xd3\xafCF\xa5\xa7\x99d0T\xbb\xdd\x0e+s8\xf00\x14\x9a\xc3\xd3\xad7\xe10`y\xd49\xfd\xe3.\xe1\xb3\x7f\xef\xc9\xf5\xc1\xe0\x80\xcb\xd5\xd5\xdf\x7f\xa9\xedl\x8e\x7fw\xd7/\x83\x15U\xab1]\xe9dL;\x9d\x0e\xe7\xb4\xc3\xaa\x82p\x01\x96\x0f\xb7Op\x80\x05\x03\xc9\xa3\x94\xa5\xc9\x04\xfe)7,\xea\xe9\x83E\x83N\xb7^]\xf7\xf7c\x7f\xab)\xd5C\xb0\x06\xb4d\xfe\xf0\xc2\xc2\x83\xe5\xd6\x92\x12\xf4q\xc2\xe9`\x0e\xdbB\xa1\xc0jj2.\x9f\x94\x08\xb1\xb1q\xf7\x01\xabY9\xd65@\xaav\x0e\xaa:\x0e?\xf8\xd3\xb2Mev\x92\x95\xfd\xf5\xa7\xdb\xce\x0b\x83\xbbA=\x89\xcc8\xf7\xe6\xd3b|c\xe3\xcb\xf4\xed\xed\x9b\x83\xcei\xc0\x82\xc1\xd5\xde3\xd1\xd3\xf7\xf5\xf7\xf9\xd8\xe4\xac\xac\xaa;/\xf6\xc2\rj\xc8vpz\xd0\xfc\xe9\xd3\xcb\xde\xcc\x85\x17\xaf\xbcv\xef\xa6z\xbc?\xdf\xa8\xdf\x85aa`\xf0\xc2\x1f\xdf\xdb\xb6\xcb\x92B"p\xcb\xc9\xe3\xf1\x86a\xccw\x04\xde\xbd{\xf7f\xe2\xab\xfbE\x9bx\xff\xfe\xed\xfbw\xe1\xab\rB\xb5\xda5\x00c\xd3\xb4wE2\xc8lh\xf0\x9a\x96\xb8\x03\xae\xb1\\\xa5\x7fjz\xda9\xad\xf3\x86\xf7\xf6L\x0e\xb3\xc3\xea4\x0f\x9a\x1dL\x16\x13aI\xd2a\x82\xd9n\xfc\xf8\x95o \xc2\xf7\xab^o\xd8t%\x82U\xaa\x1e\x1fS\xa7\xa5\x01\x90\x8e\xd1i0-\x99F\xfc\xae\x8a\x8bF\xd9\xc0\xaes\xd0y.\xbcw\xd5k\xe23\x18&lt;\x87\xa3\xbc\\\x02\x83\x1e2\x1f\x10Y\x1d&lt;\xb3\xf9\xfdW\x7f\x89M}k\x17\x08\xe5\xa6\xaba\xc0\xca\x89H\x9c\xbdy\x95&lt;b\xb0\xcb5\xf4\xe0@W\xde\x89\xe3\xf5]\xfe\xe9A\xc7\xb4fs\xabYn7\xf0\xab\xab\xab\x19\xbc\xff\xd0j\xb6?i\xa5i\x18\xaf\xfby\xbf4;\x19\x12\xf7K\xd3\xed$&amp;M\xdc\xf0\xa6\xbc\x04\xe1\x10\x90\x80\xabA i\xc0Cx\x13\x81ZQDi\xa1i\xd5\x02-\xe5\xa5\xb0\x10\x04:\xb6*\x14\tA\xa7\x1b\x15f2;\x0b\xd8Uw\xb7vk\x97\xcc\xca\xee\xd6NJ\xd5\xa6:Z\xab\xb5\xd6\xd6j\xf79\xbb\xff\x02\xe7|&gt;\x1f~\xb9\xcf\xf3\\\xf7u\x9d\xfb&amp;\xe0\x08T\x1c\xc0"P\xa9\x81tl\xe7N\x99mDE\xdd[j\x14\x12\x0f/\x01\xacT\x92/\x16\x8b!\xd6\xf2\xf2\x92\x93\xae\x87\xe8\xd1\xf1\xf1PRt\xb5\xe1\xf5\x08(W\xda&lt;Kc\xb1\x86\xe525\xb0\xb0\x18L\x02\x8b5c%\xbd\xdb\x81D\xa2\x12\xdb\xfe\xf1\xc7\xf2cYi\x1d\xd7\\\x9b\xc8\x91\xe7#a\x07\xb6\xe7K\xc5\xe5e\xb88&lt;&gt;\r\xb0\x04\xa2\xf3}\xc9(\xe8\xd3\x115\x1d\x1a\x1ev\x92it\x88\xdf\xa2W\x02\xf3lV\xf5\xf6\xaa@\xefTQ\xf6\xcamQ+Z\xdf\xca\xe8\xfc\x1e\xed\xe6\xcf6N\xaaG\xe8\xb2\x14\x80/\xcd\x94\x8a\xa5|Q\x0e\xd4*\x94\xba\xf6\xe0\xc1\xebTt\x1a\x1c\xaei%\x9dN\x97\xcb\xb8\xce&amp;\x96\x18\x92#A\xd6:\xd1\x0b\x84\x95B \xecm\x94\xd9\xd0W\\z\xab\x8c\xd2h\xf4\xa9\x9fm\xa9\x91\xbe&gt;\xe1e_\xeeM\xe6\xb8\xb4Y\xdc\x1c\x06"\x1a\r\x8e\x00\xack\xa0W\xaf\xa7\xbd\x91j\x1a=\x14Rb\xe4\xc3\x10\xc0\xab\x04\xb1\xdf\xba\xd0+}\x16k\xc7\x8d},7V\xd5\xef\xde)C\xea\xf5u\xdd#[052" \x16\xf2\x8eb\xb1X:.\x89i@\x1d\xfa\x1e\x9co\xe8\xbaq\xa3\x8f\x83\x88\x84\xc6)\xe6\x83\xb8H\xd7#\xbf\x95*5\x1a\xea\xd8\xc2D\xfb\xb3l\xb6}l\xad\xbb\xdcX\x97\xde:9\xd5\xe9\x88\xee\x913\x94\x1a\xe9\x01&amp;\xa1X\x84\xf3\x19_\x06N\x06\x83#]7o\xdd\xba\x7f\xf5\xe6\xd3\x1b=@\xd1\xcc\x11\x8cX\x0bRF\x0f\x9f\x0f\xe9\xb9 \x00a%\xe0&amp;zc\xd9\x98d\xe7v\xd9\x8f\xfc\xee\x12(Et\xea\x119\x94Jv\xc4\x91\x1c\x91\xc9\xe5\n\xa6dr\xe4\xf5\xd3[\xffx\xf1\xe2\xf9\xad\xad\x07O\xcf\x8f$9\xeaHd\xbc\xc5$j\x00\x01H\xdb\xe4\xac4c\xc1M\xec\xb5&amp;\xbc\xb1\x18e\xa7\xdc\x86\xbe\xa2uw\x93\x13J\xf54MqC\xc1 \xdf\x04\n\x95\xcb\xf9\xe0\x8e\x16\xfe\x8d\x86\xe7/\xf6A\xc6\xd8\xffa\xeb\xe6}b\x97\xb0^_\x9dN\xcfB\xf5\xa2\xe6\xe6f\x17\xcb\x891S(\x00+P\xe9\xcd\xc6\x0c\xef.U\x95\xbdZ\x9b\x9c\xe4\xeb\xa7\xdaQ\x04+\xe9\xca\xfb@\xaa\x80[ R\xbd\xe8\x87\x97\xfb9$\x98\xed\xbf|Y \x12\xafZH\x95\x03\xde\xc88\xa7C\xd0\xd5 bq0\x91\x01\x8ad\xa2w\xb2?\xf6,\x8b+\xbb\xa1\xaf\xf8\xea\x904N\xd66t\xcc\xe9\xa2\xc1`}\xb8\xad\x90\xcb\xc1\xfc\xa4\xcbn\xba\xb1u\x8b\xe8\xb2\xf8VW_\xfa^4\x8c\x08\xba\x84P\xc2k0\x8f\x87\xe8P\x87@\xd8\x01&gt;\xe9\xc0\xc0\xcc\xc4\xcc\xa4\x06\xf4m\xeb\xf7e\xb7\xa8g\x0e7\xa3\xd3Q\x81x{\x8e\x16L\xf1]m\x05_F\xdb#\x08\xdb\xc3\xf5b\xfa\xacY]\xbf\xf5|kKD3c\xa7g\xa7#i\xac\x86\xdb\xd2\xc2\xe1p\xc4-\xa1q\xe0Ogf\xfc\xaa\x81\xac\x94\xb2]\xfe?\x95gV\x8e\xa1\xf1i\x8e~{T\x1f\x0c\x86\x92BK\xdear\x85\xc3\x0e\x07I\xe6\xcdf\xbd\xd5}\xe0\x1eFc\xcf\x80\xc5J\xafO\xab\x95z\x96\xf0\x1aG\xa9\x8cF\xa7\xd3\x06\xa6\xff\x9f~\xc3\x00\x90\xad\xb2\xab)"\\\x07$HM\xe7n?r\x02\xac`\x9f\xd0\x1e\xb64\x87-\x8e\xe2\x94U\x1akg\xfag\xe5r\rB\xe5\x89Q\xd44:\xa7E\xecj\x10@\xc0RG\xbc\x00\xeb\xd5\xa2\xd1@Qm\xbf\xbbS\xf6\xc0_\xf1\xab\xdd\x12\t\xd2\xcb\xc6\xe6l\x9c`(\xd5\'$\xda\x89\x96\xb0#&gt;\xaa2\xc6\xbc^&amp;\xdb\xdco5\xc4\xa4Rp\x82\x06\xa82=\x07\xa8\xa9\xa0ADO\xa4\xd3\xedl\xf6\xe2o\xe7\x99\x864a\xef1\n\xe9\xe7\xec\xcaQS\x0b\xd4?\xb3m\x03\xad%\xd8\xd7E\xcc;`S\x137\x11Y\x9f\x1eW\x8f\xce\xe9d\xc8d%\x91\x06\xf2\x14\xa3$\x90\x01\x8b:)b\xcd\xa6\xbd \xe62\x86^\xf9%\x044\x8a\xf5\x7fAM\xf2\xfb\xfdc\xa3\xf2P4\xd8\xd7`\xcf\x17\x9b\xc8\x1aj4\xd8\xd3#\xb4d\xde\x1fo\xb2\x84.-\x0b\xa2W\x9b\xbd \xf2P(\xb8\x81\xf5\x0e\x93\x1a\xc12z\xae\xbf\x9aX\xd8\xdby\x88\xca&lt;\xaav\xe3X\xdb1\xe9\xf7\xeb\xe4Q\xd0\x9aE\xf6\xd2R\x7f\x9a\xa2\x136\xb7\xd9}\xb9\xd5\xfdU_8\x1c\x86aa=\x1f\xe2V#\xff!\xa4F\x1c\xd9D\x07X\xedR\x05\xef\xcf\x7f\xfc\xd3\xe3\xbb\xe8\x0c\x0c\xaaZ\x0f\x8f\xd6\xd6&amp;\xd8\x01.H\x86#"\xc7\xf2\xa4\xd1\x0c\x99\x88\x85B&amp;\xb7\xba\n\xfaP8likk\x16\t@\xc5\x94\x1a\x83T\xa1`\x93\x97\xe9\x91XL!e\xcc\xff\xe1q]-J\xa3\xe1\x8a\xb3\xadw7\x1e\xef1\t\xd5\xd1h(%\x88O\x11p\xa3qW\xb8\xed2\xe0\xca\xe52v\x91\xa8\xb9\xad\xcd\x02k\x81\xc9\x02\x1dg\xa0]a\xe0j\xf5\x91X6\xab`\xe0\'\xbe\xabEo@Vu\xe6^\xf7G\xa6\x01\x8b\xa1\xd1\x93\xda\xb8\x8dBu\xea\x95\x10\xc9\x04;\x80\x93p\xc0.a\xd8\x02\x93lN=wR\x92mW\x11\x06\x026\x92&gt;\x1dS(\x18\n\x06\x9aX\xc8u\xbc\xb3\xc3db\x13j9_\x10_\xa2\x06\xc8\xd5^\xc2\xda\xc1\xe7\x83\x83\x83\xcf\xc8O\xc1\xf7\xef\x8f\xc0g&gt;\xda\xd9YP\x18\xa6&amp;\t\xba\xe1&amp;.\x05P1\x14\x9e\x89\x87\xa8b\x0178&amp;!\x98\xd7\xd5P=\xbc\xa4\xd1\xd8\xb8\x11\xeb\xee\xe0\xc5\x0b\x83+_~qae\xe5\xc2\xe0`ww\xf7\xe0\xc6\xe1\x1ayxjR\xa2\xb3\xd9\xfa\r\n\x0f\xe0\xf2\xfc\xeb\xeb3hb\x81\xa4\xd1K\xc0&amp;\xccfyS|\xb9_3\xb5L*}\xb8\xd8ZW\xf7\xc5/k\xef\xb5~\xf5\x8b_\x7f9\xb8\xb2\xb1\xb1\xfb\xb9\x14\xaf\'\xabpV\x9d\x8c \xcdz\x18x\x06\xef?\xdd\xa8b\x9d\xb8\xf7\xf7\x05\x1c\xb6:A\xad\xb4\xc5\x97u8\x19\xc9\xd2\xf6\xe6\xd3\xe1\xee\xe1\xe1\xca\xc5\x0b\xdd\x1b+\x1b\xbbGG\xc7\xefK\xcb\xac\x8e\x16%\x0e\xcf\xb4\xaa\x98\xd2\xac\x02\x8fW\xf0~B\x19\xab\xf6\xf1\x1e\x8e\x9a\xa0\xaa\xccJS|\x0eg%\x11\x89\x16{&amp;\x9f9\xf8\xbc\xbb\x8b\x1c\xaf\xe3\xb8\x96%\x14\xf4\xb4\xd0\xe5\x18\xa6\x82=\x86c3\xa4R&lt;\xc33\xf4\xe4Gt74j\x1f\xfe{q\xc0l\xd6`5\xce\xa99\\\x80d\xb1\x88n\xdeo\xcb\xbcA\xa6\x06\xbeL&amp;S\xb8\xec\x08\x03\x83\xca\xc5\x80B\xe1\x99l)\x10-\x86\x87\xf7\xed_\xef\xa0\xbb\x08q\xe6\x9b\x9f\xf0\xed\x14j\x80\xa0\xea\x07\xbdYe\x83\xed\x96\x9b\xcd\x05\xc4\x9d\xae\xe6\x90\x89\xc6\xbe\xaf`\x87Y4L\xb5\x8a\xcd`\xe0\xf1@T=\n\x1e\xc0\xba\x8dn\xb5\xaa\xfe\xf2\xb7Wl\n\x16k\x90\x10p\x06#\x81\xbcl\'\x8aD\x85\xd5\x0f++\x1fV_\x02K\xffi\xdfg\'91\xd5\x01\x89\x91\xe1A\xa4\xc1\xdd\xe9v\xbbyOP\xaeVE\xdd\xef\xfdl\xa6\xc1\xd8nd\xe2\xd8l\\\xa0\xc9~\xb9Y\x08\xfb&gt;\xad\x0c\x1e~\xca!I#\xe3h\x92c*\xfb\xadL\x06"\r\x80\xaa\xb1\xd3\xed\x99G\x1b\xeb\xc4\xbd\xefg\x8cl\xa3Q\xca\xc0\xb3\x99~6\xd6\xe6\xc8\x13]\x02\xd3\xf1{p\xdcK\xe0)\xda\xe4\xdc\xca\xcaJ\x99\x95\r\n\xc5\xe3uv66\xd6\xb8\x87\xfch\x1fyd\xee\x83L/\x90R\xe0\x17\x8d8]\xdca\xb7\x84]$2Y\xd6\x1f\x08\x04\xfe\xb7q\xc3\xe5\xcad*\xbc\xbb\xf3\n(Uc\xe3\xa9Sn\xfc\xcc\x13\x94\x05\x02\x19\xb0H\xf0\xf3C\x1e\xf00\xf0R\xb6j\xaad\x07\x0fLr\xca\xf5r=\xb2\xd6\xe2\x84 \'\xb9\x9f0t\x05Y\x7f;w\xae\xe675\xee\xc5\x99\x8f\xdf\xa0\x8d\xb5\xf1\xd1\x8a\xe7\xf1x\xf3&lt;7\x8f\xa1\xc03\xe76\x1d\xf6\x0207v\xd8er\xb9\\&amp;\x93X\xcc\x87\xc8V\x1c\xeft\xcd)d\xe7\xad\xe6\xf4\x15\x9e\x7fl\xefk\x94\xb1\xce\xde]\xd3\xe1\x18\x9e\xeb\xdf\xf2\xae\xb8y\xe0C\x8e-\xc1v\xc4\xd9\xf8\xf20\x0c\xbb\xc2p\x1c\xd9\x1d\xe1\x02\xacN\x80u\xf2\xdc\xc9S\xd7y\xf3~\xc9\xc2CT7\xa5\x80\xe9\xba\xbdF\x06\xd7\xec:\xef\xba\xbb\x937\xc4`\x10\xa6\x1c\xf6\xcb\x997\x00\xcb\x01\xb0\xe0\xb8\x89\xd5\x04\xc9\x81\xb5\xf14"P\'O\x9d\xe4\r-J\x08\x0b\xdf\xa1\x8bu\xa2\xea\xc2\x1aY7i\x18\x02XWN\xf3\x14R\xac\xb3h\xcfg2&gt;_&amp;o\x01\xf5\x02\xcdgX\x0f^\x90\xf0jN"\xcb\x94\xe0\x1a\xe2\x17\x99\xb8m\xb4\xb1\x90j\x91\xc9\xff\xa5\xdd\xfcc\x9a\xbc\xf38\x9e\x96\x87\xa7\xa5i\xca\xd6&gt;T\xb0\x97g\x16\xe9\x1d\x95\xc5\x13J\x7f\x810\x81\x02i\x0b\x94\x96\xeaN\xca\xa0J-\x94{\x10(?\x8a\x85\x16\xb0P\x90V2A\x1bN\x8b\x1c\xc9@\x8d\xc9\xb8k\xff\xb8\xcb\x86\x89\xe6\x02\xec.s\x80G [Po#\xf3\x0c\x9a,\xd3\xf3\x9f-K\xee\xf3}\xf4\xfeYn\xbby\xb3\x9f4M\x13\xfex^\xbc??\xbf\xf9~\x9e\xfe\xe2\xb3A\x8fb\xaf?,\xcb\xea\xdf\xd8\x1c\xb9y\x13\xdd\x06\x8f\x8c\x0c\x8d\xcc6V\xa8\xeb"\x11_\xa1N\xb1\xe7\xf5\xc3o\x97{\x96d\xc5\xc5\x85Y\x9d\x9f\xc4x\xcb3c\xfdK\xadV\xad\xado\x0f\x96+R\x0f\xea\x96dm\xfd\x83\xaa\xcd\x9b\xe8\x86\x1a\x89\xa5\xaa\x18\x8d\xf8\xaa\x0b\x0be~\xb4(\xab\x08.\xad\xb4\xd3X7b\xbb\xb5\xc8HGji\xad\x0e_\xbb?5\xd5\xef?\xa8\x93eM\xcc&lt;\xdeD\xa6\xaa\x00(\xc7Dv!\x1c\x0c\xc3\xa9 \x96B\xb7\xb4\x02\xa5\xb7\xb80\xa7\xf3v\x8c\x97)\xd3\xa7\x10\x96V\x1d\xf1\x8d\x87=\xa9\x07!\xcf\x8a\xab\x17?\xfe8\xba\xb1\x11\x1d\x9d\xde\x18\xdc]_\x08\xd56\xec\xf7{\x00\xcbCS\x81\\m\x9d\x1f\xc4\x1c\xeb\xbbA\x87C\xebp8|\xb7\x96&lt;\x1e\xbf\xee\xec\xb1B\x9f\xcf\x17Y\x84s\xb5zP=1W,;\xb4\x14\xf6\xa7*\x0e\x1fV\x84\x81J\x06Xm9sOm1\xc6*\xfbn\xd0\xaa\xd6:\x16\x17#\x91\xb9C\x1e\x85\xa7\\\'\x1b\x1f\x1f_\x99\xf3\xf5\xf7\xef\xaa\x9b\xc8m+\x86a\xd4\xefAT:t\xc5.k\x1fh\x1bh\xeb|Z\x16\xdb^\x9dn{6\x98\xa7U\xab\x17g\x1c\x8e\xc8\xdcJ\x8bB\xe1\t\x86W\x0e\x85\xb3\xea\x81k"3\xa7]v(\x08I\xfa6\n,\x98\xb7\xc0\xe0\xe0\xdf6\xf7l9\xc6#\x84\xe4\xe9\x86\x15\xb0\xd4\x8bH\xb0\xeach\x8d_\x07\x8dHV\x9c\x95\x03\xcfo\x0f\xeb\x82\xf42x\xcb\x7f\xa8~\x0b\xd3Y\xce\xdc\xd7S1\x1e!$O6F\xad\xa3\xeaQ\xf5Lt&amp;\xe2\xcbZ\n*\xca=\x9erO\xf0,\xcc\x14\xef\xd0\x03\x16t\xc2r\x8f.\xbcD\xef\x84\x0f\xb4\x01UN\xf5\x97\xeb1n\x8a\x82\'\x8f\xa6\xa7\xa7G\xa7\xa7\x07\xa3QG$R\xdd\xae\x83\xf1\xe5\xf5=-`\xc1\xe0\xf3\x95\xf4r\x05\xdd\x97\xdeAPmH\xac\x9c\xfaob=\xd9\xbc\xf7\xed\xa3\x82i\xe8\xc7\x15\x15\xd1\xe8\x8cc\xd1\xe1\xab.&gt;\xdb\xd2\xe2A\xa3\xd5\x0bk\t\xea`^\x06\xaa\x81\xb6\x9c\xac\x9c\xdfe\x02W\xfd\xbf\xa0W\xc74\x17\x95\xdfn\x94\x1eE\xdb\x89`\xa0\x188\xd2\x97\x05s{\xcb\xdd\xbb-h\x81\xffn\x10\x1d\xa3\xe1\x18\x06T T\xe6\xa9\xcc\xcc\xdc\xcc\xcc\xec\xafn\xdb\x94\x19\xe91$\x13 \xac\xe6\xe6\n\xd5V\xa3JU18\xe3\xa8\xeb\xdf=Q_\x08\xe5\xea\x182D\xd4\x0e1\xd5\x0eP\xa7\x90\x01Zfvv\xe7\x87S\xdd\x12A\xcc\xc8\x18\xe9\x02p\xe2\xd1\xa3 \xd6VWcW\x97fz\xd4\x9a\xf7\xd6IH\x80E_\x0e\x94\x82\x1ct\x17\xdc60\x00P\xb9W\xc0rsO\x9d\xca\xcd\xad\xaf\xef\xfcz\x87r\xb9\x08D\xc6x\xe5d\x0cF\x86\xd2\xf6\xe4\xd1QM38\xb1k\x16zs\xa3\xeah\x81\xc5\xd2\xac\xd9z\xfcx\x90\xde\to\xc8E\xb1\x04P\r\xf4\xde|C\xc3\x95\xdc\x86+\r\xf5s\x9f\xde\xa0\xa8\xd0e\x8a\xb4I\x94\xf4[\x8c\xaf\x10\x8d\x91\x91\xa6\x149\x9fmh4h\xc5\xb4\x0bN\x17#\xee\x00\xda\xec,\xe9\x1a\xf9\xfcsUA\xe9[hux\xff\x15P\xe8\xca\xee]\'N\xbc\xd8\xe9\xdf\xbf\x7f\xa2~\xee\xd69\xa0\xda\xd9\xb9\xe8"\xf9"\xd0,-\xedU\x911\xd2\xd3\x04\x12\x01q\xe3\x9b\xa8J\xa3)\xd1\xa8\x1a\x03\xee\xa1\x9e\x1ewUI\x89\xc9d\x1e\xba9\x04\x87\xfcft\x8dx\xfc\x04\xb0\x9c\xd0\xd2[\xc4\xbbO\xd0[\xf5\r\x13\xbe\xf1\xd5\x10\xb5\xbds\xc9\x19\nQB\x82\xcf\xe7#\xb4\x9fO\xc6H\xcfH\xe3ID\\Lx\xee\xab\xa8\xaa\xab\xcb\xa4\x01\xb9\x02n{\x8f|\xb2\xaa\xaa*P3\x02\xa7\xeb\xaa*S\xb3\x85^\x87=\x9e\x07\xf1\x06?\xd0\x1b\x07\xc7\xebv!\xac\x87\x9f\xedP\xa1\xed\x1d\xe7\xf6\xf6v\x88r\x91$\xc1\xcf\xff\xb9)\x80\x98\x94\x126[\xc4\xe6a\xd4G\x9dQ\xd5l\xa0\n\xe2=\x100\x1b\x8dr\xe3\xa4\xd9&lt;Y3\xe26?\xbf\xd9\x04\x03\xc5\xc0,@x\x12m\x84k\x81\xcb\xe7{\xf8\xe9%*\x14\x02\xa6m\xe7\xb63\xe4\x12\x92\x06\x00{A\xf6\x7f\xfaN\x99\xdf]\xc6\x17\xf7\xf6\xf6\xc6s\xb8\xeb\x7f\x1f\x9f\xd9\x9a\r\x98\x03\x10\xef\x00d\xf4\xca\xddf\xb3\xd9=\x04\xdf\xa6\x0ez}\xb8\x03pJK-\x95\xcd\x95\x95\x05\x10nVk]]\x7fd\xee\xd7H\xadP\x08\x9c\x08pN\xc8J\xa1\x81\xa8\x15\x8bE@\x96\xf6\xf2`(\xf5\x96/^\x9c\xeaFT\xbd\xf1G\xb8\xeb\xab\x0f\x17g\x01h\xd2=9\xe9v#\xb9\xdc\xe6V\xbd\xdc.\xd7\x83Z`}%\x1d\xd7,\xa8\x82\xc0oMs\xa5\xa5\xc0j\xd5\xc2p\x7f+|\xef}\nqAlQ\xf4\x17\xcdU+\xa6\xc3,\xed\xe5\x96\xd6\x01\xaa\xfb\xf2\xfb\xce2\x1b_"\x95\xf6\xf6r9q\x98\xeb\xafovn\xd6\xd4\xb8\xddr9(e\x94\x83\x19\xc1\xe4^}\xd3\xb0\t\xc0\xfa\xfa:\xc0\x95\x1d%U\xe0\xe6FM\xa5\xc5bE\xb3\xacc\xe5\xe0*\xb0\xb8(\xb0\x90\x90BXB\xe4HC-m\xf9/\xa5\x18C\xd9\xed\xbc\xe4\\\xb6I\xb8\\.\x93%\x95bqq\x89\xe4\xb9_\x8co\x81\x03\xddv\xbb}^.\xb7\xf7\xf4\xd8\xbd^\xaf\xdc\xee\xd5\xb765U\x99L\xc3\xa7O#_B\x1a\x04\xba\x1aA\xaeR\xabZmUG\xc2\x07\xfe\t\x02!\x03 B\x08_\x08\x0b\tf@\x92\xd9\xf2\x05?\xf5EFF\xc6{e\xeb\x17\xcbD\\\t\xc2b=\xc7J\xb2\xdd\xff\xcdRt\xc4=\xe9FH\x00\x05Xr\xafw\xbeg\xde\xab\xd7\xeb[[[\x9b\x86O\xf7\x01\x95yr\xb2&amp;\xd0X\xd2\\y\xd2\xaa\xcd\xcb\xab\xab\xd6\xbdy\xdf\x85\xfcf\x000\x92-vQ\xc0$Dr\x19\xe8\x10\xab%\x00\xec\xa7x\x92\x91\xae\xcc_\x06\xef\xb1Y \x14\x86%b,\x16\x8b\x17\xb7/I\xf0\xc9\x1f\xfe\xd4\xb99\xe2v\xbb\x8d\xb4T\x08l~~\xbe\x07-\x1c\x9c\xd1\xb7\xea\x11\xd7i\x93\x19Bn\x92\xc6\x1a\xb5Z\xf3NFd\x9e\xab\x7f\x06y@\x19\xa1\xd0 \x94J\r\x94\x8b\xe0\x1b\x84\x88\n\xe0\x88Z\xa2\x96$\xa0\xfe\xffO\xc1\x18\x19\x82\xee\xb2|\x1c\x07\x1c\xb6\x88\xc9fr\xf0\x14\x84UT\x94t\xf9\xde\x1b+p\xc0G\x11%\xb7\x03\xd5\x9d;w\x16\xc6\xc6\xc6\x16\xc6\xe6\x01L\x8f\xd0\x86\x87\x9b\xf4P6\x02&amp;\xa0\xb2\xa0\xf7\xa5\xd4\xd5\xba\xbd\xf7\x9c\x00T\xdbKc\xf5\xc6\xb3IJ\xc8\xe7\x13\x04\x9f0 \xd5 \xc6\x08\x12\xf5\xa5\x1f\x17\x0c\xba\x8c\xc4&amp;\xc21.\x97\r&amp;\x8d\xe7\xe0IxbJJ\x02`\xc5u\x7f\xf8\xab\xb0os\xc8\x0e\x15\x8b\xd6\x0b\xc0\x16\x16\xd6\xde}\xf0\xc5\x1a"Chf38\xd3\\\x85\xaa\x98\xa5\xd4\n\x85\xab\xfe\x98\xe7\xc09\nQ\xf5\xf6\n]\x84\x90\xc00\xd1\xd4\x14)\x12\xf1\xc5"\xe0"\x91j\x04)$\xf9\x02\xa52\xfd\xc7\xbb\x8c\x08Kd!\xa5\xb8\x89\x18\x93\x89\xe1\xe7\x11Vr\\R\x11G\xf2\xb7?\x1e\x90EG \t\x8dn\x14^\xa0\xd8\xc2\xda\x17\x0f\x1e\xd0\\\xe0J#T\xfb\xa6V\x88~\x9a\n\xba\xa4\xb5_\xd6\xb2\xe7\xea\r\x17\x04\x11\xa43`\x11$\x17\xc7l\x14E\xa0\xff\x99@f@d\x88K\xf2\xc3\x82AU\x10H$\x18\x8b\xc9d\xb3\x99\x18\xc6e3y&lt;|\x1f\x8e%&amp;&amp;$\'\x15%\'M}\xf4K]\xee\x96\x1cqA\xb9\x82\x0fp-\xbc\xbb\xb6\xb6\xf6\x0fz\xa3E\x8f\xd2\xb1\xa9\t\xa8\xae\xa1Nd\xcd\xd3f\xeb\xf6\xa6\xae:\x91XR\x96\x14\xb0\xc4$\x1b\x8f\xe3.SB1\x93\xc5\x16\x13\xd0\x87\xf8\xa0\x15A\x08]\xa4\x98\xf9\x03\\\xcf\x1b2\x8e\x83FL\x16\x8f\xc7cA`a&lt;N\x1c\x8eqX\t\xc9\x9c\xf3\xfb\x04\xf97\xae\xfa\xc3\x9d\xe6\xa1!p\xa2\xdc\x8b\x02Ln\x1f[\x00{\x1e\xf5M\xc3}}\x10]\xa6\x8e\xeb\xd7\xd1\xd2\xc1[y\xfd2\xcf\xde\xd7&gt;\x10\x92\xa4\x98\x1d\x9f"%\\\x066_\xcc\x8b\xe3\xf0]\x94\x81\r\xf9-\x02"\xa8\xd5\xd0\x8bD$$)\xf7\xbfr!\xa9\x04\x02\x9c\x87\x12\x8f\x85!,\x94\x88\x9c\xe4d\x1c\xe7\xa4$@\x8ca\xfb\x92\xd6W\x0f\x06e\xa35v\xa3\x11j;\x8d\xe5\x9d\x87\x98_\x18\xf3B\x91@\x05\xa2\xef\xf4\xf0p\xc7\x85\x0b\x96J\xb4\xa0ZW\xa8\xf3\xa4~v\t\x9e\xcd\x96\xb2\xe2k\x85.\x03\xb4\x1c\xc0J\xe4\xbb\\\xb5\xf0\x10&amp;\xc4\x9aH\xca\x94\x92\xa4D\x02\x7fdb\x02\xc1\xf7\xdf\xf6GR\t\x04\\\x1c\xe7q1\xb0\xf8\x04\xc0\x02\xc0\xf8\x04\x10\x8b\xc5:r\x04\xc3\xf7%\x16\xe1\xb6\xdb\x7f\xf1\xeb\xc6+\xa0\x88\x1a\xcf\xe8\x11\x97\xd7h\x9c\x07\xb2y$\x15\x94yd\x1d\xd7/\x94\x16@l\x95\xe6e\x87=\x9e\xd7\xee/\x13\x84X\x9a\xc2b3\xc5BC/[\x8c\xc5q\x8aX$E\xb2\xa1\xf6\x88I\x92\xcff\xb2\xf8\x10YbR\xc8\xe7\xe2 \xd8\xf7f\xcf4\x01\xd4s&amp;\x17T\x02\xa8\xf8\x84\x04P\rx\xb0\x84d\x1c\xf2\x10\xe3\x14\x9dO*J:\xaf\xbc\xb8\xfaF\xaa\xdf7+\x07\xa7A\xca\x19\x8dPH\xcf\xa0OkS\xdf\xef\xaf]\xfb7\x17g\x17\xda\xd6}\x86qs\xbeu&gt;t\x0e\xfap\xa5\xeaH\x8a\xe4\x1d\xa9R\xa4\x9d\xd3$k:\x10\xc9\x12u\x9dJD\xb3\xa4E\xa8!x7\xa6\x1b\x82\x0cc\xc2f6\xd7.b\xb3\xf1\x06&amp;JtQ\xecX\x98Q\x8ac\x83b_\xf9\xfbb6m\xec@\x1c\x0b\xdb`[%\x11\xbapr1\xfb\xb2\xd7{\xfe\'[a\xfb\x1b\xfc\x01\x12\xfe\xe9}\x9f\xf7y\x9f\xbf1\x9a\x9a\x1a"_\xb0\xab\xef\xdc\xb9r\xf9\xcb\xf3\xc3\xd1\xdcQ\x1d\x16\x90\x18`\xd9@\xc4\xf3\xc7N\xbbZ4\xedG\xd3&lt;\x94\xca\x08\x9e|(\x80\x9e\x08.\x97,\xa0\xa3\xbc(\x1b\xff\x0b\x85\x06\x121\t\xbc\xd3ac\x11:\xf5\r\x16\xcfg\x99l\x92s\x17\xb23\xc9K\xdb\xf3V\xd0\xfc\xf6\xf6\xe3\x1b7zK0\xf6\x92\xed\xee##\xe5\xa9\xd9\xd9G\xb3\xb3SCe\xb2\x19\xef`\t]\xf9\xe8\xea\xc3hnc\xb9\x13\x8b\x0f[\x82\x91#.\xa21\x97\x0b\xe5\xf23\xae\xceN\x17\xc3\xf0\x81P\xdeE\xf1\xbc\x1c\x88\x08\xb2\x80\x91\x10E\xf9\xff\xfa\xe7t\xb2\xd0:D\xc5\x92\x1e\xb2\xc0\x12U\xd2D\x1f\x14\xcf\xb9\x93^\x95+\x14\xbc\xdc\xc5\xc9JQ\x8a\xbd\xfe\xf9Wd\x13\x12\xa0\xdekMx\xfb\xd0\xd4,\xf9O8P\xe1\x87\x11\xa4\xaf\xa1\xbb\xbf\xff\xed\xc3\xe1hzk\xcf5\xd0\xddMbQO_\xdfd\xc8#\x0b.g\xa1\xe0\x80\xfe;;\xa1z\xd9\x95\x87\xd4!3\x04:\x06\\\x11Q\xfc\x91\n9\xcf\x90\x9d6\t\xe1`\xd9\xffb1\x94\n\xa9s\xee\xfe\xfa\x9eQ\xa5\xd5B!+&amp;\x8d\xa7G\xa9\xb4r\xf5/\x7f\x85\x9c\xd0\xba^4\xb0tzZ\x9e\x9a\x9a\x1d*\x83\xa8TZ?\x1d\xf9\xe4f\xb9\xfc\xeb\xb7~\x99\x19\x0e\x1e&lt;\xc5\xa4uwS\x14\xcbM\xbe|Q\x99\xc8\x07\x02\x02+\xfa\xfd\x90\x9a\xa7\xf3z\x048\x9e\xbc\x87".)\x08\x8c\x88\x12\n\xe2\x8f\xa5\xe2\xc8:\xb6I .\xd6!\x82KU\xa11\xd5\xfe\xc9i\x8c/o\xae\xf5\xd0\x8eB\x16G\xf5\xf6?\x9b\xd7\x15\xf3\xd6g\xa3\'\x88\x0f\xa38dM\x9f\xa2`\x98A\xd2\xd3f\xb3\x04\xf7\xba\xf9\xab\x0b\xbf\xc8d\x8a+\xa1\x81\x81\x00\x0c&gt;\xc1\x93\x15\x91&gt;\\\xee\x0bQ\xbc\xaa\xf2\xe0\x8a\\\xef\xf4\x08\xbcJPP.!\x12@\x190\x99\xf2\x7f\xa8|\x0c!E\xb1\xb0gx\x19#\xe8PE\x91a\x1c\x0elB\n\xc1\xc1\xe8\xabLO?#X8Yhl\xb2\xb2a\xea\xaf\xcf]A\xd0\xb2\x97\xe1h\x93\x94m\xfd\x14L\xa5^\xac\xc6\xde\x91\xbb\x1f\x9e&gt;\xbae&gt;\xcc\x84wk\x81\x81\xeeDd\xa0{\x80\xa1\xe1y_D\x8b\xbbk{=\x86\xdb\xedUE*\xd0\x19\x8a\xf0*\xdf\x93\x07\x1d\x03u\xf1\\A\x86\xec\xdfx\x15M\xa8`\x9eh\x1e\x87\x9d\x03*GAe\xe0\x13N5\x01Zw~q\'nM/\xf7s\xa2C\x14\xfd\x85,L\xb5o\xb7\xa8\x15_\xbf\xfb1"\xcd\xe3\xb1\xc1kM\x9c\xd2zs\xdd.\x15\nX\xba94\xf4\xe8\xa7\xcf\xc3Jn~\r\xb64@\xb0\xba\x19\xdaX\x9c\xcb\xe4\xbar\xd3\x9bk\xf5\xc9\x1e\xb7\x9bf(\xachA\x15\x81\xe2\xb2\xb1(\xc6\xabb*\xc8\x1f\xd2\xcez9*A\xa8\xc0\xc5B\xe1\xaa\xc3\xc1:\xfc\xd0\x13G\xd3&gt;Y6\xf2O+\x87\x9a%M\xaf\xf4\xd3\xd9\x02\x1e\x81a\xac&amp;\x8d\xed\x83T\xbc\xf8\xfc\xc2\x07\x9f\xaf"=\x0c6\xd7\xd7K\xeb8\xc0j\x8e\x8e\x8d\x8d\x96&gt;,O\xbdu_R\xac\xe2J^ X\x03\xdd\xd7=\x0c\xed\x9e8\xc8\xe5r\xd1\x8c&gt;w\xb4\xf5r\xb1\xd6\x7f\x89\x91]!O\x80\x17=0x\x8e\xc1#et\xc9\x15B\x03\x93\xc4*\x13\xb6\xa5;Y?\xb0\xfc\x10\xbc\x83\xe5e\x19v\xef\xee\xdf[\xdb:\x9a\xd6\xc3a}c\xe5\x89\x1b\xbc\x0eTkf&amp;\x99\xecy9\xa7\x17Q\xaf;\xab\xad\xb1\xd5\xd6\xc9\xfa\xe9\xe9)\xb0\xd0\xcb\xc1\xb1vc\xb0T\x9e\xfa\xc79=\x1dNm\xd5\x02\xc8 \xd8\xd1\x90\x8cJs\xf5#\x82\x15]\x90\xb4\xe2\xc6\xfcne\xad\xfe\x04\x1b\xd1\x90E\x15\x9dc8\n\x8b@-\x88\x82\xa7\xe3\'\x88,\x98M\xbf\xa82\x8c\xd3\xd6\x12\xefX\xb2\xf9`\xb6\xc6\x93\x89\xe5\xdd9M\xd3\x80eNW\x9e\xd04\xda\xeb\xf7g\xab3\xc9w\xdc{\x95}\xbd\xb8\xff\xfa\xdd\xdf\x8d\xb5Z\x8d\xb1&amp;\xa9\xd5z\xf3d\xf4\xa4\xd58n\\\x1b)_&gt;g\xa6\xd2\xe9\xdd\tx$\x95`\x13\xdd\x10\xb7Z\xe0j\xbbV.\xda\x15]Pt]\x92\xe2\xfbs\x87[\xcb\xf5\xc9K\xb2\xcc\t\x9d\x9d\x06\xc7\x0b\t\x19X\xbc\xd0\x81\xa4\xa7R\t\xc6\x91\xe5\x18\xb7\xd3\xb7$\xbeQ\x16\xf1Q\xa3g|{\xeb`?\x1d\x8biq\xc9R4Q\xaap\x00\x00\nTIDAT\xcc\xfd\xadq/\x86\x80\xe5U\x91\x9e\x99yg\xe6bm\xabH\xb8.|\xd2h\xb7W\x9b\xa7\xcd\x93\x93\x93\xb1\x16\x92D\xa3=V*\xdfy`\xa6\xa4\xf4\xc1v\x8f\xa0\n\x98$\x82\xe5\x820\xc6\xb7b\xc0\xea\xca(\xa6\xa6+)\x1d\x1f\xf6\x9b\xde\xb89\xde\xf3\xa4G\xa6\x88\xc4EXe\x07\xc6\x93OPN\x11Rrr\xf4\x92\x93\'\xde\xee\xf3A\xe6\xf5g\x9bs)\x89\x1c-eY\x92\x0e,N\xcd\xb2\xe88\xb0\xaa\xe8\xa3\xbb\xbeYL\xc7\xf7\x9f?\xf8S\xe3\xf8\xf8q\xb9\x84\xaa\x91\xdc\x05\xac\xc7#w\x7f\xf3&lt;-\x99\xf3\xcb\xf9\x00\x1e\xef\xc7=\xa0\xfbz\xc8\xa5z\xb9\xc9W\xb1h\xae\xeb\x8b\\\x18X\x0bR&lt;n\x86\xc3Jj\xbe2~\t^\x1f2(rEfD\xd8\xa9\xcc\xfb\xf1bHB\xe0|&gt;\x1f\x96\xa0\xc3\x07,#\x8f\xeeM\xa7\xc3\x92i.\xe0\x85IV\xc6\xd4\xf67k\xde$\xc3\xa2\xcb*]\xc59{\xf6\xeb\xfa\x8e\xa6\x14\xe3\xe7\xdf\xfe\xb4\xfd\xc3\xbdOG\x06\xc7V\x8f\x7f8n\xb7\x1a\xed\x1bw/_E\xb1\xa6W\xf22\xfc\x85\xf7\'\x88\xe2C\x1e`\xe5+\xa9\\\xae\xab+\x1aD\x17\x17\x14-n*\xe1t,8\xb7m\xc8\x14v5T\x08\xab\x15\xb3\xd9\x0e\n\x06\xc59\xec\n\xd1K\x0e\xb8)\xbew\xf7&lt;]9\xdaH\xa5\xa5\xb4\x92J[x\xb22\xbc`j\xc5\x9d\x1a:\x8e\x99\xa0\xd8\xa5%\xb4\xd1;\x93\xfczbG\x93t\xe9\xfc\x97\xb7\xdb\xc7\x9f\x97K\xd7~\xb6\xdan\x91N\xf6~t\xdfT\x94\xfd\xca$V\x04\x8a\xe5\x07\x15\xc9\x9e&lt;\xcd\xe5_j\xb9LWWW.(\xe9\x8a\x95B\xb5\x82J:u\xb0h`e\xbb\x90}\x04!\x12\xe1\xc5l\x07\x94\x82:\xd9\\K\xf8\x82\xa4\xc7\xfa\x8c\x89\x9d\r\x1d\x85\x92R\x92\x12\xb6Pjk\x18l\xf1\xdd\x1ag\xaf\x0c\x8c\xaa\x83`U\x93\xe0\xda,*\x8ar\xfe\xed\xdb\x8d\xc6\xe8iy\xbd9\n{h\r\xfe\xed\xbe\x99\x0eoTj\xe4z\x89\x03*\xc4O8\x93\xcf\xd9\xb3\\\xccX\xd1\xf7\xcete$=\x9cI\xc7\xb5\x18\xb0\xb4\xa3\t\xb7\xca:\xa9\x00\x98\x84@@\x06\x96_U\xd1=\xc2C\xfb`[\x0e\x9f\xca\xbb/-\xceKz\xca\x94\x14\t\x05\x86\x02\xf4\xe1\x8c^\x8ck/\xfa\x92\xf4\x1b,\xbf\xbf\xe0\x85\xbaf\xbc\xd0\xd7V&lt;\x18\x0b\x9f\x7f\xf0U\xbb1j\x8fb\xab=\xf6\xd9}E\x8a\xedW\xf68\xc4\x04,\x19&gt;\x80\x0b\xd7u\x82\xe5\xe4`\xf3\x96E\xde\x01\'\x87je\x14M\x0b[\xe1t\xfcE]&amp;\x9af(\xac\x1f\xc4\x1e\x86\xee@l!X\xac\x0f\xd6\t}\x89\xc9l\x813\x16\x0f\xd0u"v%\x16\x0c+\x9a9\xbc\xa0\xed\xc7\xf5\x17u/\x8dB\x11\t\xf3\xfeB\xb5\x9a\xac&amp;\xc1\x85\xb5\x14\x8b-|\xf7\xe0\xef\xad\x16\x96\x10:\xb8\xfa\xfd-SO\x17_\xd5\xdc&gt;\xb5\x80\x8b\x89?\x11\xc1\xed\xc2C\xb0X\xd5\xd8\x9e\xb3\x82V\xf4\xcc\x99\xa8\xa2K\x99`J\x0bg\xc2J|\xa7F\xf61I\t\t\x88&gt;`p\x04K\xa4},&gt;\x11,\x1f\x8d\xab\x97\xf7\xe2\xc4\xa1\xae\x99\x84K\t\x06\x15\xfbe\xc5\x8b\x9a~Tw\xd2\xaa\x08,\xd66\xba\xac\xd7\x8b\x82\x9du\x8f\xbf\x9cS\x16\x82\x0f/\xfc\xa1\x85\xabO\xab\xbd\xfa\xfe?M\x13nRs{E\x82\xc5\xaa\x82\x0bA\x1dK\xc6E!\xda\xe0\xde\x14\xb4\xdf\xc6\xc8Ja\x90\x94\x94\x92\tK\xc5\xadI\x12\xd1\xed\x9dL\xf2\x8d w$d\x06\xed\xc3J\x11\x0b\xb4\x8fFg\xb2\\\xf2\xe2\xc4\x11\x94\x85&amp;*a`\xa5L+\x03}iD\x01\xb4\xca:\x18\xde~2\x93\xa5i\xa8\xeb\xec\x0c\x17z6\xbf0\x9c\x19&gt;\xf7\xfej\xa3q\xbc\xfa\xfd7\xa6\x9e\x9a~\xd5gT9\x0e\xd7J\xe47\xfbr\x03\xac\x08\xb2\x88&lt;q\x18\xb4\x82\xe8\xe2{9E\n\xe7,I\x19\xb6\xa4\xfdJ\xfe\xcd\xd5\x01\x99\x90d\x0b\x86\xe9@p\xf0\xd1"\xb2\x0b\xb0\xf0{\xaa4\'\xfa.\xd6wS\xa6\x02\xc1Ka\x1cIB\x0f\xe3q]?|\xea\xa6E\xf8)\xe2\x0f\xe3Dwp\r\xc2\xa9r\xc8\x05Gz&amp;\x17\xbc\xfa\xf1\x9f\xef\xdd\xfb\xd77f\xca\x9c\xab\x8c\x1b^\xa4\xd9,\r\xa9b\xc2\xec;\x97\xc7\xc6\xfaw\x15\xe7\xce\x9b8\x1a\x85ad\xcc\xc7\xc5\x18\x0c\x1e\xaf@\xb1\xc7\xc1\x19la\xd9\xc2U\xd2Xh%\x1a\n\xdaATS\xf1\x0b\xa8hV\xdajz\xa4T\xc9\x92\x1am\x11AE\x02J\xb1\xa2\xe0"\x11E"\x19%)\xa0\xcc\xfc\x8c}\x8fq\xb2\xb3\x1f\x81\x14A\xce\xe3\xf7\xdc\xdeC\xa4tw\xae\xa6yH\xae?&amp;\x8e\xeb\xfb\xae\xf0\xdd\xaf\xce\xf7\x9d\xec\x01\x8b\xacq\x05\xb9\x1b\xa1\xb6\x8a\\\'\xc7\x82\xdb\xc7\xc9D\xd3\xf2\xd5\x83\x1a\x94!\xe4\xd2\'\xa2n\x08\xd0JU\x9f\xd7r\x9d\xb02\x05\xda\x88Z\xc5lTQ\xec\xf3\xbab\x7f\xa9]\xae\x9e\xbcF\xe3\xf7?\x7f\xfc\xf8\xa7\xea:\xe3\xe9\xe0La\xbc\xa2\xc0\xfb\xf3\x89\x12\x88\xe8\xd3\xd2&lt;\xecA,}\xb5u4\x1dQ\xcc\x9d\xfa\x8e\xe3\x1bz\xf5\xfbwu\xb8)\xa7B,2]\x95,aep\xc3\xf5\x96\x8d\x14F\x14\xa3P\x8b\xb1\xc7%\xfa\x032\xcb5\xd1\x84\x05\xdfP%\xf5\x80Uh\xa1fc\xc1\xc17\xb4\xe3:z\x9f\x12\xb5\xe5\xc7\xd9\xb0\xd1\xf0\xff\xfa\xf9S\x15\xc4\xe7MSQ\x8a-^\xb1\xeb\xd18\xf7A\x95/%\xf8\x18w\xb1\xc44C\x14s9\xc3\xb4\\\xc3\xab\xfa\x860\xbe\xaf\x91q\x89\xa1\x9b\xf0\xf14\x8cW&amp;\x92\xe0\x99\xac\xb0\xf3:\xc5\x83\xc4*\xa0\x8f)\x17+\x8b\xf2]D!Nt\xd1\xf0\xa1\x15\xe65\x05\xb1ED|\xec\xf0\x9a\n\xbcj=\x8a*\x91\x07\xd3\xb1\xe6\x0bU\xa9j\xbd\xde\x81J\xc9\x16Q\x11\xa9\x04n&gt;\x1f\x9e\xd2\x01k\xe5\x00\xcb7\x8es\'\x9a$y\r\x01\xb1x]\xcb\x0cH\x84\x05*\x10u"\x15\x8e5/j\xcc\xc6\x95\x14\xc2JeSY\xb6\xe8\xb7\xdd\x10\x0br\x19\xa2%U\x81\xf5|#GY,\x19J\x85\x1d\x04eRO\xa1\x84m[fg\xcd\xe9HUUi\xfep\xd3a\xb6\xac\x00U\x81\xbd\x8e\x97\x88\x87\x9e%\x8c\x958\xcf-\xfa\x92fjh]_s\r\xc7r\x0c\x0f\x97\xdfv\x95,\xbc|\x8c\xfc&lt;\xbcq\xba\xb6\x8e$\xd2\x9d\xbb\xd9#c!\x15\xb8\x80\xd5\x9c=\xb9\xaeKX\xba\xe8z\xbec\xa9U\xc9\n\xb0\xb2\x81\x19K\x06\xa1\x84\xd9O!\xf8\nC\x8e\xb1\xde\xf5\xdb\xc8\xaaJ\xc3\xd5u\xcdF;S\x98,\xa7R\\\xe5\x1b\x88\x8eJx\xd2\xc1\x96\xc35gm\xe4\x16\x92&gt;\xf7\xf5\xc4\xb4$\xcf\xd0\x8d\xc9r\xa0\xf0\xd8$\x82\xfa\xc6W\xba\xd7G\x83\xb8zx\xb9D \x03\xa6B\xa1\xdeJ\xf1ro?4\xc5w,_\x97\xa4\xaa\x1ab\xa5\x92\x87s\x1b\xa4\x18\xcdS[\xae)\xac|q\xbf}\x82\xa0\xf0\x022\xee\x10\\\xe5\xab\xc7&lt;\x1cS\x89d\xa2\xb4:"s\xc0\xc5\xb9\xdet\xee\x99\x07\xb9\x8e5U\x12\r\xcf\x13\xdf&gt;3\x861\x15\x8b\x07\xa3*-\x0fv\x91\xf4\xa7\xbb\xd1\xf0\xae\x06\x7f\x8cZ\xc4\xefCT\x10\xdb\xcd\xc8%,W\xd7L\xd3\x17\xd0ZU+\xc4\n\xf3\x9d|u\xa0\x9a-w\xba\x8f\xcd\x9b\xd5\xf8I\x12\xac\x97\xcd\x02\xba\xa3\xfb\xdb\xb5\xf5r\xba\xe0\xf2%\xec~G\xa4\xd6\x01+\xc1%pi\\\x13r\x19\xb9\xaf\r\xd8\xadFCT\xfb\x9dB\x88\xc5\xc1&amp;\xa7k7\xc3H\xe2b%\n\xfd&amp;\x14G\xe7\xba\xbd\xc5jQ\xcc2\xac\xcd\xae\x18\xf4\x07M\xd3L4\x0b\xc4\xf0C\xadX\xf8\x08N\x11\xd2nVo\xafs\xb4\x90\xf9\xc3}\xef\xcb9\xe4cvg\xbd\x1b\xce~\xcbW\xe24K\x12DD\xaf\x84\x85K\x9b\x98\xb4\xd4\xe9\x11E\xcckCo\xcf:\xd1\x10\xabB\xfe\xb4\xd9w#\xb5\xf5\xb3\xe7\xed\xbap\xd3\xd9l\x12X\xc9,&lt;d\x19\xb3\x1as\x1aT\x98\x14doak\xda\x01V+\xf9q</t>
        </is>
      </c>
      <c r="M72" s="3" t="n">
        <v>45492.67741898148</v>
      </c>
    </row>
    <row r="73">
      <c r="A73" t="n">
        <v>219190</v>
      </c>
      <c r="B73" t="n">
        <v>1957</v>
      </c>
      <c r="C73" t="inlineStr">
        <is>
          <t>Pedro Henrique</t>
        </is>
      </c>
      <c r="D73" t="inlineStr">
        <is>
          <t>P. Henrique</t>
        </is>
      </c>
      <c r="E73" t="inlineStr">
        <is>
          <t>PE</t>
        </is>
      </c>
      <c r="F73" t="inlineStr">
        <is>
          <t>ATA</t>
        </is>
      </c>
      <c r="G73" t="inlineStr">
        <is>
          <t>PE/PD</t>
        </is>
      </c>
      <c r="H73" t="n">
        <v>179</v>
      </c>
      <c r="I73" t="n">
        <v>16</v>
      </c>
      <c r="J73" s="2" t="n">
        <v>33039</v>
      </c>
      <c r="K73" t="inlineStr">
        <is>
          <t>Right</t>
        </is>
      </c>
      <c r="L7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134e15-9cd5-4803-956f-fa9628e73e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6\xe6S\xa0\x00\x00\x00\tpHYs\x00\x00\x0e\xc4\x00\x00\x0e\xc4\x01\x95+\x0e\x1b\x00\x00\x03\x00PLTE\xff\xff\xff\xf6\xf1\xee\xff\xff\xfe\xf7\xf6\xf2\xef\xee\xed\xee\xed\xeb\xf7\xf3\xef\xf7\xf3\xf1\xf6\xf2\xef\xff\xfe\xfe\xf5\xf4\xf3\xf3\xef\xeb\xf4\xf3\xf2\xee\xea\xe7\xeb\xe7\xe4\xc3\x88m\xf0\xec\xe8\xd2\x9cy\xf0\xea\xe7\xcd\x96v\xcb\x93t\xf4\xf1\xed\xea\xab\x84\xd2\x9e}\xd0\x99v\xec\xe9\xe6\xc6\x8cp\xfd\xfc\xfb\xf1\xed\xea\xea\xe4\xe1\xc9\x8fr\xbc\x86h\xf2\xf1\xef\xd1\xa3\x89\xe0\xb6\x9e\xd6\x9fz\xe0\xa3\x87\xf5\xf0\xeb\xbb\x80^\xda\xa5\x81\xcf\x99z\xea\xa8\x80\xcd\x93m\xd3\xa1\x81\xd0\x97q\xea\xaf\x8f\xbe\x8bl\xe2\xbb\xa4\xc1\x84j\xd7\xa3~\xd7\xa8\x8b\xcf\x94o\xbf\x82d\x99`C\xdd\xb3\x99\x93\\?\xb9\x81e\xe2\xa7\x8a\xe7\xa5|\xa9mP\xee\xb4\x90\xb7xW\xc9\x8fj\xfb\xf9\xf7\xea\xad\x88\xb0wY\xdb\xa9\x86\xd7\xa8\x91\xb7{\\\xc4\x98}\xdf\x9e\x82\xa4hL\xd6\xa4\x85\xe2\xa2x\xe7\xa1y\xe2\x9cr\xc7\x92n\xc2\x88f\xc4\x8dj\xe1\xa1\x7f\x9daI\xed\xaf\x89[8\x1f\xc2\x8ep\xda\xad\x90\xafqQ\xb1qY\xa9tW\xf0\xb9\x95\xc7\x8bf\xe2\xa9\x8fkE\'\xdd\xb0\x95\xe7\xa9\x8b\xe5\x9fu\xe4\xbf\xaa\xc4\x91t\xd8\xad\x97\xaay[\xd9\x95l\x98[?\xa2dF\xca\x99|\xcc\x8ao\xcd\x9f\x84\x8dX9\xc9\x9b\x82\xee\xb2\x95\xe1\xa3\x8c\x87U9\x9cpQ\xc0\x86a\xdd\x9ev\xdd\x9b}\xc1\x82\\\xb1|]\xd2\x9ar\xd3\x9f\x86\xd8\x99}\xd9\x9b\x84\xe3\x9e\x84\xdb\x9f\x7f\xe2\xb0\x98\xf0\xaf\x8f\xb3\x80a\xda\x96y\xa6fR\xe9\xb4\x9f\xa3`P\x94cA\xa3oT\x93V=\xe5\xa9\x94\xcf\x90s\x98iK\x82H4\xaamV\xaejS\xdc\x9apc&gt;"yQ-\xe3\xa6\x81\xc7\x93w\xe0\x95|\xf3\xba\x9d\xbc|a\x8fqX\xc3|f\xdc\xa1\x86\x8aX@\xde\xad\x8d\xd6\x95t\x92eG\xb0w_\xb6\x88eR2\x1a\xd8\x9bs\xcb\x95{\xc9\x85iuG/\xd8\x8cr\x96XH\xe7\xe1\xdd\xd2\x94y\x81Q7\xd7\x93}\xbb\x9av\xcc|m\xd5\x82j\xd7\xc9\xc2\xcf\x8bf\xf2\xb4\x99\x8eP&gt;\x8c`B\xb5ze\xb8\x95k\xd2\x98\x81\xaf\x86k\x88K9\xa6nI\xc9\x86^\xdf\xc9\xb6G+\x17\xb9\x8ds\xd3\xa8\x8f\xb1l^\xec\xba\xa7\x9ekE\xdd\xd2\xcd\xe4\xd2\xc6\x9f~\\\xee\xdf\xd5\xdd\x9e\x8a\xe9\xc2\xaf\xa8\x85a\xe7\xaf\x97\xcf\x8d{\xa2xV\xde\xab\x92\xe5\xdb\xd6\xf4\xe7\xdf\xbfninL0\xd5\x90h\xcb\xab\x99\xa7\x86rd@)P8-xU9\xbe|T\xa9{J\x80[9\xd2\xc1\xb6\xf6\xed\xe6\xee\xa7\x8c\xc8\xb4\xa4\xaf\x8fm{^H\x8aP1\xe2\x97p\xb5yN\xc6\xa7\x7f\x92EF\xd3w^\x85fQ\xd2\xb8\xa7\x9ePP\x8cb8\xa7zf\x91mI\xbdjN\xef\xd2\xc8\xd1\x82u\xc8\x84s\xc0\xa3\x90\xc5u]9#\x16\xb2]G\xd0\xab\x7f\x97~k\xc4\xa1u\xb2\x85S\xd0kK\xd7\x87z\xe8\xa3\x88\xb3aZ^E4\x96P?\xa9ZJ\xc5\x98_\xaf\x92~\xeb\xcc\xba\xd9\xb1z\xdc\xc4\xa1jUI\xa8\x98\x8c\xee\xff\xd0\xe6\x00\x00 \x00IDATx\xda\xec\x98\xffO\xda\xf9\x1d\xc7\x1b]\x9a|\xb6\\\xef\xba\xa5\xb4\x0b\xb7\xde\xa8V\x87\x96[\x8b\x05N\x84B\xb5N\x90n\x1e\x14W\xed\x07I\xd5\xab\x82\x9e\x88\xd4\xb8p\xb7\xfe@s5\x8b|Hzd~9 G\xd2Z\x12]\x181Tk\x82~LXh\r\xb6\x96\x82Fh%\xb1a\xfcb.\x08\xc9\xc5\xa4^m\xf7z\x7fh\xba\x7f\xe0\xa3\xbflO\xe0\xa3\xc8\x0f&lt;\xf2|=_\xaf\xd7\xfb\xe3\x81\x03\xff\xd7\xff\xb6\n\n\xd0\x15\xc3\n\xde\xbdE\xbf\x83\x98\x12\t\xf6\xee\xb3\xfd\x06:P\x00\xdf/\x91\x14\x16\x16\x9e\\\\XX&lt;\xb8\xba\xb8\xb8zP\xb2\xba0\xbf\xb0X8\xbf2q\xe7\x17\xcc\x02l\xff\xb10\xe6\xc1\x85\x85\xf9\xdd\xe9\xe9\x9f~\xda\xe5g2\x99d\xe65hw7\xe3K\xceN\xaf\xc5\xe3\xf1\x9d\x95\x8f\x98\xfb\xceU \x99\xdfMf\xb3y\x98\xd7\xaf_\xbdr\xe4r\xbd\xb9\\4\x9a{\xf5\xca\xe7I&amp;\xe3v;\xb93\'\xd9o\xaf\xb0\x93\xd3I_6\x99}\x05r\xc1+\xe7\xc8Es\xd1\x80%F\xa4\xa39\x1f\x80\x05\xedv\xfb\x16\x18\xb6\xaf\x95\xc4N\xee&amp;=Y\x1fr\x07^\xd1h e\x89\xa6,^"F\x84\xc3\xb1\xb4\xc1\x11\x0c\xfa|\xa4=a\xdf\x99\xf8\xe5&gt;V\x92\xb9\xba\x9b\xf5x\x1c\x060\x87 \xc2x\x04\xc7\t"\x95\n\x87q\x95\xd5j\xc5#1C\xc8@\x06\xe3q{"A&gt;\x9e\x93\xecWG2\x17v\xb3&gt;_\xc8\x92\x8a\x11\xb8U\xa5\x9aq:g\x9c@\x86[\xad*\xa7S\xa5\x02\xaet,\x9d6\xf8\xe2A\xfbFpg\x8eY\xb0?=\xb8\n\x15\x04\xabR)\xc4\xb5\xac\x02\xa8\x99\x1ffT\xcb*\x95\x13\xb0\x80+\x1cN\x84#\xb1\xb1P0\xee\xb1o\xd8w~\x83\xedG\x1d\xb1\xc2\xe9\xac/\x98N\xa5,\x01\x7f\n\xd9Ea\x01\x17P!\xefT\xe0\x1c\xaeZ\x86\x8c\x91A\x1f\xb9\x91\xb0o\x1e\xc1\xf6\x1e\x8c\xb98\x9d\x01*HU*\xb0\x1e\xb5\xa4\x08\xabs\x86\x12\xd8d\xb5\x82_V\xe72\xae\x9a\x99\xb1Z#\xde\x10\x19Ll\'\xb6\xd6\x8eH\xf6\x1a\x0b[}\x99\xc9\xfa\xc84\x01aJ\x05\xa0\x05qd\xd5\x0f\x08J\xa5Z\xb6\xa2\xabS\x85\x83\x83\x00\x19\x1e\x0c\x1a\xa0\x1f7\x9e\xac\xad&lt;\xda[0\xa8\xe0l\xd2\x17\'\xd3a+`EM9\x0baUQ\xc9\n/\x83p\x1c]U\xf0r\xa2\x8a\xc6B\xa4!H\xc2d%w~\xbd\xa7X\x92\xe9d\xd2\xe3#c0\np"\x80\x06\x16\xe1v\x83G\xcb\xee\xf1\xe1q7\x88\x88\xb8\xdd\x90-\x88\x9c\x15\xc7\xddc\xa1P:\x84\x0c\xdbz\x84\x15\xeca\x13\xce\x03\x95\'\x9e\x0e/\x87\xc3D\xea9A\x01\xe0\x08\'"\xa8\x13\xe8\xc7\xc7\x87\xf5\x96\xe1\x9e\x9eq\xf78b\xc4\xdd\xe3\x83!o$\xe2%\x83\xc1\xc7\x1f\xec\xdd\x9c\xc0Nnz\x92&gt;O\x10\xbe\nh\xd0\x90\xb2"o\xdc\xc4x\x8f\xa0\xae\xeas\x1eR\xa0\xees\x9e@ \xd0[\x04\xfa\xe7\xee\xe7=\xde17\x1e\x19#}\xbe\xc7\x87\xf6\x0cK2\xef\x01A\xe0cV4\x0b\xa0\x8e=z\x81\x00\x1c\xe2\xf1\xaeUU5V5\xfe\xb9\xb1\xb1Q,\x167V]\xbbV\xd5\xe8\xbf\xf6\xc5\x17\x02}`l\xcc\x1b\x83\xc1On\x1e\xda+\xbf\x0e\xbe\x04(O\x9c\xf4B\xb4\xc0\xa8\x1e\x8b\x1f0\xe0\xeb\x1b/4\x9e\x17\x8b/\x88KL\xa6\xfb \x93\xe9\x99\xf8\x19\xd2:|\xb6\xde\xeb\x08yc\xe14In~\xbc7\xf9b.x\xe2q\x8f\xcf\x17$p7n%\x04\x01\xffz\x89\xa9\xb9\xb9\xd9d\xea5\xddo&gt;w\xaeyrrii\xa9}i\x92\x12\xf0!\xb2\xf5\x92\xde\x9c\xdf\xe2M\x1b\xa6&lt;\xf3G\xf6\xa2\x1d1\xc9\x1a\x19\x8f\xc36\x0c\xc0f\xc6\xc7yu\x8db\xd3\xfd\xa5\xf6!\xa3\xd1(7\xca\xcdF\xa3\xcbh6*\x14\x8a\x17/\xda\x91\x80\x90r\xced\x12\x9f\xf7\x0f\x8eY#\x1b[\x9b\x8f\x98{pn_\xf5\x04\xa7|\xd9\xac\x8f z\xc6{x\x7f\x03\xa8ID%\xb7I\x95"\x91H*\x952\x18\xc2z\xadV\x0b`\x94\x90o\x08\xac\xa4D\xdc\xd6\x06G\x9e\x84\xfd\xedoi\xf7\x0b\xc3\xa6\xc9\xa9\xa0\'\x93\xb9L\xe8\xf5\xfa\xba\xf3\xbd\xcd\x93\xe0\tP\t\xa5"Q\x93\xa8\xa9\xa9I\xa4T2\x84B\xa1V\xa1\x004t\x01\xb0\xa5\xc9\xfbP\xe6^qo\x9b7\x1c\xde\xdexD\x7f\t\x17\xe3\x86x&lt;s\xf8\xa2_/\xe0\xf9K\x9a+\x86\x86\x86\x14Z\xb9\\\xc8\x00\xaf\x00\xea\xf6m\x8a\x8b\xcd\x06\xc3(.m\xbdvh\xa8\xbd\xbd\xa2\xec\\E\xd9\x1fK\xa2c\xe1\xe5\xed\xc4\x04\xdd\xa7B\xc9\x9d5C\xc8Q\x9b\xb9\xf8\xa7\xaakUbSs\xbb\x1c\x88\x84B\x06\xe3\xbfTy.\xa8#z\x80\xea\xeb\x15CC\xae\xd1\xfeS\xae\xfe\xfe\x8b%\x83\xb8\xf3\xe9\xf6\xdb\x9f\xd1\x8b\x85}\xb0\x194\x04\x1d\x99c\xfd\xbd\xeb\xe2\xb3\x9d\x15F\x80b\xb3\xd9\x0c\xa5R\x89\xa0\xf2\x02*\xb0KX\x0fBPy,\x97\xab\xbf\xa8\xa8\xe8\xe8\xaf\xae\x13N\xe7\xd37s\xb4\x9eq0\xe6\xdc\x93\x90\xc1q)s\xf8hoo\xd9\xa8+O\xc5`\xb0!\xe7M\xdd\x00\x84\xc4\x91*\x19(\xf6B\nK\xab\x15\x02\x96\x115h\x91\xb1\xa8\xb4\xfc\xa2\xd79\xf3\xf4\xcd\x04\xbdXG6\xedd\xc8\x91=|\xa6\xfc\xf8a\xb3\xb9\xe1}\x05\xa5\x1cNw7\xa7\xa9[\xc4\x01*`\x04V\xb6\x90J\x97BA\xb9e\x04\xbb\x8a\xccf\x99\xech[X\xb5\xbd\xbdFg\xb80\xe6\x04\xdc`\x85\x1c\x99\xdf\xa9\xb9\xb2\x87\xd56\x9bM(D~\xd9l\x80\xc5\xe9\x16\xa1G\x1e\x0b\xb8P\x15Q\'B\xe6Q\x11\x8d\xae\xa2"\xf3\x19Y\xb5\xec\xe2`d\xfb\xe9\xd6\xcf\xe9\xc4*|\x9b\xb0\xa7C\x9f\x1e\x95\xf1\xd5\x0f5#\x80%\xa7\xd4`ki\xe1P\xea\xe6\xe4\xa9\xa4lTC9\xa2z\xa1\xa8W\xb4\xbb \\F\xb3\xb9\xb4\x9a\xcb=|9\xb2\xbd\xbdq\x87N\xac\x8f\xb6\x12\xe0\xd6\xa5r\xf5\t&gt;\x9f\xaf\xa9\xb4\xc9!3F\x05L\xd2\x16\xe0Bd\xe0\x15\x94\x14y\xc5~\x17-\xc4e\x84\xc9\x86\x8aXd\xae\x06\x9b?\xf1\x86\x97\xdfL\xd0\xd9\x88\x87\xb6\x12\tC\xf0*\x8b\x7f\x02\xb8\xbe\x1a\xb1\x19).\xc0z\xcf\x05^\xb5\xb0m\x00\x05\x92\xd7\xcb\xe5\x08\x0b\xa6m;\xec\x01\xc8Vi\xb5Z\xcd\xed\x08E\xb6\xdf\xac\xd1\xe9\xd6\xc7[\x91\x84}\xea*\xab\xf5\xc4\xef\x81\xab\x1a\x80\x90l\r6\xaa\x8a\xdd\x08\x0b\xd9\xc5\x86N\x14"2\xca0\x18\xf2\xf0@~\x81Y\x1a\r\xb7\xdc\xe1\x8d$h\xc5\x92\xbcMl\x18\x10\x16\xff\x04_\xa39\x93\xa7jh\x90\xdb\x18-T\xe6\xa9\xbc\xb7\xd8 [\xd0\x88(^Zj7\xa2}\rn\xb9\xce\x8c\xa85|\xae\xee\x92!\xb2Ak\x11\xb1\xb5\x8d\x8d\xb6\x07\xb5\xac\x9aV\x88\x96z\xa4A\x0e\xeb\xa5\xde&amp;\x84q\xfa\xb5\xa8\xbb\x1b5\xa2\x92\xca\x16GJ\xb5\xa20?R\x15C\xd4Y\xa2\xddU\nT|uy\xc7_\xbd\xf6G\xb4\x9e\xb9V\xec\xf6\xa9Z\x1dk\xb6\xa6\xb5\xb5\xa6f\xa4\xb8\xc1\xa8\xa5\xe6)\xcc\xf8w\xd3A\xa4\x04\x1c\xf6\xbb\xdc3\xd8\xf9!\x0f\x03\x02\xc8\x86\x10\x96\x86\xafFvm\xd1{\x0b4\xb7E&gt;\x00,.\xb7\x86\xcb\xe2\xaaGl\r@\xc5\x90\xe6\xd7a\xd3?`\x9c\x8a`\xed\xd8\xe0OR\xd8?\x0c%[+D\xa6i)0WQ\xa9\x1a\x99\xcceu\x04\x9f\xd0\x8a\xc5\x9c\xdb\xfa7\xc2\xa2T\xa3~X\xdc\x00\x15\xcc\xefC\xb4\xa2\x01\x8c\xa3\x94\xc22\xa2f\x18UOe~\xe0C\xc7R\x89\x87D\xaa\xd5,\x9d\xe3\xc9!Z\x97\xcf{,\x9d\xae\\\xc6\x1d).\xaed\xa0\n\x02\xd7m8;\xa0\xad\x98\x87\xe1|-\xe2\xe4{\x92\x1aa\xb0\xa2\x00\xac\x94\x8b\xa2\xa5\xe6rYWw\x0e\xd1\xeb\xd6\x93\xa9\x07\xb5]:\x84\x05\xa5|x\xa5\x92j;\xa5\x14\x05\x1e\x89ba\xfc(\xcd\xafF\xb4\xb0\xe56\xa1\r\xb0\x80\n\x99u\x82\xc2\x92\xd5\xee\xdc\xa13\xf2\xd8\x04\xc2\x02.\x9d\xee\xa8\x8eU\xa3\xf9\xaa\xd2fC\x8bZ\n\xf3\xe1_\xd48\xe5Ha\xb0\xfe\x88~\x83\x9f\xb0\x9d\x1a\x1a\xe0\x89\x86\xaeK^\x8a\xb0\xa0\x86\xc0\xa5\xdb\x99\xa3\xf5\xbc\xb5Ba\xd5\xd6\xeat]\x08KS\x89Z\xce\xc6\x80\xef\xaf\xbcR\xdc\xd7g.\xael\xa9li)\xae\xfc\xe6\x9b+\x95\x7f\xb8q\xe3\xc6\xe8\xa8\x11NY.W;\x1ck\x10\x16$^\xa3fqY\x1eZ\xe7\xd6\x01\xe4\xd6U\xb0\xab\xa3\xabK7\xdb\xca\x1f\x81\xfa\x0c\xb5\xf7\x97\x95\xf5\x97U\x9cjn\xee\xbc\xd59\xda\xd7W\\\xfc\xf7/\xbf\xac,\x1e\xb8\xf5=\xbcoF\xf7&lt;\xbd\xa6g\xa6Se.\xd4\x88\x90y\r\x84\xcb\xb3\x82\xd1]\xc4\xab@U[\xdb\xd1\x01\xb3\xbe\xba\xc2\xb4N\tn\x04\xd7\xab\x1a/\x9c=\xfb}\xe7\xdd\xbe\xbf\xf4\x99\xfb\xfa\x06nu\x9e&gt;}\xfa\xac\xd8\x0f\x8a\xae\xfby\xfe\x9c\xa9_\x86\xec\x0245\xab\x96~,\xa8b\x07Pu\xcdjF\x8e\x9d\x0f\xf0,&lt;\x81@\x8f$\xa8\xbb\xfc\xdd\xb7\xa7;\xef\x0e\xdc\xbd;p\xef\xde\xbd[\xb7&gt;&lt;\xfd\xd9\xf5*\x1e\xf5\x8f\x08\x8b\xc5\x12\xf0\x97\x1c\xe3\xa2\x1d\x0f\xf9\xe2\xd2\x8b\xc5\\\xc9cuut\xe8X\xadj\xd9\xa7\x01\x8b\xde2\x06\x1a\xee\xe9\x19\xe6\xddl\xfb\xe7g\x1f\x1e\x07\xa6\x81\x81\x81\xbb\xf0&lt;~\xe9\x93\xefn\xf2\x86\x87\x87\xbdc\x83\x83\x83\x82\xb1\xeb\x97d|j\xc7k\xb8\xb5/i\xbc\x83-\xc0\x00\x0b\xaa\x08EDX\xb3\x1d\xd7\x07o^\xbe\xfe\x1fZ\xcd?&amp;\xcd\xfc\x8e\xe3[\x97\xb4\xe3\x8f\x85t\x9a\xdahR\x03\xc7Y\xaf\x8eb\x11)\xcf,u\x1e\xf6\x81\xebU\xe1\xa2\xe2\x95I\xd0\xee\x14"\xcf\xed\xfa\xb4\xe1w\x11b\xe1\x84%\xe5\x11E\x19\xd9\xa0\x0f\xb3\xc4\xe7\x84\x10j\xba\x9e\xb8%\x85\xd0\x98fMG\x96\xacv\xcd\x96\xd0%F\xdb\xb3\xe6\x12gjsM\xba}\xbet\x7f\xec\x7f\xd8\x97\xff\x08\xe8+\xef\xcf\xe7\xf3\xfe|&gt;\xdf\x07\x89D\x92\xee\x92\xabT VZ\xd2\nX6\x1c\xb7!\xb2\xdac\xbdM]\xf2?\xa0\x8f4\x9ed7^\xbd\xd6\xd7\xc2\x15\x08\x80\x0b\x82\xf8\xa4\xf3\xff\x10DHyh\xd7+\x01I\x93\x08\x12\xa8U\xd2\xa5F\xc1j\x97\xfb\xd4\xc1V/\x94#\xa6T\xda\xcc5\xbd"i\xc7i\x90Q\xd5\xd1-\xea\xad\xad\xa9\xa9iV ,\xa8\xc6*c\x1d\xf8\n\xa9\x85\x8c\x8b\xb32\xb2b\x18\xae\xafg\x8b\xba\x07:&amp;T\xaaxjyyy\xae]\xae\x16\xe9\xcd\xe0Z7n\xd8\x8e^l\xeah\xff\xfc\xd6\\&lt;\x1e\x07%\xbbzj\xeb\x842qY,\x94[O\x1a\xaa\xeb\xf2\x1be,\xd0jde&lt;\x00T\x03\xed\xf1\xf8\xdc\xcd\x9f\xff\xf9\xe6\xf2\xd4\xd4\xe7sqy\x97(\xac=s\xe6\xc8\x8d\xf7\xce6\r\xb6\xc3\x1b\xaa\xb9\xa9[s\xaa\x89\t\x9f\xa4FX\xa6B\x8eZ\xdd\xdcb\xb1~\x87\xb0\xc0!8@\xc5\x19\x8f\xb2%\x1d\x90\xd0\x7f\xfaM\xf1\xe5\xcb\xe2\xd3\x9bS\xa9\xd3q\xd5dw\xf8g\x9f\x9e9\xf2Q\xdb\x17]\xaa\xd3\xa7\xaf\xcf=-\x16\xef\xde-\xceM\xa6\xd5\x12\xd3\x88@\x07X\xd0\x7f\x14\xe7\xfeZU\xac\x1f}\xf7?X\x86\x80h`\xf9\xd6\xd3go_"\xacog\xa6R\x13&gt;\xf9d\xb7\xf3\x93O\xcf|\xf0\xf1R\x93\xfc\xb3\xd1\xf6[33\xc5\xb7\xc5bqfc\xb21\x12\x95!,\xa8C\xc5\xd8\xb9\xafX\xd5zx\x80\xfe\xd0\x0f\xbf\xd9@9\x0f\x0e?\xc21\x8c\xb1\xa5\x9f-\xdfz\xf6h\xe6.P\xbd}\xb4\x11\x8f\xfb\xba}\xbe \xe9H:\x00K::\xea_\x9e\xfb\xee\xdb\xe2\xdd\xe2\xab\xb7\xff~\xb219(\xe1\x88\x01k\xa8_\xd1r\xe1k\xd8\xf6\x1b\xaa\xc3\x85\xb0:\x9f\\\xbav\x12a\x89G8\xe3\x81\x9e\x01U&lt;\xbe\xb1\xf1\xe8\xe9\xabb\xf1\xd9\x86;\xae\xf2uw\r\xb6*\x1d\xc9\xa4\xe3\xa7\x0f\xa5\xa3\x03\xf2\xa9x\xe4\x11D\xf1\xd5\xcc7\xe3\x8d\xe9\xee`F\xac\xd3\x01VK]\xef\xdf\xfe\xf8\xe3\xdf\xeb\xeeU\xa3\x1a;\xef\xe5\xf3\xf7\x0e\x01V#`\xc9\xc4b\x99aX\xe2\x9b\xf0\xa5%\xe9\xf4\xc6\xcc\xb3/\'\xdcn\xd5DWD\x9d^8\xb2\x9e\x9cv|\xf0+\x91\xbc\xc3\xef\x9f\xf0G|\xbf\x9e{\xb6\xc1n\xcd4KD\xd1!H\xf9~a\xcb\xd1\xab\x8f\xfe\x19\x8d9W\xdf\xaf\xfc\x16\x95u\xf0\xcd\xfay\xab\xe0\xc9\xc6\xa0\xe4\xe49\xce\x88@0\xc2\t4\xa6%\x8d\xc3}\xe9l$\x1d\xf1M\xb8U\x90\xef]\xddz+\xdf1\rX\xca\xa5\x81\x0e\xb5\xda\x0f\'\xab\xce\x06_De\x196\xbbF\x08&amp;\xdf\x7f\xea\xf0\xd9\xc9\xdb\x92MF\x9b\x7fP\xe9M\x04\x8b\xf5\xfd7\xf6\xbd\xf3\xe7\xff\x1e\x8etH\xfa\x02\x80\x05\x85n\n\xd4\x07\xa2\xd1\x80$\x92N\x97\xb9\xdc\x93\xd0\x13\x9dZ\xa3\x11\xb0\x8e\xdch\xbb"\x1d\xf0!.\xb5\xba[\xc4\x8e\x8eE\xdf\xd9)w\xa8\xee\xc4\x17\xf2\xd7;%\xab\x91*\x1c\xaa\x18k\x8b\xd9\x9e\xa5\xd1M\xe8\x9d\x1e\x84\x05v\xcd\x9d\xb7-D\xe1\xdf\xd5\xb3\xa1\'\xa7\xd3ju$-\x8a\x851O29=m\xfc\xe4Fx\xe9\x8aT\x1dQ\x03TP\xd4\xca&gt;VS\xd7\xdc\\\x07j\t\xc4-\'.J7\xb7)\xa3\x96\xa6\x1eT\x98\xf5,\xd6\x9b\xd2\xe2\xe2"MS\xe7/\x9f`\x97\xb1t\\\r/\xd4\xd2\xa2\xa8\xab\xa9=V\x8f\xec^\xd2\xea\xf5:\xb1\x82k\xd5\x98\x9cN:\xb4\xb6\xf0\xd2\x1dQP\x12\x84#j\xad\x07\xac:\xc5\x87\xf3\xc8!Z\xce\xfe$\xb6D&amp;\xf9$S\xda\xaa\xf0\xc7\x1b\x80\xc5,\xea_\x98i\nW\x1e\xee\x1b[AX\x82\x02\x86i0,\x14\xb2\x99\x9b\x9b\x17\xbcz\xaf\x93t\xe2@\x85\xb0\x8c\x0e~(\x1c~\xd8\xe6\x8d\xf5\xf4\xea/\xea\xf5^h\xe0\xa7\x00\x8b\x0bX\x8a\x0bu\xef\xe1\xc6i&gt;]*\xadV\x9c\xf1y\x86y\xae\xb7,$H\\Qk\x80\xadZ\xa0\xd3\x15`~\xe7#0[\xc8\x02\x13C\x88g#y\xef\xb0\x92\x8eu&gt;f\x0e\x87\xc3$\x8c\xcdao8\x0cs\x8e-\x14z\x875\x7fx~\xbeP\xd0\xf2\x99\xd2\xae\xa7\xc2\xdc:\xd0\xe9)\xd1\xf4\xfdP\xe2~\xc2"\x1c3\xc8d#\\]\xdeUp\xf1at\xc7x\x98F\x13\xe2\xc1\xb1\xd94\x05\x97\xcbU\xc6\xd2b6s\xd8I*aN\x054\xa7\xcdf\x0b\xf14\x80\xa5\x13\xf4\xd7\xd9]\xae\xcb\x1f\xf1\x1f\xee\xeeZ;+\xb5\x07+`%B9Kb\xc14\x86.!\xa0\xbf\xe9V]FXp4Z\x8dGCh4\x04\xcf\x86{\x80\n\xa5&lt;\xc2\n\xd9\x9cN\x9bRI\xf2\xac$\x1c\x9c\xc7\xd3\xd8\xed\xf0%\xc1|3w\xb5\xf0\x8b\x8f\xf9\xce\xdd]\xeaP\x85X\x0f\xa8\x12\xf3&lt;a\xc9e\x16\xbc\x99\xf1r\xf3\x01\xb9V]\xb0\x85!\xbd@.\r\x14\x00\xce+c\xc1&amp;\x9bt\xf0\xf9\x98\x8d\xbcL*\xe1Xq\x1c\x07,M\xc1\xee\xd2\x01\xd6\x87G\xc5\xab|%\x89\x91\x95\xab\xf5\xbd2V.g\xb1x\xd9\xc3\x86\xf2`\x03S\n\x17\xd6.\x1e\x0f\xc7C\x84\x07\x8e\x86\xc0qO\xa1`|\x87\xe5\xe0c8\x88\x84\xa8\x94\x80\x85\xc3\x92fw\x81X:\xee\xa9\xa3C6z\xcf\xaa\xdd\xdb\xdd-T\xea[\x87&lt;%&amp;A\xe4\x12\xb1\xd7~\xb6\x01&amp;f\x88\xe2\x88xh\r\x95\xa1\xc5\xf2\x0e\xcb\xa3!q\x0f\xdf\x88\xb0 \xb9`\xc3\xc6\xf0\xb0\x13\xa9\xa5\xc4\x95\x10B\x0c\xf2N\x97\xcf\xeb\xc4\xcd\xc7\x8eon.9\xb5\xda\xdd\xdd\xad\x8a\xdb\xf4\x16]J@f\xcd\xbev\x07\x0c\x81\xb12\x96L(\xb4@\t\xe6\x08\xd8\x0bQz\xf1\x12\x84\xd1\xe8J\x1a\x81*\xb9\xbe\xce7j\xb5N/\x89\x98 \x8a\x08\x0b2\x0b\xb0\x84\xbd=\x87wv\xb6i\xabv\x97~\\\xa1\x9d\x1e`\x1d,\x94\x12&lt;sB\xefO\x0bM=\x8d\xe32t\x84\n\x8b\xc9b!\x08(C\xd0Kc\xb1@f\xad\xba\xf8P\tFX\xf8\x0b\x05&gt;\x86\xd6Y\xbc|B\x98\xc7\x85\xb0\x04u=\xbd\xc7c;\xdb\x0c\xb5WrU\xfc\xfb\x03V\xc3\x16C\x13fz\xd6\x1f\xb0\x9b\xae]\x1a^\x91\xc9V\x84\n\x802Yr9\xf0\x06(D&lt;\x91[\x85\xe3!\\.\x88(\x81\xb2\xdf\xb5\xa0\xff/\x15\x12\xcb%\xc8\x03V\xad\xb4\x17\x0bmn\x82\\\xccV\x15\x1e\x1a&lt;&amp;\x18\xc2\xc9lgs.\xc5\xd5\xc9\xafa\xc3\xe0\x08\x15\x193\xbc,\xa1\x10\xec:\xa0\xa43\xe7\xc9Y\xa0*rp\x08\xa0\x00\xe9\xcc\xb3^\'\x8a`9\x86P\xbb\xf9&lt;\xb7W\xda\xc3+l\x83\\\xd6\xc4\x83*\x0c\x82\x9dy\xdaJ1\xb3\xadkv\xc5\xe0\x97\xb7e#\xa0\x96\t\xecb!c\xc9\x11@\x85;\x9d\x89\x04\xed\xdf\x8f\xa7\xef\xc3[\x10Z\x93\xc4\x17$\xf4Wb^3\xc2\x02_C\xf6\x90\xcf\x0f\xf5\xfc\xe5,\x86m\xeel2\x94\xe7`\x15\xc6\xd3\x86{\x14E1\x8b/,k\x8a\xc1\xc9\xdb\x9c\x11\x19\xc7d2e\xa2e,p\t\x10\x8b\x82\x82XN\xc5\xb3\xf5\xc7\xa2\x19K&amp;\xbb\xbf\xffz6x\'\x06\xad\x12\x07\x83\xb7\xaf\xd9\xb9\xc8\x1f\xfa\x9b\xfe\xd1\x86\xc5v\x10V\xbe\x1a\x0f~X\xef\x13V+\x03\\!\xc5U\xf9\xa5sH,\xc0\xca\x802\x04hE:\x9d$I-\xba\xe3\xd9l6\rsLk$\xed\xdew\xfb\x83\xb1%\xe8&lt; \xd7\x9a\xdd\x0eX\xd0\xdf\x85\xd2\x81\xb3\xb6M\xc0\xa2\xa9\xadj\xcc\xf2\xac\x06\x1d\xb5G3\xb3\xb3\xfa\x8cD%\x1f\xe6\xac\xc8VL\xa6h\xd4\x14\n\x11\xe5\x10RV+\xfe&lt;;\x01\'\x9b\xf5\xb9\xe3\xfb\xaaT\xca\xad\x9e\xd5\xb7\x85/\x93&lt;\xac\x8c\xe5\xe2\xc2\x14\xd8"\x1d8j\xde,-\xd2\xd4\xbf\x1eT\x05\x8bu\x8f\x82\xec\xa2\x9c\xb1\xda&gt;\xf9/\xfb\xc6M\x06\x0eR\xcb\x14"\x90\xd5\x93N\xd2j\xa5^\xf8\xf7\x97S\xa9\xb8\xdb}\x1dv\xec\xa9\xa9\xeb\xfe\xa0\x1e\xb5k\x1eA@\x08\xedb\xae\x9d\x0bXW\x8e\x13\x0cM1\xbb\xc4\x0f\xaa\xb3\xf8&lt;&amp;J\x8c\xd5\xb1Ggj;\xe4iv\x14]\xa1\x9aL9\xe1\x9a]\xc3\x03\'\xc7I\x8a\x0e\xbaSS\xc0\x93\x8a__N\x01\x16\xc8\x15\x0b_V\xa2\t\x03\xd4B7[b\xb1\xa2\xfb\xe2q\rn\xd5n\x97\xb6\xaa\xb4\'v\xae\xd2\x8b9\xc7:A\xd4vL\x0eF\xd8\x81q\x8e\xc9`\x92\xad\x01\x16\x06\x83\x02I315D.\xb5|\x13\xd0R\x08k\xea\xfa\xa8t\xe9\xe1o\x01\x0b\xa8\xd0=\xa0x\xa8\xffpSO\x18,\xc3C\xe7\x1eWiOl\xd82\xae{\x08\xf0\xa4\xe6k\x83\x93\x11Ic`\xdc`\x10\xae\r\x01\x15OI\xd2K\xb1m\xa9\xdf\x0f\x8bc\x19\x08\xc5\x10\xe95*\xbdr\'\\\xc6\xe2\x0e\xc98\xb0\x8c]h\xba\xd3\x06\xbd\x12g4\x07\xffC\xcb\xf9\xbd\xb6qeq\x9cn A\xa1a\xd6\x95@\xee\xb8h\xec\xb8\x91D\x14\xa6\x92\xa2\xa9\xa6\x0c\x92\x19y\xb2\xa3\x07I\x0c\x8c%\xe1\x10\x882H\x96\x15\xd6\x12Xk6\x0bS\xd5\x92\x1aUzQ\x11\xaa]K`7&amp;\t\xee\x968\xa4\xdb\x9a\xd6\xc9\x1a?\xac\xed\xc4l^\xc2n\xb3`\xcaB\xc2\xd2$\r\xfb\xd4\x98\x04\xfa\xb2\xdf\xab\x96\xfd\x0b&lt;\xc7\xfaa\xe9\xc5\x1f\xbe\xe7\xdcs\xcf\x999\xd7\x07\xd5\xbe~w\xfb\xe1\x0b\xa4\xcb\xb3\x7fbD\xc8\xd5\xe1S\x17gFGw\xce\xbew\xf6\xed\xb7\xdf_\xfa\x1a\x1dE\xa3\xf1\xaaTR\x96\x89d\xd5\xe5e\xff\x8d\xbd\xbdj&amp;\xfe\x00^#\x11\xbf\xe3\x9d\xf1\x8e\xb9l\x85\xaf\xff~\xe9\xd3\xf7?\xfe\xfc\x83\x83\xba\x94d:|\xfb\xe1\xc3K\x97~\xff\xe1\xfb\x05\xb1\x96\x14;\x1dw\xf3\xd6\xcc\xcc\xce\xce\'\xef\xbd\xfd\xe9\xf8\xf4\xf8t\xa0\xdd\x0e$\x9e?\x0f\xac\xcf\xc2J\x8dD#\x93Ns\x99L\xbc\xd07OBktfq\xc6\x1b6\x8f\x03\x0bq\xf8\xf1\x93\x83\xba]m\x1a\xf9\xf9!\xb1\x17W\x1e\xc4+E\xb1^G\xdc/N\xee\x90\xea&amp;8=]\x18\x0ff\xb3KK\xd9+WV\x9e\xef&gt;_Yi\xc3\x12dd\xea\xfb@0\xbcs\xee\x1c\xb6*u\xd1\x15\xee\x1b\xff\xfa\x8b\xdf\xfd\xed\xf6\x07O\x8e\x1c\xd8\xcd\xfd\x81{\x1f^z\xf1\xf0\xc5\xc7_\x04\xc4\xa4\x9e X\xcd\xc5\x89\xd1\xd1\xf0\'\xfd\xe3\xd3\x0f\xa6\x83W\xaf^^Zi\x83h\xe5)y\xfet9\xbb\xe4v\xdb\xbf\xff\xfeAp8\xb43\xe6u\xa6Xj1l\x19\x0fZ\xcf&gt;9\xf1\xddA\xde\xda\x1f\xd8&lt;\x8e\x9a\xeb\xfa\x16\xa3\'\xf5N\'\xc1\xabtj\xf2\xc2\xe8\'\xd6\xd8\xb8\xfdA\xe1\xf4ewkw}\x1f\xf6\xc3\xee\xf3\xdd\xfd\xdd\xf6\xb3\xec\xd5\xcb\xb6\xf1\xe9i{\xb0\xcf\xe5\x1d\xf5:m&lt;O9)\xdf\xe4\xc6\xbd#\x07;\x82\x8a\x9e\x7fscc\xe3\xee\xfd/\x8bX\x89\x89\xa2\xbbE\xa1\x0b\xf2Z\xa3&gt;\xc9\x1e\xa5\xdb=\xa6\xfdW=\xdb\xdf_\x07\xd8\xd6\xd5\xec\xf4\xf4\xb4\xdb\x12\x0e{g\x16i)\xd1\x8a\xfa\xf8\x0bX\x82\x07=\x11N\xce2\x98\x06\xee\xfe\xa8\'y]\x14\xe3\x12\xb5\xf8\xed\xe8\x8c\xd9\'\x05$\xfe\xe6\xfa\xfe\xe3\xc7\xff\xfe\xbf=~&lt;\xbb\xbf\xbb\xebN\xbc\xfao\x80\xb2Y\xc3\xde\t\xb7\xcf.\xfa$\x89Y3b\xf8\xb4w\xca\xe2\xb5\xfbZ%)\x8a\x1d9\xe1\xa6/\x8e\xbah_@\x94\xb0\x0f\xfe\x8a\xf3\xf8\x97W\xd8\xec\xe3\xe5\x97/_\xfe\xb0D;\x9d.\x9b=\x00I%1u\xd7\xa8!ur\xf5\xad\x06\xae\x9bE\x89\xa1R33\x94=.&amp;HRX\xdf\xdd\xdd}\xfate\xf7\x17\xc3;\xea\x89W\xaf~\xa0l\xb6\xa6\xd3\'\xc5%_\xd4n\xbf\xf8\x86Q\xa3\xcd\xa6\x81\x7fj\x15\xb1(\x16y\xf8\xa49\t,1!\xcf\xae?{\xb6\xb5\xb5\xf5\x13\x8c,\xc4\x95\xa7\xe4\xd3\xd6\xb3\xa5V\xbb\xd5\xa2\x9d\x13N2\xcf\x18\x8dEcCo\x195\xa9k2\xdd\xfdR\xd3y\xbe\x93\x94\xeb\xac\xadis\xdb\xa5D=\xd1\xeaa\xf5\xc0\xa0\xd8\xd3\x9f\xb6\xae\xff\xf1\xd6\xad\xad\xecR;\xd0\x90,V\xb3]\x92\xe0D\x9f\xfa\xe8\xb0q\x03\xc4\x83g\xb4bQ\xac(\xcb\x15\x86\xa2@\x15\'W\xb1h\xcaM_\xce&gt;[\xe9\xd9\xd3\xeb\xd7Q\xa2ne\xb3Y_\\H\xf8\xcc\x91\xa8\xcf\xee\xb33Ld\xcd\xb8qk\xd3\xa1\xfb\xc9J2\x99\xac+\xb2\xc8\xf3vQ\xce\xc8\xadV\xcbMQ4E\xbb\x91\xdc\x1b\xf5\x0e\x8f\xacu\xf5*\xf2&gt;bJ\x16\xa4\xa8\xbd\x00.\x89\x89~s\xd78\xb1L#\x08.M\xd3;\x88\xfbb\xb1\x18Os\x82D.\xfa\xb9}\x92\x98\x10dY\x16*u\xb1Ec/Zr\xfb\xe2\x19.\x13\x87TQ{\\b\xd4\x1f\xdf0\x10k`M\xcfk&lt;\x9f\xec\xe8"\x12\x85\x90\xe6\xe4:RWKj\x89\x82\xa0\xf89EV8%\xde\xb2Kvd\xb4x:\xc7\t\x05d,^w\xf3\xec\xa3#Fbm|\x93\xcf\xc3\x8dZ\xb2\xa4\x91{\x99S~E\x10\xc4\x04\x08e9\xed\x9f\xf3s\xfetF\x08\x10\x8bg\xd2\xb9\\\xfa+\xf0\x89&lt;K\xabg\x0c\x1eM\xbf\xf8\x9fZ&gt;\x9f\xac\xa0\xee\xba\x99\x94\xfd\xd7r\xfe*\'\x0b\x82 g\x14\x7funj\x0e\x9f\x1ad\xd2Y\xce\xa4\xf7\xf6\xf6r\x82\xe8cx\xb8P}t\xc8d\xa8Z\x93g\x925`i\x9d\x8eVQr\xd7\xa6r9\xbf"\x03*]\xad\xf6\xcae\x14ZX\x08B:]\xdd\xdb\xfb\x08X\x0c\xcb0\x0c\xab\xae\x19y\x0e\xc94\xb214\xa9V\xf2\xc9mM\xeb$\x81\x95\xcb}4\x05\x12\x99\xe3n\x80\xe9\xb3\xcf&gt;\xfb\xa8Z\xbdQ\xad*\x99t5\x07\xb5\xfc\xc023,\xcb\x9e\xd90\xf4x\x14\xb0\x86.v\xf3y\rz%+\\.G&amp;\xe6\x15D\xba\x92\xbeAnx\xa2\xfb\xa9\xfe\x05%s\x9a\x03\x17^\x85"\xd4\xe2\x99\x94w\xc3X\xb5\xd6\x86\x86&amp;X\xad\x96\xafT\xb4J\x85\xdc\xbd\xf7W\xabip5\x1a\xed\xf6\xec2l\xb6\xb4\\}YM\xc38\xa8(\x14y\x86\xd1\xbb\xd6y$S\x03\xb9\x0e\xad};dm\xb2\x95\x05\x12\xf7I\xce_\xf6\x03\x8bC\xbeJH\xedv\xa3W\xcb\xaf\x97\x94\xd9Y\xae\xf7\xa5,$\x8b,\xab\xeb\xa9\xf9s\x86bA\xado\x87\\\x13\xcdnmu!\x9f\xcc\x939\x07\x8eK+r)\x91h\xac\'\x1a\xa5:\xda\xfdu4\xfeX\x00ir\x0eB,2*\xab\xb3\xae\xf9\xb1\xf3G\x0c\xc6\xf2\x02+\xa5\xd7\x88^\xe5\x05\xae\x9cQ2X{\t\xd8z\x03R%\xea\x8dFiV\xa9\x12,Q\xd7\xf5nQc\xcc\x8e\xf9\xf9wN\x18\xe9\xc4\x915\xaf\xd7\xe5\x9c\x98Hu+\x0b\xab\xb5Zm\xae\x8c\xa4\x05\xae\x06\xa8\xea\xf5\xd2,d+\t\x10+\x9dV\x04\xd4?\xbc\xaem\xb3\x96\xe1P\xc8`\xac\xa3\xe7\xc3a\x97\xab\x99J\xa9\xdd\xfc*\xb8V\xb9;\xb2\x0c\x8a\x8cP\xaa\x97\x14E)\x95\x12ut\x89\x08y\x19\xbbfW\xedj]\xb3y\xd8\x11\x9a?~\xcfH\xac\xd7\x1e\x11\xac\x89T\x8ae\x8b\x84k{\xc1_\xae)9\x84\xbdB\xa0\x90X\x05\x81\xf3cmf\x04\xad\x17\xee\x8c\xb9\xbf\x0fX\xa1w7\x8d\xc4:q&lt;\x14rY\'R*\xcb2z~u\xa1\xb2P.\x97k~\xa4z\xce\x8f\xe0\xf7c\xa7V8d\rd,-\xa9\xe9\x0c\x1b\x89\x98\xfb\x87=\x9e\xd09C\xb1^{7\x8c\xd8r6\xc1\x85%\xb6\x8d\xe8\xaa\xad\xae\x96W\xa7\xc8\x08\xd0\xd4\x14vH\x02\x08\xc2;w\xbe*\xea:\xa0`\xfd\xd0+4\xf6d\xc0\xc0t\xfa\xdd\x058\xd1\xear"\xb8 \x18\xc0\xf2\xb5\x85\x85U\x10\xc1\xae\xc1\xf0\xe6\xcf\x95\xb9r\xf9N\x12P\xa9H$F\xe4\xea\xf7\x84\xe6\x7f6\xf0\x10\xac\xe9\x8d1\x84\x96\xcb\xea4\x83\x0b\xdbJ\xb7\xabk\xb5\x85U2/\xd5\xa3\x9a\x03\xd8\xaa\xdf_\xbeS)\xb2*\x98\xa2\xd1h,\x16\xec\xb7zB\xa15#\xb1\xee\x8d\xf5\xc4\xb2X\x9a6`\xa18`\xbb\xc5m\x80\xcd\xcd\xfd\x83\xa0\xa1\xb2Y]X\xc8ow\xd9\x88%\x12\x8b\xa1\r\x8b\xfab\'O\xf5A\xad\xf3\xc6a\xfd\xc6\xb4\xe9\x85ZN\xb3\xc5\xd6L\xb1\x94\xcab\xc3c\x01\x06O\x12\x9cZ\x19H\xf9m\xad;1A\xfcGjxT\xf2\xc1\xc8\xc9&gt;\x8fc\xfe\x9d\xc3\x86b\x85\x80\xe5\xb4\xa5\x9a*\x9b\x82`L\x17\xa1\x0fOb\xf3&amp;\xc5!\xca\xd6\xa2\xdeeR$\xa8\xa2\x05t&lt;\xf6Ba&lt;x\xba\x9f`\x9d0\xb0\n|\x12\x0e9&lt;V\xa7\x05X*K\x11\'\xaaj*EBL\xd3D\r\xa9\n\xdb\r\xbeD\xa0\xc7\n\xd0\nj\x15b\x11\x82\x15z\xf7\x9e\x81X?\x87\x1d\x0e\xab\xb5\xcfi\xa6)\x95"\x8b\x11\x8f\x14\x92&gt;\x00y\x82\xd6\xc3B\x0bM\xb0\xa4@@\x92|\x85X\xecT\xdf\xb0\xc7X\xac5\x8f\xc31\xect\xf69-\x14MC-\x1f\xe4\x02V\x13\xee\x04\x17~ \x15\x83\xd5\x07+\xd8\x89\x15\xec\xb1H\x0f\x0b\xf9\xd4\xa8V\xdf\xf4\xd6q`y\xac\xfdN\xa7\xd9F\x86F\xdc&lt;B\xbe\xd9\x84rha\xd1.2D\xbf\x18K\xa8\x10\xf0\xc4\x90!N\x9e&gt;5\xecq\x8cm\x0e\x18\xc3d2\x1d\xf9\xd7E\x87\xc3\xe1\xf2x\x90!\xe0F7\x05\x8d\xdcj3E\x00\xdd\x04\x93\xb2\xa9`\x8a\xc6\x82\xc8X\xa4Y\x84Z\xd1h\xf0\xe4\x1f\x86!\xd7\xda\x91\x81\x03\xdf\x7fz\xffBd`\xe3\x8c\x15by\x1c\x08.\x12]T\xafNG\xc8\xab\xb4\xcf\xfd\xccF\xb5\xdd\xb4\x05\x9b\r\xa4\xeaa\x11\x0f\xda\xa3\x85\xf1\x93\xc4\x89\x8e\xf0\xfd\xbb\x83#\x07]\xd0\x83i\xe4\xe8[\x17\xfaIha\xe7\xed3\x03\x8b\x86X&gt;\x9e\xa1(p!\xd2hz){\x19*Zzh=\xb5\n&gt;\x92\xb7NB-,\xc5\xa1\xbf\x1e\xfb\xed\xe0\xa1\x91\x03=\xac5r\xf4\xf5\xc1\xc1\xcd\xc9&gt;\xf8\x10T\xbfb\xd1n\x86\x87#\xddj\x8aViz\xcb\x96\x05\x96\xd9l1G"\xc1X\xa1\x10\xc5#\x1a-\x04\x83\xc1\xd3=\xac\xc9?\xbfy\xec\xcdc\xc7\x0e\xea\xb4\x16\x84\x1a8:88\xf8\xfa\xe0\xa6u\x18X\x9e\xe1&gt;\xab\x15\x7f\x9c\xc4&lt;\xa4bx\x8aR\xf1+Mg\xb3\xd9\xfe\xff\xb5n\xfe\xbcm[Q\x14/A\x91~\x11\xffX4I\x90\xb4%\xd5\x86@D\xb05\xd8P\x86N\x0e`\xc0@\x06\'\xbb\xa7 \x8b`h\xd6W\xf0\x9a\xa5@\xa6d\x91\'\x7f\x80\x00\x1edtT\x07\x8d.:{\xf5\xa7\xe89\xf7\xbdG)H\xd36m\xaf$J&amp;\x03\xe8\x87s\xce\xbb\xef\xca\x91\xcb2\xc5\xb6C\x0f\xc1t\xc9\x02\x16\xd5:9\x99\x02+\x8e{\xbdp\xef\x7f2/\x84R\xc0\n\x7f\xb9\xc2@\x877\x18$Ir\x91f`\xd9\xe6W\xb8~\x94\xa7\xe3m\x88u\x9d\xa6\xd0\xea\xe2\xf0\xcd\xebKP\x9d\xbe\xd1X\xa7\xfc\x0bE`E\x15\xb0\x96\xf3\xc8\xdd\xfbo_\xa7\xa4y9\x0bL\xa8\xde\xc1\xec\xec\x0c]~P&amp;EZ\x02k\x97\x8d\xe1\x05\x1a\xc3\xf6\x8b\x9f\x81u=\xc2\xd94;\xbc8\x04\x8a\x00]\xbe&gt;\x1d\xa3?\xcc\xb8\x14\xef\x16\x06k\xde\xf3\x82V+\xfc\xb7\xf9\x07T\x98\x07\xa8P\xe5\x82\xb5\xf3nt\xf6\x81X\x83\xa4L\x12\xf9R\x19\x14\xfb\xe9\xc51\xff?\x056^c\xe0\x83\x8b\xe5\xf8\xf0\x90`\xac\xc3\x11j6\xa2\x8b\xaby\x87X\xf3\x9e\x14\xe0\xa2\xf6\xde\xf7\x93\x19\xa8&lt;\x0fr\x8b\x95\xbf-\xa1\xd6\x99\xc6\xc2\x8a\xdb\xed3R\xc7\xdb\xc7\x14lw\xb7\x9f\x95\x03Pe%f\x1a\x8auI(\x885\x9b\x8d&gt;\x0eN\x8e\x1e\xe2\x0e\xb35\x8f\t\x05\xac\xe5r\x1e{\xd4\xec\xd9\xf7D\xca\x15\xa5\xe8\xa0\n\x95j\xb7\xc9u?\xd1&amp;\x0e \t\xb0\x18z\xeeAl\xf1\xdbp\x0f\x9f&amp;\xca\x94\r\x02\x8d\x0bB\x8d\xc7cP!\xf0#.E\xf4\x87H"\x1fk*\xa9^\x1cus\xf7\x1f\x921R\xfb\xfby]\x13\xaa\xceU\xdbW\xa4j\xb7\xbb\xabW\x1f\x06\xcf\x99yPA\x9d]\xf8\xd8\x97G?K\x87\x19\x9cM\xca\x11\x0c\x04\x91@Q+\xaa\x85l\x15\x8f\xbd(\xaa\xaa\x8aXsm\xa2`\xc5q\xb4\x13l\xfd\xbd\x99`rC\xc3\xa4@U+\xe5\xfaT\x8b\xf7\xfb;f\x0b\\0\x0b(\xfc\xc2"\x9c\xdc\x15\xaaa\x9a\x82\xaa,\x11&amp;t\xd0\xb1\xdcY\xc8\xd6\xecc\xb2ZF,\xa4+\xee\xf5\x9ax\tV\x040\xf7/\xc1\x0c\x93.\xc7Q\xa0\xda\xc0j\xb7\x9d\xcftQ\xd6b\x99eb#\xd0\x885D%\x1a+\x99\x81\x08\xa2Q)\x8a\x85.?zZP*T\x1ci\xac9\xcd\x8c\x85j\xa7\xd3\xe9t\xf3\xf6\xde\xb3o\xfc\x1aS\xcc[39\x90\xab\xae\xf1\xc2u\x85\t\x15\xfe\xfa\xee\xb9\x84\x9e+.\xeb\xe3\x96q5\xf6\xd9\xdd\xaf\xafo\x92\xb2H\xb0\xee\x98)b\x1d\xd2F\xa6k|\xbe\xa8\xb4XUe\xb0zq%M?\xea\x10J\xc0\xdc\x97/\xffdiJ\xca\x9br\x1cI;\xbcT\xcaw\xc3\xd0\xd5\\\xfb\xf7\x07\xaf\x98\xfa\x93D2\xdf\xa7`LVv\x83Vz\x93$ER\xce`"\xa8Ni"\x0c\x05[v~\x1b\t@\x93.BUUd\xa9\xba\x00\x0b\x82n\x90\xab-\xf7\x8bv\x86\xf9`\r\xe58\x84\xf2s\xc7bm5Xm\xe7\xfe\x8eC\x04\x07TP1\xef\x90\xec\xba\x9f\xdd\xa4\x0c&lt;\x06\xd7\xb2\x9c\x8d\xb5L\xecX\xa8r\xf8tkd\x01U\xc7z\x07\xac\x8e\x9c\xdd\xd9\x01\xd4o\x9dn\xa0+W\r\x99DJi\x81@\xa5|\x1faW\xaaf\xe6\xa9\x19\xe42Xh^\xf7w\xc5\xc9\xc9Q\x81m\x86JQ+\x04\xbe\xcc\xae\x93bP$\xb2\x16A\xc3.J\xad@9\\-\xacY\xe0\x00VL\xa9\x0c\x16\xa9v\xba,\xcd\xa4\x8f\xeeK\x13)\xe5(\x83\x80\x17*\x97\x1f\x04\r\xe58\xa1\xeb6X\xa1Z\xde\x15\xa8!\x86\x88\x8ca\x87\x8f\x17\x19\xe6U\x0cU\x05\xe5\x02W\x82F\x0f&amp;\xe4/)\xdf\xff\xbe\xf44\x94\x07,vT\x8d\x85`\t)\xc5\xea\xd2AT]\xe3!=\xfc\x07\xee\xc5\xca*\x05\xc3\x94 \xf9\x1aKN\xe0H,WSA\xaf\xf9\xdb)\xa7\xe6\x94\x82Q\xb3\x94\xed\xa1(N\x84\xa9L\xc4\xc7\x91,\xcbd8}\xe8E^UyR\x00\xa9\x0c\x16\xc94\x16\xb3e\xc4\nj\xd9V\x88\xd5\x0e\xb7\xf8\xde\x8e\xd6\x86T\x8dR\xda@\x8a\xb7e\xd4\nuE\xf7\xab\xe9\'\xa0\x0c\xdfg\x90\x0c\x95\x82\xea\xa8\x90dA#9p\xcc\x18NW\x8b\x18T^d\xb1D,\x8b\xc5\xda\xd9\xc4\xca\x05\xab&amp;\x16\x84\xa2Q\xca\x14A6\xb0\xec\x85&amp;\xf2\xa4\xc2\x94\xd3\xfb\xbc\x9aN\x86\xb8\xf1\x8f\x8bR\xb4\xad\xe2\xe8\x08\x16&amp;i\x82\xa6\xca\xf0\'\xf5\xdc\xf38\x00\x00\x02fIDAT\xc9 \x99&lt;=\xcc\xc1$R\xb5H\xe5i\xb1\xac\x8d\x82\xd5i\x92U\xd7v\xbb\xfb\x1a\xcb\xc9m\xb6\xcc\xb3\xd2Z\xb6\xdb:_\xa1\xe1\xea\xce\x01\xf6i2\xa4\x93\x90\rT\xacB\x8aH &lt;G\xd6\x01S\xc9\x1dXH\x97\xb1\x90\x8f\xa8#XX\x81\xc2U\x07\xd6?\x83ep\xb0\xfc\xe0\x97\xaf\xad\xf45\x8f2\xafy\xd5u\x85\xcbP\x11\xacw\xffxp\x0e0|j\xd4T\xfcE\xa1p\xf18]\xdd\xce5TS\xddh\xad\x15\xb1t\xcfb\xde\xbb\x81\x16*\xd0\xfb0\xb1\x88#\xb9\xf6\xa5l\xc4r\x91\x90\'|I\x1c\xb9\x181\xc3\xd5\xe2\xc3[\xde&gt;\xae\xae\xae\nMU\xbc\xd2\x82Y\xa8\xea\x0b(8\xe8U\x96*\xaa6\x1a\xfc\x06\x16c\x95\x07\x8dZ&gt;\xcd\x03\x00n\xd6M\xb1\x0et\x8e\xa6RF/\xb7\x91K\xc0Z\xd5|\xf1\xf0xw5\x99L\x8aI!b]]]\xad\x1e\x01\xa5cn\xd8\x80\xe1Ev\x15\xc6\xbacEl\x19_b1\xf5y\xbd6\xd1\xd1\xca\x18\x00\xb5&gt;i}\xc4\xdd5\xd5\xb66\xb6\x80\x85\xccT=\x8a\xf64E\x9d\x9fO\x9f\xc0\xb4\x8c\xcd\xd2\xab\xec\x13\xe9\xd6\x06\x1a,o\x03\x8b\xe5\x88`\xf5\x06\x96\x15H\xfb\x05\x1eI\x94QJ\xd3\x02\xda\xd5Fb\xf4j\xc8\xc8\x05-z\xf3\xe5bq\xfb\xf0p{\xbb\x98\xc7\x8du\xfa*\x0c\x04\x81\xd6\xca4\xf8\x88L\xfcg\x82\xd5\xed\xd8\x1e\x9f\x8b\x87\x8e`\xf9y\xa3\xcf\x1a\x8b\x18\xc4\x12T{\xd9\xf8\xe8\xbbv=j\xc1\xcc{{\xdf*R\xc9P\xa3\x1dD\x83\x97\x06[\xb1\x91\t\x96\xf1\xd01&gt;\x1a,\xbb\xea\xfcM,g\x83s\xfd\xbce\x02\xe6\x86~\xa86\x9d\xf4l\x83ZW\xcbkp!Ue7\xe8X\x06\x9a\r,\x0e\x10\x16K\x9a\xa5\xc5\x12A\x1c_B\xee\x98\x87\x8c\xf0M\xbcl\x17i\x04#V\xb8\xb6qM\xd1\xd8\xb7\xf1s$B\xc5\xba\x85\xc62\xdeT\xc2\x1bu\x82N\xa7\x15h\x13\x1d\xed\x1f\x06\x98\x80\xed\xd4\xd7&gt;1OXw\x8e\xb4x\xd9\x8b\xf2}9j+\x1d\xd3Y\xd5\x96V\x0cbY,"\xb4\xbe\xe1\x9f\x1c66\x1c=\xfb\xd1D^b\xe4\xd1O\x19{"\x05\xb2\x0f;\xa2\x16\x1b\xa9c\x02\x0e\x1c\x87\xd7\xf4\xe70\xbd\x07\xc9\x9c*\x13\x86\xbcD1\xfb&gt;\xb2eb\xaf\xc9\xbe"\xb2g\x98\xa9\xb8\xb2\\\xc6\xc1H\x1b\x0e\x1e\xc1\xa2Z\x8eQK\xa6\x86?\x00z\xd1K\xdc~T\xa2D\x00\x00\x00\x00IEND\xaeB`\x82'</t>
        </is>
      </c>
      <c r="M73" s="3" t="n">
        <v>45492.67601851852</v>
      </c>
    </row>
    <row r="74">
      <c r="A74" t="n">
        <v>220833</v>
      </c>
      <c r="B74" t="n">
        <v>1963</v>
      </c>
      <c r="C74" t="inlineStr">
        <is>
          <t>Gustavo Gómez</t>
        </is>
      </c>
      <c r="D74" t="inlineStr">
        <is>
          <t>G. Gómez</t>
        </is>
      </c>
      <c r="E74" t="inlineStr">
        <is>
          <t>ZAG</t>
        </is>
      </c>
      <c r="F74" t="inlineStr">
        <is>
          <t>ZAG</t>
        </is>
      </c>
      <c r="G74" t="inlineStr">
        <is>
          <t>ZAG</t>
        </is>
      </c>
      <c r="H74" t="n">
        <v>185</v>
      </c>
      <c r="I74" t="n">
        <v>15</v>
      </c>
      <c r="J74" s="2" t="n">
        <v>34094</v>
      </c>
      <c r="K74" t="inlineStr">
        <is>
          <t>Right</t>
        </is>
      </c>
      <c r="L7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36374a7-7b4f-4912-9bb0-1c7cb3fd7c4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+k\xcd\x00\x00\x00&gt;tEXtComment\x00xr:d:DAEewil2SDw:3479,j:8640573334177784359,t:24020218X\xa8\x8b\x83\x00\x00\x00\tpHYs\x00\x00\x0e\xc4\x00\x00\x0e\xc4\x01\x95+\x0e\x1b\x00\x00\x03\x00PLTE\xff\xff\xff\x00J2\x00=)\x005$\x00G0\x00E.\r\x06\x04\x05\x01\x00\xfe\xfe\xfe\t\x03\x02\x009$\xf2\xf4\xf7\x00;\'\x008&amp;\x00M6\x11\x08\x05\x13\x0c\t\x00C.\x1a\x10\x0c\xee\xf0\xf3#\x15\x0f\x02Q;\xf9\xae\x8f\x97X&lt;\xe9\x98k\xf4\xac\x8cn&gt;(\xfc\xfc\xfc\xf1\x9d{i9%\xea\xed\xf1\xec\x9dx\xeb\x9an\xec\x9cq\xef\xa2{\xe8\x9as\xe6\x95o\x9c]A\xb0hI\xe7\x94i/\x16\tvA+\x91V:3\'"|G/\x88N4\x8bR9\xa3aD\x18\n\x05*\x1b\x15jC0\x1d\x14\x113\x18\nc6"\xc1uSM(\x15-!\x1cS-\x1a\xfb\xb3\x95sE1Y-\x1aW:+\xaadE\xdd\x8ad\xef\x98u\xf9\xa9\x8a\xd6\x8bc:!\x14+\x12\x07\xe6\xe8\xee\xb4pN\xb9uTC#\x14Z4!c&gt;,Q3$3\x1d\x11\x83H0\xf1\xa7\x7f\x81L4#\x1a\x16_1\x1d\xe9\x9f|\x01?-\xdf\x94n:\x1a\x0b\xe3\x9ax\xc8\x81^pL;\xde\xe4\xe9eE5\xf7\xa5\x85\xbbnM\xd9\x84b\xf4\xa1\x81H+\x1e\xe0\x90h\xe4\x92kB\x1d\r!\r\x06\xc3}V\xec\xa5\x81:-&amp;\xe1\x8aj\xef\xa7\x87\xe8\xa7\x8a\xd4\x82]\xfa\xf7\xf7\xda\x90i\xe9\xa1\x81\x01UA\xeb\x94o\xa3Y&gt;\xee\xc7\xb7\xe3\x8fe\xe1\xa0\x81\xce\x85^\xee\xa0t{N:\xf3\xaa\x85K!\x10\xd4\x89_\xdd\x96v\xaboS=(\x1d\xec\xb7\x9f\x93\x94\x95\xc8\xb2\xa7\x8c[FdI&lt;\xce~[\x03.!\xfa\xbd\xa1\xec\xaf\x93YA3\x87hX\xa5\x875\xe9\x94s\x8fK3Ra/\xd5\xd0\xd2\x9f\x9f\x9f\x9b}.\xa7hK\xdf\xac\x94qSB\xa4\x87w\xe0\xdc\xdeU%\x14?3.\xc9\xc4\xc4J3(}@)v^O\x06F8\x81bR\xee\xea\xe9&lt;f7\xb8\xc5\xcc\xe8\xbe\xaaE;7\x84T?\x14Q0\x9aaI\xc4y]\xd9\x87o\xf5\xb1\x89\xb7\x927\xccwV+O*\xf8\xf0\xee\x8e\x87\x84\xdc\xc4\xba\xd5\xdb\xe1\xce\x86i\xa7\xb1\xba\xb0\xa8\xa7\xca\xd6\xda\x91\x90G\xa6\x90\x89\xe9\x8di\xce\x8fsgPF\xb6z_\x92qa\xf5\xf4\xf4\xc3\xcd\xd4\x9d\xa6\xad#dX\x1aE\'\xbc\x86m\xc4\xa4\x96&amp;\\3=W,NC@\xe2\xd5\xd1\x11]M\xb0\x9d\x95\xeb\xd1\xc8\xf2\xe2\xddzlgyWG\x91\x9d\xa4jk2l|?\xbadU|p0\xae\xbd\xc2e]Y\n=%\xba\xb5\xb4l1\x1e\xa5taI{r\x9f\x97HVKH\x97O@`\x82~\xf3\xb5\x92\xb6\x99\x89\x14SC\xe3\xb6L\xdc\xb5\xa4\x93zm\x8e\x81:Rs?\x8fv.}yz\x89;.\xd0{i}\x85Af"\x13\xc9\xa4A\xabZKz\xa3\x9f\x90\xaa\xa7\xd4\x9c\x81\x9eiQV\x90\x8b\x97\xbc\xbb\xc6\x9a\x87\xe4\x92\x85\xac\x9fL:ne\xc5p_}+\x1b\x02\x1c\x14v\x95\x96/TP\x8aoJ\xd9\xadA,xmGcc\xb6\xa1K\xd4\xb2N\xc0\xadU\xf9\xf14i\x00\x00 \x00IDATx\xda\xc4\x97\xcfO"i\x1e\xc6\xe7T\x16\xa7\xaaTW\x96\x15\xa4\x19\x05m\xed\xb2\xb5\xcaR,G\x11g$\xb6\xfc\xb0-\t\xa0C\xa3\x80\x8c\xa5\xf8#v\xc6\x1e\xc7\x05\xdb\xa0\x195\x1a\x8dmlP\x83\xc9`\xb4\x93NL\x8c\xc96m{\xe1\xc0d\x13\xfbf\xd4\xc4\xa4\x0f{\xf1\xda&amp;\xfb\'\xec\xf7-\xe8\x9d\xdd\xf3\xa2\xbe\x02U\xe0\xe5\x93\xe7y\xde\xe7\xfd\xd67\xdf\xfc\x9f\x0b\xc7\xd5#\x0fw\xd4\xb0F\xe0\x8d\xc3\xfa\xe6\xfe\x17\x8e\x9fl\x1c\xcd\\_\x9f\xc7\xe3\xf1\xa3\xa3\xa3\xf8N\x96\xed\xde\xa1\xe2\xd7W\x8c(\xc4\x92\xc9\xe4U2\x16K\x9e\xae\xae\xce\xac\xc6w\xd4\xf7\t\x86\xab7\xae\x93"\xcfS\x14/\x8a\x82 \xf2p\x15\x18\x89\x89\x9d\xad\x9c\xdc\x1f\x18\xae\x8e_\x89\x14I\x91$A\x90\x14\xcf\xf3\xf2\r\x90\x89b\xf2\xfa|c\xe4~\xbc\xc4OV\x93\xbc\xcc\x84\xc1\x8b\x84E\x90\x84\x02\x03@\x10P\x88]\x1d\xac\xdc\x03\x18\x8e?8\x90(\xc4\x82)\x14\x80\x85\xa1\x17\x89)\x10_\xce\xd5\xcc\xd1\xce\x9ds\xa9w\x0e\x04\x11Q)`a\xf2\x07\x86\x91\xd9Op\x93\xa4(Q\x94N\xe3w,\x18\xbeq*f}S\x14\x00K\x01\xfaP`\x84LG\x90$F\xa2\xb4Q|r\xf5\xe4\x0e\xb9p\xf5\xca\x19O\xa2@\x11\xb2P\x05\x05\x88K\x96\n\x83\x1f\x00\x0f\xc1\x81\x95\xbctp\x87e\x81o\x00\x15\tv\xc9\x18\x05\xf2\x92\xf9\xb2\x88\x00%\x9bIQ$/\x9c\xad\xdc\x95^\xb2V$\x99M:\x91\xc5R\xe4\xe8\x14Y\xe1\xd0\x1b\x03,\x92\x123\xe7#w\xc2\x85\xc7\xafx\xb9\x0c\xb2\xdd@*\xfe\xc4R\xfc7\xa3B\xce&gt;/J\xe7w\xe1#\xber\xc5\x03\x14\xf2\x10a!\x1fY\x02\xfb\x1f\x9e\xdc\x05\xa3\x00\x9a\x84r\x8d\xabo\x9fj\'\xbb\x07\x91^\x90/\n\x88\x82AV\xf6-\xe7\xa2\xe2?\x86\xa2\x8c\x11\xd0\x14\x99[\xcf\x17&gt;2#\x90\xe8\xc0A\xf5NQ\x14M\x10,\x12+GR\xf05\xf69.E\x01\x01r\xf1g;\xea[\xa6:OBbxZ\xeew\x8a\xe6)\x8c`\tE6\xf8\x88G\xee\xae\x82?\xb9 a\x14G\x8a\xa7\xb7\xca\x85?X\xcd\x08\xa0\x11\xcfQ&lt;I\x01\x16\x12.{\xf4\x14``%`ar\x7f)\xe4=)\xf7?\xc1\x8a\x18)^\x9f\xdc\x9a\x8d8\xbes\x1dcD\xc0\x12\x05\n]\x04\x1a\\\x84%\xd7\xa7\xd9\xcc\xe6\xe2U@\xb2,\x96\x15\x8b@\x07&amp;\x05\xbbCX\xbd\xb5\xed\x88?&lt;`\x18\x01f\x19\x1eNb\x9e\xa6h{\xbf\xc6f\xa79\xc0bY6H\xc8YB\x8b\xa5\xe1\x8b|\xc3\xb2\n\xf9\x04\'\xc8X\xfc\x96\xb8\xd4?^3\x02\xc3\xf0\xa8\xbci\x8e\x13\xb8\x86\xb2\xee\x97m\x9du]]\xad(\xf4\x18Q\xde\x1aD\xcealm\xbb=\xab\x16\xec\x06\xf4\x1f\xe4+\x7fu;\\\xf8\x83kAd\x18\x86\xa5x\x82\xa2)\xce\xded\xd0\x97\x94\x94\xb8G\x9d\xa3?Ui\xea\x1a\x9aTU5\xe5\x80\xc5\x9a]M]\x16W\x10\xf1@\xdb\xca\xa7&amp;\xa4\x8c\xe0\xaeVn\x83K\xbd\xca\xf0\x82\xc4\x88\xbcHS\xc1`\xb0\xbc\xc9\xa0\xd3&gt;{6P\xa2\xd5\xe9\xfd\xbd/\xf7\xbd\x86\x97O+\xfak]\xb5\xfdS\x17[[\x15\x96v\x17\x95M\x7f\xae&lt;\x14\x14w\xb6\x81\xdfB\xb9g`\xb4\x83l\t\x02]\xae\xe9\x9a\xda2\xfc\xb5E[T\xa2\xd5\x16\x07\x02\x01\x93\xc9\xef\x0f\x04\xfcse\xcd\xca\xad\xad\x8e\xe5\xe5\x8e-UW\xbd\x8b\xc8\xd5X6p\x18\xcf\x9d\xee\xe4\x7fD&gt;`x\x11\x9e\x1fxZ\x10*\r^\xef\xf0\xcf\xe3\xe3\xe3\xc5\xc5\xba\xf1q\xbf\xdf\xd4\xdbk\xf2\x07\xf4z\xbfi\xce\xeb\xf56\xbfP.wth\xea\xde\xf4\x07\x91R_\xf7\x81\x82\xa4\x99\x99|\x9f\xdaH,\x18\xd1a\x1f\xd2B\x83\x01 \x02\x8f\xde\xbf\x7f4\xfe\xed\xa3@\xe0\xe7AS\x8e+\xe07\r\xbf\xf3zA\xb3\xe5\'\x1d[\x17 \x989\x08\xa7@\x0e\x0b\x12\x99\xcc\xf3)\x84\xa3dQ&lt;**\xce\xa54\xf9A\xa9G\xf0n\x19/\x1e\x7f\x0fT\xa6\xdead\xa330\xd8;\xfc\xce\xe0-{\xa1|\xfc\xa4\xa3RU\xd7\xd5T\xdf^[\x9e\xe3"X\x9a;\xc8o\xd9\xe3\xea\x19@\xe2D:h\xee_\xee\r\xe8\x11RK\xd1/-\x01]\xb1\xb6eii\xc9o2\x81\x89\xba\xa5%\xfd`\xef\x9c\xc1\xdb\\\r\\\x95\x15*\x95\xa6\xce\xd2Po\xcev&gt;F\xd0B&amp;\xbf\xa9\xc7G\xae\x19\xa8P\x81+\xbfx\xd1\x1b\x00\xac\xe2_\x8a\xfa\xa0\x1e\x8a\xfa\xfa~\xed+*rh\xf5N\xbdN\xa7u\xc0\x9f\xde4gh+\xab.}\\\xd5YQ\x01\\u\x16\x1f\xfb\xd5EF\x8a\xe7\xfbI\x15\xf5\xbb`o*\x1b\xf6\xeb\x97\xc6\xbf-.\xe9{\xf6\xfc\xd7\xe7\xcf\x9f\x7f_X\xf8}\xdf\xc0\x98\xc3\xb1\xa4\x1b\x1b\x18\x18\x82\xbb\xf0\xe1\xfe\xd3\xc8\xda^4\xba;\xd9\xa8RY\xeb,6{n\xfe"\x19\xe9&lt;\x9fj\xc1a\x98d8\x9a\xb2\xb7V\xce\x99\x02KK:]KI\xc9\xc0P\xe1Paa\xe1_\xbe\xfb\xae\x10\xd18\xb4c\xf0uhh\xcc\xfd\x16\xb0n\xf6\xa2U\x93\x93\xc0\xa5\xb1Z,\xad\xd9\x01\x83\xa4\x04\xe9(\x8f\x95\x8a\xc3\x9c\x1cc\x04\x9ej\xf5=\xf9\x012\xb4\xb4\xa4\xd5j\x1d\x03C\xf3\xa1\xf9\xcf\xaf^\xfd\xf6\xdb\xe7\xc21\xc7\x98\xc3\r?|\x9e\x0f\x85\xc2\x87\xc7\x11\xd0*:\xd9\x03\xab\xc6j\xad3\xda(\xb9\xb8DN\x88\xfd=\x8f\x15\x81\xab\x8f\x92\xa8\xdfi\x9f\xa5\xd4\xaf\xd7\xe9!\xdc\x8e\x89\x89\xd0ky\xfd\xf3\xf7\xdf_\xcd\x87\xc6\xc6@/\xe0\x9a\x0fM\xa4\x8e\xa3=V#Z6\xa3\xc7Sc]\xb0\x1a[\x91Z\xec\xb44\xbdy\xfa \x8f.\x8e\x1c$%\x10\x8b\xf65\xb6\x81X\x10yw*\x9d\xfexy\xf91\x91\xf8\x98\xfe\xd7\xeb\xd7\xf3\x88\xcb\xe1\x18\x1b\x03\xb1R\x91]\x8f\xad\x95fY\x980\xec\xd3\x00f\xb5zlA\xf0\x90\x96\x92\x92t\xb6\x93G\xb5\x00+\x06\xbd\xc5\xf9v\xbb\xf5z\xa7\xd3\x19&gt;N$\xd6gg7}&gt;cO\xe22\xf5e"\x14\n\x81\x8b\xee\xb1\xb1\x89p:Zc\x9c\xe6X\xf4\xecA\x04in\xd3c\xf5\xccz\x04\x0c\xedC\x90\xfcj#\xafe\x1aC&amp;No\xee\x8d\xea\x10\xd6%0\x197\xa7\xa7}\x9b\xc6\x85O{\xe9\xf4\x17\xc0r\xb8\x9d\xee\xb0\x1b\x825i\xf5\xd9ix\xec\xc8.\xce\xe6\xe9Y\xff \x91\n\x92\xe4\x18I\xca\xe4\x15\xeb(#1\x1c7\xbd\x10\t\xbb\x81\xeax\xdd\xe3\xb1\x81R\x1e\x8fg\xb2g2\x1aI\xa7&amp;\x90V\xe1\xf0\xdb\xb7\x87\xc77=V\x9f\xab\xbc\xdc\xd5\xda\xde\xden\x078\xfb\xc2\xfa\xf6\xa7\x05\x98\xf9)\x8e\x891W\x7f\xe43\xf2\xe7W\xc9\x98 l\xf6\xa4A\x12\xe7\xe1bO\xcdd\xf4\xe62\x9d&gt;\x8e\xdc\xac\xed\xdd\x1c\xef\x1f\x86\xc1?w\xf8\xed\xe1~\xdb\xda\xae\xb5\xa9\xbe\xbf\xbd\xbeKU\xb9\xbb\x8b\x84+\xdf\\\xdf\xde\x9e\x85\xac\xd1\x1c\x8c\x1f\xf95\x11\n"\xc60\xc6h\n4\x19=\x8e\xee\xeeuO\xc0\xfa\x92\x02\x8e\xb66C\xf7K\xbf\x03\nk\xf4p\x7fM\xd9\xa9y3\xd5?\xd5\xa4\xe9x\\\xba\xa7|\xbc\xdbh\xf5\xf9&lt;\xdb\xdb\xeb\x02\xec\x00\x81\x13\x98\xbcF^\xbdr\x16\x93\xa4i\xcf\xe5\x04`\xa5\x8e#\xdd\xe1\xb0\x1b\xb0P\x9f\xb7\x95\x95\x95\x19\xe6\x06\x8b\n\x0b\x07\x9c\xdd\x91*U\xc3\x94\xab\x7f\xaa\xab\xf2q\xf5Zu\xa9\xb2\xaa\xb3\xb1\xc6b\x9b\xddNl\x1biJ\xe4DA:8\xc9g\x9d\xae\x9cA\xb8\x98\xd9\xf4\x04X\x95J\x01T\xd8\x19N\xa5#\xd5Jeius\x99wnP\xfb\xbcphp\xbfT\xd3_[\xeb\x9a\xba\xe8,\xdd\xab\xae\x06\xb1:+U\x1a\x8b\xc5\x93H$&gt;0\x94H\xd3\\\xec\x1f\xf9\x9c\xb8\xd4\x1bg\x99\x183\xdd\x93\x9a\x08\x85\'\x00\r4\xeb.[\x8bDJ\x1fwl-+\x9b\xdb\xba\xfd\xba\xa2&gt;m\xaf\xb7\xeaM\xb9\xb9\xbc\xbf\xae3Z\xa5,-\xad\xaaT\xa9TpR\xdb\xac\x8b\x89\xc4\xf6&amp;@\tR&amp;\x9e\xd73q\x03LDX\xa1\x10\xca\x14\xe4\xebis\xe42\xdaS\xa7\xa9\xd8\x02\xae\xb2\xee\xb0\xb6\xa5%0\\\xf6\xe4\x8d9h\x9e\xd2t\xee]^\xde\xec\xc2y\xd8T\xdf`ih0~ZL,\xcer\x1c\x14D\x9e\xb1~&lt;\x93$F\xcaa\xb9\x9d\xa3O\xd7\xf6jlf\x9a\r6\xd4m-\xbf0\xcc\x85\xb50\x12\x0e{\x97\x9b\xca\x83\xc1\xa9\xc6\xbd\x9bI#tC\xb0\xb6\xbf\xddU\xdfPo[H,.n3p$2y\xc6z\x08\x8f\xd3\xd0\x0f\xa9\xd7!d\xe0\xe8O\xd5O\xba&gt;eb\xd7d\xd0\xf8I\xd3\xe1\xfd\xc1\xe4\xd4\xb7\x14\x8d\x0f\x1b^\\\xf4\x07\xcdM\xd6\x06\xcbb\xf2\x8cW`\xb4\xd9\xdcZ\xdb^\xef\xb3\xf5,..\xc6h\x91c&gt;\xfc\x91\xd7\xe9\xf4d&amp;\x03[QV\xcb\xedv\xfe\xcd\xab\xbc\x88\xa6\xcfh\x910[v\x1b\xf7\x0c0\xc8\x8f\x17\xb5\xbc\x1f~W\xadz\x03Odf\xd7\xe2\x81\xc4\x90\x04k\xb7\x07\xcd.W{\xbd\rl\xfc\x98\xe18Q:\xdd\xc9\xeftz\x9ea\xa4\x18`M8\xfeM\xab\xd9\xc4\xb4\x91\x9eq&lt;\xa7\xd6=\xf5\xd0\xc8#\x9b\xb1\xbc\x01\xc6\xabq&lt;\xe30\xea8\xb1g\xb0=i\x84?\x88\xf1\x0eJ\xb0\xe5\x8f\xd9|\xacc\x03A\xb6\x93\xc8\xb6\x82(`\xd9\xb1@\x95\x00\xcb\xbb%b%6\xc2\xac,\x82\xd0Jx\x89\xf7R\x0e\x08\xd8\x1c\xb8\x14\xa4ZD\n\x17\x10B\xea\xa1\x91\xe0\xde\xe7\x1dG\xddC\xaf\xc3\xcb\xc7\xf9\xa7\xff\xf3\x9f\xe7y\xfe\xef\x0c\x0c\x99\xdb\x96\xd441\xda\xb0\xba\xdd\xbc\x9f2\x1a\x86\xa2\xd1\xba\xb3\x1eOF\xf3v\x92G\xfd\x81\x0f.L\xde}\xfc\xf8\xce\xd7r\xbbw\xdf\xf4t\x07K\x8d\x7f\xdd\xea\xeaz\xb2\xa1\xec\xd2\xdc\xf67\xd8No\x05\xff=\xfb\x1c\x16\xab\x0e\xc87\x16\xcb\xde\xe8\xc1\xc1\x12\x81\xd9#\x96Z\xf4\x99\xd3\x19wNE-f\x13o\xcd\xe5x\x96\xf4g2^\x96e\xf9\x9c\xdb\x9d\x03\xdb{\x99\x85\xc6\xc6u\xf0\xd6ke\xd5\xba\xf2\xa7_\x9f\x00\xd6l\x11mU\x90\xa2\x87\xf2\xf9Z\xb5ZuYj\xb5|&gt;\xfa,\x89C\xd0\xa8G-\x84\x8f\xb5Z+\x15h\xf1\x18F\x91\xda}\x91\x17Y\x0f\xef\xf1z\x99\xf7\x8d\xd7\x08K\xe9"\xb6\xbd}r\xebn\x08a\xc5\xf4\x0f\x1f@\xd9\xa2\xf0\xb7\xecXF\xff\xeaN\x1c\x9f\x9a\xaa\xc7\xa3\x96\x94I\xeb\xe1y\x9e5a3\x06\x83\x19\xa3|$J?:\xad\x96\x99+\x95\xaeC(\x7f;\xac0\xd6_\xaf_EX\xb0\xb2C\r\xa3\xf1\x07qt\x80\xcb\x11O\x02\x15\x84\xb2x2^\xb3\xfb\xd0\x1d\t\xab\xd3\xd2\x84\xdd \xa7k\x93\xc9\xc4qZ\x86\t\x96\x8e\xbe\x85\x15d[\xe1P}\xe5\x9f\xdf^\xfdKp\x16\x96\xbd\x8eN\x88\xab\xf1\xce\xfa\x97\xf5\x87\xf7\xeeE\x1dq\'.\x85%\x10+\t\xe6\x8a\x18\x19\xaf\xc7\xca\x92$\xccD\xbb9\x85a4\xe5\x87\xa4\xc1h\x99L\xa9\xfc\xc3W_]_W&lt;\xeco\xdcuO\x8c\r\x82X\x0f\x1d\xc9d\x1d%j\xc8\xaaH*HeS\xf18\xaeVK\xf7\xaa\x04\xe7EWJ&amp;\x9f\x0fK\x99S)\x94\xae\x8d\x90\xcb\x18nn\xa1\xbcq\xb5\xeb\xc9\xba\xb2wIm+\x8b\xeft\xfe\x7f\x00VG\xc7CT4t\xa6\xea\xe0*I\n\x0b\xce\xf8\x14.\x14\xc6\x12/\xabM\xa8\x18\x8b:\xbfq\x1aK\xa1\xd3\x04\xbd2\\0\xf8~\xa1\xfc\xeb\xd5\xae\x1f\xde\xee*\x9a\xf6\xdbv\x8bIG\xe7\xf3E\xa4\x16Le\x1chp\'R\nQ\x85qA\x92\x12\x87\x83\x03/]&gt;\xd6\xcbq"OR-\xa8T\n-7\x19.\xf3~\xa1T&gt;\xea\xea\xea\x9e&lt;ZUP.\xd5\xf7\xb3E\xa9/[\\DO\xa2\x14\xce\x82\x9d\xc2\xa0\x18\x8e\x98\x045\xfc\x97Fb\x10[\xd7F\xb5PA\xad\x16\x96@\xcclN\x81\xeb\xed)\xc8\xfc\x1c\x07b5\xca\xe5\xaf\xdd7\xbd\xa5\x0f\xbb\nb\xedD\xa7\x0e5?\x1e\xa6\x8b\x83\x89\xac$h\xc2H"\xc4&amp;\x08\x82M\x1d\x16\x06\xd0fx\xbb\xea"x\xb7[\xd4B\xab2\x19\x01\xca`\xb0C\x93\xf0\x93\x08\xab\xd1(\xafw[\xadL\x86\xdbT\xce^\xaa\xb4\x13\xb7\x154c\xe9\xb1b1\x9b\xd5d\xc3\xa8x2\x94 \xa8\xc3x|\xfa\xce\xe3\xfb\x84\xc5L0\x8f\x7f\xf7\x87;:\x96\xaf\xe8\xa8\x14@\x01\x16l\x82$\xc7\x00\xd6\xd1\xfa\xf6+O0\xc8\x9f\x1e\xac(\x865\\\x90\x04\x01a-\x16\x8b\x1a\r\x80\xb5\x90\xd4\xe8\x08\xd2\x94\xe5\xf4\xf1\x8d\xfdH\x0fF\xe5n\xdc\xf8\xfd\r-Y\xc9\x89&gt;\xc2\x00\xeb\xb4|o\xc3q\x0c\xf3\xbeT\xfe\xb0=\x19\\\x98\xab\x9c\xd2\xbb\x8a]\xbd\xad\xd8\x04\x9bP(\x8e\xa5A.t\x1b\x82~\xd4j\x9bM\r\x15\x94\xf0x-u&lt;\x9fw\xc0D\xacT\x1e\xfd\xf1\xbe\x8f\x84\xb1\xe8\xb3G\xf6"\x80\x85\x0c\xcf0\xd0\xe4\x01k\xe3\xbd7(\x9e^\x8c+\x865\\\xb0\x15\xa0\x03\xfc\x0f\x0b\xa8l2\x16h%\xe1\xd1Z-\x0e]&gt;\xfe\xc2\xec\xf3\xebr\x15R|\x94\xd3\x11\xaej\xd5\x02\xcbbK,\x84\xb5\xb9\xbd1\xc7\xebt\xa7\x17\x07\xc3\xcaa\x15l\x82zll\x11\xaa\xa8i\xc9e\x93\xb5RK\xb0\xc3\xc7\xf3\xf9\xf8\x14\x84\xed\xb5\x80\xc1N\xeb\x1e=\x02*\xda\xb5v\x12\xa8\xf6\x18\x96h\x13\xc7\xc0\xa4\x0e\x96&gt;lB\x11yQ{z\xd1\xdcU\x14\xcbv(ce5\x028\x0bi\x05G\x80\xf6\xd5)O\xc7\xa7\xcb\x81\xc0\x9a\x8b\xa0\xd9\\N\x9c\xa7\xcc\xae\xe5\xb5\x13\xc8\xb2Kt\x06Qy\x01k|{\xc3\xcb\xf3\x80u\xbc\xaa`\x11\xd5\xb6BA\xc6J\x80V\x82\xec,\xb9\x86P\xbcx\xd41TuAb\xac\xf6@ze\xb5&gt;\x8a6\xce\x04\xe4\x88\x8d\xb0d\xb5\x1a\x9b\xe3\xeb\xaf\xd1\xce3\x7fq\xbc\xa9\x98\xe55a\x845\xfb1\x9d\x06\xb5\xd4-\xcb#\xae0\xde\x19w\xc0\xf6e\x195\xcf\x10f\x97\x01\x16.\x96\xf4\xf9(\n\x8b\x0c\xbd\x08\x80\xb7\xdep\xbfa5\x98J\xa5\x02X\xffQ\x0eK\x02\xd3\x17\x8a\x805\xd6z\n[E\xd4H\xfa\xa9\xb8#\x1fp\x19\xccv\x02\xb0\\vJ\xe4Y4\xa9}f\x8b\x05\xd4\xc2\x10\x16\xc3\x84\x82G\xe3\x80\xd5\xa8\xe4*\xdac\x05\xd5R\x87\x7f\xc3\x82\xc6\xa5i=\x86\xeap\xbb\xb3\xf3A\xc0\xe0\x82\xbc?\x14I\xa5\xa0Ua\xa4h\x15u\xa4\t\xa6O\x04\x1a\x84\xd1\xdf\xc2\x9a+\x8f\x8fo/4t\x95\xca\xfe\xf4\xf1\xc7+\xca\xf5-)\\h5.\x8d&amp;\xd1\x9em=\x89\x82\xd4\xf14\xdf\x03i?\x1f]&gt;999\xdf;K5\x9b\x94\xeef\xc5*j\xfdF\xf3\xcc\x8c\x19ka1\x80\xb5\xb9&gt;W\xe2NOu\xf4\xb4r\x96\x1fSK\xf5p\xe1\xf0\xe3\xa2\xac\x96&amp;\xd1\x92Kz\x19\x18\x9d\x99\xc0"\xf9(0\x9d\x9f\x9c\x9f5\x9bM\xf4\xba\xe7\xa6;g\x15I\x1a\xca*\xab\xe5eB\xafA\xad\xf5\xd0\x9b\xfd\xd3S-5\xbd\xa3\x14V[A\x13\xae\xd7\x85C\xf0\xbc\x8c%\xdf{\xab\x85\x81\xd1\t\xdah\x8c\x0c\xe5k\'k\xe7{{{\xcd\xe9f\xd3\xe7#u"\xba\xe0\xb2zH#a4q^\xefg\xac#\x06\xa8N9\xdf\xb4b7omi\\\x9d\xc5\xc3\xb6YP+\xa1\xc9\xb6L/H\xef&amp;\xfc4t\x82\xaa\xe5\xfc\xfc\xdcpv\xd6\x9c&gt;\x06,\xa0\xe2E\x88\xf8n\xb7\x95\xa4\x91Z^o(\xb8\x00X\x1b\xba\xfd\xfd}\x96\x9b\xc7\x94j\xa7*U:\xa9\x81\x8e\xfac\xe2#\xc2\xd2\x1c\xcaX\xe1\x9f\'8\xc2\xf5\xe2\xa9\xc5\xb0w\x06L\xc7\xf2!\xf7EQ\xe4\xf9\n,]\x10nM\xb4\\D\x19\xeb\xa7W\x15\x9dv\x82\xdbWp\xf8\xa8v\x9d8t\xd4p\x02V\x9b\xc1\xd6\xbb\x0b\xb5\xba\xef]\xc6\xd4\x13\xf8\xc6\x85\x96\xd0\xb3\xbd\xd6\x01\xba\xfdJ\x0e\x8d\x1f\xcad\xbd\xc9\x93&amp;\x13&lt;\x86\xdd^\x84\xb5\xdd]\xe1\xb5\x13\xda\x8by\xe5\x16.\xd5\x8a\xa6\xae\xb1\x85\x85\xc4\xac\xfc$&amp;\x12\x88kd\xd4D|\xe3\xa2\xe6\xa7\xcf\xceO\x96?}\xfa\xb4\xbc\xbc\x0c\x0fc\x93\x82Q\xfd\xe7\xfb\xa2\xd1h\xd2A\x04\x82\x1a\x86\xba\xbb\'\x01k\xdd\xc3\x8a\\f\xff\x82^Ul\x83P\r\xa7\xf1,\xb4\x84~\xc0\x1a\x8c%Zr\xbd\\2\xba\x02=@%C\x01\x96\xdc#\x9aM\x9a\x03w\x91\x04\x01\xb9\x1a2"\x13\ny\xbb\'K\x08K\xd4e2$y\xa0d\xb0^I\x83\xb74c[\x805\xd2\xe2\xca\xfeL\x18n?}\xf1"\xba\xb6\x1c\x97\xa1ZU&lt;\xc3h\x90\x89%1\xb4\x99\xfa\xd1D\x0c\x85B\x1b\xa5\xf2\xeaw\x8c(j\xdf\xbc9\x18W4\x93\xed\xa6m\x89\xf4\xca\xca*\xcc\xeaD"\x0b\xbf\xd9\x01\x8bc\xe0\xde\x83N\xbd^\x8f\xeb!\xb9\xa60\x9a\x86M\x19\xa24z\xbfi2\x82\\4\r\xed!\x14z\x15\x9a+}X]\xf9\x89c\xd9\xcc\xc1\xea\xb0\xb2\x01vwgw\xf8\xca\xf0\xce\xe2 `\xc5b#\x89X\x7fgGG\x87\xde\xd9\xde\xde\xd7\xd7\xdfq\xdb\xb5\x94\xe1\xfc\xe6\x00\x8cG\x82\x86\x88\xef7\x1a1\xccHs\x9en\xc0\x9a\x9ckln\r\x0f\x7f\xb7\xde(\xaf^\xc2\xa7o*\xc8\x8b\x9f\xb1\x9e\xc7\xfac\xed\xfdH\xa9\xf6&gt;}_\xff\xc0m\xcb\x128\x9c\xb0\xe4-\x06;F\xf9\xfc\x14\xe5\xa3\t\xa3_\xeb\xe9\x06\xae\xc9\xd7G\xe3\xbbm*U\xdb/\x97\xf4\x01\x90\xea\xfbt1\x01\x99\x10\xe2"0\xa1\xb7\xc2\xb8\xd4\x8e;\xf5zG\xcd\xac\xd3\xc1\x02_\xabY`@\xa3\x17\xfb\xf3\x94\x91"\xd9\xde\xde\xdeW\xa1\rh\xf2\xb2\xd1/\xeb\xeb2\xd5/;c\xc5\x91\x91\x91\xe7\x03\xb1\x18@\x01\x18\x0e\xd1_\x9fLvF\xed\xbey\xcc`\xc8\x0f\xd5"\x06l\x9a6\x91$\x85\xc4\xea\xed\x05\xb9`\x93_]\xb9r\x99\xa7mkQ~w\x18CH\xfakz\x90\xcb\x89;\x9f%\x1fD\xed\xe8f0\x92G\xdf\x1b\xa0\x0b\xa4y\x92\xa2L^O\xef\xdf{\x91\xb5&gt;(\xed\xf4\xff\xeb\xf7\x8b\xb3\x80\x15\xeb\xd3_\x03\xac\x0e\x1co\xc7\xbfp:\xbf|\x16\xcd\xc3&amp;h\xe8\x89X"\xc8\\\xe0.\xd8P)p\x16*"Xk{\xeb\x92\xbf\xc2[\xd9Y\x9c}&gt;\xd2\xd7\xde\xf1\x05\x08\xa5\xbf&amp;\x9f\xe43\x87c(bOEz"\x11\x0bx\xeb3\x96\x89d\xd1\xaba\xc0*\x8f\xef^\xf27\x8b\xc3[\xab\xb3/\x07@\xa8k\xc8X`{}\xe7Tg\xdd1\x94\x07"\x97Y\xbex\xc0\x08\x19\xcbG\xb2\x1e\x19k\xa3\xf4_^\xce.\xa6\xe94\x0b\xe3"h0@\xf9h\x1b\x1aX&gt;J[[\xb4\x16:[\xa8\x8dT\x92V\xdaB+\x88\x14\x0b\xc6I\x0bT\x12\xa1K"R\x04\xdb\x81\x82\t&amp;\x13\x1aF\xc8\xd0\x05\r;\xc4\x8d1"_!\x82\x80\xd1dEEn\xd85c&amp;D#\x17{\xa7\xe8\x90\xcc\x85&amp;\xe3\xc5&gt;\xe7\xfd\xeb\xeal6\xbb;\xb3\x967\xa5\x10\xae~y\x9e\xf3\x9e\xf7\xbc\xff\x9e\xd3\xfb7.\x87\xbb\x95\xf2\xe1\x8d\xe7\x1b\xe72\x90\xb2JK\x91G\xb1$\x12iMMww~\xbe\xa9O\x95\x9cs\xf0`\x0e%\xac}\x87\x95\xd9i\xc5\xfa\x1e&amp;\xd6zg\xf8\xb1.?\x80\\\x04sR\x92\x91\x05\xbac\xf6\x16\x83\xc7\xe3p\x9bd\xaa\x9c}e\x94D\xcb\x94e\x1c\x95\x95\xc3\xbap\xbf\xb3\xf3rx\xa9\xb6\xa5^\x7f\x00\xb9\x8e\x1d;z\xec\xa8\xdd~\xces\xd3\xe1p\xf4\xf5\x99\xcd}\xc9\xbeW\x81\xc0\x81\x03\x07R\x94\x08\xa9bjb\xd19\xfd\xd6\x1e\xac\x8b3\x9d\xf7g\xc2\x8d\xb5\xed\xfa\x8d\x1b\xcf77\xec\xf6c\xe7ZZ&amp;\xe6|ss\xafF\x03\x81\xd6\xd6Q\x9fo\xb4\xa4\x98\x1e\xe8\x16\x17\x17\xebt\xa8N\x8dF\x7f\x08T\xb3\xb7f\xee\xaf\xf7\x87\x1d\xab\xf1\xf47\x9dw7n\x1a\xec\x13f_ \x00\x98\xd6@\xebh\x95\xbe\xa4\xb5J\xaf\xb7:\x8d\x16\xa7\x05@F\x9bMa\xb3\x19\xebA5\xd4?\xb3\xfch+\xb0Nml\xde\xdd\xbc9\xe1x\xd5\xdaZ5\x1a\xf8\xa2\xa4J\xff\xc5q\xa7\xb3\xc4\t(\xa2\xc1\xdb!\xc5\xa1\xba\xa4:\xb5\xd1\xff]\xd7\xd0\xa5\xf5\xa1\x9e\x8bO\xaf\x87\x1f\xebd\xd6\xc6\xe6\xe6\xe6\x9d\xb9\xc0\xf1*\\jp\xba8\x9dN\xbf\xdfi\xf4\x1b\xd5\x82\xba\xba:\x81 )\x89:;s\x05\xfeo\x81\xb5&lt;\xab\xd7o\x01V*\xb02&amp;\xee\x80\xeb\x82&gt;\x14\xd2\xeb\xfdV\xa7\xdfhQ\x0bl\xd4\xaf[\x97K-\xf4l%%\xa8\xf7~\xfb\xdd\xec_\xff\x12\xb2Z\xb7\x02\xeb\xc1\x1f\x8efH=w\xfa\xd7gC\xf5~g\xc8\x08\xeb\xd46\xb5 \x89XX3\xf8N6^\x93@\xed\x18?\xfc\x10\xf2;\xad\xa4V\xb8;\xf9\xa3\x1f\x9c\xca\xfa\x9d\xc4&gt;\xe1\x1b\xea\xea\xa9\xb7\xed\xdf\xabV\xabI\'\xea\xc7\xdd\xc9\xb5\x99\xd2\x90\x08M\xae\x1c\xd9_\xdf\x13\xb2\x199\xacp\xab\x15\xfd\xf0\x14\x92\xa9\xd4\xe3\x08\xf4\x84\xea\xf7\x0b\x8e\xec\xdf\xff\xfb\x84\\\xeaN\xe7\x16\x9b\x1a\x89\xa7.\x7f\x81\xba\xbe&gt;\xe4Wh\x80U\x15~\xb5\xb61,I\x8d\xc7GXG\xa8\xc5\x99\x8d\xf6\xecb\x8d\x89\xbb\xe0"5#\xe5&amp;$\x1dQ\xfbC~\xa3Ba!\xac\xf9-\xc0\xc2\x91#\x91\xda\xe7\xbaB{\xe1_R&lt;\xeb\x89\x8a\xff8\xbaBr\xc1D\x81\xda\xef\xf7#W\x18\x9d\xfa\xaa\xbb\xe1\x9f^\xb9\xfe\x8dD"\x96 \xba\x02\xa4VR\x12\xeb\xe2\x8f\xffd\x0c)\x01\xffHJ\x80\x89H\x19\n`Y\xac[\x80\x15}\xfd+\x89T\x8c\xca\xc1\xee\xab\n\xd5\xd3\x98A\xfc\x87&gt;o\x8e\nb%\xc4c\x13\xd8(\xd9\x03Kc\xb1^\xdc\x02\xb5\x1a\xbf\x92JE^\xd4Y\x7f~u\xdc\xafV\x1fI\xcaM`6\xee\xe2\xe6V\xe8\xcf\x84\\\x81\x1ag\x0fQ\x1d:\xb4UX\x7f:&amp;\x15g\x8a\xbd\x19\x06\xf3\xa8\x1e\x99\xbdN\x80\xa4N\xb3w;\xd9\xec\x05K\x0e\x02#ie\xa4S\xe8\x90\xc2\xe2|\xd4\x19~\xac\xd4\xd3\x9e\x1a1\xb82\xa4\x06s\xab\x9e\xce\x1c\x1b\xa5-\x96\xb4\xc8O\x9a\xb6c\x0e\x1a5$\x96Bc\x04V\xf8\x07\xa3\xa2OC-/\xd5\xf0\x19\x92\x89+(iJ\xf4N\x80%\xd1\xb9S\xc7\xf5\x04\n\x04\n*"\x08K\x01,+\xb0\xb6\x85\x1d\xeb\xc1\x19)&lt;\xf4\x8a3\x91&amp;\x1cf\x9f\xefUk\t\xaa\x19\x9b\x028\n\x94\x0e8\xaeAc\xb4i4\xc0R((\xe4\xb7\nKLX\x94%\\\x06\x87\xc3\xedK\xc6EUg\xd4h,\xc6J\r\x155\xc0\x82V\x1a\x05\xa9\xa5\xa1\x90\xdf\n\x13\x81%\xcaDpa3\xe2v\xe11\xb48\xdc}9eiT\x95j\xb5\xb5\x95\\@1\xb1\xf0\xa7\xa6\xd2\x86\xbc\xf5\xf4a\xf8\x87\xee\x80%\x97\x8b\xc8G\xafT\xcaq\x99\x0f\xcaTe\x07P\xc1\x17p\\\xd0H\xc3\xb84\x9aJ\xa4\xd3\x8b\xfd\xe1\xbe\xbfn\x8bn\xe4\xb0D\x88y\xaf\x18w1\x97\xa7\xbd\xc5m\xe2&gt;hMI+&amp;.\xc2Qpl\x95\xc0rv\xf5\xaf\xf7\x87\x95+:\x95\xdf{\xe3\x8c\\\xc4\xc9E\xe1\xe5*d6\x9a|\x07\x19X\x9e\xceR\xa9Q0\xa5\x14\x9aJ\xa22:\x9d]\xeb\x97\x96g\x06\xc2\xc8\x95z\xb9\xb7\xf3\xf9\x99\x1a9ae\x8aE"\xa9\xa8\xa6\xb0\xbd\xbd\x05\\\xf4Y\xabL\xa5L+\xd0Z*+9(Z6\x88e=~avh}j&gt;\x9cTS\xfd\x1b\xe7j\x9aA%\x12e\xca\xe5\xcd\xcd\xae\xe6\xc2n7-\xdc\xaa\xaf\xecQ\xc2EKm%s\x8f\xadZ\xc2*y\xa4\x9f]\x1e\xebM\r\xdb\xe3\xad\x81\xc7\xfd\x81\t\xbb\xcb\xc5\xb0D\xf2fW!\x16S\xcb\xed6\xfb\xfa\x08Kg\xa9\xad%\x9eZ\xee\x97\xc5Bu`\xa8ky,lr5\x16\r&gt;\xbdT5\xe1q}P\xab\x19L0\x91\xb3\xd1\x8d\xbbuY\n6\xa3\x96\x90,\x966\x0b\xfb\xa5\x05\xd6qg\xcf\xf2X\xc7@t\xb8\xc4\xea\xbc\xa5W\x19\x80\xd5\x8c\xd0\xca\x04\x96\x9c\xb0\x1a\x88\xcb\xed\x80\\\xb22\xecE\x1d\xb0\xda\xda\xb4Xm\xb5\x96Z\x8bV\x8b;\x9b\xb1\xe7\xefc\x1d\x83\xe19\xb0\xb1\x0b\xef\xcfZO\xb4\xbb\x10R,\xe6\xe1"=\xda\x02V\x03\xc3\x82\x89)i\xe5:-\xa0\n\n\n\x90\\\xdb\xda\xe0\xa1\xd6j\xb5\x1a\xbb\xc6\xc6:\x1e\x0f\x84#\xba\xa2\x1b\xf9\xbd3\xd6\xeck\r.\xda\x89\x94\xba8\xae\x86v\x80\xb5\xc0CS\xce\x1ee6\xa5.\xad\xae /\x8ff\xa2\xb4L5\x9d\xcej\x1c\xea\xe8\x08&gt;f\\\x9f\xbb\xb3,5\x86?0\xa6\xfd\xfaZ\x03\x93J\xc4\xe9\xc5\xc0\x98Z\xf9\xe6\xdd2\x9a\x85\x82\\\x05\xe5i4\x11UN\x82\x01J\xa7s:\xc7\x16;\x82S\xc1\xa9\xde\xf9\xcf\xfd-)\xa911\xfc\xea\x19`u\xbb&gt;H\xc5\xde\x9b\xe5\xcd\xed\x86\xf6\x16G&gt;\xd4JV\xa9\x0e\xa7\xe4\x95\xe7\xa5d+i$\xaa\xfc=\x96U\xd755\x19\x0cNu\x04\xa1\xd8 \xff\xf3}D\x16\r\xad\x80U4U\xfcu~w3\xc3\x12\x89i3\x02\xae\xc6eho\xdf}\x10X4;F\x8d\xdf\xd9\xca}\xec\xc1[\x9eNGT8\xc4\x97GV\x17;\xa6\x82\x1dX\xef\xd6V\xf9\x9f\xc5J\xf6\xf9C#\xb0b\x8a\x06\xbb\x0e3\x13\xd9\xe1\x93)G\x95\x9a)\xa2S\xb1\xdd\x94\x03\xac\xdd\x07e\xc9*e\xb6\xf2\xb0j\x8f\x8a\xec\xcc+\xd7\xe9\n\x00\x95W2\xb302\xb9\x02\xb9\xb0\xde&gt;{\xbb\xb6\x9a\xfe\x7f~\xad\x0c\x85B\xcc\xf4jo:\x9f\xcf\x8f\x89I\x1fX\xfe\xe3\xb5BN-$\x08Vu\x89\xe4\x1eC\xbb\xc1\x80\x987\x99Lt0\xeeS\xd1\xa3Jz\xd2\x0c?\xc1\x94\x97\x96V\xf5\x18X\x8b\xb01\xd8\x11|[1\xfc\xec\xf6\xdaju\xeao\x0f2\xe8\xc4\x9f~\xf9\xfa\xe7\'\x03\x8c\x8a\\L9\xd1\xcc\xc5\x14Y\xe8\xa5*BD&amp;"\xb8\x1cf\x93i7lL\x96\xc9r\xd8\xc4\x03M(\x02*%\xe5\xc0\xad\xde\xe9\x91U\xe2Z\x0c.\xaeEFn\x07\xd8\x93\x97\xd3\xfc\xdfDF\x01U\xbd\xfa\xfa\xf6RS\xd3K@\xf1\x99\x8b\xbd\x8fv3,\x12\x0b&gt;b1\x17QD oA\xae\x1c\x19\x8dA\x90\x9d\xd8\x95\xf4\x085\r\x91\xd6\xfat|zaurrq%\x18\x0c\xae\x0cGFFV\x08\x97\x96n\xaf-N\xa7\xffZ2\n\xf2\xe9\x17?/5\t\x85\xc2\x9f\xaa\x99VX\xe9\xd53{\xbe\xa4\xf4\x90\xc9\xe2\x1d&gt;r\xc1\xe5\xa1\xe2\xd9|\xe2\x84\xa9\x0fL\xf9\x14\xfd\xc0\xcaf\x8d\xc3\xd9\xca\xd1\xc0 \xb0F\x08\x0b\xd9+\xf86\xf2|dd\\"\xc0\xa0\xd9\x8b\x11\x90\xa5\xfe\n\xa1\xd2G^\xdfnj"*\xde\x1b\xa2\xe2\xc0\x8a\x06G\xf3\xe5\x04C\xfb\x90\xc5\x17e\n\x97\x81j\xae|\xe4.\x93)\xdf\xdd\x8dj\x02Xe\xd9)\x04U\xb6O\xf5\xfd\x00a\xad2\xac\x8e\xc5w\xa0:\x1f\x19\x17[!l\x12\x0e\x0b\x9fqn\xfe/[3:5\xb5\xfa\xc7\'K\x1c\xd30O8\xf9\x01\x8aRW\xbf\xccC\xf52\xdd|\x90#\xc4\x94\xbe\x90"\xc0\xd5\xe2`\x15NwKw\xb7\x9b\xc3\xcafP{\xf6tV\x8f\x8f\xbf\xc7z\xb3\xb2\xb8\x06,\xac\xb8\xc8\xd8D\x9e\x90\x978&lt;Lq6\x0f\xcd\xa2\xff\x8bP\xfc\x05r\x0fP&lt;\x1eo8\x82\xf7l$\xe6\x9f\x8b_4\x18pK\xb2\xb2J\xb3\xb2@$\x11\xd3N\x94\xbb\n\r\xd8\x8c-\xb4\x1c-\xd8\x95\x84\x95L\x99KY\x86])\xfb\xfe\xdeG\xac\x8e\x95\xc97\x90\x8aq\xc5\xc5n\xdf\x1e5\x9cX\x01\xb2\xa5\'/\x16\xfeC\x9c\xb10\xff\x91\xdc\x13\xe2\xc5\x8b\xe0ED\xf1x\xb7\xc7c&gt;\xe1\xaa\x9e\x91y\xb2JK\xb3J\xbd\x94\xb8\xbcb\x89\xb4\x99\xb0\x1a\x90\xe9\x91\xedQ^\xb8\n\x1b\xf2Y[\xba\x12T\xc9\xb2\xbe\xbe\xbbE\xd5\xd5\xe3\xd3\x1c\xd6\xca\xe2\xc8\xca\xdfH*\xf6\x8a\x8d\x8b\xab\x18\xe6\xc0\x88ld\xfe\xdf\xa73\xca\x07L(\xb2\x0fZED\xed\x88\x8a\xe0\xfdT\xf4)Vz\xef\x05\xf7\xd1\xd2\xb3\x00\xa3\xf4\xe0\x95x%De $\x83\xc7\xc0\xc6\xab\x1b\xdct&lt;\x96\x91\x819}\xbe\xb9{E\xa4\x16e.`M.L\x0es&amp;\xc6\xe1E\x8aUDEUT\x10\x99p\xe9\xc9\xcb\xf1\xf9\x7f\x91\xec\xa3PP\x8a1\x01j\xc7\x0e\xa8\xb5\xc6\x8f\xf9\x85\\\xf7\xaf\xd8K\xcf^=\x0b.\xaf\x97~\xa4\x85\x86/\xdb=\xb4\xec\xae\x1a\xa8\xe7!\xb5\x90Oa`N\x9f\xc9t\xb7\xa8\x08\\\x14\xf3\xc0Z\x1c\x19\x1fy\x1b\xf9~1\xac\xd8\xd8\xed\x89Q\x89\x15\xdb\x99d\xc2\xdbk#\x9f~\x83\x11m=\x16Q\xc2\xf7JEDD\xecHL\x8c\x82X\xbc\x971\xfc_\xc85\xben&gt;y\xf5\xeaU\xe8\xc5b\xec\xa8\xd4\xc5\xdc\xb3{\xecv\x91\x04\xfaA-\xd48*\x18\x08*\xf3\x9d{\xd5\x0b\x93+\x08\xf5I\xac\xc5\xc9\x85\xf1\x85w\xe7\xb9\x90g\\\xffh\xdb\x0c^\xdb\xb6\xa38n\xc9\xf2E\x93\r\xc2\xf8\xd0\x8b\x0b\xc9\xd8u\xff\xc1\x0e\x05\xa7\xb70b\x13\xf0\xad\x17\x8f\x15\xd2^\xc2(]\t=\x98\r\x83\x8a\t3\x14f\xa6d\x88Q#\x9al\x8b`\x14\xb2\xa8\x95I\x19\xa32\xca4\x88\xc1\x99\x1dl\x0f\x8cI\xb6f8\x90\x94\xd0$\xfb\xbe\xdfO\xb2\xd3\xb1g;\x8e\xe5\x80?\xfe~\xbf\xef=\x05l\xc2\x12\xa1\x98\x9ae\x92%R/\xb1\x9a&amp;PL\xa8T\xa8\x14\xec\x93$P\t\xc0jo&amp;\xaf`%\x93\xe9\xcc\xe3\xbf\x17\x9e\xec=yr\x0fN\xa2\xa6\xa6sp\x11L\xec\xbb\xd5SS\xd3\xb7\xeeS\xe4\t\nT\xcf\xf67O[o\x8a\'\'\'\xc5o\xdf\xfe\xf9\x8a\xb0Z!\x16\xf3Q\xa1\xe4\xc3J\x15\x8a\x91\xa1\xd5j{\xf7\xddD\xa5x1\xfb\xd4\x189HX-\xda\x87\xc9I+\xe63\xeb?&gt;[$.\x80\xa1f!\x17a\xbd\x0f\xa6\xcf \xe0t\xee\x06}\x1c\xe2\xc3\x8f\x1e\xcc\xdc\xbc\xf9\xfc\xc5\xa3\x9d\xc3\xe3\xe8\t\xab\x8f?\xf9\xf2\xeb_\x9f\xfe|\x05+\xce\x05\x13\xa9\x08\x8c\x14ClX\xa4\x9248C\xa4\xb1R(`\tB\xfbq&amp;\x1d\x82\xe5W^\xb5\xde\xbe=\xdc\xc8&lt;\xfcg\xf1\x1aqQ\xdd+\xcc\xe7\x16\x16n\xe5H)fj\x0e{{\xe6\x83\x99\x073\xcf\x9e?\xc42&lt;\xd8\x8a\x16Y\x99^\xbf_\xee{u[\xe6\xfe\xf1p1\x1f\x030Qe!\x93\xa0Tf\x87\xcd\x83\x00\x892%\xa91\x0e\x15\x93p\xd5\x7f_\xcf\x00+\x9d\xdf\xf8\xa1\xf5\x06\xbd\xadT\xdb\x07\xf9\xe47\x95\xb5\xfd/\xae\x11\xd5\x1e\xe3\xca\x05T\xf0t.\xb7p\x1f\xff\x07}\xf7\xfc\xc5Ze}s\xe7u\xbbHc\xbdX\xb4\xfb\xe5\xb2W\xafk\x9a\xe7\x12\xd9\x98\x8aaq.\x90\x91^\xd9\x08\x9b\xe6\xef0I\xc4\x14#*U5\x9c\x9eu\xdexs\xdcz\xfa\xc7W\xbfU\xb12\xd05\xaa\x8a%y\x94\xc6~\xdc^]\xbeFX\x9f\x16\xe6\xe6\xe9\x83-\xd7\xa7X\xd6\xe6\xe6\x17n|\xff\xd3_\xfb\xdb\x98V\xeb+\xbbb\xd8wf\xb9\\\xae\xe3\xde\xf6J\xa5\xb2\xa6\x99c\xac\xf88\xf9\x9cLR#l\x17\'X\xc89U\x8c+\x85l\x19z\xc3\xb2\x86\xc3\xa6\xa1\xaa\xa2V\x1b6\xb2\x81\xf5BL\xc0&amp;\xdb\xa45\x99\xdf^]\xda\xdb\xdb\x03\xd7\xdc\xf4\xf5\xb9\xb9\xc2\xec,\xa2V\x98\xff|q\x7f\xbb\x92\x07U\xfeh+\xa4*F}\xad\x0c\x1c\x99\xeeJ\xa5n\xb7\xee\xfb\xb2\xccg\x17\x8d\xd5+\x9ae\xb3\x91`\xc5p\xa5\x98TH:\xe6\x82\xa1\x0f\x9aV\xc3\xd1\x87gM\x03\xa8\xfap\xd8\xe0q\x83\xb1\xf8+!\xf5\xf2`\x9d\x02\x97\xae\xac\xad.\xb1/\xa1\xdf)\xcc\x16f\xa9\x03\n\xcbk\x15\xccu\xaa\x83vV\t\xc5\x92\xa3~\xdd\xf5\xcc(\xc1\xb9\xa6\xady\x9e\xa7\x99\xbe\x1c\xc7\x05\xc5\x15\xe3M)\x8a\x91\x80J\xa0\xeec\xe3\x93\xb7\xa0a\x9d]\xf4\x10,\x87\xb0\xf0\xd8i\xe8F,\xab\xb2\xe7\xa8\x11$)\x91:&gt;\xcc$\xd1\x0c\xe9L\xe5\xd1\xfe\xf2\xe2\x9d\xa9B\x81\xb0n/\xfdR\xc9\xd0\x00\x85X\xa7UQ\x919\x92\x1ceW_\xf6\xddnI\xf3\xe5:\x82\xd6\xf7\xfa\xae-+\xb2\x8f\xbc\x01PaXL\xb1H\xd8|\x02\xc3\x02\x17Y7j\xea\xcd\xb3\x0b\x1d\xb2\x04XRL\xc4\xe2\n\xa8\xd8\xdc\xc05\x91\xda\xdd\xc9\xa4\xd1\xa6i"[[\xbe}\xa7P\xb8\xbd\xb4\x9d\tk\xe58\x0bs\xa0D4\xce\xc4`\xc2\xc4\x15\xdf\x06\x82\xac\x81\xaa\xef\xf6\xcb\x9em\x9b^\xa9V+\xf5p\xdc\x0e\x8d\x8c\x84\x0e\xf2\x0e4\xb4\xc1hd\x9dw:\xd6\x18\xeb\xbc\x87\x81\xc1\xf7P\x88E6\xb2\xb7\x91h\xb76j\xe3\x92V\x00\x00\x02lIDAT\xdeK\xf3\xca\xe4\xb7\xd7\x96W\'P\xf9\xd3\xb6H\xef?\xae\x04\x16\xc9\xecFG\xe2\x10\xc6\x04\x91\xe6\x82L\xeb\x96K\xb5\xae\xa6\xd9\x1a\x02g\x8b\x81\x89\x89q\x0b\n&lt;N\xba\xe34\xce:\xcdf\xa7\xa3\xd3\xb1\x9e!\x08&lt;u\x92\x14\x0bK\xe2\x82\x01.\xb5u\x98O\x87\x95\xa9@\xbc\xa0\x8e\x8e\xb3\xa0"\xa01\x96\xcc\xa2\xad\x90O\xb8\x99^\xb9\xef\xd6M\xdbD\x03\xd4J\x9a\xf9\x1f,N%\t\xc6\xa09\xe89\x0eYx~\xd6\x19Y\x9dN\x0f4\tI\xb8\x8a\xa5^\xe1b\x92\x91\x93\x1b\x94\xb0$B\x96F\xd6\x18Sr\xe3u\x95\xbd6\x88\x14\x1eh\x99\xdf)A\xe1\xd5\xd1\x00\xdd\xbab{\xd4\x01.1u\xb5\x89\x89\x8c\n:YNO\xa7\x810h\xe0~\xd89\xb7:\x17=!,f"\xc7\xe2FJ\xbc\xe8\xb9\x04\x17,\xc9/\xb413\x18\x0b*\xbdmE\x19s\x05?\xa9\xeb\x98Z\xac|\xdb\xb7]\x1af\xbej\xf7\x11/\xcd\x1d\x0c\\]dXB\xc2i4G\x03=\xe14/\x06\xbaA\'X\xce\xb0s9h\xf6R&lt;TL)!t\x90\x8f4)\xcc\x97\xc0\x05[\x81T`b\xdb \x9d\x7f]\xcdfE\xce5\x01R\xc6X\x01\x97(\x9aZ\xdd#*Q\xf45\xa4^+\x03\xadF\xd1\xafG\x8c\x9e5\xb2\xc8&lt;\x07\xfa\xe8\x86\xe1\xe8Z\xc3\x1a\x8e\x1a\x86\xc1\x12\'\x05X\x12\xb3-\xf0P\x8d1P\x89C\xe3\x96j\x9f\xae\xf3x\x81jcWP\xdf\xc1R\x02\xbd\x14.\x1faq)iH\x94\xfb\x1aVa\x9d\xa8\xccRm\xe8\x9a\xa6\x8b\xdf#\xa3\xcb\x81c8\x8d\xd1\xa5\x8e\x9071\x1a\xbad\xa3\x91\xa0\xd3\x08\xc6\xf5\xffX\xb1\x00+\xc8\x1c\x86\xd8J\x9a\r\xb1\xe4\xca\x96\xaaN\xb0\xc0\xa1\x84`J(T\xb8ed[s]\x13\xe74F\xb7T\xf3\xea\xa6W\xabYf\xb7V\xabu#\x9d\x1e\xad\xbdf\xcfI!\xe4\x97p\xd1\x10\xd8\xa9_\xd0\x9dB\xa0\x0b;O\x95B\xaa`tqb\x964L\xfd\xd3&lt;9y\xb4\xc5v*\x9d;\xf1p\x85"\x05z\x89\xe2\x18\x8b\x8eb\x01\xe1a\xd6t\x1b\x08=\xd4\xea\x02\xad\xa4\x9b\x91\x8e5\xba\xb4t\x0c\xd5\xbb:vM0T\xc1%\xf0Q\x86S\xd41\x924\x99Za\xe4\x19\x13_G\xa9\xc4\xf1N:yt\x97\x1e^\xe1b\x11\x97\x15\xe5J\x0b\x86b\x894\xd5\xe9\n\x17\x15\xdfltK\xa5\x01\xb9\xe9\xd5\xbb\xff\x02\xfdx1zb\xd6v\x96\x00\x00\x00\x00IEND\xaeB`\x82'</t>
        </is>
      </c>
      <c r="M74" s="3" t="n">
        <v>45492.67851851852</v>
      </c>
    </row>
    <row r="75">
      <c r="A75" t="n">
        <v>221206</v>
      </c>
      <c r="B75" t="n">
        <v>49202</v>
      </c>
      <c r="C75" t="inlineStr">
        <is>
          <t>Marllon</t>
        </is>
      </c>
      <c r="D75" t="inlineStr">
        <is>
          <t>Marllon</t>
        </is>
      </c>
      <c r="E75" t="inlineStr">
        <is>
          <t>ZAG</t>
        </is>
      </c>
      <c r="F75" t="inlineStr">
        <is>
          <t>ZAG</t>
        </is>
      </c>
      <c r="G75" t="inlineStr">
        <is>
          <t>ZAG</t>
        </is>
      </c>
      <c r="H75" t="n">
        <v>184</v>
      </c>
      <c r="I75" t="n">
        <v>4</v>
      </c>
      <c r="J75" s="2" t="n">
        <v>33709</v>
      </c>
      <c r="K75" t="inlineStr">
        <is>
          <t>Right</t>
        </is>
      </c>
      <c r="L75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28efe40c-4c3b-4e73-81b3-99d7132d5ad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4s\x8c5\x00\x00\x00&gt;tEXtComment\x00xr:d:DAEewil2SDw:3197,j:2859061571337059036,t:23090301\x03\xa6\xfc\x13\x00\x00\x00\tpHYs\x00\x00\x0e\xc4\x00\x00\x0e\xc4\x01\x95+\x0e\x1b\x00\x00\x03\x00PLTE\xff\xff\xff\xfd\xeb=\xfd\xefF\x9fi?\xfe\xee&lt;\xfd\xeb6\xfe\xf2F\xff\xff\xfe\xff\xf3?\xfe\xf0A\xa9qD\xf6\xe43\xfe\xf5D\xaewB\xfa\xe96\x9bf&lt;%#$\xa4mAzS9\x1f\x1e\x1f\x1f\x8dZ\xfc\xe89\x81T;\xb5|BoK3P8/\x1c\x88V\xfd\xfd\xfd\x1a\x18\x19bI9\x87Y@\x8dgP\x93iO\x8ebJ\xb5\x7fJqK;\xb1zHiN&gt;\x98kO^A.\x83W0\xf4\xe0.\xa0mJ#\x96a\x88`F\xfa\xea=\x96c&gt;\xfa\xe62 \x92^\xfd\xf5NVA5iF-\xabuK\xbb\x84GiE8\x80X?pUA\xfb\xeaD_A:\x92`9tQ6\xbc\x8a]+()sO*V@#\x8e]AW;2wP?\xf7\xe69\xb8\x85`\xba\x8bi\xf3\xe26!\x9ce\x8c^8\xb7\x81W\x81[F\x90hH\'\x9dg\x9cs[\xacs;\x82aI\x86eM\x1b\x80P\xb1\x7fXD60\x8bX/\xf9\xf8\xf7\x9dnQ\x91[5xVD\x99fG\'\xa2k;.)|T,\xa3rP\xfd\xefM\x19yJyM-\xc1\x8fa\x17a=\xbf\x91n\x81]?\xf2\xebS\xf7\xeeK\x97_9\xf3\xe6E\xa9wU\x89W7z[?\x89]0\xb9\x86R\x87^M~SDxK8\xa4tZ\x81P0\xb4\x95\x85\xab~_sF+3)!F2)\xafxS\x97oS\xed\xea\xe9\xc2\x94v\xee\xda0\x97c/\xa3{dkL(O0!\xb6\x8fzbH%\xa0g1\xaa\x82l\x91mW\xe2\xe1\xdez]I\xac\x8ay\xe2\xdeP*\x83W\xe8\xd2)\x19mC\xb4\x7fe\xa6l5\xe1\xd7]\xc3\xaf\xa4\xde\xd3G1--\xe8\xe5\\,\x1f\x19\x14V4\x97nE\xcc\xdcS\xfa\xf4Xk=$\xd3\xa5~\xf2\xf2\xf1\xcc\x9bp0\x91\\\xba\x9e\x91\xdf\xc2\x1e\xeb\xddC\xc1\xa7\x9c_7"\xc7\x95hYUT?\'\x1b\xd1\xc6\xc3\xa8\x9cM\xbf\x8cQ\xad\xa3`\xbd\xb0W\xd3\xc9;\xe9\xe8O\xd5\xcbQ\x91e;\xce\xc1L\xc1\x9a\x81\xc6\xbc`8S0\x0f\x0c\x0b\xc9\xbc0MHF\xb8\xb0m\xc4\xbbG\xcb\xb9\xaf\xf5\xedf\xbc\xaf@\xb3\xa5H{n+\xa9\xbeK\x9e\x9c\x9e\xbd\xccI\x92vh\x89d&gt;\x16B&amp;6\x87I:\x9b`\x93\xa54\xa3{Y\x9c\x84u\x97\x8dO\xe7\xe4k\x86{:\xa0\x93@\x80\x7fz[mB\xc7\xa2\x8b\xb3\xa4\x9e\xe5\xdc\xc6L\x98[\xdd\xc9\xaccaaaX0\xd0\xda\xd4I;\x19\xd1\xc8f\xc0\xbe\xbf;8:\xb0\x9d)\x99\x89\'\x8f\x8b\x8cupj\xcd\xad\x96g\x9aA\x92\x85&gt;\x8e\xb3Op\xaaY\x96\xbff\xd3\xb9\x9b\xb8\xd2l\\\xa0]eW\x1a\xab\xaa\xad&lt;vNlXS,nA\xdd\xd3g\xf9\xf8\xe1M\x8eA\xae\xcc\xb6KcA|tR\xd6\xe3ol\xab\x81\xe4\xd8\xb5\xa5\xc4\x7f\x86\xb5\x8d?\xa7u\xf4\xee\x8dds \xcc\xc2{\xd6\xd2\x83\xf9\xf4\xbe\x94\xc1\xa5\xce\xdd\xaes\n\xb1D\x00\x00 \x00IDATx\xda\xc4\x99\xdfK"{\x1f\xc7\x17\xf6b`\xe1ag\x15\xc2\xc1\xc6\x1f;g4\x16\xe9bZ\xc6\xc1\xa3s\x9e\x1c\x12J\x91\xa4\xd9|\\\xe6\x04\x85\xc1\xc3\x9e\x9eu\x8eG\xd3\xa3\x81$Tz\x13\xc4 A\'\x08\xea\xd1.CX\x84\xae\xa4n\xea&amp;\xda\x07d!\xc1\xf6:\xf6\xee\xfc\x05\xe7\xfd\x9d\xdd\xf3\x17&lt;\xda~\xb4\x99\xd1\xa8^\xbc\xdf\xef\xcf\xe7\xfb\x1d{\xf2\xe4\xff+\x8a\xa2\xecx\xa2(\xbc\xc2\x91\xa2\x9e|\xef2\x89\x16w\x1e\x1e\xba\x83\xc1\xa0\xfb\xf0pw\xba\xb3H\x99\xf5=\xa9\xec\xf6\xc3\xc3\x9dn\xaf/\xd3\xb4u|\xdcJ\xd3r\xbf\xd3\xbby(/.\xda\xbf\x1b\x18$)\xdf\xdd4\xfb\x04\xc8|\xe0l\xc5\x99\x96{\xdd\xee\xdd\xa2\x9d\xfaN\xf6\x1d&gt;\xf4\xe4\xf1\xafe\x1d\xff\x1b\x8a\x9cpm\x0cv\xbe\x83\x93HT\xf9\xa1I\x7f\x83A\xc1E\xab\x15^\xd2\xe4\xd2|\xbb\xd3-?\xb6\x93\xb0\x0fPV\x04\xcaj5dr\x81XYi\xc3\xa0I\xc0\xac\xdf$l&gt;\xb2\x93\x94}\xe7\xde0\x851\x91\x80\x81\x17\x86\x8c2L\xbd\xac\xdf&lt;5\x06\xe5G\xe4\xa2\xa8O\xf7}\xd90\xbeb\x98\x89\'x\xb2\x0cN\xeb\xdf\xa0\xa6\xbbt\xef\xf4\xd1\x04\xa3\xec\x9f\x9a4\x98h\xd9,\x9a\xf8\xf7-a\xa6p_\xdf$\x0eC\xc4~\xf7\xd0\xfe(`\xd4\xe2]\xd3\xcc6\xd0\x0c\xd5\xb4\x0e\xf2\x10J\x9a6\xfa21\xd6\xe8k\x98`\xc4P \xf7\xee\x0e\x1f\x03\xeb\xf0\xa1O\xfe\x1c\xa40d\x95W\x05\xa6\xa9j\x05\xb8itpV\xf1\xd5\xb0\xd2\x02_\x80\x9d\x86a\x8a&amp;\x0f\xca#\xefHj\xb1k\x98\xf3`\xbcQ,\x16\x03\xd2\x97\x84\x94\xa8\t\x01Am\xa8_\xbe\xb0\xc5\x00\x13`\x99F\x83\xa9y\xb5FC\xd3\xd4\x02\t\x1a}3r\xae\xc3n\x9f\x8c\x83B\xa3\x10\x16\x95\xda\xf6\xc5\xf5\xf5\xc5u\xfd\xe2:wq\x7f}T\xaf__l_T.\x12\xb5\x9a3\xa3\xb3L8\xec\x15\x1a\xa4\'\xe8\xc1\x88}&lt;\x1c\x90\xf1\x04\xa1\x18\xd1\x1fu\xc6\xeb\xf5z.\xf7qoo\xef\xfc\xf4\xf4\xf4\xfc\xfc\xe3Q\x0eU\xafW*\xf1R\xc9\xe3\x8e\xa6\x94T\xb8\xa8\x92\xe4u\x17\xa9Q\xf6\xe0\x9da\x95U\x86\xe1\x15\xdd\xefs\xbb\xe2[[\x95\xad\xfa1\xa8\xf6\x00u~\xbe\x07,p\x9aX.\'\xa9L"\xca1\x9al\x95\x1fF\xc8E\xed\xf4h5\xc0\xa6\xa2Q\x9f?\xeav\xc7J\xf1\x8b\xf8u\xeex\xefx\x0fH\xa0\xdb;\xce\xe5\xaa\xf5\xfaV%\x0e\xb5JN\x97\xcb\xe9\xc6!#j\xf4\xb8|7\xb2xQO\xbaVYHE\x9dn\x9f\xcf\x11uLO\xbb\xb6+\x95\xad\xdc\xd1\xf1\xb1\x89\x84:B\xbe\xb6 a\xdc\xe5\xf2\x98XN7\x0e\x99\x00\xf2u3:\xac\x9d\x8eU\xe3\xa3\x19\xb7\xdb\xe1\xd0\xfd~\x87c\x1a6\xc24\x80\x11\x1fM\xb1\xea\x84\x0b\x1ez&lt;\x1e\x97\x1bPn\xd7\xb63\x93Reksd\xa9_\xec\xca\x86P\xcb\x10\xac\xb11?\xd4\x9avg\xb7\xb6\xaa\xd5v.g\nv|dZ\x08\xacl\xd2\x93Lz\x88Vn\'\xb02&lt;\xc6\xeb\xa8R\x0f\xb1h\x95\xafe|\x84jl\x0cX\xee\xe9\xb7\xc9,\xf2\r6HF\xda\xb0\n\xa6|6\xbb\x94\x84Z\x1e$\xcbM\xb0\xa2\x99\x8c@[;;\xf6\x11\rR\x88\x95\xd2\xa3\x0e\x9f\x03\\\x0e\xa2\xd6\xdb\xb7\x1e\xd8X7\xa1\x8e\x08W\x1di\xcf&amp;Q\xf0\xd0\x83\xc4CYW&amp;j\xcae\xdc\x8ddm\xa4\xcaM\xd9`S)\x12*"\x96)Wr\x89\xd8\x08\xae#3\xf09ta\xb6\x127\xb5\xf2x\xe2.w\x86\x0c\t=\x93\x90T\x99\x1e\x8c\xc4E\xfbi_\xd6$]Q\x10+\xbf\x1fj9\x88ZK\x15\xd8V!."Y\xc8\x16y\x91\xf5\xa0\x11=\xe4\xe0\x82X\x04+C\xb0\x9a\xe5\x11`QT\xd7\xa0\xd5Z*\xa5X\x00\x85\xc0\x93\x07\xa2\x95\xddB\x9e\xe0\xa3\xe9b\xbbZ\'\xd9"j\xb9&lt;\xdb\x98\x10&gt;\xc4+\n\xac\x14\xa3\x19\xfdQ\x8c.\xfb\xe2\xbda0)EW\x82\x16\x8bN\xfa\x90\x0c\xaex%O\xe2\x8en\xfc\xfc\xf9\xf3m\x1b\x17\xd5\xad|\xfe*\x1e\x8f{\xcche2N\xb7_\x8f\xea)A5\x8c\xc1\x08\xc2E\xed45M\xc0*\xa7\x04\x15\x8b\x05\xf9\x82\x89nO6_m\xdf\xe6\xda\x04\xeb\xf8\x96\\\x00,Ol\xcd&amp;1\xb2\x80\xe5\xf3\xf9\x14]\'X\x9a\xd1\x1b\xfe\xe8\xa2\xa8\xbb\xbe\x89\xa5\x04Q~\x92{\x9f;\x99\xdd\xdd\x8d\xb4\x81S\xdd\x02]\xbb]\xc5\x03\xc7H\xa4\x1a\xc9#`\xee\x04\xd4\xca\xe8:\xa7\xe8)/\xa3i\x9dOC\x1f\x11\x94\xfd\xa1\xcfh\x8c\x04\xa6_\x83\x16\xc5\x82&gt;\xf4x\xde\xedF"\x04\xebv#\x12Io\x00\xa6Z\xbd\xddho\xa47\xda\xed\xf4n\x96\x8c\xd3L&amp;\xaa+\x1c\x17U\xc2\x8c\xa6"\\\xc3\x8f\xd6@\r\x17\x19\x89\x83\x87\x9c\xe9\xa2;\t\xaatd\x03\x0cm`\xe1\x12h\x1b`"\xcf\x8d\x8d\x08\x12V"6F9\xf1W\x9d\x0b0EM\xed\x0e=\\\xf6\xf2\xbd\x1af\x08\x16\x87R\xf4\xa8/\xf6.?\x13I\x93"\xe2DV"\xa1\x08yM\x88\xc8\x9b\x91\xdd\xdd|%\xbe\xedL\xe8\x9c\xa8\xe8b8\\,\xaa\x83\xc3\xa1\xbb\xb8\xd3\xc3\xb6\x9d\x91\x14\x85\x139E\xf1c\xb3\x95\xdf\x9d\x89\xcc\xcc\xcc\xa4!R:\xbd\x12\x9a\xfb}nn\x06`\x91\x85|~\x17\xed\x88\xaaT*Xz8N\xd7Eo\x80a\xd4\xfb\xb2}\xf8\x0b\xa2*\x08\x0c\xcfq6`acz\x85\x8a_-\xe1\x99\x8f\x00*4\x13\x9a\x9b{?\x07\xd1\x96\xceb1\xa7\xc4\n\x82\x94H$2\xb5\xf9\x8c\x02,Nd\xa1uog\xc8&amp;\xda\x9f\x9c\xf6\x81%H\xc0b\xf9\x94s\x1b\xee\xd4$\x96\x97\xd6\x9c\xf3\xa5\xa5\x85\xc8\xca\xcaJ\xe8\xfd\xcb\xb9\x99\xd0\xcaL\xd27/ax\xca\x05\x1a?\x10`Y,\x0cz\x14\x1a\x87\x99b\xe7\xd3\x90\x07*\xb6\xcb\xaa*\x84\x03,~\xbf\xc8I&lt;\xcfb\x10\x15\n\x9a*\xf0|b\xd53C\xf4\n\xbd\xc7W$\x1fK\xf0\x82\x86\xef5\xc8M\xa2\xa6\xaaL\x00\xea\xe2\xa7\xa0\x96:\xec\xd5\x1a\xf3A%jy9\x1b\'\xb1\x0c\x90\xc8\xc7"PDc\x04~\xcd\x95\x8f\x84\x08W(\x94N_\xc5\xd6\x04\xdc\xaa\x01\xccd+\xe0\xcc(QE\x14\x11.\xa6;t\xac\xae\xca\x84\x05\xaf\xa8p&lt;KnQ\xc9g\x0ct\x01z1av-\x9e\x8f\xc0CD\x8b`]\x06\xa7l\x98n6im\x1e6\xab\x04/@\xc2\x15\x80\\7C\xdeD\xd8\xed\x03U\xf0\xc2E\x8e\x0b\x98"\xc0?F`Y/\x10\xd6\xd6JW\x91\xd0\xdc\xc2\xef\x0bs\xd0\xeb\xdd\xfe\xe5\xe5\xd9\x8f\xb3\xb31\xcf\xd2\x12\xee3\xe6y\x8cw&amp;\x05\xb9\x02\xe0\xea\x1d\x0e{n\xdd\x98j\xb1A\x89\x811\x82T\x9b\x8f\x95J\xb1\xcb\xd5\x89\xff\x9c\x9d\x9d\xed\xbf~\xff\x1e}\x88l-,\xbc~:9;\xb1~pb\xf3\xc7H\xb3^\x95\x12S\xc5"O\xe4\xf2\x86\x99/\xc3\xde\xdb,\xde\xab\xb8\xa5\x17\xc45\xbe\x05\xa8\x84s\xbbtu\x15\xb3\xacZl?\xfd&lt;\xf1\xaf\xe7/~x\t&amp;p\xbd\xfc\xc7\xb3\xe7\x13\xcb6\xef\t\xca\xe6_-]\xbdK\xee\xfb\xbc\xc5@JOA.f\xd8[.\xaa\xfc\x85\xb4{@L\xb1Ev\xed2\xe6\xca\x02*h\t\xdal\xeb?-\xff\xfc\xe6\xc5\xeb\xd7\xcf0MCs?&lt;{:\xb1\xbc&gt;u2\xe5e\xf9\xb5\xc4v\xd4\xe2y\x15\xbb\xf4{\x03RJG\xb8\xc2\xc3V\xcb^n"KB\x80\xaf\xb1\xe1\xe0\xea\xe5\xdb\xa5\xa51\xcb\xea&lt;6\x85\x9cm\xca\xb6\xbe&lt;\xfb\xf4\xdf\x93\xaf0\xf3\x17^&lt;\x9fX\xff\xf5\xe4\x84\x13\x99\xc6xC\x93\x12\x16[l\x7f\xf2\xed\x98(*\n\xd6\x1fa\xd8X\xd8m}\xc5\xe2\x03\xa2eb\xf6\xd5\xfeTPl\x8d\x7f\x18\xd7\x02\xa2\xf7d\xea\xe4\xe0\xcd\x9b\xc9&lt;V\xc6\x85\xc97\x07S\x9b\x9b^\xf6\xa6\xff\x01e\x14\xbc\xc1`r\x7f2f\x119\x1eX\x81\xa1g\xcb\\{\xc2&lt;*\xe8\x98\xdd?;\xf9\xa7\xa6}\x18\xff@\xf7\x07\xec\xe6fk\xf3d\xfd\x97\xa7\xbb\x9fo\xd3\x0b?.\x9fl\x16\xc3\xde??v:t\x8f\xbe\xe9|(xW\x97\xf6\'\x1dX\xde\xf9\xf0\xf0M$Kb\x91aX\x96\x0f\xae\xfe2;y\xd0\xfa\xd0\x1c\xd0M\xba\xd7\xf9\xf8g\xb1\xd5j\xb4\x0ef_\x01kcf\x92`\xb5ZEVU5U\x13\xc2\xadF\xc3\xeb~\xf7*\xa6+&lt;\xcb\x98\x9d8\xcc\xe5\x87\x82Z\x18Ta,\x82\xab\x97\xb3g\xb6\xd6x\xa3(`\x98\x16T\xa1\xd5(\xb4Z\x9b\x07\x93\xaf\xd3\xc0Zy\xf6\xdb\x81\x18\xde\x84\x8d\x9c$\xcd\'\xa2&gt;\xbf\xcd\xcbx-\xab\xd3\x97)2\xb6\x8a\xc0\xb2\x0fm\x13A\xfe\x05Vnby\x13Xi&gt;\xb6\x1f\x0bn\xb6\x18\xd1fc\xa5TJ\xe2\x01\xe1\xdd&lt;Y~\xba\x90\xbe\xfd\xe3\x8f\xff\xbe|\xfe\xdb\x94\x17X\x8c\xa8\xccoWp\xa3\x88\xbd5\xe9\n\x1b\x87\xf1Pd\x02\x0f\x9fN\xff\xb78\xb4O\xe1\xcf\xcf\xbb\x9d\xa2\xca0\x01\xfe/Z\xcd\xe85ql\x8f\xe3\x0b&gt;\x14\x84\xa5\x98\x87\x10\xe941M\x8d%\x04\x1f\x1aI\xa4\xb5\x97\x89A\xa1I\xf0*N\'\x1a\x98\x80RA\xa2\xb4\xa6\x99f\'V\x98\xb5\x97i\xed\x8bP\x96\xa1`G\x16\xae\xbd\x95}\x1a\x06\x86\x85&gt;v^\xb6/K+\xc2\xbe\xed\xf6\xc9?\xa1\xef\xf7\x17\xe7_H\x0f-\x86V\xf4\xc3\xef\xf7;\xdf\xf3\xfd\x9ds(\xd4\xe2\xc21\x0c\x11U5B\xb0\n\x95\xbe\xbe\x0e\xc78{3(w\x1e\xef/\x87{\xab\x8b\x8d\n\xd7\x85\xf8q\x12\x18~\x04\x06N\xb3\x02\x8amxX\xef\xc2\xcb\x05\xa25\xf6ga\\8\xbd=\xb9\xdd\x80\xe5\x17\xa2\xb5\xc1s\xb0\xdc( \xa3(* T\x0c\xca\x9d\xc3\xec\xedz\xc0\xad^&gt;^\x0e\x87W+\xa1@@\x17\x91\xd8\xcb\xee(\x06\x11\xad\xa0*}\xa1~c\x85y\xb4^-K\x82=z\xeb\xcb\xc2\x08\x9efT\x11x0\x05\xef\xd6\x97\xa31.\x85\xa8\xda7a\x9e\xaan\xf7%\x87n\xc7\xe3\xf5\xd0\xaa|\xe5a]]m\xad\x06\x83\xa0\xad\x8c* \xb0`\xa3"c\x14\xa1\xe2I\xdc\xf2\x1cDZ\xc2\xed\xc6\xc0\'\xac\xd7\x0f#\xd4\x91\xd2\xdf\xb1\xa8&amp;P1\xcc\x85\xc0\xc7b\x9c\x85\x8aq\x9dI\xac\xae\xae\xc8r\xf5r6\x03.0\xcf[`r\x8a\xa6\xa13\x0c\xa8\xae\xeb\x9a&amp;\xad\x8a\x1eV:\xcc\xe3\xf1F\xdd\xb9\xf3\x05ki\xe9aT\xb1q\x1e,\xd4F4I!5\x95a\x18C\xd3\xe7\x8313\x19Y\x9e;\xad\xcb\xe9\x0cj\x1el\x97\xbcu\x05x\x19\xd70\x0c\xb3XtM#\xde@Q\xcb[\x12y\x91\xd6\xeb\x95\xbbO\xfe$\xf1\xa6;h4\xac\x98\x87\x15\x05\xac\x9a~a0\xa6\tlf\xd1\xedg\\7\x93\xf5"t9\x9dz\xc5U\x1dB\xdf\x91\x95\xab\x90O\xd7{\x0b\xa4\x10\x9fcA\xb8x\x9c\xd6\x1a\xce\x89O\xeef\x0cX\xa8\xc3\xbd{\xb5\x016\x1eA\xc4\xcf\xbaf\x1c\x16\x8b\xd0\xf8l\xc9F\xc2\xcd~\xd9\xf5\xb0\x86\xb3\xe9\xe5%\xa4q8\xdc\xcd\xc8\x89\x84\\\x1d^e\xa0\t2\r\x15\xc5q\xd4\xf2| \xdf\x12\xe9\xc6\xc0/\xa9\xff+\x8c5\x1a\x0e\x07\xfa\x00X\x98\xf0\xed\xdb\x05c\x16\xbd\xd6+#\x87\x02\x89b\xe7r7\xb3\xb55\x1c\x0e/\xe7\x03\x1ev\xb7\x82\xf5\xba[\x1dvv\xb72E\x93fY\x15Ga*n\xf0\xd6\xe6b}\x90\xf6\xa9\xff\x19\xf3x}g\x90J\x83\xb1\x81h\x81\x7f`\x12EH\x14Tw\xa8\xa4\x1b\x90/\xe8\xc5\xa0\x9e\x86\xdf\x99\xe0\xf5Jv\xebv\xc9\x85D^A\x1bk\x1at\x84D\xa1\xb66(k\'d4\xd2c\x7ftk,\xd1\x01{ m\xa4\xe1\x93S\x02\xaezu\x0e\xf1\xd9\x92\x13\x8bu\xc6\xf0\n^.\xae\xec]\x01\xd6\xd5o\x90\xcc\xab\xea\xde\xaa\xeb\x82\x94\xc9\xd5l\x15\xdak\x98\x95\xb4\x8e{\xd1\x92\xac\xfaj\x96\x19\xf8\xb2\xcf\xb5\xb04&amp;\xff\xd0\x01+:\xc7\xaa\xb1:\xe3z\xb3\xaf*\xbb\t&amp;\xe4\xfd\xc8++\xc1@pu\xabZ]\t\xfe\xfb\xc7\xbd\xbd\x95\x95U\x19\xbc\x97\x0c]6`\xed\xf6]F\xd7q\x8b\xda\xe0%k;\x91\xe9\xa3\xbea\x95l\xdb\xa1\xa2\x10.J@D\xc0\x82\xae&gt;3\xb7\xeer\x06\xc2\x12\x0c-\x96v\xea\xc1\x95\xdf\xf6~\\\xdc,\xc5\x17\x03\xa1D\xa6\x03u\x0fX\xbb\x1d\x88V0 \xea\r(.\x9eB\x1b\x81\x10C\x8e\xfd\x91\xd3s|0p*\x16\x9f^_.#)&lt;\x0ee\x9e\xcd\xb8\xab{\xa0Q\xd5N\x86Y\x8c\xdb\x15{\xad\x11ZY\x91\x83\x9fqgP\x89\x9bn\xa6\xd3\xc9B+4\xc7K\x84\x02\xa2\x08\x96\x0b*^dJ;\xa5\x88OX\x0f\xf8h4\xd8^\x8b\xa5\xd3Q\x05A\x84\xcf\x8b!\xf0\xc7 \x01[^8\xfaz\xbc\xe1\x8cF)\\O\x04\rZ\x15\xba]N\xd4\x8c~\x16\xb2\xe8\xba\xc0\x0fX\x81x\xa9$\xce\xb1\x0e\x8a\xf6\xc0n\x9f\xfa\x86\xd5\x1d0\xdb\x1c`I\x16\x826\xea\xa1"d&amp;(\x17\x8b\x90\xc4\x03\xd1\xc6^\x02K\x93\x05\x91%\xc9r:\xbc\xdc$"\xda!(\x16c2\x89\xccn1\x14(\xd9\x8dM\x9c\xdf\xe0\xf1Cs\xd0\xb5s~a\x91\xa3\xebQ\x9c\xa9\xa4\xd3\xcb\xe0\t\x90\xb5R=\xd17\x17C\t\x03D\xdc\xc8\xb1X\x18,K4\x89\xa8\xe0\x1c\xca\xd0tG\xa1\x89\xcc\x9f\xe4\xda\x11\x964@va\xba\xda\x15\x07E)\xde\xd23\xf1n\x97&lt;\xf1\x0bK\x10\xae\xbbH\xb1\x11\xf3\xb0\x9c\xca\x9a\xbd\x13g\x988#z\x9e\xabM$\xd7\xc3\xe1\xb9o\xcd+\xcd2\xbc\x00\x17\xd8\xc3^\xbe\x90/\xf35\xed\xd0\x80\x0c\xda\x15\xce\xb20\x1e52\x83\x11N\x9e\x1c\xf9T\xf2\x1c\x8e\xe0\x8e\xf1\x99\x03\xd3\x80q\xce\x9b7vC\xbf\x88\x0b|Yh\xd6\n\xbd\x18Py\x8e\x87*G\xa1\xf9\xa7ze\xaf\x0f\x89&amp;\x93\xc9^o\x99W\xff\xb8\xd8\xb6w\xec\x8a\x85\x02\x16\x9ep\x07\xb6\xee\x9c\xf9cl~\xf8\xab\x8c\x91\xfah{\x11\x03,\xee?\x83J\xc5\xb1/\x18\x91\x8f\x96\x15\xc9\xfbnP\x7fx\xb4(\x8a\x8bqH$wRH\x02T/_\xce\x97\x93\xcb\xcd\x9c\xfa\xa6\xb2\xe6TPp6\x94\x98X\xac\xe8\x0cr\xee\xcf\xfe\xc8\xd2\xa73E\xd3\x1d{\xd3\xf6\xb0\xb8\x81\xe38k4)\xad\x97\xcbR\xb9\x97OFyJ!r\xb9\x08\n6A\xd4s\xb9\x0f\xc7\x1fr$\x9b/\x14\n\xbd^Ri\xd3\xa0\x1e\x8e% \x16e\xe9L\xa9\xc4$\x8c\x1b\x9fv\x93\x16\xc6g}\xcdv\xd6\xd6b1\x0c\xc3\x00\xecg\x94\xcd\xf7\x92\x85r\xaf\xd9S\x10\xf0\x07\xa4w0-X0\xa4\xfd\x93\x93\\\x0e\xcc\x98\xea\x81\xe5{\x05\x82\xde\x06)F=,\x94a\xc05&amp;2c\xbf\xb0\x8e:\x99C\xb1\xd2hp\xb1(%A\x1e9\xb4V\x98\x8f&lt;\xfbm{\xb3Q\xb1\xa4\xd6&gt;\xd1\xe2\xc1\xbc[\x92B\xec\xa3\xa8\xdd\x10E\xb6\x90\xcf\xf7\x08""\xa2\xd0f\x08-\x89\xc2MX\x84\x18\xf7\xde\xb7\x16vi\x92u]\x06d\xd3;&gt;\x170\xeeg\xa4Y(\x9c\x10\x04\x0b\xad\xac\xed\x0c8L\x10\xbc\x9d"Hf$w\xfc&gt;w\x8b@\xae-\x04\xc9\xe7\x15\xe2\xa4\x8d\x0b\x08\xca\xe2-\xc9\xa2\x8b\xa0\xb0\xd9\x99\x7f\x97\x94\x96\x96N\x1faq;$y^*+\x90FD\x80P(\n\x06}F\xb4p\xf7\xeb\xd9\xfd\xfd\xf1\xec\xfc\xed\xdb\xe9\xf4q\xf64\x9b=\xbd\xad\x95\x97\xa1}\x04vH.\xcb"\xb8J\xa2\x141\x9e\x9cN&amp;G\xaf\xfdk\xab\xa1}}\xfd\xe9\xe8\xe8\xe8\xf4!))\x82\xb7}\x84\xe4\x9b\xd1^2\xfc\xd3\xd7Ww\x8f\xd3\xa7\xd9\x14X&amp;\xd3\xd9d2\x9d&gt;M\xa7\xf04{\x1f~\xf1.Z\xf0\n\x9fe\x05\x95&amp;\xd1\xd6\xf9\xf7k\xa0\xbenB,|\xbfYzt\x97R\x14I\x90R\xa9\x1a\x84+\x99\xfe\xf8\xf5\xe3\xed\xcd\xcd\xe4\x06h&amp;\x93\xa7)\xfc\x02\xddtrss\x9e\xbc\xfe\x98\x8e\x02UD\xad),M\x8b\xad\x93\xe7\xb9g\xe3\xdd%]z\xfd@)\x85\xbc\x02-`\x8d\xc8\x11M\x89\xbf\xfe\xb8~\xfb\xcf\xc3\xff\xfe\xfc\xd3\xbb\xd1r&gt;\x9e\x8c\xff&gt;\xbf\xfb\xfd\xe1\x9f\xf5\xdf\xafc\xe5^\xc1\xdb4Tq\x96\xa4i\x16\xbd{\xbe[\\`\xbd\xcaJ&gt;_kbX-\xd2n\xb3,\xb9\x0f\xdd\xfe\xc7\x17\xde^\x96\xb7\xf5\xfc\xcb/\xff\xfa\xfa\xc2{\xfc),E\xbc;#\x91\xb6F\xc2\x88\xa8x\xeb\xbf\x0b\xcf\x88u\xda\x93\x94BA\x91R5\x15\xe6\xbeJ\x12\x04)\x8a-&gt;\xdd\r\xa7\xd3io\x8b;\x1dNS-\x10\xafv\x9b\xa6IV\xd54\x91e# \x12\xad\xf13\xde\x95Z:\xba\xc5\x14\x92P\x9a)D\x01\xa5\xd4\xda,\xd9\xf6\xce:\xfb\xfd\xe3\xfb\xc7\xfb\xe3\xb3\x0f\x07\x07\xfd\xdd\xceq\x0e\x14U\xd3\x0e"\xf0O\x9a\xc4Y\x15\xb0\xf6O\x9f\xf3\n\xd7\xeb3\naY%\x8f\xa4\x04\x96T\xb5\x03\x12\xfd~\x06\xdb\xef|\xf9\xe2\x9d,v\xb2\xf0\xfc\xe1=\xe8\xbcv\xa0E\x88\x08\x94\x96\xb0O\x82F\xdc\x1e\xfd\xf0\x8cc\xe1\\J\t\n\xccy\x0ca\x0b$}p `\x02t\xfc\xd9N\xa7\xd3w\xfb\xfd\xdd\xddN\xff\x00\x06\r\x7f3\xb5\x08\xe4\x98\x15\x04\x16\xden\x9d}ZzF*\xa8\xf9\x14\x02\xdf$`X3_S5\x93F\x11t[7\xb3\xd9l\xdf0\xcc\xc3l\xf6\xd0``\x8d\xd1\r\x93\x81\xb6\x95(4\x91\x1a[cQ\xf4\xd7\xe7\xbdWv\x9aO\x81\x9d\x17\x04\x90\xd4&amp;\xd4\xbdf\xd0\xa2\x80\xd6\xd4v\xbb\xadBm\xd3Z\xae\xad\xaa\xf1\xb8\xce\x18\x86\xa6\xb6\x08"/!B\xad\x06\xeb\xcf\xb3b\xc1\xaaMX)\x00CR)\xa9\x1c-\xb3\xba\xc60\xff\xa7\xe5|c\xda\xba\xce0\x0e\\\xc0\xc3\x91{e\xcf!\xae]\xfe\x04\x0c\xbe\x18\xb8Pp\x03\xd6e\xb2\xadP\xe1\x9b\x10\x87?\x83\xb8 3\x1cDb\xb0\x1d50\x9a@\x84\xe3\xc9.P\x1c\x9a\xaeb\x84\x0f\x8c)[\xb4(S"&gt;@\xa4\xb5\x93\xb2\xa6\x84\xb4\x8a\xd4\xa9\xb1\x16\x98\x94L\x8a\x00\xc1\x14e\x84\x08J\x92jI\xf6\xbc6\xda\xf6a\x9a\xba-&gt;\xc8B\x18\xa3\xfb\xf3\xf3&lt;\xe7\xbd\xef\xb9\x9ck}\xba\xc7S\xa6(\xf7\x94\xab\xb2Q:w\xe7\xea\xc1\xd4\xd9\x825\xfe\xfe\x8c\x8cw\xb2\xe9\xa2`Y\xd9\xde\xafc\x8b\xd5x]U\xa1\x8ape\x0f\x95\xab\xcaP\x01\xf4-M\xe7\xa6\xaa\xdb\xcb&lt;{\xcb\x0bv\x17\xe4\xa2\xbf\xef\xc50\xe8s\xab33j\x81\x95^P\x96Z\x96\x1d[\xac8\xcd\x97*\x15\xe4\xaa\xa8\xa0+\xba9\xd9\x9ej\xe2hii\xd1\xa3&gt;\x15T\xe7\x1e\xea\xec\xc1j\xa8~_\xbd~7*\x08\x9d\x0f\xe0\xb8"U\x11c,\x89\xe6\xc7\xa5h\x05\xa1X\xa9.\xad&lt;--\xa7\x16j\xf5b\xa1Z\xdf\x99\x9b\x8bZ\xd5Y_\xffa\xfd\xdbo\xd7w6\xa5{j\xd0dT\xa8HX\xf4\x80\xb1\xc5\xd2h\xbe.\x05\xd3{\x11,\xac(r\xda3s\xf5\x9d\xbd\xf5\x1f\xf6t\xd2\xae\xad\xaeCt\xd5d_}gK\xf5~\x9c\xa5\xca\xcb\xf7\xa8\xca\xda\x15\n\xb4\xad\xb1V\xeb\xa7\xaaR\x93\tm\x9eN\xa7K+\xa1\x0b\xf5}dcg\xd7![W\x17\xb8\xbe\xe8\x81T\x87r3\x0b\n\xb0\xc2(\xcf\x8e8\xae\xa88\xfen\xac\xb1&gt;As\xeaW\xf9\x81U\x02.\xacq2\xfah\xb7V\xd7\xe9\x9e\x9e/\x0e\xa1\x92\xf6t\xd2\xf6-\xc4\n\x8b\x8f\x9c=d\xb7\xc2YQ\xf6\xee/c\x8cu\xf18q\x95bqVb.)\xa1\x15aM-\xce2\xb6\x9e\xf7{N\xd3&gt;A\x94\xf8\x82\x9a\x81\x8c\x9a\x1a\xac\x17a2\xb4ub\x15\x92\x1ac,\xc9E\x85\x13]\xb3\t\xd9\xd2\xbd^\x02\x17\xd3\xca=\x19\x84e\xeb\xb2\xd9rm\xb6&gt;[\xdf\xeeH\xaf&lt;D\x8b\xd94\x95\xdfo2)\xd2\xd3c\xacV\x9cdp\xbf\xc9\xe4\xc7\xc1`\xa3\x99\xfe\x89N[4jk\xb0P\x04Rf\x9f\x8dv\xc2\x0e\xd4\x0eyj1M\xd3\xd2\x02\x01\xbf\xd3\xe4\xe0DK\x8c\xd5\x8a\xd3\x0c\xd6bU\r0S\xc0l6\x13VZ\xda;55\x03\x03\x03\x99\xb9\x90\xccv\xfa\xfd\x01\x1br\x85\x85\x7f\x0e&amp;\x85\xb9\xd4\xe14\xa5\xba\xc5X\x9b\x18\x17w*C\xe1tv;\x03~\xc2B\x91@\xbe\x86j\xd0\x1dWW\xb7\xd7\x90Z\xa7m\x03CXN\x93\x85xA\x85\xc3\xe4Lw[\xdc\xb1=US#8P\xa1\xe8\xe68S\xc0o&amp;.\x1db=\x84\xc2Y[\xb0\xdfS\x83F\xb9/s``\xa8|\x08\xc9\xd2\x99\x17\xcc&amp;\x87\xc9\x94\x9aj\x11,\xee\x0fb\xbbc^r\xea\xfaqG7\xe7\xe6L\xa6@\xc0\xbc\xa03#\xf3C\x9e\x9a\xea\x82v,\xb43\xdb\xdb?o\xf7\xb4\xef\xc7i\x1b\xc93\xeb\xfc\x0e\x88\xe5v\xbb\xed\xbch\x8bi\x1b\x08\xac/+\xe8J)qQ\xbct\x0b%\x814\x8f\xc7\xd3\x0e\x1c\x05Z\x1d\xce\x84RU\x9a\x83\xdf,\x98A\xe5@\xde\xdd\xa2Ep\x17\xc4\xb4i\xa6n\xbe\xd4\xc95\x88"\xe7 \xae\xc0\x02Y\x19\x08\x98*L\xfe\x00&amp;h\xbb\xca\x1f\x80\x8a\xd0\x11\x0er\x1c\xe7\xe5DQ\x10x\xc1\x9dz1\xb6\xb7c\x10Vw\x83 x9\'\xb8\xfc\xe0Z\x88\x80\xdd\xa1)\xb0=\xf0\x9c.\x80\xc2\xe0\xe6\xdc\x04\xd5\xc4\xf3\x96\xf4O$\xb1\xed\x03\xaf\xbf\xe7\xe4\xec&lt;\x0b.\x93)"\x18\xc4\x81D\x10\xcbLd\x81(W\x00\xf6y9\xaf\xc8\xf3,\xcf\x0b\xa2%\xfd\x17\xb1\xc6\xc2D\xb4\xbbx^\x14\x91g\x12\x0c@\xf8\x86\x18\xe1AN\x06\x02\xbf\xf2C*/\xc6\x14\xcf\xb2\xdbX\x1fhby\x8f\'\xb2\xd5\xdd\xed\xb6\x0b\x18&lt;\xb8\xfc\x84\x85\x109\x1a\x88\xc2Ky\xc3s\x8en\x87\xc3+z\xc5)\x96e\x18\xd6\xc5\xf2\x02o9\xdd\xa8\x89\xd9-\x9e\x12M\xe3\xef\xf7:\xbb\xdd\x80\x9a\xe2]\x02\x07&amp;\x07=8\xaf\xcf\xe7\xf3\xfa\xbc^\x00r\xb0\x0f\xeey\x89\x8a\xd1\xcb\xc1\xc5C/K\xc6\x9f\xbf\xfa\xe3W\xf3\xb1\xd92\xaf\x99x\xf2XEX&lt;\xef"oh:\xc2Hg\x04+\n\x06\xc98\xf1\xf3m*\xb9\x94\xe1\t\xcb.X,\'gff\x1e\xaf7\xbe\xeaM\x8bt\xc5fp\xb3mZ\xd5\xedv\x0b0\x86g\x19^t;MNpq^\x96\xf5m\x0f\x8a\xd4\x14\xa8\xe0\x9f\\*g\xf0\x8d\xa7a\xd1\xbd133\x1bZ\x9fx\xa5\xbbY`\xdf\xa9\x89\xf9p\xdb\xd8\xb4\ne\xabAp\x11\x16;\xe5v\x82\x8aj&amp;\xb2\xcd\x04\x01uN\x10D\x92L\xe4\xcf1R\xbd\\J`4x\x8b\xe2\xf5\x13\xc0\x9a\xdc\x9co\x94\xbc\xa2{\xaf\x01\xb5\xf6\xcdo\x1e\x87\x1f\xb4\xb5\xb5MS5\xb5\xdb].\x96mbx\xce\x81v\x02\x93P\x14XF*\x0f\xb2.~jJ$.\x81a\xf4\x06\xa9A\x1e\t\x17\xcdFK\xea\x1e\xdd\xcffC\xca\xd0\xdc\x8b\xf9\xf9\xc1\xb5W\x90~\x89\xa4\xf1\xf9_\xef.\xcc\x8e\xb5\x11\x96\x89\xd4\x82\x8d.\xcc/\x81st;\x9d\x94qaj\x8a\x870&lt;\xedV\xf4\xa2\x88\xf2,\xa8 \x96A\xce\x10\x98K\x14SU\xba7fC\xeaP\xa85\xf4\xe0\x0f\x7f\xfa\xa6\xf1\xffR\x8c"\xd5\xf8\xfc\xd6\xf93\xf7NlcU\x80\x02.\xa2@\xb0\x8c\xe0\xe6\xba\tJ\xe4D\x81i\x8a\xea\x02\xb5\xa6\x04\x9e\xd13\x0c\x1c\x94\x93\x8d\xe4#\xea\xbc\xea\'3cJe\xa8\xb5u\xa4m\xf6\xee\xc7\xcf\xd6\x1a\xff7/%\xd1\xeb\x92k\xcf\x9fu\xf4\x9f\xe9\xbf;;\xdb\x16\xc5\xe2\x08\xcb\x1e\xc1b\x85\x06\xfa\xc9n\x17\xc9E\xd6\xc5\xb0z=\xb8@\x05\x16$\x1e\xc3\x10\xc5j\x12\xdc\xaa\x933#J\xb5\xba\x0e\\\xb3\xbf\xeb\xa8&lt;\xf2\xec\xf9\xda\x1a\x15\x0c\xc9\x7f\t\x15A\xfa\xf4\x88\xb12\xaf\xbf\xbf\xff\xea\x89\xd9\xb6\x91(\x16\xa8D\xa4\x0bS\x9fq\xd9\x1b8\xce.\xd8\xed\x02\xab\'i\xe4\x06\x03s\x8e\x17X@\x9d#\x0b{\r\x06&lt;M6\n\xa2\xe2\xe4\xf7Cj`\xd5\xb5\x8eL_6\x16\x16\xee,\xfc\xd1\xa7\xcfn\xd3\xad\xb1\x92\xefV\xce"\xce\r\xce\xbfxr\xebHG\xa11~G\x04\xeb\x1f\xd9\xe2H\x1e\x80\xd0?\xa5Y\xc1\xde\x80\xb3\xb1\x8f\xa5\xc4K#\xea\x18\x98\xa6&amp;\x86P\xa2P\xd2(\x15/\x08e\xbf\x1eS\xaa\x95J\xc85\xf2\xedyc||b||\xc2\xf0\xea\xe6\xfa\xcb\xc1S\xdf\xc1OId\xe2\xdd~\x12\x0eM\xae\x0cw\x18\x13\n_\x8b`]\xfe\xcb6\x96\x8a,\x04\x15\xa6"\xdcq\xb9 \x94@5\n\xda\x19\xb4\xa0j1\x90o\xf2\xb3\x06-\xa8\x0cT!@\x85\x17\n\x96\x93\x0f\xd5\xea\xfcb`\xb5\xdd4\x16&amp;%%%&amp;%|6i=0\xb7\xba\xb5\xb5&gt;?\xa1\xf9O\x1f\x8c \xd1h&amp;\xe6\xd7_\xfem5T\xac\x0c\xdd\x08/\x8e&amp;$\xed\xcc\x03V\xd5\x99o\x8156Fj5\xd0\xb0\xbbX:\x9e\xcb\x07\xbc`$G\x8cK\xaa\xddW\xdf\xabE]\x88\xca\xa6\xc5\x97T\x1e\xe5B\xe8\x85\x1f\x86\xd4J`\xb5\xb6&gt;\xfc\xad1\x9e\xb0\xe2\x8f\xde,.\xb66?\xdd\\\x9a|\xba\xf9\xe2\xf6Zc\xa3\xe6\xdf\x15\x0e\x08\xd58\xb8\xbe99\xb7\xb2\xb1\x18F\x08\xf0\xdeVW\x86\xab\x80Uu\xbe\xff\xde\xec\xd8H\x1b\xb0\xfc\x11,\xe8\xc5nk\x84\xc3\x9ee\xa4Z-\xa4\xca\xea\xdd\x97\xa5\xcd\x92\xc9\xb4\x06\x83\x0cO@-Y\x84*RR\xbd\xd3\xea:e\xb1\xb2\xae\xb5\xee&gt;&lt;,\x02V\xc2\x95G\xf9V\xa5\xb5\xb99\x1f\xb8\xe1\x8d\r\x886\x18\xb9\r[\xf2\xaf\x81\x82Tk/W\xf1\x8e\xacsK\x00[\r\xcf\xcd\x85\x97\xae\x9d\xdf\x91\x97\x97WU\xd5\x81\xa9\x08\xac\xb1\xe9\x00\xd7\x80p5PA\xa5\xd8\xb0\xc1\xa0/\x18\x0c\x1e\xcc\xa2\xcd"\xc7\x8eeieZ\x99\x8c\x1e\xda^\xad,\xa2\xdbv\xe6Y\xff\x83:`\x81*t\xad\xa3pg\xd1\xce\xa4\xc47?\xbbam\xce\xdf\\\x05\xd7\xd3\xa5\x95\xd1\xfb\x07\x9a\x9f&gt;y\t?\xff\xe9&amp;2&gt;1\xb8\xfedyee9\x9co\xb5\x02\xec\xdaG\xa3\xa3\xc3W\x8e\x1a\x11\xad\xbc\xca\xaa\xaa\xca\xab\xd3\xb3##p\xd1\xccm{\xe8bqD)\xc3\xf8|8\xeb\x04\x0f\x1e\xbep)\xeb\x18)\xa5\x95\xed\x92E\xf6\xbc\xc9d\x04\x05\xb9"\xf8\xc2\xe3P\xab\x1ab\xd5\xa9\x1f}\\h,*\x8aOLL\xbe\xa9\xb66\x1fXY\xcco\xb6\xaen\xdcZ\xbcQ\x0c\xac\xad\xf0\xd3\xa7/\xe6\xd7&amp;\xa2\x1f\x16\xa2Y\x83yJ\xa5r\x12:-\x93L\x8b\xe3G\x93S\xbe\x97\x12\xbf\x93\xa8*+\xab*\x11.T\x88\xd9\xb6i\x07\xb4j\xc0\xdc\xf3\xa1^\x1e\x94\x1e&lt;\x1b\xa4sa0\xf8\xd6\x85\xc3?\xb8\x04\xac]\xbb\x88\x0c\xbf!6"\x93G\xb9\xee\xa0\x90*\x11x\xb5\xf2\x9a\xd1XXD&amp;\xa6\\\xbb?y &lt;|\xf9\xd1\\\xbe\x12\xf9\xb2B\x8ff\x1a\xd6\xa5g[q\x1a\r\x02\xf5bkykyun2\x7fnu\xf9\xd6\xe8\xf8\xf8\x95\x84\xe4\xe4\x84\x94\x14`\xe5\xe5\xed(|\xad\xb2\xb2\xa3\xe3\xde\xd8X+\\|x\xc7\xeb\x85ZH\x16\x1b=\xac\xf4,q\xf9\xce^\xfa\xf9\x85\xc3oA-`\xc9 \xa3L\x16Q\x8e^p\x10\x13\xa2\xfdA]\xab:\x1f\xe5\xb4\xf8\xfe\xb0\xd1X\x94Gj\xa5$\x1f\x19_\x19\xef\xa8\x1c\xde\x18_Y^\x82\x18\xcb\xcb\xcb[sVk\xfe\xdc\xc6b\xdc\xfa\x93\xcd\xf0\xe4\x8d\xf0\xea\xe2\xca\xe8\xad\x8d\xf1\xd1\xd1#o&amp;\'\xa7\xe0O\xf0H\x8c\xdfY\xb4\xa3\xaa\xe3\xc8Qce\xa5\xf1\xea\xf4\xd8\x08\xd252\xcdy\xed&gt;\x9f+\xc8\x06\xffN\xb4\xd9\x84\xb6\x91\x9fa\xdc\x9a\xca\x83\xc6\x92\x1d\x16,D\xc3\x9e\x84\x0fk\xc4\xd4\xd6\xd6\x86\x0c\xdb\xb49\xa8\xc8-\x15\x02\xfbh\xb62\t\x9daJ\xd05\xed\xc1\xa7\xe44r\xf00Qp\xe6P7\x82\xf5"\xeb+\x83\x8c"\xa1\x0fc\x82c\xaa\x0f\xfb\xb0\xc4D`a\xec\xec\xb2\x11nD\xb0\x0b=$9\xf4y\xffc\xa7/\x8a$cK\xf3\x9b\xe7}\xde\x8f\xff!\xb8v\x14\x17\x8d\xdaz\xf9\xbe\xfb\xc7w\xbe(\xe4\x02L\x14b\xf9\'(FG\x08l\xe6\xd9A\xe2\xe1\xfc4\xb0\xa6\xd7w\x14\xa2\x1av@-\x81\xc7\xcdsA\n\xd3Lj\x9a\xa9\x98\xf2\x0e\xd8\xb6\x93\x85\xa1\xb7?m\xef\xc0GUYV\x00\xc4{\x00E\x7f/8\tk\xcc\x9d\xab\xd5\xb3\xe5\xac\xa1H\xa9\x0fw\x1e\xce3\xb9@E\r\x94Q\x8d\xday\x84b\x0f|\x9b\x9b\xd1\xe8\xa8\xcf\x7fI\xe5\x07\x97\xdf?\xcab\x8d\xa8\xc6A5\x1ey\xabI^P9\x11\xb8LL\xd64\xbd\x80\xd0M\xb0yx"\xc4\x13\xef\x19\xfa1)\xc5bA\xc2\xe6\xb8K"F%\x08\x9c\x83\x0b\x1f\x1dY\x85n\xb1yx\xaa\xa9G\xef\xee\xcc\x93\xe9\xcf\xbe\x856\xd7\xae\xad\x12V\x14\x19C\x16\x89\xeb\xc1j4\xbaJj\xb1ZdX~\xbf\x8f\xde\xce\x80j\tT\xd3\xe3\xd3s\xeb\xdbjhrr\n7\xed\xe4\x94|\xa1V\xaf\xd7jV\xc5*\xa6;\x0c\x8cs\x88\x0e\x8e\xb4\x19\x929\x89cb\xc2I\x02f\x82@h.\xa7\x8b\xe7\xf1\xb1\xa3\x92\xca\x079U\xab\xdcj$s\x1f\x1e.1w\x9d\xbf\xa0\xda[\x05\x17\xc8\xc0\x10e\\\x04\x06\xac\x91K\x89\xa8"}6\xd7\xda\xc1:zC \x10\x98\x8b\xac\xef\xa9\x12\x8a\x08Hr\xaaP\xa9Y\x85\xa4\xa2(\x9c\x19T\xe4J\xbbk\xf2\x82\xd7\xc1{X\x0cI\x12\x93\x88\xc8 \x91w\xca!x\x82AU\xd3\x07\xddb\xb1b\x84\xdd\x02jFT+\xaf\xebr\xef\x1d\xb2\x08\xae\xc4\xc13\xe4l\xf5\xc1*\xab7\xb2\x12x\xa2\xa4U\xd4\xe7\x9b\x88\xcfR=N\xe0\x1d\xfe\x91\xc1\xae\xa8\xa8o\xee\xa5@\xb5\\\xa8\xd4\xebY\xcbJ\xa1\x8e\x1a\x96\xc2Q\xd2x\xb3\xdenq\xc3\xc3B\xf0\x12K \x17\xc1Q\x90\x87\xe4\x1a\x13\xf3z1\x9b-~\x1c$a\xf5^O\xe1\xbc^\xc7\x94[m4\xaa\xa5\xf7K\xf3\xb4E\xdc9;\xf8\xc5\xaa\x9d5$m\x82\x99\tD\xec\xc9Vh\xc2\xef#0\xf6\x13\xa8P\x7f\xd0jqq\xfd$%\x8aO{\x8dN\xb6[o\x1bj\xc8h\xdc\xbb\xf7u\xb6j{\xcah\x0c\xb8a\xa7\xc7s\x85e\xbb\xcfEz9\x04\xa5\xd0Ig\x0byS\xcf\xb4LN)}\xff\xb7\x8a)N9\xbd\x93\xee\xa3[Iu\x0fE~\x07\xe5\xf80qpmu\x95$\x1a%\xae\x89\t\xbc\x82(\xea\xf3]\xa20\xbfS\x12g\xfd/\xce\x02\x98\xd0\xe8\xd0\x91\xc5\xc0I*\xa6\x94\xfa=\xcd\x0c\x96^?\xee\xd7\xb4^\xfa\xf0\xf9\xab\xe32qy\x82\x85fK\x14\x88\x88\xc7\xb3\x0bX\x82\xcb\xe5t\xba\x04\xca\xa2\x9c\xcd\x14R\xf0\x7f\xe5\xe28S\x8d\xa9\xfd\xc7\xbf=\xd4\xb9I\xaf\x03X\x87\xd5X\xee=mK\x9f\xb9H,fz\x90\xf9f}WP\xb3\xb3dv`\xf9\xd1\xf6\x1b\xbb\x97T\x183\xef\r\xc9\xac\xf4K\x12\'\x95\x1a\xb7\x1e\x7f\xff\xbaQ\xafv\x0f7\xc0e\x02\xcb\xec\xd4c\xc4\x83\x16\xeeBP\x12\x05\xd6\xa5\xf0\xac\xd4\xb3Uq\xd2iV\xda\x17\x1b\xaf\xca\xd5\xda\xad{\x8f\x9e7\xabnI\xf2r\xbd\x86,\xa5\xf6v\x97\xb0]\x82l\t\\\xa3\xa36\x195M\xb0 \x88jv\x16\xe6\xa2\x00_\xfc\xcf\x07\xeb\x81\xf1\xe9\xc8"\xb5\xef\xc8\xfb\x1dJ[M\x92\xa4\xa7=\xab\xd2\xbf\x87\x04f2i\\\xe8\xdfE\xd3\x13\xb4z)\x1eP.\'\x12IX\xe0q:Dp\xf1N\xae\xd2\xac\xf2\xe2$^Z\x95\xaf7\xf6?\xb5\xbb\xfdG\x1b\xaf\xb2&amp;\xc7IJ\xe3T\t\x89\xcb\xc4Ek\xef\xc3\xf9\xc4\xf9\xda\x04\x99\x9c\xc6\x8d\xcf\xef\xb3\xb1f}\xecM\xdcOB\xcd\xc6\xfft\x0e\xaa\x00QE\x16\x17ww\x14\x15\xdf\x82/[\xe97N;\xf5\xce/\x9fo\x1c\x7f\xaaj\x8d\x8d\xe7\x17\xbaY\xe8h&lt;hx\xd7\xf0\xb0\x8b\xa95, \x85Nq\xd8\xe1\xe2\xd4F=\xe8\x14B\xbd\x1b\x9fZ\xad\xf6\xab\xfd\x7fu\xe5\xce\xa3\x8d\xfd\x0b\x9d\x13\xc4T\xbf\x86V\xaf\xa6\xf6\x96\xc0E\xa9L\x80k$\xfa\xb9\x13\xd8\\W\x81,b\x99\xb8{\x16\x99\x9b\x06Ud.\x12YD\xc3\x82X\xb7,Q\x95z\xf7{\xa5TX\xadd\x8b\x83\x96i\xe6\xd1N\xf5n6\xe9\x11\\\x1e\x8f0&lt;&amp;x\x18\xd6\x94\x13?\x0c\x0b\xe8\x0e|\xbe\x91\xe5\x9dJ\xfdF3\x93i^\x1c\x1f\xbf\xcad\x0e\x0f\x9e\xef\x1f\x9f\xcaR\xac\xd6\xd70\xb1C\x92q\xb2\xb4t\x9d\x1d\x14\xc6\x13[\xcfX\x7f@\xe5\xd9\xd9\xb3\x05cX\xa0\x1a\xbc\xbb\x83\xa9\x00\x00\x07cIDAT9X\x8f`\xfa2\xaa\xc5\xc5\x97oTU\x14s}M\x0c\x95\xfa\xa5\xe5\xe5T\x9eF\x1d"o\x06M=[\xacz\x14\x0ev\x07\x08o\xab55\xe6\xe2\x05\x0c\xf41\'o\xf6\xd2\xa6\xc7H\xb7\x82\x8a\x99\x1cd\x8e\xf7\xf73\xad\xd6\xe1\xc6\xfea\xc5\xd4\xdbE\xac\xcf\xa2()\xc6\tv\x13:\xc1\xcc\x13\x17|M\xcd\x00-\xd5\xe7\xfb?V|3~\x13}!BP\xb6V/\xdf\xc8\n\x07\xac\xfbzx\xf9\xe8\xa8T\xda\xd9aH\xf9\xbc\xa2\xc8z\xbd30\x15\xa3\xa0+A\x8f\xd3\xe5a\x06s\x0eM\xb91\xfc\x9c\xc3\xee)\xb4\xb2B{`\xcaUL\x01S\xd6\x8a\x17\xfb\xfb\x17?\xffg\xfb\xa7\x9f\xff\xbb\x9di\x97[Z^C&lt;\xd9y\xb3\x8b-\x93\x8e\n\xf3\xeb\x89\xad5\x1a2~\xbb\n\xaf2\xb89\x1b\x8f/\\\x9cA&amp;@\x81\x8a\x04;y\x82&amp;(\xc2\nm\xe3i\xa9\x94\xd3\xf22\x9a;\xc7\x07\xe5\xa4\x95\xce\x0e\x921N\xb5\xb2V\n\xd5 a\x0ez0c\x86\xbcn7\xcd\x9bpx\xd2-\xa5:M]\x12\xf1;E\xce\xe75\xdc\x8f\x86\x8d\xa2\xdam\x7f\xd8~\xb2\x83\xd8\xde\xa6\xbb\xdc\xde\xbd\x8e\x13\xcc4-)\x89\xad\x17\x0b\xc8W\x9c\xa9\xb4\xb9\x89\xc7&amp;^\xe3\x0b\x90j\xd1\xa6\x9a\xb3\xa9\xb6\xf1\xd1\'\x86\x91\xdb{\xddo\xb4;uL\x1d\x1d\xd1-f2Y=\x16\x8c\xc5\xf8\x98\xa6\xeb\x92\xc4q1\x045\xfa!\xe7\x98\x1b6\x03\x0b\x1e\xaa\x91\xcdtM\xda5b4\xc8\xf1\x81\xa0\x99\xec\xa4\x07\xb2j\x18\x18\x15\xaa\x1a\x16EQ\xad\xed\x8e3\xae\xf1\xf1@b\xeb\xab\xbf\xff1\xceb\xd3\x0e\xbc\x1b\xb9KR-2\xa9h\x10\x06~\xcc+j8\x97\xdb)\x95JG\x14\x9dN3\x8d\xc8\x14\x0b\x9a\x1c\x0c\n\xbc\x19\x148N\xc1\xd58\x9e\xb0\x1c\x0c\x0bK\x95\x03y\x17\xbd^QRs\xd9rqP5\xf1K\x9e\x8f\xf1JrP,[r,\x96\xab\xd5Ja\xda\xe9\xddawH\xdd\xb3\xb9(\x12[wg.\xa1n\xdf\xde\xbc\xb9\x19\xf7\xcf\xfc\xe5&lt;\xc1\x98 U \x80J\x8c\x9c\x18\xe1\x10V\xc9\xe5\x95\xa7\x88\x95\xe5\xb0\xaa\xe6e\nSa\xa38\xa8\x14tYN\xeaU\xab\x1acjI"\xba&lt;|\x85\xb3\x91\xd7\x1b\xf2\x82L\x92\x8cl\xb9\xfc\x11\r\xa2Z\x95\x93\x83z\xa7\x88}\x03\xd2\xaaV%G\xc7E\x04\x9d7\xc0EX\x01&lt;\xc6\xdf\xfd\xe6\xaf7\x81us\x93\xfe\xbb\xf0\xc2\xc87\x87\xef\x026\x15\xa4\x02w\x04\xcd]\xa4\xa3&amp;A\x95\x0c\xc3\xd2+\x86f\xe595\'\x1bIC6\xccB\x17\x85X,\x97\xcb\x9f(Q\xa0\xe2b\x82\xe0\x19\x1a\xa6#\x9bME\x96\x93d\x03\x7f\x93A\x94\xcb\xc5B&gt;\x06&amp;\xe2\x8aaC\r\xe3\xbb\x1185\xa6\x18\xd78\r`p\x1d~\x11\xbf\t\xa6\xdb\xf1\x99/~\xf5\xe2&lt;\xc1\x16rx\n\xfb\x15F\xf4\xcb7O\xa4\xc9K\xa1R\r\xdcg\xb1\x9dIgk\x8a\xd1\xeb\x9e6\x9b\xddt\xab\xf8\xb1\xf8\xb1\\\xfe\'\xae\x96\xc9^\xca\xc5\xf16\x96\x03T\xde\x90t\x19\xa8Cl\xb0X xN\xc4n\x98\xca\xa1h\xb0\x941\xb0\x15\x16\xc4\xc5|O\\\xd3\x89\x83\xb5\x85\x85\xdf/\xcc\xac}\xf3\x87\x1bg\xeb\x11\xd6\x14\x18\x14\xa8\xde\xee\xa8a\xc6\x84\xec\xb9s\xe8\xee\xe9\x0c\xc3\x92K\xa7\xe9N9M7\xffQ\xafw\xf5\x96\x9eL\xc9p\x0b\xc7\xe23\xd6\x14\xc0\xa4\x92\xa5\xd54KOZ2\xcf\xa9\x18\x15\xaa\xa8\xa6*\x9aU\xd7\xad\x82e\xd4r\x9c\x18"0\xba\xc4\xca\xf2\xa5^\x88@`\xfd\xe0\xc5W\xbf\xbe\xff\xbbo\xef\x9e\'`\xa5\x88\xad\x14Q\xad\xbf\xd1B6\x14\xe5&gt;\xb4\x92\xcb\x19\x15\xc30\xf4ZJ\xc9\x15*V2WH\xe2\xf6\x83\x123\xb2`#\xd1\xc9\x86\x17\x18\x96\x17\x11\x9aR\xda\xcd\xd3t\xf1\x145R3\x8d\xf4\x00\x95RL\xeb\x8dL\xf34s\xd8\xeed:u\x05u\x81#\xa3\x9dJ\xd2\xcb\xe6\x82\xad\xa7\xcf\xee}\xf9\xe5\xe3\xad\xb3\xe99\x82\n\xd8P\xd7\x03?l\x1bW6w\x87Bc!\xf4c\xd1\xc9\x16`:(\x00\x03;\x8b\x87\x0e\x0f\xf4\x86QI6\x17\xb0\x1c6\x95\xe8\x15\x8d\xff\x15a\xf6\xaam\x04Q\x14\xf6\x88]\xb1\xc3\x9ai\xb2\xd3\x88\xbc\x80\x10b\xddn?\xa0\xd4jS8\xe0B\xe8!\xf4\x02\x0enR\x04W\x02u\x8b%\x05c06\xf1\x0f.\x82\xc9\xa2T\x06\x83!\x8deC*\x83\x1f M\xce\xb9w\xe4\x8cm\x19!{\xf7\x9bs\xcf\xdc\x9f]\xaf\xd7\xf3\xfa\xaa\xa9\xcf~\x7f\xbf8\xfa\xdb\xfc&lt;;Z?\xac\x1eVMs\x7f\xdf4\xab\x15\n\x87c\x05\x1apM\x06\x1b.\x1a\xbf7|\xf7\xfekA\xa5\xc0\xc4\xf0!\xc4\xd3\xe7\x85(;\xe9\xe6yp\xaetX\xa9Ch\x12\x97&amp;\xa94y\x9c\xb0\xd0\xca\xd8\x96\x06\xaf\x02j\xd52x\x9fl\x19\x07,cLU\x9d^\xd6\xf5\xear^\xcf\x7f\xed\x8f\xceO\xe6\'\x0f\xf3\xbai\xae\x8e\xeb\xf5\xf1e\x8d\xbe{1\xeb\xe3\xc2!\xe4\\$;}\xc5\xcdw\xd4\xf7\xa8\xdd\x88\xdf\xc7^O\x99\x00\xfc|#\xc7\x032\x05\x01\xf24K\xcag"\xa9\xcc=\xc4\x02\x06K \x04k\xa9\xad*\x15\xcd\xda-\xe4\x07o|\x1fX\xe3\x8a\x19\x05=\xff\xd8\xdaQ\x1b\xbf\x91[\x96\xcb\xf1hY\xc1\xf3\xac\x1d\x80r!/#Ww\xbcx\xfc,`\xc5\x10C\xa0H\x15\xa1:\xc5\xdd\xf5\x0c\xb9\xa4K\x99\x18\t\x88\xe4\xa9T\xfa\x9fJ\xfa&lt;t\xc5\x19\xcb\xa0mo\x8c\xa5T\x89`\xf9\x12\xc9\xc1\x98&gt;nm*\xccDV\x073\xcef\xd0\xb1\x8f\x17\xb8\x02\xa5\x9a\xdbvy)`\x830\x08z ;\x07{CZ]\xa0\xd0\xf5t:\xd3\xa7/\x0cu\xa0\x9bp\x01\x03\xa5\xc8\xa4\\I\x14+\xd1!\x8b\xa3\x0e\xb1\xac\xad6\x07\xb1\xf2\xa9by\xc6\xb1\xf2\xf8\xe2\xa3\'\x9d\xcal&amp;\xaf&lt;\x19\x16\x97\xea\x1b\x89\xa1\x0be.qD4Av\x81&gt;z\xef\xa0\x80\xd5{\xf2\xa4\x0fmOQ\xdc!+\xa0 \xe4\x9e\x9b\x11,\x98\xca\xbd\x89\x85\xec\x9d\x90M\xa4b\x08\xb3m\x0c\xb2\xad7\xcb#/$[\x96\xd6\x12\x9d\x00\xd6\x97\x9dq;\xca\x14W\x85\x06\x16\x8ay\xe5\x02\x93\xe8\x85b\xd4\r\x8b\xc7\x97\x83\x1d\x8d\x1e\xa1\x86\xb4\xfaa\x00S\xc8)\xad\xf7.\xae\xb4T\x7f\xd1\xc78\x8dI\xc4\x82X\xc4\xa2\\1\x88\xd8\x84\x07\x96\xf1\xba\xde6&amp;\\\x19\xc1\xb2L\xc3oe&lt;2t\x17rW\xa9\xae\xefNr\x16\xc9\xd9\xedk\x11\x99@\xb5\xd3\x9b^/\x83\xd4NY\xa5+\xcb2\x1eC\xc1\xc4\x1d\xbc\x04$bI/\x8a\xb6\xb4\xadba$D\x0e\x85\xe51\x1a2k!A\xc8.\x84\xca\xcb\xff$*2\xdb2\xabf\xe8\xa70K\xd0\xc3\xd8\xe5\xe38\x9c\xfd\x1c\xce\xff\x14\xa1\x8a\x0f\xbd\xc7\x1bPQ\xc8\x01[%\xc2\xe1\xaf\xc1U\xea\x0f\xf5\x8bzmb(\xab\x1d#h+`\'-\xc5BA\xc4;n\xc5\xa8\x03\xb8\x19\x88\x04\xc96`"\x97\x81E\xc8\xa5J\x0c\xf8\xcd\xa44\xbb}a\x87\x8fi\xe2\xc7\xd3&gt;mE\xe2\t\xb9\xbb\xfc\\\xcf\x08&lt;I\xd1$\xa8\x0c\xa2\xc6a\x1b#\xfc\x88\x07~\xa4\xf9]|\x04\xe9\xa4\xb1\t\xa5S\xdb[WFWrx\xcc\xb2,n\xc9F,\xc4\x11a\x96\xa4\x1a\x14\x0c\x8a`\xf48\x7f\x85\xa9z\xd3\xe7ocQ\tHJ\xa5+\x178\xe1\xa3`\xe2v\xe9h\xb4\xd7&lt;\xfc\xc3\x06z\x979\x95ZQ\xb4\xdd\x7f\xcd\x91lI\t\xf0\x9c#\x00\x00\x00\x00IEND\xaeB`\x82'</t>
        </is>
      </c>
      <c r="M75" s="3" t="n">
        <v>45492.67597222222</v>
      </c>
    </row>
    <row r="76">
      <c r="A76" t="n">
        <v>221636</v>
      </c>
      <c r="B76" t="n">
        <v>5926</v>
      </c>
      <c r="C76" t="inlineStr">
        <is>
          <t>Edenilson</t>
        </is>
      </c>
      <c r="D76" t="inlineStr">
        <is>
          <t>Edenilson</t>
        </is>
      </c>
      <c r="E76" t="inlineStr">
        <is>
          <t>MC</t>
        </is>
      </c>
      <c r="F76" t="inlineStr">
        <is>
          <t>MC</t>
        </is>
      </c>
      <c r="G76" t="inlineStr">
        <is>
          <t>MC/PD</t>
        </is>
      </c>
      <c r="H76" t="n">
        <v>175</v>
      </c>
      <c r="I76" t="n">
        <v>15</v>
      </c>
      <c r="J76" s="2" t="n">
        <v>32859</v>
      </c>
      <c r="K76" t="inlineStr">
        <is>
          <t>Right</t>
        </is>
      </c>
      <c r="L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f218fd54-4d9f-4bfd-95eb-d9892b0188c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P\x10\t\xc4\x00\x00\x03\x00PLTE\xff\xff\xff\n\t\x05\x10\x0e\n\xfc\xfd\xfe\n\x0b\x10\xfa\xfb\xfd\x14\x12\r\xff\xfe\xfe\x07\x08\r\x05\x06\x0b\x1a\x16\x11\x0c\xa4\xf2\r\x0b\x07\x07\x06\x03\xf4\xf7\xfd\xf0\xf5\xfc\x06\x9a\xec\xf6\xf9\xfd\xba~\\a4\x1e\xb5uRV+\x17\xc0\x81\\\xb8yWQ,\x1a\x7fE)\x07\x9d\xf0\x03\x03\x01[-\x18^0\x1b\x86I,\xaclKyB\'n&lt;$\xc5zQ\xa2cD\x0b\xa1\xeft&gt;$!\x1c\x17\xafqO\x9bfI\xed\xf2\xfb\x08\xa1\xf3\xbd\x82a\xc4\x87c\x8dT8Q(\x15\x92[&gt;\xa8jJ\x9c`A\x7fJ/\x86O3k7\x1f\xa7fEJ*\x1a\xca\x88`\xb3iC\x94aEY3\x1f\xd2\x88_\x8cL-\x05\x94\xeaW/\x1c\xc4\x85^\x92O/\xaftTf4\x1d\xb2{^\xcb\x8ce;\'\x1a\x97\\&gt;\xea\xac\x84\xa1`?\xbd}W\xb3oL\xbcxR\xb0mJ\xb3wXC#\x14\xa9tU\x03\x04\x08\xdb\xa0x\xe2\xea\xf6\xd9\x94l\xadgD\x9c\\:\xb7sN\x8cZ?\xe7\xed\xf8C(\x19K&amp;\x15\x97R1\x0c\x0e\x17\x7fP7&lt;!\x13\xb8lExI0\xa2jHB0"\xf2\xf2\xf2\xf8\xf8\xf8\xa6pP\x8dP2\xe4\xa5|\x9cV4\x85C\'\xadyY\x92V7\xe8\xef\xfb\x80ZA\xdb\x99q1!\x16\xbe\x87jg:#\xc0wN\xc5\x80V\xa1Z7\x87U;\xa1nP\xbdsL\xca\x83Y\xb1e?\x9cjN\xe0\x94i\xa7b?\xd1\x8dc\xa6]9(\x1a\x10\xdf\x9bq\xc5\x8bgsC,\xacb=_B/\xd2\x94l\xcc~S\xdb\x8c`\x96W7\xe0\xa1x\x0f\xa8\xf3\xbcoG\xd1\x82X\xd8\x90f\xed\xec\xed!\x15\x0b^9$\xf1\xb6\x8fM3!\xd2\x8fi}&gt;#R;-\xd4\x9arnN8\xc8\x8fl\x19\x0f\x07\x1b\x1d%\x08\x90\xe4\xb5\x82d2\x1b\x0f\xc8\xc1\xbd\x13\x16\x1c\x8baGlC,\xea\xa6}\xc1\x8fs+/:.&amp; vU?\xd8\x86Z\x0b\xa8\xf6\xd9\xd7\xd7\xe6\xa2w\xdf\xde\xdf\xe5\x9cq\xce\xce\xcf\xf5\xbd\x99#&amp;0\xe7\xe5\xe5\xdc\xe5\xf0\xa3\xa4\xa8\xe0\xa8\x81\x8cF(\xb6\xb9\xbe\xca\x98{\xec\xb0\x8b\xa2sV\xcd\x97r\xd3\xa1|\xb9\xb0\xaeGB??ERrt{\xc4tK\xf0\xb0\x87u8\x1e\x90jR\x9e\x99\x98\x81\x7f\x805/,\xc9\x92p\x8e\x8b\x8b@92\x96\x85x\xb7\xc1\xcbvmi\xf8\xc7\xa4{\x83\x8f\xb2\x98\x88\xdd\xd1\xb8chp9&lt;F\xa4|a\xbc\xc8\xd8&amp;\xa6\xe9MR_\xd0\xd6\xdc\xc5\xd5\xe7dH5\xee\xe5\xc9\xb9\xa6\x9b\xb9\xdb\xedD\xad\xe3UQN\xa8\xb0\xb8\xe4\xaf\x8a\x8f\x96\xa1\xd0\xe7\xf3\x0fx\xbe\xbb\x8cfd\xba\xe5\xa4\xd4\xedg]W\xe7\xf3\xfc\x87\xc7\xe6\r\x86\xd2\x10f\xa3\xa7\x8as\xcc\xb6\x9a\xda\xd0\xcay_RX[a\x8euh\xa0\xb9\xd8\x1aEk\xf5\xef\xd7\x1b\x8b\xd2\x17\x97\xe0\x83\xa6\xcc\xa3\x8f\x86\xd8\xcb\xa87\x98\xd2/{\xb9\x12Y\x8bb\xa1\xcdAj\x88d\x8e\xbb\x177R\xeb\x8a\x08\xf8\x00\x00 \x00IDATx\xda\xcc\x97\xefOZy\x16\xc6\xe7^\xd6{\x93\x9b{\xdf\xa8\x80\x06\x01\xc5xm2\x1d\xb4\x16\x8c\nQ\xd6\xddV\x04\x86MS\xb0Q#\xfe\xc0A\xa8\xa9\xa6HW]\xa9\xba\x8b\xb5\x10\xeb\x8fv\x9dvIFS\xdb\x90\ruH\x8c\xa3\xdbv$\x9dv\xd0\x85\xc4w}o|a\xe2\xdf\xb1\xcf\xf7\xda\xff`\xc1\x99\xe3\x05\xf1\x15\x9f&lt;\xe79\xcf9~\xf5\xd5\xffU\xac\xcc\xbb\xbd3\xcc\xb2_\xfd\x9e\x8a\xf5\xee\xac\xec\x9e\x9fdv\xbc\xc3+^\xef\xb0\xecwA\xc7\xca\x86\x93\x87\x99\xe3t.w|\x98=\xd8&lt;\xccd\xf7\xbdE2\x99\xec\xb7\x85*\xf2\xaex7\xd3\x89\x04\xc7q\xe9\xdc\xf9\xc9\x91(&amp;\xd2\x99d2\xb5#\xb5\xf47\xea+\xebM\x1d\xecgr"\xc3p\x0c\xcd\xf3`ch\x9a\xcb}8&lt;\xdcOy\x8b\x8a\xd0\xd4KW\x8d\x85\x16\xc9\xf3t\xfa\x88\xa1\x18\x8efhA\x10(N\x04\x16M3"\x938\xdeM\xa6\x8e\xb3\xbb\xdeK\x86\x1a\xde)\xf2\xee\x9c\'\x12"\xa4b\x18\x9e\xa7\xa4\xa2i\x8a\xe7iF%\xd0G"\x80\xc5\xac\x17\xf4\x97\x88\xe5=\xd8YY\xc9\xa6\x13"\'\xe9C\t\x14\xcd@+A\xe09\x86\xa2\xc9_\xa4\xab\xcc\xc9\xe6p\xd1\xf0\xe5q\xc96\x0f\xbc\x9b\xd9\x1c\xa08\x86\xa79\n\n\x81\x8f\xe1(\x15\xb1\x19\xc5\x03\x93!\xe21\xc7;\xdb+\x08\x8d\xcb\x1a\xc0\xdd\xec\xfe\xa1\xc8q"\x07\x8b\xc3W&lt;-\x8ah\x1f#\xa8\xa4N\n\x94J\xa5\x12(\xd0\x1e\x1d#7R\xdeK\x1a\xc9\x9d\xc3l6!2\x98&lt;\nM\x14x \xa8\x80\xc4\t\x82\n}\xe4U\x84\n\x0fO\xa6\x93\x16\x0f\xb7\xbd^\xf62\xfc\x9eJ\x7f\x80V\x8c\x08\x0e\x86R\xf1\x8cd/\x95\x08\xeb\xd3*N\xe4)\x9a\xa29\xbc\xf3\xd0\x0bhb&amp;\xb5Y\xe8\xa8`Y\xb6(\x99L\x13*\xf4\x90R\xe1{i\xfe\xc2\xf5p&lt;\xf1\x93\x00oIz\x81\x14RB\xcc\xa3\xe3lr\xa7\xa0z\xb1;\xa9\xd4\xca\xe6\tzC\x82\x81\xa1\x04\x9a\x87\xe3\x01\x038\xa9\x93\x1ci\x1e\xadR\xfdA%\xa1\x119\x05\xea(\x97)h\x1be\xc9\xcc\xc1\xf1\xc9\t\x99@\xa9s\x94\xd4)\x86\xa68\x88\xc33\x14F\x80\x18\r\xb0\x0c\x7fa{@\xe1\x87?:?( \x18b!\x9b\xcdqR!\xce\x89\xb1\x04\x92\xa8d\xfa(I?|\xe4\xf1F\x91\x0f$)\x04i\x0c\xe0\xfe\xc4\x87T\xc1\xb8\x92\x99\xf4\x11I+\t\x8b\'\x19%0\xa24p\xc0 \t\xca\xf3d\x0b\t\x17o*x\x8c\x92\xb0Hp0\x99Ba\xb1+\x07\xb9\x04\'I\xc2\x91\x14gHj\xd1\xf1\xd5\xb9\r\xd4\xdc\xea\xea\x1c^\xf1\xd58i/O\x0b\xaa/AA\x1a\x0b\xb9\xb8t\xa1\xda(K\x9ep\x17[\x90!_L\xa6qu\xce#W\xcbK*\xd4\xedj\xb9\xbe\xb5\xcc#\x01\x82n5\x1e\x8f\x93MI\xc8x\xe20dk\xaa07";\xbc/rR\xbfH*\xf0\xdc\xdcxY\x89\xa12\xb0\xbe\xfe\xe9\xd3\xa7uR\x81\xf5\x1a\x03\xc1\xebq:\x9d\x1b\x1b_\xc8\xbeL$\xba\x98\xde-\x8c\\\xdbd\xe3`\xe7\xf1d\xb1\xac:Kj\xf6\xcc{\x81\xbd\xbd\xc0\xba\x84\x15\x08h\x02\xe5\x04\xd1\xf0\tp\x15r\xe7\xc6\\&lt;\x0e|\xe4\x17\xbc\x85_\xfcy!R\x95-\xca\x90\x93\x81\x17Hz\xc7\xc7K\xca\xf7P\x81=\x8b?\xe47k\x08\x13\x1e\xd0U~2\xbbG+\xab\x0c\xed%\xad=\x1eI2\xd8L\x90\xfa(\x1e\x16\xc0^\xec\xe6\x89\x88\xe5\x0c\xb1xf\\]\xb5\xbeg6[\xcc\x96^\xbf\xdfo\xb1\xf8\x02\x1a\x8d\xa6\\S\x8eZ/7\x9b5\xe5\x86v\x83Z]\xa1\xd6;A\xb6\xca_X\x8c\xa7\x12\x9b\xf9\xc7\xc2*\x84\xaf\xa4\x06\x8e\x1b\x02\x81\x80yo\xaf\xd7b\xe9\xed\xb5\xf4\x02\xcf\xac\xd1\xe0\t\x90\x02_yeM\xfb\xfd\x125\xc0\xf4z}\xcf\xc6*/mnJ\xe0\x0e\n`\xf8\x83\x84t`\t\xbc\xa7\x1dP\x81=\x02\xd4K\xc8\xc0\x86\x97\xe5\xa2\xcc\x04\xab\x1cMlW\x03LN\xb8z6x\x12_H\xff\xfc\x9b\x9eM\xe6\x00\x85\xcb \xdemX\x87\xd1\xf7z\xfd\x84\xca\x8f.\xe2\t\xcd\xc2b\xfe^\xc2g!\\5\x06\x03\xdcU\xa2\x96\xcb\xe5eD\xb0\xb8 \xcdc:\xef\xc7\xaa\xec\xe0\xe2n\x8f7\xd6 \t\x02fK(\xe4\xef\xb5\xe2\x15\xc2\x87\xd0l(4\x8b\x82\xd1\xc0e\xf6i\xcaazCIE\x05\xb0Z\xf5@\xf3\\pqI6\xdfsx,mhP\x05\xca\x91\x04\x16\xe0H,\xfe\xd9\xd9\xf0\xecld:2\xdd\xb4\xb4\xd4\x14\x99%`&gt;\x9f\xa6\xa6\x92dX+\x01\xd3\x97\xc9\xe5\x15\xce\xb8d\xfb\x83|cm\xe7p`\x89L\xf7:\x9c\xe3\xf3Y\x88B\xe1HD"\x9a\x9enj\xea\xef\xef\xc7\xab)\x12\xf1GC~\xe8\xd5PYSeP\xcb%\xbd\xca\xcaZ+Z\x9dq\xb2\x1b\xf3n\xaeT\x0e{\x87\xdb\x08\xec\x054\xe6\xd1\xa8\xdf\x1a\n\xbb\\\x8e\x88k6\xe2\x02\x15\xb8\xa6\x016=\r\xd0\xb0?\xea\xf6k\x1a*+\xa1W\x89\xba\xa2\x15\xde\x92\xcb\x11\xaf\x1e$&gt;\x93\xef3\x82%\')#\xae\x99}f\xdfh\xd4\xed6\x82\n\\\x8e\x88\xad\xcbnsI`\xa4\\\xaeHS\xd8\xed\xb6\x8cb I\x1b\x11\xf7\xad\xd0\x8b\x88\xd6\x13\xa7T\xdcv\xbe\xd5ZAj\x897\xae#\x02\xa2\xd7\xdcV\xabVk\xeb\xb2u\x95\xda\x94\x8aN\x9b\xcd\x05 \x08\x05\xb9 ZS8\xec\xb6\xf84\xbe\x0b,C\x89\x9c`\x01\xacl\x8e\x17\xe8\xbc\x1f],\x16\xa2\xd8\x12\xed\xb5D\xad\xd6j\xab\xd1\xe6(U\x12\xa8\xb6\xab\n[\x97\xc3\xb5\xd4O\xf4\x9a\xec\x07\xdfl\xd8\xeav\x9b}\xbe\xf2\x9a\x9a\xaav\x03\xd9\xddD-$\x98\x07Q\x9cwo\xb1\xc9#q|\xc0\xed\x8eZ\x8dVc}\xad\xdd\xa6T*K\x8b\x15\n{\x97\xdd\xe1rM\x06\x97\x96`\xae%\x02\xe7\x02Wt\x14!A\xc2\x0b\xe9\xf5\xa5\x89\xa4\x8b\xc2\x87\xbcc\xad\xa4\xc5\xa1o\xc2\xee\xb0\xd1\xa8u\xd4\xd6*\x95\x8a\xe2\xdaN{\x9b\x0eX\xf6\xc9\xc9`pi28\x89B3\xc3\xb3\xd6P4j\x81\\UU\x18\xc7\xf6\n\xa9\xe4\x15=X\x8e\'\xf9\xbe!d\xc9\xa3\xc4P\x9d5\xecr\xd4\xd7v*\x14\xcab\x88e\x0f\x06uA\xbbnbjJ7\x11\x0c\x06\x01F2\xc2\xe5\n\x85\xa2\xa3\x9a\xebd5\x1a\xaa\xc8\x91\x83\x1e\x92\xfd8\x17\xa7ryWk?1\xfe\xec\xa6\xcb\xa8\xd5\x96*\x15\x8a\xce\xe2okK\xed\xba_t\xba\xe0\xa4n\xca\xf4dQ\xa7[\x9cZ\xd4-\x06\'\x11aM\xd3!\x7f\xd4\x87Y\x84\\h"a"\xe7D\x19\xb0\xc4|o\x1f6;&gt;\xb4P\xad\xb5ik\x95\xc5W;\x15\xdf\xfeQi\xb7\x07u\x8b\x8b\x00zbzlz2\x05\xacE\x1d\x91\xec\x97\xc9\xa5\xfe\xc8l\xaf\x1b\xee\xaa\xaa"\x87D\xbbZ\r6$\xd7*\xcf\xe4;!\xd8\xe3\xc4\xd0\xc2\xa0\xc3\xe6\xb0)\xbf\xbe\xda\xa9\xac-\xed\x9a\\\\4\x99\xfe\xfdd\xf1\x89iy\xf9\xf1c\x13jqbbJ\x07\xcdt:x?\x12\xb2\x10.,lll\xa2\x96\xdc3\x17\xa7Sy6\x97\xf7d|a\xa0\xde\xe1\xb0\x95*\xae*\x8a\x8d\x8e\xae\xa0\xc9t{~f\x06D333\xb7g\x96M\xa6\xe5\x87\xa6\xa9e\xfc6\xe9`\xb9\xc9\xa5i\xabEC\xceT\x1c8\xc4\\\x15\xad\x9e\x8d8\xbd\x9f_\xb5\xd8\x9d\xdc\xd0\xd6\x83j\xad\xcbfS(\x14\xb5VG\x7f\xdb\xad[?\x8d\xc4n\xc5\xe6\x7f\xfcq~\xfe\xcdH\xec6jyyl~\xfe\xf6\xed\x87\x13\xa8\xc9\xae\xae\xf0(\xf4B\x0b/FQ\x8fK\x95\xde\xcd\xf7 \xe6\xbe\x7fq\xe7Z\xb5\xcbaW*l\xd5u\x83\xc5\xff\xfa\xf9\xf4\xf4\xa7\xd3\xd3\xd3\x91X,6\xd2\xd1\xd1122?66\xdf1\x12\x1b\x1b{\xde\xa6\xe8\xea\xc4\n0\x8e^o\xa8\x92&amp;\x11\xd1\xa5/s\x02\xeb0\xcfjm\x0e-\xf4]\x19\xac6b\xe7\xd4\xde|p\xe7\xdd\xbb\xb3\xb3\xb3\xd7\xaf\xff\xf3\xfa\xbf\xef\x9f?\xbfu\xda\xf1\xf6\xe9G\x026\xf2\xb6#\x16{t\xf6]\xf3\x9d\xba\x07\x03}}}\x03\xf7\xef\xb7\x94\xe9\xe5X\xd6\xb8o\xbaa\xae\xe3\xfcz\x8b\xdd\xfd~\xaby\xd0h4\xdal\x8ek\xffXxq\xef\xd7w\xef~\xfd\xfc\xf9\xe5\xe7\x1f\xfeT\xfc\xf7\xf7\xa0z\xfa\xf6)\xb8 \xdb\xd8\x9f\x8b\xffro`km\xa8\xb1\xa5\xe5\xd9\xb3\xc6\xc6\xee\x1b\xce\x1erD\xe8\xcb\x1a\x81\x95\xe7&lt;e3\xc0\xaa\xd7j\x8d\x0e\xd7\xb5\x81\x85\x17/\x81\xf4\xee\xde\x8b{\xf7\xfa\xfe\xf6\xd7\xef\x94\xc5c#\x1f?\xbe%B\xc5Fb\x0f\xed\xa5\xcd\x03\x03k\xcf\x86\x86\xbao\x8c\xa3&lt;\xe3\xe3N\xa2\x16\xfe\xad\xf5\xcc\xad\xa6\xf3\xdbDYf\xa1\xafY\xeb\xd0\xd6;\xaa\xfb\xa0\xd5KP\xfdpv\xb7\xb9\xefNs\xdd`g\xdb\xa3XG\xc7\xc7\x91\x91\x18\xfc\xfep\xcaV_w\xbd\xa1em\r\xcf\xda\xb3\xee!\xcf\x86\xb3D2\xbd\xdc\xd9\xbd\xb1\x9a(b\xf3\xab\xd6\x8b\x07W\xb4\x8ez\xa3\xf6\xda\xd6\xc0\x95\xbbg?\xbf\x7f\xfe\xe8\xe1?\'\xba\\Zmm\xdb\xc3\xb17\xaf:^\xbdz3\x86!\x9c\n6\x19\xeb\xbe\xa9\xac,\xbf&gt;Z=x\xb3\xaeokm\xab\xa1\xaa\xa5\xb5\xb5U\xaeo\xf4l\xcc\x89+y\xc6\xea\xbbsEkC\x1b\xeb\x1a\xee~\xfd?V\xcd\xee5\x8d|\x8d\xe3\x07\x96\xc5\xfbj\xacB\x12uD\x0c\xb4\xb1c2:&amp;#\x9aX\xeb\xfb\xb1\xc8\x18C\x94\xc4d\xdb\xf5\xa5\xe1L\x1a5q\xec8\xd6\xc6\xaa\x11\x9d\xb6\xc6$\xdd\x85vi]\xb6\x82\x15)4\x9c\xbe\xec9G\xb3\x17K\x0b!\x0b\xe7\xaa,\x1czq\xa07\xdd\xee9w\xe7\xf6&lt;\xd3\xfd\x17f\xf4\xc2\xcb\x0f\xcf\xf3\xfc\xbe\xcf\xf7\xfb\x1b\x03\x81@-p\xc8\x96\xe9\x148RS\x9a\xe0z]x\x18\x92#\xe8T)\xb2&gt;%\xdf\x1f\xdf5\xf8\xb4\x1eE\xde\xe5p\xacO\x89\xc32\x1d\x98T\xff\nH\x84\xb02/\xfauqf\r\xf5@\x1b\x1dk\xd62P\xc5\x03\xb5\xdaa\xd9\x9eN\x87r&amp;\xa4\xc1\x14{\x0c\x08\x16\x81\xd4s\x91\xfdc\x8d|A\xeb\xb6\xe2VI(\xe8\x82\xa5\rXa\x99L\x17^\xba\xb4\xb2qS`\x99\xffqQ\x8f*\xb4\xf0Qk\xd9"\xcc\xb6\xf3\xfd\xf3\x00U\xb6\xdb\xe94\x02\xfe\xaf\xc2\x15kE\x92\xa3\xeb\x859\xa0\x9aF\xb5g\xdd\xe0\x10\xdd\x12\x85+2g\x9e\xd2X\x00\x0b\xb8\xa0\\\x02c\x89\xbe\x9b\x99XC\x15\x12\x89\xd6k\xe7\x8aT-\x10\x7fN\x85L\x05H\xac\xaeP4o\x1a\x10\xddf\xbb\xc7\xa6\xf2s`J\x95\xd3\x93\xab\xd3\xe0\xf7\x17\x16\xc0\xa7F\xccI\xb9r\x13\xc2\x8fEg\x04\xac\r\x81\x93\xe2\xa7\x99\t5\x8aJ\xbc\x12/\x0b\x8e\x81\xa1p8\x94\xa8\xc2g\xb80\xa5\x8c\xed\x06\xb3t\xaf\xd9l\x93\x80\xb5\x8f\xd9T\xd8\xea\x8dk\x17/n\xaf\xe9\xc7\x8f\x95\xd3\x10\xb25\x9f\xb1F@\xb8V.\t;\xf2\x7fzzc\r5\xa0\xbe\x90\xdb\ns\xdd\xa0\x83\xae\x9f_?\xd8\xdeZ\xfe\xcb\xd6\x85-eL\xedM\x17\x9b\xcd8\x83\x14\xcc\x1a\xdb\xd8\xce\xf2\xcc\xe2\xbb\x83\xaf\x96\xf6\xee\xedh\xc6t\x98F\xa9T\x89-c\xb3\x80\xe5\xf7\x1f\x08*\x10"\xd1\xb3\x97\xa8Zm\xf0y\xd3,8\x04$\xb1~\xf9\xd1\xbb\x8d7?\xfc\xb0\xb1tO55\xa9p#Ug\xb3[E\nI\x8dmuyg\xe4\xd1\xdb\x7f\xfc\xe7\xefo\xbe\xbd\xfb\xd0\x1f\xf6c\x10\x19Ucb\x8b\xc5\x08\x92\xffA\xe0\x9dx\xe7"\xaa\xe07"\xa8\x01\x97.\xc5\x1e\xfbo\x9f~\xf8\xd7\x9b\xbf\x1d\xdc\xff\xf8X\xa7\x9aP D\xb7\xcdt\x06\xa5\xa4\xca\xb6\xa3\x0bo\xbd&gt;\xfd\xea\xe6\xcd\x8d\xbb\xef\xf6\xbe\xbd\xbb2\xa2R\xca5`\xbadF\xa3n\xe9\x7f\x02c]\xfd\xc8c\x01\x15K\x92\xf8\x99\xad\xb0x\xe1\xdfoo\xaf\xf8\xc3\xab\x17V\xa1i!\xa4Se\xaa\x8dJn\x0e\xdb\xdcY\xdd\x9a\xb9\xb05\x0b\xf3\xed\xdf\xda\xf4\xdf|\xa8\xc3\xe4S\x1ap\x832\xe02\n}\xf1\xf6\xc5\xf7($1\x0fB\x90T\x19\x97h]\xe7\xbfy\xb0\xbd\xb8\xb58\xa3W\xeb\xf5\xa8$\x854\xaa=\xa6\xda\xa9\x94\x92\xd8\xd6\xcc\xba\xe3\xf2\xc5\x8b\x13\x8b3\x93\xe6\x98R7"\xc6\x94S\x90d\xc5\xba\xbd%\xe3\xc1\x1d\x91\xc0\xaf\xf1N\xf5\x90ZM)\x82\x0b\x1c\x1e\x96q7\xfe\xfc\xf9\xeb[R\xb7[\xabF\xf5\x86h\xbdR\xed\xf5\xaa\xe0\xa0\x07\x99}lzfrj]m@\xd5zs\xf2X\xac\xd2h `\xab&gt;7\xd1\xffAt\xe5\x8e`)C\xf4\xc5\x95\xab\xa2\xd3\x05=\x8c|\x8a\xa6)\xb2\xd5\xb2\xe3V\xfby\xab5\xe4\t\x1a\xf4ZH@\x83N\xaf\xdd\xabB\x17\x07&amp;\xd0S\xc7\x9a\x1e\xf2\x85\x9c\xbf\x14?V\xca\x95|\xf0W\xd9@\xb7\x96\xfc\x07o\x7f\xbf\xff\x93@\xd2%\xba\xf2\xdb\x8d\xff\xfe\xf8\xd2\xa1V\xabCi\x9a%\xcb\xad\x16K[\xadV\xafT\x12\xcc+\xa4$W\xe9\xc0du{L\xa7\xd3\x19\xe4\x12G\xfb\xe6\xbcG\xb269\xad\x94\xcb\xc7c\xeb1\x08\xfe19\xc6Wk\xc9\x1f\xb6\x88u\x0f\x0f\x04\xd9\x8b0\xed\xbb^\x9f!\xbf\xe0\xd0+R\xa9\xb4\xbde\xb7\xdaY\x8em\xb5p\\je\xc9b\x97\xab\x02\x0f?Z\x8dNe\x10M\x1c%\x8f2Q\xc4\xebQ\xa0\x8a`&gt;_\xc8/\xcc\x8d\x9b\xe5*\xb1x\xc4\x18\xd6\x8d\xda\xc4\xe1\x95\x95\xb7B, \xd13\x8d-\x8f\xe3\xde\xbc\xc3\xe1\xcb\xd2\xb4\xddng[p\x1c9\x92j\x01S\xb7W\xac6\xf8\xa7\x03\x93U\x19\xd4!\x87%\x93\x91B*\x9d\xf6\xf2A\x1b\xb2l\xcee\x1e\x97+1\xf1(\x8f%\x1e\x1d\xd5\xf9\xef_\x15\x04\xcb\x1c1\xa5\xe8Tp\xc1\xe1K\xe1V\xbcU.\xe3\x04Q\xe5z=\xa6\xdb-B(\xeb4 ,B\x90\x85RE\xa3\xb9Rb\x8e\xbf\xc1\xccA\xdc\xce"\xe9Tv\x902\xf1I\x16\xd4_\x16\x0e\xebF\xc0\x0f\xea\x84\xc1\xbab(D\x914\x12u\xe9}^+^\xa6(\x96hT?\xc7C\x06\xa0X\xaa\xca7\x11\xca\xd5\x18\xd4\xf9\xa4\x0f\\\xbb&gt;S\xa6d\x8af\xeb\xf5\xc1 \x1b\x8d\x16\xf8 \x8b\x8d\xca\xc2\xb3:\x0c\x1b\xb1\x8d\xfe$\x08\xd6\x97\xd7\xa3\xa9J\x0b\t\xb9\xd4!/NB\xef\xa86\x8f\xc4t\xaaU\x8e+\xb6_t\t\xf8\x05l\x95\x0e\xd8\xad\\\xa9\x1492{\xec\xeez\xae\x04\xc5\xcb\xd6S\xd1h\xd0\x15\x83jY\xc0\x0b\x8e\xc4\x92\xa3\xb6\xd1\xb7_\nr\x14\xffZG\x88\xf7\xe9\x10\xec\x9e,~\x18\x80\xd0\xd5n\xc3\x80\x03\x16\xc3\xf4 \xf0\x10\x83J\x07\xa4\x14\xbe\r\xe0*\x15\n\xe6\xe4\x82\x94b\x91A\xb4&gt;\xa8g\xeb\xd1z0\xc3\xbfo\x19\x91Yf\xc7\x8e\x926\xdb\xe8\xa9 \n!\xfa\xad\xeem4\xb2\x1e\xb5\xc2\xe7\xb6\x97\x03\xce!\xd8\xf6.L\x16\x18\xd2\x9a\xb3\xe9\xecV\xc0\x9d\xf6\x18\x0e\x84\x8bay\xae\x0cP\xb8\xd2$\x05+\x1d\xa9\xd7\xf9\x02f@\xb90\x88dcc\xca$\xb6\xac\xfaN ,7\xd2@L&gt;\xb5b^\x82\xf3X\xcd\x17@\xd6\xee\xb5\xdbCH\xd3\x14\t\xea\xd0\xee\xbf\x7f\xdf\x1fB\xc6\x80zEK\xa6\xc4\xb89\x88S\x01\xa2RA`\xder\x85\x04\xe8)\xecD\xcb\xd8\x98\r,\xf4\x980~^\xf4\x8bo@6\xf2&gt;5\xaa8\x8b\xb3P\xa0~\xbf\xd9\x84\x046l;\x9d\xed\x1a\xd5\xaav_\xf4\xfb\xfd\x93\x93\x93~\xd3Y\xfe\xe3\x1ei||\x0e\xb8\xf8\xb3QA\xb2\xa6\x0c`a6\xc0\xda\xb4\xd9\xd6\'m\x8f\x05y\x7f\'\x12\xfd\x12dk\x83lH\xad\xd6Jh\xae=l\xf2\x04@6t\xb6A \xc8\x16\xd3\x07\xa0\xe6I\x7f\x18\xe7X:\x9a3Es\x89\xe4\xe4n\x06!\x035\x8a\xa3a\xc42\x11^Oy,\xcd\xf1\xba\x03\xfb\xfd\xaa0\xcb\xe7S\x90l\xe4\xd2!\x83A!\xa1\xc9\xae\x93\xaf\xcc\x1fX\x10W[\x81\xc3*\x05U\xeb\x0e\x81\xb1\xda\xa8\x172\x85R&amp;\x99t\xe8]!h8Eq,\x94+\x12\xe1\xb1\x8c\xb3\x9b\xca\xfdc\xbd\\\x10\x91\x87j==\x8b\'\x10:dP\xa3Z\x9c\xe9A\x13\xf9r9\x87\xce.G\x92\x87\xfdf\x8b\xf6\xfa&lt;D\x91a\xaa\x15SB\xb9\xa39\xde\xdf\xdfU\xa0\x06\x0f\xdd\x02\x8d#\x89t\xb4\x90\x98\x93+\xf9j\xa9\xc6\xc7\x8f\xe5\x17N\x05Z\xd5Ooy"\x04\x11R\xbb\xd0y;\xd3\x85\xa9\xe2\xbb\x06-$\t\x96z\x7fr\xf2\\\x1a\x93O\xb8\xb2\xa9\x90\xc7\x15\xc3\xc0\xfe\xe9\x8e#y\xfe2Z\xca\xb68\x92\xc0\x91z!a\x06\x7f\x1a\x96Y4f3\x86M\n\xf3\xb2\x13\xaau.\x91lpP\xad\xb5y\xb6\xd8\xeb\xc6\x87Mx\x9c\xedb\xa3\xc19\xf9\x86:\x03\xf6W?K\x0c\x0b\xb1\xe9\xa9\xe5U\r&amp;\x8fdr\x9e3n)\x8e\xb3\x04L[\xaa^\x02,\xd5\xac\x11\xb0\xe6\xcc\xb6\xd1c\x81\x1c\xaa\xe8\xd9\xb9\xa3\xe3(\xe35\xa0k\xf3x\xb1\x07b5\x1cB\xadz\\\xa5Q\x84\x86\xf6\x01\xab|\xf8\xea\xbc\xf4\xbct~{qyuGiN\x94Ln\xb7Djg\t\x9cF\xe0\x04\xf0#o\xe1\xb1b\x9aQ\x1d\xf6I\x18}\x10]\xb9~t\x94a\xbc\n\xf4\xeby+\xc7\x81\x97i\xc7\xe3\xdd.\x87\xd4\x91Z\xb3\xffb\xe8\xa4\x0e\x1fl_\x9b\xff\xf3\xd93_/.\xdf\xbbg\x94m\xcaw\x83\x1e\xafV\xeb\xc6!sgM\x85\xc8\xdc\x91R5+\x93\x895\xf2\x11\x9bM%\x94\r\xbcz\xddT(\x10!\x83\xe2\xf2e+\xcb\xd2\x04\xc1\x16\xe3m\x8a.\x99\xac\xb5x&lt;^\xfbf{\xf9\xf6\xfd\'\x8fv\x16/?\xd9\xdb\xbb\xb4\xf2pcE\xa5Y\xdfuy\\&gt;\xa8\x15\xaf\xfa\x11\xc8\xda\x9b\xb3\xa0\xa6`\xa0\xf7\x95\x8f\x05\xfb\xdb\xc1G\xd8!t(\x88j\xb5R+N\xd34\xd1\xaa\xc5\xd9\x90Kq\xe6\xd5\xad\x07\xd7&amp;Vg\x97\xf6n\x1f\x18\xf7\x96\xb7\x9f\xec]\xda\xd8\xb8{\xf7\xe6\x8a_fY\xd5\xeb\'%\xd2P\x89\xa72\xf3X\xb3\x96Y\x8d\xdcl\x96?\xf9R *\xd1\xaf\xd1\n\x92v\x1bP\xc5\xfc\xb9\xf3V/\x02\xa9\x8c\xa2$\xea\xed\x7f\xbe\xfc?\xeff\xfb\x93X~\xc5\xf1\xe9\x98\x19\x123MS\xc0\xab$3*\x1a\x85\r\xf8\x04\n\x01\r,rqd\x10\xc8\xad \xbdl\xb0pg\x90\x16\x83\x94eDK\x19\x11r\xd9j\xd2\x19\x19X\x1e\xa6Q\x03\x9dH\xd2\xcc\xa6\xbb\t\xc9\x8c\x0f}\xc5V\xb3vRm|\xc5\xf8f\x9a\x98l\xd2\xe8\x18\x93i\xba\xb6\xc9\xb6=?\xb6\x7f\x82\xb7\x97\x00/\xf9\xe4{\x0e\xe7\x9e\xef\xef\x9eS\xa2\xe9RI\x96\xcadhR\x96\x14\xba\x14\x0e\xda\x94Z[\x9b\x9c$\xd7V\xd6\x92\x0e\x87\xad\xd1\xb0\xb0\x80\xa8\x90\xafV\xaa8S&lt;I\x81sqU\x87#\xacw#\x96\xc1G\xf8@\xaf@#R\xab\xf5\x86\xb6\xf9\xc1\xf1\x84\xbbR)e6(\xaa\x9a\xa3K\xb9B\xd8\xcd\x1d\xfbI\xdb\xa0\\l\xd4\xf4)F\xa4\xc5\xc9\x95g+)\x9f"\xd4h\xfdi\xedp\xa4\x83\x03b\xb5\x0e\xf4_|S:\xb82\xe7s\xff(\xa4\x9fID\x04\x1a\x8d\x18\xc7\xb1\x89\xb9\xf9\xc1\x99D\xb8D\x7f\x15\xd5\xa5\xe8\xcd\x93\xad\xed\xedr\xd9\xf3\xd9\xe2\xe2g\xbf\x1c\xfcd\xee\xe3{c\x11\x8bUB&gt;[Y\xa1\x85f\xcd\xd2\x87CC\x92V\xc0R\x01\xd6\x18g\xff\x0f\xaf\xdf]\x99Qd}\xf1\xe2\xd43c\xe9\xd54\xaa\xf3[b\x83a\xfe\xd1r\xf6\xa8J\xf9S\x85\x93\xf4\xa2\xc7C\x10\xd9\xf4\xe0\xe0`\xba\xed\x17\x0bP9\x9b?\xe5\xfd\xacy\xc91\xe9\xf7\xd3B\xb7kjh\tJ|G\x07\x88\xa5\xea\x18\xe0\xef\xef~y\xe3\n\xb1\xbe\\\x1f\xff\xd5B\x8b\x91\x8d\xe7\x138\x06]\x97\x87X\xad\xf8r\xde\xf4\xf8&lt;\x14wP\xb1w\xf4!X\x9eO[\xe3\x8eb2\xa9\xec\xee\x1en-:|\xe1M\xb3kj\xea\xa3\x0fA-\xbeR\xa9&lt;\x0f|$9\xdf\xbf\xc2\x03.\xd6\x93?\xee4~\xd2n6b\xd0\x06fc\x8d\xf2\x84\xa7|\xe2\xf5)\x8b]}\xd3R[\xc1w\xee+\x95J\xbe\xd2y\xe5\xf4\xe0\xec\xec\xf4x?CM\x9aL\xb4-\xb4\xea\xee\x1b\x9a\xb6N\x83\xf1\x89s\x94\xc9\xf5\xfdV^\xf2\xe2J\x1f\xdd\xbd8n1\x1c&gt;\xe76\xe2\xd9\xf2rL\x8cg\t\xe2\xc4\xebH\xa5\xa2\xd1\xf3\xe3\xcb\xc3\xc37\xf0&gt;&lt;\xbb&lt;|sxyxyvx\xb6\xbf\x1f\x8d\x92\xb9\x82V\xeb\xed\x9b^\xb2\x0eI!\xb7\x86U\xf4\x17\xf7\x0f.\x0e\xae\xf8\xa4y\xe7\xe0\xb0\xeeL\xc3\xc5g&lt;\xc4^,\x96%\xcay\xb3\xaf\xa8\xe5%\xf7\xdf\xbdy\x8f^\xef\xdf\xbf\x81\xaf7\x88\xec\xf2\xe0\xa2*K\xce\xcenz\xbd.tT9$qJ \xe5\xcfo\xb0XW}0\x82\xe6sY\xef4\x8d\xf2E\x0f\x91\xcd\xc7\x12Dy\xcb[P\xe0\x13\xcd\xce\xd3\xb3\x1a\xcf\xff\xb0\xce\xce\x8e\x1c\xc5\xdb\xf6n\xfe\xb4\xb5/lv#\xac\xa5\xa5.\x1e\xaf_\xd9\xb0\xcf\xcc\x0c\x1e\x8b\xf5dU\x80=Z\\&amp;\xb6\x00\xeb-!\ni\xd2\xe9\x96\xe9\xe6.\xa1\xf6\xf4x}\x1d\xc2xy\xec\xed\x9b\x9a\xe6\xc5\x03\xfd\x1dK\xd6\x88\xc0\xa8\xd5\xb8\x01kzZ\n6Q\xa9\\gj\xc2\xf3\xc6\x81Y \x1f_&amp;\x88\xbd|\xb6L$0\xf5\xa3\x04&gt;0 \xb0X"\xe1\xa3\xa3S\xadY\xd0k\xb1\xb4OMIx\xcd\xd6\xc8\xc2\x04\xa6\xd6\xb7\xb8F\xc1Q7K%|\x8e\xb2\xca\xd4\\34\xf5B\xb7^&gt;N\x10[\xf9D\xf9-\x14+0\x1c\xeaF\xb1\x187L\xccM\x18\xc0~\xfdzn\x8c\x1b\xb1ZG\x07"\x91\xc8D\xdb\xbc\x1c\x1bXZ\x1a\x92\xf0x\xadp\xa3~\xcd\xd8\x148\xeb\xc9\x91[\x83\x8dg\x13H\xad\xed21\x93N,\xfev\x1c\x02\xfa\x96H\xa3k\x1cZ\xe4\t\x8b\xa5%2\xfa\xd0b\x99\x08\xb6\xa9\xb9\xed\xd6\xa1\xe6f\t\xd4\xf8&amp;\xd91sC\xcd\xac\x03a\xaf^\x8eg\x13\xb1|\xb9L\x10\xc4xz\xc6\xe3\xb9[~\xf5\xfbW\xe8B]tpn,b}8\nP\xf3\xc1`K\x1fz\xb4\xd2*\x89\x0f\xabd\xa9u\x06\xb1^\x84C\x1a\x0c\x8b\xe1\xe2D\x16n\x84\xc4\xe2\x0c`\xa1\x96k\xf1\xf1\xe3\xc7\xe0\t\xe7\xe6\xe6\xc0S\x8fF&amp;&gt;n\x0b\x06\xefq\x05=SK\x08\x0bZ@2\xf5\x8eA\xac\x07\xa7\xb6\xb0\x06\x13\xc7\xc4\xf9\xfc6\x84\xd1\xb3\xecY\x06c\x9d\x95\xa39\x9b\x88u\xb4\xbd=2\x1aY\xb8g@\x8f\xd0\rc\x82\xbe\x1e\xa9\xb4\xb5\x83\x0f5\x8b4e~\xc7\xe0\xc8&lt;\xeb\x1bG!l\xc40\x91(\x96\xdf\xde&amp;\x08P\n\x82G\xe0b\xae\xd1\xec\x12\xba\x06\xc6\xeeML\x04\xd5ryp\xde\xa0ot\x8dt\xc1\x7f\x90\x1f\x80\x10\x9aL\x19&amp;\x17\x0c\xea\x8e\x9d\x0e\x85\x99\x8b\xb1\xd91hg\x10\xd7]H\xaa\xe5\x04\xae\xce\xc7\xd8F\xb1\x1e\xc3\xe5j\xb9\x1a\xb8\xe6\rA\xaeK1\xeb\x8c\x078\x1c\x08!`=aR\xad\xe3x\xce\x07U\x02c\x8b\xb6P\x9b\xb5\\\xbe\xfb\xf4\xe9\xab\xbb\x1eb\x86H\xc7\xf04\x9eN\xa4\x13\xb8\xfc\x11p\xc9\xe5\\W\x17\xd2J\xa9l\x92\x91\x93\x934\x93X\xd7\x10\x96M\xa1i\x14\xb1\xf3\xd9\xad\xbdl"\x0bXO_\x95\xb3\t\\\xac\x86&gt;_,\x97\xa7\x13rD\x05)\xdf\xde\xe5,\xd6\xa8t\xd0EW\x99\\\xc7`\xed\x14\x8bN_!d\x14\xb1\xd9{\x08KL \xb9\x88\x84\x1a"\x87\x19\x0cPW\x83A}\xd0\x80\xc1\xab\xb7G\xe2,&amp;U)\x19\xa9\x836\'\xf7\x80Q\xac\xb8\xd3\xe1\x03.\xafV\x9b\xdf\xda\xcafc1\xa2\\\x9e\xc1\xd5r\x1c\xc7\xe5z}\x1b\x1a\xe2\x9a\xb3X\x06Z\xf4\xdc&gt;\xa9\xa4\x98T\xa6R$@\x99L_\xdf`\x12k=\xee\x98\xf5\x95\x80\xcb\xec=\xc9\xe7\xf7\xb2Y1\x9e\xce\x12[@\xb8\x05y\x8f\xe9A0\xa8\x14\xd6\xa5Q\x81\xcb\x16/\x06\x92@\x05Z\xd9\xed\xa6\xaf\x99\xdc@BX6\x9b\x0f\xf4\xda\xf4\xae\x9e\xc4\xf6\xb6\xb7\xc5jql{\xfb\xe5\xf3\x97/O\x9e\xe7\xbdl\xb60\xdc3\xe2\x88\x8f\x8c\xf4\xc4\x93)\xa52Y\xa3\xfa?`\x15\x9d\n\xa1\x02\xb8*G\x05\xf8\xd8\\\xdd\\5k\x9f\xaf\x16*\xab\x9bH\xc4\xa3J\x8e\xf69R\xaaY\x80\xf2G\xc1\x18Q\xbaI\xd2n\xef\xb6\x9b\xceY\xccb9z\x84\xae0\x08V\xc9}\x95\xc9\xf9|\xa1\xa3\x9c\xafP\xcaU*\xbe\x0cM\xfbr%:Y\xa1\xd7h%\xe4y\xb4\xfef\x94\xd2\xe9jT\x80u\x8di\xac\x90\xdb\x1d\x06\xa9JT&amp;\x93\x01\x1e:G\xd39\x00\xca\xa4RU_\xaeZ\xca\xa5\xfc`\xf9\xd7\xfc\xd1\x9b\xb7\xa2:\x92$e\xf6\x06\xe0b\x18+\xe0\xe8q\x854\xee\xcdJ\xa1P\xa2(\n\xbc~\x15\xac~\xb5JS\x94\x9f\xa6i*U")]\x14\xed\xfc\xd4_\xbf\xe5\'M\xb2\xa6\xee\x06U\x93\xdd\xf4\x9a\xd9 \xf2%6\xa1\xdb\xe85\x87\x14\x05\xe4\xf53\xd5RF\x07\xb2\xd1\x19\xca\xef\xa7\xa2:\x9d.\xe5\xf7\xfbk\x8b\x9e\xd7\xaf\xaf\xe8Ld\x93\xea\xf6\x9d\x86\x06\xbb\xfd\x82\xd1\x9d\xbb\x1d\x8esV\xe8\xd6h\xb4\xa1\xb0\xc2F\xeb\xa8]@\xa2(\x1d\xe8\xa6\x8bF;W\xfc:\x1d\xa5\x83\xf0\xd5v\xc9\x00rR\xa6B\xa3\x81\x10EF\xb1X;\x81\xef\xd4\x02\xb9\xc2\nH\xaf\xdd]D\xe4\xdf\xf0\xeb\xa2\x9d\x9d\xf5\xf5+Q\x80B\x13\xec\xdf\xfb\xfeM@$eMw\xd0$\xe5\xedn\xfb&gt;\x93\xd5\x94\xb5\xce\x89#,\xb6\x16\xc0\x84\x05_\x95\xda\xd8\xdd\xa0\xd0&amp;\xb3\x1f-\xc3\xde\xecDlh\x1d\xefV\xbd\x7f\x12Q5\xdd\x1ef\x1e\xebZ]-\x88f#[\xa4\xd5\x82^\x05_\xa9\xbaQ_\xdb\xed\xbc\x89\xd6\xbe\xd1&gt;,\xda\xb3\xbe\x85\xa4BT*\x15\'\x10\x18\xe6\xdci0\xed3XNY\x0f.8\xf1Y\x85K\xc3f\x8b\xd8^\xf3\xa6PQ\xc8\xd1Tm\xb3\xeczm\x93\x12\xad\xe1=\xab\xef\xf4\x03\x95\tQ\x01\x14\x1f\r\xa7\xdb\x99\xc4b=8N!\xac^\x84\x85\xb8\xcca\x10,\x97\x83\xa4G[v\x10\xc0\x1a\x90\xee;\xa5\xe0R\x06\xfa\xf9\x1d|\xfe\xf0\x9d&amp;\xf25S\x1d\x04\xab\xee\xc5kR\x06X}\xae^6&amp;\x16\xb1W\xb5fP,$\x84"OgR\x90\xfa2\xc8~]-\xd3SMJ\xb8!&amp;9\xfc@kGG`\xf8\x8eL\xb7\xf1\x97\x1f3\xb4\x07\xf8\xd7]\xa8\xd8\x90[=\xbdF.p\xc5D^\xad\x1b\x1a\x1c\xeffXQp\x14\x93)\x13\tYN\xca v\x00\x95\xe4$9q&gt;\xbf\x15\xb0\xfa\x11\x16\xb9\xf1\xed\x07\x0c,\xb6\xd5\xfd\xf0\xcf\x9dv\x94-\xce\xd9\x91^\x01W\x8d\x81\xcf`\xb3\xb5Z\x08\xa7Q\xebu\x87\x856\x9f3^,\x16\xe3\x81dR\xa9\x0c\x04\x92\x90UN\x9eT\x82\x8e\xdc\xf8J\x12\x14\xfc\xcd\xb7?\xba\xf2\xfc\xba\xff\x8f\x7f\xfe\x87\xec\xee\x86\x1ftB\x10\x05F,\x1f\xc3\x911\x13\xc7b\xec\x9f\x8b\xd8Z\xb7;$T(l\xb3\x0e\xa9$\xce\x07"&gt;?\x0ePS\xd2f\x1ep\xf5\x03\x96L6\xf9\xf9\xbf\xfet\xa5\xc3[\xd7\xea~\xf0\xef\xbf\xff\xeds{\xb7J\xd9\xc4qvA\x95od\x8b\x80\t:R1&amp;\x8a\x89E1\x11\xdb\xecu\x85\xc0\x92\xf5\xf4H%\xffe\xe5\xfcb\xd2J\xd30\xee\xa6\x87p\x08\x89\x07\x19\x02\r\xd9)m\xa0\x01\x04\xf6\x80\xc4N\xd8\xc45,\x1d"*\xc1\x90ia7\x98\xc8(\xbd\x00\x9a\xe0\x05\\\x98\xbd\xb1\xe9\x85\xf1\xc2\xccMS\x83dh#\x9d`\x8c\xa1\x98`\xda\x99\xc2\xc5\xd4\xea\x86\r\x89\xc6\x7f\x17v\x8c\x926\xfe\xb9qkj\x93\xfe\x99\x99}\xde\xa3\xed\xec&amp;\xbb\x9b\xd9\xd9y\x15\xe1 x~&lt;\xcf\xf3\xbd\xdf\x87\x9e\xe3\xf9\xbe\x1b7n\xf4\xb5\xb4\xd8-\xfc\x88\x1d\x9b\x17\x07\xbf\xb8\xf4\xe9\xd9K\xbf\xbbW\xaf\xbf\x18\xf8\xd5:\xe8\x99\xfe\xfb\xc1\x8d7\xd2\x83{\xd4\x84\xa0\x16\xda\xa9\xd3k2)\xcdf:\xd0\x06\x82]\x1e7\xcb\xe5^\xafS\xe3t\x86\xc31{\x8b\xbd\xa5\x8f\xa0\xec1\x9e\x1f\xb1\\\x83\x8f\x17~O\x81\xfb\xf3\xa7\x07m\x07\xc5\xe0\xaf\xf0O\\\xc4b\xf1\xfdo*%\xbf\xf1\xc5~\xfe\xe0O\x1f\x7f&lt;\x88\x10\xb7\xf06RK%\xf7\xb4\xb7_\xc6\xe7\'\x9f\x98\xcdf\xb9\xb9]Ngg\xe8\xc3n;*\xd9\xd2b\xb1Xx\xb7%\x16\xb3\x9c\xa3\xe3~h\x08\x9c\xbd\xf4VV_\xf1\x17g\xff\xbfss\xa1\xd3\xf4\xecw\xd94\xa8\xb8W\xc7\xf9\x83\xcf?\xfa\xe3\xc5\x96&gt;,\x9a\r\x11\xb4y\xf4\xd3v$\x0b&gt;\xb6C73\xde\x8ey\xcc\x97\x95\xfa\x0ez\x83\x8f\xb2\xf0\x16\xb7Mk\x8b\xd9-\xd7\xf0\x1c\x0c\x83\xc1\x8f~{\xf6H\xb6\xff"\xe8/\xae-M\xffb\xc5\xc4\xe2101l\xb6\xe2\x8fs\xdc\xab\x97\xf9\xfa\x93\xc1\x8b-\xbd\xbd}\xbd\x01&gt;\x1c\xf6yM\xc3 \x1b\x1eF\xc0\xc6\xdb\x95*\x95R8p\xcasU\x0b\xd7\xecIR\xca\xed\xb6\xd9\xf0n\xdfr\x8e\xb0\xee\x0e\xde\xbd0\xf8\x87#\xd9\xc4\xab`\xb0\xb8\x92\xce=\xfeE\x87\x97A\xa8\x99J\x81aYF\x92\xae\xc6O\xb0\xf6\xffz\xden\xb1$[z\x1d\x0e\x83\xcf\xe7B\x9b7Q\xec\xe5\xe6\xcbP\t\xfey\x94\x1eO\xe7g\x80\xb2\xd8\xed\xbc\x9b\xb7\xd9la\x01\x0b\xd9\xbaq\x17C\xe0\xc6\x85/\xa0\x16\xb0\xfc\xfer\x96y2?3\xf0?\x92\x89\xc5\x03\xa5\xc3\xacD\xc2\xb2\xac\x84-l\xc4\x8d\x1ceKV&gt;\xc7#-\xbd0\x11.\xba\\\x98}L^\x13\xfdqS)G\x13Sy\x14\xca\xce\x8e\x18\x92NR\xd9\xdcd\xa1\x1b\xd1"\xae&gt;To\xdf\xf9\xc1\xb7d"\xb0\x96\xb2\x12\x96\xc9&gt;Z\x9c\xe9?\xf3s\xc9\xc4\xe4^9\x0b$\x86a%\x92P\xae\x08,n\xa3\x9e\xd7\x1d\xd9\xb13t&amp;`\xf9\\\x19\x93\xc9\x85\x80\xa1\x14\xb8\x98=J\x95\xe2\xaaB;\x82ah\xb1\\\xe3c0\x10\x16\xc6\x90{\xbb\xa57\xd9\x9bL&amp;{{[n\xd5e\xf5\r\xc2\xaae%\x0cUvy\xbe4v\xe6g\x88&amp;\x16\x8bf\xe6s!\x86\xa5g\x81\x8a\xcd\x96\x11\xadF\xae\xf8&amp;\x9f?\xb8\x1d\x0e\x87\r\xd8\x87\x81\x8e\xc1%\xb5\xe4*\xaf\xdc\xabB\x91\x81\xaa\xee\xee\x8e\x18i\x15\x8bQ\xacH,\x1e\xc1\xb7\x03)\x19p\xf0\xc9d\xdf\xf2\x84\xecMQ\xc0JK\xe0\x03\xdb#AtsK\xb3S\x03\xff\x1dM,\xea\x9f&gt;L3\xe4\xdd\t\x16+\t\x95\x83\x88\x16\xb7\xfb\x83nt\xffQ\xd8\x1a6\x04\x92Xo\x81\xca+py\xbd^\xbd^\xaf\xa0S\xb7&lt;W\xbb\xb5#\xd7bhVn\x1e\xdei;l1\x1ej\x05\x02\xc9@ `p\xf0\x81^J\xbc?~\x82%\xe9\x91P\xb1\xeco\x98P\xfaQ\xe5\x9b\xa9\xfe\xffD&amp;\x16OU\x96g\x1f\xa7!\x92 1\xf0X\x16XF\xa8\xc5Q\xb8\x8e\xdc\xe10V\xf0\x01\x83/\xea\x02Y\xd4\x8b\xb6\x8a.\xaa\xd0\xd3\x99n\x08}\xb7\xf5\x8a{$\xe6\x8e\x8d\x8c@-m\xc7\x08\xcf[\x02\x16\x87\x03D\x8e!\x87\x9b\xbfYW\xefo\x04\tk)-\xe4\x96\xb0hW\x18X\xcc\xf2l\xe9\xdf\x91a\x82\x99\x9a/\xb0\xec\xdaT\x0eR\xb1\xc2\x83\x05\xb0r\x91\xe3\x1a\x1b\x1b\xfdot\xf9\x83[\xb6p\xe4\x14+\xe3\xc2\xc5\xe9tF\x9dz}7\xe4\xf2\x00\xab\xb3\xb3U\xdb\xd1\xe1\x1eq\xbb\xaf\xd8\xb4\xda\x0e\x8a\x16\x1f\x18\x1a\xe21tS\xa9p\xe0\xa8M\xf6\xceO\x1e\x06\xcb\xc0b\x84!u\xba\x13\xb8\xb2\xb6R:|&lt;\xfd\xafC\x001\x1f[,\xe0\x11\xd9\xadJ\xe8\x03\x94pU(\x11U#\xf7\xa2\x9e\x9f\xf81\x10q\xa6\x1c\x8e\xa1\x88/\x93I\xb8\x12\x19\x17\xd4\xd2[5\xe4\xa2\xb2\xdd\xe3\x81\x8dVp\x81H\xdba\xd5\xba\xe1a\x80\xe7\r\x06\xc7\x10\x9e\x902|WW\xbfD\xe0\xc1U\xccQ\xb6\x08\xeb\xbd\'\x94\x9a\x92\xbf\x9a-T\xbe\xfc\xe9\xb7sb\xd1\xd4b\xa5\x04\xf3B\x85Z%\xfb\x01I\x18+\x85ZU\xc0j\x0c\xfe0\x01\xb9"N\xac\xe0\t+\x91\xc8d\xb0\xde\x82^\x1a\xabF\xab\xf7\xa8&lt;\x1e\xa5\x12z\xfd\xa5\xb5\x95$km\xc5\xa8E\xb2\x1c\x86!P\xa5"\xbe\xf0Woe\x13{\xb00\x1e\x0cV\x0b!\xc9\xa9\x87\x1f\x14`\x99yc\xb0\xccJ\xd2\x8bc\xef\'\xcd/\x97\xd2\xe9\xf5\x99\xf2\xf2\xd2\xfcR.\xf4\x9e)\x9b\xce\xad-mW\xa7\xfd[\xeb\x80jjj\xdcx\xa3n;\xba\xee\xc5\xeb\x1ez\xe0JLNN&amp;\\\x99L4\x12\xb1\x02,\x1c\x9f\xa9\x00\x00\x073IDATD\xd3\xa9\xe8\x82Z]\x8a\xce\xee\xd6\xcf\xac\x90\xcaj\xed\xa0q\x08e\x87\x86\x0cCX\xc4^?\x9ah\x83\x85\xc68\xaa"D\xeb\xb4\x08N\xd8aa\xa6\xb8\x9d=,\x15\xfd\xeb[3\xc2\xef\xc2\xb2\xe9\xf2\xf6\xecaeM`\xc2#\xb3\x85\xe5\xc3\xda\xd6\xfa\xfdF\x91\xa8\xa9\xb6\\X\xbb\xdf\xd4\xd8$\xd8(\xad\xe7\x04\xb9\x1ed\x80\x95\x00\x96+\x83u\x83\xf5\n\x1d\xaat\xb5\xab\xcb\xd3\xd5\xd5\xd9\xdd\xad\xd1h\xac\xad\xd6V-\xa8\x0c\x86\x94\xc1`x\x90\xf2\xf9\xee\xe4\xf6\xd5\xafw\xe2Fc\xdc\x18/\xae\xe5\xde[G\xa2\xd1\x07a2\xdb\xfeb\xd5h,\xd6\nLvq\x0cX\xdb\xdbK\xcb\xa1\x13v&amp;\xbd\x0c\x896v6\x9f\xefqP\x883.K$\x85\nnb\xc3\xf8j\xbf\xf9\xed\xad\x94o(\x15\x05\xd6\xdc\xe4d&amp;\x81\xfe\xe5\xb5\xda\xd0\xd0[5\xd4N\x15\xaaN\x85\x1ed\x9d\xc8\x9b\x96\xc6_*\x05\xad\xe0\xf9\x9d\'\x08\xd6\xa6\xf1\xa4\xd6\xfd\xd5Z9\x97e&gt;\xa8%\x90\xb1l\r\xaf\xbd\x7f6Gw\xa6g\xfb\xc5\rY\xe1[\xe8\x1f\xcb\x95\xad\x95\x9d\xcd\xbdg\xab\xab\xba\xe6\xd5]\n:\xb7\x86\xfb\x0b[M"`Q\xbc\xda~\xbc\x8deh43997\x97H\x98\\\t\x97W\xebvk\xb5V\x85P\x1a\xbd\x02\\\x8an\x8d\xd5\xa9\r$\x1d\xc8\x14FH\nT\x07\xb2\x97\xcfO\xa9\xaa\xe5\xa5"g,Vk\x87\x85\xf7h\'r\xe5\xb6\xc6\xa6\x0fCB\xfe\x17\x83\xfe\xb1\x064\x8fln\xadVZ\xdfy\xfe\xec\xe9\xaa.\x8f\x92\xe6Ww\x9bD\xa8Z:\xc4\xa6\x97\xd7E\xa4WS\xf0\xdd\xf1~\xe1z$\x85h\xcd\xcd\xcd\x91\x8dH\xbe\xd6m\x0b\x13\x0eJ%\\\xa3\x85i\xf4N\x1b\xc4\x8aD\xa3\x11\x0c\xc4\xde{\xa0z\x11\x17\xa0\xb8\xf5\\:\xb4\x82^o\xe4v6J\xb3K\xd8b\xd8\xd3\xe9\x97\xc9\x15B\x02(S\x82\xa6\r\x10i\xbd\xf8\x13R\xbeY\x9a\x1f\xcd\x8f\xee\x8a\xce\x9c\x11\x89\xb6\xb2\x8c\xa4\x07\xf1\x12\x11X\xa3\xff\xddq\xfd\x9e\xc3\x17\xa5S\xed\x04.(\xa6\xd1j\xbdN\xaf\x9ch\xa8\xd9\xcb\xcd&amp;\xb3J\xd3\xad\xb1\xf1\x8e\x08\xa2\xee3\x04\xee\xa6\x89\n\x13+&gt;\xb9\xe9r\xa1\x87Y)\xfa1w&lt;;^}\xba\xb7\xb9\xb2U+\xa7\x19\x8a=|aN\xe7\x97\xc7\xdc\xf4J\x83\x9f|\xd35SI\x81\xd4,\xa5\xaf\xa3;\x02\xd6L\x88\xc5&lt;\x91\xab\x8c5\x9d\xe6\xeb\xe5\xc1\xe7\x8e\xa8\xa0\xd6\xdc\x02aMz\xe1\x18V\xabr\x93\x92N\xf3\x94\x9b\xc6\xc7\x87\xe5\n\x85\x95\xe7S\x10+\xeat\xdcL\x1f\xb4\xbd\xa6\\\x01\xcaHT=\x12`\xf9\x83\xbbO\xdb\xd4j\xb5\xec\xf8\xe9\xb3\xe7\x1bP\xed\x9f\xfa\x92\x84=\xec\xef_k\x10\x90\xd4\xcdj\xa1\x08N\x87\xaf\xba\xcd\x01\xe2X\x0f\xf5\xa0\x88K\xd0k\x80\xdb|\xfd\xf6f\x84\xfa\x032\x9f0%\xc6\x13\t\xaf^\xe3\xa5\xc5\x84\x12B\xe1\x8e\xaf\xe7\x1e\x9a\x14\n\x83\x05\xe3/\xea\x8b\x84o\xe7\xea\x13\xefv\xb8~\xa2\xe2\xd6\xcb9\xfc0\xb6Jj\xc5\x81%S\xcbdj\xb5\x8eT+\xcd\x17N\'\x16H\x16\xdaj*54\xc37\x80\x80I\xa7\x83TR\xa9\x0e\x9b\xb2\xe7\x08\xbc1Xe\xe8\xe7 \x8f\'\\\x18\x05\xfe\xbd\xefo\xbbH\xa6\xb9\xf1\x84|x8aR\xd1\x11A\xc2\xa2p|a\xf8\xe1\xc2\xd7s\xc3*\x8d\x82\xd6d\x98q\x0c_\x1d\xbd|\xbd\xb9+H\xc5\x19\x05\xaa\x9e\x1e\x96L\x0c\x06W\xdbdm(u\xf3h^\xaa\x96\xbd\xde\xdb\xa8B3adJ\x98t\x89k\x804\xd2Q|\xe8tR\xa1FG\xe1\xa4l\x0f\xed!\xee\xdf\xa6!\x1a\xc2#\x0bK\x94/a\x1e\xf2\xcf\xfe\xed\xdb\x07\x19S\xc2dR\xe9\xf1&amp;\xd1\xab\xf7z\xc9\xbaa\xf3\xc2\xc3\x85\xb9\xaf\xe7\x16p\xb7\xc2\x80\xa6\xc5\xc7\xfa\x1e}\xffl3~\x02\xc5qUr\x10+\x07\x8a&lt;f\xecc\x82\x92\xc9\xdadR\xdaw\xb3z\xe2\xe9\xde\xce\xcc6\x82Fzek\rR\x92h\x14\x17\n\x97\xf4\xe4vs3\xb0\xd0\x91\xb7\xd9P(D/\xa1\'\xbdV\x15\xb8\x06p1\xce&lt;\xfe\xfb\x9d\x07\x11\xcc\x88\xadXq)\xbc\xce\xc4\xf8\xc2\xc3\xf1\x7f4]\xfe\xaei\xc4a\x18\x17\xccQE\xb8\x1f]\n\xdf5_H\xeeRh\xfa\x07d\xe8\xde\x8089\xdcP\xd01C\x97t\xe8\x96\x8e78\x8bW\xe2"%\xc1!\x8d \x14\x82\x19B\xb0\xc4\x12\x895\xc6\xa2"\n\x91\x16J\xe8\x14\\\xfb&lt;\xdf\xef\x19=\x83\x1e\xd1\xe4&gt;&gt;\xef\xf3\xbc\xef{/\x8b\xc5&amp;\x83\x80 n\xbc\xc2"\xf3\xee\xd7\x8f\xd64B\x82V\xb5F\x89T\xe9\x84\xdfE\r\xb3\xd3G0\xd9\xc4\x92\xeaz\x02\xda\x89\xdb\xfb\xd9i\xfd\x9c]4\xa9\xb0\x02\xbe\x05\xc9(X\x80\xcfy\xe2\x1eb\xede\'\xa0ZS\xc2&amp;\xcb\x9dkm0z\xce1\x8f\x07W\x17\x9b\x9b\xeb\x1b\x88\x1f6\x9c\xf7\xcd\xe2\xc1\xd6A\xb3\xd8\x84\xdf\x9e\xbfx\xbb\xbe\xff\xe9\xcb\xd5a\xc1$\x8f\xc9\xc5\xc8:=?\xa1M\xd9\xd2\xfd~\x06_\x18XJ+\xb8KR\x10\xbc\x86\xdeQ \xedQ\xc6\xba\xbb,%bp\x1eu"\x19\x90PP\x9c\t`\xe1o\xdd1\xa9\xd2jgK\'*\xbdZ\x8e\xcd\x8c`|\xb2\xaa\x87\xed\xbf?\xbf}\xdc^\x7f\xbd\xfd\x06c{w\xeb3\xda\xfe\xee\xee\x87\xfd\x8b\xf9C\xce\xd13^ue\xab\xde\xa8$\xd3*=\xd8x\xfb\x19p\r\x1f\x15\x93\xbd\x13\n\xca!A\xb1\x132{h\xe4n\xbez\x13c\x08\xe1/)\x83@\n I&lt;\x80\x05\xb1\\\xb3\x05ci*6=\xbf\xf3\xafV0V\x0ed3\x9f\xfbZ}8&lt;\x1b\x0c\xda\xedy{&gt;\x9f\xb7\x07g\x0f\x85\xbc\xd64\xa22\xefn*e\xf5_\xb4\xb7\xfa\x0c\xe20\x0cU\x11C\x98\x8b\xae\x96\xb6\xc49Z\x06\x1b\xb9\xe3\xe6b\x0c)]\xa7K)XG\x14z\xf4\x9b\xf7\x16]\x8a\x95\xd4\xf9\xe0\xe0\xf2+\xbd\xc9q\xc4\x14W\x87:\xcd\xe7\x8d&lt;\x08\xf9\xa3\x86C\\k\xaa\xb1\n\x93F%\x11\x8d&gt;\x06\xd1\xef3\x89\xc30\x12\x0b\xe6\xc2\xe1I\x14\x13\xa4\x82j\x19\xa6Ug\x11\xc5\x91\x14)\xca\x14(cy\xb0\xdf=\xee\x0f\x1d\xb3\xeb\xeb9\x1f\x1d\xec,\'\x8d\xf3S}\xe1%\x18\x9e\xe2\x0b\x05\xe3\x86\xfa]D\xe5\x14j\xbdN9Z\x92\x15\x16\xd5B\x11g\xc4\x12(\x1c$\x02V\n\x88\x12\x8cT\x0b\xceu\xc71v\xd1\x94\x8a\xa3\xca#\r\x88\xe8\xfeq\xb9Ct\xfd%U"\xa9\xb7\\\xbf\xd4r\xf2N&lt;BPl\x11\xe0\xe2,bd;\xfe\xde\xeb\x94V\xd6\x98\'\xac\xecL\xd5P\xa0p\xc0\xb2a\x1b\x1b\xc5\x84\xd1\xc4\xc8\xc5\xb7q\'1\xa1\x84"X\xa0\x1b\x17k\x18\xce\\,\x7fV\xcbW,\xcb\xb5\r\\~\xb9n\xf2\xa2\xc3\x8c\xa5\xa8\x94j\xc6\x13\xdc\x8a\xf1\xacj\x8f\x1b\xcc\x9a\xde\xe3\x92\xbc\x99\x02\xd6Z\x17\xb3\'K\xb5\x80\xa2\x9a\x17\xcc%\x11\x00\x91\xb2C[\x8e\x18\x95\xbd\xeb\x98G;yGRg\x11U\xa6X\xe1\xd4d\xd6\xc6\x8b[\x8d%\x1b\xb0\xc6\xc42F\xb7\x98g\xc3)\x96\x01\x87@\xcf\x8c\x05\x9ca\x98\xf0\x07\xba\x88uw\x82f\xbc\xb2\xb0\xeb\xf5J\xcd\xc4\x19e\xb2\xc5\x93\xb9X\xc4T*\xdc\xf1\x14\x96{\xfd\x1f\xdcD\xa7I\x92K\x1f \x00\x00\x00\x00IEND\xaeB`\x82'</t>
        </is>
      </c>
      <c r="M76" s="3" t="n">
        <v>45492.67667824074</v>
      </c>
    </row>
    <row r="77">
      <c r="A77" t="n">
        <v>241488</v>
      </c>
      <c r="B77" t="n">
        <v>1977</v>
      </c>
      <c r="C77" t="inlineStr">
        <is>
          <t>Bernard</t>
        </is>
      </c>
      <c r="D77" t="inlineStr">
        <is>
          <t>Bernard</t>
        </is>
      </c>
      <c r="E77" t="inlineStr">
        <is>
          <t>PE</t>
        </is>
      </c>
      <c r="F77" t="inlineStr">
        <is>
          <t>ATA</t>
        </is>
      </c>
      <c r="G77" t="inlineStr">
        <is>
          <t>PE/MEI</t>
        </is>
      </c>
      <c r="H77" t="n">
        <v>164</v>
      </c>
      <c r="I77" t="n">
        <v>20</v>
      </c>
      <c r="J77" s="2" t="n">
        <v>33854</v>
      </c>
      <c r="K77" t="inlineStr">
        <is>
          <t>Right</t>
        </is>
      </c>
      <c r="L7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2d78480-bd03-4c14-88eb-10719bacc0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b8\x1d\x7f\x00\x00\x00\tpHYs\x00\x00\x0e\xc4\x00\x00\x0e\xc4\x01\x95+\x0e\x1b\x00\x00\x03\x00PLTE\xff\xff\xff\x12\r\r\x0c\x04\x01\x0c\x08\x08\x1d\x17\x17\x10\x06\x03\x1b\x14\x13\x01\x00\x00\x06\x02\x02\x18\x11\x12\x0f\n\n\x14\x10\x11\x18\x14\x15\x15\x08\x03\xfe\xfe\xfe\xd2\xde\xe3\xd1\xdb\xe1\xd9\xe2\xe6\x17\x0c\x06\xd8\xde\xe4 \x1b\x1c\xda\xa5\x9b\xdb\xac\xa3\xb1ye\x1c\x0c\x05)\x15\x0c\xdd\xe4\xe8\xabt_\xcd\xa0\x95,\'(\xfb\xfb\xfb\xb8\x8e\x81\xc1\xa9\xa0\xd8\xd9\xdf\xc0\x98\x8c\xd4\x9d\x8c\xc6\xac\xa3\xcb\xb1\xa7\xdd\xa9\x9e\xa8p\\"\x0f\x08\xc6\x9d\x90\xce\xda\xe0\xb5\x99\x90\xbc\xa4\x9d\xbe\x93\x86\xbc\x82j\xb0\x8e\x85\xca\x8e{\xcd\xa2\x9b\xd5\xd6\xdc\xd6\xdd\xe20\x19\x0e\xd8\xa3\x95\x8eU:\xd4\xe1\xe6\xbb}b\xc7\x97\x8d\xaa{g\x9cjV\xa7\x82w\xb7x\\\x9adQ\xdc\xe6\xec\xb6~i\xd3\xbf\xbc\xd2\x99\x85\xe7\xe9\xee\xda\xa9\x9e\xbc\xa0\x97\xa4gR\xbf\x7fg%"#\xcb\x9b\x93\xd5\xac\xa5\xc3\x8by\xaf\x98\x91\xdc\xdc\xe1\xd7\x9f\x91\xdc\xb3\xad\xf8\xf6\xf6\xa2s`\xc5\x92\x88\x95p_\xf3\xf1\xf2\xc9\xa5\xa2rC1\xc6\xa0\x96\xa7\x8f\x87\x9baI\xe8\xe6\xe7\xb4\x9e\x96\x16\x0f\x0e\xe8\xef\xf2\xc3\xb0\xa9\x93\\D\xdc\xb0\xa8\xd4\xa0\x9c\x9b]@\x91jZ723\xe2\xe6\xeb\xce\xba\xb7\xa3nY\xb1\x8a{\x85R&lt;\xd8\xe4\xea\xb3qU\x88fY\xb6\x94\x89\xc7\x87v\xd1\xcf\xd0\xce\x94\x88\xd3\x9f\x96\xb9\x85p\x94_K\xc3\x86k\xd4\xa6\x9f\xd3\x9b\x91L*\x1e{\\O\xd0\xa8\x9e\xbf\x86s\xc6\xa4\x9b\xe2\xe0\xe1\xb3\x82o\xa8\x80p\xb8\x86y\x95sgHCC\xb1~i\xce\x9b\x8c\xafta\xb7we\xa4cE\xac\x94\x8c_;(7\x1e\x13\x86aR\x9fyi\xc2\x8f\x7f\xcb\xd5\xdd\xca\xb4\xae\x95Y=\xc9\xca\xcd\xcd\x95\x80\xaahKj=*\xa3|p\xee\xec\xec\xa6vc\xbd\x89\x7f\x90cQ\x82WG2--\xc8\x8cs{N&lt;\xce\x90\x81\xadlT\xe0\xea\xef\xde\xb6\xb5\xc2\x98\x95\x1d\x11\x0c\xd8\xaf\xab\xbd\xb5\xb6Q6(\xcc\xa9\xa3oL:\xae\x85}\x9cr_\xae\x85tVST\xbc\x9d\x91\x82M6\xc5\xc4\xc7\xba\xbc\xc0\xbc\x8bx\x8bVC\x8d|u\xdc\xac\xa9\xc1\x8b\x89\x8cm`_\\^\x86un\xb1zm\xb2\xb1\xb2\xc5\xb4\xb0\xa3\x89~\xaa\x8a\x7f\xdb\xd8\xd7\xd0\xab\xa9\xc3\x9e\x9d\x80cVxvx\x8b\\K\xc4\xbe\xbdcC2\xa3\xa1\xa3\xd8\xa6\xa4nREihj@ \x13\xbe\xaa\xa5m[SaLCzG3\x9e\x82x\xd2\xd3\xd6yTE\xc5\x94\x81\xb3n_bTL\x99zo?;;%\x1f\x1e\x81nf\xb9}pOKL\x8bL4V@5?&amp;\x1a\x95\x95\x99@0(\xc8\x88\x81\xd3\xb2\xab"\x19\x15\x99\x89\x82\x8f\x8d\x90yh`\x89\x84\x83\xb4\xa1\x9c\x80~~\xa7\xa8\xac`0 \xc7\xd0\xd7\xc7\x81p4%\x1drop\x97\x80y\xd7\xb4\xb1sbY\xb0\xaa\xa8\xed\xe1\xde\x9f\x90\x89\xa0\x99\x97\x9cc^\xcf\x8f\x93\xdd\xd1\xce\x98XT\xa6jk\xa6WJ\xbf|x\xe2\xca\xc6\xc6pe\xd5\xc8\xc6\x99K@\xa3;\xea\xd1\x00\x00 \x00IDATx\xda\xc4\x97mLSy\x16\xc6\x9d;{\xf1.;\x97\x0f7)\xb4\x11!\xa1.\x96L\x8a4)\x84\x0eH\x0c\xe9\xc8\x02\x19^\x04\xdb\xc0\x92\x80\xd4\xc46\xa2\xc0\x02\x16\x18\xace\xc9\x9a\xb6\x980hq,2F\x8b\r\x822\x911\xcc\xe8\x07\\\x04\x14\x1b\xc0\xd4\x80/\xbcl\x03\xe3\x1a\x97\x04\xa3dL\xf6\xeb&gt;\xe7\xb6\x8e\xee\xce\xc7m\xf5@\xdb\x8b\xc4\xf0\xcbs\x9e\xffs\xce\x7f\xcb\x96\xff\xb3\xa2\xe2J{\xca\xdb\xc6\xc6\xda\xcaK\xa3\xa2\x8az\xda.\xdf\x9a\xbc\xfb\xfcrO\xd4\x96\x8fXq=\xb5\x93\x9b\xbf\xfc\xf0\xcfy\xbf\x7f\xfe\xa7_._~\xf3\xd3\xac\x7fcC\xbd\xe1\xff\xa1\xb6\xe8\xa3\x81E\xd5\xbey2\xeb\xf1\xaf\xa0\xec\n\x85\xd7\xbc"\x96]\xad\x96\xa97f\x9fo\x8e}\x0c\xb0\xa8\xa2\xb1\x9f\xe77d250\xf0\x92\xc9\xec\xf6\xc0\x13^\xf4\xb8\xe2\x99\xbf[^\x14\x17\xf7a\xd9\xa2\xca\xdf\xb4o\xc8\xa4&lt;/U\xc8\xa4R\x85B\x01&gt;\xc0)dT@\xa3w\xff\xfc\xcfw\'\xcb\xe3&gt;$V\xf9\x0b\xbbB\xca\xb3\xac \xf0n\xc0\xf1\xbc\x1bD\x04\x074)Ot"\xea\x86\x7f\xe6V\xdb\x87\x03+\x7f\x8e\xfeIy\x86cy\x86u\x0b&lt;\xcf2,\xcf\xe3S\n\x1e\x92P\xa1\x90\n\xf4\xae\x90n\xcco\x96~\x98\x06\xc6\x8d\xdd\xf1\xcbH\x16)\xcb\xb1,\x0b\x1c\x96e\x18A\x90B?^AXRA\x10\xc4\x0f^\x10\x14\xfe7\xa5\x1f\xc2a\xa5\xb7\x167\xc8E\x00c9\x8e\x17@\x06\xad\x18A\xca\x03\x03O\xf8\x19\xa0\xd4Y\xfa\x15\xa4\xf3o\x16}\x00\xaa\xcdGR\xb7\x9bg\xddj\xbbL\xca2\xbc[\x80TL\x85 \xb8A\'\xf0\x1c\xc70\xf8&amp;2V\xfc\r\xaf\x90\xb6O\x86\x9d\xab\xf4\xcd\xc15i@\x06\xe8\x85\x07\xb7\x9b~@\xb7\xd6"\xc0\x03\xe58n+\'&gt;\xb0\x91"\x16\x9a\xb98\x19\x17\xe6`x\xb6\xbdB` \x03\xd9H\xadV\xa0k\x15p\x10I\xc6\xbb!\x15\xc72[Q\xd0\x0bE\x8c\xc4%\xb8\xe7k\xc3\xc9\x15\xf7\xcd}H\xc2q\x82\x9b\xa7h\xa0c\x87?\x0c(\xd8\x9e\xe1x\x9e\x81N\x9c\x88%\x16\x03\xb58:\x15\xac\xfbey\xf8l_t\xf9Q\xa4\xc0\xd0\x9f\x13\x04\xea\xa2TL\x06\xf1,\xa2\x88Wdz[\\\x10\x8e:\xf9\xf8V\xd8\xe4*\xda\xec\x8dtG\xb0\xa2q\x90\x00R\xb7BA\x99EN\x83\xc1I\x98\xff\xa2"\xae \x1d\xfe\xc3\xfd\xf2pup\xb2\x97qG\x08\xf0N\x00\x0bj\xe1H\n\x14\xa3d#\xee7T\xef\xf11l\xefd\xb8\xa2\xfd~\xa4\xd8&lt;\x00\xb0d\xad`\xf3\xd8\xb7\\\x0c\xf7\xae\xfe\x17\x8b\xe3\xd66\xc3\x94\x0c\xcf\x1e\xf3\x10Kl\x97 \x88X\x94\x99d0\xf1M\x1cA\x0c\xc5)\xf3\x1b\x97\x81+"LX\xb7\xb6\xb38r\x02\xe2\x81c+(\xab\xc4\x04\x0f\xac\x0e\x08|\x8c"\xac\x12\xe26!%J\x10\xbeO\xc6}\x16\x1e\xac\xb1v.\xa0\x05\xc9TQ\xc1c\x12c\xa9\xf1\x9a\xcdf\x8f\xcdc6\x83\r_f\xec\x82v\xafw\xc5k\x97\x05F\xf9;\xac\x88\xbba\xf1\xfb\xbf&gt;\x13\x8f:\xcc\x0e\xa3K\xdd2\xfb\n\x80\xa6\x06\xfa\xfat}}S\x03\xd3S6\xdb\x94mj`\xe0\x8c\xcd\x86\x7f\xd0\xd9l\xeb^\xaf]\xfa\x8e\x8b\xabx\x16\x8e\xe0\xea\xb9\x13\xc9\xf0\x15\xa2\xadh\xd3\xb3{\x80\xe4\x9b\xc8\xca\xaal\xd8\xb9\xedPqq\x89c\xc2\xe5rML\x8c44\x8cdede\x955\x98t\xbau\xecd\xbfrE\xbe\x0c\xc7\\,\xff\x11\xa9\x8e\x11C\xfb\x9e\xddn\x86.\xae\x89\xac\x8c\xbd\x19;\xf7&lt;\xdd\xd3\x9a\xff\xed\x89\x9b\xa8\x98m\xdbb\xf6\xec\xd9\x16\xf3\xb7\xc3\x87\x0f_\xd8[Vf\x02\x18\xff\x96\x8bko\x0b\x03V\xdb\x8f\x88\xf6\x88\n\x98\x1ck\xfa\xf2\xc0@\xdfDV1@n&gt;m\xcdO\xf9.%\xff\xfa\xa9\x94\xfc\x94\x94|TkrrNc\xcen\x80\x9d.\xab4\xd9\xbc\xbf\xea\xf5\xa7[\xe1\xc0ZDZ\t4\x9e\xa1\x94\xcf\xd7w.\xe3\xec\xcd\xe3\xad\xf9\x0f\x1f&gt;\xac\x93\xcb\xeb\xea:\xb2\xb3\xb3\xbf\xebF\xa5\x9c?\xdf\xd8\xd8\x98\x93\x0e\xae\xc3\'\xbb\xbaL:\xb3"\xc8\xf5\xc9\x8b0t\xf1\xabv8\x9ecd+f\xb4\xcf\xe12\x14\xc7@\xa7S\xd9r\xb9\xbc@.\x16\xb8\xb2\xbb\xf1\r.\x11\x0c\\\xa7\xab\xbb\xba\x96\xc0\xc5\x04\xb8\xae\x86a\xfc\xb4]\xa5-J\x00T\x9f\xcba\x18&lt;{\xfc\xfa)MGGGAj*1\x15\xd0g6\xa1u\x07\xb9H\xaf\xd3\'\xab\xab\xd3\x86\xe7\xde\xea\xf5h,\x1c\'\xf1St\xd1&gt;\xe5s9J:-\x96\xe3\xd75\xb1\xaa\xa6\xe8\xa6TI\xea1 \x15\xe0\xb3@\x0e\xb2 \xd6\xf9\x9cF\x11\xebduW\xda\x12\xb8D\xac\x83\xb5a\xd8\x1e\x9e}\xc2qn\xcf\xb4\xeb\xdc\xa0\xc5h&lt;\x11\x9f\xd4\x92\x97\xd7\xdf_\xa5\xd5\xa6\xa6&amp;&amp;&amp;\x16P\xc9%P.\x9b\xfc\x95r&gt;\'\'\x88U\xdd\xb5\xb4\xa4\xf3\xb2\xe1\xc2\x8a\xba\xfb{\x8e]\x19\x80\xa9,C\xf1JeR\xcb\xea+TaUU\xb4\x16X\x10\x0bRA\xb5\x80\xc5\xba\xcf7\x92\\\x17\x08\x0bz\r\xaf\xcb\xd0F\xae7\x0cXqw#\x18\xf7\xb2\xc3\xd09dT&amp;$\xc4\x12\xd5\xc5\x8b\x17\x0b\xfb\x0b\x0b\t\x0c_Z\x90\x89F#\xae\xc0i\x0c\xca\xd5\x956Gr1\xdb\xbf\x8f\nC\x13+\xd8\x8dY\x83\xc5x$!)I\xdfr{uu\x15\\\x85bA\xb2h\xad6\x91\xb8\nD\xbd\xe0\xaf\xc6\xc6t\xc8\x05\xae\x93\xd5iK\xc36\x05V\xae\xb50,\xa8=/\xd9\xb5\xe5\xe9Ac&lt;Q\xa9\xf2\xfe\xb8\x9a\x07\xbd\n\x0bW\x0b\xfb\xab\x02\\\xd1\xdah\x89\x08\x06\xc1\x08+9=\xe0.\x84\x17\\\xefE\xbcT\xfc#\xe4\xc1\x15U~U\xf0\xcf\x8ew\x0e\x89X\xb0;\xb0VW\xfb\xf3\xf2D\xa2\xe8\x00\x97\x84\x1aYOX\xdd\x84\xb5;\x88\x05\xb9\x96\xcc,\xe6\xfc\x8b\xd0\xdf\xfa\xc7\x1e\xb9\x97gk\x9cA\xac\x16\x80QQ\xf3\xb4x\x01*1Z[/6Q\x1e\xc8\xd4\xc6 \x16y&gt;m\xc9\xa6\xc0\xf2z\xbf\'\xe4j]^S/O\x8fwZ\xe2\xaf\xe9\x93\x92T\xe0j!\x95\xe0t-\x9dDm\xd0[\x01(J\x88 \xd6i\xf1(\xa6\r\xdb\xd4X\xbeB?\xacK_\xac\xf9\x97\xa7\x9bK,\xf1I_\'%\xc5\x82\x0ba\xaa\x95H\x12%\x12\xf0$\x8a-\x94H\xea\xe5\xf2\xf7r~7\xb8.\x9c\xa4\x93\x986g\xf3b\x04\xfd.\xd4\x9e\x8f\xeaY\\\xf3,\xcf\xfa\x08K\x9f\xa4\xaf\x8fmiiBI\xa8\x12\x81\xf6\x16\xeb\xd8\xdbs\x08\xac\xe4\xa0\\\x98\xd7\xa6\xb9u\xaf\x82\xdd\xca\xdd\x0f\xb5\xb9\xda\x0e&gt;\xf6,/\x07\xb1bc!\x17\x19\x8bX\xa8\x87x\xd7Rt\xa5\xd6\x17\xc8;\xb2E\xb1r\xd2\xd3\x03\xe6B\x0fMs\xbauRk\xeb\xf6oB\x8cU\xdb\xbb\xb1&lt;;\xdb\\\xe24&amp;\xe8\xf5zj"\xcd\x9eh\x91,Q\x14\x8d\xc8 \x17r\xab\x9b\xc4J\xc6\xf4\x01\x175qi\xf8\x8c\xcd\x0c\xb5\xb8\xad\x7f\x08\xf5&gt;?\xb9\x1dX\xcd\xe3\x06K&lt;a\x11U\x0b\xb0n\x88\\P+5\xe02\xcc\xebz`\xa5\xc0X9\xb0\x16%\x17\x02bi\xce\x06,\x19\xf6\xd4O\xef\x848\xe7\'{\xfd\x9e\xe9\xf1f\xc2R\xb5\xa8\xa8\x85y\xfd\x85\x18\xd5\xfdUH\x06\x1cC\xb2\x988\x7f\n\x8eu\xd4\xd1H$\xb1\x02\x81Z\xbd\xa4#\xb5\xd4\xb8o0\x8b!\x8e\x88\xc9\x83\xfe\xe5\xe6\x1a\xc3\xe0P\x00+/\xaf\xe5v\xff\xabW\xfd\x00\x13\xe3\x94Z)\xd2\x81\x0b[X\xf7Qd|zrp\xe7J#\xac\x15\x92\x8b;\x18\xe2\x95k\xf2\xd1\xf2\x0cZ\x889\x9d\xa4\'\xc7\xabT\xfbi&amp;\xf6\x17V\xa1\x917h\x8f\xa0\xa4\xd7\x1e\xa8\xaf\xaf?FX\x8d\xc9\xa8t\x9a\xd6eeisg\xce\xd0M\x12r\x85z\xb7\xf9\xbe}\xf6\xf5\xb8\xd5h4*/i\x94J\x8d^\xff\xf5\xfe\xfd\xfbo\xf7c\x81\x88\xbe\x07,\xac\x11\xd1\xb4K4\x1d\x90\x80L\xde\x9d\x7f\xf4(\xae\x1a$\x17\xf2\xb4kXGX0=\x13j\xb5j\x815\x9ay\xe5\x8aQ\x19oqf^\xc9\\x\xf0`a\xe1\xc1\xae\xfd\xb7\xf3\xee5\xdd\xabB5I\xc8g\xc82U\xec\xbeo\xf3O\xe5\xe7\xa7\xb4&amp;\xd3\xe6|\xa1\xab\xb22m\xf8\xcc\xba\xc7lW+\xd8P\xef\xcd\xffn\x9f\x9f\x19\xcd\xb4d^1ZJJ\xac\xa3\xcd\xcd\xcd\xe3\xa3\xa3\xe3\xd6]\x97\xf4\xaa\x03M7\xfa\xa3\x9b\xea\xeb\x0f\xb44\xc5\xe6\xe6&amp;\x18\x9d\x06\xc3\xd9\xe2\xe2/\xfe\xd2\xba\x07m\xdc}\x01\xb9\x85\xfb\x0f\xdceW\xcb\xf8P\x8f\x9f\xb6\xc5\x99\xd7V\xcbPf\xa6\xd3Zc0\xd44\x8f\x8f\x8f\xd7\x8c\x8eZ\x17\xae(5\xb9\x07(\xee\xeb;rU\xb9\x9aS\':k|&gt;\x87\xcb\x87\x1bv\xc6\xa1\x9d1\xc9\xbb\xf7\xe2\x96Ay:\xe5\x01\x96\xf4j\x88c\xbem\xe6\xf5\x93\x05\xcb\x90\xd5j\xad\xa9\xb1f^\xd9\xe5\xb4\x02\xca\xdai\xc5\xa6\xa3\xccU\xa9\xe0\xf3\xba:\xcd\xbeo\x8f\x9f=\xe7\xc3%\xc4\xe7\xf3\r\xe8\xe6L#Y\xdbbv\x96a$\xe2\xfa3\xe5\xf1\xaa\xd5\xb2\x97!\x1e\x8a_\x11\xd6\x90\xd5Q3\xeeX\xf8\xf3\x8e\xbf_R*\x8dN\xa7\xb3\xd3:\xf8\xc5P\xbc&amp;6W\xa3y\x98\x92\x7f\xea\xc4\xcd\xe2\x8cs.\x87\xc3\xe1r\x95X\r\xae\xbe&gt;\xd3H\xc6\xa1,`\x8d\xa4\rOyV \xd7\x9dP\xcf\xc4\x99\x99\'\x0bN\x87\xaf\xd9\xd1\xf9\xf9\x8e\x1d\xd7\x8e(\x95\xf1NCIgg\t\xa6\xe4\xbe}\x1a`\xb5&gt;}\xfa\xd7\xb3Y\r\x13\x13\x86\x92\x92Nc\x82Ri\xc9\x98\x98\xd3\x99F\x1a*\xa1V\x9ai\x80&lt;\xaf~\xbe%\x0cM\xb4\xc2S\x0bG\xe233\x8f|\xf9\xe5\xb5\xf8\xb3\xae\x81&gt;\x83\xd3i9\xa1\xd4\xc4\xb6\xc4\xd6\xe5\xc7\xec\xcch\xa8\x1c\x99\x18\xec\xb4`n&amp;\xe9\xf5\t\xd7\x8b]:\x9d\xae\xcfd\x82Z\xa6\x01$\xea\xca\xc6\x9b\xff\xd0j\xbe?iei\x1c\xdf7\xbb\xef\xd6\x17M\xf4\xce\x04R\x1a\xba\xf6\x86X\xbc\x90\x8cM\xe1\xd2\x1bj\xea%H\xa3\x15\x0b\x96\x9d\xcd0\xd4\xa4Wb!\xfc\x88\xb8\xc5E]\xb9TG\xc94\n\x05L\x81\xc8\x1a\x15\x8dl\xa4\xba)I\xad$\xc4\xd0t[6\x95iRR7\xc5N\x9cM\x0c&amp;v\xcd\xda\xf1\xe7t\x9f\xcb\xec$\xfb\x07\xdc\x9e\x18\x94W~r\x9es\xbe\xe7\xfb}\xcea\x1bk\xf3\xfd\xe6\xab\xfe\xfe\xc7\x8f\x97;Z\xfd\xd8\x8d\xef\x1f\xbe\xbe\xdd\x1eJj}\xc32\x1eO\xcd\x9dl\xae:+BH\xc2\xae\xb7\xcf\xb6\x0e\xb7\xcbL\xfcy\x01_hC\xa8\x8c\xd6\xe7\x83E\xa6\x07\xacU\x90\xae\xb7lw\x04\xef\xbf\xde|\xfdj\xe4\xf1\xf9\xf9\xde\xf6\xd6\xfe\xe7o\xb7\xdfno\xff\x13\xb2\xacq\xa6]&amp;\xe4\x8a\xab\xbe\xberV\xe4A\t"D\x8c\xfb\xc2\xfd\x8fo`X\xbc7@\xa1\xa4\xce\xc8p%\xf4\xf7\xc2e\xac\xf5\xbf\xb2\x8d\xf5hss\xc4?x\xc6\xd4\x12\n?\xeb\x9ez\xf7\xf6\xdd\xf6\xf6w\x8f\xb4\t;&gt;\xc2\xe3Z++\xcf\xd6?P\xd0\x14\x91\xd1ni\xdboo&gt;\x7f1\xf3\xe2\xe9p&amp;\xa9\xd3\xd93\xa1\xf1\\.\xa9/cM\xbd`\xbb\x0bq\xfd\x87\xcd\xf7#\xb2\x9a3\x1d\xd2\xc0\xcb\xa7\x7f{\xf4b}\xbb{\xea\x15\x96\xd9J"\xae\xa0\x1b\xce\xc1\x88\x08\xbc;\tr\xae\xd5\x0em&gt;\xfc\xf3\xbbw\x7f\xf9\xc3\xf6\xfa\x8c\x16\x16|\xcbl(qAo\\]\x1d\x9a\xea\xfe\x8em3\x7f\xff!`Av\xed\x98\x9b\xc3\xe6\x1bjj\xe2\xfe\x91\x83\x14E\x12\xb8m\xc1\x19\xb18,\xa2\x12\xf8v\x10\xce\xa4vk\xf8\xef\xffY\xff\xfc\xd4\xa9S\xef\xbex\xb6\xe5\xd3\x13-\xd2\x96\xa4\x11t\x1e\xb0\xa6\x9e\xb3\xdaJ\xaa8}\xed\xc7G\x9b\x7f\xf4\x83\x81\x98\x03g\xd3\xd0\xd0\xa0\x89\xf1y\x05\x84\xa6\x0b^\x9e\xad`.Z"\x91R\xd9Y\xdd\xd3\xdb\x03}q\xd9\xed\x973\xab\xabOW\x9fm\x19/\xe8q)\x05X\t\xdf\xea\xd0\xd0\xfak6E\xbe\xe2\xdan\xb3\xb7\xff=\x93\xc6\x04\xb0\xc1\x00k^(\xf4:\xe54\x8a"\xc1\xa0\xb3\xe0,Z\x98\xd9b\xc2\xc4M\x12M\x05\x85K&lt;\x1e&amp;\xeb\x95R\xc4\x05=\xcc\'\x87J&amp;\xf5\xe0\x9b\xd7W\xd7\xbfg3V_\x9b\xb0Z\xcfa\xefo\xf7\xce\xf1\x04\\\x01\x9f\xdf\xd6\xd3\xc6\x17\xf2\xfa\\\xa9T\x9fZ\xed\x05\xb3\x10a\xb0\x14\x9d\xe0a\xee\xde\xd5\x91\x94\xcb\xebU\x0bys.\x9a\xd2\xe9u:\x12\xd7\xfd\x82\xb5\xfao6\xcf\x9e\x1f\x0f\xdf\xa4\xb8\xbf\xebo\xed\x9d\x83s\x19\x0e\x1a\x81@\xa0\x16\xae\xc1\xdf\xf0M\xed-\x16\x8b\x16\xb7%bV\x80o\xbf9\xd6\x19\xa5a\x129\xa9\x81\x01i\x0bE\xe8\xc8\xe8\xd8\x18\xa9\xbbP\xc6\x1aZ}\xca\xea\x1d\xec\xc4\xc7\x8f)\xd3&lt;6\xe2\x07k\xca5\x18\x988\xe8vX\xe1\xc7jp\xc0l\xa9%\x0e\x87\xc3\x02X\xf9\xe8\xdd\xb1K\n\x85\x13\x8e\xa1\x94\x1c\xe1\xa0(\xea\xa9\xbd\xd8\x19\xed$uz\xbd\xd17\xb5:\xf3\xf4\xab\xfb\xd7Y{{S\xb1x\x18uo\xa4\x97ai\xf1\x05\\\xc6\x15;\x1cMM\xf0\x01\x80n5\x1c\x88JC\x1d\x83\xe5\xc9C\x86\xee,\x81/U\xad\xa9\n\x08l\x08\xfa\xd2E\x05\xe3\xe6u:\xfd\x05\x1fs\xc5\xd1\xee\x1d\xad\xdbe\x89\xabb\xe2\xe4D\xb9\xb3c\xf2\x03\x96\x92\xc120\xfd5\xab5\xbb\xb8hU\xaf1T\x95\x95\xa0[%\x0f\re\x1cS\x98Efs\xc4\x02\x1f"\xf3\xff",I\xeanB\xdc\x1f\x9aI^\x82\xa4fa)\xfcT\x1c\x9f\x9c\xb87.\xf7\xf8ePC\xae!\x9b\xad:W\xd7\x04\xc90\x9bu\x14\xd5\xe0\xea\xdb\x0cY\x83\x03\x16\x97\x87\xf6\xe4\xa3c\x9d\ns$\x12\xa9\xaf\x07\xcd\x10\x95J\x00v\x89\x8e\xfe\\\xc5\xa1q\xe4\x81\x82|\xf3q\x87\xa5*\xee\x96N$\x8d;b\xd9\x9cP \xe0v-..f\xeb \xae\xd6\x19\xac\x16+\x17\x9c\x82\xd8`\xb0:,E\xb3\'\x9f\xf7x&lt;\x9d\x0cW=\xd3"a\xb8\xca\xf3\xc5`\xdd3\xfa\xb4\xb3r\x14\xd5\xe5\xde\xa8\xd9\x12\x88\xa6\x13n\xb3\x80\x96v\x08\xf9\x02q#`UUA\x90\x86b^\xe9RJ\xf81\x03\x0c\x06K\xd1IF=f\xa8\x9cB\xe4p\x94\xb1\x1e\x98K\x17\xe5\x1e\x0f`\xd9a+\x8e\x07\xf0@\x1frx\xa8d\xa9\x88\xb0\xb8\xee4{\xc7\xa4\x18\x83\xf5u3\xa4B\x98\xb0,\xe4\x1d\xeb\x12\x0c\x89\xa1\\\xc4b\t\xfe=\xc3\xc5\xd4\xce\xd2\xe4hr\xd4G\xcc\xe6\x12\x932P\xc6\xf1$\xb4!\xaa\x85\xe7\xad=&lt;ldk+\xeeF\xa6\x1b\xcd\xd1\x11\x8c/\x10\x88\'\'\x9a\' \x11..6\x9f+\x16\x8e\x82Kj\xa58\x9b\xad4\xc0N\xccG\xa3y\x00+\xd4\xd7\x8b"g\x9b\x0cM\xf0\xdb\x0c1\xd6\x83p(\x06+g\xe7\xb8\xbck\xb5\x87\xd1c\xf6d\xbe\xdaPR,/\x9bbJ\xc0*\x8f\xe6*n!\x9a\n.\xc5$J\xcdN\xf3b\xd6\rX\x9d\xf9&lt;s]\xe7\x89\x80|4U6\xd5\x8fFD\xe6Z("`\xe9\xf5\x89p\x06_\xe0\xad)\x0e\x8b\xec\xb5!v7\xac\n\xd1\x97\x0cV\xd7\xe4N\x99*k)E\xe9\xbe%\xa5A\xc9\xd7\xc0\xd7Ek\xb1P^\xf1Q\x9d\xeef\xdeR\xd9\xc5\xdc\xb5\x8c\x8a\x18,FX\t}2\x914\xfa\x88\x05\xc0jfO\xe9\xaf\x1d\xd7\x9d\x98\xe7\x97\xa1\x8a\x86\xc6I\xa6\x88Ywm\x94V/\x05\x83\xbd~\x8c/n\xccZ\xd5\x05\x04\xa5\x01\xeb\x90@\t\x9d\xc7b\xbdRY\xe7\xa8\x1f\x15\xa9~\xc12&amp;2\xa1\\\xd2\xb6V[\xd8e\xaf\x97Tq|\xa5\x94\x17B\x15\xdb\x0c]\x8d\x93\x93\x8d]JU\x9e\xec\xebI/\xedou\x0f\xf3\xf8\x12I\xb1\xc0!\xc2C\xbe\x04a\'h\x84$\x8f,\x0ek\x93\xc3b\x89\x00\x16B\x03V2\x91\x0bIq\xc2\xb5\xe6\xe5\xb2\xe9m\x8e7\xdc\xaa\xa0l\xd9\x04\xba\xd5\x98\xed\x12K,\xce(\xc2\xad^\x11\xfb\xc7\xb5\xc3\xfex*%m\xb1k\xb7`\xe4\xec\xa8\xbc\x96&amp;\xf3\xa0\xf3\x0ewD$r\xd6\x02\x15\x87\xb2\x1b\x13\xe1\x96\xbe\x00!u+\x8f\xd9&lt;\xad\x9fTWW\x0bePE&amp;\xd9\x1b\xb8j\x11M\t\x1bW\xa6\xa75|\x0c\xbb\xf1\x8f\xd6Pf&lt;\xe7K\xeee\x98\x18-\xaf\x95\x93:\x8fj\x14\xe6\n\xb0\xe4e,\xbd1\x17\x96\x06S\x14\xc7"\xdee\xb3\x1fx\xff\xdb\xea[+\x98\xac\x83q60,\xb5\xa4\xb4gzE#\xd6\xa4\xffu&gt;=\xe8\xbf\r\t:\x83\xe3\x04\x85 \x088\x08\xdaN\x16D"Py\x15`q8(\x9e4\xe6\xc6\xe7\xfaR$G\xb2\xc1\xea\xfd\xca\xe9\xcb\x1b+\x935\xb2\xb8P\xa8\x16\x80\xe5Z\xa0\xec\xbciMO,\x16\xbbZs\xb5\xa1\xa1\x06\x93\x8d\xf8Gf[q\x92B\xe9\x82\xb3\xd6E\xe99N\x95H\xa5r\xda\x06\x18\x83C$\x8d\xe1\xd0\x9c\x8b&lt;\x1c\xe0_f\xb7y\xfadge\xda$[fn\x12\xb9\\5\x9d\x0c\x80\x9d7a\xcb\x8f\x07\xcf\x9fOkz\xda\xe6\xe7\xf9\x1d\xfe\x00E\xa1(\x8d\xd0\x9e\x01)\xa1\x93;\x81\n\x96\x16c\xbb`\xb6\x12!;I\x06\xbc\xc2cV\xa9@"vv\xf8\xf1\xe5\x0e\x1e`)U\x84\x9d\xd7`\xc2\xe2\xb0\xaej\xd2\x9a\xe9;bA,\xd6&amp;\xecp\r 4\n%C9\x01\xdc\x8e\xda\x80\xca\xf9\xb3\x1b\xc4A\x1f\x92v\xa9\xab\xcf\xcbg\xb9\xa5[q\xfdx"\x1d\x8f3\xf7v\\wA\xdfj\x1a\\6\xf1\xd3\x1a\xcd\xca\xca\n\xe8E\xd7\x1d\xf1\x1d\xb1\xc4\xbb`c0(\x1c\xc7gq\\\xaeb\xa8\xc0AS(n7\xe6B\xae\x85\x0eij\x83\xed\x8bN\x88?\xb7\xb0\x0e\x0cf\xab\xcd\x8d$_\r~\xd9\x90.\xb7O\xbf\xdd\xd8h\\\xccvue\xe1\xbc^[X\x00\xa1\x1a\xa0\xf0Y\xc0B\xa0\x88r\xd8\x86e\xacd\x18w-,\xd8\xf8\xbb\x9f\xe0\xb6\xfa\xf75\x18\x8f\'\x94p\xddH\xb8\x7f0\xdd\x03\xda`2\xc5b\xe9t,f\xb5*%\x12u\x90y\xd2\x82 )\xa9\xb4\x05&amp;\x8c\xa3R\xd9\xe4LQ\xcb\xb3\x15\xc6S\xc1\xa0\xf7\xf8S\xbc\x0f\xbc\xf6\x95\x89\'\x04\xe3\xec\x1e\x08\xf7\x9bL\xf1\xbd\xd0\xfe\xde\xde^\xbf?\x1e?*\xa4\x0e\x0eR\x07{\xc4\xfe~&amp;\xb3OPR\xe9\xecl;\xee\xf4\xfe?\xd6\xac+\xa8\xbe\xfcI\x1e\x11\x9f\xfe\xa9\x8c\xc5u\xb82\xfd\xf1V\xed7_t\x1b\xf7\xf6\xf7\x0e`\xec\xed\x03\xe1\xfe\x9bD\x0e\x04jk\xcb7\x8e\x07Z\xc7\xed\xb6Q\x1bx\x1a\xc0\xe2\xe0\xf6\xf0\xb8t\x8e\xffi\xa8~U\xf1\xa7\xab\x80e\x12\xb8\xbd\x81\xd9\x16\xdf7\x9f\xfd\xd6w\xb0T\xfc\xa0\xf9\x10\x8b\x15\x8f\x8e\xb0\x8e#\xc65\x07\xf6\xb5\xdd_|\xde\xfd2\x94\t\xd9F\x9dr\x14GP*\x80\x87\xc2\xe3\xd8\xad\xddO\xf4\xc2\xb3\xe2\xfeyL(\xc4\x04J\xb7K\xda\xb7\xa7\xed\xfe\xec\x07\xac\xc1\xab\x14\x7f\xf8\xe9\xc9\xc6\x87\x95\';\xa5\xa5\xb4Gx\x86|\xa3\x1d\xfa\xcd\xaf\x9f%q|\xc1\xfd_Z\xce\xff\'\xed;\x8f\xe3\xebl2c\x17\xa6\xc1\x84\xc4o|\x99\xc6\x98\x0f\xc2\x81I\xb7"S\x1aBW\xcf\xcf\xe7"\xa0\x15$\xb3i-j78\xba\x8fi\x86ED\xd1\x86;\xe0\xaa\xb9S\xa4\x97\xa59S\xc7\xfcB\x91\x12\x90V\xfc\x823\xce\x9e\x1a\x94ig\xb7\xdef\x8eZ\xae\x97L\xe2jO\xbb4\xb1\xf7\xfa\xd0\xfd\x07\xeb\xe7\x05\xc1_\x1fy&gt;_\xef\xd7\xeb\xf5\xfe|\xdeo\xaft75\x99\t\xac\x96\xcf#O\xc9\xbb\x9cQ=\xc9\xa5k\x9b\x11C\x8e\xddX\x943\xf0\xfc\xb3\xc7C\xbd\x05\x05\x8d.\xec\xa3\x03\xd7\xf4G\x07[\x8d:\xef\xb5\xf9\xbe\r_\xf0_\xff\xbc\x05\xb5+\xda\x85\x17\x96:\xcc\x85RG\xd9mk#\x89G\xd3\xf3\x0e\x89\x12\xca5\xe4t\xd9+Z/\xfb\x7f\xe9x\xf6\x17\x9dgZ\x97\xa1\x9e&gt;\xd9V~P\xc0\xd4\xe57\x0e\xc5\x17b\xfa\xbf\xbd\xbc\xca1\x9b\xbb\xa2xS\xa9\xd9\xe8pH\x9d\xd7\x03m\xe4Q\x11\xc9\x15\x9a\xd2\x0e\xb3j\x8bN\xe4\xb4\x16\xcc\xd4\xbe\xf8eH\xe7Y\xd5\xbd\xa7&gt;8\xb9\xca\xd7\xcd\xeb&lt;\xf1z\xd5\x86\xe6\xf9\xcb\x1b"\xce\x15\xce\x95\xae\xe8\x9d\xd2&amp;\\$\x95\x8e8\xbf\xda \xf5\x82A?{JH\xa7\x8f\xb2\xa0]\xb7\xfe\xbe\xa0f\xd0?8;X38\x7f8Y\xdf8\xdf\x18\x8f\xc7\xfb\xda\xff\xf7\xfc\xe5\xa9\xab\x1c\x11\x1e\xad\xfc]W\xd4Q\x96\x8d\xd3\xa4\x0e\xc0BI\xbd^\x90wh\x11\n\xb9\xa3\xcd\xacZ\x18\x07]\xf9PH\xfd\xfe\xfd\xfd\xfd\x07w~~\xa6Z\x1a\xa6\x13k\xf1\x9bo\xbaE"Qe\xd4\x1b\xed\xaa,+\x15\xe1\x0e\xa9\xa3\xf4+\xe7\xe4\x1b\xa4F]\\\xd87\xdc,\xa4\xd7\xe6\xb4\xb6\xc2\x108;\xe8\x9f\x9d\xf9\xc7\xb9\xad\x172\xba_\xf6\xc7\xad\xad\xad\x17\x0f\xaev\xd3\xcc"\xbc\xd2n\x8f\xfe\x81\xd6\x92\x8d\x9b\x93\x1ej\x0e\xc8\xc5\xa2\x1c*\x84\xc2\xe6\xe1\xe1"\x1e\xcf\xe5"\xb8fk\x1aO\xde\xfc\xfa\xdc\xfe\xa7 \xda\xfe\xd6\xd6\x83\x07whf\xc0\xbaRi\x7f\xf7RY\x99\x19\x17H\xa5\r\xce\xeb\x9a:r\xb1\xde\xa8\xae\x0f\xc1\xec\x0c{\x8dZ\x83\xab\xc6UCp\xcd@\x97\xbey\x13v\xfc\xbcK[&amp;\xe02\x13r\xe1\xf6w\xbd-MF\xb3\x03\xc4r\xea;\xc8\xbeRCy\x8aF\xfa\xb8Z.\x0b\xb8\x0c.W~&gt;\x18\xb9/\x93%\x93\xcc?`2\x99D4\x9a\x80&amp;\xc2\x8d\xf6K\xd2\x16\xa8\x0eR\x9b\\\xe3\xd4\'\xaaH\xc6z\xa3\xead$2\xe5\xd6j\x81\xca\x00r\x19\xd8D\x82\xf9\x07\xfc\x03\x95[&amp;\xd3\x80\xc9H\xeb\xa6\xd1D"\xb31\x8a;K\x93\x99\xa5i\xb0.\xee\x91\x7f1\xaa\xce\x12\x12j\xdd\\\x89\xc1@\xf88;\xcb`\xcc\x0e\xb2\xfc~z\xb1\x9f&gt;`\x12\x08\x04`!\x8c\xca^\xfbH\x99\xc3\xec\x18q4h4\xd6E\x94|\xac\xaa\xa5\x04d\x17W+q\x1bj\x0c\x06F&gt;\xb1\x1eY,:\xddO&lt;|\x16\x98\x89\xcc\x12\xd1\xcc^\x81Sj\x14HG\xe4\x01\x8d\xfe\xcb\xb58\xf9X\x94\x03\xcbF"\xc4\xe5"\xee\xe4\xdb\xfd\x9a\xfc\x19\xd8b\x9c(\xf6\xcbd\xc5\xe0!\xcc\xf3f\xdc,0\x0b\x9ceF\xa3T.o\x08\x87\xd7\xce\xdc\xde\xa8#\xff\xb6V]}"\xe8\x8b\x84\x14\x92Z\x03\x0f\xd6\xa2\x0bv\xb1\xad\x15\'\x92\xe3\xa9\t7\xc2*\xe4\x80\x95\r\xd7\xa5\xb8`D.\x0f\x84\xf5k\xb7\xce~\xb9\xa7#\xfdB`\xd5$\xba\xb9\xe9K\xc4\x14\x12\xc3`\xabk\x86\x88V\x1e\xf1\xbc\x1e\xa6f/n\xc6\xaf\x98\x1d\x02\x9b\xd5* \xc4\n\x04\xc2k\x9f\xb7\x9c=\xf3\xd3\x85\x1d\x0f\xc9\\\x94\xc6xls3\x18SX\x0c\xb5&lt;\xd7\xaf[\x9fW\\2;\x0e;\t\x01T\x05\xbd\xc6&amp;\x95C\xbak\xf4\x17o+{\xce|q!w\xceCr\x958\x88\xa3\x89\xdd]\xe0\x92\xd4\xf0Z]5\xaf\xb0rr\xc0E\xbb\x17\x02\xd6\xdfH\x83U\xd3\xd0 \x97wh\xf4k=\xca\xb3\xc7/&gt;\xfc)\xf7\xde\xdc]r\xb9\x9e\xaaThp}\xd9\xa7@\\\x06\x1e\x8f\xf7\xf5\x0c\xec\xc7.\x9f;\x07j\xd9M\xde\xa8\x17RJ\xb3\xa8\xd7h\x1a\xe4\x1d\xe1\xb5\x8bg\x95\xca\xf3\xc7{\xfe\xf4\xed\xd1\xef&amp;~ \xf7Zs5[\x15\xdf\xdb]\xdf\x8c\xa1D\xd6\xf3.\'\xa9x\x9fV\xc8d[\xb8\xd7n\x1a\t\x04\xf4+zM @\x1c&lt;\x80-\xbeR\xd9s\xfc\xcc\x8f\x99\x9d\x8fu\xe4\xde\x9e\xac\xaaW\xb1A\xaeu\x1f*\x19\x9c\x85\xfc\x02\x03+\xe0[\xd1\x05\xdbj\xaf\xbd\x1dV\xdf\xa2^\x1f\xd6\xe8\xf5\xd6\x96\xb2\xa6B\xe25Y\xcf\xad\xcf2wz\xcb\xc5\xa4f}^#\xb8\xe8\xdb^_\x7f\x8cJ\x10d\xb0\x968\x9d\x01Q!3\x19M\xf6\xe6\x80fwq1\xac\x072\xab\xf3TSvv\x93R\xa9\xfc\xfe\xfb?\xdf\x1fR\xa7c\xa4\xde\x01\xa7\x1c\xa0n\xd5^p\xbbs%\xa6B-Z\xd6 \x8bx\x8a*\x93\x11\x9d\xba\xb9C\xbf\xbc\xbe\xb2\xb8\xb8\xa6\xb7j\x9c\xa5\xd9\xb4\xecB\xa5\xf2\xd4\xf9\xe3\xb7~|\x92U\x92\xce$U.J\x9d\x05\x91X\x82\xc1\xcd\x95u\x9fbJH\x1c\x9f\x1a6A\xb3\x86Nm\xb2\x85\x97W\x1e\xae,\xea\xad\xd6\x86R\xa9C \x00\xacS\xa7zz\xfe\xeb\xc3\xb2\x98|&gt;\x9f\xcc\xec\xa2\xf4\xab\x92X1\xc8\xaf`$\x12\x11\xf6\t\x87\t\xaa\xf6;}\x1b\xe1\xe5\x87_&lt;\\\xb4Z\x9dr\x02\xca\x91\x9d]Xx\x03\xd4\xd2\xf4R\xd3\x99\x18\x9f_G\xa6\x8d\xd5K\x08b\xf1\x05c{\xbe\xed]\xa8\xf7\x11!\xa1\x18q\x86*\xb0\xbd\xbc\x92\x94\xca\xd9 \x1f\x91B\x0f\xca\xee\xee\xfe\xe4\x86\xf2|\xd9\x10\xc6OgB`m$rU\x9dDTI\xac\xbd\x98o{yyy\x1b\x8a~0\xe8\xdb\xdc\xde&amp;\x98\xf4\x1a\xa8\xee\xf2\x0e\x1b\xa8%\xe8\xbeJ\x9c\xe5W.\xb51\xf9\x00\xc5gbL\x12\xf5\xca;@A-\xdf\x9ee/\x16\x0b.\xaf/\xaf\xaf/\xc3\xef.|V\xc20\xb9[\xe5r\xf9\x88\xcdf\x93:h\xa2\xf7\t,\x0b\x93\xb9\x9a\xe4b\xf2\xb1:1i\\\x94i\x14U\xf8\x12\n\x15\nr\x81P\x9b\xdb\x9b\xe1E"\xd6\xc2\x01\xe89\x81\x80\xdcf\x1b\x19\x01\x17E\x1c\x11\xed\x93\xbf\nW\xa9\xe9|\xa0\x82\x94\xc7\xea&lt;\xbd\xd5dqQ\xa0\xfdX6\x13(\x94/E$\x91P(B\x91\x8e\x00D8LtB[\x87\xdc\xd6\xd7g\xeb\x13\x08\xcc\x1c\x0e\xe7\x83\x0f\x04\x9e\x0c\x00"\x12\x1e~\x9f\xdc\x1f\xf3TW\x91\xf3\xef\x18(\xfdl\x95%\x18c\xb3\xe3\xf0W\x81\xaa \xd3\x14\xa1\xd0\xc6\x06q0O\xde\xd7\xde.l\xefk\x17\x8e\x8e\x1aq\x0e\xe7\xc3\x0f\x05CY\xe9\xaf\x0c\xe4\xafb\x9e\xb1\x94\xb41O?I\x82UO"\xa8\xcf\xa7\xaa_Z\xaa\xcf\xcfg\xb0\xe3qU\x1c\x01\xac\x8d\xc0F\x04\xe6V(e\x04\xd4(\x8e\xe3\xefs\x8cC\xe5\x84\x83\x18`\xad\xf2W{\x17:\xd3R:\x87\xc4\xfd\xa4p\xe55\x12\x05B\x01T\xd7\xae\x15\x14\xe43\x18\x12D\x11!"\xa4@\xdcZ\xeeT\xb3\xb0\xbdy\xb4\xd9\x8b_\xc1G\'3\xa8\xbfR\xf1\x99|\xdd\xaa\xb8w,\xed\xad\xbf?k#\xc5H\xca!b\x89m\xc6\xd8\x04W\x01\xe8%AC\x91PH\x01\x81\xa8\xdc\x88V\xdb&lt;\xdcL\xa7{\xed\x95\x1c\xfa\x10\xf5\x1d\xb00Y\x1d0\xdd]X\x8f\xea\xd5\x9dc\xa9\x99\x13\xf3\xfd\xd5y\x94\xd7\xfe4\xfc\x00A\x15\xc1D\xbc\x1e\x02\xa8\xdc\xdc\x10@\x85\x14\xa8\x05\x95H\xdc\x04\x97V[\\\x1c\x8dV\x16\xcf\x7f\\BT+*\x93\xca\xc7\xa6\xef\x9d~\x94\xa5f\xb6a\x8frSRr\xe7\x86@\xb1\xd7\rv\x88\xa2I\x17\xaf\xd53\x18\x06\xb7v\x8a\x90j\xcfbQ\xb1\x19l\x89\x04\xd1"n\x16\xab\x88\x15u\xf7\x96Ci`b%T\xa0\xe2\xcf\x1d{\xf3\xe8\x7fV\xc5\x18&amp;\x1e\x1f\xfbwjj\xe6\xd83]\xffk\x06\x9bV\xa0Hd3\xa1Zb\x80&lt;@\xa5\xb0(,\xa8*\xcef0\x80\xcb\x8d\xb8\xdd\xee\xa2"\x16c\xb5\x9c\xc8\xab\x92\x12*\xa4\x96x\xfc~j\xda\x9bG\xc6\xc6\xc5Y\xe9jla\xec\xdb\xd4\xb7\x8e\xdc\xdf\x19\xaa{]VR(y\xd5m?+,\x88\xc2\xe7\xb3\xc4\xd9\x08\xa2\xe5\x86\xb8(\x82 \xaa$\x14\xa8\x07&gt;\xbak\x8bX\xf5\xccr\x0c\x86\x19*\xb5\x04\xc3J\xa0\x1d\xce\x8f\x1d\x01\xb0\xdcGY\xe2\x92\x0cu\xdb\xd0\\njj\xda\xe9\xb1\'\xfd\xaf#\xf7)\xd5\x98g|\xfc\xde\x85\x104\xeb\x98/a!\xde\xdaMMi\x11\x95D\xc2f\x13\\\x10\x12\x98\xa5\rE\x93\xcc\x8f\xa9\xcc\xf4\x12\xc2A&amp;\x06\xcb\x91\xaa\x9e\x9e;\x9dr$\xe5\xed\x89\xf1,\xb5Z-\xae\x9b\x9f\xbb\xf0vZJ\xe6\xc4\x93\xb6\xdfh%\xa5zz\xfcQ\xe7\xd8\xc2\xbd\xd4\xdc\x18\x82\xa0\x96\xbdD\xc8b\x01*\xae\x1b\xa0^I\x05\x0b\x00\xf4jme\xcf3\xcb\xdf{\x07\x902\xa8\x80\xa5\xc6\x98\xea,j\x86\xf8n\xe7\xb1\x94\x14 Y\xc0\xfa\xc5j\xb1xua\xa737\xf3\xe8w\x0b\xd3\xbf\x01,\xaf\xcd\xf3\xc3D\xe7\xd8\xa3\xf1\x9d\xb4\xb4\x898\x02\x8d\x07j;\xd4\x85).\xf2\xffJ\xce\x18\xc4q\xec\x8c\xe3\xbcy\x0f\xc5zO\xac$\xacJ\xa0c\x07\xd6\x8do\xaaQ\xa1R,"\xa0b\x07\xae\x984\xb3\x92+{\x0b\x11p\x9b\x90i\\\xa5\xb2q3\x8d\x1b7\xce5\x06\x1bR\x18\xec\xb0\x043\x18\xccr\xe0"X\xc1\x04\xc3\r\x93Y\x1b\xc3\x84\xdb\xdcB\xda\xfc?\xcdn\xd8\x83\xd9\xcd\xddg\x10\xb6f\xa4\xf7{\xff\xef\xff}\xefi\x0c\xf3\xeb\xa7\x85R\xcf\x8a\xf8\xb6R\xf9\xf6\xd9(\x08\xc1\xe4\xdb6\x9cU\x8e\xba\x93\xc9(r};Z\xdd\xf5\xb8\xe4G\xc6\xf0\xfd*J\xa3\x8b\xa8qz\xbdX\xb6\xe2\xd6\xed\x7f\xbe\xfa\xe5\r\xf6\xc9\x93\'\xe7\x97\xcd\xf1~\xbf\x1f4_\xef[\xacT\x1f\x0f^\x9c\x9c\xbc@9\xa2Ua\xab\xfa\x91\t\x87\n\xe2\xf7\xb5n\x18\xdagge\xdb\xb6\xcb~9Z\r%\xab\xdf\xba\xa9]v\xdd\xf1R\x1d\x95J\xdcX\xcf\xa7\xc7\xe9\xf9\xf9y\xd4\xb8l\xbe\xdb\xad\xd7?\xfe\xfb\x9b_\x06\x06\x8b\xbf\x1e\x0fF\xa7gn\x14]\x0e\x961\xe7j\x17\x12\xd6\xcb\x17\x14_\x7f]d\x10L\x7fxZ@U*\xb5f?s\xddrAU.7\x8e\'JJ.&amp;cp\x95\xa9\nc\xc5\x8f8\xcb[\xf3\xc5xuq\x1e\xe1\xb6\xa3\xbb\xd6\xf0\xdd\xe5\xf9\xcfw\xff\x93\xaf\xbe\xb98&gt;\xbe\x88\xae\xa2\xcb\xd5x;\x01\x94\xe4\xebC\x06\xac7o\xde\x02\xec\xe5\xcb\x97\x1f\xc5:y\xfaA\xabf\xdfum\xdb\r\xcad\xad\xc6\xd9\xbd\xe2\x8c%L\xf6\xb6\xc7\xa9k\xbb\xe1\xf1\xf8v\x983H&amp;\xb5\xb8\xb5|\xdf\xa4t^\x8c&amp;\xf5\xc9\xf5\xc57_\xfd\\\xa8\xf3\xe8\xac;\x9en\xef\xee\x87kO\x950\x00g\xbb\xb0\xfd\xee\x8f\'o\xf0:yY`\x9d\x10U\xe5\xd9C\ng\xab\x06\x06w\x89\x0c\x19\xec\x83J&amp;I\xa2\xebT\x84S7\x85\xf5\x1b\xe9\xd9t\xb7\xf18\xfd\xd7\x08\xae\xaf\xef\xa7g)\x14{\xdf\xaa\xef~\xd6\x13.\xa0\xaeP-\x9bz\xec\x18TB\x923\x9d\xc9Ro\x9c\xb5\xb7\x7f\xc1z\xf8\xa6\x86\xa6@PO?\x10U*\xdfW\xaeO\x1b\xa1]\xa8E\x9eO\xcf\x96\x8ak:B1&amp;y\xbc\x1cEi\xdf-\x87Q\xf4z\xbak\tpI.\xf3\xbf-.\xcf/\xa2\xe6\x9d\xb7\x9e\xfe\xdf\x9a$O\xa1L\x1c\x85YIe0f\x18\n\xf7f\xa5\xa5\xd56\xef\xfe\xfc\xa66\xabagsBAR\x11T\xa7\xd3y\xee\x87\x10\n\xed 0\xcb~#\xed.\r\xa9A,\xe4P2=\x81\xf5\x97\x8bC#m\xe0W"\xb7\xf9n\xbe\x89\x19|&amp;\x9d\xc9\xf4\xe2\xaaq1\xdd\xd4\xef.\xbfl\xb0\'\xe7\xcd\xf7C\x87s&amp;4&amp;\x13!T"\xc8#L\x1a\x8b\xec\x10\xdc\xfd\xb3V\x9b\xcd\x08\xec\xa4Ha\xa5S\xabt\xbe\xef\xccFv\xd8\xa0\x04\xfa&amp;\x9aV\xda\x98n\x18E\x82\xcb\x12]C\x90\xf7[\xbb\xc1q\xdaGYFi\xe3\x18\xd9\xcc\xd12x&lt;\x1fE\x8d\xb4y\xefM\x9a_\xda\xf3&lt;\xb9Z\x0c\x05\x97%)\x84\x06\x1c`\xc9\x04\x13NT\xa9u\xb0\x0e\xf6\xee;\xa8\xf5\xea\x15\xb8\n\xbb\x83\x89\xc4\x9au\x83~\xa30\x95U\xb5\xect5\x8f\x8f \x11\x97L\xb1D\x17B@.\t3po\xb2E2#j\xa9i\xbaz\xb7\xac\xb3\xa3#\xbe\xde\xba\xe9ys"7\x8bi\xf7\xf3_\x86\xdd\xe7R\x13\x1a\xe7\x06\x88x\xa2i\xb0z\xa2t\x9d\x8bm\xd6&gt;\x84\xb7\xffx;\x03V\x07\x1b\x9b\xa7\xcfj\xb5\n\xf6\x83\xb5\xca\xack\x87\x85\xd7MP\xf5\xd1\xd3\x99\xd44\x9d\xd1t\x14i\x05\xd7s\xa9\xc3\x0b\xbcd\xd4\xe7\xdb\xe9\xe8\x18lX\x87\xa2\xd1\xae\x0e\x01\x9c]s\xf1\xc3ZH\x91\xf7&gt;\xd7\xd1\x9b\x13d\xeb\xe6F\xe7R\x18d\x0b$BC\x1e5\xa6\xee\xcbf\xfb\x90-\xfe\xf4\x02T\xe0\xeaTj\xb5\x0f\x87Y\xb7\xec\x16\x11X\x96\x15\xaev\x9e\xd4a\xf6\x84.\x02\x96\x82T\\*\xe18\x06f\xa8sf8\xdef\xbeh^F\r7mtw\xbd\x84\x89z\xce\xa4\xaeK\xc6?\x83\xb5\xdaH\xa9;7B\x93%\xae\xbca\x9d\x81H\x08\x03\tiu\xc3v\xfb\x10\x8c\xbe\xfbW\xad\xf3\xfc\xd5sp\x81\x07&amp;\xabt\x06\xcd\x0fZ\xf9\x96e\xf6\xc7C\xdc\x81"\xd1 \x14\xae$\x7f\x01+\x14=\x90\x00\x00\x04NIDAT*G\t\x017aJ\x96\xe0ut\xfb\xc1\x19\xc0\xae.\xee4]IF\x9a\xc2\xcb\x9f\xf9\xdep\xa9\x94.\x1c\xa1K\x19ov\xe3nK\xe2\xee\x02S\xe7\xce"\xb5\xaa\xedC\xb5\xfc\xf7\xdf\xfe\xa6\xf3\xea\xf9\xf3W\x85d\xb3Y\xa768\x84\x19\xdazf\xfbf\xd5\n\x8f7\\\x17\x04E\xb7\xc9\x1d\xf8J\xd3\x13\xa6\xe1\x03\xba\x8c\x06*\xb2Y\x02\xfdx\xc9[\x8e/\xae\x9aw-]\xc7\x10\x80\xa2\x19&lt;n\xac\xbdg\x00K\x97\xaa&gt;\x9f\xfa\xfdt\xef \x03TG\xac4\xb1\xb2\xaa\xd9nW\xc3\xed\xef\xfeJX\x05\xd7\x0c\xc6\x1at3\xa2\xb2\x03\xd3\xb2\xaafc\x9f\'\x82\xec$\xc0\x94\xc7\x9e\xe7\xe5y\xae\xa3\xc7\xa0w)\xe4\x00\xd3\xe4GEqR\x11x\xf3mK\xa1\xe2\xf1Q\xa7\x8b\x92\xe4Q\xac\xcb\t\xf9\xc9\x887\xb7\xddFh\x05\xf6\x92\t\xc2\x12\x82\xc5\xfb\xd02\xab\xc0\n\xc6?\xbc,\xb0\x88\xacS{68d\x19\xd6@\x13P\x083\x9d+\xdc\xdeqr\xcf\xeb\xe1\x85c\x9c;\x84\x00*\xe7\x81\x8aK\xf2EQ\x10 \x95\x85N`\x12\x94F\xfdQ\xbf\x0fb%\x9d\xe1\xed\xd4\xea\x87\xbeU\rGuE\xf9@\x06\xf8\xc4\n\xac\x00X\xed\xaa\xff\xe3\xdb\x0fT\x8458\x04\xd0\xca\x7f\x80\xaa\x9a\xae?dy\xee\xc41A\xf5\xea=/\x8e\x1d\x12\x83\x89IK\xa9"{GT\x0f\x86N\x1f\x80\t\x1aQP\x15j\xe9\xda\xa3_S`\xbd\xf0\xb6v\x9afUHc\xf6\xef\x94CX\xe2F\x83XU\x14?\xc9\x95u\xdf}\xc4\x9a\xcd\xae\xdbYP\xe4\xcf\xa4\xd6`\x9a\xe9\xb8\x9e u \xaa\xf7H\xab\x1c-9I\x84\'6\xcd\xd3e^Rh\x14L\x17\x06Z\x05*O+\x8c\x8e\xaa\xd0\xb5\xa2\xe3\x12\xd7c\xce\xea\xc6\\\xee\xd2\x90\xa6^\xf6\xad\xb0\xbb6\x8a\xa9j\x0e\xdb\xb4ag\x8c\x0c\xb9\xcc\xe0z\x86B$\xb1\x06#+\x08L\xa2\xaa\x02\xda\x04_\xba(\xa0@\x05\xae8\xcf)W"\xee\xd5\xe39\x96\xea=\x1e\xac%3\xc8\xf6p\x1b\xd5\x1d\n\xc2\xd0&gt;\r\xfd\xb1\xa5\xf0\x16\xcf\x97\xfb\xbe\xf5\x10\xd5\xec\xce\xc8s\x12\xf7F\xa8\xb9[\xad\xd29\x92\xcb&gt;\x1d\x14P\xb3\xeb\xa6\x15\x98&amp;\xb9\x8a\xd4\xf2i\xeb\x12\xcdu\x0f\xb9\xab\x93R\xd8\x15k\xf0z\xec\xd5\xd7N}\x9a\x9a\x96;\xaa\x97\xa8\tb\x8d,\xfa\x19\xa7\xfeO5\xa8?\x88E\xc7\xc7\xfe\xc00\xe1\xa5\xf5(\xc4\xf8\xa6\xef[Yw\xad\xdf8\x8e\xb8\xa1koq\xb6xA.+8\x1d\xcc^u\xaeG\xed\x80\xa8\x88\x89\xbc\x8e\xc5\xceN\x8f7R)2V\x9c\x0b\x87\xac\xec\xc4\x94OL\xcbn\xb7\xed\xb1\'5G\xa7\xb6FT\x12%\xa8\xfd\x14K&lt;\x86u\xb5.\xf1\xe1*$U|\xdf\xcc\x16\x82)C\xe8J9^k\x1cR\x9a\xaa\x0fz\x99\xd9\xf1lp}\x80Bf`\xe2&lt;\xf2\x1b\xf4\x11\x99\x9b\x8ec,\x0c\x86C\xed\x8a.\xa4\x82D\x18\x98\xec\xa1m\xf9;\xfcH`3A)\xc4\x96\x04\x19\xfci\n\x1fW\xebu\xaf\xc4\x97\xbemY\xbe\xe5\x97\x03\x7f\xce\x7f\xc5\xf0\xa8Y\x9fl\xa7\xfb\xf1\xf4\x10@+\x10\x10VP^u\xab\x90\xaa\xfc \x16\\\xe5\xf6\xfba?t\xa3[\xc6i\xbdR\x98\x0f\x98\x04\x1dc\xa1\xe2m\xe3ph\x97\x0fC\'vr\xc64\xf4Eje\x0f)$\xd3\x1b\x0fo\xc4\xa3j\x8db\xa9\xee\xf0\x84\x87([\xf6\xa8\xc7Y\x89\xc7\x9b\xedx\xb4\x9do\xf7m\x1b\xee\xca2\x1c\xaa\x08\xf3C\xfep\x02\xae\xc7\xce/\x0c\xb30\xeb\x9f\r\x8bM\x83\x12h\xea\x8e\xe3\x90\x85\xb0\xb2\xe2\x01q&lt;\xb2\xdav\xb7\x95\xd7Q\xdaLS$Va\xac"\x8d\xb0\xbd\xf8\x82Z\xd3\\\x8a\xdb\xd3\x07,\xdf\xbeU\xd8\xfcy\x93\xe5|9i\xcd\xbb]\xacw\x96\xdfm\x87&amp;A\x81\n\xfb\xaa \xebW\xbb\xa6i\x17\x91\x01-]a\x91F\xe6\x91E\xe4\xd10\xe8\xbd`,\x9e\xdfn\x0fE\x1b\x8c{1v^\n\xc1\x94&amp;&gt;\t\xcd(\x9c\xf5(\xd6\xc2a\xf1\xe2\xf4\x94\x1e\xf0\xcag\xcd\x8dDe\xaf[\xad\x18\xa3lO\x0f\xedj;\xb3\xee\x87\xa3~\x16\x04Y\x11\xfd~u1\xd9\xf6\xd1MM\xb4y\xaa\xc3\xfe\xd8\xc1N\x16\x99*\xb00\xb4rb\xcc-^\xeeO\xedv\xd0\x1f{\xb9\xd7\xcb\t\xeb\x7fbQ\x18\x9fv\x89\xff\x02$\x90,\xdb.f\n\x90\x00\x00\x00\x00IEND\xaeB`\x82'</t>
        </is>
      </c>
      <c r="M77" s="3" t="n">
        <v>45492.67878472222</v>
      </c>
    </row>
    <row r="78">
      <c r="A78" t="n">
        <v>242052</v>
      </c>
      <c r="B78" t="n">
        <v>1967</v>
      </c>
      <c r="C78" t="inlineStr">
        <is>
          <t>Gabriel Girotto</t>
        </is>
      </c>
      <c r="D78" t="inlineStr">
        <is>
          <t>Gabriel Girotto</t>
        </is>
      </c>
      <c r="E78" t="inlineStr">
        <is>
          <t>VOL</t>
        </is>
      </c>
      <c r="F78" t="inlineStr">
        <is>
          <t>VOL</t>
        </is>
      </c>
      <c r="G78" t="inlineStr">
        <is>
          <t>VOL/MC</t>
        </is>
      </c>
      <c r="H78" t="n">
        <v>171</v>
      </c>
      <c r="I78" t="n">
        <v>3</v>
      </c>
      <c r="J78" s="2" t="n">
        <v>33794</v>
      </c>
      <c r="K78" t="inlineStr">
        <is>
          <t>Right</t>
        </is>
      </c>
      <c r="L7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5d007e9-bb98-4b4c-adb0-55d49405eb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1\xa5\xc3I\x00\x00\x03\x00PLTE\xff\xff\xff\x06\x06\t\xee\x18)\xfe\'?\xfe.F\xe8\x11!\xda\x0c\x1c\xff\xfe\xfe\xfd+C\xfd1I\xfe5M\r\x0b\x0f\x14\x10\x14\x1a\x16\x1a\xe2\x11"\xe9\x15\'\xdd\x10!\x9bYE\xcf\x08\x16\xfc\xfb\xfc\xe5\x0e\x1e!\x1d#\x95]K\xf4\x18+\xee\x11"\xb3hQ\xabcL\x81ZS\x89RA\xd5\x0c\x1c\xb4oZ\x81OB\x9a^M\x88M=\xa6dP\xcarY&amp;%1\xcalP\xf4\x1d1\xa5aJ\xb6kU/%(\x9f`M}J&gt;\xa0]G\x94UB\x88hb\xfd#9\xacjU\xe1\x0c\x1c\x85TH\x8eTA\xfe:T\xbbs\\\x8aE5)\x1f"\xd1|g\x91YH\xb0dNvba\xc3\x86r,)3\xc2nX\xc3hN\xa6\\D\x90\\N\xc8\x90\x80\xc1u]\x91e\\U,\'\xa0U@\xaarc\xca\x96\x87\xcfu\\\xb9cNqUS\x8aZO\x7fa\\\xb3yj\x8cUH\xa4iZtJB\x9e\x95\x9c\xb9|loD=\xa4m`O"\x1f\x85ml\xf9\xf8\xf8\xfd\x1d2\xbf`B\xbanW\x95`T~RKxE9i&lt;3\x9cdU\x93jbI\x1b\x18\xccxa\x8c`W\xc0\x82kr@5\x87b[\xbb\x86w\xd6\x07\x14\xc5t`\x9ah]w\\Y\xb6\n\x17\x81D6\x9aQ=\x8fN@\xf3\x13$\xb6\x81r\xfa\x18,\xd6\x81m\xc1\x8e\x81\xc8\x08\x16\x7ffdb61\xaczm\xad\xa8\xaf\xe5\xe4\xe5\xf5\xf1\xf2vMH\xc0\x8az%\x18\x19\xfa\x1f3\xcc\x7fq\xc0\x08\x16\x91oh\x9crj\xbe|c\xc7fH\x96UI\xae]G\xb7X&lt;\xc5}k_2*\x96D)\xael`\xb2s`\x9eJ/\xa6\x9e\xa6\x8b~\x83yUP# -kKH\xc8\x8ax\x92K8\x90qo\x96\x82\x86\xa3dV\xee\xea\xeb|il\xc7xeeA;\xdb\x8b|k[[3\x1f\x1e&lt;&amp;&amp;\xb1eY\xaaSD6-2\x9coc\xa6R;\xbck_\xb0ri_FG\xb7^D\xd2z`E,,\xd0rV\xa5rj\xaeT7\xdd\xda\xdc\x88tx\x96z{\xf9%;\xd2\x82u\xab\x7fx\x83&gt;+\x9c\x89\x8dq8*JCH\xa4YL\xafAH\xa6M1}?0\xa1wp\x98H7\xbc\x80s\x8c\x86\x8cA\x17\x14\xa9]R\xc7\x9a\x93\xd0\xcd\xcefRR\x96\x8e\x95\x8c?(\xe6MW\xd6\x9d\x91\x9d^T\xae\x14#V87\x969;B&lt;B\xbesgUMQ\xa2=@H56\xbcgS\xc9dh\xf3+Cfaf\xb6MS\xd4\x90\x8d\xb4\x88\x82\xc4\xc0\xc3\x8d+3\xd4kl\xbc\x94\x8d\xf1;M\xce\x90v\xbcRY\xc7\x86k:6;plq\xb5!3\xd1\xb4\xb6zsw\xba\xb4\xb9\xc0\x19(\xe0#8\xd1\x96\x80\xbe2D\x81{\x80\xc1\\`\xd3\x1e/\xce\xa2\xa1\xee\xdf\xe1\xc9PU\\V[\xcf\x85\x7f\xd2Y_\xa4#/\xea\xcd\xd0\xe4\\c\xcc@N\xdfu|m\x1e+\xde\xbd\xc2\xbd\xa5\xa4\xc1x\x82\xe7\xa3\xa2\x16\xc1\x98\xa1\x00\x00 \x00IDATx\xda\xc4\x97\xefO\x13\xd9\x1a\xc7\xf5U_0}a\x9a1\xd1\x1a\xb1E\xa2c\xc5\x106N\xb9\xb8\x05\xfc\xd1\nEEjWH\x97\x1f\xba\x184hZr\xa3\x11KqBv\xa3u\x0b\xd2*\x16J\xe9:\x03\xb5\xd0R,%\x8a\xad\xa1\x8b\xd5\xcb\x96h\x9a\xda\x94\xa4Q\x92\xfb\xa6MJr\xd3\xe4&amp;\xec\x1fp\x9f3-\xd7\xdd\xbb/\xef\x80O\x99\xc3t:\xc9|\xf2\xfd&gt;\xe7{\xcel\xdb\xf6\x7f\x16\x8f\xc7C\xc7F\xb1\xe7\xdb\xbev\xf1x\x02A\xd3\xe8\xd2\xea\xea\xea\x1a\xaa\xd5Y\x83\xa1I\xf0u\xc1\xe0\xe9\x02C\xcf\xd2Z$\x99\x92\x11\x8f\xf7\xef\x979e\xa9\xf5L\xd8\xbc:;\xda\x84d\xfbZTM\xb3\xfal2.\xe3c\x05\xb9\xda\xbe\xbd\x00\xe3\xe3\xb2`2\xadZ\xeai\xfa*\x92\x01T\x8f\n\x90\x10\xd3vD\x94/\xa0Ch\xf1\xa4j\xc9\xb0\xf5`&lt;\xc1\xa89\t:a\xd8\x1f\x90\xbe\x80\xb1\xa2Ef\xb7X1\x90j)\xb3\x1fc\xa1\x10\xd5_\xc90&gt;\x9f\x9fJ\xaf\xf5\x08\xb6\x10\x8c\xc7\xeb1\xc7q\xac\x80\xf5\x0f}\xb0\xbfpm\x07\xc1\xf8x*\xbd\xbau\x82\xf1\x04\xb3\xe9\xbc\x7f\x05\xacg9\x816\x86/\x8aa\xfc\xc7q\xbdA\xb0UTKI\x1c&lt;\xca\xb7U\x9e\n\xe3c\xff\xa3\x1a\xe2\xc2\xf0xdV\xc0\xdb\x12\xaa\xd5uD\x85\xb00d \x86\x9e_\xc0\'\xf8\x1b)\xf1\xa7\xe6\xc7\x9d\xc8\xc8\xad\xa0\n\xb2T|,?b|\x8a\xa2\n0)\x85!\xdb\nr\x13\x01\xc3\n\xf2\xad\x8f\xcb\x92\xe6Q\xde\xe6;\xb8.\xcd\x8b\x05\x03\x00\xd1\x8c7*\xf72^\xaf\x97\x96J\xa5\x14\x05\x83\x14\x87b3\x16\x89\x89\xa2\xa2gs\x8dD\xddN\xe0x^%&gt;\xc5\xc8\xbb\xd5\x92\xc2o\xbe\xa9\xaf/k\xe9m\xe9mP;\x1cjG\xd4\xcb\x10\x14\x05wa\xec\x8c\x00\x1f\x83\xaaQ\xc1\xe6&amp;C\xc6\xc9\x8a\x85\x81,\x8c)@Z\x07]\xaej\xa3\xaf\xba\xfa\xb0X,\xde}`wEE\xc5\xee\x03;\xf7\xb4\xb6\xc9\x19\x9a\xcaI\xb6\x9dO\xc8\x80k3\xe52\x84\x9dR)\xdbU\xb4\xb7;\xd4?8\xb8\xb0\xe0\xf3=\x80\xf2x&lt;J\xa5\xc6\xa3\xd1h\xd07\x9fK\xa1\xd3v\xc8\x19\x9c\x8d\x11\xb0Q\x16S\x196\x8d\x8b\xd7\xa4\x8f\xe1H,\x8a\xa6\xe5\x81\xe5~\x84\xc5B=\xd0\xa0\xba\xc7\x8e\x88\xcb\xb7\xb00\xd8o\x15u0\x04\xab\x17\x1f\xc7\x1f\x07W7\xab\xbdxM0\t\x81\n\x83\x96\n\xcc//\xf7#\xa8\x1c\xce\xbd{U\xf7r\x95\x03\xf3\x01\xd6\xf229ob\x90^\x18\x0e\xf31=\xbb9y\x0f\x8d\x95\xc4Q#S?\x98rT\xbe\x07\x1eMUUq1\xfc\x15\x17\xcf\xa0a\x83\x0c\xb8\xfa\x81ky&gt;\xc0H\xf992g\xa6gs\xe42DR(\x19\xc0\xbfyD\x85\xfc\xd3 \x0c\x80\xf9\x13\x16\x02\xcb\xeb\x05\\&amp;\x00Cq+\x8b\xeb\x9b6%\x1b\xd6\x82\x04hE\xcbC\xf08\xa0B\x0e"(\x044333\r\x07\x8b\xc6\x8e\xc058\x08`\xf3\xf3\xf3\x01/\rQ\xc1w\xc6\x92K\x9b\xd0^\x82\x9e\xb4L\x9a\xd3j\xa3\xd9\x81\n j\xa7k\xa7\xa7\xd9\x03F\xc46\x03cqN\xaf~\x04\x16\x90\xd3\x10\xfex,\x95\xe1&gt;%`\x16\xa6\xa0\xb1hy\x87\x96\\\xec\xcfu;R\xaav\xba\xbc\xbc|\xba\xfcf\xf9\xcd\x9b7\xe1$_\xb5\xc5U_\xb8B\x1d&amp;\x1a\xd6\x84T,\xce\xfdl\xe4\xf5\xa0x\x97z\xdbB$9\x88\xb4\xf2A\xbb\x17!(\x84\x03c\xf9\x1fOkg\x8a\xef\xfd\x97+\x14\n\xc8\xa9\x02\\\x96\n\x86\xb9\x0e/X\xa1c\xb0\xd4\xb1b\xe5R\xf4\x81GY\x85\xd4BU\x04\xa2M\xa3\x93\x99\x99\xa2"\xf8\xc76\xbf\xc6\xf3\x80\xc5\x9a\x9f\x0f\x05\x02\x0c\xc8\xb5\xdf\xb9\xceuH\x08\x9a\xc2\x08\x8b0\xb1X\xa0\x15\x8b\xc5&amp;\x03\xdb\xe6\xb5\xb5\xf9\xc6B\xdf\xe0z\x95F\xe3\xf1\xb0\xa9\n\\\x80%\xa70|\xbf3\xae\xe7\xd6E\x1eov=EH\xa5Lw+`-\xf8\\\xf0\xf1\xa0\xd0\x82\x1c\x05\x88"\xd0h\xba\x9dm\xf9b\xf6J\x15d\x84\xc7\xe7s-\xc0lD\xdd\x150\x01\xd6c&lt;\x96\x1d\xe5\x18k5.#p\x845\xbf&lt;\xb8\xe0Zp\xf9|F\x8d\xa7\xaa\xaa\x12\x84\xa9\xaa\x04\xac\xf6\xf6vh\xaa\xf6\xa2J\x84\t\x87F\xe9AT\x88\x0b\xb9h\xa2\xf9\xb0h9\xd7\xb9mz\x9e@\x15s\x128\xe1uH\xc0C\xa0\x82}\x83\x07\xb9X\xc5R \xb9\x8aj\x81\xac\x089\x88J\xa9\x04\x0f].\x94]y,\xd8O\xe0\xb2\x18\xb7.\xa2\xd6r\x12R\xc2\xdb-A{\x19\x9dN\xa1p\x19Y\xac\xe2\xca\x9c\x8b\xa8\xa7\x10\\%\x02\x83\xcd\x84\xd2c4\x02\x96np1g"\x03X2Y\xca\xcc\xe9\x06\x9ag\xc8\x06S\x04\x91\xc7\x1a\xd4Y\xad:E\xb5QYYY\xd9\xd9\xd9Y\t\x0e\xa2\x04-.\x9ang\xe7eQ\xe5\n\xa8e\xacv)\x16\xad\x8b\x1bXR\x82\x90\xc1\xbe\x8bS,\x81!\x13\x8c9\x9d^\xb9Z$\xb2.Z\xad\xa4U\xb7\xe3\xb0\xd8f\xb3\x95\x8e\xef\x9d\x9c\x1c\x1b\x1b+/G@\x10Z}}}cc\x9dG\xbf?\xb8k\xb7\xc2\xa5#I\xd2J\x92\xa1P\xc8\xe4\x05*\xa73\x16\xe14\xb9x\xa3\x80\x95J$\x86\x84\xf5"\x91\x88\xd4jE]%{\n[z\x87\x1c\xbde\x1f\x06\xa6\x1e\xfe\xfc\xe2\x05J\xf9\x9b/\xfa\xfa^\xf4\xfd|aj``\xc0v\xe8\xb0B\x07wj\xb5h\xe8\x882L*\x95\x8ae{8\xcd-\x84\x15K\xb8o_\xbeR_&amp;im\xed\xe8hmp8\xdcQ\'\xe1L\xb8\x85W\xaf_\xf8\xfd\xd3/\xa8\xfe\xf5\xcb\xefo\xfe~\xe7\xf9\xb3SB\xa1\xb0\xa5lO\x97V\x1b\n\xb5\xb6j\xb5\x92\xc2\x86h\x02a\xc1\xae\x8b[\xb5b\xc1\x98\xfb\xd8\xf0\xf0UaK\x03\xec\xd4\xa3\xd1h\xc2\t\x93\x00:\xc6\x9bp\xd7\xfdT\xf3\xfe\xfd\'\xf4\xf9t\xed\xa7\xb3C\xee\xdf\xdcA\xb7\xdb\xedP7\xa8\xdb:B\x1d\xeaV\xad\xa4\xe5\xeco\x80\x15K%9\xc6J\x03\xd6S\xff\xdc\xf0\xd5Gu\xbd\x0ex\xffJxab",\x80sF\x1f\xfd\xf3}\xae\xfeq\xd9\xcd\xfe\x00\x97\x13\x89D4\xea\x95w\xb4\xaa\x1b$\x85\xc2F{&lt;\x16\x0b\x06\x93K&lt;n\x17\xeaX0n\x9f\x03\xb5\xea\xea\xdc^\x80\x81\'\xcb\xe0\xe1@\x00\xa7\x89\xa1\x975\x9f\xa0\xde\xff\xfbs]\x02^\xc6\xa48A\xb0hN\x86\x8ev4\x0c\xb5\xb4\\\xf5\xfb\x9f\x06\x83\xf18\xec\xb9\xb8\xc6J\x8e\x8c\x0c\x0f\xdf\xbe\x01TR\x9a`eB\xaf\xaa \x19\x13\xad{YSS\xf3\xa9\xe6V\xcd\xcb:\xf8\x95\x82w\n\xbe\x14nA\xbf3&amp;u\xdd\r\xe1\x11\x8b\xc5\x1e\x0c\xaes\x8f\x15\\\xcf\xbc\x1a\x19\xfe\xb1\xf1)\x81\xf1\xa54\xf2\x89\x86\x83A\x80^\xf7\x8d\x97\xb7\x80\xeb\xd6\xb5k\xbf\xba\x9dy,x\xcd\xc7\x11\x18\xc1Do\x1c;;\xec\xb7d@\xabu\xce\xb1\xe2\xc9ldd\xb8\xd1\x1eDo&gt;^o\xd4=\xe4`\x0b\xfa\'1t\xf9\xce\xdd\x13\'n\xdd}s\xee\xb2\x83\xa1s\x05\xb7\x04\x91\xa1\xf0\xea\xed\xb6\xdfn\xf4\x8fX\x92\xc94\xe7X\x99d\x1aa\r\'\x9d\x14\xc5$\x1c\xbdW\x9e=\xbfs\xfa\xbb\xe6\xb2\xc2\xb2\xc2\x06uo\xf3\xe9\x0b\xdf&gt;y\xf2\xed\xd1\x81fuww[[[w[\xeb\x99S\x97O\x81\xe14p%\xec\xfeF\xff\xabp\xda\x9eM\xa6W\xb9\xc4\x12\xf4d\xd2\xe1\xb0\xea\xd5\\\xe3S\'\x93\x88:\x84\xcf\xa6\xceA\x9d\xb6\xdd\x17A\xb4\x8a\xf6\xec,=x\xb2s\xec\xe4\xae\x03\x7f+,\x84\xb8\x15\x95\x1c:?u\xee\xf4\xf9KW\x1e\rEi\x8cHZ\x1a\xe7"\x91l&amp;\x93Ns\xacV6\x1b\t\x9bUs\x8d\xeb\xd1ho\xd9\xf1\xeb6\xb1x\xfc\xe1\xb9\xa9\x81\xf1w\x87JHR$*\xa9VV\x16\xadT\xec@k@\t\xacH\x17\xee\x9ex\xf2\xe6a\xa9m\xdfq\xa1\x83\x96\xae\x03\x96J\x05X\xd9\x0c\xc7X\x11\x8b*\x02X\xfecnuY\xf3\xbe\xfb%\x8a\xd7\xe7\xef\xfcz\xdd\xf6\xe1\xdd\xf8\xa4\xb8\xcb*"u\xb0n+\'\xba\xb4$\xf9zrr|\xfc\xe3\x9b\xbbo&amp;\xf7\xee\xdd[jk.sx\xe3\x99\xc6\x11\xb39{,\x1b\xcer\x8b5\xaa\xb2\xa8Tz\xd5\x9c\xc5\xfe\xa8l\x9f\xad\x04Vj\x89\xdb\x8d\x02S}\x7f\xb2o\\\xd7E\xea\x8c+\x80e\xd5\x92\x87?~\xac\xb8_\x7f\xfc\xcc\x95S\x1fvT\xef\x10\x97\xdav\x16:\xdcv\x84e\xb1g\xc3aNS^0j\x0e\xab\xcck*\x8b\xff\xf6\x99Kbq\x89H\xd2MSX\x8a\xa2\xe2O%\xaf\xc7N\x1a\x15\xa4B\xb9\xb2\xe2\x01,kE\xe78i\xf2240\xb7i\xbb\xbaJ\xc4\xe2\x9d\x92!\xbb\x7f\xc4\xacGX*N\xb1\xb6\x8d\xea#*\xb3^ei\xbc\xda\\\xbaW,21\x89\x04E\xc9\xe8\x8b~\xf3\xf3w\x13F\xa5\x02L\x84-\x16\xc2\x9a\x98\xb8_\x7f\xc4\xceP1\x1c\x82\xa4[+\xdaq\xe0\xd0\xce\x96\xdb\xfe\x11\xbd\xde\x92\xb5\x84\xcd\xdc\xaaeXS!\xac\x91\xe1S\xb6\xd2\x83\xaf\x03o\xbd\xf6\x8c\xfc-}\xd11\xf7y\xf2\xdd\xbb]\xbb\xbb\xc8E#l\x93\'\xac!\xadN\xf1\xe1\xbb\xcf\xaf\x86~\xa0\xa8\xb7\x89 }1Tr@|\xa8\xec\x88\xdfb\xd6\x87\xfd\x96\x08\xb7X&lt;\xc3\x9a\xd9\xac_\x03\xacK\xa5\x15F]\xc0$\xf9qN\xa8\x16\x1ey6\xf5qr\xe5\xe8\xd1\xc3$\xb98\xe1\x01\xac\xc5\x90v\xc7\x7fh5\xc3\xd74\xf24\x8e\xdf\xbb\xbc\xb8WC@p*:*\x8b\xc3\xe8\x14Q\x14\xf5\xca4V\xcf\xbdziMm\xb2\t\xabI\r\xe6r\xc7\xe4\x88\xb2x\xa4\xb1i\x8b$\xcb$.\xe6\x1465\xa6VvG.\x86\x16d\x13t-S\x9a\xd4\x9b+9*\x14\t\x06\x92\xb4)\x9b}\x91\xe6\xc5m\xb8\x86\x96\xe5\xca\x85\xbd\xe7g\x8f\xbd\x7f`\xee\x11g\x94\x11\xfc\xf8}\x9e\xdf\xf3{\x9e\xc7Q\xf2\x8eTy\xf8\xd2\x97\xd7\xefML\xfc\xfa\xaf_D5\x0e\x9dlz5\xe3\x8f\xd7\xef\xc2A\xda\xb1\xcd\xd4Q&lt;\x0eXk\xc3\x94\xdc;[\xdc\xb8\xc3q\x8d\xb1r\xf5\x0f\xb7\x12y\xa6D\x8aQ\xc0Z\x9e\x9b\x9b[\x06\xac\xa8X*\xb1\xc9[{\xd5\x19\xf7XP\xf5\xf0\xa1\x07\x97\xcb)w;\xb6^g6\x8f\xa4\xed\xc8\x06^\x00V\xbc\x96\x1d\xd3\xc9!\x88fgE\x91\xb7$\x93\xc9D\x92i9D\xec\x03\xd6\xa7s\xcb\xd6\xc7\xe3V\xccQb\x13o\x17\x92\x97W\xf8\x06\x16\x89t\xc9IR\x17\xcc"\xac\xd5\xba\xff\xc5\x94\xb4}\xe2S\xa0J/N\x87t\xf2\x80\x85\tx\xbd\xad\x80+\x1f\x86\xaa\xbd\xe4\xc0\rw\xa0\xb8\xb7n\xcc}\xda\x8e\xad\xf1\xa8\xc0\xb3\xa8\xa2gY\xd2\x81;\xe4r%I\xe22\xf7Z:\xfe\xc3\x0f\xfe\xf8S)[\x8c\x0e\xe8\xaa\xfdq\x88\xf8a\n\xb0\\\x96\x16d\x03\xa6\tj5K$\xaf\xf1\x00\xd6c\xeb\x9f\xe7\xee\xcf\x157\xc6\x1f[\xad\x11Q\x99O,T\x12,\x13 IH\xa9\x80\x85u\xaf\xf9\xd3\xf5M\x7f\\\xca\x7fZ:\x06\x96n\x1c\xf5\xf7C\x92w\x13\x1a9\x19@\xdfV\x02\xaas\xe7\x9a\x16%9\xbb\xbc\x11\xb1~\xbbQDjm /n\x088\x99\\\xf8\xee\\\xd2\x05\x1f$\x8dF\x87\x03\xc7|Y\x84\xb5\x19_\xea\x94\x8c\xabc\xeat\xc6=\xa2Pm\xd6\xb2AJc\x94C\xb0(-\xcd$\x94\x0c\x0bI\x0b(\xd7u\xc7:n]F\xd3\xae\xfb\xcbw\xbe}\x0c\t\xdf!\xb7$\x13\xe8j\x00\xf9\x11\xc7u\x98y\xb8\xe6\xaf\xdf\x9d\xa8\x1d\x1d\xbe\x90(\xe8;:\x0f\x83\x1e0_mq\xda\x89\xe9p\x84E*\x9b\x89\x85\xb7\x10@\xd0\xc0\xb6&lt;@\xb5\xe1\xbdh\x8b\xc5\xb4\xde\xe5\xbfC\xe6r\xc8[\x0c\x0b=\xda\xb9\xcf-J9P!,\xf7\xa2\xff\xf5\xbdq\x8e\x8bF_MI\xe4\xc2W\xa2(jtA\x7f\r\xb0\x0c:\xc0R*-\xc9\x85\x05\x14\xd6\xd0Q\xb7\xa0I\xdd\x98\r\x17\x9e\xfd\xf4\xac`\x837\xe3Q&lt;\x80\xdam\x08\xfbdS)\x97;t:\x9d\x81v/n\xde\x1d\x8d,/\x17\x8bc\x12\x8dP\x97\xaa[[\xb9\x8f5c\xe9\xda\xb0\x930\xe0\xb0\x14-\xaevL\xdb\xc2@\x95\xf7F\xa2\x91Y&amp;\xb1\xfb\x13X!,\xf7D\xa3\x82K\xcb\x9cg\xc2\xa8\xbfv\x91\xc0\xd5e\xc08\xf7\xdafF\xed\xe9\x12\x84\r\xeeP\x12\xac\x8e\xa5\xcf\xee\x17\x1b\xe5\xc6L\xba\xe6v\x12:G\xc0\xe2\x82\x92\x0f|\xf4\xbdV\xfbQ8\xcc:h\x8c/\x95\x9a\x89\xc2\xeen!\x01\tC\x88b^\xad\xf6\xfcy\xad-acY\x17\t\x11o\xc0@-\xbf\xdf\xe7\xe9\n\xdd\xd9\x12\x0e\x07\xa4\xc1\xfaS,/\xf6\x8dM\xc7k\xc3AX\x89\x88*\x1c\xb6\xd9\x90V\xdap\x98\x119\x91O\xa5\x80\xabR\xc9C\xa5%\x1a8\x0eJ\xc2\xf3\xe7A/[X\xcb2\xa4\x1cb\x8b\x1e\x81\xca\xc6\xd7\x95#&lt;LS*\xac\x0b\x85\xfc2\xe7\xce\xc6k\xd3\xb0\x12I\x0bh\x05X\xe1\x8bh\xd8f\xb3\xb1\x02\xc77n\xf6\xeasM\xc8b\xa9\xc6\xcd!\x8e\xe0\xbcZ\xb8\xca|\x84\xa0\x19\xe4\xc66V\x1c\xd4j\x08\xb3\xb1\xb7\xd2`u\xbe\xf9M\xa1\xd9\x95\xeb\xeeO\xff\x8c\x05\xaeCPZ4[f\x05!7t\xfb\x97_]\x0f\xa6r\x8d\xde\xafo\x7f\xed#\xb8R\xde\x16\x0ek\xd1HI\xfb3V-^\xd3c\xf4\xf2\xac\xad\xf0oi2\xfd\x9bg\x85d\x93\x8fN\xf8\xfd\xd3N\xcaH\xb6\x9d\x88\x06\xca\xda\x8b1\xb0\xbc \xf0\xbeO\xbe\xba\xd7\xab\n:{?\xb9\xfdUo_\x83kV*\x1f\xd4\xd4\x86Y\xc6\x02k\x11\x12\x84\xff(3\xaa\xc6\xee\xcf\xe6\x0bR\xa9\xb5\x1b[H\xf0=(\xcb\x83Z\xcav\xc8\xa3\xa1\xe4\xc5\x07\xb1X\xa1\x90\x17\xb0f\xd392Y\xee\xee6\r\x8e\xdc\xd4\xcf_\x05\xacB\xc1fkc\xa1\x98\xc7q,b\x1eN\x1f\xbd\xee}YL\xe6\xc3\x95CIf\\\x1d?\x16*\xbbo\x9b\xe5\x11\x7fz-\x04Y\x1e\xd2\x83\xcb\xd2\x9e\x00"\xaa\x82\xcd\x11\xe1\x9b=\x7f\xa9\xeeM\xf6\r\xafWg\x82)&gt;*\xe4\x0b\x85\xd8\x07,\xc6\xe5R\x82X\xb4y:\x1d\xbf\xab\x17\x8e\x13\x85D\xe5\x9f\xd2\x8c\xde~|\x0fXOr\xbe\xc5\xf4\xe2\x18\x05rY&gt;\xb7\x04\\,\x04\x18\xc2\x8a\xd9JB\x94\xeb\x9e\xa9\xee\xedU\xabPdu\xab\xc7\xa3r\x16]x\xa0e\x02L\x006P\xdc`\xc0\xcc\xd9\xb4\xff\x8f\xeaT\xa5\xb2[\xb1\xfdM"\xb5*\x95\x0b\x89\xcfp\xdfjz\xd1MP\x1a\xe0R\x06\x02.\xc6\x15Fb=`\xf8F\xb7id}oo}\x1d\xc0\xcaA\x95\x8as0\x17cH.h\xd1\xe4J\xa3Q\x07X\xbe\xb5x\xfd\xb7t*\x01?p["\xac7\xa8\xa8[1:W\xfd\x08K\xa7\xc3\x95\xb0\xb8\x02\x01\xf6\x01`\xd9\xb4-\x81\xf3u\x07\xcb\xd5*`\xed\xedM\x8e\x99\xf4\nl\xd6\xabEA\xcf\x06\xa0\xda2\xf6P\xb0\xf7t\xd7\xd2\x99/\xa9y\x84U\x92\xc6\x89\x1dK{\xb7\xbe+y\xf9`\x7f}q8d0h\x8cF\x1e\xf6\xeb\x00\x0b\xd9!\xdc\xf2\x02\x95\x82k\xacL\xce\xcc\xac\xaf\xafW\'\xc7|z}\xd4S\xf4\xe6c\x80e!\xe5\x1ad\x06\xfa\xf75\xff\xea\x15\x82\xaf\xbc\xdd\xbdpU\xa2t:u\xfa\xc4\xc6\x9c\x14\x89\x89zm&amp;D\xe9\x8cF\xa3\x06\xaaAK\xde\x16\xb3\xb5f\r\x9cB\xa1p:\x83\x83W\xae\xdc\x1c\xec\xed\xed6\xa9T*u4Rt\xb0a\x17\x1a7S:\x8dF\x87\xd9\xcfnn\xde\xbd\xe99\xd8\xafT*U\x89\xb6\xea\x81\xf8J\xcb\xcb\x0b\xb2K\xf5Z6Dh\x8c\x9a\x1cE\x19\xa0H\xcd\xe7\x03:\xd8\x84\xcd\n\xfd\xe8\xb5\xf6chToz\xf8pT\xa5VD#\x1e\x9ca\x02r\x1c7P:\n\xa3\xed\xd9\xcd\xfa\xaf\x067\x8a\xde\xe3V\xab*Q\xf33p4\xc9\xa7V\xe6S\xee\xcc\xe2tP\x061O\x819H\x17Kv\x198\xb3]1t\xed\xa1/g\x14=\x90W\x9b)z\xfc\x8b\xebC\xa0W4\xda\xd5"Q\x05h\x80\x80\xa7M\xfd\x99\xcc\x84\x0f\x13E\xc1\x9b:\x95&amp;\xc9C\x19X^\x99|\xf2}\xb2\'\x939\x1bDK\x912\x10\x14\xd47\x01\x01I\xa5\x1a\x1a\xb5\x8a\xec\xfe\xfe6\xd8\xfe\xfe~\x9eW_\xbb6\x84\xa6\xf7Q\xc1\x81\xeb\xa0\xa6\x91a\xb4Z5\x91\xa9\x9f\xcd)\x7f\x97j\xa4\xaa\x92\ru\xbf\xa9\xf6M^\xcd\xb3\xcalf:H\x109\x08a\xcc\x80;\xbc8M\xd3\xe0A\x05\xc6oo\x1f\x1f\xbf\xdb\xde\xdf&gt;88\xde\xde.\x89\xe3\xa3*\xbb]\xad\xe6\x10\x14M\xdb\xed\x80ui5s\xd6\xc8&amp;/\xf7\x94_I\xd5)vt\xbeX_I\x95\x98\xd2\xfa\x1a8\x11\xe4\xa20\x0e\x8ag\x1c3\xd3\x84J\xcf\xf1\xa5\xe3\x03d\xc7\xc7\x07;\xe8\x04\\\xe6!\x95\xdd\xa7R`\x80e\x06S\xa8Mg\xfa\xeb\xc3\xa4\xaby\xb5\\\x93n\x92\x04kq2\x05\x19ar\r\x9c\x08b\x11v;\x86\x92\x91\x99\n\x99\xcc&lt;\xc2\x01\x1ex\xee CG\x910\x99\x9c&amp;\xb5\x19\xa5w\x85\xc2\x1c\x05\xac\xd5\xfa\x8c\xab4\xbf\xb2\xf7T\xba\x9b!::o\x9c^.1\xf9\xcbk\xd9\x11\x02BK&amp;\x93q\x04%3\xdb{B!qg\xe7\xd1\xffl\xeb\xc3\xa9(\x86\x9c\xc1\xa0BAc\xb4B\xa50\x9b\xd5\xaa3\xab\x99r\x93M\x95\x0f%\xbdE\xa3\xf3\xc6+%\x93\x9f\x07,X\x89\x80e\x97\x11 Y\xa8\xaf\x87/"\x98\xad\xe7\xc8^\x82\xb5_&lt;\xdf*\x8a==!\xbb\x19a\xa9\x15fx\x9c\xe9\xef\xcf\xb1\xa5\x95\xd3)\xa9\xff\xab~5_\xea[\xcb\xbae2\n\x80\xecvBf\'&gt;\xbe\x9c\x12\xb6\xdaLp\x04\xb8\xb6}\xa0\x8b\x88)#\x05\\\xa0\x96Z\xadP\x98\x06\xfbW\x1b\xfc\xca\xe9R\x87\xc4X\x9dK\x87\xa7G\x9b\xfd#\xe0@ \xb2\xdb9\xc0\x9aW\x1a\x85\xb68\x8fvvN\xfek\xa0\xdd\xf3\xe7\x8f_Z\x05\xa5R#\xa3i\x9fJ\xaf\x87\xe8R\x9d\xe9\xdf&lt;=\xfd?\xdcN\x0c`\x03SG\x197!C\xfe\xf3\xd9e2g\xc8h\x14" \xd4\xa3G;\xff89y\xd7\xb6\x93\x7f\xb5\xb9\x9eo\t)\xa3\x06\xa3}\xa6\xc1+\x80\xa5\x00\'\xc6\xdbw\xac\xffBr\x03\xb0o\xa0\xf7Aj9}&amp;\xa7S\xd6c\xc4=\xc5"Z|\x07\'\xef\xf6\xdf\xbf\x7f\x0f\xcf\xfdw\'\x07;E0\x0f\xec\x85\x14\xed\x1bDX\x90"\xce\xac\xbe\x18\xf8\x0f-\xe7\x13\x9bF~\xc5\xf1*\xd2\xc67\xc7\xacV$0xf\xf0a\x8d\x18@\x08\xe4H\x98\x1e\x98\x96?R\x18`\x08\x0c\xa42\x03\x835\x85\xac 6!r\x8d\xd7!\x87@\x84%\x04Z\x8f\x90m\x8cP\xd4]\xb1\x8b/(\xb6\xb4\x9bHU\tu\x9a\xac*7QUm\xa4F\x1b\xf5\x96\xa8\xb6\xac8Y\xb5IS\xa5U\xdf\xcfIU\xf5\xd6\xddd\xde\xc1\xd8p\xf9\xf8\xfb~\xf3}\xef\xfd\xe6\xc7\xc8v\xae\xec\xda\xd7\xab\x02`\xd9h\x86\x11i\xa5`\x1ew/\x9d:\xf5\xcd\x93\'\xc8\xdf\x91\xa5&gt;AV\x0f~\xb1\xf4\xd9\xe7\xb3\x0e5\xf8\x1b\xc3K\x08\xcbf\xc1\x96e&lt;\x15\x0bX1\x1aq1\xa2(\x90J\xbdA\xe1XB{J_|Q\xbbU\x812\xa8!o\xc1${j\xf23\xb4g1&gt;\xa6\'\x19\xa9\x18D\x0ea\x99\x7f\xb7;\xdf\xffk_\xd7\xae\xaf\x82JJ\x9af\xd2\x08\x8b4\x18\x1cK\x93*\xdd\xa75.\xe3\xc4\xd2\xc9\xa43\xc3e8\xb69np@\x8c\xeb\x956\x8b\xd4\x00,\x8d\x86\x8f~-\x1f\xd6\xd0\xb5\xb5h\x9a\xa1Q\x0e\xd3NXdJ\xb0zhV\xc7\x9a\xb1\x0cD\xb9\xd7\xebyjM\x81$\x15\x08\xcb` m\x1a^j\x84)\xe8\xc0\xc0\xe4o\xcb\xb6\xb4\x00k\xd3\xc7\xd0J\xda\xc2c"\r\x17\xa3\xde0\xae\x1e\x87\xb5\xddl\xb2,\xc7\x95{\xddZ\xdd&lt;\x06\xa0j\x87\xc3\xad0*\x11V\x10\xb0(\xc2\xb7\xbc\xfc\xf1\x19\xd9\xb0\x16\x977W\xd3\x90E\x0b/a\x8cU\t\xb2\x18\xc6\xd4j\xb5J\xa73\xd7&lt;\x1c\x07b\xe1*\x87C5\xa9FTp\xfd\x11|1\x1c\x0e\x12\x16\xbe\xf5\x9b\xcdO\xe4;\xa1\xbe\xb8&lt;\xbfe\xc2`i\x81\\\x8c\x06&lt;\\\xa1@Y\xd4MM\xe0\x9e\xae\xc7\xc3y\xba\x9f\xaaT\x93KK\x0e\xf7\xac\x11*\x8e\x96*\x16\xc3)\x8a\x80B\xbd\xdc\x92\xf1\xe0\xfc\xe2Z6\xba\x8914m!$,\x00X6\xa3\x02\xb0T\x13\x13x=\x14\xeaB\xd4p\x1c\xf5\xa4\x0e\x85\x15\x1a\xc18\x05b\xc5)\x82\xb7/\xdb\xe5\xc5\x92\xbc\x9b\xf3\xb0\xba\x94\x1a\x1e\xb3\xe4\xa0\x0b\xb4\x19\xf5\x063~e\xe2J(\x14\xf2\xfb\x17\x16&lt;u\x1cW\xa1]I\xa3V\xa3\x8d\x07\x83\xe1\x14dQj\xb5\xda\xbe\xd3\xeb\xb2}\xfdaqYj\xfb\xa2\x18\x13\x80&amp;\x8f\xe7\x89\x9c\xd5\n5{\x1c\xb0\xfc\x00\x85\xb8 p\x9dy\xecu\x9fE\xc4\xc3\xc1`&lt;\x18nx[\x1b\x85\xec\xe65\x19\xb1\xb0T8\xea\xc3,\x01\xe8\t\x8a`HV\x1b\x98\xc4\x98\xb9^\x07\xa8Ah\xe0\x87\x17\x1c\xc65\xd2\x86z,*\x08T\xf1\xa0\xd7\xde\xbaSMd7o\xcb\x855\xb4\xb8\x96\xa6\x12\x8d\x16\xc6\x03\x17Q,\x12V\xd4O\xe8a\x9e\xad\xa3$\x0e\x06g\x07!?\xcck\x82\x12\xb5~\x14\x05b\x15\xa9\xa2\xb7e\xbf[MAQ\x94\xcdO\x11V\xaa\xda\xf0\x01\x97\x05eQ\x83\xb8\xf4z\x96\x05,\x10kpi\xe0\xef\x82s\x91J0v\n\x89\x05\\\x92\xf7\xce]W"\xce\xaf\xca\x86\x05K^\x84\xa9\x10qY,\xe0\x11\xc0\x05m\xaa^)\xb0\x90\xc5\xfc\xd9\xc1\x8f\x07g\xf3\xfe:\xce\x02\x16\x01sZ\xb8\xd8h4\xd0\xd9\x97H"N\xf1\xa5\xbf\xc8\x89e\xd5\xc6\x13\xae6\x8fa`\xa9&lt;A\x80\xd5\xc7\xe8X\xad\xee\xf7\xe7\xf3\xa1\xd0\xcf\x07y\x0fgn*\x03Po\xc2\xed\xb6\x17\xa2q\xf7\x97\xd3\xd581\xa35\xfdSF\x83p\xda\xac\x90\xc6\x88+\xcc\xf3\xbc\x04\xed\x81\x85\xb10\x8c\x93\xab\xf9\xfd\xe8`\x04\xf2\x08\x8ee\xc1\xd6\x08*\xdcnx\x1b\x8d\xb6k{\xbb\x1a\x07\x0f\xd3\xa4O\x9f\x91\r\xeb\xba\xd3\xa8\x04\xbd\xaa\x91H\x01V\x8dT,R\x0c\xb4^\xa2\x93\x03\x8b\xe78\xd6\x03^\xcf\xb1\x02\x14\x81"\xf8Bc\xa3\xe0\x9a\xde\x8e\x00\x15\xcc\xb9Z\xf1\xbal_\xc7\x00,\x85\x824jA\xaf\xe9H!\xdc\x00\xb9\x98\x18#\xa6\x11\x96\x1f\x81!:\x81\x0c\x10E\xd0j\x03)\xb5\x1d)PP\r\x0c\x8a\x9c\xb8\xb6(\x9fAd\x0cz\xbd\x1eq\xb9\xa6\x11X1\xc8\x83X\x10\x9d\x1e\x88\xd5\xe9\x94;\x9dL\x8c&amp;\x8aAt&amp;(\x82\xa8\x12q\x8d\x02\xed\x8eX\xc5\xb5k\xb2a]\x17\xa04\x1fr%\x90`\xaeB;\x1c\x84\xe5\x8fa\xa2\xd3\x99\xc9$\x9dN\xd1)Z\xa0\x10\xb6\x0bU\x045\xedJ\x10V#4:\x80\x15\xd8\x92\xcd\xe6\x11\x96al\x8c\xd5\xdb\xb4\xb0\xf0]\x91iD\x16\x0e\x16Q@.1\xb4\xa6\x82\xe1B\x01}\x04P@E\xd9\x14\x065\xba\xbb\xb2"+V\xc60n6\xb3\xe6&amp;\x19\xa0R\x05\xc4\x05`\xae\x02D\x02jr"Q\xa8\x02Q\x041m\xa3O\x12\x84\rj\xd3\xa4j\xd2`\x04,\xb9\xaa\x0f$16\xeb\x98\xc4\xeb\xf5\xdaX%G\x80\xb1\xbeQ\x05H\\\x803}\x18\xdb\x08j\x1b\xde\xab\x82V;\x02iV\xe9PG!+\x96S\xe1P\xe3ug\xc6\xc3V\x02\xaf\xb9"\x08\xe4\r\xd0\x7f~A\xa0\xaej\x8a\x08\x904\xc6\x98u\xb8\x19\xb0r\xe5\xdb2&amp;\x11\xdaQ3\xe7\xf5y\xfc\x1c\x14d\n\xb8\\H\xa7\xd7\x81`\xd0\x9f\xe8\x87\xab\x9a\x88\xe7HZ,9q\xbc\xa6SC\xff\x95\xfcV6\xb5\xd6\x9c\x08\x8bM\x9b\x92\xe5\x05\x0f\xbb\x13\x88\'\n\x89\xc2aT\xe15\xd1F\xc7\xef\x12\xe8\x9dj5\x91\xa2\x94\xb4\xb8\xd0\x11k\xa814\xcc\xae\x88\x9f\xc83d\x0c\x9d\xb9\xbd&amp;\xb8\rjs\xdd\xe9\xeb\x1fr\xc5(\xc0H\xa5R\xe1 EA\xcbn\xb1h\xa0\xb3@-)\xb0\xa5f\x02\x0c\xd6\xc9\'1\xe8W\'\xc7\xdd\xb3+\xcc\xe9u9f\xb2\xa1\x1f\xbd*o\xed\xa0\xeb\x1dwf\xfb\xe5\x12p\t\x0c\xda\xf6FD\xd0H\xc7b\x82^\x10h\x00{}\xe8Yk\x91\xd2\xfd~/\xcd\xe1:\x98\x84fW\xe8\xb5o\xe5\xf8\xd6\xdd\xd0\xb3\'\x0f\xfb;\xb0\xe4U\xb8\x80\x95\x81\xab\xb4\xe0\x89Q\xa9\x14EA\xb5\xa63,T\x9e\xba\x87\x03\x93\xb7\x05(*\x9e\x9a\xd1HX\xa7\xdc\xebg\x9dh\xe8\x00\xb9\x02[\x9b\x1f\xaf\xff\xf7A\x08\xefl\x03\xf5\xc1\xf3\x1b[\xa4\x1b\xb0\xa6\xea\xa2\xa9_\xda\x8a\x9a\xfa\x99@|F\xab\r\xd01\x81\xeb\xfa\xf3\x97.\x9d\xfd\xb2\'\x900\xde\x82^TQJ\x96\xcb_\xf6:\xa0\x96\x994\xbaW\xb4\xab\xf3\xbe\xeb\x8f\x1f\xbfzv\xf1\xe2\xfa\xc5w\x93N\xf4,\x83W/\x9f\xc7\xfb\xa4C=\xa9\xc2Y\x9f\xd7T^\x8dFM&amp;\x11\xf5,\x01Z`9\xff\xa5\xb9\xb9\x9f\xcc\xe5=\x82\x92\xb6Y\xa8\x19*\xbc\xe1K\x96\x16\xfa\x9e^\x06\xd7\xe9m\xc4\xec\x8a\xd6\x97\xb50\x99?\xbd\xfc\xdd\xdf!\xfe\xf1\xe2\xad\xc1\xd0\xa3\'\xce&lt;{\xfa\xdd\xde#\xa2L\xa2\xbd\x10\x9c\xc5L\xa6\xd2j\xb4\xd5\xba\x8a\x05r\xb9\x9c\x8d\xdci\xb2\xdd\xb9?\xcf\xcd]\xf2\xb36\x1b\x8dn\x16\x04\x1bY\xbb\xafT.\x87:\x92`&amp;\x01+\x97*\x165\xd6\n\xb9?r\xfe\xc2\x85\x0b\xc7\xfe\xf6l\xe8m\x95\x1aZ\x7f\xf5\xf4\x0f\xfb\x07{\x8f\xa8\x12\xe9FXu\xc1W\xee\x97\xa2-\xbb\xdd.Yl\xc6\x8a\x1e\xb0j!\x90k\xe0\xd9\xa9\xd84\x9a\x9c&amp;\xd8\xf0\xf9\xb2\xa6R\'\x9f\xefH"\\\x07\x044\xdb\x89\xf8\xca\xacB\xa9\xfc\xe3\xee\x07\xe7\x7fv|\xef\xc1[\xd9\xc5\xe1\xae\xe9\xfd\x97\x07\x07##\xc3\xbb3b\x05\x1d^\xd3\xd5cX2\xb9\xba\x1a\xb5\xb7\xa2W\x1b\x98\xb2\xa2 \x9bl\x13q\xe59\xd2\x9a\xb3Vl\xc1\r\xafi\xden*\xc3&lt;\xeb\xc1D\x06\nx\xfbn\xa1\xf0\xeb\x15\xb7\xc3\xa1\xa7\xb5\xcfG\xdf;q\xec\xbb\x17?\xdc]\x11\xd4\xab\xfb\xfb\x07\xc3#\xc3\xc3\xc3#\x07\xf7\x18#\xa8\xa5\x9b\xaag\xd2\xc9\xa4\xc9\x14\x9do\xad\xda\xef4\x18R\tY\xdciv\x07g\x17\xd8\n\xa4T\xc066$\x84U\xeap\xdd\x0c\x16\xe3\xa5F\xe3n\xe1\xc6\x8d\x19\xb8^&amp;\xd5z\xa5\xf6\xe1\xefG\x8e\x1d\xfc\xf5\x07v\xab\xe8\xa1\x1d\xcf\x1e\xffk\x7fw\xf4\x18\x8a\xe1\xd1\x83{\x81\xd9C,]=-%K&amp;\xfb\xd5\xab-_\xd6\xebu6\xf5;;\x15\xc5\xad\x1a\xc7\x92\xb9\x80\xd0\x8c\xc1\xc8#\xa5am\x99\xb8\xba\'#\x9ai\xe8b\xa9\x93_\xddX\x81\x85\xa9\x83\xa1[a\xbd\xb772\xb2\x8f\xee\xc2~\x7f\xc5\x90RO\xef\xef?\xda\xbd&lt;z\x04\xe2\xc4\x07\xa3#\xcfO\xdeDX\x138.&amp;\x17:&amp;\xd3\x1b,\x8ceY\xf3\x8eB\xa1\xd0\xd3D@\xe0\x04L\x82H\xfa\xb2\xc9^\x8f\xf3\x88\x829\xd6\xe0\x15\xee\x9b_\xdd\x98]R\xe9&amp;&amp;&amp;\xa6\xccc\xfb\xf0o\xee\xbd\xfc-z\x8e\xc5\xd0\xf7\xbe\xf8\x90R\xe7.\xff\xe2\xfd\xa3G\x8e\x1f?\x7fb\xf8\xa3\xa3\x8fN\xde\xfc\xdc\x01XSx&amp;\xdd[\xe8\x99\xe6\xaf\xda\xe7\xb3YL\x8a\x99k\xdd\x1a\x8c\xad\x81\xc6\x06\xc6\xb1\x19\t\xc3$\xef|\xd6gJr\x9e4\x86\xe31^\xb3\xf49`\xb9\xd1\xb1\xa1+W~:\xf1\xcd\xde\x91#\x1f~\xb8\xf7\xf2\xfe\x83\x17\xeb\xff\xff\x03#\x90\r\x03T\xf7W\xbb\xe7\xce\x9d\xbb\xfc\xfe\xe8\xd1#\x17.\x1c?\xfe\xde\xd1\x8fv\x1f\x1ebMMMx\xbc\xe9N\x07\xd2h\x9f\x07\xb10\x86\xe5\xca\xbd\x8c\x13`\xfe\xcd\xc8\xd9\x866\x95ga\xbc\xdc\xe4fs\xfb!7\x9b\xb9\x92\xd4\x92"\x83D\x85!1`g\x97\xcduqn\x03\t\x13S\n\xc1\xed\x14\xfd`\x96\tI&amp;\x91\xdd\xa4\xa6! \x97\xd8\xa4\xe0\x16\xa6\x1f\xa6\x06\x19\x94\xc9.NA\x97E\x163\x1d\x10\x17\xb7\x1f\xca\x85\x94~\xd8.Lf,mS\xcbV\xe8\x0b\xd3:\xee\xd6V\xc5\xd9\xe7\xfco|Y\xf6m\x0em\x12k\xd2\xfb\xf3y\x9es\xfe\'\xa2\xd5\xc2}}),\xd1\x97C\xe1t:\x1e-O|\xe2\xef\xfa\xf4\xcc{\xef\x9c\x80Z_\x9e\xe8\x00\xd5\xca\xca\xca\xe8wE\xbb\xdd\x85Z_\xdf{\xf1\xf0\xd1\x0f\xfb\xeb\xfa\x1f\xb1\x9c\xdf\xffvu\x15L\xc3CCN\xab\x15X\x83v\x87\x94t\xee\x10V\x07\xb0\xc6\xe2\xee\x89\xa8;\xecK\x93Z\'?\xec\xf3\x87\xd2\xe1\xcex*\xaa\x85O\x05R\x9d\';C\x9d\xf14\x9e\x91\xea\xf3\x9f\xfa\xf4\xbd\x03o\xff\xec\xc4\xaf\xfe\xfc\xee\x97\x87N\x13\xd5\xf2\xf2O\x9b\x03\xa8"\x03\xdb\xdc\xfcj\xfb\x87\x80a\x9e?\x99~\xf0\xd7\x1dd\n5d\xb39\xad\x16\xc7\xc0\xc0\xe0`\x86O&amp;\xd7\xfet\xfd\xfa\xa5\xc3\xb0\xa2{\xcc\x1f\xbd\x02\xb5\xd2\xfd\xe1P\xe7\x99\xb3\x81@\\\x0bO\x04\x02\xe5P\xbcp#\xf5\xa1\xffdg&lt;\x0e\xb5&amp;\n\x13\xa9\xb1\xb3g\x0et0\xacw\xf7w3\xaa\xe5\xdd\xda\xc0\x80G\xe7\xdaZ\xdb\xdc\xbc{\xe3\xe1\xff9\x8c\x98P\x8bH\xd4\xec\xda\x1a\x88\x86lNPy%\xc7 q9\xbc\xb6\xad\xbb\xc0z\x9f\xfe\x95Mw\x00\x07\x10z\xd1\x17\x0fC$w\xb97Z-\xf7\xf6\xdeJ\xbb\xef\xb9\xc3\xf1xgg\x1az\x81*\xdd7v\xf6\xec\xdb\x1d\x1d\xfb\xb1B\xfc\xbaC\xa7:\xdf\xf4P\x81\xab\xe8r\x9e;\xb7\xba\xb9z\xf7\xc5\x93\x0b\xff#\xfc\x88\xd4\x93\xa7\x80:7{n\xd8iu\xda\x88J\xb4xy\xc2\x1a`rm]\xbf\x04\xac\xd3?\xef\x19\xc1\x01Tr\xa7\xab\xf9\xf2\x84_\x9b\xbbS\x9d\x9ct\xdf\x9e\xc4M\xa9zg\x0eS\xab\x13y\xf7G\x03\xa7\xe2}]\x07\xcev\x1df{\xe0\x8f\xbb\x88jc\xa3n\xf0x\x0c\x06\x03\xa1q\xb6a\\luu\xf5\x9b\xe9\'\xff-\xfb\xe0\xbd\xf0}}\x9d\xe5\x9c\x12\x05&amp;\x93\xc9\xc2I\xbc\xc8\xd9)\x0c$\x97e\xef\xd2\xa5\x0eR\xeb\xdaH\xca\xef\xcek\xd5\xf0\xe4\xad\xd0\xcdO\xfc\x13\x85\xc4\xed\xaf\xab\xf9\xfe\xab\xb7\xfb\xb5p\xea\xf2\xe5\xb8\xbb\x8c]k\xc2\xdf7\xd6}\xb4\xab\x1b\xeb)6\xaew\xba\x19\xd5y\xc1\xe01\x98\x19W\xd1j\x1b\x02\x17\x81m&gt;\xd8~\xf4\x9f\xc1H\xaaf\x8b\xcaD\xe3\x13\xfeY\\\xa2\x97\x17\x1d\x19\xca\xc2`FJz\xd7\x7f\x03\xac\x9e\x9e\x9e\x91\xd1X!\x1a\xaa\x96\xdc\x05\xb7\x96\xfa\xf8\xe3@!\x9b\xaf\xf6_\xb9}\xd57\xe9\xf6\xa7\xd0\x90nw\xd8=q*02\x82A\xd5}\x18\x8b\xe0\x89\x13\xfbG\x18U\x13Df\x14\xee8\x18\xa2s\xcd\xce\xaen~\xbb\xfd\xef\xeb+M\xf4\xef\xeb\x8d\xc6\x16\x9b\tV\xd1%B)\x8b\xd5\xe5\xb2zabf\x90\xb2\x00\xb9\xc0\xf5\xfb\xc3\xa7{&gt;\xbav\xed\xda\x8a|/\x8fsq\xb2\xa4\xc5S)-^N_)\xf9\xfa\xafj\xa5t\xe8\xb2\x96\x0ea!\x8b\x16b\xb1QL)\x04\xf1t\xc7\xa1C\xfb\x8f\xc6@\xf5Y\xdd\xacS\x81\xabf19mC\x8c\x8b\x81\xdd}\xf1\xfc_\xc1\xc8\xbf\x87\x8b\xcd\x9a\xb9\xe1\x1c\x1a\x1e\xb6\x99$\x91\xe3-\x16\xb8W\xe3$I\xe2\xf9\x8c}\x80\xb8 W\x92\xdf{\xbf[W+\x16MW\xabi_\x7f\xfe\xa6\x16\xba\x13\x8a\x86\xfa1]1\xab0*\xc2aw\xb8\x04\xaeXl\x84UOw\xd7\xd1\xa3G\xbbV\x80\xb5k$*\xa3\x11\x9ff\x97\xd7b\xb2\x11WK\xb0\xd9\xd5o^&lt;\xff\xe0\xf5\xe2\n\xa8\'O\xeb\r&lt;\xb5\x06Y\xd1|\xc8\x13\x02e\xb7\x17\x8b\x9c\xc3\xc1;\x1c$\x97\xc1\x03\xb9\xc0\xc5\xed!\xf0\xa3\xa3\xa3+\xb1B&lt;\x9d/\xf9\xf2\xd8\x06\xdd\x1a\x0e#\x1cC\x98f\xb7J\xe1P(\xdd\xdf\xef\x83\x87\xc0\x1a\xd5\xc1p^\x8d\x8d\x00\xebi\xd3\xcc\xa8\x08\xab&amp;\xf2\x90\xcb\xe9\xb4\xb5\x14cN&gt;\x98~\xa4\x0b\xc6F\xfa}@\x19\x05\xc1\\\xb3\xe2\x89V\x0b\xcfs\x1c\x98\xd0\xc1\xbc$:\x80\xe6\xb0\x0f\x18\xcc\x9e\x01;\xe3\xaa\x7f4\xba\x02\xaeX,[\xca\xfb\xae\xe6\xb1u\xb9\xc3\xe5^:$\x11(wH\xab\xa6Ki\x9f\x8f\xb4\x82\x8b\xf4\x01\xae\xb1\xb1Hle\xe3\xb3&amp;\xb9GP\x10\x8b\xb3\xf0^+\xca\xf9\x86\x93\xc8\xfe\xe2\xf3\x0b\xec\x87\x9e\xbd\x05\xff\x1afAh\x17\x8c\x84e\xb2"N^\xaf\x88\xe3\xa1\xe8\xe1(YT\x19{\x11\\\x83\x19\x8a\x97\xab&gt;*\x8f\xc6Vd\xb9R\xa0\xe3\x07\xe6\x05\x1e?\xa7\x00\x00\x06\x7fIDATi\xc8y4\x1dNc\x8e\xe5\xf3\xe1R\xb8\xec\xce\x97{#\xa0\x8a\xc5dY\xd6\xbd\x8c\xadT\xbe\xa8\xebT\x84e\xae\x89\xc8.\xb6\xb8\x16\xd6+#\xd7\xf7\xee\xff\xf1-\xea\xbf\xbf\xd7\x1bP\xaa\x9d\xb0\x8a\xe8@\x94dA\xba8\x17\x89%\xf1\xccE\xb2\xd1l .\xc9\x0b\xae\x8b\xb2\x8c\x0f\xb9\xa2^\x81V\xbe\xaa\xa6\x85\xa2q\xdcW\xab&gt;\x8d\x81\xf6\xe7\xb3\x84#\xb3\x9a\x8a\xb1\x92/\xd6[P,Yv\xba\x10T\xd0\xa1\x86\xcf\x81kxmmvv\xbd\xb1\xfe\xd5\xc3\xb6G3\xf5\x06\x90\xa8\x80\xe5q\xb98N\xe4\x89\x06\xcb\x8c\x9d\xe3y\xb4!s\xd1\x91\x81\\\x8c\x8b\xf7J\xe0\xaa\xd0\xd5d\xf5^\xc8\xf75\xa8\xd2y\xac\xaa\xd59\x88\x058&lt;\xca\x87\t\xab7"+JEU\xe5\x84,\xaf\xc8\xb1\xfak\xa9\x90w\x91\x97@\xd5\x82zY\xb3\x0b\xcfv\x1a\xb5\xc6^\xdb\xd3\xa6p\xecX\xfb1\xa2"\x13].;\'\x82\x0b\x85\xd4\x8b\x92\x04\xfb2\x19\x8e\xe8\x8a\x1e45\x1d\x8e\x0e\xc9Q\xab\x9f\x97\xe5H$"g\xcb\x93\xe8\xba\xf2=P]\x9d{\xfc\x98\x94*\x95\xdd\xa5DB\x85&gt;\xf8}%\xa8\x10U\xa5"_\xdc\x05\x8c@T\xe8E#Z\\g\x1abX\xfa\xfd\xd0\xec\xb3\xdf\xee[h\x18\xcc\xb5\xb6\x06Q1\xa8\x16\x16\xed|"\x0f2P\x91j\x99\x8c\xdd\xce9x6\xbcZ\\\x19\x87\xc3S_L\x04nD\xa6\xd4\xa0\x92P\x95\xf9|\xf5\xb1677\xa7\xfd\xcdw\xd3\xdd\x1b\x01\xc6rE\x8e\xc9S\t%\xb8\x11$\xc1\xf0Y\'\xa5\xde\xa0\xd2\x87\xc3\x10\x0e^:|m\xd4ik\xcf~\xb2\x0fX\xc0o3\xc3\xc1cDEj\x19k\xb4\x08\xe9r\xe1\x06!C\xb4\xb8\x16\x16\xb3\x11&gt;\xd2\xbcw\xd8=\xcd\x7f\xf4\xdd\x98Rq\xc1\rE\x99\xcc#W\xb0\xef\xf1\x9c\x16\x0f\xc4\xe4\xe5\xe5\x8aR!1\xb3Jp&amp;\x18\x04\x98Z\xd9e\xad\xde\xb2\xd0\xc0Y\xbc\xd4\xf3&amp;\x1a\x10N\xea2\xaa\xd9_\xec\x1b\xdf7\xbe\x80\xa0\x03\xcb\xa8\xe7\x8a\x99htqv\x17m\x8ev(\xc6\xb2/Q\xb60\xbb\xe8\x01X\x0cFpa\x80a\xff\xf24\xbf\xbb\xd1\x9b\x80\x0c\x15%\x98\x88\xdf\xd4\xc2\xf1tU\xbb\xe9\x0fD*\xca\xf2\xb2\xa2\xc8\x91\xb1\xb1\x1b\te\x06X$X\x9d\xc5\x8a\xa0\x0c\x14,\x9eu!\xcaDe\xa5_8w~\xb9\xef\xe0\xf8\xf8\xf8\x0e\xa2.\xb4\x19\x8d\x02K\x96\x9e-\x8a9\xb0p\x03\xb5\x90H\xafW\xe2\xf5b\\\xb0\x91\\`\'\xd1 \xf4\xfaK$\xb8QA\xac\x13\x85x9\x91\xbd51Q\xe8\xcdV\x14\xb9\xb2\xb1\x81\xe4\xc1\xcc\xe0\x0ca\x05\x83\xe4\xa0\x80`\xe9\x0e\xa2\xdf%\x0211*+SK\xb4\xec\xfc\xe1\xe0\xf1\xe3\xe0Z\xa0\x0edX\xed\xedz\xe6!.\x0c\x139],R\x19/\xc1\x0c\xc3\x01$\x11 \xe323\xc1\x006\xe0\x11\xea\x17\x83\x8a\x9cP\xe5H"\x9b\xcd\xf6f\x13\xaa\x8a{\x84JQ"19\x91Ug\xb6g\xa6\x83\xc1i\xcc+\xb2\xe2\x95V\xa2Ds\xd4\xe4lqY\xe8\r\x07\xa8\xa8t,\xa8%\xb4\xc6\x03\xa9Us\r\xdaEIW\xcbbJ&amp;\xc1\x95L2\x9d\xbdL7]/\xa3Q_K\x06\x0cB\xfd\x0bE\xcd\xa9\x95)H\x85%\x02\xfd\x97\xcd\xc6\xa6\xd0}\x89)Y\xc1c\x85\xa9\x85\xd9\xae\xc7\xca`\xd0\x1d\x94\xbc&amp;\xe2q\xb2\xef\x8c\x8d\xc0"n-\xfcn\x9ca\x1d&lt;\x82lA-\x81\rR\xa1\x85egX4\xaf\xbc&amp;:\x1e\xe9\x84L2\xb2\x16\x16bO\x97`\x8b\x89\xc7c\x16\xea\x8bJNQ\x94\\\xa2P\xc0\x9b\xfdD"\x97P\x13\xb9\x1cf\x95B\xff\x9f9\x07\x17\x95\xc5\xa6Yo\xf37\xa8\xf4\xb030+\xa3\xfa\xfc8\x8a\xd4:\xa2gK`\xa7\x0eY\x89W\xba\x80E\xe7\xa1hI&amp;u(\xd6\xbf\xc4\xc5\xbc\xc4\xb4\xc8\x14\xe9\x8f.\xb0\xfc\xe22BsQ\x9d\x07BV\rNO/\xcd\xcf\xabY\x154J.\x17\xc4\xd70\x1f\xf4X\x19_k\xc5\xe1\xdb\x98\x9c\xc9\x96R\xe4 \xdeh,\x1c\xd7\rD\xba&gt;_eX5v\x11\xea\x13\xa1\xdd\xec*\x16I-\xce\x02\x07\x19\x10\x8d\x16\xe2bj\xa1 \x17\xb8\x84\x97\x85\xf9(4\xeb\x17s95\x9b\x03\xd5\xd2\xd2|6;\x95%\xae`\x0e_T\x83\x1b\x90\xca\xd8\xde\x1a\xa2\x18/5\x0e\xbdca\xa3\x81\xc5\xca\xe4\xc5!\xb7\xf5\xec\x08:\xf0 \xfd\xb4M\x14\xb2%\x18\xdb\xc4"3\x05/\x11\x84\x1a\x86\x96]\xc4!\x8d\xe1`z\r\xf5\n\x8bR\x0f\xbd\\\xe8)\x12\xf7\xe5\xbc\xab/\x06\x83\xea4\xab\xa5\x84\x8e\x05\xad\xe8\xf3\x8b\xdd\x86\x91\xad\x00:\x15\xa6(\xcf\x8e\x1c\x93&gt;\xaa0%\x10\xf7\xb5g\xe3\x94+&amp;\x18\xc32\x18\x8dm^\x1ez\x19\xf5\x95\xd1EX\xb4\xd1`U6Q\xa6^:\xc9\xc2\x85LH:W\x91i\xdb~\x8c\x8aB\xd9\xdc\xad,\x81i{{{\x1a\xa9\xef\xcd\x12\xd3\xd2|\xaeB\xa9bs\x87\xa0p\x85\x9a]\xc4\\fG\xf4?\xbb\xb8b\xd5\x06\xa1(\x1a4\x8a\x08\xb5\x1d*\xe6\x03\xe4\xad"\x08\x9d\\2e\xeaX\xf0\x0f\x9a\xd5\xe0\xe0\xf6\xfe\xc1/\xe8\xdeM\xfa\x07Y\xfa\x01\xed \xd4N\x1d\x9a%\x19L\x11\x02\xa5\xe7\xdc\'i\xe9Cqp\xf0x\xee\xb9\xe7\x9e\xe7 \xbf\xb5P\xeb\xe4\xaa\x99\xd4.\xa8\xe2\xd3\x0e]5s]G{Rx\xbb\xb5 -\xa5\x98\xf8\x14d\xb9\x16`\xc6\x86\t\xebZ\xcck\xc2\xc5\x12\x1a\\\\P\xd8\xf2@\xb6\xee\xcb\xaa*\xebm\xd5\x81\xb7\xb7g!tr+\xb6\x08\xbf\x19\x18X\x81\x13\xf0\xeaXj\x7f\n\xc3\xd0\xd40\x17\xd9\xdf\xed\t+]\xbbN\x8bq\x80M\x92\x8a\xb8t\x81\xedR\xab\x16)\rB\x9aP|\xefJ`\xf1XD\x9b\x82\x0c\xcf\x7fae\xfe\xeb8\x80\xac\xbe\xbe\xadV]\x07\x91\xf5\xc3\xc8\x0c\x00T&amp;\xb8C]\x89\xde\xd0\x15\x03\x8e5\x93\x06PAr%%\xccM\x19\xf3\xf8\xf1\xb3m\xbd\x19\xe2\xe6\xfa\xb2\x9d\xdb\xd8\xe4Z\x02K1)x\xb6f\x1d\xd9\xc2\x08\x85\xc8_2\x87\x04\x17\xde\x10\xb15\xf1\xc4U\xb2?\x84\x8d\xcb\xbe\xab\xcb\xd5\xb6\x82\xf6\xbf\x8f\xef\xbc\xe9K\x93\xb3\xcfa\xd5\x98\x0c\x11}\x1a\x87\x9cX\xa8 ;\x903\xa7\x99\xe0\xc5\x0f\x1f\x1a\xb0,h;UL\x06\x162\x8c\xd0%\xdb\xb8D\xc1\xba\xa4\x83\xcd\xd8\x96!\xc4\x89\xedHlMl&gt;\xf2\x1f\xb0\x97\xfa\xa9\xac\xfa\xfe0\x1c\x85\xa9l\n&amp;&gt;Uo\xeb\xa2\x88\x08kZ\x04\xa5v@\xd5\x84\x17\xfc\xfd\xe1Y\xf57_\x80\xf5\x03\xf3r\rxm\x9a\xcb\x8a\x00\x00\x00\x00IEND\xaeB`\x82'</t>
        </is>
      </c>
      <c r="M78" s="3" t="n">
        <v>45492.67653935185</v>
      </c>
    </row>
    <row r="79">
      <c r="A79" t="n">
        <v>242209</v>
      </c>
      <c r="B79" t="n">
        <v>1961</v>
      </c>
      <c r="C79" t="inlineStr">
        <is>
          <t>Antônio Carlos</t>
        </is>
      </c>
      <c r="D79" t="inlineStr">
        <is>
          <t>A. Carlos</t>
        </is>
      </c>
      <c r="E79" t="inlineStr">
        <is>
          <t>ZAG</t>
        </is>
      </c>
      <c r="F79" t="inlineStr">
        <is>
          <t>ZAG</t>
        </is>
      </c>
      <c r="G79" t="inlineStr">
        <is>
          <t>ZAG</t>
        </is>
      </c>
      <c r="H79" t="n">
        <v>191</v>
      </c>
      <c r="I79" t="n">
        <v>25</v>
      </c>
      <c r="J79" s="2" t="n">
        <v>34034</v>
      </c>
      <c r="K79" t="inlineStr">
        <is>
          <t>Right</t>
        </is>
      </c>
      <c r="L7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ceb6d2e8-4baa-4270-a8d8-6094a2bf7d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5\x04Vg\x00\x00\x03\x00PLTE\xff\xff\xff \x1e#\xa5oT\xe0\xa5\x89\xde\xa1\x85\xdb\x9d\x82\xb5y[\xfe\xfd\xfd\xf6\xf5\xfa\x1b\x19\x1f\xd9\x9a~\x17\x16\x1b\x9ckP\xd7\x97z\x90bK\x93eM\xff\xff\xfe\xf5\xf4\xf7\xa0 8\x94+;\xa1mQ\xd4\x94x\xda\x9e\x86\xcd\x82h\xbb\x7f_\xba{]\x97hO$"\'\xc8~g\xb0uX\x8ehU\x8a`J\xabtW\x12\x11\x15\x8a 8\x8cdQ\xdc\xa1\x89\x90"9\xdf\xa5\x8c\xc1\x81b\xaa&lt;F\xa9qV\x97jS\xc9\x88l\xe2\xad\x95\xce\x8dm\x9b0&gt;\xbf{d\xc6\x86f\xbdt]\xd4\x9d\x87\x02lk\xb3BJ\x02ge\xe1\xa8\x8e\xb5xc\xbd\x8e}\xa4jZfME\xd3\x91q\xbaoW\xfa\xf8\xf8\xa9eP\x93WD\xf5\xf2\xf3\xd2\x99\x81)\'-\xa27C\x15==\xc8\x8cs\xc8zb\x85bR\x83O?\xc1\x92\x83\xbc\x86n\xd9\x8dv\x99\\K\xfb\xfb\xfb(cf\xa2bO\xb5\x81f\xce\x8ds\xc5v_zUE\xb4lT\x82[J\xda\xa4\x8c\xa5vY\xad\x1e;\x9fpUH;8\xde\xa9\x93\xb5o]\xaet`\xbb}j\x9ckY\x8cQ?\xa4qd\xc1\x82k\x96aT\xc2\x8au\xadiU\xd1\x91v\xacvg\xabn\\\xb6GO!EH\xbeKO\x9er\\\xcd\x96\x83\xab\x80c\xd7\x86ssRD\xee\xee\xf4}J:\x99\x196\xb3|r\xc7\x94\x7f1-/;tiA{u\xd0zf\xd3\x88n\xcd\x83q%]`1#!\xef\xeb\xee\xa4\x156\x06aa\xaf{]\x95o]\xcd\x91{\xe9\xe7\xef\xc5\x97\x87\x07sp\xbc\x81v\xad\x84p835\xb4\x8bu\xda\xcc\xc8\xab{m\xf2\xe7\xe7\x9deV\xa5zc\xc5pZ\xc6\x8e}\xacuo\xda\x8f~\xf1\xe4\xe0ZE&gt;{ZP\xe7\xe0\xe59=?\x9cxd\xc4PSc;3\xdf\x93y\xf7\xec\xee\xb4*I\xd6\x80kmF8\xe7\xb2\x9d\xc9\x9e\x8a\xe1\x9cy\x97#:\x13CE\x1bhf\xdf\x93\x85PIN\x9ddL\xcf\xb0\x9d\xc8vrsheU:2&lt;j`-MQ3^Q\xd2\xa4\x8e\xd5\xc1\xba\xc9gn\xe3\x9b\x8b\xd5\xd5\xd5\x8aUJ\x92f_\xeb\xac\x8fHAE\xec\xd1\xd2\xef\xdb\xdcG/*\xe2\xdd\xdcYPW\x19ys\x1bUXtC6\xe0\xb3\xb4+np\x9f\x81s\xd1\xca\xd0\xda\x88\x8f&amp;&lt;=\x8d\x81\x83\xa4^I\xa4\xa0\xa4\xc6\x7f{[\x83\x81pSR\xbd\x9e\x8f\xbe\xd3\xd6\x9b\x91\x97\xe6\xc4\xc3\xbaQZ\xe0\xd5\xd9\xec\xac\xa2\xda\x85}\xaf\x92\x85\xc7\xc6\xc9\x90\xb3\xb3x\xa3\xa4-eWa\\dxtz\xc0Wh\xd9\x9f\xaa\xe9\xa2\x82\xe8\xa2\x97\xe6\xd2\xca\xd9\xb8\xc6\xdc\x9c\x95\xb2_fx\x8d\x97\xd1\xdb\xe0\xd2\xb7\xab\x8dtof]X\xc0\xa3\xa0\xb3cN\xdd\xe3\xea\xf0\xb5\x97\xd0nz\xa6\xbe\xc3\xce\x93\xa0\xbe\xb6\xbb\xc0mx\xcb}\x8e\\\x91\x94[qf\xb4\xac\xb1\x91*E\xa2Xb\xbe;[\x989Q\xef\xb8\xae\xbax\x8bMqr\xce\xa4\xb6\x7f*;\xf8\x19\xd3\x13\x00\x00 \x00IDATx\xda\xcc\x99\xdfO\x1a\xf9\x1a\xc6\x0bG\x99\xa0(\x9a\xd8\xa2\xfcR\xc3I\x8cxA\xf5\x862U\xd4I\x04\xd6\x1f\x11\x05\x8fa*X\x8bZ.(e\xc9\x96d%\x9aT{R\x87\xd3`\x1a\x0fhcOB\xba\x17\xc5F.\xbaQ\x0cY%1Y\x12J\xe2\xc6\xa4\xc9z\x817\'\xbd8m\xf6\xca\x1b\xaf\xcf\xf3\x1dl\xf7\x1f\xe8\xd8}\x1c\x86_&amp;\xf3\xc9\xf3&gt;\xdf\xf7\xfb\x8e^\xbb\xf6\x95D\xf1\xea\xfb~\x04\xe7k\x7f\x15Q#KK\x1b\x87\xf9\xd3\xfc\xc6\xc6R\xcf_\x85\x8b\xea\xe9\xdb;99+\xe5r;ggg\xc5\xfc\x12\xd0\xbe%\x0e.N\xd5/m\xe4/\x8a\x85T6\x1cf\x18.\x95KeKg\x85\x8b\x8d\xfa\xfa\x11\xea\x9ba\x8d|\x7fJ\\b\xb9\xb0J\xa5\x922\x8c\x8a\xcb\xe6R\x9b\xdcf\xea\xacx\x9e\xaf\xa7\xa8\xbao\x01U\xbf\x94?\x01\x04\xc3HER\x1c\xd5*F\xa4b\x98p\x98\xe3\xb2)\xd4\xb3\xb8\xf4-R6\x92?)\x948F%\x95J\xab\x89Z\xa5"\x9e\x0e? \xcb\xa667\x0b{\xf5\xd4\x15;E\xd5\xe7wP:\x90\xf0H\xd5x\xe2\xf1\xa4\xad8\xa1\xa0*\x8eU\x85K\xe7W\xbb,)j\xe9\xa2\x14f@%"6\x11\x12iu\x19\xb1\x15\\\xbcm\xe1\xb0\x88\xf9t\xfe\xe4\xea\x16%\xa0N\x0b\xa9\xb0\x88TM\x04\xa7\xf8XI\xa5*\x15h`\x1b\x90\xc8+\x15\x96A8u\x92\xbf\xb2B\xc2\xaa\x1c\x87B\xe1\xf2R\xb8T\r\xd3\x18\xa6\x15\x0bQD&gt;$\xb0\x08\xbfH\x15\xc6\x89\xc9\x9e\xed]\x95_}\x179\x86\xd4\x89\xd4\x90`\xc1)F\xc4c1a\x1e\xab\x9a\xf4\n,J|\xcfe\x8bOz\xae\x02\xaa\xeeI1\xc7\xf0Ld\x15\x92p1\xd2V\x91\xa8\x15AG-I\xea\xa5x\x8f\xa6\x01\xef\xc0\x16.\xe57F\xae\xa2\x82\')NE\xae\xc9\xf0\xcd\x01K\x0f\xf9"Ox j|\xf2\xc1H\xbe\x12\xf1\\\'{}\x82\x97\x91\x1a9\xcd!\xcb$M*R@i\xeb\x97\xe6 %\xab\xb0\x95\xac\xcb\xd6\xd6V\x11\xe9\x1beKs\xa7K\xd4\x15\x98\xc5a\xf3c\xf8\n\x82\tB\xb9\x16\x89\x88K\xad&lt;Y\xf9L\xba\x99\x14\xbf\xc7\x9d\x1c\x8e\x08\xde\x1bNK\x1c\xe1B\x0f(C\x88\x16\x0f\xd2\xe9\xad\xe4\xd6V:}p\xb0X\xe6+\x93\x11bb\x98\xaat*t\xe8\xa9\x9e\x93MP\xa9\xe0\x15\xb9v5\x98\x92\xa1\x90\x8d(tt\x94$x\x84oqQ\xfa\x19\x0c\xa6n\x16{\x846\xeb}\x89\xe1\xf7\x1c\xe2\x08\xa0\xb6B\xb6\xbb\x9fe\x0bA6\x87-D\xac\x83s\x975\xad\x96\x86\x0b}Bc]d1"`\xa3QU\x13\xa8#\x02\xd5\xfbYx-\x9f\x8cF\x03~\x9d#\x99\x04Y\x19\x0c\xed\xf6\xec\x89\xd0\xeb\xf0\x84C\x01\xd1\x05\x16y\xa7l\x04j\xf8Rx!\xb6\xdfz\xf5\xf6\xcd\xdb\xdf\xa2/\xb4VG2]^\x05\xd5\xd2\xdc\x1e%p+=c\xc8\xfa#9O\x96\x9d"@\xa3\x972k&lt;\xcf\x81E\x042k\x90\x84\x8c\xec\xda\xd9\xf3\x1e\x81\x9bV\x8a4$P%C\xb6\xde/L\xe6\xb2\xe6\x9cS\xc6\xc1\xe7\x8f\x08\xd8\xff\xde\xbcy\xb5\xba\x9c\x88\xb3l\x18b/\x04\xc5\xaa\xab/r$W\xa0\xb2e\xfe\xf4\xc9&lt;7\xe7t:\xf1\xd0tw6\xdd\x1b\x9c}Tv\xec\xb7\xe8\xda\x0b+\xcd\xb2\x1c\xcb\x16\x05\xed\xf3\xd4\xde\x0ejH\xbc\xb2\x95\x13Uf\x9a\x9b\x9a\xea\x9e\xea\xeevvC\x92\xa6&amp;\x03\x01\x83\xfe\x19\r\xacF_8\xe2\\\x98-\x1d\n\x88U\xd7\x87\xc0\x83\x8aMf\xbc\xde\xd1/FMMu\xf2"Px\xc0\xb8\xa6\xc6\xc1\xd9[\xb7\xa2\xab\x81@t\xd5\x9f`1B\x17\x05\x9cn\xa8\xbd\x14\xe6&gt;\x15\xebh\xf6zc\xa3\xa3\xa69\xde(\x1ej||\xfc\x92\xcc\xe9\xe4\x0b\xda\xe26&gt;\x9e\x9c\\[\x8d\xae\xe9i\xd8\xb5s(\xdc\xf4&lt;rB&amp;\x19.\x18\x8byc\xb1\x98\xf9\x92i\x9cH\xadV[\x08Z7\x0f67g6\x8f64\xb8\\\xfe@tM\xd9\x1c\xe7\xd8TQ\xb8!u#G\x82E{M\xa6X\x0c^9\x89O\xe3\x16\xb5BM\xa0pX\xca\\\xc4-\xf3\xe8\xf6\xf6\xb6L6\xbd\xb6\xea\x97\xeb&amp;\xc0\xb5\xb3\'\x94]uE\xcc\x9e"vb\x1aX\xa3&amp;\xdfg(E$\xa2\xe6\xd1\x14\n8\xd6y\xe9\x16\xc1\x02\x97\xcb\xaf\xafm\x9e\xc0r\xcc^\x08\x94.ji\x87$+\xae3\x11\xb7\xcc\xa4~j\xf5g\xab\x14\n\xc5\x82\x82\xe7"f\xa1\x875l74\xc8\x1ad\xd3\xd3\x04+\xc8\xb2lA\x98\xa1\x8b\xa2\xf2Yr;Cjh2\xcd\xf9H\xae\xd4j\x03\xa0\x0c\x16\x82\xb5\x00\xf1v\xf1f5\x98\xc5\xe2\x06q\x83L&amp;\xe3\xb1\xe2lvgC\x98*R\xe7\x1c\x86:6\x81\x1a\xfa|n@\x19\xa0N\xc2D\xbc\x8a(\x88Y\n5_E\x98%ni\x17\x8b\t\x17\xb0\x9a\x1d\xe8\xf6;\xef\x05\xc1\xa2z\x8a\x98\xfd\xc2q\x12-\x9f\x1bf\x19y*&gt;\xec\n^jBH\xfa\x84\xc4\xe9looo!`\r.\x99\x9c\x84+\xce\xe6N\x05\xf9\x13\x0e\xd5W\xc0\xfd\x02G\xebb0k\xaaLe\xb0\x90d]R),\xe3\x16\x08UD[uj4\x92\xc7-\xe2I\xf8%\x97\xd7\x02+\x1e?\x17$\xf3#OvT*\x8e\rj\xe1\xd6\x94d\xaa\x93O\xd5\x9fL\x08\xd6\x8f|\xc6\xd4\xe5\xbe\xaa\x91H\x1e?ni\x99t\xc9\x94Jys\x10\\\xc2\xec\x8b\xd4aI\x15f\xe3\xc7\xdai\xb1\x86l|\xe5\x9e\x10\x01O$\xb2\xb0\xf0\x10\x07\x9e#\x91\x08&gt;R\x13,\xa7\xa6\xa5\x1dT\xc0\xd2\xebu\x0eTQ\x98\x11\x95:\xcc1\x1cK\'\xb4.\r\xa0\x0c\xea\x9bjE\x07x\x00\xf4\xf0\xe1\xd0\xfa:N\x0f\x87\x86\xd6\x87\x86\x16\xc6\xc6\xd0\xc7\x0cM\x12\r\xa25\t.\xbd^/o\x06WaI\x98)&gt;\xc7\xb0\xf1\xa0\xd5D\xa8\xda\x0cm\xea\x9b\x1d\x1dc\xf3\xeb\xeb\xeb\xf3\x80z\xfd\x1a@&lt;\xd7\xfa\xd0\xfcX$\xd2\xd1q\xcfct\xb7\xb4O\x82KO\xb8\x90\xae3A:\x04\xf6\xe90\xcc\xda\xe7\xa3\xdeI\xfcRGV\xba&gt;\xdc\xf9\xf0\xe1\xc6\x8d\xd7\xbb\xbb\xaf\x01\x08\xac\xeb\xa0\x03\x16\x81r\xfb\xa1i\xb4y9\xb8t\xc1\xb8 \xbb5\xbai\x8a\x8b\xd3V\x7f\x93\xa1\xd1`\x80aF\xa3g\xf6\xc1\x83\xae\xae\x07\xcfq\xde\xfd\xfb\xeen\xd5:q\x0c`\x11\x8f{\xda\x1a\xa4\x83\x10M\x07\xadZ\x84K\xa9\x9c\xa0?\xed\t\x82u\x9a"\x81\xf7\xc1\xab6\xa3\xd1\xe8\x9e\xde/kf\xe6\xfe\xd3\xd9\x15\xf8\xb5\xfb\x92P\r\xbd\\P\xbbc\x13t:\x8d\r\x87=`\xd3\xf1\xa0\x0eET\xea\x04\xc2\xc2\x18\x9f\xa5\x8f\xb5n\xc4\xcac\x9c\xf1&amp;\x12\xc7\xc74\x96=\xd6\xc0\xfe\xfd\x1f\x9e\x0eT\xeeV\xf0X\xb7\x87\x16,\xbeZ4\x04\x96M\xa7\xd3q\x1a\x02\x97\\\xaf\x15\xce\xad,\x9d\x98nj3\x18\x8c3\x134}\x0c\xf1\'\xabu\xe6i\x19\xeb%\xc0n\xdf^0\x98\x9a\x1d\xa4|\t\xed\xf2\x1a\xa4\r:\xb4z\xe1\xb0\xf2\xb9\xf8\xb1\xd5\xddh\xf04\xfa\x12t\xe2\xe3\xef\xd0\xaf\xbf\xbeX^^~\xf1lvp\xa0\xaa\xa2\xa2\xf2e\xcdm\xb2_\x1b|z\xb9N;\xedw\x1b\xedv\x1c\x01\xed\x84N\xef\x17\x10\x0b54z&lt;\x1e\xa3\x8e\xde\x8f\xbe\xea\xfa\xc7\x9d;w\xde\xbe\xfd\xee\xbb\xefn=\x1f\x18\xb8^I\xb0\x86\x160\xde\xb4IZ\xd0\x17\xc0\x84\x04J$v\xe3c\xbf^\xef\x17\x0ek\xef\x13}\xbc\x0f\xacF\xb7u\xf9VW%t\xe3F\xe5\x8d\xae\xfe\xfe\xfe\x95\x95\xf9\xca\x8a\xca\xca\x9fjnc\x17\xba\xd9\xa4\xc1\xe8 n1\xde34\xa2\xa7bgt\xe9]\x93\x93z\x81\xb0\xae\x01\x0b]\xcbc\xf7\x18\x7f\x98\xed\xef\xaf\xa9\xa9\xaa\xac\xaa\xaa\xaa\x99\x1f\xeb\xe8\xe8\x18\x98\xaf\xaa v\r\x81\xaaM"\xde\xde\x1e\xee\xdd\xf6\xb9\xdd\xbe\xf6v\x8d\xa4\xc5%\x03\xd6\xda\xb20X\xd7\xa8\xf7;\xc0r\xdb\xed\x9e\xc1\xc1\xe7\xfd\xfdU5\x80Z\x19\xf0\xb81\x10v\x1a:H\x11\xffV\xb9`\xb1\xb45\xb6\x0f\xdbl\xa1L\xcc\x14\xab\xcdd\x9a\xe5.l\xd62\xd7Z`9.\xcc\xc0E\x1d\x02K\xeb&amp;]\xf4\xd1\xa3\x15\xb8U36\xeb\x99\xf1fl\xb8\x935O\x19j*^\xd6\x0cYpW\xad\x91\x87\x8eB^o\xe6\x98N\x1f\xa4\x93\x13\x13\xcdJ\xa5\xcc\x15\x08\xf8ia\xee\xc9\x08\xd6\xb1\xf6\xbe\xd1&gt;\xb8\xd2\xd5\xbfr\xfd\xfa\xc0\xac}f?\x91\xdc\xda:\ne\x86G\xcd\xea*\xe4\xbd\xdbl\x9e\xdb\xb6\x81*s\x9cK\xe5D\x8b\xd9x:\xe9hV\xca&amp;\t\xd6\xc7\r\xea\xebO\\u\x04\x8b\xb6\xde\xb7\x0f\x0e\xf4#\xe6+\x1e\xfb\x8c\x95M\x95\x16\x17\xd3[[\xa1\xde\xd1\xd192\x9ev\xbf\x1b\x1e\xee\r\x1del\xc9Ba\x93\x13\x85K\x1f\xe3\x07[\xb6Z\x998\x10X\x0b\x16\x0e\xff\xfb\xf3/_{B\xa5F6&gt;\x02\xcb\r\xb3\xfa\xaf\x0f\x0c\xbaM\x99\xe3Bj3\xbb\xb8H\'\x8el\xc3\xa3\xef\xdeuZ\xd4\x96\xee?z\xef\xde=:\xb2\x1d\xd9\xf6\xf7Q\xc3\x03:\x91L\xa7\x93\xb6Z\xd7d`\xcd\xb1\xf3{t\xf5\xd5\x7f\xbe.V\xcf\xe1\xcf\xff*\xd0t\x02X\xb3\x83\xb3F\x93\xd7\x96t\xec\'h:\xbdud\xcbxM&gt;\xf3\xbb\xeeq\xcb\x8f\xdd\x7f\xbc\xbbk\x03Vm\xcc\x8bt\xd9B!\xdb\x84#\x99\x0cM(Q\xc5DP\xa7l\xb0\xff\xfb\xab\xfe\xe7\x93\xfa\xe5\x96iFK\xc7\xad\xf7=\x83v\xfb=_\xcc[\xab4\x99f\x9e=\x8b\r\xf7\xf6\xfe\x9fw\xb3\x89I\xb3\xcb\xe2\xf8\x04\xa9d\x0c\x15\x16\xf8\x19\x15\x12\xcc\x18\xc1\x86\x8f\x05\x0f\xbcR\x90\x05\x08h\xc3\x87\n!\x15\xf0A\x10\x16 \x86\xc8\x02I\x17J\x0c\x8d\x80\x822&amp;\x06\r\xd3\xba J\xde\x85\x1f\xb1D\xdb\x85\xcd\xc4\x84\x9041\x95\xee\xfa\xa2\xd1\xc4\xa6\xc6\xa6\xd3\xd94q\x16s.\x9d\xd9\xcc\xfaa\x0e!$\xb0\xf9\xe5\x7f\xce=\xf7\xfc\xef}\x18\xd6\xb9\xc6e2c(\xa4J\x8e\xca\x86\xd5P\xf1\xd5S&amp;\x9d\x0e\xfc\x0f\x95\xc6DU\x0fX\x833\xeaFF\xfd\x15\xa1e\xff\xec\x8a\x8b\xc9vF\xfe\xba\xee\xb69\xb4\\\x87Gb\xedQ*P#u\xb8 m\xc3\xc5bQ:\xe7\xcf\xaa\x92U\xb9\xd0\xd1\xaez\x02\xc8t2\x1d\xad\xb1\x11\x16"$q\xbak\x86\xd9N\xea\xdc\'\x18\x8b\xdc\xc4\x936\xfe\xb6\xeevp\x95J\x07\xf2=|eS\x93\x81\xe7Bb\xc9dww\xaa\xa1\xa1l\xc8\x08r\xc9\xd5\x13r\xf9\x84z\x02\xb8@2\xf0\xd6\xa4\xde\xf9\xf9\xf9i\xfd\xc2X;\x95\xd4\xbbKd\xcd\xd3)W\x05\x91\x81\xef\x99Y\xd7;\x94JnO\xdb8\n\x016\xeeB\'\x93\xa3\xd2d2\xe9\xdf\xfc/\x16\xa8\xa7\xd3\rW\x0f0u\xb2^d4\xe6\xf5\xb0a{\x07-$\x92N&lt;@\'\xb0\xb8\x9e\x9e\xf7\x89\xa6\x0c\x0e6`\xc1^\xe3\xe8AC3\x0f|\xd78x\xe8\xa4\n\xaa*\xb4\xb9\xe9\x0f\x19\x8dFi\x11\xb0\xe4\xe80\x15zEQ\'suB\xcc\xeb\x01l\x85c!Iv\xf04\x81Y\xa4\x0f\xbc\x12\x91\xfb\x9b\x0c\xf6A-\x97\xcf}\xf2\xe4\t7\xcc\xed\x10HA\'\x04\x95\xcdfC\xd9\xcd!U2i4\xaaF\x11\xd6\x8e\xacz\x96T\x04\xae\xce\xb6\x9eV\x08\xc0\xb2\xecPI\xf2\xe1\x18\x91X[\xcf\x0f\x1b\xfa\xfb\r\xee7Z\xae\xf2I\x7f?L\xa1s-I\x14\xc6\x90\xdf_\xf6\x03\xd6P6\x89dkQA\x16\x01\xabz\xfc\x06\x9a\x8d\xb6\xf1\xf9=\xad\xf5U,\x06\x831!\'\x12\x8b\x92h^\x1bj\x99{\xa2\xc7\xb5Je\x7f\xff\xe3m\x98C\xfd\xa1P(\x0bPkk\xe5\xf2\xd0\x1c\x08\x86T\x83\x0f\xe9\xce\x84Z\xae\x13\x18\x8dI\x90S\n\xbb8\xbf\xb5\xb5\x1e\x928mf\xb0H\xeaI"\xf7kJ:W\xf6\xcfmO\xe9\xdd\x80\xd5\xb4\xbd]\xc5\xcaf\xc1\xb6\xe6r\xf0KvN%5f\xfd\xe5\xb2\xdf\xef\xcf\x1aG\xe5\x81\xc0\x84\x0c\xf2\tdF#\x8f\xdf\x03j\xf5\xce\xeb\xa7\xa7\xa9;\x8c\t&lt;Ad\x87H\x83k\xae+\x18\xf4q\xad\xd2\x00Z\xfd\x02\xdb\x04\xbbsy\x98\x83\x14&amp;\xef\xee\x8cC\x87\x97\x97\xb9\xb5\xb2?$\xd0\xa1\xdb\x9fj{E\x92\txP\\,3`\x99\xe1\xfbO\x84\xee\xd6[\xdd\xa1\xb5B\xa5I\x0bXS\x8f\x01\xaa\xb2]\xa9\x00\x06@\x95!{\xd0\x18T\xfe\xc3\xcb\x87\x87\xcb\\\xce\xef\x0f[u.h\xb2U.t\x9a*\x00\xacyPk\x85%W7\xde\x12)\x16\xfd\xe9{\xd5Pe\xfb\xb1\x13v\xc4H\x03PA\\^\\\\\xe6\xfc!(\xfb\xb0\xdf\xbf\xb9yx\xf1\xf0pq\x98\xcb\r\r)m\x18\xc6s\x05\x02w\xaa*\x97\xa0\xad\xb5Z\\+f\x16\xed\xd4K\xec\xccE9\x0eC\xbfl\x88T\xb1\xc8\x95J\xa1P\x00\xaa\xcd,\xec6\xd2\x90\x7f\r\x10\x81\n\x89\x95\xdb\x0c\xf3\x86\xd5\xf2\xf1q\xf5\xe9\x84\x00\x96D\x0b\xcc\xab=\xff\xc1"\xa9O\x97\x88\x9d \xe8[{\xe1l\x96\xac\xd0j\x9d\xa9\x06r]\xe1\xfe\xfe\xfe\xe2\x02\xa8\xee\x8aw*\x7f9wqi\xf3\xcc\n/@\xad\xc35^\xe0\xc5\x8b\xcc\xb0k\xe24 \xeb@\xa7\xbc-\xb0\x14\xeb\xe7\xe7_\xae\x98i\x01\xe6.\xc1\x83 \xe5&lt;\x9cL\x92\x1b\x10\x96\xa2JU\xb8\xa8\xcc%\x8brYG\x18Z\xc4\xda(\x0c\r\xb8\x0fJ\xed\xd0\xb0\x93y\x9b9=\x82A"P\xec\xf0\xcf\xfd\xc2\x9a\xefDX\x8dfq\xec\x19\x9dP\xb5\xe8\t\xa1\xb4h +\xb5N\xa7\xa2\xae\x0f\xa8\n\x85M\x15P\x85\xc3\x80U\xceK$\xb6h\xc9w\x9d[[\xb3\x81\xa3\x9e\t\x8c\x8c\xa9\xd5\x13:\x9ea\xaeE\x85\xb0:Y\x08\xcb\xac\x0f^\x11\x8b\x85\x8a^9^\xdf\x1c\x01\xb9\x14u"\x84U\x99\x1b\x95\xeb\x1c\x80U*\x95\xa2\xb3\xd1h4%\xbc\x16F\xc2\x12\x98\xafFfFFF\xd4G;\x18:~\xe6\xf3\xf9\xad,\x16\xb4\x07s+\x9fp,\n\xfd\xdc\x17iS\xa0\xe2R\x88D\xf7\x85Je\xbb\xe3N\xee\x01\x8f\rL\xb3\xab\xb3\x10\xd1R)\x15\xb1-\x8f\x01\x12\x086226i\xc7:ZZT|d\xb3\x01\xcb\xc2j\x05,\xa2M\xf5\xf1kS\x03\xb9\x19\xb0|\x7f\x81\x0cB?\x15\xc8\'\xdd\xee80\xb9W!\xe0S\xb2\xec\xb1J&amp;\x99@\xb5&gt;\x03`\xeb\xecI{\x1b\xac\xc3\x9e\xd6N\xb3y~\xdaL%\xd5;\x89V\x0b\xf6\x9f=Q\xa1@\x86A\xdeg\x12\xd5U\xb6\xb7\xfb\x8bj\x18\x9aQ \xa8(PMN./Kp{\xe3\xd8\xd8\xd8:\xe4q\x9d\xfdfRb4\xf6\xf4\xb4\xb1H\xa0\x16\x1a \xf4\xfbD\xaf\xc4?m\xdd\xf6\xdd\x17\xea\x94Zm\xb0\xb9\x0ea\xb5\xa8\xd9\xf1\xf8\xcb\xa5\xd9\x97\x90\xbe\xa83U\x8a\x8e\xbb\xaa\xb3\xe1\xb8\x0c\xec\x05{pl}\x90\xfd\xe6\r\xbb\r\xa2\x9e\xc40\xafL\xc3\x94J\xd2_\x11m\xc8\xe8\x03\xefE\x85:rD\xeb\x0c6\x93\xc9\x90Ci`!\x1e_\xd2\x04\x83\xa9\x94"\x07K\xb0\x1c\xce\xe7\xf3\xa1\x83dR\xea\xf2x$\xf6.\xf6`\xd7\xc2\xc2\xa0\xa7\xad\x1ea\x81\xdb7w\xb6jo\x07\x08\xce!Z\x8a\xcdu\xa2B\xb3v)(\xec\x06\xac\xed\xd1\x00\xee\xd6\x06\xf7L\xcf\xbb\xafag\x84\x05\x89\xa8&gt;\xdf\xdd\xdd\x15e\xc0\xe5\xf1r\xd8\x0b+\xde.K[g}\'\x83a\x9e^\xda\xdd\xdb\xbd"\xdeUS(\'}\xa2W\xf7}N\xc02\x91\x1f\x917\x05j\xdcj\x97D}&gt;\xc8_\xde\x96GQ\xca\x8f\xdf\xb8\\\x12\x1ddq\x18\x12i\x8f\xbb\xed\x16\xe8Y,\x068\x9f\xdd\x81g5\xb9\xf3\xa1?=yx\xb8\x7f\xf5z)%4u\x93\x1f5\xb4\xc8%\xd6\xc6\xbf\x9df\xc0\xbf\xfeL\x9d]\x9f\x9d\x9d}\x7f\x7f]\x8a\x8a\xa3x\x1c\x8f\xbf\td2\x99\x19\xdcm\xe9me\x91HT\x86e\x1a\x9c\x18\xbd&amp;Xt\xfa@:\x9d\xd8\x17\x8b\x15&amp;Sw\xf3\xa3\xc7\xaeI\xcczt\xfa\xf6\xc5o_\xbe\x9e\x9f\x9f\x9c\x1f\x1f\x1f\'N\xde\x9f\x7f\x8c\xed\xee\xdf\xde~\xf8\xf2\xf6\xcf/2\x12\x8c\xd4[\xdf\xcb@w\xb0/c5\xbb\x13\xa6\xd3)\x14J\xfa\xc3\x92\x0f\xb0\xc8d2\x7f\xd8\x1d\xc5$G\x99/\xff\xf8\x98H\xa3Wz+q\x92H\xa4\xaf\xde\xc5b\xfb\x9f~\x7f\x91\x19\xc11\x0f\xab\x13\xdd)Z,K\xb5\xbb\xd9\xa7\x83_\xa4\x0f\xec\xa2\xe2\xfa%\x17\x1eu:\xb0\x9f?\xbf\xc6\xde\x01\xd4V:\xb1\x05p\x80\x15\xdb\xffz\xfb\xf7L\xe6\x88\xed\xc60\x8c\xc5\xa0"[\xfd)]\xd3\xc7u)\x94\x98\x18\x8a\xcbd\x82.\xe1\x90\xcc:\x95\xbe\xfc\xcd\xcf\x7f}\xbd=\xdf?9&gt;9\xb9\xba:&gt;&gt;\xff\xb0\xba:\x8c\x1f\x05\x8e`\xef\xc1\xf4\xb6^j{;\xc3b\xf9@xk\xf8\x1f\xac\xf4\xa2\xd8\x07\\\xcd\xdduM\x1e\xab3"\x14\x96nnn~\xe4\x7f|\xff\xfe\xc7\x1f\xf0\xfe^\xba\xf9\t\x01\x8bq\x19\xb7\xb9\xddz\x12\x95\xd6N\xa5zwk\xfcL,dQ\xecS\x00\x97\xb0\xbb\x81\x87\xb0\xae\xaf\xcb\xa5\xfc\xb7\x83\x83\x83\xcf\x07?\xe0u\xf0\xf9\xe6\xc6u\xe3\xc1%v\xbb\x1b\xb0\xac\x8cv\x1a\x15\xb0nk\xfcP?\xe5\xe9\xbe8\x88\xb0\x14B\xb2\x01\xc3\x14B\xe1\xf3&gt;\xd4\x1d\xce\xce\xfe\xf9\r\xc1A\xdc\x8cCM\xb9-vw\x1c\xc7-T\x1a`q6\xf6k\x8d\xf5,\xa6\t*|B\xa1P\xd1\xdd\xe0\xc0"\xa0\xdc\xf3W\x17\x97U\xb2o\xdf\xf2\x07\xf9\x83\xa4\x80gs\xe8\xcd\x1c\xe8\xa6\xb8\xb7\x9d\xd6H\xe3\xb4\xd7\x1e\x8bNy\x07\xc5\x85n\xec\x90\\6e\xc4\'\xec\x06.\x00\x03\x93X\xed\xf5y\x9e\xc3f\xc3\xcc\x1c\xaf\x1b\xc7\xbd4f#\xad\x9d\xb6\xb0\x11\xab\xf5?3\xa0s\x89\x83\xbe\xa0\x0f\xa1)\xb8\xcaH\x042\xda\xf7\xaa\xef\xb9\xc9\x97\x8a\xc2Dh\x9b\xb5Emz\xccj\xe1x\xbdv\xaf\x97\xc3d\xb2\x1b\xd9\xff\x07,z\xa2\x8aU\xe5RL\x19\x0c\xca\x88\x02\xdd\xfe\\\x0bShL]\x9d\x8d\xcf\x82O\xb4\xf6r8v\x8e\xddl\xa7\x01\x16\xbb\x0b\xb0j\xfd/\x03J\xe2\xb5X\xb3\x18D\x82\x05\x15M\x80\x15V\x02\x97I\xa8\x00,4\xa6\xae\xc2\xf2\xb3Z{\xedv\x0e\xc7b\xe60\xc7\x00ka\x03\xb0\xe85VkkO\xac\xd1,j\x82\x80\x16\xac\xca\xe5T*\xd0\x8d\xd4/,\x1c\xa80k\'\xa9\x9d\xc3\xa1!,\xe6 \x13\xe6\xae\x8d\xabZcQ\x06v\x9d \xd7\xa2F\x03\x03`D\x11\x99R:\x1c\xdc\xa9\xa9H\xa4\x84\xb0p\x08\x10\xcbC\xa2rhl\x8e\xa5\x1d\xa8\x06\x17\x16\xba6&gt;\xd6\x1c\xeb\xe9\xad\xd3\tr-\x065\x1aM\xca\x17\x89(\x1d\xe8\xe1\x11X}\x90&gt;\x1c\xb7/\xc3@\x0fa\xe7@M\xc1\x88\xca\x84!\xb5\xabk\xe3]\xcd\x93\x88\xb0P\x1a\x17\xab7\x9c)\x84\xc5s\xf00\x9b\xad\x9aC\xfb\xbfy9\xff\x90(\xf3&lt;\x8e\x87:3\x0f\x833\xe3\xa03\x8c\x826\xe88\x8e?f\x12\x1b\xa6Y\xba\x81\x89ap\x13\xe6h82"L\x9aD\x9d\x1b\x8b\x06Z\xf4\x8fcXm*qr\xa5CN\x0c\x94+\xe2\xa06\xdaM\xd9[P\xba`\xb0\x88\x8a\xcaq\xb3\xe4P8\xb7\xac$\xac\xb4\xab\xb5\xdb\xda{\x7f&gt;\xdf\xc7b\xf7\x8e\xbb\xdb\xbd\xf4\xe3L\xa3\x88\xf6\x9a\xf7\xe7\xfd}\x7f\xbf\xcf\xf3|\x1f\xe9J\x01\xd0\xe8\x02lQQQuu\x01J7\xd6\xbb\xda;\xe6\xb3\x02\x0f\xfd\xfe\xe3[\x89\xeb\xf0V\xb7\xdb}\xbc\xa1\xa1!\x14\x82X8\x82=\xfa\xfb&amp;\xcc:{u{I+0\xd1\x03P\x84\xb5\xcab\xad[\x17\x18\xf2\xfb\xfd\xd4\xc1S\xa7\x04\xd7q\x90!\xb3\xdcn$\xc4A\xe8U\xbfwoYAY\x01S\x91VEE\xba\xce\xee\xd5\xc7\x1a\'\xac\xc3$\x17s\x91\xcd&gt;9\x0e\xbe\xad\x07\x9bp\x14\xdb\x04\xae2\xa2)\xa8F\x07\xabI5\xadn2\xb6\xeaX\xaa\x84\xdf\x1f&lt;\xb4\xef\xf0J\x1f\xb7\xd2\x86\\\xfa\nX8\xcc&gt;\xb6\xa7\xbe\xa3@`\x01\x8c\xa80\xffL\x0e\xac\x01VCy\x10S\x0eH\xa0\x107\xf3\x14\xe3\x11\xd61\xcc\xcf2V5\x17Qiu\xab\xbc\nd\xcf\'\x1a\xfc\xc1-X\xd1\x9c"g\xb9\'\xdd7\t\x8b&gt;e\xac=\x1dl\'\x8c\xc1\xed\x7f\xd8\xbe\x1dTk\x84\xb5.\xd1\xe5\x0f\x1a0A_\x00WW\x97\xbb\xcb-\xaa\xab\xf3XOO\x0f\xa8\x8aH%0\xbd\xa3Z#\xac\xceP\xb0\xd1`4\n\xae\xceN&lt;\xa8\x8e\xf5\xf4\xb7t \xd1\x81T]Mg\x93\xb6c&gt;\x04\x15\xa95\xbffX\nc\xd5\x85\x0b\xa7\xf6}\xe2\x06\x10Z\xd7\xdf\xdf\xdf\xd1\xc1\x8e\xdaNg\xb8\xe8\xc4\x1bS\xad_\xbb&amp;\x8emk4h\xd4\x8a-U\x17j\xab\xaa\x08lE(xj\xbd\xa0:@Z\xc9PZm\xd1\xda`\x1dk4\x18\xb6\xa8a\xfb\x0b\xa8\xaa-\x00\xebiy\x0fu\x80O\x9e\xcaP\x8c\xa5]\x03,Ub\xac\xa7\x1c\\j5F\xa3\x00\xdbw\xbc\xa1\xa6\xa9\xfe\xcf\xbf9\xf0GQ\x07\x04\x95\xcc\x84Z\x83\xdc\n$\xc6\xfaCAtQmD\x11\x1a:\xb9o\x9f\x7fw\xf3g\xda\xf5\x1f\x7fL7 q\x03\xd9\xebZ\x9d\x8eF\xe2Z\xa4\xfc\xd0\xd8\xa3\x1ax^\xad0Z,\xb5\xb4#\xa9\xaa\xd6\x08\xb4C\xa1MX\x95\xe6\x9c\x01\xc6\x8a\xa9tyy:V\xabk\xf5\xb1\x02\xc0\xea246j\x8c\x16#\x0e\xae\x01\x84c\xffZK\xad\xd1P\x1e\n\x99\x94tt\xcf(:\x14\xb0\xa8\x8a:\xbb\xd7\xad\x01V\xe7!\x83\xc1\xa0Q@,\xe0\x88\xdae\xb5(\x0c\xc1\xf2\x12S&gt;-L\xb5\x8c\x94w\x06\x1fy8 \xd3\xae\x01\x96g\xa8+\x08(\xf2\x96\xc5j\xb5\x12\x12\x95\xd5j1j\xc0\xa54\xa7e\xe61T^&amp;m\xe4\xcf\xa4&gt;\xf6\xf7\xae\xfa}\xf2\x9e\x87\xfeF\r\xe5\x96\x02\xe6\xaa\x05\x18\x98*v\xedr\xb9\\V\xa3\xc6^\t\xac\x9d\x99e\x82*--\'\x87\x18\xb5\xfd\x17q\x9c\x98E\xe7\xa2Vq-\xefG&lt;\x00\xcb\x08\xcb[,\xd6]\x15\x15\x15$\x17^\\\xea`I&gt;P\xe8\x9c\x16\xa0Ji\xc3&lt;cu\xcc\'.\xd2_cX%,\x95*\x10\x88\x9d\xf5\x07e,p\x19-2\x96\xd5\x85WEyn&gt;\xdf\xec\x00\xa1\xd2J\xcd\xfc)\x8d\x80\xb2\xb1\xc9\xc9\xf9\xe7\x89&gt;\xefj\x1c\\\xab&lt;\xd1x\xdf\xe5y\xb7\x9f\xe6\x1e\r\xabe\xb5X\\\xdcC\xab\xc5\xear\xa5\x1bJ\x94\xf9f3T*\x15\xb7\x17\x94\x8a.j\xf3\xfa\xc7\xc6\xc6\xae^\xbd\xfd2\xe1\xfd\xe0\x87\xd7*\xfd\xc4\xf3\xe7\xd7\x1e\xf5\xd70\x96\x9a{\x08k\xb9\\\xd0kW\xad\x85"\xa22\x97v\x890\x99\xd9\xcc\xaf\xdcE\xad\xae\xa5\xbf\xa7s\xec\xd1\xa3G\xb7/\x7fh\xc1T\xd2\xe5\xdbW\x1f\x15\x14\xec!,J\xf8*\x04\x97\xd1\x92ne\xac]4\x10\xcbs\x95Je\xbe\x92\x14\x03\x94\x12\\$\x17\x9fLji\xe9\xd9\xdf\xd9_}\xeev\x9f\xd7\xf3!\xc1T\x81\xf8\xed\xaf\xbf.*\xaao\xe2\x887r\xc1[\x19d\xfa\x93\x15\x9c\x0f\xe5\x1brM c\xc5\x94Dhf\xcfS^\xd4\xd7\xd7\xb7\xec\xef\xea,8w\xd7\xeb\xd5\xeb=\xdd\xbd4\x00\xfe\x9f\x11\xc0\xe7\xbd\x03\x01I\x9a\x18\xc3\x91\xe9^\xc2\xe2x\x10\xe3\xd0\x02,\x92\x0b&amp;S\x18\xec\x95\xa6\x15\xaeve\xae2\x9f\xef]\xc9\xc9D\xa0\xea\xca\xea\xcb\xcaZ\xf6\xd7t\xf5\xbf\x8czQ}\xf33#\x03\x1e\x95\xea\x17\x93\xa9\xb2T\xde\x98^/IRb\xcfgt$\xbf\xa7&amp;(\x87\x16[\x8b\xdcEc\xd1jT#\xe5+KL\xb9\xb47W\xa9\xe4~2\x17\xcf@\xb4i\xbel\xc7\xb6\x9a\x9a\xf9\x18\xd4\xf2z\x87R\xf7\x97\x92\xa3^\xfa\xe37\xbf\x80\x0cJyF\x9e\xcd\xea%|$\x9a&gt;J\xa3[\x8f\xa0\x96Z\xa16\xd2T\r\xbf\x93\xe7)\xb2\xac\x19\xc0\xb2\x83\x8b.\xd5\x89\xfaU~\xfeJrA\xae\xb2\xbc\xcc\x9d\xed55\x0f\xa3\xc0\xd2\xebG\xa6\x9d\xce\xd4\xf0\x95\xf1\xee\x00\xde\xb7\xeagSyF\x9f\xdd\xbf?!\x91Z\x13\x07\x9b\xe9\xa4Gs\x88\xb0dk\xf1H$\xac\n\xc2\xdaLX&amp;\x13\xf51WIt\xf9"!\x84\\\x999;\xcd\xdbj\x86\xe0-\x80M\x00\xcb\x19\x8eL_\x9f\x19\xef\xc6\x18\xf8Y\x92ey\xba\x93\x8bN\xdf\xf7q@I\xfa\xf8\xcd\xe6f\xe8U\xc7X\x19\x19FR\xcb\x9a\xceM&lt;y\xb2\xc2\x95\xa1\xd0\x10\x96h\xa3\x92\xafo\x02\x8b\x12\x82\x83^\x8b\xc9\xa8\xb4\xddT\x93\xd0GW\xd4\xe2\n\xa7@\xd6\x0b\x9fe\xfd\xcf\xe9\xd9\x9b\xbc\x1e\xf69\x1c\x02K\xd2\x0f\xd5\x81\xeb\xa3\xba\xdd~\xac\x1e2\xc0\xc5S\xb55\xddb%\xb5\x08\x0br\x11\x15A\xd1\x0e\x16\x91\x10i\xf2t\xad\xcbL3+M\x87\xfb\xf4\xcc\x95H9m`\x12h\xa9\xc5\xa5\xe4H\xf7\x7f\xbb\xa2\x90%\x98\xc6\xbf]\xc0\xcf:\xb2\xb3\xbf\x9b`,\xa9\xcf\xdd\x0c\xae\xbaPy#\xb0\xd2\xad\xe9x"\xb6,\x19\xe4yW\xba\x02M$\xac\x92\x15\xac\\\x99\x8b\xb0\xa8r\xcc\xed\xa6m\x0fY+}4\x19\xb6\xd9\x9c\x91H8\x1c\x898\xc3\xa8\xd4\xf0\xc2\xb7#\x03\xff!4\xc8\xe5\xdd#\xc9+\x9fOG\xc2N\x9b/\xbb\xb8\xf8\xf5\xac\xc0\x92\x86\xea\xa0\xd7\xa6\x90\x9f\xb1\xb8\xe8R\x99QA\xfez\x8f\x05\x1e\xa2\xe2^\xcaX\x994w\xa7\x99\xdbs\x1b&amp;\x08J\xd2\xc7\x9e\xd9|6\x12*\x82:q\xe2D\nX\xc3\xf2\x08\xc8\xfa\xf7)\xe5\x19\x9d\xb9&gt;}\x02o\x04P\x0eGqa\xf1\xab\x15\xac\xbe\xad\xcduu\x1bd\xb5d,rYF\xba+=C\xa1\x86\xb7\x84\xe7sM\xb4\xcf\xe0\x1d\x16s\xc1Y\x08\xb3\xb3B,\xe9\xe2\xa2\xcf\xe7\x83^\xa4\xd6\t\xaa\xc8\xcch\xf2\xca\xc2\xf0\x9d\x7f g\xff\x15\x8c\xae\x18&amp;?OA\xd5H\xd8\xe6\xf3\xa1\x83\x85\x85\x85\xaf\xde\xeae\xae\xc4\xc1M\x9b\x80\x05\xcf\x13\x96\x0bO`\x19i\xaf|z\x86ZCX\x95&lt;\x14K\x08\x8bn.\xa0\x9c\x17r\xe5\xe4\x94\x9a\xf3\xdd4\xa6\xe9c6,\xc4\xe2\xe1HT\x91\xa4&gt;00\xf2\xcd\x9d\xe1;\xdf\x8c\xfct\xdb\x12\xa0\x06\x92\x8b\xa9H\x98\xb8\x84X\x84\xf5\xc3\xdb(9\x1e\xcf\xe8\xbc\xc0j\xd4\x00\xc4\xe5\x92\xdb\x88l\xcd\x90\xb1\xca\xcb\xa9\x8bDE\xf6\x127\x92\xb1\\9\xb4\xd0\xd9?\xe4\xe5\xb1#\xc5\x96l\x90\xcaF\xff\xb0\\\xf8\xff&amp;o\xc5&lt;\x1e/\x19z\xe1N\xf2\'\xe7\x1f\x07\xc6\x97R\x83P\x16o\xc2\xc6\x05k\x81\xebm|E\xae\x8b[7\xed\x0e\xb1\xb9\xd2\xd3\xad\x82\xcb\xa8P\xa8)0\x14\x1a\x8d\xc1\xce],)\x81flzV\x8b\x96\x85\xb4&amp;,\xdd1\x1f\x93\xc4/\x9aM\xf1/\xb7\xd9X*h\x15v&gt;\xbe1\xf5t.*y\x06F\x93w\x86\x7f\x94\x07\xdd\xe3K\xcb\x83\x83\x832\x90\x8f\x9e$W\xf1\x0fo\xe3Qi\xc5\xf5G7\x84D\x171\x0eE\x17\t\x8bf#`mfwUVR|\x91\xf5\xc5\xd2&amp;\x87v\x10\x9bK\xcd7\xfb$\xbd\x87\xb8z\xbf\xb7\tk\xbd\x83r\xda\x1e\xb7\xb6\xb6\xbd\xb8w\x17\x0b\x0c\xa97\xb9\x12\x08*4vf\x91\xa0\x06\x07_e;\xb8\xb2O\x9f..\xce&amp;\xcb\xbf\x8d\xbf\x93+vv7m\xd4\x95M/\xb8\xe8V\x11p\xa95\x06\xe2\xc2w\x85h&amp;v|)\xdf\x04\x8b\xe5\x17Q\t\xb1\xf4o\xc3\xbel\x87\x8d]\x15q\x92\x00\x80\xfck[k[[\xdb\x8d\x07O\xbf\x8a\x06&lt;+3\xcc\xf8\xcc\xc2\xb4\x80\x1a\xf4e#\x13\xa8\n\x0b\xe9I\x96\x9f\x8d\xbe\xe7\xea;LX\x1c\xf4\x82\x8b\x86 \x15qi\x08\xcbng\xac\xca\x12\xa5Xy\x99w0\x1bQ\x89X\x8e]\x07\x06+\x15\x16\x1dqd;|P\xabU\x90M\xdd\x8ds\xf3F\x96\xa6\x97\xc1\xb4\xbc\xbc\x9c\x9a^\\L\xf9(\xab\x08G\xa6\x02V&lt;\xfe\xe4+\xd1G}4q4Dw&amp;\xca\\4\x04E\xfb\xe8V\x16`m\xb6on\x14#\xb2\x84\xa7\xec\xf6|^;\xb7\xcc\xf7\t\xa5$\xbdwt\x91\xda\x87\xde!\xab\x81D\xe5p\xfc\x85\x90\xde\xb4\xb51\x18o\x9e\x99\x06\xd2\xf4\xc2\xd2\xb3\x99\xd9\xbf\x8dv\xe3g8\x19d$\xaa\xd7\xb3\xd1\xe8\xdc\x83\xbb\xe2\xbd&gt;\xb9\xf7\xf7\x96\xca /\xb92\x98\x8b\xd4\xc2\xacc\xdfL\x921\x96\xa1\x91\rF]\xccU\xb6\xb7\xb7\xe3\xc8\xb1\x05n\x97\xb5\x8a\xc6F?G\x86:E\xfed\x173\x95\xcfy\xee&lt;q\xb5\x92fmm\xd0jfyyaf|\xb4;*a\xad\x17}\xc2\x83\xc4G?\xf2c\xac\x1b7\xe6\x98j\xea\xd2\xa7_\xb6P\x13\t\x8b\x03K\xc6\xb2\x1b\xe8\x05\\x\x95\xb1(#\x80Uz\xa6\xe3\xb9\xf7=\x95wd\x18\x99\xe8`\xaf\x08\xa9|\xb6\xc8\xf0\xb57\xad\xad\xe7\xcf\xd3\x03\\\xeb&lt;3\xd3K\xb3\xddz\xc9\x13\xd0\xc7\xe7\x9e\xde\x9b\xba\xf1\x1d\xdc(\xf7\x9b\x12\xfe\x1d\xd6\x9b/\x1e&lt;\x91\xa4[/\x8e\x1c9\xf2\xe9\x97\x05\xe5\x06\xba[\x8b\xb1(\xb1\x18\x8b\x90\x00e\xa0^\xda\t\x8bCUi2\x17&lt;n\xbb\'f{)~9\x86%\xa0\x8de\xc2o\xcev0\x943|\xe2\xca\xc8\x8dV\xe2B\x11V\x12P\x88\xc9\'\xb7\x9eN\xbdhk\xfd\xf5\x9f\xce\xbf&gt;]|\xfa4\x8d\xc5W\x8el\xf6}!\xe6\xc4x|\xee\xcdo\xbfx0\xf7\xb4m\xe3\xc6\x8dG\x8el\xfc\xdd\xb9\x1a\xcd{,1\xed\xd8\xed\xc1\xc6F:&amp;\xc2\xd7\x06\xcaU\x80\xe1\xd1\xder\xae\xf5\xd2\x91KSO8\xf6\xae\xbd\xfcg\x15f\x10\xda\xb6\x1d\x85qC\x13(\x01\x1f\xac@\xd9y\xc4%\xb0\xce\x94\x19\xe5\xec2\x9fv\x10;\x8a\xe4Z\x02\xd3\xd8\xc1\x98\xcd&gt;\x88\xd8l\x9e\x19\xdb\xc2X\x198-\xd80\x90E\x0eA\xf2%lN \x12U\x12\x87\xe0\xa1\xad\x85Fr\x9c\x1cJl\xca0sJ\xec\xa5\x0bq\xd9\xf7\x9e\x9c\xb4}\x91c\x81\r\xff\x9f\xbf\xef\xfb\xbf\xff\xb3\x13\x89\xa5S\xd6\x88v\x15\xd6\xf988\x80v7\xbd\x8c\x931j5\x83l\x0c\xbdF/)\xb8\xde \xebH\x92.\xa9z{\x16X\x82\xa0i1\x0ec`\xe2N\xa1\xb0c$\x15s\xe4\xc4EQ$\xae\xfc\xe1\x8f\xe1q\xe6\xf98d,0\x85\'1\xecLL\xb2z\xe0\xba\xfb\xe9\xc3\xa1S\xc4G\xb1,\xbf\x1b\x89\xac\xef\r\x0f\x12K\xa5K2.\x08\x15\xec\xe3\xb6\xf5\xf9\xeef?+e\x88\x8b\xb1"7{}bRUU\xd2U\xd5\xf9\xf7\x89\x10M\xa7\x05!\xad\xb1\xf1\xefO\x8f\xb1\x0ej\xc9$\xc0\xf2b&gt;/\x92`b\xeb\xc57t\xe6\xcc\xcd\xfd~5&lt;|\xb8H?\x96,\xd0\x8c\x13\xb8z\xf7\xbd\xaf\x87\xba\xc8\x1f\xc4\xb2\xacA\xffe\xbb6\\O\x15\x9e\x9e\xc48\xe9Qn]\x94\xfd\x98\\\xd9\xfd\xc5\x1d\xb4Z\xc8V\xadEX]\xaf\t\x9dP\xcc\xa57w\x8e\x04\x18\'\x80+\xca\xbd\x94z\xc5\xab\xa7\x85\xc2KSQ\xc0e\x13W\x9e\x05\xd3\x87\xdf\x85\'\x82Y\x8b&amp;@\xfe\xc5\x8b\xc7g\x9a\x9f\xf9\xd4~\x18@\x89E\xa2\xb2,\xc3\xa8\x99\xcd^*\xf5\xfc\x82\xc3\x1e\x0b\x0ek\xca\x99 \xcc\x1e/\xbb^\xb3\x05\xb0\x16\xb8\xb2\xa1\xa6t]\xaa\xaeK~\xe9D\xa3&lt;A\xaf@1\\\xd1\x07\xc0\xdaW\x94*\xf4\xaa\x02,\x1f\x08\x16\x17\xa5\xb5\xfb\xf0l.\xe0\x08/.NaL\xfd\xf5\x0e\xcd\xcf\xc0\xfa\xe0\xa7\xa1D\xef\x0c\xa4\xb2,]5M[\xe9\x14\x96R\xaf)WD5\xcb\xb3\xc0\xf4\xb4&amp;\xc8\xb3\x8f\xcb.\xf6[\x06`\xb5Z\xcb\x08e\xb3N\xa0\x16|\x94\xa4\xac\x0b\xac4\xc5&lt;-W*\xb2@P\x9avY*\xf4:$\x16q5L;X\r\xa5\x1b\xdb_L\xd0\xb7\x1fn\x12\xe1[\x84\x85"\xccO\xd6$\xf1\xcap\xcb*\x12\x94\x82O\xd6I-\x95/\xa3\x82F\x9b\x1dL\xdc&amp;\xa6\x05Y\xfe\xec\xaf\xb2\xebw&lt;\x1f\xd9B\xb5B\xae\xef\x04P\x0e\xa8\xd4A\xaft\x12E\xb6P2*\'\xe0F\x98\xbe,\x95\x80\x95\xbc*\xc5\xb6iA&amp;\xd3\x87\xdb\xf7\xf0-\xe3\x06\r\x10S\x13sL\x05\xb9\xeemg\xf0:KU\xb4\x8a\x80\xb2M\xa51\xc6Z~\x10\x85\x132\x9d\xbaZ\x0c{K\x8ba\xa5\'\x1b\t\xb7\xd3\xf1=?\x03\xa8\x9a\x11\xea\x0f\x9c\xb1\\\xd8\x87N?\xb5q$\x10KZ\xc8\xe1\xcd\xc1\xdd9\xd4\xeav\x1a\x81X\xd5j\xb2\xd1 \'95q89\xfc~jb\xe6\x06\x86\xc1\xf0\xe4\x18k\xe1\xd9P\x8f\xc7\x83\xac\x17\xa9\x9d\x98+T\xe0JvR\x89\x8dW\x84uU\x18\x074\xac\xf4h#\xe2v\xdaR\xba\xd8c\x00\x00\x01`IDAT\xcd\xbe\xebe\xc8FR\x8b\xb0TJ\xbc\x9au\x13\x8f\xff\x93s\xacV\x8e\xb8\xf8\xee\xfcr\x19M&gt;\xc0"\xaeF\xe3\xabF5p\x92*\xdfZ\xbb\x0f0\x8c]3\x8c\xb5\xf0\xac\xa9\x93\xc3b\x9c\x1d\x8c\xdb\x80\x9a\x9fg\xacj\xd2OE\x9e_ho\xa0\xf8!\xcb\x95\xa3M`\x1d\xb6=\xd7\xf5\xb2\x84\xd5\xf5\xa9c\x01I\xb5Uu\xd0-\x1fW\xe4\\\x8e\xa9X.&lt;\xa5\xcfO\xcb\xef`A\xae\x06=\x93d\xdc\xc7\xf2\xc6\x8b/Au\xeb\xf6\xed;\xd7P\xe3\xd2\xf36A1\xd6\n\\\xf4"\x91\xe3\x0b\xe1\x9d\xc22\x95\xca?\x9b\x91\xee\xfe\xd6\xd6\xe1\xbe\x8b\xd6`\xd4B\x03\xbf\xdf!"\xdb\xc6?\xbfW\xde%,\xa2\x91\xc7\x8f\\:\n,w\xa4\\a%\tK\xa9\xe2O1\xd9L\\\xfah\xfb\xe7\xa9\xc9\x99\x8f\xbe\xdd\x1b\xe9\x14\xb9"_"ra\x9a\xf5z\x9d\xa8\x1a\x94-\xb3\x7f3qzN\x11y\x0b\x8a\xb8\xce\x96#\xbd\xfd\xd5\xd5\xad\xb5?\x0f\xd6\xfbM#\xe4\x16R\x1e)\x05,[\xf2R\xe53\x99YX\xab\xe0F\x88\x1e_cUY-N\xafb\x9a\xe6\x8a\xa9\xa2\xab\x88D\xa2\x8f\xda{\xed\xa1\xa3\xb3q\xd8{\x83\x81#\x99\xe6*\xae\xd5\xfa|\x1dJ\x91VU\xb5\x1f)\x9f\x9d\xa7\xdf0U\xe0\x08\xc4\xaa\xec\x961\x9a\xd4\xeb\xab\x7f\xfc\xf6\xf7\x0f\xeb^\xf3\x7f3|\x1fa.(\xad\x18\x00\x00\x00\x00IEND\xaeB`\x82'</t>
        </is>
      </c>
      <c r="M79" s="3" t="n">
        <v>45492.6768287037</v>
      </c>
    </row>
    <row r="80">
      <c r="A80" t="n">
        <v>243107</v>
      </c>
      <c r="B80" t="n">
        <v>1961</v>
      </c>
      <c r="C80" t="inlineStr">
        <is>
          <t>Diogo Barbosa</t>
        </is>
      </c>
      <c r="D80" t="inlineStr">
        <is>
          <t>Diogo Barbosa</t>
        </is>
      </c>
      <c r="E80" t="inlineStr">
        <is>
          <t>LE</t>
        </is>
      </c>
      <c r="F80" t="inlineStr">
        <is>
          <t>LAT</t>
        </is>
      </c>
      <c r="G80" t="inlineStr">
        <is>
          <t>LE</t>
        </is>
      </c>
      <c r="H80" t="n">
        <v>180</v>
      </c>
      <c r="I80" t="n">
        <v>6</v>
      </c>
      <c r="J80" s="2" t="n">
        <v>33832</v>
      </c>
      <c r="K80" t="inlineStr">
        <is>
          <t>Left</t>
        </is>
      </c>
      <c r="L8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051b93-4073-40c9-8eb3-25a3ecc077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f3\x8cN\x00\x00\x03\x00PLTE\xff\xff\xff.((4/0\xc1\x9d\x96$  \'"#\xfc\xfb\xfb\xfe\xfd\xfd\x1d\x1a\x1b \x1d\x1e*&amp;(:33\xa6}h\xd8\xc0\xb6\xda\xc2\xba\xcc\xaa\xa5\xd4\xba\xae/+-\xd4\xba\xb3\xb1\x8bx+$$\x96nX\xaa\x82mp+:\xd7\xbd\xb2\xc4\x95\x8c4+*\xc6\xa2\x9b\xd1\xb0\xa3\xc8\xa5\x9f2XY\xd4\xb6\xaa\xc7\x98\x8e\xc2\x92\x87\xed\xea\xeb\xc3\x98\x88\xc1\x8d\x82\xad\x85p\xb3\x8c|\xed\xed\xf1\xb4\x8f\x80\x93r\\*KI*LN\xd8\xbd\xb46_^\xf8\xf8\xf7\xbe\x8b~\xbd\x97\x8c\xf0\xf2\xfa\xd2\xb6\xaf\xbe\x99\x91\x92iT\x98w_0TU\x9czb|$6\xa4ze\x99qY\xbb\x93\x88\xa1xc\xc7\xa7\xa4\x8deQ\xbe\x92\x83\x8e&lt;C\xd3\xb5\xa7\xb8\x8e\x82\x8djV\x9cm[\xc9\x9f\x91\xff\xff\xfe\xcf\xb3\xac\xc8\x9e\x98\xc7\x99\x94A853QN\xa9\x7fk\xf6\xf4\xf4\x18\x16\x17\xa0sa\xcd\xae\xa9\xa0}f\xf0\xf0\xf5\x9es[\xd0\xa8\x9d\xba\x8b|{`R\x91mX\xe5\xe3\xe6\xb7\x93\x85\xd4\xb0\xa8\xb9\x94~\xb8\x84u\xb2\x80q\xaf}l&lt;7:9[U\xb0\x86v\x83eS\xad\x88t$HH\xa5wlA2/\x9dsl\x82ZMD&lt;=\xbc\x87x\x832&gt;\xa6\x83i\xa8|s\xb6\x84q\xc3\x9a\x8f\xf3\xf0\xf0\x90jbu#5\xaf\x80w\x8b9?9.-\xb9\x8a\x8e\xc2\xa9\x9e\xd7\xb9\xae\x92d]\xda\xd5\xd8\xcc\xab\x9bK94\xbd\x99\x85\xb6\x85{XD@j#3\x97kd\xe4\xdd\xde\xb0\x88|\xd2\xac\x9f*QR\xc7\xad\xa2\xbf\xa1\x92\xce\xa3\x97\x89d^QKLZSU\xb6\x9e\x97\x92@E\xcb\xb2\xa6yWQ\xa1yp\xb4\x8f\x90\xc3\xa0\x8a\x98hX\xb5\x8dr\xcc\xa3\x9e\xabvf\xba\x85\x84\x89^T\xc8\xa7\x94fSL\xa5r`~{}\x99r_\xea\xec\xf7T=9\xae\x91\x89Cgb\x83_Y\x9c\x86\x82\xa7\xa5\xa5\xaewloVJE_[\xb4\xb2\xb3xQHmki\xab\x86\x88\xa5\x81{t4=\xc4\xc3\xc5\xed\xe5\xe2\x94uj_MHICC\xc4\x90\x90\xdc\xc4\xbf\xcf\xae\xaf\xd8\xbc\xb9{-=\xb2\x9a\x8fx`]oYU\xc3\x94\x97\x84jfu[L\xc6\x8f\x89cE@\xdd\xdd\xeb\x97DF\xa4\x8c\x81\xe3\xd0\xcb\xd8\xd7\xe3vsrc]^\x8am[\xd3\xd0\xd3\xc9\x9c\x9e\xbd\xa4\x99\xa0iv\xf4\xf5\xfb\xa7\x91\x95\xba\x91\x96\x9d4M\x9d\x9b\x9a\'CC\x97}~\xb6~\x8biLA\xcf\xc8\xcc\x99\x81v\x89\x85\x85\x9dne\x8bwr\xbd\xbb\xba\xc2\xae\xab\xcc\xbb\xb6\x91/E\xe6\xe5\xee\x91{vlKH\xc9\xb5\xad`w{\xc2\x98\xa1iRS\xcb\xcd\xda\xd2\xc1\xbd\xe4\xd7\xd2Ril\xb0y\x831IJ}?&gt;|if\x99]L\x91\x90\x91\xb5zx\xcb\xa2\xab\xe4\xca\xc2\x8dln\xda\xcb\xc5\xbd\xa3\xa5`7?\x8f\x9f\xa4v\x8b\x90\x86KG\xaf\xbd\xbf\x96OT\xb7\xbf\xca\xa6aZ\xd2\x9b\x92\xb4\x9d\xb0\xa3\xae\xba\xc7&amp;\xf9b\x00\x00 \x00IDATx\xda\xc4\x98\xdfK\x1b{\x1a\xc6;\xe3L~\xcc\xf7b\x19:YpJ!\x89\x9ev\xaf\x92\xc2zS[\x0ch\x04\x1d\xce\x18\x16\xb1\xa6T\x1d*\x98:\x05\x7f\x14\x99\x8b\x86\xac\xa1\xf6\xe2\xd0\x99\x0b{*-\xa5M\xc9"YIsJ\xa8\xb9SV\x02\x07\x12r\xb5\xe4"\x9e\x9c\xcd\xcd\xf6\xc2\xcb\x92\x8b\xf3\x17\x9c\xe7\x1d\xcb\xf9\x03\x96\xd1\xfd\xd6D\x8d\xd2\xf9\xe4y\x9f\xf7y\xdf\xf1\xca\x95\xff\xf9\xf8\xfdW\xae\xf8\xf4\x9b\xe9\xf4N:\xaaoFu=\xba\xb3sS\x8f\xf9|&gt;?=\xe8\xc7\x97\x7fpY\x9f\x9e\xce\xf6\xaa\xa7\xd5~\xa1[*\xb7\xcb\xd9\xd3\xeaik\xe7f,\xa6\xebz\x0c?\xf5\xfd\x1f\xc0p\xd9h\xab\\\xc2)\xb7+\x8dF\xd3q\x1a\xe5lt3\xdd\xaaV\xcb\xbd^\xb9\x95\x8e\xa6\xd3\xb1K\xe7\xf2\xfbc\xd9r\xaf\\\xee\xf7\xfb\x15\xbb\xd9/\xd8\x86i\xb7O\xa3\xb1X\xabT\xb0\x1d\xdb.\x94\xfa\x8dR\xda\xe7\xbfr\x99d\x90*\x96m\xf7Z\xa7\xd5v\xc1a\xb2\xe98&amp;o\x98\x95~9\x1d\xadvmY2\x9a\x85\xaec6{\xe9(\x04\xbb40rt\xba\xdc\xdbI\xb7\xca\r\x9b\x97$\x891\x8ecF\xad\xd2-\x9f\xb6\x9b\xb2(:\xddB\xb3f\xdb\x95F\xa1\xd4\xd2/\x13+V-\xb5v\xb2\xd5FM\x96$Y6xE\x94d\x06\x8e\x86cp\x9cb\xd6j\x1a3MM\xd3\xecFy\'v)\x82\xf9]\xb1J\xed\xdei\xb9\x0b*Q\xe6\x99\x01\xc9\x14NUy\x86\xef%N\x94x\x10iL3\xcdZ\xb3\xdb&gt;M\xeb\x97\xd0\x94\xf0\x95\x9em7J\xd5j\xdb\x91E!(\xca2&gt;q\xbc\xaa(\x9c"\x08\xc1@ \xa8\xf0\x8ci\x8c\x11W\xa5\xdd\xee\xf6\xcb\x9b\x17m1\xea\xc0R\xa9\xd0t\x1a\xfd~\x93\xa8\x04\xc8%\n"\xc7\x98\xaa\xa8\xaa\x12\x9c\x99\t(\x96\xc6K*N\x86Y\x1a\xb8\x1aNY\xa7\x98\xf3_ U\xb5\x00\x035\x0b\x85J\xc1&amp;\x9c \x1c\xcf\xcb\x92\xacp\xccd*\xc9\xa5\xa8L\xd3\xa4\xa0 \x88\x16\xb3,\x8b5\xfb]\xad\x92\xf5\xf9t\xfd\xe2\xb0b\xd5\nR\xaa\xe64*\x0e\xa8\x82\x81\xa0(I\x02\x1e\x00D\xe5,N\x04\x14\x8a\xa7qTK(\xc8,\x95\xd5\x9a\x9aV\xa2\xa9tQu\xf4o\xf6*6B\x8a\x19\x9a\xa9\xf1\xbc\x04#\xcd\xcc\x08\x04\'\x08\x1c\x908\x95\xb3x\x9e\x938M\x13\xc9b\x16\x0c\xa6\xaa\xf4\x80\\`\xba\x18,\xbf^-T*\x0e\xe3U\x95\xe3\x80\x00\x99\x84\x99\x190I2\x9c\xaf\xf2\x9c\xc2\xc9*X\x83\n\xd3x\x82\xe5PC\xf2\xbejim\xfd\xc2L\x8f\x0cmw\x9b\x06\x0fA8E\x84\xbd\x83\xa2\x18\x98\tH2\'\xa1\x03\x15Y\xa1\x8aB\xc0\x80\x00\x85$\x94QDh\x00+\xa3\x99\x19\xa7\xbc\x19\xbb\x10\xcf\xa3\x95\xd2\xd5R\xd3@~\xf2*\'\n\xaa,\x04\xdc\x03\xb1d\xe0\x05q\xd0\x99A\xc8\x04\xe9,\x15e\x148\xeaG\x90\xe5\xb4\x8c\xdd\xbe\x98\xf8\xc2t\xd6\xb3\x98x\x94\x08\x1c\xc5\x15/\x91\xb5\xc0!\xe0K0P\xd2K\xd4\x06\xb0\x95H\x19\x86\x978\xa4\x99\x9a\xc9d,\xcd\xb4KQ\xddw!\xd6\xdai;\x86\x04q\x00D\xcf\xbcL\x82\x89\x1cBK\x12\x80"\xa2!IADW\x10\x90\xf8FA\xb5\x01\x88\x87\xaai\x8d\xec\xe6\x05\xac:\xfe\xd8N\xa9\xc9\xd0g\xa8\x99$p2v\x06\xd34\xa0[0 1\xca)\x8a*\xb77q\x82\x12\x0c\xa8("\x01)\x14\xba\x8a\xa69\xe5\x1d\xdd\xe7\xf3\xdeYm\x1b0\x9c\xe8\xc6\x14RTf\xcc@\x84\xa2l\x1c\x93\xc9W(\x1e\xfc\x0e(|!\xc8\xc8V\xe8%\xb99\x82\xc3L\xad\xd2K{m{8\xab\xea\xe0\x1a4\x8b\xd1o\xf0\xb9\xe8z\x9czR\xc4\xacv\x99\x10\xfa\xd4\x03A\xaa$y\x8e\xfaA$8\xfc.\xc7Tpmz\x8d\xe5Kw\x19b[\x968\xec\t\xd4e\x00\xc4%\x15\xf4\x1cO\xf3\x90\xac\x1e$V":\xc7:w\x19\xf1\xe1e\xac\x15\xa6]\xa1\xa1\xed\xadXe\x9bv=^\x86\xd1\xe1t\x8aQI\xb5\xacLF\xcb`\xf6Q\xc1\xce]\x158\xc7\n"\xf6\xdd\xb9\r6\xaa-\x8c\xc7\x9b\x86\xd98\x8d\xf9\xbc\x15\xab\xc08\xb8\x1cX\x8a\x84\xde\xa7\x8b\x89j.\x9f\xcb\xe5\xd0\xff*F\xf47,\xea\xc1 EV&amp;\x97Q\x02\x81o\xa4x\x01\xcd\xabpN)\x1b\xf3P._\xb4]\xe3\xdd\x85\x0fj\xa1\xfb\xdcA\xa8d\xea_\xf2D\x95\x03\x97\xa2\x04\\\xa5\x04\x11\xc9 b\x8f\xc8\xe4\xf39\xd5e\r\x92^\x90\x0bo\xc7\xa8\x94\xa2\x9e\x95\xd1\xef\x8f\x96j\xc8)\x9e7\x18\xcf\xd0Z\xf4\xf6\xe1\xaa\xe2\x97\xdd\x8f\xf5b\xaeX\xaf\x173\xb9\x9c\xaa\xc82\xa9&amp;RE\x155W\xef\xe0e\xd1\x85\x85\x86\xe0\x950I\x8dF\xd6\xe7\x1d\x16JH\xa6\x92 \x17\xd3\x14w\xeeq\x96\x96\xdf}\xfb\xf6\xed\xfe\xfe\xfe\x8b\x17\xfb\xbb\xbb\xbb\x00\xb4(\xab(\x0f\x04\xc5*v:\x9d\x83NN$\x9d\xa8#\xdd\xc1\xc0X!\xed\x9d\xe9\xb1:\xd8\x14\x0e\x01ZB5\x95\xd6\x19\x8ei\xc5\xddg\xa9\xe4\xafk[kk[[[k\x8f^|\xac\xe70\x01\xc9x\x18\x86\xb9\xce\xc7\x93\xd5\xd5\xd5NFD\x88P])Y\x90\xc1\xdd\xb4Wj\xf9\xf5l\x1f\xc3\x10\xd5\xc3j\x87\xed\x81\x89\xb4\xe2Y\xb9\xdd\xd4\xd2\xe2\xe2\xe2\xf6\xf8x"1&gt;\xb7\xbd\xb5\xb5\xf2\xf4c\xfdK\'\x9f\xb12\xa8\xeb\xea\xc8\xfc\xc4\xd8\xd8\xf2j=c\xa1vdx\xa40R\xa2\xd9\xf2\x08\xcb]\xdf\xbb\x06\xe55\xfd\xbf\x8a\x80uK\xb52\xc5\xe5\xef\x17\x17\xb6\xe7\xe6\xe6\xe2\x89x"\x11\xdf\xde\x9e\xdb~\xb8\xf2\xf4\xd9\xafOWwWW\xdf\x8e%S\xb3\xa3\xa1\x91\xb1\xb1\x134\x05\x16\x0e7{!\x9adW\xbd\xc2\xd2\xab\xddR\x85\xa6\x8d,sPKT\xac\\\xbe~\xf0\xe1\xbb\xf5\xf5\xc7q\x9c\xf1D$\x92\x18\x8e\x0f\x0f\x03q\x01\xf2\xad\xa4R+\xb7S\xa9Trtttdl\xf9\xc0\xe5\xa2%\x9f\xa3\x04\xae\xf5&lt;\xc2\xf2\xe9\xadF\x81\xc6!\x0f\xc7\x02\x8c\xb3\xf2\xf7&gt;\xff\xed\xcf\xeb\xe7B\xc5#\xe1px0288\x18\x89\xc7\x87#\xf1\xb9\xed\xc5E\xd4v\xe9v*\x99\x1c\rM\x8cM,w\x8a\x1aqah\x93\xde\xb5^\xcc+\xb5\xb2\x85\x1a\x93\r\xd3@jI\x9cl\xe5\x8f&gt;\x7f\xf7\xf0\xea\\b\x08gp0&lt;\xf5\xfa\xf5Tx\x1al\xc3\xc3\x91\xc8\xf0p\xfc\xb1\xab\xd9\x9b\xf7\xb3\xe7U\xa42\xe6,\x8c)\x0eo\x8b\x93\x8c\xb6Gs\xd1\xefCj\xf12#*\x19=n\x1e?yyu\xeeAb\x082MNNOO\x11\xd7\xf44$\x1b\x06\xd5\xf0\xdc\xc2\xe3\x85\xc5\xa5\xa57\xef\xdf\'\x93\xc0\x9a\x9fX\xed\x14\x11\x1d*51\xdd\x034&lt;jE\xbf_oa\xd1\xe2],\xcc\x9f\xc3\xfdG\x0f\xc7\x1f\x90V\xaf&amp;\xa7&amp;\xc3a"r\x0b\x19\x89\xc3a\xf1\x85\x85\x85u`\xbd\x87Z\xb3\xf0\xd6\xc8\xc8*"\xb7\x98C\x7f2\xa2R\x9c\xacg\xad\xb8S\xc1\xea\x80|\x07\x95Q{\xf7\xdb\xda\x8d\x04\xb4\x1a\x1a\x9a\xc4\t\xbbg0\x0c\xa9"\xd4\x00\xf1\xc7\xeb\xeb\xebKoP\xc3\xe4^292\x12\n\x9d\xcb\x05\xac\x8cE\\N\xd6\xef\x15V\xb4\x0b,\xaa J\x98?\xfa\xe5\xf9\xb8\xeb\xabH\x98\xb0`v\xc2\x82X\x91\xe18\xf5#\xb0\x16\xffI5\xdc\xdb\x1b\xd9\x0b\xed\xb9\\\xf9\xa2fep\xa7a\xe1\x961\xedU\x9c\xc6\xf46\xdd\x86\x01\xca\xd0j\xef&gt;?\x1f\xbf\xe3b\rA*|\x9csQ3\x82\x0b\xf6\x9aC\x15QCXk\x0f\'\xf4!5\x1bZ&gt;\xa9\xd3H\xd74\xa6\xb2\xeeM\xaf\xb0|\xbe\xaa\x03g1V\xb3\x0f\xcf\x8e&gt;\xfd\xe5\xce\x10aA\xab\xf07\xb5\xa6\xe9\xf9\x0f,p-\xbd\x7f\x83\x80@v%\x93wo\xdfEP\xdc\xc3\xc4$.\xf7F\xd6\xbb?\xdf\x16\xb0&lt;\xb0\xda\xd9\xd9\xd7\xff|\xba\x7f?\x82\x02\xe2\x1f=\x0f\x91J\xe7bQ+RF\xc4\x11h\x8b+\x08\xd5d\xea\xf6\xdd\xd4\xecl\xeaC(\x14\x9a\xa7X-\xe6L\xcd,y\xb7p\xf97\x81e\x18N\xf3\xeb\xcf\xf7om\xe0\x0c%\x90\xeb8\x89\xc1\xc1\r$\xc4\xf4\xf44\xc1\xc1^\xb0X\x02X\x0f\xbf_I}\xc0\xb9{\x17\x9fBt&amp;\xc6N\x0e\xf3\xf9\x9aV+y\xf8\x97\x9b\xcd\x02\xc3\xca\xeb|\xfd\xf9\xaf?\xfc0IT\x98\x81[K\x8b\xdb\xdb\xe3w\x06\xa6\xa6\xae]\xc3\x07\x02\x0c\x92m@\xb7\xf1\x1b[\x8f\x9e=\xbd\xb7Kg\x7f\x1e\xaa\x85\xd0\x8f\xf3\x13\xcb\xf7\x0e\x0ek\xa6\x97X~\xbdk\x985\xfb\xf8\x97[\xaf^Mn\xa0\x80\xf1\xad\x95\'\xd8\xb3\x9e&lt;z\xf9\xe9\xa7\x1f\xff=00p\xed:R5L3h0\xf1|\xed\xf3\xd1\x97|\x11\xfbt1\x9f\xef\xdc\x9b\x08\x8d\x8e\x8c\x8c\xcc\xcfOL\xa0\x90f\xbe\xec\xe1\xd6\x8cV4m\xe7\xeb\xa7\xbf\x0f\xbdz\x85\x02\xdex\xf9b\xf7\xf8\xec\xdd\xe1\xe1\xd9\xf1\xd1\xd1\xbf\xfe\xfb\xe9\x1f?\x0e\\\xbf\xeef\xfd\xc6\xe0\x9d\x1b\x8f\xf6\xcf\xb0\xddX\xb4\xdf\x80+\xdf9\x99\x80\\\xa3$\x18\xeah\xf7\xbc\xbb\'\xf3\xfbz5\xd3&gt;\xfe|\xf5\x01\xa2\xfd\xd66\xa0\xc0s|vv\x86\xcb\xe4\xf3gG\xbf\xfd4p\xfdO\xaf\xa7\xa6\xa66\xa0\xd5\xcb\x17\xc7\xf9\x9c\xa6i\xc5\xfc\xe1\xc1\xc9\xc9A\xbd\xde9\x19\x1b\x03\x17\xf5\xe3\xc1\xe1\xe1\xef\xac\x99\xf1kZ\xeb\x19\xc7\xef\x1a\x96l\xc5\xc6\xee\x8a\x12\x17\x8b\xa6\xd1\xa0 UbDb\x9c\x92D\xbdqXr\x0f\x1e\x9b\xc5\xa3\x16\x1b\x0e\x9a\x83\x9a\x88\x97T\xe7Lg\x94\xaa\xcd]b\xa2\xb1\xa6^Y\xc8]\nY\xd2\xc5\xaei mn\xca\xbdB{SX\x19\xa5\x14\xb3_\xael\x85\x0eZ\xe1\xa6\xa5PF\x03{^\xbb\xff`\xe7\x01\x93\x90\xfc\x90\x0f\xcfy\xde\xef\xfb\xfd&gt;\x87F\xacOZ~\xfb\xf0\xaf\xb3\xbb\x9bD\x14\xb0\x06b\xab\xf7\x80\xe4\xcd\x9b\xbd\xc3\xa7o\x00\xee\xc6\x8b{{O\x15\xed\x11h\x16&lt;A\xab\x19\xfe|\xfb\xca\xed\x1b/v\xd3\x81@ &amp;\x01\x96\x9b\x9e\xc1\x1evI\x8d\x8e#\xc2\xa21\x91\xcd\xfc\x19\x9e\xa18\xda\x19\x8dv\x8e\x05\xd2\xe9\xbd\xa7+\x0b\x0b\x0b\xf0\xd9x\xda\xa8\xcd&gt;S\x04O\tt:\x9d\x95S~\xb4\xba\xba\xb7\x17(g|\xa4fX\xd3K20\x18\xab\x11\xc0RK\x1e\xdd\xbb}\xe3/t\xe6\xd7\xb3_\xcd&gt;\xdc\x1b\x8dF\x89\xce\xa8\xaf\xec\xde\\Q4)\x9a\x9a\x14\n\x85\x1c\xd8\xbe\xfcra\xa5\xcf\x80\'\x00\xcb\xea\xcfq\xca\x81@\xd9\x9d\xf1\xc5]A\x87\xc8\xcc`\xf42DcXi\x84\xad,\xa9G.\xdd\xbb\xb1\xfb=\x9dX\x93\x7f\x9f\xdd=\x14\xeb\x88\xceEq&lt;.?\xc3d\x9eA\xb201!\x1f\x88\x07\xe3++\x0b\x8aH\x82\x87\x0b(\xbb\xd3\xac\t\xa4\x03e_\xd0\xe5\n\x92\xa4\xd9g6\x9b\x19f\xd7\x98\xa64RRI@#\xee\x1d\xce\xd0\x89u\xeeO\x0f_\xff\xd0ED\x17\xa3\xa3\xa3M\x9fu3\x99\xcc\x08\x0c\xd3\xc4\x84\xce\xe5$IP\t\x05\x93\xdf\x8f\x0bdv\xe7\xf0\xc8\xea\x85\xb4;\xe3\x8e\xc5\x02\xe10&lt;\xbcR\xafFc\x16q0vI\xa9FX_\x9fm1\xd2\x07\xd6\xfc\x8f\xd7\xaf\x0f\xe3\x04\x11\x8dF\x93\x9f}\xda\xcd\xc3\xf1\xa5\x89\xbeQ\xf1\xa6;\x0c\x15sg6\x9a\xf8|\xbc\xd3\xeag\xe8\x0b7\xe7\xd3\x01\x08\x8e7k\xb5\x9bHP\x0bl\xf60\xc3\xebUI$HQ/\xfcmr\xf2\xec9\xba\xa8\x8c-\xdf\x1f6\xb0\x80+r\xfaS[\x02\x9f\xe8\x8aof\xde\xcc\xd7\x1e&lt;\xa8\xad\x17\xc2\xb1\xcc\n3\x84\x0b\xfd\xce\xe1\xc1\xf9g7!\xd1\xd6\xc6/\x9e\xfc\xe9O~\r\x82Z\xf3\x14zJ\x1aL9\x08T\x80\xf5|.)o;O\x9b\x87\xf8\xcd\xd7\xaf\x0f\xbf#\xc4\x848\xca\xe3\xdbp\x83N\xe4\xcb\xac\xbe\x18\x1f?q\xf2\x97\xbf{W\xf3\xc4\xdc\xbev~\xa2\xd3\xee\xd4\x17j\xefj\xf3\xf3\xb5\xd9\xd9\x7f\xfe\xe2\xe7\'\xc6\xc1\xfc\xfd\xf1\xd9\xbaG\xab\x95(%\x83\x83\x8f\x1e]\xba\x04\x92o\xc9Uh\x11\x89\xe6\xb3o\xdf\xbe\xfcn\xef\xf0\xb9\x98\x00\xacH\xc4\xd0\xe9\xd2\x04\xe6\xaf\\\xbbv\xe2\xdf\x17\x7fv\xf2\xda\x95w\xeba\xb7[\x8e\xa7:)\xc0z\x06)\xff\xdd\xeeW\x0fg/\x8e_\xb91\x7f\xe1\x9bo.\\\x80F5\xb0$\x80\xa5\xd5f\x8b\x1f\x96\'i\xf1\x0fL\x07\x19\x1f+\xef=\xef"\x08\x16\xb1\x18\x8d\x93\xd5\xf0z\xad\xf6\xe2\xe1\xb5k\x17O\x8c\xbf\x00\xac\x18I\xf6\x19:(g1\xeb\x01U\x7fP\xdb\xddC\xf5\xa6\xecv\xbb%\x83%L#\xf9\x88%\xb9\xe4\xd1\xea\x19\xf9\xba\x7f\xcb\xf8\xff\xcfU\xf3\x0cn\x90\xf9\xadc{\xe5.\x82\xc5\x12G\x07\\dpT\xbc\xb2\xb2\xf1\xf4\x87\xbd\xdd\x86M\x88\xf9\xe2\xc1&gt;\x83\xce\x9f\x07\xac\xf5\xf5\xd5B!\r\xa7 \x93\xf1e\xdc\x9a\x98D\xa3)a\x92\x11%L&lt;t\xcb\xa3\xd5p\xf2\xf5\xfcV\x0b\rX\x15A\xc2f\xd0\x11\x19\xb8\x13Y\xac\xe8\xa2\xce\xea\x08\xf6\xc1\xdd|\xe6r\xd3B\x90\x8c\xc1Q\xac\x06]&gt;\xddD\x07\xc2*\xac\xaf{\x90\xb7\x88A\xb1c\xd9p\x8c\xe4\x88J\x83J\t:\x89\x92\x11\x98-\x86\xb9X/\xce\xd0\x82\xb5o\xdb\xe6/\xea\xc6\xcacc\xd0\xac(\xf2y\xd6\x81&gt;\xb9B\xd1\xd7\xd5\xa0\x8aU3d\xb0\xc3\xd4\x81dK\x0b\xed\xf2\xa4c\x01\xf4\xfbl\xacJ\x06\xa7AP\xd9%\xd5G,09zK\xfd\xdb\x0f/\xe9\xe9\x96m\xbb5\xd2\xc9*\x8bDc,\x02\xc2\x18X\xd0\xe9`\xd0\x17\xf4\x81jV\xe1\xa2\xf1\x91\xa4\x95;\xc4\x15R\xf6|\x03\x0b|X\x86t\x93\xe4\x1a\xe4~@\xed\xe5\xa8\x10\x96\x04DB\xd5\xab\xaf\xd7\xbf\xa8\xd3\x82\xf5\xf2\x18\xdf\x91\xda\x0c\x04\xc6q\xb1X\x04\x01\x11\x11\x9c1pM\x07}\x88\xc8\xe7\x9av8\x84\xa6!\x13`\xad\xc1py\n\x83U\x12\xad\xbd\x9c\x0e\x17ZGh\xd8\x0c\xafR\xa9V\x02\x9a\xd2\xc2\x10\x15\xeb_\xd0\xd1\xadOZ\xb6\x8e\x8fm\x89Dj\x91\xc3`\xb1X:\x14\xa8u\x90n\xec\xd3\xc1\xb5\xe04\xa2\xb3\xca\xec\x14\x17\x1c\xfd\xbeP\xe6\xa8j=\x9eB\xb8\n\x8d\x02K=\x8d\xb6\x11N\x8e\xc6\xe2\xc5\x94J%\x86)U\xdaz/\xa3\xfe\x87\xb5-:\xb0&amp;\x13\xc7)&lt;\x14\x8a\xb08\x80\x05\xd6\x06\xc2a\x07\xe5\xb7\xdb\xe1\x1f[;&gt;\xaeCd\xd0,\xd3\x9d}\xe14\x99\xd5\x824e\xf5y\xa7\xd3&gt; \xb3Bdt\xe68\x1a\xcc\x0b\xdd\x02,\xf5\xab\xf7\xd9b\xf6[9\x1d2o&lt;\x1f:N\x85\x8e\xf8\x89Q\x8e\xb8K\xbc\xb8l0\xa4p\x83\xd0NQ\x94\x10\x05C\xe0\xa2d\x02\x04\x05X\xf0\x18\xf5Y\xf6\xf0\xf0p\xb1\x98wXe2+\x05X"/\xe6\xc5\xd4l\x15\xa6\x1ay\xf5\xea\xfd\x7f\xea\xf5\xeefZ\xae\x9e\xa3\xe3T\xeb6\x9eJ\xb2\x88\xe8h2\x12\xc1\x13\xa0\xe8v;\x85\xf6YTc{4\xb4\x84\x1e\xe1&gt;`Q\x8eb6;\x9c\xcf\xe7\x9dk\x0e\xb4\x95\xb3RT.\x07`^\x95\x1a\xb0\x94\xefo\xddz_\xd7W\xe8\xd9\xd9l\xe1x\xab\x147,\x83\x0f\xecK\xf2x0g\x06\xb4dCQ\x11\xa8 U/\xa18\x866\x82\xe0\xb8\xc8jOX_t\xfa)\n1\x01ZN\xd4\xe0\xf2\xaa\xbc\x18\xd6s\xeb\xf7\xaf\xea\xce-\x9a\xd2+?!\r\xe1\x86Hrq1\xba\x8c\xb0\x0c\x1d\x9d\x02\xee\xfe~\x87\x10\x98\x04CK\xdc\xeb\xd7M\x07\x07\x8d~\xc9\xa6]&gt;MU\xaf/\xfa\x116ew\xf8\xfd\xb9\xdc\xc7~a*LdAX\x03g\x8d\xb4\xd8\x9a\xe6\xd6\x84\r\xc7m\xa1ey2\x19\xe1\xf5\xf3\x00\xab\xb1&gt;\xda\x174\x12\xb5\xe9\xce\x9d\xa1%\xa6\xad{h\x9f+\xe8\xd0\xf5\rt\xc5\xe1\xca\xd6\xfbe\xff\xdbv\x01\x17A\xe4\xa0]\x18&amp;*\xc1p\xe9\x93\xe7i\xc1jiyiK\xed\x1fK\x8f"\xf2\xe42\xaf\x9f\xdf\x9fH\xa5R8\x8e\xa7L\\@\xeb\x10,\xd9\xbaw\xa0\xb6\x97\xb8\x10\xfa\'&amp;\xc4.\x97K\xbf\xee\xd1;\xe0HP\x8d}\x17`\x8d5\xba\xe5\xd5j\xd5\xfa\xe1\xcf\x9ai\xc2\xda\xb2\x1dS\xc2P\x85/O^\xe5\xf5\xf7\x87\xfa\x13x\xc2f\xbb\x8b\x9b\xd0\xd1\x93\x99\xbaw\xee\xde\xddy\xbb\xbd\xd3\xc0\x92g@\xe6\xf5\xe8j\xac\xda\x85\xc0\x05X\x0eG\x8e\x10\x01\x94Je\xf1Xr\xe6\xde\xb7\xf4\xb8f\xa3q2\x94\xda\x17\xe2\x956\xc0\xea\xe7\xf3\xdbB&lt;\x84eK\t\xa9\xb5\xbc\x9fkb\x1e\x04\xdd\x9b\xbfj`\ru\x90\xeb\x0f@\xe7=\xef=\x05}\x1eD\xc4NY\xed.\x91(\xe7Er\x8ai\xd8\xbdD\x8e\xd8\xa2\xc9\xcc\x1b\xcf\xed\xd8\xbaq\x81\xf4TRq\xf5t\x9b\xb4U\x1aJ\xe0\xb6D\x8aK\xad}p\xca\x87`\xd8\xefLMM1w&gt;\xe7\x9a\xda\xe3\x81\x02T\x18}\xf4\xc5\xe2\x1a\x80Y\xed,\x11\x83\xe3U\xb31\x18/\x00$\xe6h\xdbp5Wl;\xd2\x14\x7f\xfbq\xf2\xeaiikk\xab\x14\xdc&lt;\x98\xb0\xb5\x0fy\xeeA\xa3\xe0 \xfex\x97)oW\xb8\xd3\x05O!\x1d\x0e\xa7\xc31=\x88\xfd\x9a\x1dn\x03?\xa7\x17\xe4T\r\x02\xe1\x853IT\xe8{u\xb7%m\xdd&gt;\xb5]\xb9\x9a\xbc&lt;\xd7\xd6z\n\xda\xc5\xc3\r\\\xff\x87\xac}h\xe9\xe0\xe0~\xa3\x0e~&lt;\xa3\x90\xfb\xd2\xf3\xe0\xb7\xd2\xe9@\x18Y\x9b\x02&lt;H\xb4\xe1\x85Pf\x81\xab\xda\xabbp8\xe6\xe8\x16mX\xc6\xf3\x95\xa3\xa3\xa3Je.\xd9\x0eO\xb1M\n\xd3\x95\x12P\xc5z\xf5\xbab\xe8\xfe\xfd\'S\xa8\x9e\xfc\xabi\xcaW\r\xaf\xce\xa37yh\xff\x10\x08\x17&lt;\x9e,\\\x8e\xbd\x16\xb5\x05\x9a\x05w\xa2\xc5Rd\xcc\xd1\xb8wk\x9e\xa9 \xb0\xb9\xc7\x97\xaf\xf6\x87\xa0\xf8 ]\xf9z\xd8\xb7\xb1\x005\xb5\xb11\x05_\xe0\x87\xb8/\x13\x0b\x04\x1aLP\xe9\xd5U\xe0r:\x8ah\x91\xa4V\xc1QT[z\x89\x19\x1a\xdf\xa2\x1b\xb7\x00\xeah\x9b\xf7\xf8\xf2\x19^\xdb\xe9~&gt;\x0f_\xf4g\xeb\xb1\xcd\x8d\x95\x05\x84\xb3\xd1\xe8\xd7\xd4\x002\x87nw\xd5\r\xb1\xba\x0cX\xe9\xb4\xc7\xa3\xf5\xfb-=\xda\x1e6\x1b\xac \xc6\x10\x11o\xcf\xd1\x9a\xf6+0\xe8m\xbc\xf6\xcb0\\m\xfd \xa8\x9d\xcel\xb6\xba\xb1\xf0\xe4\xc9\x93&amp;\xc5\x02|\xbb\x7f\x7f\xea:r_\xc15\x1f\xe9\x83|\x01y?}\t\xb0z\xfc~6`\x8d\x00\x166F$\xe9\xa52\x1a\xcf\x1e\xb5J\xa5\xfc\xc7\xed\x80u\n\x9a\x05X\xff\xe5\xdd\x8cb\x9a\xca\xb30\xee\x86Y\x9aM\xdar\xd3N\x9b\xeePR\xb7L\x19\x9a4\x84-4\xa4\xb5@\xaa\xb4hR\xb6 \xd8B\x11\x13h\x18\xe7\x01F\x88YK\xdaA#\x9aV3MUT\x1cp\x89\x8d\x1d\x89\x06b!\xa8)\x02nR\xdd-T\xe1\x01\x06"\xb6\x99\xda\x90\x85\x90\x98\xd1\x00\xbeN\xf6;\xad3O\xfb\xc8\xdd\x13\xb8\xcf\xbf|\xe7\xfb\x9f\xff9\xbd\xe7V]\x7f=V\x92\x95U^\x9e\x9bE\x8e\x9f\x9f\x86^\xb7n\x9dno\xc7\x18v\xf2\xf5\xf8\xf8\xf9\xeehww\xc5\xf5\xe3\'J+*l\xa56MYdg3\xb4\xc7\xdb,&amp;\x8e\x1c\xe6\xea)\xc1Qd\x80u\xb1\xc1\xf8\xed\xed\xaa\xaa\xce\x12\xfa\xf1&amp;+\x0b\xa6\x9f^_\\^\xde\xda\xea\x04\x14\xd9\xeb\xca\xdb\x7f\xbe\xbdr\xb9\xbbNo96\x80\xc6PgSj4\xbe\xae\xbd_\xfd1qjB\x9b\xcf\x13\xf0&lt;\xc3\x07\xd6%c\xe5\x89\xdb\x96\xf6\xb1\xb1\xf1\xee\x978\x84\x8bt\x1a\x97\xb7^"\xce\xd3\xd0\xf3\xc3\x83\xef&gt;\xfb\xd3\xdf\xcf\xddEE\xa8\xe4VT\x94b\xec\xd1\xd49\xd9X\xd95\xd1"l\xc8\xe3ax\x8f\x18\xa9\xd4=h\xbc\xd12p\xfd\xc1\xd7_|\xdc^\x7f\xfc\xf8\xc3\xe3\xc5\xc5\xf8\xeeV\xfb\xe8\xb5\xb1\xf3cW\xc7"\xe3w\xef|\xf6\xb7?\xdc\xe9n\x15\x16T\xea1Ok\x90\xc3\xba\xc4\xde\\\xd1\xff\xebWA?\xb0\xf8\x1247\xee\xc1\xcaoo\x97~\xfc\xfc\xeb\x7f\xdc_q\xb9v\\\x1b\x1b\x8d\xae\xd4\xee\xcaJ\xc2\x17\xf7\xed\xde_\x08\xfe\xfb\xf3?\xde\xb9\xd2y\xb0\xb9\xf2\xd8\xb0\xcd\xa6\xd1(5e\xab\x1b\x1c\xb6\xb0j\x12N?\x8f\xcfg\x0c\x06\xb7\xdbx\xac\xc5\xf2\xcd\xc7\xef\x7f\xf9\xcf\x8b\xc6\x9f\xfb\x1a\xfb\xfa\x8e6\xce\x01p\xee\xe1\xca\x9b7o~\xfc\xe5\xfb/\xee\\y-.\xec\xcdo\x1d\xb6)\xd1.\x97iV7Y[\xd5-\xda\xa0\xdb\xe7\x11\x9fa\xa8\x9f\xafl\xed&lt;yy\xfb\xd79\xd7\xcf\x8d\x14/\\\xae\x17\xae\xb9\x95\x95\x87\xf7\x7f\xfc\xd7\xd3\xef&gt;~sRk\x16\xf6\x1a\xc5\x98[;\x08+,g\r+{\xc7\xe3W\xf3\x1e=\xe21\xe8Q/\xf5W\x9e=x\xf0\xe5\xcb\xd1\x85\x95\x87\xae\xb99(57\x07\xa6_\x17\x96f&amp;\xde&gt;\xf8\xe15\x97\xdb\xd9\x9ao\xec\x00\x16\xa8\xea4\xf1l\x13[I\xe4\x84R\xd5\xf0\xfc\x0e_"\xa3\xde9\xbf\xb2\xf2\xc8\x9f\xcfl!\x96\x97G\x17\x17(\x82\xdb\xdb3\x97\xef\xa2\xafy\xad\xd5k\xcd\xad\xf9\xbd\x1d\x1aez\xd4\x1f\xdfaq\xabY\x1e\xf7\x0bx\xc8b\x9a\xcb})\xff\x14\xbd@_N\xc7V\xba&gt;|\x8a\x93Wi\x19B\xaf\xc8o\xc6@]\x06\xc7G#r\x16\x97\xc0\x8b\x12\xf1T\x9a\x8b\xd7\x83+\xa8\x01\xa3\xec\xcd\x86\x86\xc3\xeb\xeb\xeb\x1f&gt;\xac\xa3\xa0ne\x00O\x8f]\xe8l\xd7\x0fWY\x84\xf9\x05\x9a4\x96R\x93(b\x11\x8b\xd3\x17\xf7\xa4\x04\xc0\x92\xf4\xd0\x85\xdd`\xc4\xb0\x91\x93S\x8b\xca\x05\xae3i\xac[\xef\xdf_(\xbc\xd0\xa9\xb7TU\xe9\x8f\xe5\xb7\xd2\x15\xadQF#!V7\xe6q\x16=)\t\x8f\xc42\x180\xfd\x80\nP\x19\xacI\xdc\x89t1\x9e=}\xe1tg\xfa\x8d\xf0\xb1J\x05\x1dBe4\x1agS,LA}NgJ-\x91\x10\x96\x0c\xa3,\xb82X\xd4\xa5\x12\x17\x82\xfa\x1b3ai[\x85\xe62\xd4\xd26kr\x93\xdd\xef\x1eL]\t\x9f\xd3\x83\xeeF\x86\x81Q&amp;\xb3C/\x92+\'\xe7\xe6\xfc\xf4\xe4d\x1a\xea\xfd\xd9\x96\x13f\xae\xa5\xbe\xcaB\xef/\xca\xca4Q\xebl\xb0\x8bU*\x8c\x1bs\xbe\x983\xe6\x9702`1\xe8\xe9\x8d7\x91\xc7\x9b7\xe7\x8fL\x83\xea,\x9c\xf5\xfe\x1e\x82v\x7f\xb4\n\x85\x19X\xca\xb6Yk\xa0\x86e,N\xc8\x17F\x1f\xe1W3\x08\x89\xac\xe1\x92\xd1\x98\xd9\xb29\x92Q\x0bT\x03\x03\xf7\xee\xdd\xb6TY\xc4\xadb.\xd9\xddj\x8d\x86\x8b\xf6\xb1\xcc\xd5\x15\x0f;\xd1\xa4\xfa\x19\xa6Z\xc5\x13\xa0\xf5\xda\xff\x97\xfd\x19(\x8c\x8b\x19\xb1\x06@6\xa0\xd7:\x1c\\}\x19\xa8f\xdb\x941\xd6\xb1\xb27\xc2&gt;\x9f\xd3Oz\t\x04j\x83Tz\xe9\xcb/\x9fMR\x9cy\xf6\x9bX\'\x10Z\xb1\xc3\x8c\xf2\x0e\xaa\x916\xa5\x8fm\xac}\x9c\xcd0q\xc5\x9c)\x81:\xa5\x16\xa8e\x17\xf7\x83\x0b`\xd3\xd3\xe9$B\xac\x81\x96\xe3\xc7Op\xc5W\x95\xd1\xb6h\xdb\xc8\x885\xaa\x0c\xd7\xb0\x8d\xb5o\xd3\xdb\x04\xae0\x14\xab\xf6x\x12\x1b\x02{\xc3\xfeg\xc0\x9a\xff0?\xbd8y\xeb\xec\xbd\xf6\xf6\xf6\x96\x96\x16\xf3\xd5\xab(\x0cmQ\xeb\xc8lT\xf3\x7f\xc0\xe2\xf4\xe5\x16\xc7b\xbe@ \x1c\xf3{|\xa9\x8d\x84\xba6\xe7\xf0\xe4\xb3#\xa8\xa7\x98\x80\xae]\xc0H\xd6\xde\x8e\x89l\x1cV\xb7\xb6\x81\xaaM\xa9Q\x06X.\x10h\x9eC\xb9\xa7b\x9eX8\x1c\x0e\xf8\x9c\xbeX&lt;\x95J%j\xe7\xe7q/^\x1b\xa5\xb9\xb1\x93&amp;\x1f@\xcdXG\xac\xf0\x95\xd5zhxX\x19\x91\xb3\x8f\xe5&gt;\xe5\xf58\xbd\xe1H\x10\x82\x85#\xbe\xddT"Q\xfe\x01c\x06a\x8d\x8ebD\xec\xee\x9e\x99\x99\xb1\xceRX\x0f\x1d\xb2)\x87mc!\x13\xdbY\x0cI\xfb\x07\xa5~\xa77\xb2\xba\x1a\x8c\x04\x83K\x0b\xbb\xf1\xdd\xdd\xddk\xd7\x80\x84\x18\x1b;\xb9=55e\x1d\xb2Z\x87~\x1a\xb1\xb6\xd9D6\xd1\xb0H\xbc\xc96\x16GNX\xe8\xb6J\x9a"\xab\xc9\xe4R0\x18D\xfb\xe7[\x18\rR,\x05\x93\xdb\xefhk\x83\xe2\'k\xdb!\x9b\xadT\xa4\xb4u&lt;g\x1d\xab\xcb\xd0?x\x11]\xe0\xa07\x10\x89\xac\xae%\x97\x92kI\xa0\x05\x97\x96\x96\x92\xc9\xb5\xb5\x99\xa9\xa7C\xe7&amp;\x86&amp;\xceM\x8c\x00JD\xa3\xbe\xa8\xb4n\x87\xedO\x1495\x8c\x11X2\xa9;\xd7\x17\x08\x07\x82D\xb5\xb4\xb4\x86\x98y\xf7\x0eB=\x1d\x1a\x9a\x98\xc0\xff\xd0\x10|\x05\xb10\xbd\x96\x8a\xf4\x1blc\x99\x08K*3\xd8\xc9_\xbe0\xc8\x92\xef\x92a\xc86\x93f\x02\x12-+\r\x8d\x8c\x90\xdd\x0f\x95\x96\x12V\xa9&amp;\x95mb\x1b\xab\x87\xb0\xecv\x83\xc1\xef\xf7\xc4PX\x03\xc9\xe4j$\x12\t&amp;g\xa6&gt;\xa954\x04\xb3#\x0eUP\x00K\xe7,b\x1dK2ht\xf7\xd8\xa5v\xf4[\xd5NT\xd60\x90\x82\xab\x88\xb5m\x18\xeb\xe9\x08\xa0\x9e\xa2\x8aZ3Ti\xb9D\xde.\x96\xb3h*b\x06\xdd\x17ev\xa9Tj`\x18\x8f\xd3\xe9\x89\x05|\xa8_\xabI\x80\x8d\x8f\xcfX\xa7P\xdd\xad\xb3\xd6\xdf\xc4\xca`\x15\xcaY\xc6\xe2\x00\xeb\xa2\x94\xa8\xa4vF\xa2\xc6\xbd\xe8\xf4\xc6\x9cN\x14\xfd@\xa0026\x1e\x8dF!\x14\x0e\xa1\xd2f\x83\xb52!r\xb0]OME\x127\xb0\xecv\xc2B\xf8=\x00\xf3\xe0\xe9DB\xbd\x01GG\xd90ml\xd9\x94\xcaa\xa5MD\xfb\xc3:&lt;:69&amp;\xd6\xb1@\x85\n!\x95\x11\x16S\xed\xaff\x04\x0c\x03\xdd\xf2&lt;\xce\x92\xa6BG\x87\x9e:x\x84N\x84\xb2%\xba\xae\xc3C\xcf\xe6P\xfd;Vz\xbc\x90R;/a\xd4j\x01\x8f\xa7R\t\xd0I\xe4xr\xbd\xc5MB\x87\xa2\xa3\xae\x0eh\xc3:\x9d\xae\nl\xf8\xab\xf7\xd7pX\xf6\x16\x0fXP\xcbN\x894\x00K\xc2\xe3\xf3\xf9&lt;\xbe\xa0\xba6\xc7\x93\x97\x9bU\xdc\\(T\x88\xb5\xda:\xfa\xf6\xc1b\xa9\xd7\xe9\xea\xc1\xc5\xf6QD\x81\x90\x1ad\xf4\xeb&lt;\xa8\xecv\x89D\xc5\xe7?B\x00+\xa7&lt;//\xf7\xf0\xa9\xa6B\xa1P\xc1\xd5j\xb9z\xad^O\x0b\xc4 \xc3Qd\xd7[\x9c.\x06\xa6\xea\xe9\x91\xf4\x90^2L\xd8\xd0\x8aOX\xb59y\xb9\xb9YY%\xbd\x85\x05B1aq\xe9\xa1Ms\x91\xe7\xd9\xfd@&gt;d\x80\xa9\x18\xc2B\xa8\x99t\n)\x8bP\x0b)&lt;\xe5-&gt;PX\xe0\xc0(\x06,3\x91\xe9-\x16=\x12\x99b\xd5\xf3\xa6\xec\xe7\x1e)\x89\xa5"\xb9d`\xe3}\xa2RS\x12s\xb3J\x8a\x9b\xc8[\\\xbd\x9e\xcb\x15\x8bI0z\x15U\xafk\x92\xb3)Wv\xc8\xef\x06\x16r\xa7\xeaa\xd4=\x12\x81\xea\x93Z\x84\x95SNX\x85\xc02\x13\x96Y,N\xeb\xa5%,mJ^\xc4\xda\'\xf25\x9b\xce~\xb7\xc1\xc0\xa8P\x12T\x02\t\x1eO2TT jA\x95E9\x84\xe3\xb9Z\xaeX\x91\xc1\xa2&lt;\xc2\xf5\x1d)W_\xa8\xab\x86\x85\\f\x7f\xb5Q\xdc\xe4u\xa3Z\xf1\xf8\x92\x1e\x15\xc5\x93\'O\xf8p\xfd\x13\x81ZMT%\xc8a\x13\xb0\xccf\xb3X\xe1p\x88i\xf3\x94\x9bN\xa3N\xa7\xe8\x8d\xc5\x13.y\xd7\xde\xbea\xe1d\xcb]\xa9\xa6\xe6^t\xcc\xe4s\x1eI% 2\xf8\n\xe2\x01+/\x8du\x80\xbc\x85\x04*\x14\x0e\x85BLX\\}=a\xe9\x15\x05\x91\xa0\xcf%\xffj/\x05\xe3\x14\xf5\xc5\xbd\xcd\xcd\xbd\xfd\x83\x06\x19#\x81\xc7\x89K"\x10\x00\t&gt;K;\x9e\xeaCI\xc9\x81\x83\x85B\xb1\x96\xebp\x08\x1d\x0e\x858\x9dM\xad^KU\xb5\xe3Fo$\x98\x90\xcb\xe5\xd9{\'\xd5\xab\xbexq?b\xd0\x8d~F\xc2\x07\t\x0f~\x07\x17U\x08\x9e\n5\xbe\xfc\xd3ALc\x99\x1dB!n!3\x17\xd9$\xb6z]}\xbd\xf6F\x7f\xbf\xc3\xd7(\xdf\xb3&lt;f\xbfzut#&lt;\xe8\x1eD\xa4\xb1\xc0\x04\xb1\x04\x02\xba\x11\xe9\xad:\xbc\x05,\x98\xab\xb8\xb8\xa9\xa0\xa0\x00\xe9\x13\x12\x16\x80\xc8\xf9f\xad\x165\x95\xb0\x06\xfbI-\xf9\xd1=\xe0\xca\xee\x92\x1f\xfd\xeb\xab\xa3\t\xaf\xd4\xe0\xa6 kQ\n%*\xa2R\x0b\x04\xbct1\xad\xc5\xd5\x83sx\xe0`\x01\x1dE\x87\xf0w\xb5H\xae\xff\x96r~\xa1m\x9dg\x187\x08\xa2\x9bf\n\x0eX\x0eF\'\xf4\x14\xeb\x08i2\xb2\x05B\xa0\x8a:\x07\x12y\x9c\x0e\x84``\x91\x9b#\xe2\x9bqZdT\x91\x12\x8f\x06UB+\x1bV c!d\x18m\xc2-g\xf3,\x9be\xb1\xcfE.\xa2\xccr\t8\xceP\x8a\x1b:\xc7\xda\xa6 G\x91G\xb2\xad\xfe\xef0\xefy\xbfOv\xb2\xb1\xd2\xa6{\xf4\xc7\x0e\x1c[?=\xef\xf3\xbe\xdf\xa7\xc8G4#\x18\xd6\xb59I\x94$i:\xfd\xff-\xddt^|\xa9\xda{\xf7n\xef\xd2\xfb\xa7\x8e\x9d\xa2\xdd\xdf%\xfa\xab\x03f\x17\xd6\xe9\xd0I\xdaA\xcc\xce\xb2\x19\xdf\xe5\x8d\xa2\x84\x0e\x87\xbd\xbb\x83\xb0b1\xca\x16aQ\x19\xdf|\xf3\x1d`\x9dJ\x03j8\xf2xr\x94&gt;\xe2\xe6[\xbe\xb1a6\x9b{\x96\xa6\xf2\xbd\xc0\xba\x9b\xbe\x84\xea\xe1\xf5!\x1a\x91\xa5\x89\x12\xdf\xd9\xd7\x17\n\x85\xc3}\xb3p+H\x89\xa7\xa9\x85lu\x9f\x8b\x1d\xb7\xdb\x8f\x13\x16\x12\x0f\xbd\x03\xac\xd7\xba\xcf^\xbb\xf6%y\x15\x89\x8c|\xb8\xb6\xb0\xfe\x98&gt;J\xe6[\x80\x9d1\x9b\xc5\xf5\xfbK\x1cKZ\xbd\xd4\xd9I\\\'y\xc8\xbf\x8b\xc8\xc3\xadp\xd8\x12\x86_|EdK\x8f\xec\x88\xc5\xce\x11\x15\xd6 \x8c\x072\xab\x9b\xfe\x82\xab\x03f]JS\r\x87#s\x17\xd6\xd6\xb6/\x9c\xbf1|\xe4\x95\xc1\xce`(\xdc\x99\xfc\xcd\xfd2\xc7\xba\x9b~x\xech\'\x0c\xe3\xab3\r\x05\xfc\x03T\x16K\x08\x01\x0b\xd1\xcac\xf2\x06\x02Q\xd9\x1e\x8b\x1d\x07\x96=\xd6\xfd\x1a\xad@\x18\xab\x18\xac\x1d\xdd??\xfb\xb3\x1f\xcdI\xcc,if\xb7\xbf?\x99\xdc\xde}\xf2\x1d\x80\xbdR)\x91\xaa\xe9\xe5\x9fX\x8b\xff*\x01\x8b\xb8zGB\xc8\xfa\xb1\x93\xe4\xd6Q\x12"\x8fu\xd0f\xbbb\t\xb5s\xb7\xf84u\x90S\x08&gt;\xc3\xea\xe8\xe0\xe9?w\x1c\x93\xf8K\x89c\x89\x8fr\xfd\x10\xeev\xaf\xaeN\xbf\xca[\t\xe6\x9e\xc1\xd5\xc95k\nX\xd5^\xce%.\x81\xab\x93\x8d\x07\x08\xdd\x87"ZlWl6K\xb8\xfdE\x11a\x17\xb8\xec\xac\x88o\xd3\xca\xc8\x0b\xea\xc0$^\x15#\xdc\xac\xea\xa3\xdb\x80\xba};\x97\xeb\xcf\xed\xbe;#~\xc3B\x9a\x8f\x0c\xaf^\xfep\xbbhM\xbd\x8c\xd5[]\r\xa1\xfb\x8e\xf1\xc9~\x14X\xed\xedaP]\xb1YB\xa1\x10\xbd\xc7\xcf\xce\x1b\x89\xca\xb2C&amp;\x92\x18E\x0b6\x01\xcb\xe1\x88~\xf0\x11\xa7"\xb3\x06\xefq,\x02\xcb\xe5v\x9f&lt;\xfe\x06\xff\x17`&gt;\x83ufa{\xadh\x85\x08\x8bU\x91i\xf0a_;a\x01\xac\xbd\x1d\xed\xd7G\xaf+\xd0\x81W\xc2|\xfb@\xf2z\xe4\xb3\xb8\xb0&gt;$,\x0e\x15\xf5p\xaa|\x84\xcc\x12\xcf\xe78UK\xcf\xe6z\xda\xce|]\xa4\xc4\xe5\x0bk\xc5"Q\xa5R\xc8V\xf5%\xae2q\xd1\x08\x85fqka\xd9,\x16VC\x8e\x852\xca\x01`a_\xf3v7Q\x01\xca\xf3\xd1C\x11@yVBI&lt;O\xc9:\xb4+\x97\xfbdv\xf8k&gt;&gt;\xaf\'}o\xbb\xc8\xa9\xac)\xab\xb5\xb8X*\xf122\x8d&lt;D\xbd\xfaB}t}\x81\xd5e\x83\x08\x8b\x16\xeb\x00\x13\x12O\x93!\x96q0\xaf\xa2\x7f\x1d\x8c\xf0`\r\xa6E`\xe5X\xe6\xfb\xf9\x17\x00\xee^\xbd1\xfc\xd5\\f\xf3\xf0\xc8\xd2e^?\x82\xb2\x1a\xc6o\x81U&gt;\xf4+?\xb2\x1c\x0c\x87\x98\xfa\xf8,\x05\xd6\xc0\xc0@\x17ay\x99[`\x8a2\xac\xee\xee\xf70U\x1d\x8e\x0c\xb8\xdeOG\xb8\xca\x1f\xdf\x91\xa4\xc1\xcf8\x15z1I\xca-|\xf2\xfc\xf9\xef\xe7\xbe\xea#x\xcc=b\xb9\\\x1f?p\x8ad\xdc/\x97J\xf5\xcdz\x9e\x83\xe5\xf3w\xd6\xd7-\xa1\xf0L8\xdc\xe2\xb2\xd8\x06\x06L\xde8#\xa2;\x0fD+#\xa6\x17\xc6j\xc6\x1e\x8d:2\x93_l\x969U\xe9i\xad\x0e\xac\'@J\xe2\xd2\x9f\xd44mM\xdb\x9dI\xcf\xde|\xf6\xec\xe6?\xc4\x9e\xff\xd1\x94G\xbe_\x1d,\xef\xd7nY\x0f\x05\xc0\x85:\xb0\x1a[\xe0b`\xf9\xbd\xb1\x07\x8f\x82\xe1\xe5\xf0Lh\x86\x99E\'\xdb\xc5\xd1\x81\xa6\x03\xc5\xbdq\xc6\x95a\x82S\x8e\xc9\x89Ba\xab.\x11\xd5\xa6\xde\xa8Kb\x0b\x8bV\xc3\x04\\\x00\x00\x03\xe2IDAT\xc8\x92\x003v\xa9\xc4\xd37n^\xbd9\x9b\xfe\xef]\x8f\xb9\'R-\xefo\xe9\xca\x06Y\x95: \xfbg\xbd\\\x9ej4k{y\x02\xcb\xef5\x04u~\x14\x9b\x18\x02\xa3\x95\x07E\xfc^&lt;\xee9\xe1\xf1r\x11X\xdc\xf3\x16\x1f^\x08\x16\xbc\x9a\xd0\xdd\xeeBm\xa7\x1a)?\xd5\xd5\xc2T\xcb-\x12\xa3\xd2\x8c\xe4\xdf\xb66w\xea\x83\xe2\xf4\xdclx\xe6\xc6\x7fZ\xd5[\xado\xd6t_\xb6\xf9\x02\x89\xb4\x00\xac=\xbdRi\xec\x97\xc0\xb5W\x13\x04\x9fobq=\xc8\x84\x0e\xa4*\xc6O\x04X\xed\x08\n\r`\xa2\xd3ca\x17Q\xc9\x99\xcf\x1bnR\xa1\xb6\xb9\xb3\xa5\xab\xaa&gt;\xc5\xb3ENQ\x05\x8d\xe2\x9a\xa6\xfdE/4j\x84\x96\x1eL\xcf\xbd\xd8\'\x98\x8fH\xe5\x9d\xad\x86\xaa\xb8\x94\xec\x0fS\x10\xeag X/aU\x94\xcdry\xbf\xe1\x13\xc0\xa54\x1e\xac\x07\x97\x0f\xc0\x80\xe5\tP\xa0\x02\x1e\xaf\xa9\x8b\x1a3\xfe\xfa\x07\xaf\xc3/\x19\xeb\xe3\xe4\xbc\xee\x16\xdc\x1c\xac\xa1+\x8aBn\x89\x9f\xe5\xb8Q Jj\x14\xb2O\x0bL\x0c\xed\x10*R\xda\x83Q\x8aOq\xb9\x14\x17\xb0\xac\tC\xd3V\xc8^\xc3\x00V\tX\xceJ\xa5Y\xdbr\xbb\\\xae\xacO\xf0e\xd5\xb1\xd1`\xcb\xb0 U\xd1s" cZyM6\x86\x15\x7f\xe3\r\xd4Q\x963_|\xaar\xa8\x82\xdb\xad\xaa\xa0R\xf4?I\xad\x01\x91L\xf2&gt;\xc4\xe3$\x7f\xe1fX\xcc\xd5\x16\x944\xb5Y+\xe0G\x80\xa4\xf8\xb2\xe4\x96_[Y\xf9#\xb4\x02-P\'6\x9cMpU\x9c.\x97\xd3\xe9\xcc\xfaH\x8d\xf1.\xec\xde\xc9\xae\xa0m\xc0\x14\xf7\xc8\xb2\x9d\xce\x1c\xb6uyL\x03\x03tB\xb1\xe7\xad\xcc\x9f\'T\x98\xcb\xa1\x04br\x02k\x07X\xf7\xc8-\x8d\x90\xf0\xc4\x13\t\xbf\xff\x96\xe2SU7\x8e\xc6\x93\xe6+2\x8a\'d\xf1x\xb8\x00\xcb\xa7\xfc\x125Lh\x0c\x8b\xb4P\xaeV\xeb\xb5&amp;p\x9a\x00s\xe1H2\x0c\xd2\xc7Fm\xac\x8a\xb4\x87G\x19\xe5\x0c\xb0\xbal\xa6\xf7\xbc\xb6\xae\xd3\xa7O\xc7\x03\x9fO\xe8&gt;\x9f\xc0\xcd\x12\x14\xfc\x02\xdc\x80\xf5kL\xf9{\x9a\xe6\'i\xfe\x04\xd7F\xd3\xa9p.A\x00\x14\xe6A\x81\xa0\x86\x86\x86\x9c\xf4\x80\xc0\xda`\xd92`\x18C{\xbe\x94\xcf\x97\xc6\x14\xa7\xcb\x87\xc3\xc0\xe5\xcafq%0\xb51&gt;\x8a\x1a\x86[\xe9\x923v\xc2\xb2\x99l\xd8\xecty\xff@P\x07Tj\x93\xb0\x88\x8a\xb0\xf2\xe2\xe5\xa2\x9f\x0bN1\xac\xa2\x02*.w\xdb\xc8\xc75\x81`\x005\xe4b\xf2)\xd7\x89*\x91\xb0&amp;\x12\x86\xc1j\xf9\xf7|\xbe\xba\xa5\xf0L\xb9\x86*MVB^H}~1\x88\xc9\x8a\x19\x81\xc1._\xb4\xb3\xd3\xa5\xa8;\x7f\xbc8\xaf\xe3p\x86%\xa8d\x15\xaex\xe6\x90\x8eA!.\x16\x19Q\x8b\x0c\xdfh?u\xeb\xc4Dpm5a\xe8\x10\n?\x83\xef\x95\xe6F\nG\x19\x9a\x91\x00\\*\x85\xe8?IG\xa4-%\xdb*\x9d\xcb\xd9T\xc8i\xc1\xc7\xee\x0b\xf3\x8b\xcb\xb4{\x88\xca\x81\x1f\\\xbc\x08,V\xd5\xc5\xb1\x86 \x1c\x1e\x95eF9+N&lt;\xc4\x10\xb0\xa4\xc8\xf0b\xd1\x00\xcf\xa1ah\xc7\xdf\xa9\x9cKU\x0bm\xd9,\x88*\x15\xc6\xe5\xa44\xbb\x9a\xd77\x12~*\x1f\xfa\xd0\xf0\'`[bwv8\xb2\xe9\xa3D\xa1t\xa8\xa0\xd2T|(\r\xcb\xb2@\x9d\xf3`q\x94\xbd\x9a\x96e/\xba \xb8\x0e(\xf7\x01\x12|u9\x99K\x14\x13\xba\xe9;\xf9^\xc2jA\x11\x97\x1fI\xbb\x85`\x91Yh\xc7\xb6!&amp;p\xd1\xd3p\xb2X_O\xf9[i_Y\xd1V\xd0%\t\xe3\x91(\xedc\xcc\x12\x16$\x08\xaef\xb3\xd9\x1aE\\\x8d\x89\xb1\xf1_]\xc6\xd8B\xb4F\x9f\xd6\n\x0c\x8a:\x8f\xa0\xf8\xf3u\x0eUZ\x0f\xa6\xee\x01k|\xc3x\x89\x8a\x9c+\xea\xbcWU\xbd\xf0oxu8]k p\x8b\x00\x00\x00\x00IEND\xaeB`\x82'</t>
        </is>
      </c>
      <c r="M80" s="3" t="n">
        <v>45492.67815972222</v>
      </c>
    </row>
    <row r="81">
      <c r="A81" t="n">
        <v>243109</v>
      </c>
      <c r="B81" t="n">
        <v>5926</v>
      </c>
      <c r="C81" t="inlineStr">
        <is>
          <t>Reinaldo</t>
        </is>
      </c>
      <c r="D81" t="inlineStr">
        <is>
          <t>Reinaldo</t>
        </is>
      </c>
      <c r="E81" t="inlineStr">
        <is>
          <t>LE</t>
        </is>
      </c>
      <c r="F81" t="inlineStr">
        <is>
          <t>LAT</t>
        </is>
      </c>
      <c r="G81" t="inlineStr">
        <is>
          <t>LE/ME</t>
        </is>
      </c>
      <c r="H81" t="n">
        <v>178</v>
      </c>
      <c r="I81" t="n">
        <v>6</v>
      </c>
      <c r="J81" s="2" t="n">
        <v>32778</v>
      </c>
      <c r="K81" t="inlineStr">
        <is>
          <t>Left</t>
        </is>
      </c>
      <c r="L81" t="inlineStr">
        <is>
          <t>b'\x89PNG\r\n\x1a\n\x00\x00\x00\rIHDR\x00\x00\x00\x96\x00\x00\x00\x96\x08\x03\x00\x00\x00\x0b\xdf\x81\xd0\x00\x00\x00\tpHYs\x00\x00\x0e\xc4\x00\x00\x0e\xc4\x01\x95+\x0e\x1b\x00\x00\x00&gt;tEXtComment\x00xr:d:DAEewil2SDw:2918,j:8173301721030075589,t:23062304RN\x96\xc5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8e585da7-55c0-426a-9e58-ad559c109db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p\r\x9c4\x00\x00\x03\x00PLTE\xff\xff\xff\x0e\x0f\x0e\x14\x13\x12sQ&lt;\x11\x0f\x11\t\n\x0b\x0b\x0e\x15\xff\xfe\xff\r\x0c\x0c\x08\x0c\x12\x10\x10\x18\x07\x07\x07\n\t\x08cF5vT?~YCiG3dI;yYC\x82^G\x18\x16\x17\x14\x10\x0ckK6\x12\x14\x1b\xbb\xbb\xc0\x8c`CsL2mO9jD-\xb5\xbe\xc2~U;]?+c@+\x1e\x17\x11\x8a\\?$\x1c\x17F1$oK8\x14q\xb0iL&lt;~\\F|U@\xfd\xfd\xfd`C1C,\x1d\x13{\xbb\xba\xbe\xc6\x8edI\xe8\xe5\xe7nP&lt;X9&amp;nH1\x88]D*!\x1c\x10\x0b\x07\x94fJyR6gK7\x84R3\x83V9uM8\x9fgDeD1\x9bcA\x82]A\x87aIQ8)V?2V&lt;,K6(\x14v\xb7^F8\n\x11\x19pG+@.#\x84X?\x8acM\xa6uVvJ,\x9dlQ.2;\x04\x03\x03xX=\x8aW7\x8cmT\x93oU\x17\x1a"\xb3\xb9\xc1N;/\x9agJ|N/H7.\x7fR60!\x19\x93_=\x8ehOP5$\x97cC;(\x1b8+$\x91cE\x93iO\x97t\\5&amp;\x1deej\xa3mH\x1c\x1a\x1b]?1L2 \xabwXkB&amp;\x99lM\xa1pRjO@\xfb\xfb\xfb\x12\x81\xc1qT?%\x17\r\x8f[;\x83cMZC5""%\x1c\x11\n\xb1\x80_\x0e\x16 ?2,8!\x13\xf3\xf2\xf3!\'2w[KWF;/&amp;"}\x81\x89\x15i\xa6zN8\xed\xeb\xec\xb7\x83c\xf7\xf7\xf7\xa8\xb9\xc6++1\xb5\xba\xc7\r\x82\xbb\x1b!+\xa9sM\xab\xb2\xbc\x9c\xac\xc0\xaf{Zd=$U4 \x9frXM-\x1b\x8a\x8a\x90?CK\x8emb\xc0\xbf\xc4NR\\C\'\x16\xb6\xc2\xca\x8d^L/\x1b\x0fyx|\x92\x80zpUE_;$HKQ\xa2\xb2\xc1mtzj\xad\xd4&lt;:;V\\gc]]\xcf\xc9\xcahkp\x84YJ\xb8\xb6\xb8NA8\xd2\xd0\xd2\x94xk\x96gW\x0e\x89\xc4\xb1\xa4\xa2]eq\x85\x8f\x9a\xa5wd\xaf\xbc\xc95:E\xb0\xad\xb0VV]~\xa4\xbf\xa1\xaa\xb6\xdf\xde\xe0\x12~\xb1\x84fU\x98\xa1\xac\xaa\xb3\xc3qNAuTE:~\xaab\x9a\xbb\x8dc[R\x8d\xb1\xdb\xd7\xd8\xaa\x98\x95~QI\xa6\xa6\xac\xba\xc0\xcf\x14K\x8dp{\x89\x1cv\xa7\x94\xbd\xce\x9e\x9c\xa1}^T\xc7\xc3\xc6\xc7\xcf\xd6eo{\xa6\xc0\xd2k\xa3\xc7\x91\xae\xc5\xc9\xbc\xbc\x96\x95\x99\xbc\x8apA\x8e\xba\xa1e^\xa4}w%\x80\xb0-\x87\xb7^4\x1ez\xab\xc9\xba\xa9\xa8\x8aPM\x8f\x98\xa1\x16[\x9d\xb1\xcd\xdb\xa4\x8d\x89@eyP\x99\xba\x12h\x90\x15Uxb\x8b\xa3u\x96\xb5\x99\x8a\x85gQI\xc0\xb0\xaf\xc6\x8coujeVLI\x85vj!t\x9aAS`\x0f?Z.u\x8cVv\x8a\x9bWR/GW\t#&lt;\xd0\x99|\x92u7\xdd\x00\x00 \x00IDATx\xda\xc4\x97\xddK\x1b\x89\x1a\xc6\x9dq\x86\xcc\xeaX\xd3v\xa6j\x94|*\xdd\xc4\x80i\x12\xa3\xebG\xac\xd1\xb0\xf8U\xb5\xb6\xb2\x11S\xe3G\x8fv\x8c\x1f\x84c\xb7\x89\xa0\x94\x8an\x08\x9c\x82\xad\x8d\xd8\xb2\xcaV\x96\x1cmE\xceMA\xc1\xab\xbd\x11\xbc\x12\xef\xbc;\xff\xc3\xde\x9f\xe7\x9d\xc4\xc3\x81su`\xf4\xbc\xccLjj\x99_\x9f\xf7y\x9fw&amp;/\xef\x7f*\xc7\xc9\xd9\xe5\xfe\xb2\xe3\xbf\xbe\x8e%c\xc9dL\xa7\xd3\xe5\xfd_J\x17;=O\x97\xae\xc5\xfe\xe3\xf6\xb15\xd7\xc9a\xe9\xd1\xc1\xd1\xd1\xd6\xc9\xdar\xcc\xe1\xc8\xb1\xdd(\xa1#yz\x94&gt;;M\xeat1\x87z\xe3\xe4\xfe\xe5\xefS\x1f3\xa9T_\xdf\xe6T\xfa\xfc`\xeb\xe2\x10t.WR\x97w\x93\xda9\x96OJ\xd3\xe9R\x97\xeb\xf0\xe2\xe2\xe2d\xd9u4\x95*a\x18\x81\xe3\xd8\x82\x12%\x95\xc9l\xee\x1e\x7fYI\xaf\xa4KO\x927\x87\xe5X;\xbd(-=\xda\xd9\xdb\xd9\xd9;\xde\xdd\x9c\xbaL\xef\xc6\x85\xc2B\x9e\xe7$EQ$V\x92\xd8\x82\xc1x*\x1e\xef\xdb\x9d\xba\xbcX\x8e\xe9nH\xaa\xd2\xcb\x95\xa9\xe3\xddL&lt;\x1eW$\xa5d0\x95\x8a\x97\x08&lt;/p\x00\x92XF\x10\x04Q\xc4\x0f\x1cW\x82\xdf\xd8\\\xd9Zs\xdc\x08\xd7\xf2\xfe\xc1\xd9NFbH\x16\x86\xe3\x98\xefx\x8et\x92XYfY\xd9\'\x8a\xb2,\x08\xacD\xba)J\xc9\xdfv/OnF\xb0\xa4\xeb\xe0\xf7&gt;\x16\xaa\x14\x8a\x02\xc3\xb2,dR \x1cGB1\xb2\xcf\'C)\xfa\x8a\xc8YV\xea\xdb\xd9O\xdeD\x17]G\xc7)\x85c\xf8\xc2\xc2\xfeB\x92%N%1\xbc\xc0\xc3`"\xc7q\x84\x07\x01%F`\x18Y\x96\xe3\xc7\x07\xd7\xcf\xa5s]n\xc6\x07!\x0e\xcf\x03\x0c.\x92\xe2\xa9\xbe\x94B\x94T\x0c\xcb\xa0\xb3\x1cCJ1\x85"\xd4\x14\x84\xc1\xdd\x83e\xdd5g\xe9I:\x83\x8e\x91\xb5\xd15\x02\xe3\x94\xbeLJBK\xfb!\x9e\x04\xd982\x1da\xf1"\x06A\x92\xb8\x82\xc1\xdds\xd7u\x1aL\x97&lt;\\\xe9S$\x994!Q\xf8~\x1e\x14j\x0by\x91\xb4\x02\x04x!\x16\xda\xc8\x80\x99\xe7\x01\xca\x95\x0cfVNc\xd7G\xb5\xbc\x85\xe4\xe4D\x8c\x1c\xcd\xa1\x8a\x05\x1f\xb1\xd4P\x11\r\x15I3|@%\x14\xcf\xf7\xf7\xf3\xa2@\xa4\x10l\xe7Dwm\x91up&lt;X \x08\xb2\xecCw0n\n\x8c\x83 e\xd4\x19$&lt;N\x00\x9d(b\x160\x0fT\xf0\x1f\xfd5\xce\xd4\xe5\xdau\x8d\xe0\xd9\x9f\xf1\x02\x8e\x95\xa9]\xaa\x1a\xaa\xbb\xfa\xfb\x052\x9a\x1a\xef\xc0\xe2U\xc9\xb2U\x98=x\xfa\x96\xcd\x9c/_\x07U\xec\xe4\xfcO\x1b\x8c,C\x0e\xdc\x9a&amp;\x0f\xd6\xa1q\x14(\xbc\xc8O\x02-FJ\x08\x110\x90\x89\x17sx\xf8\x17\x8c\xb4{\x11\xbb\x16\xad\x8e\xe3\x16$\xb8\x88\xfbe\xbb\x85O"\xa1U\xc3\xaa\x86\x02\x1b\xa5;p\x80+PT\xe4t\x13\x19Yd\xe2\xd7a\xaf\xd8i:\x83\xd0f\x18\xb5c\xb2\xdaF\x06\x9b\x87\'\xed\x18Y\xbd\xa2\x89 \xc4\xef\x14\x14\x90\xddx\x81\x11\xb3\\\x883\x99\xe1\xfa\xce\xb4\x8f\xaf\xe4\xe9JJ!*\xbe\x10\xabEF\x00\xd0\xfc\x91*\xf8Nf|\xb2\x0ch\x99\x86QP\xc3\x8a\x04U\r\x88\x0eB.\x99\x15\x98\xc1/.\xcd\xb1\x96\xb7\xf6\xde(j\xb4\xf3\xea~\xb9\x9a:\xda\x8a\x8a%\x91\xb0\xa1,\xf8\x94e\x9c\t\x19\x98&gt;\x1f\xf6\xb6\xf0\x1d\x9aM#\x02\xf8\x82\x8f\x87\x0e\xcd\xad\x95\xee\xabea\'8GU\x08\xc9 \xe2\xc6\xb2\xc5f\xb1\xd5\x86\xc3\xe1\xb1\xc9\xf0\xd2\xd2\xf6\xf6\x82Z\t\xb5@V\xc8\xab\x9b\x80\x96$\xcb\x95|&lt;\xd4\xda\xf4\xb1\xfd\xbd76\x1f\xb9\x1b&lt;\x02G\xc1\xe0K\x00`\x1b4c\xceO\xce\xc8\xfb\xf7\xd1H\xf4\xc3\'\xd4\x12\xf0\x080\xb1`I\xf8\xc0N\xc3A}\x95\xd8\xcc\x91\xc6;[\xb7v\xbe\xf9\xc6BM\x11I%\x99\xe3\xe4\xc4\xc26\x00&gt;}r\xbew\x7f\xfel\xf6ttT\xa0\xcc\x9fQ\xff|\xff\xe1\xc3\x07\xc2\xdb^\xb0P+\xd5f"}\xd9\xf8\x8e\xc6\xe6\xd2\xb9\xd2\x99Z\x9fj&amp;\xb8FNX,\x80rF\xa3 zW\xd1\xf1\xc804\xdc\xd00\xf4\xa8\xe3QGG\xc7,\x9d\xb3\xef&gt;\xbb#Q\xe7X\x18\r\x05\x19\xfd_\x04\x99U\x10]:\x8d\xd5\xca@,\x8a\x03\xd8\t\xbdC\xe7"&amp;\xb3\xb9\xc2\x03\x96GCCC\r\r\xc454\xf4([\x1d$\x9e\xdf\xe4\x8e8!Y"\xe1\xcb\x0e\xa3\xd4w\x96\xd4i\xec\xf8q\xd9\x97\x8d\xf6\x84ea\xe9S4\xe26Ux\x0c\x1dD\xa225\x0c\x0c4\x0c5\x0c\r\x03q(G\xe6\x01\x99\xd9\x1du.-$|\x94\xa9\x02\x9b\xba\xd4t\x01\xe9\x1c\x87{\x8aL\x8fy\xa2\x8f\xa8\xc8O\xef\xde\xcd\xceB\xa8\xe1\x86\xe1,\xd3\x00\xcel\x81.\xcb\xa6jf6E\x97\x16|\xc4U\xc8\xa6\xd2\x9a\xeek]\xec \xc3aE\xf3&lt;\xc6o\xc9\x19!K\xcd\xce\xceB\xab\xe1\xc6\x86\x9cV\x03\x03/\x07\xfe\x8dF\xaa\xe5\x143\x9b\xcd\x81\xb1\x05\xd5^l\xfc\xcb\xa9\x96o\x8e\xba\xd8Q\n;\x8e\xb6\x8ce\xdb\xe9~\x87\x9a\xadP\xa5j\x00\xd60\xa0^\xe6j \x87\xd6\xd88&lt;\\_o0T\xe9\xa1\xd7\x15\x97\xa0\xec\x1d\xea\xb4U+\xc5s\x98s\x9f%\xdc\x19\xf9&lt;;[\x01_\xad\x0e7vYU\x86\x97\xcfP\xd9\xcb\xc0K\xf5:`\xb5v5\x1a\x8d\xf5\xabMU\x88\r\xfft`)\x01\x07\xf8\xe2{\xfb\xdab\x95\xf6\xf1\xd8\xbb\xa2l\x1b\x0f\x9a\xcc\xb3\x1d\x1e\x8f\xa1\xde\xd8\xd8U6\x81\x02\xd0\xe8hh\xb4ett\xb4\xe5\x19\xfe\x88\x9axV\x06\xae.\xa3\xd1~\xab\x89\x8c_\xddV\t\xb9|&gt;\xe5Xs,&lt;6\x08\xb2\xad\xb6\xb3\xbd\x9a\xb0\x9a\xea\x8d]\xd6\xb2\xba\xb9\xb9P(T\x07\xaaP\xa8\x05\xd5\xdc\xdc\xd2\x8ck\x08`ee^\xef\xc3b\xbb\xfdV\xd5=\xbd\xbfz\xfa\xa71\x0bbUB\x135\xf5\xd6\xc5&amp;\x9e\x0f\x18\xb9v&lt;8\xedG\x03\r\xf5\xf6\x87\xde\x9a\xba\xb9^*0\x85\x9aC\x04\xf5\xe2Es3]C\x13\x13eVo\x96\xab\xe9^QQ\xd1t[\xa5\rX\nb^K,\xdd\xc9\xdf\xf1\xf6,[j\xc7T\xac\xa6U{qk\xcd\xf3\xb9\xb9\xb9\xde\xf9\xf9,X\xaf\xca\xf3\xa2Y\x05\x1b\x9d\x98\xb0Z\xbd\x0f\x1f~\xed2\xda\x9b\xaa\xf4EE\xd5\xa6\xc0d\x02X+\xda&gt;\xd0\xeb\x96\xd3\n\xde\x90a\xf8@\xb5\xdech\xb2\xdb\x1fvC,\xa2R\xb1\xd0E\x15\x8b\x8e\x16\xb8L\xb5VWW\xb1\xdd\xb8\xda\x94\x0f\xb9\xa6M\xed\x9d\x08/Ic,G\xac4\x83\x07+K8h\xf2\xeb=M\x84\xd5Z\xa36\x11h!\xb5\x8d-\xcdj\xc1a4\x8a\x8d(#j\xb5\xa9\xa9\xea\xfem\xa8e\nn\'4W+\xcfqx\x1cW\x14K8j\xf2{\xaa@U|\x97\xb0\xeaB8B\xa4\x15\xa6\xf0\x8a\n\\*\x16\xa0\xec\xab\x06D\xd7\xfd\xfbE\xd5fS`,\xe1\x93v4\xc6\x8a\x1d\x1e+\x92\xcd6\x19t\x9bU\xac\xaf^\xef\xaf555\x14\x10\x13eH\x88PK\x96+K\x05\xac\x06\x95\xab\xc9\xe0\xf1Ta\x16\xcdfS\xbbs\xc1\xc7N\xb94\xc6\xda\xda\x94$[-\xb0\xa8\x89\xab\xc0\xfa\x15U\xe6-\xb3\x96Y)\xe3G\xb3\xf9\x90\xeb!q\x91`\xab\x06\x8f\xde\xa3\xd7\xeb\xfd\xc0r;\x17d\xcd\xb1\x92\x07\x19P\x85\xc7*\xdb\t\xcb\xfe\xb5\xb5\xb5\x1bb\xc1\xd9V\x95\xe2\xe5\xb3,\x169\xbeY\x05\xb3\x0e \xe7\x87\xeb\xa1\x96\xc7C\\&amp;w\xe5vB\xde\xd3\xf89p\xf9&lt;%\xd5\xbe\x99\x1c\x8b\xba\xcd\x15U\xb7\x8a[\xbb\xbb\xbbGF\xea\xd0D2UK\xb6\x88\xea\xad\x1a\x10-\xea"\xc24\x12\x17\x91\xe19\xa2=:\xb6\xa0=V:\xae\xd4\x86\';#\xf0\x16\xc4"\xaa\xe7\x94[s/\x08\xe5*F_\xbc}K?PP\x84h\x07\x95Y\x1b\x87\r\x86\x8e\n\x15+\xe2\x0c\xb3\xc7\x1a\xbf\xc1\xae\xad\xc4m\xa0\x8a\xbaMz2|+\xa8z7\xe6\x11[3\xa8\x1cK\x16+[33===\x1b\xf3su5]\xab\x9e\n\xbd\xdeLO\xaaa\x8b\xc6j\xe9\xd6vl\xb5\xe3\x9d\x10\xcb\x8f9,\xfe\n\xbb\x13V\xcf\xcc\xcc\xfa:\xb8z\xde\xaa2]1\xad\xaf/.\xe2X\\\xfc\xb6\xb1\xf1\xdc[\x8c\x9c\'o\x05*\'\x81\xa5\xf1+\xc6\x17\xdb\x9b\xf1\xca\xca\x88I\x0f\xac.\xc2\xaa\xfb\xc7\xc6\xc6\xb7o\xdfz\xbe\xf5P\xcd\xac\xcf\xbc%\xc6\xf5\xc5\xdc\xd9\xb3\xf1t\xe4\xc9\x93\'?\x7f\x9f\x7f\xcf_\xed/\xa2\xe7\xfa\xe0\xb8Mc\xac&lt;\xc2\xea\x0c\x06\xdb\xfd\xd8&lt;Fpy\xbd\xe8#\x1c\xf6\xf4/OG\xe0\xb2\xba^\x80-\xfe\xb2H\xc7\xe2z\xcf\xdc\xf3\xe7\xddw\x1f\x97\xffPT\xf4\xe3\xabW\xed\x91h\xc04mr\xbf\x8ftj\x8d\x85&amp;\xa2\x87\xc1\x80\x89\x16\xa2\xd1X\\l\x7f\x9c\x7f\xeb\x8f?~\xfb\xed\xf5\xeb\xd7w\xee|\xdf\xdaZS\x17\xea\xf9%W3s\xadw\xef\xde\x01T{\xb0\x92\xca\xe9tF\x03n`U\x865\xc6r\xac\xed\xa0\x87\xc1vuO\x1b\xed\x8f\xcb\xfd\xfe\xea\xfb\xb7_\xb5\x05\x83?\xb5\xdd~\xf0\xd7\xe2\xee\x11\xafu\xfe\nk\xbe\xa6\xd8\x9e\xff\xe0\x87\xa2\xb6@\x16\x8b\xb8\x9c\xd1\xeb\xc0\xd2\xb9v\xc6;+\x03\xd3E\x08\xd3\xaa\xfc\xf2\xea\xf6@\xfb\xab\x1f\xdbp\xbf\xcah\xa0\xba\xfc\xce\xdd\x9fGZ\xbb\xe6\xd4&amp;\xa2z\xbd\xc5\xf6[\xf9X9\xfa{\xe5\xe5\xe5\x86\xf2\x07\xe5E\x11\'\xdeK\xe0\xf9\x7f\xb1j~/ml[\x1c/\xe4!OMLr\x11f\x1c&amp;\xd3!\xc1_\x81\xb4\x93\x81\x19\x9d\xd4\x9b\x9fH:&amp;\x03ZA\xe3\xd8\xfc\xe8D\xf1\x98\xc4\xe4\xa0F*MI\x1f\xa6\xfat\xa03\x06\x02Ai\xf3r\xb9%\xa7U\n};\x04\x14\xa4\xfa\xe8}*r\x04\xe9\x8bo\xfdq\xcf}\xed]{z\xef\x7f0\x1bB$\n\xf9\xb8\xd6\xdek}\xbfk\xcf?M\xd5[\x06V&lt;\x12[\x9d\x98 \xfa\xbd}\xeel&lt;\xb2\xe5\xa8\x0e\x0e\xae;\x87\xecN\'\xb4\xedp\xa6\xe0\xafl\xef\xbc,\xa1C\xb8W\x08\x87H\x99\xe4I\x96\xa51\x0c\xe3\n\x0fk\xeb1\x08W\x04\xa2\xf5\x87\xd9XO\x17"\xb1\xd1\t\x8a\xe8\xefctf\xb0\xd1{\xb8\xb44\x0b\xe5t6\xe3giZY\xabH\xa5\x9dm\xa8`%\xd8\xf0\x1cK\xa6\xd3\x02\r\n\x83\x83\xd3\x00\xafL\xcd\xe6\xd6\x99H|\xf9\xaf\x8f\xe6^\xe5\x19X\xd1QJ#\x02\x14e\xa9\x01\x13*\x0e\x15\xe0*\x14\xa0\x98+\xf3+\xc9m\x03+Y\xaap4\x9fH\xa4d\x1a\xd4&lt;\x8b\x15\xf6Y\x91\xf5\xfbY\\3\xb0\xde\x99\x8b\xf5\xe2\xd5\xd3\x85\x98{\xd4\xad\x11\x04\x1e^ZZ*@\xcd\xda\xf3\xb3v&gt;h\t\xf2\xb2,`kI(\rI\xa8\xa9\x955\x9a\x0fh\xd7\xe5\xa0\xdd\x05[\xcc\xeer\rC61L\x080\xd9\xe2\xf2_oFL\xc5z\xf6\xe5i\x1caQ\x88\xea\xc3,\xc7\xad\xcdN\xd5^OF#\xd1\xb1{\xfd\x10C\xb2\x00\x95+YY\xc9=R0!H5\x9b\xcc\xe0I\xe3\xb5c\xb0\x01\xf5\x14\xc7\xc9\x10\x1d\xe2)\xbd\xb8\xfc\xf6_\xe6b\xed\xbe\x9f\x83-\x0fT\t\xde?+q\xca\xa6\x10\xbcW]x\xfc\xcb\x9d\xe5\xf8\xd6\x16\xd3\xd4\xbd\xe1\x0c\x98\xb3\\\x0e\x9c\xab\x90\xf62\xf5\xba\xcf\x13\x8f/,\xe6\xa3\xd5\xea\xd8X?\x1f\x12B&lt;\xc1\x14\xf3o\x7f7\x13\xcbzk\xf7\xdb[O\x96A\xc1\x12\xb85N\xa1S\xe5\x89X\xfc\xf1?~\xf9\xdb\xdb\xe7\xcf}\xedv\xb3\xcf\xee\xc2\x90\xca\xd9\x9c\x19O\'&amp;"\xed\xfaA}\xee\xc1\xe2\x93\'\x07y(\xf1\xa3\x012$\xf0\x81N1\xbf\xf0~\xc4\xc4\xcde\xbd\xf5\xeb\xa7\xe7\x80\x05b+Ms\x1c&amp;B\x9a\xda\x91\xea\xdc\xe3;w\x1e?\x8f\xe6\xeb\xedf\x80\xe7\x05\x1a,\xf5\xa3\x99\xf1T\x99p\x17\x01+\xee\xd9x\xb2\x91\x9f+\xd6\xebm\x8a\x07\t\x8dw\x8a\xbe\xb9\xb3g\xbbf\x8du\xad\xbb\x1f?\xbd\xf9\xf6\xd5\x93\x05\xb1E\xf0\x18\xa7`\xa4\xd7\xddl\xaeV\'#\x1e\x9fg.\xeai7)\x9c\xe7\xe5\x99\xffa%\x88&gt;w\xb1\xdd\xce\xc6\xa1\xdaF\x1d\xab\xf0c\x07\x97e\x19\xd7\xf4b\xfc?gg\xbf\x9bt{\xbd\xfb\xa9\x05\xad\x0f\n"\xd2\x80&lt;\x8b\x81Y\x06\x0bos\xd5\x1e\xf6\x8eo\x8fFc\xcd\xa6N\xe0@\xb5\x89\x86\x1033\xe9D"0\xc14\x9b\xcdll\xf5\xb8w\xda\xb5\x05("\x88\x07y\x9c\xd2!\xc4\xab\xab\xaf\xbf\xed\x9a\xd3\xa6\xafTZHt\x9a\x06\x16\x94\xee\x90\xe8\x82^\x9cA\x95k\xca6\xc1\x14\x9b\xba\x96\xc0\xd3\xc2#\xe4}\x80KH\'\xca\x9a1\xd6e\xfa\x86\xc3GS.\x92WU\xe0\n\x12\x9df\xb3C\x94\xb5//\xcc\xd8^\xd6?Zx\xae\xb2\x16\x9a(\xea\x0c\x85\x8b,+\x8a\x86\x94\x9f]:\n\x0f\x07::\xd3A\xb1\x927s\xc6t\x04\xb2\x98\x864j:p]\x13^&gt;\x04\x9e?\xe4\xb2\xab*\xafz)8\xb1j\xea\xfa\xd0\x14\x89:\xf2\xb1\xa5\xce\'\x93Kv]\xef\x10$\x06~\x07\x03\x85U\xc8d\xa6\xec\xa0\x87a\x05\x82\xa4 \x8f\xa3q\x92A\x85\xb0\x12\x04\xc5\xe8\xfa\xb5\x06\xbfb\xc3\xfe)\x7f\x98\x15\x052H\xe9\xbaeX%^\x99\x85E\xaf\x80\x00\xceh\x0c\x15d\xa1\xc5q\x05I*\xf81\x91TQr`\xa9\xb2&lt;\x0e^\x11\xdc\x0eX\xd7\xf14\xc2J\xe0\x04E\xa0\xf1j\x02\'Q\xf3\x81\x7fF\xe4\x03\x0c\x13\x04\xa3}e\x16\x16\xb6\xb2\xb3\xb3\xe7\xd7:\x01\xbb\x1fMC\xf6$\x05\x99@Y&amp;ERNC\xe7\xe1r?\xe7\x80\xffOb*-\x90&lt;\x8f\xa3\x01=\x80A\xd7\xc68\xf0\x1ad\xa0\xc3\x04TY5\r\x8b\xbe\xff\xdb\n\xc7jZ0\\X\xab\x80\xa3\x91\x14d\\a\x19o\x8aT\xc9\xa1\x89\xee\xa3\x9ca\x117g\xd2\x80\x85N\x06i\x8cu\xd1\xdc\x17\x8a\x9d\xc2\x928\xb4J&lt;\x1d4%\x89V\xeb\xc7C\xfa\xef+\xf7\x15Y+\x93~\x0ea\x81\xd3BC\x1a\x0e\x8dF\x94G46\xcf\xc1\x8e\x82\xaa5\x8f\xbc\xcf\xfd\xdc&amp;\xba8\x10A8\xb0h\xb0\x0b}\x1ca\xcd+\xac\x88S\x9d\x80(\x9b\x83\x05Z\xeb\x8a\xbd\xff2I\x97\xaf\x89\x9fX\xe0l\xa0+\xff\\\x9223NC3\x1a\x9fA\xda\x06\x1c\xcf\xcb\xdfV\x10\x97*\xb2$l*\xcc\x08\xa7(\x80\xf2\xe10\x12\':xA\x91MJ\xe2\xdd\x9b\xfd\xe4vE\x80\x0c\x90\x18\xe8\xbd\x12r\x81%\xe3\xad\x94\x9c\x17R2|\xa52\x0f&gt;v\xfb\xf2\xfb\xf7\x9d\xef;\xa5\xa4\x94\xa3\x05A\x14UUD\xd3UNQ@\xa3*\nm`\x1dUXs\xb0n\xbd\xb8\xc9$\x7f\xcb\t\x89k\x8d\x87\xef\xa9 \xeb\x05k\xe7\xf2\xf2\xb2T\xa1\x13eQ\x02w]B:\xfe\xc7\x8f\x1f\xdf\x7f|GvV\xe2h\xc0J\xa5\x04\x05\xce\x07\x1ab\xc2f\x14\xa1\xcewp\xbf\xb4\xff\xc5$\xac\xb3\xd9y8\xf8*\x9cD2\x84\x19Y\xbc4\xd6v\x05Kixfo/\x89\xcc\xf5\xcbm`\x82x\xa1\xfc&amp;+\x1c\x86\xb1j"EK\xc8\xdc\x82\xe9\xc7 X\x01\n\n\x1f;ucJ\x95\xbf\xf5\xec\xfdC\x0c\xb4\xb9H0\x04\xc8\x04e-Y\xfa\x89\xb5\x93\xe4\xe4r\x19K\xbeLV\xe6iY\x15+;\x06UnF\x96i\xe38\xb0jJ\x98\xdf+}(\xedA\xf4H&lt;A\x10\x1d-\xa1v\xcf\xcc\xc1\xda\xfd\xdc\x12\xcbe\x19\x0b\xa2\x8e\x1c\xc2\x0c\xae\x9dKdS\x05\xf8X\x82\x9c\xcd\x8f\'\xd4`j\xb3\xb4\x03\xde\'\x97.\x975M\xc5\xa0\xe6\xee\x0b\xaa\x8c\x81j\x05,\xbf(\xe3e\x82\xea\\w\xca\xc13S\xae\xc9\xac\xbf~j\xb1\xe5\xeb\x14fc\xa8~\x1e\xf4\xaf\xb2&amp;\x95\x90\x9f\x90\xe8\xb2\xc6C\n\xf7\xf6f\xfd\xf6\xa1Z\x86C\t[\xa1\x05\x12\xca\x7f\xd7_\x90\x8e8L\xc0EN\x82?X\xc3H\x1e/S\x14j\x94^\xb3\xb0\xde\xb4\xf6S\xd7\x9a0\xcc\xb8\xfb\xd0\x9dJ\x083\x00$\xd8\xee\xb8kvi)3\xe5r\x0eN:N\x1e.\x15\xfc,\x1bv\xd9\xfa\xfb-\xdd\xa9\xa9B\xc1\xef\x17\x83pJ\nR\x01:\x0f\xec,\xca\xddl\xb7\xaf-\x9f\xcd\xb9T\x1c\xf9xx\xb4_\x06/\xc3\xe8T\x00\xe9=\x94\xc85\xc9\x8f\x13\x16g\xadWk\xac\x8f\xb9#\xbe|\xde\xe3\xb8\xe8\xd5\\C\rG$\x92\xd5\'\x8e\x9d\xaep\xb7;d\x1b\x98\x0e\x85!j\xd0\x89\x08\xca\xcd4\xdb\xba\xd7\xf5\xcd\xa4\x8b\xf4\xbb7\xa7GbY#\x98,\n\x17pA\x93S\xfcd\xc0\x82\xcc\x8d\xbb\x08Z\xbe~\xb0\xb1q\x90\x8f8\x8e\x07W\xb3\xf9:\xbaZ\xcf\xc6\xdc\x13\xc7\'N\xe7@\xd0N\x8a"\x9fBT\xa0*(op\xe8\x939\x17\xd6\xd6\xdd\xcf\xbd.K\xcbD\xb6\xe8\xee\xb3L\xf38\x8f\x03X(hiT\x9f/ \x88\xb6\x0f\xe4q\xdc\xe3k7\xf5f\xfd\xe0\xe7\xaa\xe7\xeb\xbeXtr\xdd2`\xe3q\x1cz6\x019\xd4\x19\xe7\x90\xf7\xe2\x9dI\xee\xc7\xfa\xee\xf0\x9c\x95$[\xb6\xc8LX\xa6\x81+\x91\xe2C\xc3\x96\xc6\xeb\xe8\x83\xe5\x83\xba\'\xe6x}\xd1;m\xb5.\x1c\xab\x0c\xac\xe8\xd6\xe4\xd6\x9c\'\x9f_\\\\^\xf6\x8d\xde\xeb\xb7\xf0\x86\x92@XY\xb7s\xc8rh\xd2\xa0\xd2j}v\xd6\x0b\x17$\x12\xb0F\x07\xa6\xa7\xa7Ad\xf1!\xbb\xf3\x02\xac\xcf\xb2g\xb2z\xd2=m}\xb8\xba\xfa\xb0tt\xda\xedv\xa7\x10a\xafQ\x9d\x04Cvp\xe0\x1b\x1b0\xb0\x882\xd17\x1a+2\x03\x16\xe7{\xb3\x1e\x00\xb2\x8e\xbc;t\xd1\x9b\xbc^\xcc\xba\xc7\xd6\x9dN\x08\xd8t\xc8\xee\xeaU=\xcb\x0f\x1c\'\xeb\xc7\'\xe7\xdd\xd3??\xfcy\x04k\x7f\x7f\xff\x14\xb0N/\xce\x8f\x07\xb7&lt;\x8b\x1b\x8bs\xf7,&lt;\xa8\x1b"\x10\xe8_\x8d4\xf5\xbe\x81\xde\x1b\xd3\x9e\x85\xb0&gt;\xfb\xd6\xb3\xcb*S\xcc\xc6n\x03\xd6\xd0\x90=\x14v\xd5zU\xdf\xa2\xc71\n9l\\\\\\\x9c\xf6\xba\xdd\xf3\xee9\xac\xc6\xf9\xc9\xc9\xf1\xf9\xb1crk\xf9\xc9\x86g\xcc\xc6\xa7\xd3x\xc0\xeb\x1d\x8bz|\xc5{\xbd\xf7f&gt;-u\xf7s\xab6\xb4\xea\xc9FF\xc7\x06\xd6\x9d6\xdbP\rV\xd5w\xb0\x9c?x\xf0\xefW7g\xaf\xbe\xdc\xdc\x9c\xdd\\\xb5\x0e\xaf\xae\x0e\x0f\x0f/\x1a\x8d\xaf\x8e\xa8g\x01a\xdd\x9e\x06\xa1\x1a \xfa\xfboo\xc5}\xd9\xd6\xe7\xbbf&gt;\x954\xf2\xe2\xcd\xfb\x9b\xaf\xf1x\xe4\xf6\x18p\xad\xff\x97\x963\x8ei"\xcf\xe2\xf8Be[\xc4i;\x85\x16\xb1\t\xa5\xd7\xc1\xa1\x9d&amp;Pe\xb8\x9b\xa4!\xd8i3\xc9\xc8\x1f\x1cYt\x92\t\xb1i\x835\xb6\xc9\xa5\xa4\xc4J\x1cYZ#a\xbd\x18\xef\x0fO\xd7\xd5=i\\\xc3\xc1j\x91x\xa2\xec\xc9\xddZ\x14\xe5\xf4\xe2)\x9e\xb9\xba\xc1K\x0e7\xe7\x06w\x17\x83\xbb\xc7\xc5\x98{o\xf4\x92\xcb\xfds{\xbb\xf4%\xe2?%\xfd\xf0\xfd\xbdy\xbf\xf7\x9by\xdf\xb1b\xc1\xdaC\xbb;;{z_\xcc&gt;\xcf\x9f\x98&lt;\xbf\xfe\xfc\xe8h\xfe\xe2\xf3|~\xe1\xe2\xc2\xd3\xaf\x9f\x0e-\xf38\x9b\xd4\x19\xe0\xda\r\xd5?\xa9\xb1\x19\x01K\xa2\x96\xf2}\xab;+\xe5r\r6\xccf\x03\xbe(G\xd3\x99\x04\x9d\xc0:J\xb8#\x94\x18\x1a\x99\xcd\xcf\x8d\xce\xcd\x8d\x8e\x8e\x8d\x8d\xc2\xcf\xd1\xb9\xfc\x89\x85\xe7\xcf\xe1\x8f\xf8U/\xd42\x893\xd59\xbd56\x02V; ~3\xb0\xda\x13\xf4Z\xad6\xffB\x96x\x82\x8eg2\xf1~\x15\xeb\xe4~?M\xc4\xbfyz1\x9f\xcf\x03\xd2\xd8(F~.\xbf\xf0|avhI\xa4\xa8\xfd!\x9e6\xd5\x99j\x19\x82I\xfa}\x01qh\xf5\xa7)]\xda\xb1%%\xe0\'\x08\x81\x14H\xbc\xf3\xdd\xcf\x9d\x0c%M\xce\xdc\xf4\xfd\x99\x0b\x17\x1e\xcf\xce\x82F\x0b\x084;;4\xf4\xfe\xfd\xa5$\x9f\x8c\xba\xdd&lt;\xe9\x99N\xe0-\x01\xc9\x17\xa4\xc4\xafW\x1fK\xab\x9d\x1aQd\xbf\xdf\xcf\xf3\xc9$\x89`\x8c;@\xd4mQ\xaf&gt;\x88\xfbX\x18\xb0\xaa\xf6\xf7\xe7r9\xb2\xb9\x99\xb3\x1a\x83\xee@2\x91 @(I\n\xc4\xdc\xa1G\x83\x05\x98\xd5\x1dX\xc6\xfb\xba\xf0\x15&lt;\x90\xc5\xfb3\xfe\x98\x9f3\xd4\xef\xf8\xf0\xc9\x93\x99\'\xff\x11*d\xedf\xaf\xde\xbb\xd9\x06r\xc5\xe3\xfe`\x8c\x92%9vR\xbcX\x08\xac\xc1G\x8a\x18\xf0\xf9(J\x92$\x9e\xcc\x901\x1f\xe3i\xa9\xef\x82\x1a:3\xffxb\xfe\xe5\xfcK\x88\'/_\xce\xcf?q\x1e&lt;\x08g[o\x8d\xdb\xed\x8f\x0b\x81\x18\x15\x90\xe5\x00\x15\xca\xe6\x0b0\x08\xae\xed\x9e\x1cV\xa4@@\x14%I\xe6S\xa4\xdf\x1d\xe4\xf4\xe5\xf5]]P\xdd\'\x1e\x7f\xf6\xd9\xc4\xfc&lt;\xa0\xcd\xcf\xc3F4s\xce\xd0\x02\xe14\xc6\xa0\xad\xe0E\xa0\xa2(*\x14\x19\xb9\xe5*\x00\x96kl$,K\x01\x91\x92\xe5\x90\x9cJ\xf1\xb1M\\\xdd\x96\xd6\xae\x8e\x1d;vB\x19}\x8cX\xf3\xe3\x805qa\xe6\x9c\xb3e\xcb\x96r\xa7%\x18r\xfb\x02!QVD\xd8\xbb\xd3C\x03\x05XC\xadv\xe0tXQ(\x11"\x82X\x01\x9buOk}\xd7\xce\x8e\xd6=\xbf\x7f\x1f\xf2}|f\x06v\xc4\xf1\xf1\x99\xfb\xd3\xb5\xde\x16\xe8TA\xad\x93\xfb\xdd\x01w\x08~\x01\x1a\x8a\xe1\xf3\x85H-h\xbc&amp;\x87\xc3\xaf#\xa2d\xb32\xc5\xc7\xef\xb7\xd6\xd7w\xec|\xc7D\xc7\xe3$\r\x91\x83}{\x9a\x8cF\x8d\xce\xd6\xfaFXDh[\xdd\x94\x08\xbf\x00T\xe9\xe5\x02\xcd\xcc\xbbn\x8d\xa4\xd3\x91t:\x1d\x8e\x80lb\x88\x92\xe2\xe5UU]G;\xca9\x7f\x0c\x9f\x83Q\xc1\xa0?\x1a\rn\xb2iZwT5V{\x9b\xfd\xd0x\xa9Ruv\xb2\xca\xed\xc1\xc2`i\xfb\x1e)\x00\xc5\xa6\xd3\x9diT D\tN8\xc7\xff\xech\x973\xfa\xcb\x10\xb6\xa4\x80\x16\xf4\x05\xa3\xfa\xd6\x8e\xfa\x96\x96\xea\xcd6\x1f$z\x08\xa8X\x07\xcb\xee\xbaU \'\x92\xb6{\xee\x05`9\xd2\xf0-\xe90\xcbv\x8a\xbe\xda\x96\xaa\xaa\x1f\x8f\x1f\x1do\xd5\xdbb\'\xdd\xb1X,\xc8\x18\x8d\x7f\xe8\xd8\t\x87\x9dj\x8d\xd1&amp;A\xaaGX\x96\xb5;\x1c\xc3\x93\x83\x85\xf2=h\xa7\x96Q-\x96u\x00\x17\xfc\xe8t\xfb=\xe5\xad\x8051\xb1\xf3\x9d\xba\x84\xd5b4\xd6\xd6\xa9\x8f\x8a\xeb\xab\x1a\rV\x06\xb6\xc1\x90\xd8\xd9\xe3\xc0\xc1\xe7\xd3\x05r=\xbcyR\xa6B\xe1\xf78\xecv6\x1c`\x12\xe5[\xea\xbb\xf0\x10;\xde\x85\x03.\x1f\x8e\x8f\x1f\xed\xe8\xaa\xaf\xfaQ\xa3\x81\xf3C\x83\x11\x89\xb0==\xf0\xd13\xa3\xae\x82yj\xb4\rCR\xa4\x07\xa7\xbe\xed\x8e\xdd\x15\xe6^6,\xf34\xf4\xd0\xd5[v\xb466\xaa\x837j\xe3\xdc\xb8u\xeb\xd6\x16\x13\x19\x08u\xb2Ho\xef\xed\xdd}\xba\xef\xad\x02\xaa5\x94\n\x00\x17\x06\x9a\xd9\xd8\xb0(\xc53\x1ec\xb3%\x17\xaf\xad\xf5z\x9d\x07\x9d\x06|"\xacqVW\xb7{\xb0\x99\xb7\xdb\xe1cvso\xf8^\xe1\x8c&gt;\xa8\x96\xc0\xf8"\x8e\xde^\xbb\xea\x0b\xa9p(\xa9\xa5\x0c\xcdD\xa3I\x81a\x98\xe6\xe6f\x0b\xceE1Q#\xfc\x97\xa4\xc2\xac\xdd\x0c\x1f\x03.\x16\x1fB\x15R-\x82\x13\xa4\xb0\x1d\x04X\x83\xbe(\x87\xc2\x93Kq\x82\xa7D\xd9\xe7\x83\xee\xc2\x07e+j\xdb\x14\xdcd\xe4\x08)\xd2\xe9(\xd6\xe9\xd6\x98\x9bzaS($\x16\xa8Erd*\x1b\xee1\x9b\xd1Y\xa7s(r\nN\x13\xb0}\x8bX7\xb1\xa2R\xd0d\x04\xa3\xf1xRa\x1d\x15\xba\x12]\x13PI&lt;`\x154\xb7H+M\x92Y\xc5QQ\x8cn\x9abH\xfaTJ\x92\xc50Vr\xdc\xf8\xc2\xa2H\x89\x92@\xa6\x94\xb4cMI\x99Ng\xb6\x03\x95\xbf\xa0X\xa8\x96\xd5\x13\x07\xbd\x94\xf4n\xd5\'\x025\x02:&lt;%\x9cV\xcb\x06\xdb\x99\x86#~$"\xca2\xe4\x15P\x955\xd9\x1d\x91\x00\x1f\xb5%\x0b\xae\x96&amp;\xf7\x9a\xcb\xb1FW\xb4\xae\xc9\x9eV\x10\n\x98v\xdb\xa1\x98a\xa1\x85\x80\xdd\xa6\xd7\x0c\x8bl\xc6\xd1\x1c\x7f\x94),\x96v`\x88\xac\xd5\xe8s\xb4\x90\x94\xe4\xb0\x03\xfd\x0cE\x15\x88\xe1\xb0\xab.\xbc\n\xb5t@\xa5\x82zkF\x97\xae#\xac\xc8|\x94)0\x96\x0b\xb1\xbc\x9aZ\x0b\'$\xb3Y\x05\xae\x7f]Q\xd1k\xe3\xf2\x9a"4\xcd\xa8&gt;\x8dbd,jj\xb2\xb3iEF\xad\x9a\x9b\x0b\xacV\x03\xaa\xa5\xf1Z,\xa4\x90\xca\xa2`\xaaA\x0b-Z\x80\x85fE3\x1a\x86\xd1\xe9\xd6\x04\xeb\xa7\x00\x95\x0f\xa8\x8c\xcd6a\xa1\xb0u\x0b\x17Q\xe3\xa19R\xe0\xb3 X\x9a\xdd\rdMhHZWR\xa2[\x87\xae;tz\x16\xc3\xb5\xa0\xc0\xb9B\xe2\x19B\xc5Z\xd5g\xfa\xff\xdd\xcd\x03\x96\xc7\x93\xcby\xac\x1cI\xc2:\xa6\xb2\xd9a \xb3\x9b\xd7\xadC\xa30\xc0\xa9\x1e\xb7\xa2\nG\x1a\xa1d\x1c\x80!8\x0bb\xcd\xf6\x15\x8aK\xdb=8\xbaLz4\x89\x84\xc7C\xd3\xb0\x8c\xc9T*\x85\x92\xe1&amp;c\xd6\xa1\x9f\x0c}\xd5\xbd(\x94\x82Tpn\x13\x08\xc2\x08X5\xd1\xe5#S}\xdd\xae\xd5\x7f\xed\x81kp\xe0\xc1\xd5\xb3/ \xe5\xf5\t\x00C.!\xa5\x06\xb4\xf5J8\xc2b\xb7\x83\xa5+"*H\x84P|R 9\x0bta\x8c\xff\xcc\x177\x1e&gt;h\x18\xe8\xeb^U\xcd\\\x83\r\xa7.}\xd1vH"6x5\xc8\x95\x80C\x85\xf0o0\x0c\xa8\xf4\xa2\x02\xa7gI=t\xf3*TR h\xbaV\xc5\x1a~\xf6\xed\xcdO\xef=\xbawb\xaaoU\x92\x1f_\x88\xe1\xea\x9b\xfa\xd3\x97\xffxu\xf8\xf0!\xde\xb8\xc1\x9b\xc8$L\xfa\xe9L\x9c&amp;\t\x01\x03$!\xe3d\x12@\x80C\xc0\x7f\x82\xc0\xfb\xfd*\x15g\xc5\x96\x15\xb1V\x16\xaf\x7fu\xf5\xd2o\x8e\x7frl}\xc3\x0f\x96\x0c_5\xe1\xeak\xf8\xfb\x8d\x7f\xae\xbc\xaa\x842d\xdb\xbc\xc1\x9a\xc9\x980\x80\x8bS\xb9H\x92\x8egT\xedH\x08\x8e\x80\x80V\x07\x9b\x1d\x82T\xb52\x1ak\xfc\xca\xca\xe2\xdd/\x7fq\xed\xd3_o\xab8\xb4\xebvC\xf7\x0f\x13\xca\xd5=0\xf6\xe0\xc1\xc3\xaf\xbe}\xf6j\x9b\x08\xad\x01`A\xca\x9b\xf0\x06\xaai\xda\xc3\xa9w\x95\xe0\x90\x98\xc9d \xdb&lt;\x9e\x84\xc7j\x85\xe2\x81X\xb6$\xc1\xd1\xb4\xd5\xf2\x06K^Y\xdcx\xfd\xb7\xd7\x8e|~\xbc\xb2\xa4h\xef\xc8\xe4\xf7WL\xab\xed\xee\x1b\xbbw\xec\xde\x91\x87\x7f\xb9\xbe\xb8rX\xac\xd9\x14\xf41\x16\x8dF\xafw\xb6\x9b\x0c\xc0\xa5O@7\xf1\x1ak\xba\xdf\xa4\xd7\xebM&amp;\xb8Haq\x91\xcbFp\x1c\xa7v\x858\x9an\x93\xae\xfcq\xe3\xdd\x1b\xd7\x8e\\\xfd\xf3\xbb\xc5\xba2\xdd\xde\x8f\xd7\x0f|\xaf\x97kh\xb5\x83\rs\x07\xce|\xf0\xf9{w\xee\xdc\x00\xb1\x1c\xfe\x1a\xc8\x17\x81\xd6\xe8\x9d\x06\xc42\xd4\x19Lz\x0f\xfd\x06\xab\xbf\xbf\xae\x1dW6\xa1R\x91\x02\xc1 \x15g\xf1\xa8X\xcd\x0c`=\xdbx\xf7\xe6\x91\xed\x1f\x1dh\x83\x9e\xa8\xac\xe4\xed\xb6\xb3\x93\xff\x7f\xf6k\xb5}\xb7&amp;\xcf\xb6m\xbbr\xe9\xf2\xe5;\xd7n.\xae\xec\xdb_S\xc3$\x01+\xa7q\x1aLN\xe8\xd9\ru&amp;\xd3t\x1c\x18`\xf5T\xacv\xa4\xa2Q+\x12\xf3\x8b\xb0XP,\\Et\xfa\xb4=\xdb\xf8\xbb\x9b\xd7\xb6\xbfw\xe9Je%\xb6&lt;\xa5\xa5{?x46\xf0\xddK\x19\xa4\xb9k`\xee\xd8\'\x87*\xf7\xbd\xfb\xf1G\x97O\xdd\xc15\\\xebf\x8c\x04\x11%h\x8d\x8a\x85Tuu\x86\xe9\x9c\x8a\x15\xcfe\x10\xab=\x91\xb0r\xf4k&amp;,\xa3\x96Z/\xec\xea\x1c\\\x04\x0c\xcf_Q\xb1~\xaeb\xad}\xbb\xec\xa7%\xa5\xa5oo;~\x00/\xcb\xef\x02\x86y\xdep\xfe\xf4\xf1\xbd\x95\x95\x95\xfb\xae\\\xda~\xea\xd4\xc3\xbf\xfdu\xf1U\x05E\xc0_\xce0\x1c.\xa2\x01\xd6\xd0p\xae\x1cN99\x1ao\x89`\xce\x9b\x80\n\xf6J\x02\xc4"\x18\x0c#l\xea\x1a\x8d\x95S7\x1f\x7f\x16\xb06\xbe\xc1Z\xbbvmiY\x19\xfa\xc3K+\xdbv\xdd\x9e\xea~\xeb\x7f\xbdZ\x06\xa0\x06\xa7n\xef\xfa\x17\x1fg\x18\x93f~\xc7q\xac\xca\t\xd9QO\x1b\xa1%\xac[\x16\x8d\xf6"\x1e\xb7]\xee\x9a,\x8dn\x17\xc7\x0b_&lt;!\xf0&lt;/ys5\xc67\xcb\xcd&amp;\xce\x84d\x8f\x1b\xa69@\x82/\x16\xd0\'$4A&amp;\x1e\xb3\xf5Z\x18(\x0cq\x95\xd8F+\xea\x82\x9a\x86D\xc2bs\xda\xaa\x97\xf4\xacgc\xb2\xef\xef\x0f\xedmKn\xbfh$\x06\xe1\xf3|\x7f\xdf\xdf\xf7\xff\x7f\xc0\x07\x8eW\x82J\xcdK)\xbd\xde\xbf\xb5\r\xac\x9f\xfeJ[m\xd02,\xb8\x8aQ\x01\x0b\xd3\x08\xaa\xeb\xf4b\x8d\x01\xd1\x7f\x1d@L)\x9c\x03\xd5\xb3\xe1\x00V\x13-&gt;W\x7f}\xfe\xbc\x1b\x96\xaf`\xa9\x95\n\xf4\xb1\xb6F\xaeP(\x87$\xef\x97\xff?\xfci\xf6\x1em\xa0{r5\x1d\x92\x92\x8fz\xf4\x13\xfe\xad\xbf\x14\x81u\xf5\x96\nXh\xa2\xaa\x15&lt;\x17\x1bQ0\xfd\xc3\x7f\x10\x12\xfd\xb375\x8b\xd2\x8a\x8cu\x1d\\MM\x06R\xcb\xa0mb\x17=\xdc=\x1f\xe9\xce%\x85\xb8\xc3\x9e\xb0\x19q\xcc\xf2Z\xf4\x11\x1b 9\x08\xf9\xa9\xc0\xcc\x07?8\x97\x80\xba\xfd\xa578D@j#\x0eD\xee\x8exV\xa1V\xa98\xf2]\xffOL\xaa[\x86w\xdf5\xa8(\x1b\x80\xd5U\xe6\xa2\xa4B5\xdd\x00\xd3\xa7\x9f^\x85X7\x98Z\xc8\x86jV\xda\xa6+?\xaf\x7f\xff\xea\xdd\x17-\xddK;\x84\xc5\xd9\x8ch\x84\\A\x9fMRWs\xc99\xd5_\xab\xa8\x19\xea[y\xf4\x03s\xf9\xbb\x0f&amp;\xec&gt;\xb5\x9c\xa8\x8cJP\x01+\xba\xb8\xba\xea\xf7\xef\x14\xd2/\xc4\xdf\x9bL*\xc3\xf5\xeb\x84\x85.v62\xb9\x90]\xd5\x06\x83\xd6`h\x86\x7f&gt;\xfc\xf0\xea\xdb\x1e\xd67i\re*msss\xfd\xfb\x7f\xf4\xc1Z\x07\x93\x82k1$2,\xa5BA\xd7\xd6\xd7(\xf9\xa9)\xd6\xd1~i\xe3\xde\xff\xbc\xf5\x02\xfd\xc8R\x91)^\xce\xa8\x94r\x94B\xae\xe4\xc3\x1e\xc2Z\\N\x8f|w\xb7\xa1\xb5\xe1\x96\xd6pK\xa5bcXi"B\x14\x8d2P&lt;\xdd\xb8JZ\xd1\xdc\xd5c\x08A\xa5\xa2\x82Z\xcd\xcd\xef\xfd&amp;x\xfe&lt;\xb7\x94t\xb8\\\xa9\xa8\xc8W\xb0\xe4U\xb5\xb5\n\xa5r(\xc8)\x19"\x1f\xb4\xff\xf3\xf6\xb5\xff\xfcP\xaaw\xbex\xf4\x14\x96R\xca\xc9\xe9\xa0R\x10\x17}xIf\x15\\\xfa\xa3\\\xcb\x8b\xf3\xe1Ft\x0c\x0b\x8f\x89\xb0\xc05\xd8\xd8\xd8I\xd1^]\xb1\x10\xe2\xa9\x9e\x80\xf0\x03T\x0c\xca\xd4\xd6\x06,\xed\xe7\xef}\xeb{\x91\xdb\xcd\x82\xca\xe5\x89\xad\x859\x80\xd1\x91+\xab\x80\xa5\xb699\x11fv:\xd5\xb5\xea\xa9\xd0\xcc[\xb0w\xae}q\xef\xe9\xbc\xdb\x06&amp;\x9a\x11\xa5\xb1LE\x96O\xec\xe9\xfd\x90kli$\xf7b\x1aj=Dl6\\\xecl\xa5\xd7\xb7\xdf\xc8U\xcd\x08\xa8]\x08\xaa\xa6f\xe2\x83\xafT\x08WP\xb5\x99\xa0\xe5\xe7\xdf|{\xfa\xbc\xa5\xb0#\xb8\xe2\xae\x95\xd8^f/\x8aI\xa7\'\x90\x93\x81\x91CnN\ny\xbd\x11N^\xab\xe6"s\xb7\xd9X^\xfb\xc3=\xaf4\x1f\t\xba\x19\x14uO\xa10\x1a\x19\x96Z\x0c\tz`\xad\x1e\xe5\xd2\xcfO\x87\x87M\r\x8d\x83\x9b\xc3\xad\x9d0\x15\xa4"o1w\x01\x8c5\x93\x8c\xa45\x10\x16\xa8L\xa66Z\x8e\xe0\xc8\x87\xdf\xcc\x9f\xee\xbf*\x96\xe2\x1aW\xdc\x93\xe7\x12vO\xca\x1bt\xdb\x8c5\xd4\x16&lt;\x95\xcdfs\xfb"\x81\x88\xe4D/\x15jg\xdf\x1c}H\x16\x12\xc1msF\xed\xd1D\x02\x07QU\xc5\xeej4\x92\xf1\x8d\xbc\xb4\x02(\xfd\x84c\x19\\\xe1\xe9\xe1\xce\xcb=\x0b\x9b\x834\x84\xe8\xe1 \xc3\xbaH@X\xa4M*\x9c{\x90\xbf\x91\xeb\xdaj\x13]p\xd7\xd60\xdc`\xfaq[\xc3tx\xff\xd5\xd2\xf6z\\#\x08\xb1\x84\xcd\x9d\x1f\x9b\xf4d\xf2\t\xb7\xf2B\x8d\\\xce\xa8P|\xff%%\xef\xf4\xf9\xa68\xd1\r\xb0\xbf\xcb\xfa\x12n\xb5\xd1\xc6\xe5\xd7\xc2!\xfb\xbcXS\xa3\xa4\xfb\x1a\xd9&lt;\xe2\xd7v=\xdc5\xb1\x8aa\xcc\xedOovX\xcd\x0b\x0b==\x83\xac\xba\xba\x06+\xc3X\xee\xa3\xcaT\xdd|E\xdb\xcc\x8c\x05,Z\x0c@m2\rO\xef\xbf\xda\xcd\xae\xc7]\x1a!\x13v\x1b\x815\xb6\xe8\xd89z\xeds\x0e\xf16\xee\x05\xed\xcb\x00\x00\x07\x11IDAT\xe6\xe5K\xbcM\t\xcbK\xb1\xcc\x9e=\xb0\x16\x9a\xe7\xb8&gt;\x99\x0fz\x8a&gt;I\xe2\xdc\xce\xb07$\x96G\xb1\x86\x99\xcc\x88E\xcb\x05\xcfOPv\xa5\x9f\xef\xbf\xfcj\xdcl6[oZ\x07\x07{zz\xbaP\x7f\x05\x97Ju\x8b\xb9\x9e\xbaHj5_\xf9\xc4\xc4vd\xad\xadp`g\x85j+\x0e\xbf\xaf\x89F9aM\x8e\x1deK\xc9\xd8Z&gt;,\x05\x13\xce\x8f~\xd6\xcf\xab\xab\xaal\xa7{\x99XD\x9a\xcf\x93\xcdd\t\x9bM\x0cc:\xd0&lt;&gt;\x1cK\x90P8#U\x1a\xd5\xbc\xe8\x8b\xc6R)\x01M\xd4\xfb\xd7\xb3\xc5\xf4Yt\xfc+\xf3\x89\xd9\xf2\xdb\x9b\x04\xc7\xb8\xa0W\xe3E2\x96\x81\x8a\\\xdf\xa4\xfd\xe5\'P\xaa\x95\xec\xd7\xd8\xd9yq3|\xf6j\x89\xa8\xe2q!\xe6C\x02\xb9\xd7\xc6\xc6\xc6v\x96_-\x1dl\'K\xa5d\xf2\x88\xe8|\xe2\x05\xb9\x1cr\xc5\xec\xa1\xf9\x84/\xb4a\x97\x85\x82x\xf6\x10\xa7V(\xaa\x94R\x8c#_!\x1bl\xe2y\xd4\x9b\xf1\xc43Q\xbb\xa0\x9f\x98\xf0\xfb\x1d\xdb\xc5\xdcY\xc4l\xe9\xed\xed5[\x80e^\xb0\xd2\x05H=tQ\x0f|\x85\xa4\xa7\xbc\',l1\xc8{h2z&lt;\x1d=\xcb\x15\x93\x8e\xb8K\xe7\xd2\xa1\x85\xf2\xba*\x91aa\xb6QK\xc5B\xe1 \xbb]J\x1e\xad\x9d\x8a\xbcr\xa8\xcfk\x0f\x05\x02a\xc9\xbe"\xcbG%\xec\xfbCn\x0c \xdfgw\x83\xaa\xea\x82\x8d\xdb?&lt;\xda\x89\xeb\xfd\xf1\x94\x14\x8c\t\x13\x13\x13\xb4b\x17rg\xf9\xf1?\xf7\xf6\xce\xf6\x12\x97\xd5l\xb1Z\t\xad\x0b\xfeQ\xb1\xec\x02\x9a\x011J\xd7\xb2\xa0._\x1e\xdc\xecC\x03\x0b%\x87N\xa7\xd1 I9\x1bf\x8da%\x97Z\xba\xbb[F\xa8Z\xd2\xbb\xc5Bv;y(9/\xfd\t\\\xd1h\xc0\x1eK\xc9x\x1es\x10\xb1\x8br\xa3\x9a\x0b\x84i\xeb\xc0\'\xa2\x87\xd9\x83\xe5#\x87K\x88OFEiOG\\\xfax\xa9\x90&gt;\x0b\xcd\xf6R1\xbd,(jf#\xb8L\xe5\\\xa5\x9dsk#!u\xf4\x98\x176\xa3\xfbK\xc5\xec\xba\xdfEX+yt\xa4\x96\xb0&amp;\xc7\xc6J\xc0jo\xafp\xb5t\xb7\xe4v\x0b\xdb\xc9\xb5\xe0\xd0P\xd0\x8e&gt;\xda\xbd{2\xea\x9a\x18\xb0sn.\x18\x0e;\xa9{\xfbG\xdb\x85\xddt\xee`]\x10t\x8e5Q\x0cg\\z&amp;\xd8Nv\xe9,t\xd2\xfb\xb7\n\x17aYnZ\xad]\xb0\x97IU\xae\x06\xca\xff\x9e\x0eP-\xbc|\t\xaa\x83\xd2\x96_\xef\xd7\t\x9a\x15\xe6\x13\x04\x93h\x9f$\xb5F\x805\xda2\xf2\xec\x19au\xa7Q\xcb\xc9L\x9e\xb3\x89\xf3\xf6\xbd\x8c=(\xa3@\xe0\xbcO#\xf3\x92\xcf\xc9\xf3\xdc\xe9\xeb\xecAaw\xf4\xfe\xfd\x81\x83u\xbf^/\xec%\xf8\xef\xb9\x1c\xc9\xe5\xd7\xa1\x93Y(fa\\\xbd\x16z;\x11\xde\x87`l\xad\xacP}\xf6\x19\xa8\xa2\xfb\xaf\x0f\x93\xeb:\xbdN\xe7\x12\\)&lt;\xa3\xa2\xae\xeeG\n\xc2Z$,\x92\xab\xbd\xe5\xd9\x93g\xec\xd6h{{nyg2&amp;!A\x12\x92\xe4\x96\x19y1\x11\x8e`Ny7\x98\x0e\x97\x0b\xc5\xd1QP\xdd\xbf_ ,]J\xa2I\xcd\xe80\x8e\x00\x8b;\x92\x87\xe0\xaa\xf4\xd1R\xa6\xb3Z\x07\xbb:\x1bL\xb4"Q$tu|\xdc\xd11\xf82BP[z\x8dF\xe7\xd7\xe9\xf6\xc8W\x8a\x9a\xba:\x85\x11M\x9cdX\xa0\x19 \xae\'\xcf\xe8\xd6@{\xfa\x00\xd9\xb6\x12H\xa8)8e\x92\x14\x0eN}t\x891e\x97\x8b\xbb\x0c\x89U\tX.O\xd8\x86\x87\x92b\x1e=\x8a\x1c6\x99\xf1\x9e\x9c\x8c3 \x8b\x85d\x83\xbf\xac]]\xe0\xf9\x05]\xa7\x0fW}l5\x9bO\x02\xb1\x94\xc3\x11\x87Vz\x97\xce\x13\x93D\x1b\x96\xb5\xba:\xec\xe0\xff\x0bk\xe0\x8d^\x03\xed\xed,r\x85\x94\x17N\x92\xcbe\xc1\x84\xc8\xf7\x0f\x9dC\'0A\xcd\x81\x81\xfbe\xb5\x8a\xdbH@!\x15\xc6\x03*\xdd\xbePJ\x07.\x1d*\xeeYyz&lt;;\x8ed\x1d/\xdb\xdfb\xbdy\xb3\x038\x1d\xd6\x8e\x8e\x8e.0\x8d\xdf9\xde\x98\x13t$\x13\xfeBX\t\xf9\xdc\x95\xc5\x16K\xf3\xf7X\x15\xae\'O\x9e\x8c\xb4\x8c\x0e\xb4\xefno\t\x82\xb0\x17\xcd\x87\xb0\x15\x95]ps\xe7\xfb\xd4\xbbtz\x94Z\x8c\x1a\x05\x1b\xbe\xb2\x0e\xc7\xa2\'\x136\xd2~B\xcd\x85\x9f2\xc1\xcahs\x0f\x1e\x1f\xdfA\xcd\x96}F\xce\xef\xb0\xd2\xf5\x9b\xe3\xe3\xb3w\x8e\x1f\xcf\xcd\xe8\xd8A\xb8\xf48\xae\x18\x1ahT\xbc-\x04\xc4\x1b,f\xaf\xee\x11\xb4q$\r\xb5J\x0eA\xf0\xd8Eq&gt;\x10\xf1\xc9\x82\x94\x06\x85"D\x82\xcd\xa1%\xdd\x15G1\xd0\xde\xbd\x8c\x80IA-:\x83R\x18!\xd8\x86@P\xf4\xad\xd1\xe8\x85\x99\xb9\xb9\x07\x0f\x1e?\xfe\xfa\xebc\xa2\x9b\xed\x9d\x9d\xbds\xe7\xf8xcenF\x83\xect\xb9\xf4z\r&lt;\x90\t\xf9D\x82\xa2=\x0c\xdb\xc8\x00\x8bY\xbe\xcc\x85*\xdb\x0bXI\xc2\xca\xbb\x11T\xe1\x80,\x93eB\r\x94\xab\xbd\x9ba\x81\xae\xbb\x05X\x93\x8b\x93y7\x8f\xbd$\t\xe6\x94\x02\x1b\x1e\xa2\xd2L\x00\xcb\x15\xd7\x11\x9eff\x86\xf1Q\xfd\x0bD\x1a\x86\xf3\xef\xae\xcb\x9f5a \x0c\xe3.\ni?@\xb3du\x8b\x1f#8v\xf2\xbeBv\xd7\x0e\x1dtI\x1b9\'\xa5]{v\t\xe2"\x14\xda\x10\x92A\x1c\x8a6CjR\x10Z\x04\x15\xc4\xbav\xec\xf3\xde\xc5?\xed\x13\x0e4r\xde\xcf\xe7}\xef|\x82\x8f*\xb7\x15\x9d\x87\x8d{\x84&gt;\xed\x04\x8b\xdc\x8aDv\xc02\x03\xb2k\xd2\xb4\\\xc2\xba\xe5\xc3\x1a\\\xb8\xb8,d\xe3\xc0\xa5\xaa\xd5\xdd#\x96eZ\x983n\x0b\x87ESt+\xc2Z\x95B\xf4\xcdC\x8f\xc0\x00\x83\xcd`\x18}CJ\x97\xa3O\x8cD\xa5\xdf\x81\x1a\xb7\x18\x0b\xa7\x08\x00\xd5\xd2\xa1~\x12\xab\xd5#\xac\xb1:F\xb1\x9a\x1b(\xbb\xdc\xaf\x97(z\xe2C\x15G\x0b\xf1&amp;@\x93\x13\x16u\x14\xb0,SZ[\xfeL\x1d\xb8\n,\xa2\xc2\xa3\x8a\x8c\x92\xd7]\xbb\xf3\xca\xd0\xc9\xd2\'\xdd\xc8\xc1\xf4\xbe\xb2N\x91a\x18\x08W\xf8\xb7\xa9\x1d\xa0\xe43\x0b\xf9\xd5z\xf7\xf9\x1e\x8b\xa8\\S\xd9\x15\xcc3\xce#\x7f\x88\x83D\xcb\xb1\xea\xb2\xb3\\\x12\x95\x8f\xac*\x97\xcd\x14T\xe8\xc1\x16|:\xcb\x7f*JI\tw\xc9\x99\xae\x7f`q\x86\xf3\xfb\x80\x93\xcb\x81X\x1fS\xc3nU\xe5\xe2\xbfn\x01\x8b\xb7O\xb1Lk5\xd9\xae\xcas\xc1}\x11&gt;\xa3\xe6\xc5b\xa9 6\xe4\x92KT0\xcb\xa42\xaaMR\xdf8\x0e\xe7\xfe\xb4ETE\xf5\x9d\xd2\xb2\xab\xeb\x9f%\x03W$\x84\x00B\x04\n\\x\x81\xf7\xed,{\x19\x8dv\x19uo\xd8\xd5d..I)\xb2\xa2V\x93X\xa3\xb7\xa6j-\xd9\xc6\xcd\xc9v\xd2\xdcD\\\xf8\xcb\x07\xec0\xed\xfc\xbc\x90\xc4\x8f\xff\x94\xe2"\xc5I2H\x92\xb0g{\x9em\xdb4ry\r\x96\x0c\x06\xc9z\x06\xadO4\x9b\xc5\xd0\xe2q\x91\xadij\xa5\xb1\x9fu2\xd7\xee\x85\t4K\xa1\xe3\x8a\xbb\xef]\x1a\xd3\xfdJ\xc7\xf3h\xb9_7\x0c\xe4\x10\xc0Z\x17n\x00\x00\x00\x00IEND\xaeB`\x82'</t>
        </is>
      </c>
      <c r="M81" s="3" t="n">
        <v>45492.6781712963</v>
      </c>
    </row>
    <row r="82">
      <c r="A82" t="n">
        <v>243113</v>
      </c>
      <c r="B82" t="n">
        <v>1966</v>
      </c>
      <c r="C82" t="inlineStr">
        <is>
          <t>Renê</t>
        </is>
      </c>
      <c r="D82" t="inlineStr">
        <is>
          <t>Renê</t>
        </is>
      </c>
      <c r="E82" t="inlineStr">
        <is>
          <t>LE</t>
        </is>
      </c>
      <c r="F82" t="inlineStr">
        <is>
          <t>LAT</t>
        </is>
      </c>
      <c r="G82" t="inlineStr">
        <is>
          <t>LE</t>
        </is>
      </c>
      <c r="H82" t="n">
        <v>174</v>
      </c>
      <c r="I82" t="n">
        <v>6</v>
      </c>
      <c r="J82" s="2" t="n">
        <v>33860</v>
      </c>
      <c r="K82" t="inlineStr">
        <is>
          <t>Left</t>
        </is>
      </c>
      <c r="L8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bed9ea3-7987-46df-b09e-4d0a996f0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9c\x01\xd6\x00\x00\x00\tpHYs\x00\x00\x0e\xc4\x00\x00\x0e\xc4\x01\x95+\x0e\x1b\x00\x00\x03\x00PLTE\xfd\xfc\xfd\xfe"\x05\xfe+\x10\xfe\xfd\xff\xfc\xfc\xfc\xfb\xfb\xfb\xff\xff\xfe\xff\xfe\xff\xfe\xfe\xfe\xff\xff\xff\xfe\'\r\xfd\xfe\xfe\xfb\xfd\xfe\xfe$\n\xe1\x8ec\xfd/\x16\xe4\x92j\xcf\x87e\xd4\x8fo\xe5\xa3\x89\xc9\x85g\xfd\xfe\xfb\xdd\x8b`\xda\x93r\xcd\x8bl\xfa\xfa\xf9\xe0\x9e\x84\xd2\x8bj\xde\x91r\xe0\xa1\x88\xd5\x84_\xdb\x9b\x81\xd5\x91s\xdb\x97|\xe0\x9a\x7f\xc1\x86l\xdd\x96u\xc9\x7f]\xd0\x80_\xc9\x89k\xd9\x95y\xd7\x8bk\xd1\x8co\xc4\x81e\xdc\x8cn\xd0\x90t\xfe\xfe\xfd\xe7\xe8\xf8\xe2\xe4\xf0\xe3\xe5\xf4\xf84\x1e\xe4\xe8\xf8\xe0\x98x\xcb\x83`\xe3\xdf\xef\xe2\xe1\xeb\xca\x8cs/ \x1b\xc4}_\xd9\x87a\xe6\xe2\xf1\xd1\x85a\xe6\xe6\xf4\xd5\x97}\xd8\x8ep\xc4\x8bq\xe4\x91d\xe4\xe9\xf5\xfd%\x07\xcf\x86k\xb3{d\xdf\xdd\xec\xd7\x87g4&amp;!\xe1\xa7\x8e)\x1b\x17\xea\xe0\xed\xbe\x82h\xd4\x93x\xd4\x85e\xe2\xab\x95\xd9\x86[\xfa\xfe\xfa\xbe|`&gt;+$\xcd|Y=$\x1b\xe7\x9az"\x16\x12\xfe\xff\xff\xe6\x9d\x81\x9c\\D\xa6q]\xda\x91w\x92T&gt;\x9faK\xe4\x95r\xcc\x92z\xf9\xf6\xf6\x87N9\xa8fO\xc5xX\xaelV\xfd\xfc\xfa\xc9\x86m\xaet\\\xd4\x82Y\xba}d\xb9\x7fhO:.~L:\xfa(\x11\xe1\x90m\xe2\xe1\xf3\xde\x8dhePD{D0\xcf\x80X\xb8\x84n\xef\xea\xe8\xce\x81e\xe5\xdd\xeb\xf4&lt;\'\xdf\x94z\x92\\I\x87UC\xdc\x88hY2%\xb4t\\Q*\x1e\xbfqO\xb9w^\xefyu\xa5lV\xf4\xd1\xda\xf1\xd7\xe1\xf6,\x19ZE:\x9dV&gt;\xf1L?\xf5\xbb\xc1rA0\xbfwY\xc9zW\xf13 Y?1I"\x17\xb4iN\xf3\xdc\xe8\xea\xe7\xf5\x9ciT\xe9D4\xf0\x98\x98\xa7]E\xe9\xe6\xee\xacvbE1*\xc4\x8fz\xcb|a\xf6\xca\xd2\x94dS\xf0e_pbZ\xf6\xf5\xf4\xb8sV\xf4\xab\xae\xeeoi\xec;-\xe7SI\xaeeG\xf3\xa1\xa3\xd6\xac\xa0\x9cwi\xe9\x98s\xe9\xe3\xe0\xe7\x8e\x8d\xfd\xf8\xfa\xde\xdc\xe7\xf2\x8d\x8d\xd3\xa4\x93h&lt;,\xbd\xb2\xadcJ9\xbb\x8aub2"\x8fM6\xf2\xf0\xef\xce\x97\x83\xaa\x80p\x9b\x8f\x89\xd5\xb6\xb0\xdc\xd3\xd39\x1a\x12\xd4\xcb\xcbhXN\xe1\xda\xdb\xeb_T\xc1rb\xf4\xb5\xb9\xea\xd7\xd7|meL3&amp;tZL\x87wp\xfa\xef\xed\xf0\xe6\xf3\xf4\xc3\xc8\xea\xdb\xe4\xf2YL\xd5\x82y\xee\xa4\x8c\x87D0\xe3je\xf0\x84\x81\xf1\xe2\xef\xc9nh\xda\xc4\xc0\xc9\xa8\x9d\xe4\xdf\xe4\xd0xp\xf2D3\xe8L&gt;\xe9\xad\xb0\xdf\x8b\x86\x9cnZ\xcchJ\xdby\\\xed\xc9\xce\xec\x9f\x80\xd5\x9c\x89\xcc\xc2\xc0\x92\x83{qP?\xe1\xcc\xca\xa5\x98\x92\x91m`\xf5\xe2\xe1\xb0\xa4\x9f\xe5\x81}n1!}:\'\x7fdW\xb8l[\xdckT\xb0UQ\xbc_]\xe5\xa4\xa1\xc4\xbd\xbb\xc6\x9e\x90\xd5jh\xdf\x98\x99\xe7\xbf\xb8\xbd]@\xec\x1e\x13\xb9\x97\x8f\xce\x94\x95p\xa1\xb3\x12\x00\x00 \x00IDATx\xda\x84\x98OhS_\x16\xc7/x\xaf\x93\x90\x10\x1a\x91\xea\xa3%\xc8\xf8k\x9c\xea\x98\x95\x013\xa10\n#\r\xc1\x91\xd84v(TIu\x82\x95\'\xa5\xaf5\x1bm\xa73\xcc"\x85*\xf1\x07\x85\xfe|\x0byq#\x8c]5\xa1\x06CM\xba\xc9\x9f\xe5o\xe7\xcaU\x13:t\xd1U\xb7s\xce\xbd\xf7\xfdK\xeboN^\x9a&amp;yy\xef\xf3\xbe\xdfs\xcf=\xf7\x11\xc6\x14\x056\x08\xc6\x18\xa5\x94\x10\xca\x83x\x08\xf1x&lt;^\xaf\x87\x07~\xca\xbf\xa6\x84\xbf\x8fD|&gt;\xfe\xf9\x19\xbf\x9f\xf1c0q\x08|#\x9e\xd4\x17\x89D&lt;g\xcfzyx\xbc\xe61\x18\xc5C\x13\xf3D\xfc\x98\'\xe2\x04\x96\xb5\xb38?\x9e\x9ap.&amp;\xbf\x93X\x11\x8f\xcf\xe7\xc3\x13)\xa5j~ko\x17bo\xabZ\xca*fP\x1f\x80y\x1c\x01?\xe7\xa7\x00,\xca\xa9\xf8\x1b\xc6\xacSR\'\x16\x13Wi\xfeF\xa0\xe1\xe6\xc0\xe2\x97&amp;&gt;va)\xf9\xbd\xfa\xf1\xe1A\xb7\xd3\xc4\xe8t\x0f\xca\xf5\xbd|\xb5T\x82+\x85\x83\xf9a\x8f\xdf\xf5c\xc1\xf5\x11&lt;\xa2}.z\n\x16wMn\xc4\xde\xcd\xc4\xe2\x1e\x12\x8f\xd0\\rq\xf1\xe0\x82\xb2[\xf5r\xad\xd344\xadR,\x16+\x95\x8a\xa6iF\xb3{pX&gt;\xdeG\xe5\x80\xcc\xefsQ\xe1\xef\xf9\xc5{\xcc\xd3\x99ICD\x8a\xd8X}A\xeco=^\xf9\x800\x0fB\xa5\t~V\xda\xda\xaf\x19\r@\xd2\xb4v\x05\xa9z\x08W\xd0\xb4\x86a\x80n\xb5Zy\xaf\xaa\xf0\x1c\x15)\xea\x95\xa7b\xf6\xf9\xc5+\xa3&amp;\x07qb\xb9\xde\x08\x99xF\x9a&amp;"\x9e\xa7_\xf2\xfb\xd5\xbd\xc3N\xa3P(\x16T\x15\x90\x00\x0b\xa8\xd4t\xab\xa5\x16\x1a\r\x03\xc8\x1a\x8d\xe6\xc1\xfeVI!\x82\x8b\xebK\x04\x16d\x93G\xf8(?c2}~\x03\x8b\x9a\x17(\xa9\xbcVj9\xd2\x80e\xf3\xf5\x83f\x83\xbb\xd7\xca\xe8-\xb5\xa5\x82Rz:\x93n\xa5\xd3j\xe1\xa8\rvV\x1aF\x07\x14+\x11;C\xb9Q\x88@\xa4\'h\x033\xb1\xc8\x0fC\xfc\x8a\x88\x9c\xf2\x8a\xe2\xe0P\x18\x0f\xc7\x8f\x9c\xdd:\xee\x82\x81\xbdJ\xa1\xa8\xea\xb1D:\x91\x16\x91I\xeb\x99\xaf\x19\x00S!\x00\xad\xdd\xac\xedWs\xc4\'\x8a\x89\x87\x0ff&gt;\xbc8\x92\x1c\xe1\'\xf3\xfd\x14,\x14\xcb\xdb7\xac\x05\x13\xfc\xcd\xe5\xf8\x85\x95\xf6\xca]\xa3R\xd0\xdaZ\xb1\xa5\'\x92\xb1D,\x91\x88%\x05^\x0c"\xa3\xa7\xd3-\x1c\x03\xbdv\xbb\xb3\x9f\xcd\xf9\xfd&gt;\x02#\x17]\xe3\x07\x13W.\x9c\xf4\x98^\xfe_*\xe4\x92\xa3\x8d\x9a#P\x96=\x18\xf4\x90\xec\x90V\x86Q)V\x1aZ+\x9dI\xc4b|K\xc2\x9ft:\x81X\xf0\xaa\xeb\xe0j\x11\xb0\x1a\xb5\xdd-\x9e\xfa\\\x1f&lt;\x8a\xcf\xca[b\x0e\xf1\xdfR\x8b:\xca\xbb\xf8\xa5\xacw\x94\xd8c\xc5\xef\xf7+[\x87Mp\xb0\x00i\xae\xa9z:\x91@*\x81\x83\xa2!^\x02\xb0ZE\xb5\xd8\xab`\xc5\xa8\x95\xbf\x95\xa0V\x9d\xe1X\xe0(\x91\'q\xe4\x88c\xc8\xb9\xf3\xddY\xdc\xad\xcf0\t\xa8\xa9\x19W\x1f\xc5\xaaw\x8d6R\xc1yU]\xe7X`\x1e\xc7I$\xa7\x92\t\xee\xa6\xae\xe2\x10-hG0&amp;\x8d\x83\xdd*\x92\xf8(3\xcf\xe8\xb1\xcb\xb5-\x95c\xeas\xd4Us\x988\xd2P&amp;\x03\xb5f\x0b?\xabn\x95\x9b\xedv\x8fC\x81(h[2\xa6\xa7\x93S\xdcL\xc0\xe2x\xf0\x8d\xaa\x160\xff@\xd7\x86Q\xdb\xcd\x92\x88\xc0\xa2$\xe21/\x99\'\x18e\xfd\x85\xd3e!\xb3\x8a\x9d\xf3\x7f\x87\x98\x84\xe6r\xb9\xfc\xf1A\xf7\xe8\x08\x8b\x14\xd4(\x1c}\x89$D:1\x85X\xc9\xe4\xd4T2\t\xf2% \xe9u\xb5 \xa3\xa1\x19\xb5z\x89F|b\n\x8c\x88\x82\xc3,\x8d\x1c\xf5U\x16 7\x16\x96\\j\xe6\x93\xf8\xe3\x1c\x0c\x94\xe6\xaa\xfb\x9d\x86\xd1n\xb7+@\x05\x8a`Z%9I\x12uB\xac)\x10+\x99\xd0\x85\x8d\x10\x1cLkt\xeb\xd9\x08N\xedV\xd9\x12\x19"d \xfd3\x8d{r\x94;\x11\xb3\xdeQ\x97\xc5\xf8\xf2\xed\xc0h\xb4\xb5^O+\xea\x19,T\xa0Tl\n\x8d\x9b\x02\xac)\xdc0\xb9\xa6\xb0fp,\xf0\xb2\xc0\xa7$\xa3\xf6\xcdm\x96\xc3;\x99T\xf2\x14n*\x87m\x8e\x0bpe\x1e\xf1\xb3z\xcd\xe0\xf9^P[\x99L\x06\xb1\xa6l\x9d\xf0\xc9\xe5\x02\xf9\x921\x90KG/ag\x90Kk\x1e\x97\xe0\xf0~;c-\xa1\xf0\xe8\x1e\xd3K[,\x0b\x93\x9e\xde\x98\x89\xce\x01\x8f\xe2/\x1dw\x0ch\x19\xd4\x16L4\x10o\xe1\x01e=\x13\xcb\xe0@\x14\x99\x85rA\xfe\'c\x19^\xf8\xd1\xcc\x82\x8ar\x1d\xe6\x19\xf3\xfb\xad\x01\x8f\x074\xdb/Q%\x85\xad}\x89\xd6\xd7\x00\x9d,h\x98y\xf92\x14\xd2\xa6\xa6fb\xb1\xaf_\xbf\xbe]\xd9\xd9\xd9Y\x11\xb1\xba\xdaB\xd2\xb4(\x11 \\\x0c\xde\xc5x\xed\xd7U(\xbc\x8d\xee&gt;V\xd5S\\\xb4\x9a\x02G\x1b&amp;\xd5 \xd6\x9cwJ\xcd\xa5\xa2\x7f\x83~\xb1Z?@\xac\xb6\x9a\x01\xa6\xd5\xed\xc5\xd9\xcf3\x9fg\x9fc,\xae\xaf\xafo\xaf\x14WVZhn\x06\xa1AE\xae],\xadj\x8dF\xf78\x9fe\x8c:M\xe1Z1g\xbbI&lt;\x8e\xe4:9\x10\xfa+\x9a\xec\xd0\xb3[\xd0\xf6A\xcfRhe\xde\xee\xccNon~\x84\xd8\\\x9b\xde\\[\x9b^\x9b\x99y\xbe\x8el\xdb\xdb\xa8]kuu\xf5-\xa8\x85\x19\x17\xd3\x0b\x8df9_R\x14\xab\xe2\x98\xf5\x90\x13\xd8\xd3\xafY[\xa9yZ\x07\xbf\xb9\x98p\xb4&gt;\xbc\xb3V\x94|\xbd|\x00\xf3NA]\xdd\x99\xfd\xfb\x87\x7f:\xe2g\xd8&gt;n\xce\xfc\xfa\xf9\xf3,\xaa\xb7\xb8\xb8\xb8\x0e\xdb\xcej\x86W\x8ct\x01\xeai\xe9\x04\x16#\x0e$gc@i\x7f\x83J\xa8s\x1a\xb4\xb1\x90*[\xfdv\x0c\ri\xa5\xb8\xb2\xbeq\xf7|tii\x0eb\t\xe3\xcd\x9b7Kso\x10\xed\xe3\xe6\xe64\xc4\xc3\xb5\x99\xb5\xe9\x99\xd9\xc5\x9d\x0c\x1f\x02\x85\xe6\xe17\\|\xd8\xe9l\xb6\x05\xfdT\xce\xcc\xe6\x8e\xf35\x94=\xd1\xb82^\xaee\xb2\xbf@\x9f\xac\x15\xb7g\x9f\x9e\xbf8\x14\x8c\xa7R\xa9A\x88\x14\xc6` \x90\nq\xbe\'B\xbe\x8f\x1f&gt;\xfc\xfc\xf8\xf1\xf4z\x0b\xc0\x12\x85Fm\x0f\xb0N\xd4s\xb3\xaf\x13\x9d\xb9\xdd\x04\xdb\xb9\xc5\xc4\x9a\xac\xafv\xb8\xb1\x94\xea~\xb7]Y\x7fy\xf9\xd2\xb9\xa1\xf180\x05n\xdf\xbe\x1d\x18\x0c\x0c\xc2\xcb\xed\x01\xf8op0\x9e\x9a[\x9a\x03\xba\'\xafG \x9e\xbc~\xfc|\x05\x8aGBm\xd6\xb3`!\xa3\xc4U\x8aD\xff+\xdaMs%\xe92Q.\x15\x15Fh\x7f\x03d\xe7\x96\x92/7{\xbd\xf7W\xfepa\x94K\x05`\x80\x85\xdb\x00`\xc13\x10\x08\x0c\xa6\xe6R\xdc\xda\x91ht,:\xf2\xfa\xe1"p%T\xa3\\R\x98{\x9a\xe1\x99\xc5\x99\xbcr\x95\xdc\xd7\xa9\xf2\n \xd7\x9c\xae\x05\xac\x89\xc5\xdf*Ji\xb7\xd6\xeem\xdc\xfd\xeb\x85?\x8f\x87R)\x94Kb\x05\xb8Z\x18\xc8\x05\x81Y\x17\x1a\x1b\x0bF\xa3\x13\x0f\xd7W\xd2\x19]\xab\xfd\xa28g\x1b&amp;G\xa0T\xca\xc2b\x02\xc4m\xa2\xa2PjV\xfd\xbe\x89\x07\xf5\xca\x97\x8fz/\x9f]\xbf0:~/\x14\n\xc5\xe3q\xb41\x80\xdb \xd7\x0c\xe9D\xb2!\x15\xe7\n\x06\'\xa6\x9fo\xafftc?\xeb\x98K0[Db\x99\x0b\x19\xd9\xa7J[\xec\xf4\x13\xc9e\x15\x08\xe6n\x11\tS\xee\x97v\xbb\xed\x97\xefn^\x18\x05\xa8x(\x15\xe2X\x01\xa1\x91\x08\xae\x96\xc4B2\x00\x1b\x1a\x9ax8\xbb\xbd\xaa\xab\xb5&lt;\xf4\x90\xbeH\xce\x9c\n\x89\xc5c\xb5\x83\xccR\xc7\xea\xa5drY\x1e\xdaXb\x96\xa6\xec~\xf5\xb0\xdd\xfe~\xf7\xd2\xb9\xf1\x10\x8a\x15\x02\x17q\x00\x06\x84u\xa8Y@$\x17\xfa\x1bB\xacp8&lt;\x16\x1c:7\xf1\xefW\xdb-\xdd\xa8+\xd0qGr\xa2/\x87\xa2\xe5\xb1M\xe4tv\x8a\xbbMd\x16\x16;\x89\x05\xea\xd6;\xbd\xf7/n^\x1a\xe2Pshb\xaa_.\x14\x8b\xdb(K\x1ap\x8d\r]}\xb6\x01\\\\.\x04\x82\xd5\x19\xb1\xe6\x1c\xaf\\\x02Q\x87e\x88e\xd6PEq\x9bH\xfb\xb0\x08\xad\x1e6^\xbd\xbbu\xfd\\pl\x0c\xb9\xe2\xa1\xf8 \xd8\x88X0\x08\xe1e\x01\xa0\x06\x00\x0b?Nq\xaa\xc9I\x00\x03\x1b\xcf\xdf\xd9x\xbe\xad\x1auX\x99\x01\x04\xc7\xa2\xae[/\xc41\xcf\xd8X\xd6\xbb\x1fa\xddG\x13w;\xed\xef/\xae_\x1a\x12T\x08\x06\xba,\x04\x06x\xc0\x0b\xa7\x12j\xc5\xe3\xa0\xe6\xdc\xd2$\x82\xa1\x8f\xd7\x9en\xbc\xaa\x14\x0e\xaa\xa8\x14\xace\xe5xrbQ\xb7\\\xf2\x9e\x93\xe3\x0eW\xff2\x97\n,\x7f\xa9|tt\xe7\xd6\xf5\xab \x16\xb8\x18\x0e\x87\xe2\x0b\x18\xf3\x02k\x01\x9f\x01x\x0c.\xc3\x03\xc0`\x17\x94kr2\x1c\x0e\x0e\x9d\x9f@\xae\xe6.\xbf\x83\xf37\xf3\xd8\x0e\x0fm,[-F\xcd\xbbx\xae\xbe\x8b\xb8\xb0X\xbev\xf4\xee\xf2\xcd\xabC\x80\xc5\xf5\x8a#\xd6&lt;\x0f B,\x9e\xf0\xf1\xf8\xf22\x7f\x86\xc2\x93h\xe2$\xa6}\xf0\xda\xbf\xfe\xb1\xd1\xd3\xca\n:xV\x8cC\xfb\xd6\x8b]\x1c\x99\x99M\xf2\x86\t0\xe2\xa4x\xda\x9a\x9bc\xe5\x88\xb2\xd7\xf9\xef\xe5\x9b\x17/\x06\x83\x98\xc6\xa1\xf8\xbd\xf1\xd1\xf9\xe1\xf9\xe1G\x10\xf3R1\xa0C\xff\x06\x97\x97\x97\x17\x96\x97\xc7a\x8aD\xb9F\xc2\xd1h0\xfa\xa7\x89\xa7/{\xdd&lt;\xcau\x96\x17E\x8f\xb3\xfb\x13\xed\x9f%\x910Q\xdc\xf8d\x94\x9d\xba\xe6\xe6X\xd0k\xd5;_\x90\xea/\xc1p\x14\x1c\x1c\x1f\x1f\xfd\xe3\xf0\xa3\xe1G\x0f\x1e|\xfa\x84\\\xf8\x80\xf4\x02*Pj9\x8e`\xe3an\xe2\xe4\xc8\xc8R4\x1a\xbd\xf6\xec{\xcf\xa8C3\x1f\x89X\xb5\xda\xec\xfd\xe4\xed8S"\xa01\xb10\xadN\xbf\x9b\x03\x1d&lt;\xee\\*\xff\xe7\x05\x17+8\x06\x93\x1dR]\x18\xbeq\xe3\x01\xc4\'\xd0k\x80S\r\xcc#V||y\x1c\x9f\xf7\xc2\xc85\x82\x8f(r\xddy\xdf&gt;\xccbE\x95\xda\x88\xd55&gt;\xa8y\x0f\x95Y\xebD\xabT(?\xb8?\x01X,\xc7\x94\xfc\xe1\x97[W\x80\n3\x0b\x0c\x1c]\x18\x1eF\xa8\xdf\xdf\xb8\xf1\x88\x1b\xc9M\xbc\r\xdd\r\xaf\x1d\xf0\xbc\'\xb0\xc2\xa0\x96\x90\xeb\xee\xbbW\xe0\xe2\x993\x91\x08!\xe6\r+*o\x8e\xc8\xdb\xc5\xd6\xacI\xcc\xd2\xa00\xe7\xbd\x00Gg\x83{\xe7\xa8\xb2[\xfbr\xf9\xca\x90\xc0\x1a\x1b\x1d\x05\x0b\x7f\xfa\xe9\x06g\x1a\xc6\xc4_\x80\xaa\x05\xf5+\x10\x9f\xc3J\x8b\x13O\xf8\x7f|\x9a]H[i\x1a\xc7\x0f\x98\xd4Hdi4\x9d\xe44\x99\xa9\x1as\x8e\xf9\xd0+\x059%4^(\xd9\x0b\xcdL\xb3\xd6Ymc\xaaF\xdbU$dm\x0c\xa8\xa9M\xf0&amp;`\xa4\x13\x10\x82\x9d \x98\x9b\xec\xc4"\x8c\xe2\xe8\xa6\x1f\xc3P\xda\xdd\xce\x95\xdet\xf7J]\xb7\xed\xd6-\xb5\xedB/fX\xf6y\xdesNNN\x94}\xb5\xb6M\x04\x7f\xfe\x9f\xe7}&gt;\x8f\x83!&amp;\xc4\x0f\x94\xcbf\x1a[~\xf6\x88V\xab\x9a\x04\xb9x\xac\xa2{(\xc6.JL:\xbco\x890\xa5\x01\x02\xdeU\x0c\xbc|\x152\xe9\t\x16C\xd4\xb2\x1b\xe1\x04\xe0\x13\x91\xc0\xd5\xf9H\xc1\xd7\x0f|0e\x18\x90ja\x01\xd5\xc2\xa35\x99r\x7f\xdd\x18\x00"\x82E\t\xc3\x0eq\xc0\x84fSJ\x13\x1b\x1e\xab`D\xa9\x11/\xc2\x1a\x19\xa1\xb67r\x9bhC\xe0\x82\x8b\xe8\x06\xb9,Ag\xd0\x8e\x91\xeb7\xf0\tI\x08\xa0V\xcf\x9e\xfd\x0c\x8b0L&gt;\x10KQ\xad\x05\xf3\x82\x99\x80q-\xac)\xff\xfe\xcd6\x85j\xf1\xddV\x11\x968\x94\x90c\x15[Qq"\x9c*FF\x9a\xb6\xdf"\x96\x818&lt;\xe3vCi\xe3r\x81c\xc3\xbd\xc3\xa8\x8e\xc9\x10\xa8VW\xcf\x16r"\xa9\xf1A,&lt;\xa4P\xe5\xb4\xa6\xd0\xd1\xab\xfb|\xc8\x12\xb6\x11\x05,y]\n\xdfC\x8b\xcb\x10Z*\xd3\x94\n\xf9(LAS\x93orm@e\x80\xc2\xee\x96\xc3\xedv\xb8IP\xc5\xda\xe5\xab\x02\xd6\xd9U\x1fIA\x12\x18`\xf9\xe1\xd3O\xe4\xe2:C\xb9g?\x8e(x\x7f\x12\xa7\xc5b\x15H\xc9\xf3]\xc1\xe3\x0b-F\xa9Z\x94\x82V\xaa\x11\xabQ\x0fX\x8e\x16\x1e\x89Pa\xac\x17j\x1bH?\x01\x1f\xc9@\xc8\x85U\x17\xf8W7 !\x17b%\x00+\xff\xfe\x13ia\xa52\x8b\x92wb%XD1\x01\xacds\x006\xa4\xe9J\xa2\x16\x89Z\x0e\xfe22\x90\x80HV$\x91\x01\x80|\xc2A4\xec;\x82\x17I\'\x04\\f?\xdcD\xa2V\xfe\xfd\xc6\x00\xb9\x81\x15\'\xdb0e\xf1\xe5\xa7$\xd7"\x19\xe8\xc4\x80\x00]\xeb2\xc12\xb1,\xba\xbc\x1b\x9c\x1e.?Dz\xc4\x02\x1a\x08\xf3\xf8\x07\xc2\xea\xea*\xc6|\x0cb\x98)\x91\x8b\xc8\xe5G,\xe0B\xac7\xdbj1\xe9TH\x92QJ~\x1b$\x95\xe9\xe2~L^@\xc8z\xda\x91\xcbJ\xa2V+\xb9\x89\xe0^L\xcb-\x06&gt;\x00+\xe0\xf3a\x9c\xef)=(\x9b.hq3f\x80J\x10\xe7j\xd1\x9a6\xf3\xe0\xf3\n\x85\x9aW\xabB8*qNY\x9c\xef\xe8\x82\x11\x85=Y\xf1\xc0\x9b\x84\x13jDYYy\xffAn\xb3\x8dE(r\x17o\x99\xcd\x0c\xe3\x0e\xfa|\xcduu=\xbd\x87\xbdx\xeaz{{zz\xc9\x7fH\xf4\xafwZ\\\x0e\xb3\x19\xf4Jp\x9c\x88\xf5\xfc\'\x8a`IG\x1c\xea\xca\xabN\x91H\xda\xbcH\xb5&lt;\xbfuP\xf0XG\x88\x85w\x11.\xa3\xd9\xdc\xcd\x98\xc3\x86\xaak\r\xb5\x97.\x9c?\x0f ;\xd5\x88\x05\xe7\xb0\xba\x1a\xfe\xd9\xdc\xd0\xd0USe\xd5`\xf1`F,\xae\x05\xe2V(\x9f{\x0e\xd9Z\xf5\xff\xb0\x84\x7f\x938\xaaT\x9c&lt;T\xe1\xc5\x11(G&amp;\t\x16\x84\x087R\xa1\xa7xl&amp;\x93)d2}{\xfd\xfa\xa5\xf3\xd5\xd5\x87\x82`\xd5\xd5\x9f\x9f\xbf\xd0\xd5j2u\x8e\x8d\x8d\xc5&lt;6\xad\xd6\xc6%\x12\t\xce\x1c\xd6\x12\xacO\xb4\xa2I\x86%\xdbs\x15\x169t\xc9PU\x9ag\x89\x9do\x93\x80\x85\xa9\xda`0 \x92\xd6\xe6\xf1\xc4n\xce-O\xcf\xccL/.\xce\x8d6v\xd5\xd6\x81D\xcd\xcd\xf0\xb5\xb6\xab\xadc\x0e\xde\x18\x1f\x9fY^\x9c\x9b\xb5\xd98["\x03z\xb5\xb0m\xa1P\xfe\xf9\xc6\x80Ru:\x16U4\x98\xa1N\xcc\xc3\x8bjy\xd2\x9f\xe0K\x95\x10N\xdf\xe77Y+\x14\xa7\x1a3g\xb3yFg\xe1GO\xac\xaf\xaf\xcf\xcfOL\xf4\xc5l\xac\xb5\xa1\x16Sw\x83\xd56:\xe7\x9d_\xff\x01\xce\xfc\x84wz\xe8f\xcc\x03\x07\xb8\xc0\x88c\x10Oy,\xb9\x15\xa5\xd5\xae\x18*N\xd9\xc9*\xa4-\x8b8\xf9UR\xdbo\x01\xab\xd5Ze\xc0B\x13\x0c\xd8\x19\x9b\x1d\x1e\xea\x9f\x1e\x1c\x9c\x98\xd8\x1d\xec\x1b\x8eqZ}\x95S\xa7\xab\xd2zf\xe7\xfa\x06\xe7\xd7\xdf\xbd\x9b\x18\xf4\xf6\r\r\x0f\xcf\xc6\xe0\x97\x88\x01\x96\x16\xd4\xca#\x16\xdd\xc4O\x1d\x8a\x9c\x8b*\x8e\x00\xb2M\x8f\xacz\xe7\xc7I\xf0\xdd*~\xcaDS+\x1b\xcfr\xa16=`\x81\x01\xc1\x886["\x99\xea\xdb\x9ax\x07g7\xde?\x94i\xd1\x18\x80\xca\xc0e\x86\xfa\xbc\x83\xc7\xf0\xea\xf1\xee\x96\xb7o\xd8cC\xb1b1\x0f\xc1\xba\x9a{\xbe\xb1B+\xe4r\xf1YH\x9c\x0cR\xc5\xdb\x9d\x93K)\xaa0\x01F\xb5\xd6\x06^&gt;\xcb\xe5\xdb@\xadv\xf0a\xe2\xc6\xa9\xb8wpp|b\xfe\xf8x\xb7/\x95Jr\x16\x9dQ\xa73p\xc9&gt;\xafw\xeb\xf8x\x02\\k\xc6\xeb\x8d\xa72p\x0b\xb9\x84\x07|\xffF[\x07`}\x1a@\xac3\xaa3g\xca\xf1\x08\xb3\xad\nUQ\x83\x06\xafQ\x8a\x93\xebj\xbeB\xe33;~\x03\x94\xa7k\xd0R\x1f\xe5\xbfm\xb4\x1a\xf4Z\x13\xab\xd7"\xd5\xd0\xf4\xeb\xbb\xb7o\xaf\x1f\x1f\x1f\xc7\x87\x86\x92\t\x8b1`w\x1a\xb8l&lt;\x1e\xdf\xda\x1d\xc4q\xc87\xb7\xc7\xa7\xbd\xf1d\x82C\xc5\x00\xcb\xb4t\xf5\xe8\xf9\xcb\x81\x01%\xc5o=\x81\xad\\\xb0"\t\xf5\x15\xc5\xe9\xe8t,J\xfc\x15\xf8\xbc@\xd3\x7f\x7f\x90\xcb\x85\x1a\xadz\x96e\x1b\xf5\xe6h&lt;&gt;4s\xf7\xca\x95\xaf\x1f\xdf\x99\xd8\xdd\xdd\x8d\'\x93\x19G0\x10\xb4k\x12\x80\xb5{\x0cXw\xef}\xfd\xdb+\xb7\xe7\xbdq\xc2\x05\x87eCK{\xcb\xaf\x1e\xe1\xfa\xfa\xdc9\xe1\x01\x89\xc2\xc3\x1bb\xd2\x16\xa6\x82E\x0b\x1dy\x97\xc8\x0fy(\xa1\x17\xb9\xac\xdc~\x0br\xb56\x02\x96\xbeJ\xcf%\xb3I\xef\xeb?\xfe\xe5\xde\xe3\xdf\xad\xf7\xc7\xe3\xa9x6\x1be.B\xdf\xe3\xf0gS\xf1-\xaf\xb7?\xf7\xfa\xca\xe3+\xf7\xde\x8f\xbf\xdb\xca&amp;\x13f\xb0\xbaM\xcb\x86rG\xcb\xaf~\xda^Y\x83\x06\xef\x9c\xaaLUVVV.yXq&gt;\xaa(\xdd\xf7HF,dv\xec\x1e\xe9\xb5\x95\r\x01Ko\xad\xd1s\xd1L\xeax9\xff\xfa\xce7w\xc6\x87\xfaRI8Q\x06j\x89\x88\xc3\x9cL\xc5S\xa9\xfe\xa1\xa5ex\xefu~op+\xcb\xa5[\xb4xZC{G\xcbo\xeeoo\xd34\xb4\xc3\xeaJ\x90\xac\xa9\xfc\x8ct\x1d\x8bo\xc1\xe9F\x14Z8\x15\xc5?HQYI\xd3\x03?\xbe:\xc2\x92Ko\xad\xaa1\xb4\xa4\x13\xa9\xfe\xa5\xcd\xab\xe3\xf3\x83\xfd\xfd\x80\x01X~w`u5\xe0H\'\xb2\xa9T&lt;\xde?\xb74=3\xbd\x14Z\x1a\xcex\xb8\xb0F\xaf\xd7k\xb5\xfa\xd0\xde\xf2\xf2\x7f\xef?\xfa\xd7\xd3I\x9a*SW^&amp;\xa6\x94\x978\x15\xf29\xb8\x14\xe5\x95\xd2\x16\xbd\x80\xa5\xae\xa4WV\x1e=\xd8\xdb3uY\x01\x0b\xaec\x9a\xe3\x9e\x8c\x8e\x8eu|\xf8\x90L\xa5R\xff\xc9&amp;\xa3\xdd\x17\x83\x80\x05%C\x14\x9d&gt;\x05\x11kx\xb6#\x16\xcb\xc4 \xbek\xf0\xfe\xde\xb8\xd1\xb9\xb8\xbc\xb7\xf9\xb7\xcdo\xaf\x7f\xf7t\r\x9fsQ75\x95\xa9N?B\x1dQTK+du\x1a\t$k\x93O_\xbcx\x98\xcf/\x8e5\xea\xad\x06\x8c\x12\xeda\xce\xf3\x04\xcf\x07\x10\'\x95\x8d\xfa\x19\xb7\x0b*.\xc0\n\x9b\xa3H\x9a\x1dN\x0egb\tH;\x98w4\x80\xa5\x05\xac\xfe\xe1\xb9\x9b\t\xc7E\xf7\x97\xff\x86\xcb\xa8V\x95\xfd\xbeD-\xc1\xc5\xf80\xc0o\xb4\x85\r\x958\xa7\xe3\xe3\x1c|iR\xd0\x93\x0f\xff\xdcj\nu\x84\xaev\x80\x11!\xfd@\xc7\x9f6C\x15\xf5\xe4I"\x99\xcd\x82O\xa7\xa1\xeb\x88\xf4\x1c\x1e\x1a\xddi\xc6\xd1\xed\x8f\xc2\x8dHf\xa2\t?g\x06Y\xa1.5k4Z-;\xb68\xec_\xe8\xfe\xc3g\x07\xfb\xed\xffX\xa3\x9a\xca1D\xa8\xa8\xd2\x9eY\x88L\x85\xc5\xbf\x8a\x12\x1e\xea)\\Ta\xfc\xbb\xfd\xe2R$\x12q\x87\xdb;F!B`e\x93NC\xc2N\xa7\xfd\x89(x\xd5\x8744An\x97\xf1\xf0\xf0\xb0\xc7\x12N3Lz\xc1\x9f\xc8d\xa2\xfe\x05l\x924a,\x01\x81J\xcb\x9a\x16c\xccEW$\xf8\xd5\xbe\xff\x97\x9f!H\x94ck&amp;/^\xc4=\xab\x10\x08*\x8aC\x990\xbb\x17\x1fGRN~\xe7\xda?\xf0\x05\x02\xba\xceN\xc4\xc26#\x1c\xd6\x84\x19(=\xa3\xd1h"l\xb7\xdb-ng\xf3\xe1ao\x8f\xd3\x00/3\xe9t\x9a\x03]@\xc2/\\P\x08!\x16\xc8\xc5\x9an\xda\x0cN\xa7\xd1\x1e\xf9\xb8\xff%b5\x9d\xa3\x8a:i\xf1\x01\x1c\x85l$W\xb8\x07B\xfc\xe0\x1fF\x82\xbf\x15\xca\xfb\xdf\x1f|\x8c\xf8|\xf5\r\xac\xa9\xb1\xd1`\x80\x9f\xa4\tk\x0c\x067\x03\xe6\xf2\xa7\xc3v\xa3\xdd\xee2\x18{v\x0e{\xeb\xae9\xc3\x0c\xea\x15\x0e\x87\x01\n{I\x17_h\x13\xacQ\xb6JW[\x87X\xdfOB|P\xa9O\xd4\x08\x85\xe9Lab_\x84V!\xa9\x05\xa6U&gt;\xfd\xe7\xc7\x83@sOsm#\xdb\x08\xe9\x07ZW\xf8\x81\x16\xf8\xd2\xed_HC+\x0bj\xb9\x9cS\xbd;;;\xbdS W:\rr\x85]\xc4\xb2p\xa0D\xb3X@\xe2\x1b\xac\xa9\x83\xd5\x19\x9d\xf5\x11\x82\xa5\x80k\xa8\xae\x94\x8d;$[\xaa\xa8\x92\xe1\xb8,~T\x90&lt;M\x13,\xdfjs\xb3\x1e\xb0\xaa\xaa\x9c\xd0\xe8G\xe0g\xba\xbf\x00{\xb9,.\x97=\xe0r];\xbf\xf3\'\xe0\x9aj\xa8iOw\x83X\x84\xc8\x15\x89X,N\x8b\xd3\xe9\x046=b\x05\x82.{\xe4\x80\x18qD-\xa9U\xb2\xa9+&lt;\xf3\xa5\x92\x16/\xf2i9b=\xba\x04X\xc1`\x00\xb1jj\xaa\x9cN\x1d\x98\xcd\x1e\x89\x00\x99\xcbN\x86$\xceku\x9f\xef\xe0\xa9khp\xda\xddhCx/\x02\xdfe4\xd6\xebtN\xa7\xd5\xaaG,m4\x1a0\x06\x0f\xf6\xf7\x1f\xfeLQj\xaa\xb4\xd4\x13\x94\xe3\xd5\xaa8\xf5H\xf3V\x1e\xcb\xee\x0b\xba\xc0\xb7\x10\xab\xbeyj\xcahD4;`\xd9\xedS\xf5uu\x17.Tc\x97\xd1\xd5\xd5U;u\xad=\x8c\\@e\xb4\x1b\xa7\xa6\x80\xab\x06\xa9\xd8\xce\x9b\xb6_\x7f\xed\xae7\x1e\xec/\xfc2@Q\xffc\xdb\xecB\xdaJ\xd38~\xc0s\x98\x14s\xe3\x99\xc891\xd9\xedIr\xd6|\x99^\xa5\x10\xd2\x0b\xe3EBYHd\x13\x8a\x8c99q\xf4x\x92\x10)^H\x15\x92\x96\xd0\x90\x1b/,l!\x8c\x84\x95\x80\xb9\x19t\\A\x96\xd9\xd8/\x86\x12z\xd3\x1b\xf1\xa2\x16/\xaa\xd9q\x16iKK\xb6\xc3\nS\x86y\xde\xf3\x95\x93\xd8WZ\xa1\x11\xfc\xf5y\x9f\xf7y\x9f\x8f\xffk\x8cw\x99t\xa5\xab\xdc(\xd5\xe6@\x86n\x8e\xa1\xce\xd1PVc\xc03\xcfa\x13\xc7f~8\xbd\x0f\'1\x06w\x0f[\x90\x16\x02C~eMA\x06\x1f\x98\x18\x1f\xb1\xa5|eA\xcc\xda\xed\x0c\xd8\n\xe2+|T\xb0\xdb\x0b)\x86$\x01\x8b\x0eD+\xa6\xfb\x9f\x1fP\xfe\xf6\xe9\xe8\xb9\x19ae2\xfa\xc1\xbd6\x9c\x96\xe3V\x97\xa6\xdf\xc7\xae\xc8)\xea\xce\xde\xff\xda3?/\x9e\x8eF#\xdfB\x99\xc5\xb8l\x05\x9b\x1dV\xc1\n\xa7\x1d\xcc\x16\x9a.\x08\x1f&gt;\x94\xc0$e\xfe\xdf\x7f\xff \xa6\x00\xeb\xe6(\xb2V\x01\xcaH\x1bI{&lt;\x90w\xf8\x02\x0bUz\xf4\xf3\xe9\xe4\xd4\x8d\xd3\xd4\xce.\x14y\x1a\x16\xd1\x9f&amp;\xa0\xb8\xd5c$u.\xabh\xa5\xa4~\xeb\xfe\xd6F\xfb\x87\x9f\x17\xdbc\x0e.\x10\x8b\x91\x0c\xc3\xb8\x00jz\xba\x90\xb2ZSc3\xd61\xff\xc6\xea\xc7\xa6\x17R\xd6VY\x98;\\_Y\x99G\x07\x11m`\x01*!\xdai\x82/\xda\x07\xc9\xa9\xcf}\xff\xf4\xd6\xd8\x8d\xd3?-g0\x84\xa5hN\xf5X\x84TG\xaa\xd6\x92\xb7S\x1bTi\xc9&gt;\xfad\xf6(\x00\xd1\xf4^\xbb\x10\xa8L\x80\xb9R\x0c\x13s\xd9P\x05V\xf0\x83\xadf\x16\xdd7W6\xbcY\x9f)8\x1f\xcc:\xf2\xad\x16\xd4\xf7\xa3\xe0\xefV\x88)\x80\xef\x92RG\xc0\xfa\x91\xe3|\xd4\xad\xd3\xd3\xd1\xbf\xcdo\xbd$$k)\xc9\x81\xb9o" \xa5\xc5W\x94\x13\x87\xe9\xbb\xf7\xb2\x80OJ%\x06\x89g\x8f\xee\xdd\xbb\xd5nO\x8ds\x0b\x80\xe5r1\x1e\xe0\x82*\xdf\xeeg\xad~\xff\x8c{e~\xde\xeb\xc8f\xbd\xdep6_\xeatZ\x10\xb5\xc0\xaff\xa6\xa6\xed\xf6\x11\x9b\x8b\x04s\x99\xe8@ r\xc2\xc5\\\x93\xa7\x9fo\xdd\x08\xfe6\x8b\xc7\xa1\xca\xcb(\xfe\xa4\x8c\xfc\xb5\x16\x91\x14 \xae\xa8\xda.\xcc\xd07\x99U\xfe\t\xdb\xb9\x18\x83C\xdd\xf6_\xcdq\x131\x86bI:&amp;m\xe3\x94_j\xebR\xa1\xc9\x8d\x8eP)\xe5\xa3Q1\xc9\xa7;\x1baw\x08\xf5U\xa7\xa0\xcc\x86j\x96q\x02\x963\x10\xadV#1r\xf4\xf3\xe7\xd1\x1b\xd9s3\x1e\'\xb4N\xaeV+k\xfa\x1e\xd9Z\x86\xee\xc8\xaaW\xab\xa1\xe4]\xcb\xafSmt\xb4G"\xd5H \xe6\xa2Hy\x13\xa7\xed,;\xe3\xf7\xb3T(\x1cLCUXLC\xe1\xb84\x97\x16[a\x8b{lf\xd1\x8a\xb0\\\x0c\xc2r\xfa\x02\xb5z\xbd\xe6[{\xf0`t\xf1\xcf\x8fv\x08,\x1e\xd7\xf4FJ\x13I\'\x8d\x94\xb0\xe4jB\x1a\xb4k\x17\xba\x12\xdd\x0c\x06H?\x06\xf6\x9f\x8e\x8f\xb5\xdb\xb7\x1e\x90?\xd69G\x0c~\x91+\x86N\xe2\xb4\x9fbY\xab\x95\xf2\x98\xc0\xd3\xe7\xf8\xbbKP\xb1\xde^\xba=\xc7\xa7K\xdep\x08B\x87\x7fz\xe4\xaa+\xe6\x01[9\x03\x8eZ5\r\xe1t\xd4B\xdd\x9b\xdc\xdaW\xb0\x14\x14B\x95[\xa3*^\xc6R4\xe3\xaaXO\xdf\xdcR\xddm\xd0|\xfe\xa80c\xbd1o\xfa\xb6\n\xde\x05!\xd5\x85\\\x0b&lt;\x8b\x85c\xe8\xb6\x04\x05\x1e\x8ak~ui\xe9\xe3\xd2\x9c$\x18\xe1\x051\x18^q\x87\xfcv\x1b`9\x9d\x8e\t8\x86\xd5\xeaBx\xd2J\xdd\x1c\x8d\xfd\xc7,\xf9\x95&amp;hQZn\xb2\x90D\x8b[\xf0%\'\xc7\x8a\xda\xad+QT\xab\xa3\x9d\xd7\xb6\xa9\xe9)\xab\x7f\xbcR\xe7\xeeL\x04\x18\x17\x8b\xfaW\xacu\xc6J\x85V\x1aI\xb0\xd1\x12/\x82_A\xb2\xcc\xcf\x15\x0f\xa1\xfe\xe7\x85\xb27l\xa1\xfc,\xd8\xd6\xe3t\x04\xa2\xb9J\x95\x8b2\x05\xbf{2\xbc\xf52n\xdc\xcd\xc0\xef\x88\xc7/)\xdd\xa48oP\xafj\x94\x92bjG\x0b\xef\xc3\xba\x86m\x1e\x9d\x8d\xc0\x8d\xf7\xf5x\xa4^\xad\xdd\x01\xf7b\xed6\x96\xa5\x16\xc1\xad\xbc\x8dds\x0e\xb5!\xbc\x07\x07\xc7\xc7\xc7\xaf:b\x0e\xa9X\x0e\xc1\xc5\x12Cn\xf8!\x86\xf19\x1d\x8eH%R\xad:\x18\xcaz\xcf}\xf6\x02N^&amp;\x83\r\xe0\xf1\xf8e\xc9\x11\x86i\xd9\xa9A\xc9\x97\xb1\x1e\xd1\x19\xae^\xe3\xc3\xf8\xee\xce\xd3\xb3\xaf!\xcd\xb3E+\'\\-\xea\x83=\xbc\n\xe6\x02\xb7J\x80y\xe6\x92\x82Pn\xb5\x8e\x81\xeb\xd5+\xc8\xefEQ\xe0\x0f\x97n\x83\xc1\xc2\xa1\x10\x04__`b!\x97\x03\xac\x00\x05\xe7\xf3\xec\xb7\x97\x84\xd9\x0cXF\\\n\\\x98N\x9c\xaeq\xc9\'\xb1+\xc3\xc6\xba\xdeE\xa8X\xe0\x9d\xb3\xcf\x9f\xfe\x15\xa5y\x13\x1cwR\xc9\x05\x10\x17l"E\x97\x92s@U\xdeh\xb5^\x1d\xaf\x1c#k!\xb0NYL\x1e\xc2\x07\x82\x17\xca$\xd2\x13p8r\xb5\x05\xae\xceM\xf8R.\xa02\x9bwQ_\xd4\x88\xc9:bm\n\xa5\x17\x04\xcb\x06\xc3\xe4v$\xa1\xffH\xb3\xd6\xe0pfw\xf3\xd9\xd6\xd9\xc8\xd5\xb3\x7f\xd4\xb8\n`\x05|1\xd8D\x96L\xa4Q@(#\xa8c\x05\nqu:\x1d1Y\xe4\x0f\x93QH\xcf\xc0\xb3\xf2\xb9\n\x17\xa9\xd6\xb7/.\xf6\xb6\xce_\xee\x12\xbb\x08\xcbh\xc4\xbe\xa8\x1bS\xce\x1a\x86K\n{\x84F\x10\xfaw\x1b\x1a\xd6\x00v\r#\xf6\x9f=\xdd\xdb\xdb\xbax\\\xabq\x91\t\x87\xd7\x03Q\x95\xa5\x85&amp;\xb2\x15`\xbc\xfa\x15\xadO\x9f\xd0\x1f\xb4\x90Z\xaa\xd8\xe4E\'C\xfa\x9c\xf9\x9c\x8c\xf5\xe4\xc5\xbbw\xcb\x9b\xf1\xdd]\x84%\xcfz\x89\xfe\xf6\x9aN6\xa96\x94\xa4\x0bG\xd6\xdb)[\xae`\r\x18\xae\r\xc7g\x97w^\xbc;\x02\xacZ$\x9aO\x98&lt;\x80\x95\xe0\xf9d2-\xac\x7fB&lt;\x92\xa1$\x83\x01\xdb\xfa\xe1\xc7d\x9a_\x15\xbd$I\x03\x15W\xe1j\xd5\xb7\xef\xf7\xc1\xa9\xe2\x92\xad\xe2\xe8\xaf\x8c\xdc\xdf\xe8\x9b\x8cK1L\x89W]\x9f#\x14,\xbc\x8b58h\x18\x1e\x1e\xc6\xb0\x8c9\xb3\xf3\xe4-\x17YX(\x97\x124C1\xe54\xac\xe4as\xf5\xd7\xe3\x837\xffT\x17x~\xeb\xd3*\x1c\x83\xe4*8\x17m\xcaq9\xf8\xbfp\xf5\xed\x7fm\xc2\x01\xcc`\xbb2\x1ba\xce(Oq\xf0\xcb/\x1c\xe4N$\xde\xdbl&amp;\xe4\xf9\xa7\x1c&lt;\x06\x06\x06\xd4\xbe\x00a\xde\x7f\xff\xf6$r\'"\x96\xf2\xb0\x8dp\x0c\xd3BC\\\x7f\xd8i\x01\xd5w\xdf\xc9To\xde\x00V\xab\x95H4\x80+A\x9b\xf2\xe0\x8c\xb9\xc8\x02W}|4K\x80\x812\x84N\xcd\x83&amp;\xf7\xc4eY".\x17\xd5_\xf0;\xed\xe9\xca7\x86o\xa4+\x08Y\xd4&lt;\xfb\xcb\xf6\tw\'*\xe6Je\xaf\x8f\x16\x92\xe9\x86\xd7\x14\xf6x\x0eRo$ i\x1d\x1c\x1cx\xc2a\xc8\xbe\xca\x107\xc0\xb1\xd2B\xa9\x94\xabq\xd5\xed#s&lt;\x83\x11\xca\x90\x1cW\xb0zS@}\xdf\x16\xef\x95\x9evE\xba\x98&gt;cE\xf7\x93\x19\x7f\xf6\xdf\x13p\xf9|9\x12);\xbd\xa2 &amp;Ld(\x95*\xa4\n\xb6\x02\xf0\x04\x0e\x02\xe1\xb0\'\xc4x&lt;\xa8\x19B\x07\x1b\xdeDI\xac\xe4J\x11\x8e\xab\x9e&lt;&gt;\x97\xa7\xe4F\xdd\xae\x98\xcd_\xa0\x92\xfa\r\xbd\x15\x1a\xd6;\xbaSsi\xf5g\x8c\xcb\xef\xb7\xc1\xb9\xa2\xd1r\xaeT\x82|\x14\xaedX\xac\x9fM1ao\x020;\x89\xe0\x90\x85$\xa1.\x1c\xa2I\xdaD\'rB\xa9\x8c\xb0\xea\xdc\xef/\xf0\x8c4\x91\xd74\x0f\xf2\xcb\xa7\xcbzy\x8c\xd0z5D\x9fX\x97\xd0\xbd\xd7\xd22\x10\xa3q\xf3\xff\xdb\'\x0b\xa5\x05G)\xd1h\x98&lt;\xb4\x87\xa2\xe0Z\xa4X\x8a\xb4\x98\xd6D\xfe\xb0\x99|\x18\xbc.a\xc1\x82Pj1\x95\xc4\xb2\x08.\x7fRDXD_\xa8\xea\xd5^t\xaf\x18\x02\xd3\xa9\x9e\x89~\x07S\xb4\xc6\xdd\xcc0n$~\xda\xae\xd7r\x0b\xd1\x84)\x18\x1c\xa2\x80\x07\xaaF\xf8\xc6\xb2\xcc\xd0\x9a\xd0\xfc\xd8L~\xbfv\xdd\x12"\xd5e1\x05\x1b\x8dR\x05\x8cU\x8f\\\xec\xf4\x04r\xfcR\xf3\xb1\xbb)\x04\x86k\r\xca\xcb3N\xbc\xe79\x97\xa4\x1f&amp;\x9e?\xa9s\\.\xea5\x05\xaf\xbba\xf3(T\xcdJ)*`\xf1M~\xf5\xfb\xc6u7\x14\x86P 1P\xbb\xd1\x80\xb5\x06X\xf5b\xfd\xce\xc5\x0e\xd2\xbf\xe2\x19mL.\xf7e{\x1f\xcb(\xff\xfe\x85\xd7Z_\xea&lt;k*&amp;\xc8T\xdfVk\x95|\xd6CJ8\xb2\xb9\x00+dj\xac6\x9b\xcd\xc3\xd5\x87\x7f\xb1\x00\x14Z\x8c\x0b\xb0LAo9\xc7\x15\xefV\x1c\xaf\x97\x11V&amp;~\xb9!\xda\x9d\x0c+y(\x81\x19\xf4Z\r}\x1e\x8f\xc9bt\xdds7I\x93\xb3\xff\xcb\xe3\xe2\t\x97s\x82W\xc1\xe6\xd9\x80\x0b\x8ay\xb8\xb5\xdd+\x8d\xf5\xe4:\x1a\x1c\xac\x99\x90[yP\xe1\x06\xd5\x05M{\xf3\xb5\xca\xddb&gt; c]\x1b\xee\xef\xd6b\xfa\xa6\x8c\xba\x89\x86\x1eiloDU\x06\xc8\xddc\x03w\xff\xcb\xa3\x8bJ\x91\xe3\xf2Y\x86\xa2\\~d/6d\xb1Z\xdd+\xc1\xb5\x86(\xac\xc2]\x04\xa1\xcc\xa2\xf9\x16Mg\x13\x11\xae\xc8\x8b\xd9\xec\xebe\x1c\x83\xebu\x10=\xf4\xd1E!\x1c\xd3\xa9)\xd57&lt;X\x8f\x90\xb8\xf7\x84h\x0fo$\xf7\x93\xa7\xc7\x99\xcd\x9f\xf6&amp;\xd2ENL\xf8R`#\xa8|\\.d\xaf\xa1D\xa3#\xc2MT\xe4\x93\x90\x97\xd2\xc8\\\x1e0\x1a\xea\xd4@b\xca\x0bP\xab\xbd^6"%\xcbW_\r\x18\x14%\x84\xfc\xf8\x0bSzWW\xe44Y\x99\xfd\\Q\xdb\xef\xfa\xe8\x80\xa9=\x81\xeewe\xa8\xbdy\xbe7\xee\xb8[\xcc9h\xd8#\xd8F\x17\x9cBpqo\xa9$\xa4\x8b\xc5j\x9a\xe7+i\xd1\xeb$\xe5 \xe1\xb1\xd0\xd9\xa8X\x14\xf2\xa60l\xe2 \xc2\xea\xe6\x9dj\x01\xaf\xb7\x16\xa6s8u\x88\xa7\xcd\xa94\x1cB\xdf\xd6\x94\xb86\x9f\xed\x8d\xc7jE1\x9aw\xd0$\x83b\x03\x18\x8b\xa1K\xe9j\xb5^\xbc[D\x83\xcf4p\xd1\xd2\x06:\xa1\xa6M\xfc\xc1\xc6\xf9\x87\xb4\x95eq&lt;T\x8d\x91\xb8\xc8\x0e\x06uZH\xec\xeb2\x1a\x8d\xc4\xec2&gt;\x96\xd2\xf8X\x12\xff1\xf9#\xc2B\xd14$\x96\x9a\x90\xa0,H\xb46b\x82\x89\xca\xaaE\xec\xd0\x08n\xaa\xd21f\xa6e4\xd6b\xda\x94:\xc5`Xp\xfd\xc1\xc4\x1d\xdbj\\\x08\x96u\xc7\xb1\x03\xc3\xbac\x8au\xcf\xb9/i\xa2\x9dK\xb0\x165~\xfc\x9e{\xcf\xbd\xe7\xdcs\x9e\xa9\xbe\xbe\xdb\xa8\x00\xb5\x9e\x92.\xd0D\x98ETJt\x93\xf1N]\xe1\xa5R8\xa9|\x0e\'q`LT\xfag\xa5w\xff\x11,C\xf8Qq\xb1^\xe9r]7\x99Q\x94\x02\xd4Jbv\xd9\xc6m6[sg\'\xbcl6\x9d\x99\xa2?+++\x83\x13\x90]W\xaf\xb3\x1b\x01\xab\x90`\xf1*0\xbf\xcc\xbe{2\xc7p\x1a+\x19\x05eqN\xdd~r&gt;dT\xd9\xbf&amp;eY\xc2E\xb0\x84\x12\x95Iw\r\x82\x882\x92\x8a\xa1-\xba\xf1N2\x9a\xf1\xbe\xae\xb9\xd1\xe6\x1aUZL\xae\x1bv\xfb\r\xd8\xce\xbb\x8d\x85\n\xbf\x82\x90/\x00\x00\x11SIDATP\xeb\x01\xc1\x02;&amp;\xb2\x1ei\xd9\xf8\xb3je&amp;K\xba\x92mJ\x99\xa9\x1c\t\x9b\xa3L_\x06\xe4@\x12~\x04Qb\xb1\x9a6\xe1y\xd9\xd5`\xb2\x98M\xa3w;m\xa4#\x03\x88\xe0\xe3`3\x08v\xf7_\xe3\x9d\xd7t\xba\xeb\xd7\xaf\x83E\x0b\x15\xed,\x16\x17\xa7\x17\x97w&amp;\x93\x9c\x86\x95\xd6x\x98V\xca\x9f\x99^\xe2\x98j\xd5K\xe6\x81\x11\xeb\x9bG%\x97n\xdd\xfa\x83\x9ar\xd9Z[\xc9=y\xa7\rU"\x9d\x18\x83\xc048\x87\x9ft\xc2\xff\x1b!x\xbc\xde]g\x14+\xf2\x13je\x13\xac\x949xg/b\x13\x81}\xb2f)\xd9a\x97\xda\xa0s\xce6I\xb0u\xa0E\x80Up\xe9\xd6\xa5b\tmq5\xbe\r\xcc\xfd\xbbynn\x90\xbc\xba\xba\xba\x02\x00\x14\xe8"M6\x81\xb9F\x9b\xaeNe\xb7\xd7\x95\xa1X\x8a\xfc\x97m&lt;,\x86\xe5U$\x93\xff\\.7\x99fO\x191-\xd2\xe1\x9c\xc9\xb8%\xfe\x82lrC\x8a\x1f\xe03&gt;\'Q\x9e\xfa\xea\x91\xfa\x92\x16\xfc\xbbZ\x0fqV\xe3 "8\x12\xad&gt;]\x0e\x07\xe9\xf8q8\x86\x87\x1d\x81F\x9d\xce\xdemVu\xd7}\x06S+\xbf=\x85\xc5\xe5U\xf0+\xe0\x9d\xb3\xb3\xb9\xdc\xabg\xf2\xb5\xbcT\xff!\xb8\xfcT\x0fc\x9a\xbdy\x1fZ\xb5\xf1\xcd\x04\xa4\xc1\x14\xd5\x12\xc1.\xa8\xd5\xaa\xf54\r\x91V\xe3\x1c0\x0c\xffy\x18Y\xfe\xee\xf8v\x98\x1d\x0eG\xa0Ug\xb2\x9b\xcdf\x95J\x053&gt;\xff^{&gt;l\xd5\xb9|\xbe\xa0\x02\xfc|\x93F\xc0\'\xefz\x1a+\xd5\x88\xcf\xf9p\x19\x9b\xb8\xf8\xc9aW.Q\x8b\x9b\xa4\x82\x98\xae\tB`MV\xa6\x06\xb1J\xcbEZ\xb1D\x82zY\\\x83\x8eal8\xfa\x1b\xf6n9\xbee\xb9\x1c]\x81\xd6z\x97\xddl1S\x14\xc5\x18\xcb\xf2\xf3\xef\xddS\x04\xf7\xda\x9e\x1a\xb24M\x82\xcc\xa2&amp;\rr\xf1\xf9\xfc\x8f\xd5"\xa9\x07\xf0i\xc9\xda3N2Q\xc2I\x9a\x1b\x83\x0b\x8c/@(\x08X\xd8\x8cO&amp;8\x08Qy9\x9c\x8b%\x10\xc3\xeb\xf5\x8c\xb2\x13\xe4\x02\x1a\xec\x82b\x89\xba\x1c`\xc1\xe6k\xf5&amp;\x90\x8a\x99g(\x86\xca7\xe6\xb7\xdfk\xd7?\xd8\\XX5\xcc\xe0\x04\x9e\xe1`\xd3)\x168\x7f\x9cw\'F\xcb\xe1$\x92$\xa7\xee}r\xb2s\xb23\xb2\xaf\x92\x9a\x00\xf0\xcc\x02\r\x87\x03\x8a\xcd\x18f\x0c\xff\xd8\xdb\xad.-\xad\xae\x16\xa9i\x86\t\x06\xf5\xcc\xe8x3\x01\xc3\xf6-\xb0\xdd\\\x00?\xb6\xda\x1aL`?\x86\xb1\x12\xac\xc2\xfc\xf6\xf6v\xcf\xb3g/\x9f\x9fD\xf7IQ~.\xde\t\xf3\xf9\xbfv+@\n\x0e\x92n\xe0\xcc\xe5,\xf2d\\\xc5+R&gt;\x0f/p5E\x9a\xa2\xe5\xfdp\xf8\xd5\xab\xcd b\x89@,=\x0c\x8fGeQ6\x00Y\x17*\x15x\xfb6\x80\xcb\xb1Qw\xd7d\xb60\x0c\xe3\x01*\x1a\x8c\xa8ho\xcf\xa7u\x83\x9d\xef\x1f\xac\xc7{\x961\xa8\xce\xcd\x14$\x9e\xdd\xf0Q\xc9\r\xefC\xe9\xe0\xa9\xdb\x9e\x9c\xa4Z\\\x16\x8b\xcf\xd7dBP\xbd\x12_?\xd9\xbb\xb9\xf0^_]z\xbe\xf4\x13B\x15\xf4x\xf4\x8c\x85R\x02\x18\xf8\xa9\xc0\\+\x8c9p\xa6\x18\x19\x9a\x95*\x0fPS*\x8ab\xb1\no?\t\xfc\xb0\x19}\xbd~8\xb6l\xd0@\xc8\xf8\x81\x8awF-\xce\xa9\x9a\x88\xf4\xaf\x12,\xf2\xc4\x07\x0e?\x17\xf6IC\xf8Ad;\x14]\xbd\xf9\xbf\x87\x92\x02\xc0\x82}P\xaf\x97\x07Q0\x86\xb2@\xd4\x0cA\x04\xee\x86\xd7l\x9dw].\xa5R\xa92\x9bT\x8cg\x9e\x01S\x1b\x8d\xe0M\xdb\xf3\x7f\xfb\xbb\xaf\xbe\xfbqa1\x1a\xf1\xfd\xbc\xf3n\xdf\x00\xcb\x87-\xedL\x1dl\xd2\xe4\xca\xc9\xf9\x15\xe0\xe4\xdc\x02*\xac]\xe5\xcc\xeco\x9e\x1c\xf8B\x87`\xc3\x1f\x1bD\xa8V\x81\xbaD.\x97\xc3\xdc\xd2\xcb\xf5\x0cC)G\x95\xa3\r\r\rJ\xa5\xa9\xa1aT\xa9\xb4(U\x94JI1\x1eBM\xb0\xc0\xd1\xdf\xbbS\xffx\xd1\x1f\x8e\xfa\xb6\xdc\xbe\xf5\xe7\xbd\x10c\x0b`\xd6s\xd2\xef+\x08\x16\x97`\xe5ps\xb0\xe0\x85w51\x88\xff\xc5\xafqy\xfcL\x1e`5-\xc7\xe2\xeb\x07\x13\xdb\x1b\xe1*\xff\xe23;N\xad\xf2\x02-`\xe9\xe5B\xb9\x9efT \te\xb5Z\x9fYq(\xadV\x0b\x80YT\x16\x8b\xd5\x83\xc8T\x99Q\x0cC\xa1\xf8\xe3W\xd7\x00\xcb\xbf\xea\xed\xe8X;\xfa\xef\xfa\xbbeCV\xe2f:\xf5\xd4\x08.\x8e\x04\x16K\x01\xbe\x80K\x1c:\xeb\xd9\xd9\x87d\x80T\xf7\xc3\x87\x11\x9f{\xaa\xc3\xb7T[U\xb5\xf7\xf0v\xc1yX\x88\x05X\x7fG\xd3\x80F\xd3\xb4\x84\x06a\xe6=\xf3\xf3V\xeb\xbc\x15\xff\x05\xaeQ8C\xa8\x00\x971\xd2F1DA\x80u\xfb\xafO\x1e\xfb\xfd\xfeW\xb3S\xb2-\xe7\xc6\xd1\xf7\xd3\xb1e4EE\xc2A%\x1f\x00\xc2e\x8d\xc8\n\x84N\x17=/\x96L\x90\x12\x85\n&lt;\xb3\x81\xf9b\x87\x07\x13\xfd\xee\xe3c\xd9D\xac\xf6\xf3\xcf7\xc7\t\x16\x9cJK@.\xb5\x04\x07c\x84%\x070\xec\xf0 \x9b\x95\xa8\x05\xae\x94\xa2\xf4\xf8M\x8aB\x85\xf8\xfc\x97O\x1a\x1f\xfbk\xfc\xab#S2\xd9\x94\xcf\xeb=z\r\x93\x7f\x86#\x80\x10\x8d-s&amp;\xbf\x12GB-\xd8\xa22x\xec\xaa\x13\xe0CDrs\x9b\xc0\x197\xcd,\xefo\xc6\x0f\xbck\xdb!\xa7oH\xe6\r\xd7^\x96\xbe\x19\xaf\xab.\x85SiIq\x89\x1a\xc8$"-\xfcR\xa3\x91\xf6x&lt;A \x0b\xc2\xda\x9cG\x13Z-*\xf0\xf1*=\xadGA%\x10\x7f\x8b\xc5w\xbe\xeb|\xe3\xaf\xa9Y\x9d\x9d\xca\xcb\xeb;\xee\x98\xd8pF\x8e\xe2+\xfb\xcb\x86\xa2\xac&amp;r\xbd\x08\xcaU\x08p\x10\xb5\xc8\xee\x94\x91x\xae\t\x8e\x8c\x0c\xe2;\xdbb\xd1\xe9\x1d\x90j\xfb``\xcc\tX\xabR\xe9\xe5\x17\xe3\xb7\xcbK!&gt;\xd5\x16\x03XI\x89H]\xa2.\x04#\xd2\xc8\x05d8&lt;V\xc0\x02\xb5`\x9bf\xe4\xb8$\x00\x1c\x8cX*\xbe\xf3\xd3\xf8\x0b\xc4\xf2\xf6\xe5\xf5u\xf4O\r\xad\xcd\x1e\xee\x1cE\x0e\xa2\xb1\xfd\xe5\x99L\r\x0c\x92\x9d\xc8\xe0\xe1s\x1a\x08V\xc2n|M.?S#\x80\xb0\x89\x83L\xf1\x93ig\xa8\x7f;r8\xf6\xc5\xca\x04\x8b%]x\xf8\xe5\x85r\x0c\xa4\x8bq\x00\x98Z\xa2\x10\x8bX\xae\xe0.\xc1\x02\xc3Q\x16\xa5\x19\x0e\xfb \x15\x8a%Qc\xb1g\xa9\xf8\xc6O\xcf\x16\xab\xfc\xfep\xa8%\xafobi\xda7\xe4\xf6\x8eL\x1e\xae\x1f\x1dmL\x82\'\x9ba;\xb7A6&gt;;\xb7P)~.\x98\x0f\x8c\x97\x01\x0e\xbd)\xcb\xb0\xff\xee\xe4$&gt;\xeb\\s\xbb\x7f\x1eY\xe9Y\x19\t\x1d\xb7\xe4M\x84/WV\xde\xfc\x8f\xfd\x02p\x81\x11A.\xc2\xa5\x15\x8b\xb5"0#\xc5\xe8ww\xc1a00\xa7\x18\x95\xb9\xbb\x8e\xa2\xc1\xe3\x06\x85r\xb5Z\x02X\x9fTKn4?\xbeY\xe3\x7f\x15\xf3\x9d;7\xe4\xec\xe9\x89F\xdcS\xdb\xde\x91\xa5\xc9\xe9\xd7\xdf\x1fM/\xed/\x175a\xf2\x05\x0b$+\x00\x8b,B&gt;\xd6\xe2d\xc0\x0b\xce\x08\xcb\xbd\xcfOv\xa67\xbc&gt;\xf7\xf6\xc4\xec@xl\xd2\xeb\xee;n\xe9\x0b\xc5j+\xa5\xd27\xca\xea\x0b\x17\n\x12j\x11\xb0[Z\xadV!\xa6\x8d4`\x81\x83\x05\x9fo\xa1\xcc\xf6\xee2@E\x1b\xc2P\xe3%\xa4V\xed\xfaa\xe1/0\xe3\'\xb7\xf3\xce\xf5\xb97\x96\xc2+\xd3\xbe\xa9\xa1\xad\x89\xd9\xc9\xa5\xaf\x0f\x8e\x8e\xd6\xa3 Y\x16\x98\x12\xa6\xb5\x80\x</t>
        </is>
      </c>
      <c r="M82" s="3" t="n">
        <v>45492.67819444444</v>
      </c>
    </row>
    <row r="83">
      <c r="A83" t="n">
        <v>243181</v>
      </c>
      <c r="B83" t="n">
        <v>1957</v>
      </c>
      <c r="C83" t="inlineStr">
        <is>
          <t>Gustavo Henrique</t>
        </is>
      </c>
      <c r="D83" t="inlineStr">
        <is>
          <t>Gustavo Henrique</t>
        </is>
      </c>
      <c r="E83" t="inlineStr">
        <is>
          <t>ZAG</t>
        </is>
      </c>
      <c r="F83" t="inlineStr">
        <is>
          <t>ZAG</t>
        </is>
      </c>
      <c r="G83" t="inlineStr">
        <is>
          <t>ZAG</t>
        </is>
      </c>
      <c r="H83" t="n">
        <v>195</v>
      </c>
      <c r="I83" t="n">
        <v>13</v>
      </c>
      <c r="J83" s="2" t="n">
        <v>34051</v>
      </c>
      <c r="K83" t="inlineStr">
        <is>
          <t>Right</t>
        </is>
      </c>
      <c r="L8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88d9b008-2dea-4437-9db9-4abfba00b9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93\x8e\xef\x00\x00\x00\tpHYs\x00\x00\x0e\xc4\x00\x00\x0e\xc4\x01\x95+\x0e\x1b\x00\x00\x03\x00PLTE\xff\xff\xff\xf7\xf6\xf6\xf9\xf8\xf7\xf8\xf8\xf6\xf5\xf4\xf2\xff\xff\xfe\xf3\xf2\xf0\xfb\xf9\xf7\xfb\xfb\xf9\xf7\xf6\xf4\xfa\xfa\xf8\xe7\xad\x83\xf2\xf1\xef\xeb\xb1\x87\xed\xad\x81-!\x16\xe8\xb1\x8a\xe6\xac\x80\xe7\xa8\x7f0$\x1a\xeb\xb8\x96%\x1b\x13\xfd\xfc\xfc)\x1e\x15\xe4\xaa\x866%\x18\xfa\xbd\x90\xe7\xae\x8a8+\x1f\xfb\xfb\xf9\xe8\xb2\x8e\x16\x10\n\xd4\x9au\xf7\xb7\x8c \x18\x10\xe4\xa9\x80\xe9\xaf\x85\xf2\xb1\x83\xe2\xa6{\xe7\xac\x86\xdd\xa3~\xef\xed\xeb=*\x1c\x1a\x13\rN:+\xfe\xfe\xfd&lt;.#\xd6\xa0\x80\x1f\x15\r\xe4\xa7}\xeb\xb4\x8f%\x18\x0f4\'\x1d\xec\xb7\x92F4&amp;I8*\xc5\x8dm\xe0\xa6\x7f\xe6\xa4|\xdd\x9fw\xd2\x9c|\xe7\xb2\x93\xf0\xb4\x8b\xee\xaf\x86\xd6\x95o\xe2\xa8\x82\xf5\xb1\x89\xf4\xb5\x86\xc9\x92o\x11\x0c\x07\xee\xb8\x98\xcd\x9a~uVE\xaf|b\xfa\xc1\x96\xcd\x8fm^G9\xda\xa1{\x0c\x08\x04\xe1\xaf\x8d\xd6\x9ey\xe2\xa2x\xf8\xb7\x91\xe7\xb6\x95\xa1t\\\xea\xb2\x8b\xc9\x99|\xea\xa9\x81\xf5\xba\x91\xe7\xa5v\xf3\xb7\x8cO?3H/\x1e\x05\x04\x01\xcf\x98wV&gt;.\xcf\x94o\xee\xbd\x9e\x96mU\xd5\x8fe\xe2\x9dusP&lt;|]L\xec\xa8{\xf0\xa9\x80A1$\xed\xb2\x8c\xd0\xa0\x814 \x12\xe6\xae\x91\xb2\x84ikP@\xc0\x86f\xd0\x96r\xc5\x88a\xc8\x8ch\x9cnU,\x1b\x0e\xeb\xab\x87\xeb\xb3\x94\xde\xab\x8beK&lt;\xe3\xaa\x8d\xe1\xa0|\xdd\x9cr\xda\x99u&lt;$\x14\x8afP\x84bN\xe4\x97ogH3\x9ar]\xeb\xd1\xbfU6$\xdb\xa2\x82\xde\xa8\x85\xdd\x97k\x8ekU\xbb\x88k\xf8\xb9\x85\xcf\x90f\xaauXC*\x18\xaa\x7ff\xd0\x8ac\xc6\x95x\xbc\x8dp\x8e_H_B/\xf5\xad\x82\xa8x_\xdd\x92fXB5\xe2\xb1\x92\xe1\xa3\x82\xa1ybL4#\x80R:\xdf\xa5\x87\xd6\xa6\x8a\xc4\x90s\xe8\x9euTE:\xb8\x83e\xa6nV\xcd\x87[\xbbyU\xb0qOA6-H;2\x91dO\x85\\G\xf2\xacw\xc5\x82Z\xf6\xb1|\xb6{]\xe8\xa5k\xb4tYlaV\xbd\x81^\xd0\x92w\x99cI\xf8\xbc\x9a_9&amp;\xee\xad\x8f\xec\xa2|\xd6~Y\xd5\xa2\x86\xe7\xe1\xdd\xf4\xe4\xda\xf9\xec\xe5\xd9\xa8\x85\xa8kM|XD\xed\xa9s\xc3~V\xbe\x92x\xe1\x9ek\xeb\xe8\xe6\xda\x9c\x7f\x81vmqF0\xc7\x83i\xfb\xf4\xf0\xea\xc5\xae\xfb\xc4\xa4P.\x1c}I1\xbe{g\xbe\xb9\xb3\xf3\xd9\xc9\xb1\xab\xa5\x8c\x82xWLC\xe5\x8f\x86\xf3\xb3\x94\xb0\x89u\xbc\\9\xa0eN\xd0\x87y_SI\xd1pQ\xda\x87f\x8cR?\xafYT\xcd{t\xda\xd8\xd5\x96\\&gt;i?*\xe4\xd7\xd0\xda\xc4\xb8\x9d\x96\x8f\xd6\xcf\xc9jUF\x7fn`\xdd\x8er\xc4b^\xd6\xb7\xa8\x95\x8e\x87\xa7\x9e\x96\xde}u\xa5H@\xf0\xe7\xe3\xd6\xac\x97\xbd\x9d\x8a\xc9\xc5\xc1\xe9\xa0\x87\xf1\xa0k\xe5\x97\x7f\xe7\xba\x9e\xee\x9d\x93\xc8oi\xf8\xc9\xb0\xe6\xaa|\x9e\x92\x86\xc1\xa9\x9e\xe7\xf5\x1bg\x00\x00\x1f\x81IDATx\xda\xec\x97\xe1K\x1c\xf9\x19\xc7/\xd7hc\x1av s\xe3d\xec\xd8=\x87[Zgf\xc7ig2sM\xae*\xddnH/\xb2\x8dP0\xba\x93l\xa8Zo\x8e\x05\xc3\xc6m\x1b4\xdb\xb2a[[\xcd\xd6#\x0b\x91d\x85\x9eMt\xb7F\x93\xae\x18\xdf\x08\x8d\x06\xc5}\xa3\xc8\xae\x1c\x04!\xa0\x01\x8d/\xf4\x95oC\xbf\xbf\xcd\xb5\xfd\x07:\xa6/\xfa\xb0\x0e\xcb.\xc8\xc7\xef\xf3}\xbe\xcf\xe3{\xef\xfd\xbf\xdeEy\xbdx\x91\xaa&amp;o\xffG\xaa\xcc[Y\xfd\xfe\xf1\xca\xeac\xc7\x0e\xf6\xd6\xca+\xbde\xefP\x9d\xff@\x95yO\x1c\x14\xf6\x0b;kkk\xb9\xcc\xc6\xf6\xe6\xd1w\xa5WemmuY\xa9g\xc7*\x8f\x97\xd7\xcem\xafg\xcd\xec\xfa\xfa\xfa\xa8\xcdg2\xeb{\x9bG\xca\xde\x01\x99\xb7|my\xb9\xb0\xb4\xb9Tq\xb0\xbf\xbd\xfffy7g\xd34M\xe9\xb6\xad\xf0:M\xb3\xca\xc6\xdef\xa5\xf7\xf0\x1b\xb8\xb9\x9c\xc9n\x14\x97\xd7\xf6_\x8f\x9af0\x98Ux\x96\x11\x04\x86\xe6y\x9efY\x89\xd53\xcbK\x95\x87l\xfd2o\xf9\xe6.O\xeb\x99\xd1\xd7\xa3\x86a\xa3t\x9abYA\xa0\x81\xa53\x0c\xcb0\x0c\x95\xd9\x9e[z\xffP\xc1*7\x8b\x1b\n\xd4\xa1 \rE\xe9\xe8\x1aC\xf1\x8a\xc2\x13\xad\x88Z\x0c\xc5H\xac2\x9a\xcb\xed\xed\xd4V\x1e\x9eVs\xcb\n\xe1\xa1u\x14\xcd\n\xd0\x86\xa5\rS\x11y\x8a\xa2XZgTARi\xdeTte\xbd\xb8yX\\\xde#\xdb\x06D\xd1A\x058\x96\x91$\x81aY\x8a\xd7y\x05\xae\x87\xf3%\xc9\xed\x97\x18\xda\xe6)\x1a\xd6\xaf=\xa4Fz\x0fr\xb6h\x88\x14\xa3i\xc4E\x02\xc1\x82\x97\x88\xbd `F\xe1!\x1e\xebv3\x10R\xe7\xb3\xeb\x85\xe3\x87\xa3\xd6R1g\x18\xb2\xcejn\xbf[\x10@EJ\xd0Y0j\xac@\xf3\nZK\xe1\x0b\xd8\x8d\xe7\xed\xec\xee\xdc\xa1\xa8U\xb9\x96\x03\x16\xc4b\xdc\x01`InB\xa5j\n\r@\xb7 \t\xc4\xf7\n\xfa\xc7\xb3\x8a\x89\x927\n\x87\xe1.o\xc5vn\x1dn\xe6h\xc6\xef\x96\x04\xc1\xed\xc6\x93\xd69\x9b\x86xx\xa9\x18J\x9e\xa3i\xdd\xa0a69h6-\x1f\x86\\\xde\xb9\xe2\xebQ\x99\xa3Y\x8a\x81\x7f\x88\xe1!\x1a\xc5S\xac\xea\x0f\x04\xfc\x01\xbf\xc0r6\x07\xcb\xd1\x8a\xadS,/\xcb\xf2\xe8\xfe!l\xc8\xb97\xdd\xb2ap\x9a\xa0\xaa\x986$:+\xf9%\x8a\xa6\xdc\xfe\xc0\xe5\xcb\xe0\xa4\xc4P\xc8\xa0\x91\x18\xc8}Ae\r\x13\x9b\xf2\xc0\xf1=\xb4\xf4f\xb7\xdb\x94e\x83\x92\xfc~\x89Ev\xda\x19ZR)F\x05T\t\x8b\x97C\xb2\xc8\xa8\x9an\xb3\xaa*\x08\x8abg\xb3\xc5\ng\xb1\xca\xbeY\xc8\xbd\x0e\xda"G\xb1\x02Z\xc6*:\xf6 \xd2\x1e\xa9N\xc4\xba\x1cp3h\x1bz\xa8\n\xba"\x90I\xa5u\xdb\xcc\xe4\x9cu\x97\xd7;\xb7K\x1cC\x85EQ\x97.\xfb\x19\x9d\xf1\x07(\x1b\xce\xd20\x96D.\xbf\xc0\x89"\xa5a(\x19Lf@b\x19\xda\x0cf76\x9d\x8c\xd42\xef\xd1\xfd\x10\x11\x8aN\xa7\xe0\x1f\xb7_\x85\xe3\x053\xcdq,M\x93\x91$\\L\x98\xf4\xd7]\x1aR\tK\x88\x97\x83\xc1`\xe1\x88\xd7\xb9{\xd5\xeb\xdd\xe9\x169.,\x86\xbaS\x16\x07\xb3\x0b\x1aK\xe9\x06G\x1e&lt;\xcdhR\x80\xb4\x91\xd5\xfc\x97\x03X&gt;\xe4\xfb\x12\x96l\xd0\xc1\xed\xb9o8\'\xd8\x89\xa2\xc1a\xed\xa4S\xa9dX\x85\xe31i8\xfd\xd0T\xc500w\xa5&gt;\xfa1\x9a\xb0\x1d\xd6$\xb2\x8bc5\xdaV\x14\x8a\xb2s\x85%\xa7\xc6\xb1z-\x04*C\x14\xc5h4*!L\xdd\x12N\x18\x01\xbbP\'W \xb6\x11q=\xfc\xa4\x05\xe0}\x9a\xd5X\x1a-\xd7\xb1\xd4\xb1\xc8\x83\xcb\x0e\x9d\xab\xde\xa5\xddd\x94\xb3\x91YZ8\xac\xa9*2\xdd/\xa907\x02\x0c\x07\x05\xc7QR\xe0-\x17\xa7\x92\xf4`T7#\xda,\xcb\x913\x9a\xe6G\x8bKN`y\xab\xd7\x9a\xe0nQ\x0cG\xc3\xc9\xb0\xc6a\xfb\xa8\x9a*\xb9K\x1bGW\x143\x1dV\x03\xc4]\x08z\x0c(\xe8\x047c\x1bH\x13\xdb\xd0q\xf8d7\xd6\x1c\xc1\xaax\x93\x8a\xa7\xd2I1\t\xaeh4f\xc9\x16\xde\xa9\x04JS\x11W\x86H\xab\x8c\x9bl \x8c\xa1\x06-%\xc9\xcf\xe2S\x8b\xe2L\xc2E\x8f\x16\x8f81\x86\xb5\x7f\x8c\x8ft&amp;\x92\x96\x05(T8\xb9\x12\xc3;U%-\xd5(Q\xe4\xa2\x14\x0b\xd7#eE\x8a\xb3DJu\xab\xa2\x81\xb9\x15\xd3\xb29\x9a\xa1X%\xe7@\x17\xbde;\xbf\x8c\xcf\x03+\x99,a\xc5VfG\xf2\x89\x95\x95$\xd8T\r\x1fp\x1c_rW\xc0\xaf)d,DN\x8db8T\n!g\x0eo\xe0ru\x04\xabr?\x1e\xef\x8c\xa7c\xe1X\x0c?+\xf9\xd5\xad\xb1\xf1\xad\xad\x97\xab\xaffW\xc2\xe1X8\x1c\x16\x15\x12\xef*q\x9d\x12\xd60\x1c\xbaJ\x81M\x13S\xb2&lt;\x1c\xb4u}\xef\xb8\x03X\xe5\xc5T*\x1e\xb2\x80d%WV\xf2[\xcf"\x8d\x8d\x93\xcf\x81F\xc0,+\x9d\xe4\xe09\x8e\xe2\xd0\xbf\xa8hi\x1a\xeez\t\xa3\xc8QF(4,c7\xae\xef8`yo\xedn\xbc3e%c\xe8\xde\xab\xd5\xad\xf1\xc9\xf6\xbe\xae\xae\xbe\xf6\xf6\xa1\xf1\xad\x91|~v\x16l\xb1d:\x19\x13\xadt,*\xcaQ\xc4,\xb6\xb7[\xb4\xc4P*\xdem`7\x16\xcb\xdfs\x06+\x9eH\xc6\x92+\x04\xea\xf9P\xffb\x97\xa7\xe1L\xdf\xcd\x9b\x83c\xcfff\xb6V\xf3\xf9|b6\x05\xb3%\xacX\xcc\n\x89\xb0\x9c\x1b6\x13-K\x8e\x9f\xef\x96)=X8\xee\x8cZ\xa9\x90\x95L\xce\x12\xa8\x87\x83\xfd\x8b\xad.\x9f\xa7\xe5Loo_cdz\xfa\xef/f^\x8e\xac\x8e\x94*?\x9b\x98M\xac$bjT\xa3b1NL\xc7\xbbo\xc8,\x1f,T;\x815\x97\x93\xd3V:523\xfe\xb0\xbd\xbf\xaf\xb5\xb5\xcb\xe3\xf3\xb9Zz{\x9b\xcf6^\x1d\xbc\x1e\x89&lt;~\x86\x9ayA\x1e#\xab\xf9W\xafH\x94\x90\xa9\r[\xa1\xf8y\x83U\xb2\xdbG\x9c\x88\xd3\x9d\xd7i\x18;&gt;\xf1 rw\xb1\xafua\xc1\x05\xac\x86\x96\x93gP\xcdgo66^\xb8\x10\x89L\x8e\x8dM\x921\x18\x7fAf4\xffjv\x16-M\'\xe2\x9d\n\xa5\x98\xcb\xb5\x0e`U\x16\x86m1\x99\x8e\xdf\x19k_\\l\x05\x96\xc7\xe3\xf34\xb8ZN\x92\xea\xed={\x13d\xed\x83C\xa5*\x91\x8d?\xdbz92\xb2:\x9b\xc4\xdf\x12\x17i\xc5\\w\xe0\x18,\xabxcr1+\xd1\xd9\x13\xe9\x7f\xf2daa\xe1\x91\x87\x94\xcb\xe3jq\x11\xb6\xef\x03\xac\xb1\xfdB\xfb\x85\xa1\xf6\xa1\xa1\x87\xe0B\x8d\xa3\x9fw\xf2+V"%+\xe4v&gt;\xf8\xefca#\xca\x1c\x97NM\xdc\x1e\\,QM\xf9&lt;S\xe0j\xf0\xb8\x80\xd5\x82fv\xdcl\x1c\x1aB`\x80\xea\xf9\xf3\xc9\xe7%\xb0\xb1\xf1\x99\x91x"\x916m\xc5\xb43k\x0e8\xfe\xe8\x9e\x89\xed\x16\xbf\xf3\xf8_X\x03\x03&gt;\x1f\xfa\x082\x17!;\xd3\xd1\xdf\xd8^*"\x16\xb0\xc069=v{\xa23\x95\xb0\x0c\x1b\xa7\x84#X\xe5{\xa6-\xa6;g\xa6\xdb\x17I\x13\x1f\xf9\x06\x06\xa6\x06|@\xf3M\xa1\x95\x1eWWs_\xff\xdd\xaf\xb1Pp\xfe\xe4d\x04\xf39\xd3\x19\xc7\xf2\x91M\xc3\xc8:\x81u\xa2\x88_-w\xf6\xbc\xc5"b\x95\xaaj\xa0\xcaG\xcc\xef\xf9\xac\xab\xb5\xa3\xbf\xbf\xff\xee]\xb0=|\x0bF\xb0\xa6{F\xe2\xe0\n\xe1_\xdel\xc1\x894-\x9a\xa6\x1c\xea|0\x8d$}\xb2055PUU\xf5i\x15)t\x13/\x8f\xeb3$EGG\xdfb\xff\xd7d\x04\xeb\xfa\xb5\xdb\x13\xf1\xce\xee\x10\xb0Ls\xdb\x81M]\xbb,\x9bfh\xfe6\xb0JbU}J\x8a`\xd5\x0c\xf8j\xaaj \x18\x1c\xd6\xda\xd1\xf1\xe5\x97\x8b #\xad\x04\xd5\xd5\x9f&lt;\xfe[\xe7\xf9\x1bM\xb8m\x0cc\xcf\x11,\xd30C\x13\x8f#\xb0\xfc\xbf\xa9\xde\x92\xd5\xf8jjj\xda\xda\xea\xeb\x1b\x1a\\\'O\x9einn\xee \\CC\x83\x1f^\xbcr\xfd\xf6\xc4|7\xc1rH\xad\xa2a\xc8\xdd=\x91H#\xa8\xa6.\x81\xe7\xe9\xd3\xa7\x04\xebi\xd5\xa56_\xdb\xa5Km\xf5\x04\xec\xa3o\xfd\n\xc1\xdf\xdc\x87hE]\xac\xbb\xf8\xe1\x9fz\xe6\xcf7\xa5\x86e9\xe8\x04\xd6\x89\xa2i\xa4~q\xed\xfa\xe0\xe2\xc2\xa3\xae\x8e\x1f\xfe\xe6g?\xfa\xe0\x83_\x9f;\x07\xb6\xa7m\x9e\x1f\x97\xb0\xbe:w\xfa\xf3\x8f\xbe{\xea\xd4\xbd{\xf7\x90\xad\x83C\x04\xab\xee\xf7\x9f\xfc\xf4\xb7\xf3MM\xc3!9\xb8\xefD@\x14\xb3\xc6\x8d\xbf\x0e^\xedk\xed\x8f&lt;~\xf0\xf3[\xb7n\xdd\xbf\x7f\xff\xcf\x7f\xa9\xfb\xf6\xe9Kh^}}\xfdW\x9f\x9f\xfe\xc1wN}\xaf\xee\x93+W\xae|\xf1\xf1\xb5k\x11\xa8u\xa5\xae\xee\x1f\x7f\xf8\xa2\xe7w\xdd7\x9aBAG\xd4\xaa\xd8\xcb\x9a\xf3\x1f\xff\x93V\xf3\xffi\xf2\xde\xe2\xf8\x8dI#\x19i\x83\x8cy\xb9\xb0\x986\x94\xd2\x18\x90+\x01\xd7Rlii\xa0\x05\x9a~\xe3K)\xa6\xf0(\xd0\x8en\x05\x84T\x14\x98&gt; \x82xQ\xa4\x94\x82J\xb0ZA)\xda \xa5\xd2z\xa1\xd4q\x87\x14\x18\x8c\x1b-\xd4\xb5^7\xb3\xbb+\xb9\xd3%wC2\xcd\xeey\x9a\xfd\t\xedi\x93\xfe\xf2\xfc\xf0\xea\xfb\x9c\xf3y\xce\xfb\xf3\xf9\x94\xd71\xea\xe7t.^\r\xfc\xff\x81\x81\xd2\xc4VW\xbf5\xbaZK`2\xab\x0b\x0bc\x17\xac]\x05gx\x95\x95\xae*\x9e\xd9&lt;\xd6]_N\x04*\xa1\xb3\xeb&lt;&lt;\x0fX?\x05\x7f\xb7\x12\xb7\xeb\xdfwJOs\xcb\x89\xe5S\x955\xad\'\xf3\xf3\xf3a\x14.K\x1c\xa89\xda_\x97\xa0eA$\xb0\x15\xdd\xae\x93e\x87\xf6\x1f8p\xe0\xd3C\x89}\xad\xae\x86\xdad\'`\ts\x1a\xaaj\xf2K?)}\x1d\x82\tb\xd7\xeb\xd2\xd2\xf3\xdc:"\x1ft8\n),\xe8\xefo\x1b\x83\xe8\xe6\xd3\xe8d\x16\xd6\x83\x02\x9a\xa9\xb2\xb5\x0c\x1a#1\x11\x88\xcb\xfa\xf2+\x1b.7B\x0c:/\x9d\xa9\xcc/=T\x1a\x82\xe5\x14\x06\x9b\x1b\xa0\x16\x91\xc8o\xe8\xe7w)\x14\\\x1a\xad\x1e\n\x08\x0b.\x1d\x0f-H\xa00h7-\x96\xee\x06S?\xbf\xbf\xbf\xbf\xa0a\xcc\xec:\xbd1,\x84\xdepjN\xf3\x00\xeb\xc67!\xd8\xb4\xd9\xfb\xcb\x13P\x8bXw\xf3&amp;WQG\xe37\xe8\xcc:\xdd\x94\xc9RK\xa3\x95\xd3\x992\x19\x93 n\xce\xab\x87Qp\xd2\xd2\xdd\xdd\xcd\xef\xa2q\x15\xd7\xf9\x05\x80%\x1c\x14:5\xe7y\xf9\x03\x9f\x84f\xf3\xed\x97oo\x00\x16\xb7\xeb\xba\x82\xdb=\xc6+\xfb8\xf5\xe3\xc4\xca!\x9di\x92\x96\xd7$\xcf\xcd\x95G6\xff\xedx}\xbd\xc5\xab3\xf3\x12a\xf0\x1b\xbbI\xecH\xce)\x1a\x1e\x14\n\x01\xab\xcdur \xf1qH\x8eY~\x0c`\x818\xf5s\xe6\xfc\xfb\xb7S\xef|Tzf\xf5\xf9\x94\xd7R\x9b)\xcf\x8d\xc9\x82u\xe388\r\x9d\xab\xed\xf1\x9d\xd4\xbf~t\xa3\xa6[!\x14\x0ecX\x8d\xc9\x9a\xabU5\x03\x89?\x85bc7\xe9\xbb\xfb\xf9G\xcb\x89u\xe5y#\xcf\xfb\xaa\xfe\xf9\xe4\xcf\xb7?|\xc2\x9fZ\x9d2\x8dZ2\xb3rs\xb3\x8c=#\x16\xcb\xc4\xd4P\xc3\xfc\xc6\xb7wR\x0f&lt;~U\xe9\xe5\x0e\x0e\n\xe1\xdb\x98s\xe9\xd2Q\xde@\xe2\xeb]\xa1\xb0\x18\xdf\xdd?\xd9V\'\x12\x11\x01k\xa8\xed\xf7\xc7\xa9\x1f\xa6\xf2\xf8^\xdd\xd4\xc4\xe8\xc8?.\xe4\xc6\xdc\xdb\xbe5:72\xb7:\xa6\xc9\xd9\xf84\xf5\xf6\x93\xd7\x1b\xbc!\xd39)P\xc56\xaa5\x9a\xab\xae\xfc\x10\xf9\xc4\xaf\xee\xff\xe7*Q@e\x94\x1f\xb7\xf0\xf9\x9a\x8d\xf3f\xb3\t\xc2;7q\xf7\x11`\x8do\x1f\x1b\x1d\x1d\xf9\xdek2\xf1/U\x95\r\xbc\xda(hh\x98 \x0eJ\xa5\xc2\xc6\x0eu\xef\xc6\xd5\xd3\'o|\x13\x12\x9f\xf8\xd5\xe3*\x8d\x88\xb2\x87\xc2h!\xd6Yi\xee\xbc&lt;\xb7\xdb\xbd6a\x99\xbc\xdby\xef\xc2\n\xa8e\xf8r\xe4\xee\x88e\xad\x96\xd6\xc5/\x80E\xe4&amp;\xac \xa2h\xe8\xc3\x8e\x0e\xf5\xe5^M\x1b\xef~\x086)\xc3fgg6N\xf72\xf6\xe0\xc3\x0fFFR\xc0\xe6,\xb4\xb4X\xf3\xdc\xb5\xee\xe3\xc7\x94\x17b\x02X\xb7\xbe\xbc;9YK\x0b\xd4_^\x1d\x91(\x12\x08\xe8\xecX!\xfd\\\xf2\xe5\xf9\xf9\r\xd7\xab\x1f\xff&gt;3\x1b\xdc\xd7\x0fn&amp;M\x89g\xf0\xb9\x94=\xe0\r\xc1\x1c\xa6_ij\xba\xd2\xb4\xd0b\xcdli.\xc9"\xe5\x02\xd68\n\x13i^\x9e\xd5j-\xcf\x84hia\xd0\xe9T\xea\xc1\xf0p\xba@]t\xb9\xa8\xd7;7Y/\x1a\\\x0f&amp;\x17n\xf7;\xd5\xf8\xbd\xf8L"\x85\x90%\x0f\x8c\xa1\xda\xc8H-6\xc0D*\xc7\xe3I\xa4\x98\x95\xdc{\xe3FC\x8f\xa1\x99!8\xb7\xb0\x00F\xb6\xb9\xb9\x99\xd1Da0(ql\xba \xa3\xa8HM\xbc\xe5\xf0\x8bY\xd5g\x97\x82H\xb5w\xdd\xefC\xe3I\x14F\x00\x0b\xb8X,-\x0b\xaf\x8dN\xd0\xc6\xeb\xf5\x1c\tI\xb2b\xd3\xdb\x8d\x9d\x86\xce\x92\x121\xb06U\xc0H\xcf`0\xc4\x80\xc5f\xd3\xa9\x19Ej\xa1\xd8`$\x14W\xf8\xaf\xcc\x04\xad\xbep\xb8\xa5S\xbe\xdf\xb6\xb4\xcc\x00\x96,&amp;\x0b\x0b\x98\xb1X\xe1\xac,R\x16G"\xe1\x90l\x12\xbd\xd1\x08\xc6\xa7\xa4$=22\x8e\x02S3F\xd6\xcc\x10\x8b\xe9l6\xfb\\\x86ZZ\xacd\x19\xd1-\xbf\xe3\xd4RR\xd0\xb0f\xb7\x1c[\xe9\xc5\x91b\xc0\x92\xc3\xe8\x0e\x01\x92\x11\x08\xf1\x98\xe3!I\xe4\x1c\x12\xa8e\xac\xc0\xb0\x94\x10\xf0`\t\x16b\xc0:\xc8\x8e\x8e\x8d\xeex\xf8P\xca"\x18\x0c~\xbf\xdf\xb75\x8b\xc3\x05\x0f\xeb\xcd[\xb0\x81\x0c\x91\x98,\x0fx\xb0\x18\x12\xb6\x01\x91\x85!\x82XzH"\xc7\x8e6\xa3h\x89J\xa5T\x06\xd8\x94\xc0\x95.NO\x88\xc5\xa2q8\x8dit`\xe1\xf3\x07\x13\xeb\xed\x9bb\x92\\K$R\xc3\xe5\xb2\x80;\x94\x900\xbb\x83\xfdJHz\x8e\xed\x9d\x8d\xa32\xa2\x9d\xa8Q\xa9\x1f\x1f\x7f\xf4H\xa5\xc2\xf0@\xb6H\xf2\xbe}\xfb\x84\xfb\x84\xc3i\x15\xa8\x1d58|\xbe7\xb3IA\xc4\xda\xf2\xd8&lt;\x15=\nA8S\x96+\x93\x91\xfe\x80\n`ab\xbd\xb3I\x80\xab\xb3\xb3B\xa9\xd7\xeb\xc7\x95@\xa5Wa;\x13\xe4\x94\xa8(\xe9\xe1\xc3\x83N\xca\xa6\x0f5\xa2~\x9f\xefm0kKe\x97\xd8\xa6Q\x86B\x14]-\x93\xc5\xc8\xe5\x981\xc4\xa0b$\x1c\x08\xdb\xca\x8aMB\xe2h[\x8eu\x1aUzN\xbc\x1e\xb0\x08*\x02\x8b\x85O\xc9F\x80K\xda\xe8\x14on:\x0c(\xea\xf3\x9d\xd8\x1d&lt;\xac%\x8fJ\x02\xc5\x93"\x10\xb1#\xaa\xe52&amp;G\x16p\xfaX]\xa98\x1e\x89\xed\xdd\x8a\xcd\xc3\x99\x9eN7\xf4\xa0\x80\xc5\x01\xc5 \x87\x04\x02\xbe:\rAvv\xa2\xa4\xc3N\x82c\xd3\xe70\x18}\x8e\xb3A&lt;\xee\xdc\xbd\xa2\x97\xe8QTF\x15\xd1\xc9\xd5\x98K\x95\xcbH\x80\x15\xa0\x92x\xa6=+\x88\xc7\xe3\xc9FN\xd8\xfd\x06;\x86\x15\x1f\xa8,-\x86\xb5\x83D\xed\x08\xd5N\x82a\x13\xf42:\xa0\x11\x83\xb7\x9c\x86\xad\x93$\xfamT\xde\xa1\xa0\x86\x17\xa6\x00\x95\x1c*?F\x06T,\x9bD{\xe5\xd7\xe9\xe9\x13\xd9\xc8\xf22\xe2)\xf6\xa3*L-\x95\x92P\\\x1c\x8e/L\xcbF\x10D:\xac\xee \xa0\x9b?cX\'\x82\xf8\xf2\xc1%\xcdHH\xf7\xb6\xb7\x99\xd1\nj\x1c\xb9\xb0\x1a\xb8Hr\xac\x07Uv\x8e\xaag\xa2\xf6\xdc\xaf\xa7\xa6\xb3\x97\xa5\xd73\xa6\xb3Q\x83\x1d\x8a\r\xdb!d\xb1\xc8\x11)iQ\x90E\xe9Cu\x04$\x11\xc32\xac\x07\xf3\xc4:i\xd6F\xba0\xbe\xad\xa7\x03Vt,\x86\x15\x10L\xa2\xb2\xdb\x1d?\xaf\xbe4e,,\x9c\xfa|\xea\xeb\xd5\x11m\xba\xff\x0f,\x16T\x16Pe\xef \xc8\xa0Z\x1d\xe7\x80\x1c\xfaP\xfb\xe7KA\x9d \x96\xde\xc9rc\xb6\xb7\x9b\xb9\x02vB,\x1e\x8f\x81\x01\x95\\e\xafp\xfck\xd4kr[\xad\x0by\xdf\xaf&gt;\x1fy\xdbi\xb0\x93H\xf1\xd0\x88\x04h\xc3\x94@\x0ew\x1a\x8b\xd4=PX\x15\x15\xac\xe2\xf5\xbdA=\xdfOZ\xf7\xc8Vb\xf4\x0c.LP\t\t\t\xf8\x00\x96\x9c\xc3\xe2\xa4\xbb\xdd\xcf\xd6\xd6h0\xcf\xb8\'&amp;~\xf3\xfb{\x8c\x1cI \x87\x04|a\n,ZP\xf2RgQ\xf2\xadMGZ\x9aV\xbb\xbc;\xc8\xb7\x0e\x96\x96\x11$[B\xe5\x8a\xa8tv\\8\x1e\xcb!\x96F\x99*om\xcdl\xee\x07*\xef\x90wm\xcd\xbd\xa5\x92\x03V|@\xac\xb4(\x08\xc0R\xcf\x8bP\x83v%[\x8b\xcc\x06\xfb.D\xd2\xcc2R\xcd\xa2\xf6*\x04T*\x86%\x93aP6Y\xf1\xe4\x18\x0f\\a\x81f\xa8\xfdb{\xa5\xc9\x9di\xe7\xc8\xb1\xcdzP+%\n\xe3Bv\x849\xbd"#\xcaB\x90\xf5\xa5\xa0_\xd1\xc0\x85\xcd \'&lt;\xd1]\xbd"*\x95\x8e\xa9%\x0b|\xc4\xc7\x87\x1e\\\xdb\xbf\xff\x9ak\xac\xfd/\x9f}v\xb1\xd5\xe4\xaePa\x87\x08\x04B8\xa8\x95\x06\x0b\xbct\xd0Y\xd4+V\xa2vd=\x0c\x17\x82\x8b#a\xa0\xd7)\x8d\x86+\x12\xd0\xe3\xf0\x81\xd2b2\xea\xe7\x86^\xb6_;\xd2\xfeR7\xd6~\xf1\x8b/\xf6\x1fy\xa0\xb3\xb4\xa4\x17\x17\xc3\xcb\x90L.L\x01\xa8\xc3\xc2Fu\xd1|\xb4\x0c9;\x1b\xf6\xa7\xd0\xc4\xd2\xcc\x0f\x1b\x9a.n\x00\x0b\x96\x08J\xfd\xdc\xf3\xd5\x97/\xfb\x1e\xb4\xea\xbc\xde\xb1\xc5\xf6\xaf\xdb\xdb\xdb\x8f&lt;\xa84\xd5\xc2hM \xe3#0\xac\xc3\x8dN\xa7z\xfe\xbf33K{q!\xbac\x83\xdd\xf2\xfe\x9f\x86\xcf\xbf\x0eo &amp;\x13\xff\xde\xa2s-\xb6.\xeat\xba5+4\xe3\x9aI\xf7\x1c;Ilo5w\x97\xbf\x7f\x8f\x8f\x88(\xdc\'\x15&amp;+2\xd49\xbd?|\x90\x84\xc3\x85\xec\xe6\x0f\x0e\xf7\xc1\xef\x9aK\xfd|.\x95\\\x8d\'\xd4\x9b+\x17\x17\x87\x1a\xae[\x9f={\xf6\xf4\xe9\xd3g/^\xbcX\x9b\x98Zl\xed\xfb?/\xe7\x17\x9aV\x96\xc7\xf1\xd6$\xe6\x8f\x06\xe2%\x84\x0b\xd2 (\xd1\xc0\xba\x17\x03\xc3h\xa2\xa0 \xf5\x8aJ\x0c\xb91\x94\x80\x95Ksa+\xf1O#&amp;\xe6\x0f\xf7\xb2\xba\xbaJ\x83\xabY$\x89\xacqc\x1e\xd2\xf4!I\x9bB\x06\xb7\x9d\r\xd8\x06f\xf2\xd0\xe9\xcc\xec\x86\xe6\xa1\xedC\xbau\xdb\x81v\xb6\x13:\re\xf6w\xcc\xf4m\xf7aw\xa2_}0O~\xf8\xfe\xbe\xe7x\xce=\xbf\x93?\x8e\x06$\xaa\xd6\xd6\xa1\xce\xb6~"\x91\xce\x9bR\xa9\x17UnvS~\x97LR\x19\x8f\xd1\xd0*\x98\x99\x1b\x1d\xfd\xd3\x9d\xcc!\xe0\x9c\x9c&lt;\xab\xe8\xf0p\xfbpn\xfe\xb7\xbf\xbbL\x16\xbaZ[\xdb\xe41"_H\xa4S\xa5\xb7GU\xeeu;\xf7\x1c\xb0\xc2\xb4\xc7&amp;P]\x9b\x1f\x9d7\xc3\xb6\xfa)\xd2\xab\x93\x93W\xaf^\x01\xdd\xe1\xde\x17\x8fG/\x8fR~Y\xab\x00\xd7\xe6\x13\x1eO\xdaTz[\xe5NJ\xa5\xf2(\x99\xa4\xd9\xb8\xd9\xd8\'\xb9=?\xbf\xfa\xf0\xafO\x9e\xbc\x01\xaa7\xa7B\x80[\x0f\x1f\xce\x8d\xee\xd2j\x91\xc0\x10K\x15\x80*\x05X\xc2\x86*c=8\xc8\xd0\x1cG\x17\x8c\x92\xc2&lt;=\xb7\xf5\xf8\xc9\xd3\x93g\xaf_\xbfF^!=}\xf3\xe4\xc9\xeaF`\x9eVk4\x04\xe1\xf0\x98\x93i\x87\xa3\xf4\xd3\x85s\xd5\x95\xb2\xf9-E\xb1$\x97Q;}\x01:qXI\xfb\xfb\xf7\x90\xf8\xd7\x08\xee\xe4\x15\xd8\xb5\xf5pc~\xdd\xa7\xb0i\xf3)O\x12\xdcJ%\xbf\xaavw\xa7\x92\xf7S\x9c\xe6H\x8eN\xb8\xd4\x81\xc0\xf6\xf6\xd2\xce\xce\xce{\xa4\xbfU\xc8\x9e\x1d\xbe|\xf9\xf2\x0f\xe3\xbe;\xf3&gt;\xbb?\x95H\')O:]\xca\xbe\xa8:V\xd3\x0f\x1c\xcbz\xc1._a\xde\xac\xdd\x13\xef\xc0by\xe7\x94\n\xb4t|\xdc{\xe5\xa5\xde\xb2q\xc7\'QC\xdc\xb3\xe1d:\x9d\r\x1fU\xbfG\xf7\xc17\x0c\x1b\n1tan=A\xe0C\xc1\xe0\xce\xdfw\x8e\x8f\xdf\xbd;~w|\x1c\x0c\x06\x871\xd4|0&gt;\xe7\xf3\xab\xcdT6\x1b\xcfz\x92l\xf6\xa8\xeaw~\x94\x1d?\xdc"\xbd!\x92\xa6\x02\x81|\x0e\x97\x0f\x7f6\x8cM\xcfZ,{{\xdb\xdbQ\x1c\x96\xef*\x95\xaa\xabO\xef\xf3\xa9\x0b\x14M\xc7\xc9x\x96-\x1f&lt;\xaa\xbaY\xe8\x99`(\x14"\x034M\xa5r8\x8e\xfdy\x18\xd3\xdf^\x9d3\x9b\xe76,\xd3\x18&amp;Pa*\xd5\x80\xbe`N\x98\xc3\xe18G\xc6\xe3\xe5r)R\x03\xac\xf3\xff\xf8\xd6\x1a\xda\r\xac\xafS\xf9\xa8\xc1 \x1d\x16`\xd3\xe3\x1b[\x8f\x1fom\xe8{\xb1a\xac\x0b\xc3\xba\xfa\\s\x14\xe4\n\xb0\x18\x86!\xc3\xeeH\xf5\xb3\x85\xaa\xb8b\xe5\x027\x01\xcb\xa6\xe9R\xa90\xacwz\xf6\x8b\x87\xb7-\xfa\xe9\xde^t\xf4\xda50s}\x95\x86\xe9\x8d\xa6\xb9r\xb9\x9cLE\xf7;ja\xd7W\xb7\x16\xb8\x0c\x1d\xc8\x14\xfc\x8a.\xc45\x8czY\xa6\xa7?\xeb\xed\xbd\x84\xce\x83\x07f\xf4\xbe\x0cM\xd1\\6\xcb\x95C\xe1b4\xb6\xdfT}\xacs\r\xdd\xdf,0\x99\x0c\x95I\xf8\xed\x1a\x8d\x14\x0b\x8a\x83\xc1\xd31\x08\\\x15\xaak\xb7\xcd\x14Eg\xa90ceJ\x93\xb1\xd8\x8f_\xd6\xe0\xfa\x9d\xb2\xe5k\xab7Ne\xa8\xb4\xd3iW\x08d\xe2\xab;\xc1\x9d\xabW+\\\x03Wff\xc0,\xb3\x99\xa2\xc3\xc9,k]\xc9\x16c\x80u\xaf\x16\xb7\x02\x95\xcfio\x88\xa3\xe3\xc9t\xc2\xa80\x18\xf0 `\xed\x04q\xac\xf7\n8\x05\xba^0g\xe2\xf1x8\xee]\xa9\x98\x15\x1b\xac\rV$\xc5\x8d\x84\x18&amp;\x9e4\xe7m~\xd8r\x04\xf1\xa0\x18_Z\x9a\xf6\xcfZ|\xbeq\x8bo\x8e\xca\xc6I.N\xae\xb0%w\x8c\x88\xc5twkq\x89R\x191Q\xde\x11+\x19\xa7&lt;\xf9\xed\xc2\xf6\xb6=\x1a\xc5\xf1\xdc\x9e\xc4\xaf\xde\xf6m\xad\xce\xf9\n\x01:\x1c\'\xc9r\xe8\x9f%m4FDc\x9dg\xbc\x97\xfe\xafX\xe9\xb0\xf7\xc6\n\xc3f\x13\ts^\xed\xd4:\xa3\xb9\x9cV\xed3g2\xab\x81\xf5\x0c\xc52,\x13\x82Y\xe4\xc0M\xc4\xa2\xf6h\xac\xbfFXD*\x9f]X\x0b1,\x8cG\xd8r\xa4\xf2\xda\xbd\xa8\xb3`\x0e\xb00\xc9\xb2q\x96\xf4z\xad++\xb7JE\x82\x88\xda`\xff\x86G\x1akq\xd1\'\xe2v:\x13\xe4\xc8\x88\x97ao\xd20\xe4`aL\x10\xdbfj}\x97c)\x96\xe3\xac+#7n\x94\x0f&amp;?\'\xec6\xbb\xc4\xa61\xec7\xd7\x04\x8b\xd0n\xe7\xb3\x8c\xf5\xc6\x82\xd7K2,\xca\x98\xc3\x942\xaf\xef\xee27\x03\x1cC\x8e\xac\xad\x8d\x94\xc3\xcb\x93\x84\xd6(\xb1K\xec\n\xbc6\x13W\x84\xb0;\x8dyO|dm\xc4j\xf5r\x0c\x9bL\x96&lt;I\x9a\xf42^\x92\x85\xa8\xaf\xfdz\xad\x9ct|\xeev\x1a\xd5~\x89D\xa2\xc1\x07\xef54\xd4\x02\xcb\xa6\xd5:SIr\xe47k7\xac\xa4\xf7f8\x9c\x84\xa5\xb4\x17\xb5\x92xC+`\x967\xe9p\x03\x95\xd1h\xf1\x83[\x86\xc5\xefk0CtDl\x80\xa5M\xe5\x93\\\xf9\xf2\xa7\x0b!\x88\x18\xc71\xbb\xa45d\x1d\x81?W&gt;\r1T\x9a\x00p\xf5\xb8\xc5U\xc1\xea\x7fT\x03\xac\xa6H\x14\xbeT\x0b\xbb\xe5\x83\x83,\x07\xe9bv\xbd\xa3$IZ\x17\xac\xbf\xba\x1c\nY\xbd\xd9DJKh\xedF4\xb7B\x15\x15\x06q\xa4\xa3\x16nEm\xf0\xb5N\x87\x03\x82^\xf2\x84\xc3\xb0Z\x80\x15\xc3M\x92\x89sl\x80\xca\x14\xd40\x95i\x9d\xfe\xf1k\xe3\x80\xe5\x97\xd8\x0c\xe23\x7f\n\xf8\x9f\xb1\x14vBk\x02*\x93\xc3\xe4H\'\xd2\xb0\x18U\xab}\x05s\xa1\x90H\xc0\'\xa3Q"q\xba,\x96q\x10P)py-\x86bGD\xa1PD\xb5\xc0\xe4H9\x10\x9c#\x95O\xa9\x8d@\x03R#,\xbf\xdf\xe5r\x01\xd5\xb5q\x8bd\x16\xa6Sy-~\xac\x9b"\x8a(`!\x1e\x98\xafL\xc5\xa2\xdbiB\xaddZ\xc2nG\xa3\xcf\xe8\xf2#!.\x8bE?;-\x95\xca\x17\xef\xd6\xc2-\x8dA\xb3\x07n\x81M)\x93\xbb\xb8\\,\x16\x89h\x94\xc8\xc1\x1a\x06"\x07^\xa1S}\x89\x0b5\x02\xb9f\xfbTR\xa9@\\\x83\xa1\xd8\x18\xa9\x9c\xf3\x9a\x1c\x95p\xb9M\xc5e\x00\xcbM\xe6&amp;\xa7\xc6\xc6\x10\x97\x13\x98$\x12\xa8#P!,\x91H$\xff\xf1n\xb5\xefs64\xeek\x00\x8b@q7\xb9M\x08+799\x05\x1a\xd3\x8dME\xe1\xd7\xc6n\x03IP\xc0\xf4\xfa\xbe\x01\x84%\xc6\x97\x8f:\xaa}\xa1s\x1f\x9d\xd6\xff\x8c\x05\xc9*.#\x9f@\xba\x89\xb1\xa9\x9cBa\x83\xb7\r\x19\x86z!\x00K*\x10\tpI\xa9\xca[~\xe5\x97\xfbR\x01\xb2K\xeb6\xa1d\x81&amp;\xfbO\xa9&amp;\xc4x\x0e\xcf-i4\nX\xcf\xccV\xa0\x90[\x02\x90\xed\xda\xdb\xee\xa6j\x82}\xff|\x12\xb04\x90q\x82p\x17\xdd\xcb\xfd\x93\x93\xfd\x8b:\xdd\x84n\xa2}\xa2\x13\xc7\xc58$\x0ff\x10\x8dm\x16uB\x0ctA\x11\x05\x02\x99\xe2\xba\xe7\x05\xbf\xb9:\x85lPvt\xdc\xfb\x97\xabK*\x95jrK\xe0\x17A\x14\x97\xfb\x17\xfb\x17\xc7\x16\x07/^\xbc811\x86\xa8\x10\x97\x06\xd47\xdd\xd7\xd7\x05;\xc9\x0f"\x99\xa0\xcd\xa0/&lt;\x17\n\xeb\x9b\xce|D*\x95\x1d\x17\xea\xce\xd7\xef\xeb\x7f\x8f\xb0p|i\x0f\xa0\x88b\x0ee}lQ\xd7~\xf1"\xb8\xd5)\xc6\xe5r\x1c\xc7\x11\x97\n1\x81&gt;\x08d\xb26|\xd6\x07XB&gt;\xaf\xe5l\x1dS6\xf1\x9aAw\xed\xf7\xef\xab\xa0(\x02\xe0\x8a\xc2\x12&gt;\nX\x00\xb58\xa6Cvu\x8eu\x8a\xc5\x9drD%UIUh\xcf\xad\xea=\xc5\xeaK\xbf\x10\xde\x13v\xf3\x85\xc23\x8cX\x83\xb2\xa5\xb9\xb9\x0e\xf4\xe8\xfe\xe6\xa6\x14\xb0P\xebr\x0e\t\xcc\xea_\x1c\x1c\xd4!\xbb&amp;t`\x97\xb8Mn\x00;\x11\x16z|\xa3\xc2P\xb4\xe4\x86\x99\xf4\x91\x10\xa9\xbb[X\x7f&amp;\xede\xa8z-uu&lt;\x1eP\xf1"\x9b\x80%\x12\xc8Zer\xf9\x14&gt;5\x95\x9bB\xc3P\x07\x9ah\x87*\xf6\xf4\xf4\x0c\r\x89q\xa0\x12I1)\x86\xa90\x0c\x13T\xb0\xf4\xa5\xbfT\xa8\x80\xab\xbb\xbb\x9e\xf7KK\tP\xbc\xf3\xcd\x00UQ\xe3\xa3\xcd\xcdK\xa8*2\x99X.F\\S\x15\xa8E\xdd`{;p\x01U\x1b\xd8\x85\xcb\x05\x02\x80\x02:\x0c\x1bFv\x89\xa4\xae\xb7\xdd|\xbe\x90\x7fj\x18X\xd6|\xe1\x17\xa4_\xd9\xd1R\x07\x89\xfaH\xc5k\xbc{i\xf3\x92\x08\xa0Z\xdb\xda\xc4b\xf1G*\x9dn\x10a\xb5\xb7\xf7t\x0e\r\r\xb5\xca\x81Y\x00~\xa1\xc0\xabD\xd8\x07\x11`\x19\xbf\xe3\x9f\n\xd0\x00\xebA\xb7\x90\xdf\xfc\xff\xc5\x1f\xfd\xd7\xa3\xe6J\xa4x\x8d\xf0B\xaa\xbb\'\xab`\xb5B\x8a\x11\x97\x18M\xa3\xe8|n\xb0}\x10\xccj\xff\xa4\xa7\xe7\xeaP+\xb2\x12\xd9\x85\x02\x86!,\x91\xb4+\xf5\xa2\xbe\x9e\xcf\xaf\xaf\x80u\x7f\x14\xbf\xee\x7f\x06\xfb\xd9\xa8\x8aS\x8d\x8d\x8d-\x8d\xbc\x96\x96\x16\x1e\x7fp\xf3R\xa5\x8621`\x81W\x9d\x15\xab \xf0\x15\xaeO\xfe]\xa9\xf9\xb3\xb6\x91EQ\\3\xf3\x98?\xcf\x12\x8cR\x18C\x88\x08\xc4HV\x91"\x02\x15\xc1\t\xac`\x9b\xc5\x18\'\x04-\xb8\xdbb?\xc161K\xb6\x13\xbb\xcb\x92*\x9d\xb7\x88\xf7;\xa4\x95Sz\x8b\xa8J\x95/ uj$7)Lr\xee\xbd\xef\xce\xbc\x99(\xda\xec\xcd8\x92-\x13\xff8\xe7\xbc\xf3\x9e\x9c\x19\x0eH\xad\x1e\xa8(`\x94\xb1[7\x98\xee\xe1\xf5ULT\xc4\xe5|\x14\xb0p\xf7\xffA\x85\x91\x08\xc5\xdeY\x0b0P\x85\xc9\xec\xf4\x86\xb4j\x8d\xf31\xdf\x03\x05\x0f\xa1\x14_\x14.\xc6\xda\xa7\xed\x06\x12\xf1\x82\x04\x14\x1a\xec\xeeB\x90X-Z\x8e\xca\xd64\xdf|\x93,\xb9\x17E\x1a\xa9\x04\x0e\n\x15a]\xee \xf1\xadV&gt;\xce\xe1bN5\xd5\x91`\xb1\x89\xec"\xa8\t\x8b\xc1\x1e\x10\x16z\xf5bjx\x10\xadX\x8a\xc2\xd5E\xff[\xbb_\xdc#$\x95*\xe1!,k\xb3\xd9\r\x16&lt;\xb0\xc6D\xd6\x01\x14a\x91d\x8aE\xd9\x120\xc6\xa2_\x89w\x8f\x17M\xf2P\xe2\xe5\xa0\x04\x8c&amp;\xce\xfe\xb3b\xa9\xcda\x9d\xdaGag&amp;Q\x0b\x1fo\x9f\xb5\xa9\xb6\xb1\xe2\x06\x1d\x1d\xec\xd3C\xe4\n\x17aq\xf4\x08\xaa\xed\x16c\xf7p}ebcT0\x1d\x0flk\xf6i\xdb\xe32W\xa4P\xa0X*\'W\xf4\xbe\xb3O\xeb\x10\\\xac\x16\xcd\xe3\xe1s\xbe\xe9A\xd5j!^m\xaa\xd4{\xd8\x16\xbb\xdd\xa7d\xa1bIGxHM\x0e\xdc\xd7\x1b\xd6A\x91RR\x08\xb6\xc4\xf2l\x8c&amp;y{\x9f\x98\xf2\x02\xeb\xf9\x10\x9b\x0fS!\xf2-\x1a\xf2\x90\x12\xff\x10\xb9:\xbc\x98\x1bO\xac8.yJ\xac\xd8d\x1b\xc1\xee\xe3| k/b\x9dp\xd9\n\x92\xe6&gt;y79\xc99\xf2\xf9\xed\xce\x00h\x0e\x0eP$\x16S!Z\xdc\x0e\xe0:\x00U\xc1\xc4X\xcd\x9aPn\xf0ZP\xcb\xd8\xfd\xddT\xda&lt;\nU!\xabJ\x85\x8a\x95H\xb8B\x1bO\x1eC-\xb4\x03\x03\xe1\t\xe96\x90h\x8d9\xee\x94\xaa.\x8e\xfc\x0fG\x07O\xd6sS\xa1".\xbeb\x0f\x8b\xeb\x03/\xfb\xcd\xcf\xee\x91RB\xe2\x1bg\xfdg\x9az\x9b\xbd\xff\x88j\xc0Q\x94\xa9\xd0\x9eD\xf5l(X\xe2\x1f\xbc\xa3c\xfd\xf1\xa3\xf543\x19\x13e\x05\x96\xab\xaf\x92I\x9b\x16\xaf\xab\x97\x80\n\xd0RZR\xd5\xb1\x15\x17mJX\xf8\xb6\xecrv\x82\xd3\xde\x1f{\x90\xac\xc7\x17\xb8\x86t\x8ds\xf4G\xfb\xe6\xc1\xd3\xc3\xdf\xf0.\xe3\xa7\x1f\x17W\x99 1\\fJ\xd3|\x07\x15\x8c\xc1\r-\xcb]\xeb\x84\xd26/Ql1\x0c\x95Z\xe1\xa2\xc5\x10\xbd\x9d\x9c\x9f\x8d\xfe&amp;\xae\x1e\x0f\xd9\xd8\x190\xd5N\x9b\xfe\xdf\xe0\xbb\xa3\xa3\xef\xff\xf94ofA\x90\xe9p;\xd4\xa0\x8c3P\xd1\x18,iH\xa6j\xf2\xd8*V\xfd3v\xf3rv\xfe\xfb\xbf\x07#\xe6\xc2\xd6\x8c\xa0\xf1\xe2\xa4z?\xfd\xf9\xcf\x97\xbf\xbc\xf9\xebz\xd1\x0fL\xf9\xc7\x95\xd6\x17R\xa9N\xe5\xc2\x88M\xa3\x88T\xe5g\x17e%\xa1\x12\x0b\xf5\xaf\x84\x14K\xac\xb9\\\xac\x1f\x1d\x8f\x08\xaa\xb7\xc3w\t\xf7x\x93\xde\xb9u\xfa\xe2\xe5\x9b\x1f&gt;,\xa7&amp;\xd0\xc13q\xb0.\x16\xc5\xc9\xb8G\xc7E\xae7\x88\xc9\xfd\xbcMSPU\x99\xa1\x16\xe8\xccj\xb2&lt;\xff\xf5v&gt;\xde\xdf\xdb\xc3)z4\x92\x8f{/\x8e^]/\xa7\xe4_\xc0B\xc9%;\xa2\x00\x142\x19Iz9\xec\xb5i$\xde\xe6\xb2\x81\xcaW+\xe1p\x15br\xe1\x9a\xd5|2\xfbxB\xb7\xf4\xe3\xdd\xe1\x01\x1e^\xbf&gt;[/\xe7\xfdR)\x852~#0R\xacLU2\xe8\xd5\xb0_g\xaa`\xb1n\xa9\xef1\x1f.\xe8\xa8\xd1_\xcd\x17K\xcc\xd9\xc5z\xbd^.&amp;\xd3&gt;K$HY\x91,g]Y\x07.T\xb1\x1f+Y\xb4P\xcbn\x9d2W\xf2\xe4N\x9a\xc8\xa2\xd4\x98\xd1^\x85\x7f\x07g\x94\xd5j\xbaZ\xadp\x82\n|\xa12V+P\xe7L\xb1\xe0\\\x9a\x04\xb4,6\xb1\xb1a\xb7r\xd5\xd4*\x02V\xacWlR\xd8\x1b8E\\\x05Ae\x9c}\x811\xa6\xb6\xf4\x04\xa5&amp;\x94\xd1v\xcb\x1a[r\xae\xb1\x0b\xad\xdb\x13C\xeb\xb8\xca\x8a\xe5\xbe\x0b\xb6\x0ck\xa7\xc7\xf8\r}P\xf3\x8f\xa8\xeaXE\xf6\x9dqI\xa1\x96`\xb9/\xd84\xbd\x93\xa6\xb2&gt;\xf5=\xd1\x178\x91Of\xfc\x1dY\\+SN\xa6\xb9\rJ:\x97\xb0\x92Mc\xfd\x9dP\xb1\xaa\x9b\xa3|\x81W\xa3\xdd(W\xc1e*\x8e\x15\xbeUk\xc11E\x99&lt;~\x06\x1b\x1c\xe7\x03\xb4V\xec\xfa\x00\x00\x00\x00IEND\xaeB`\x82'</t>
        </is>
      </c>
      <c r="M83" s="3" t="n">
        <v>45492.67826388889</v>
      </c>
    </row>
    <row r="84">
      <c r="A84" t="n">
        <v>243231</v>
      </c>
      <c r="B84" t="n">
        <v>1962</v>
      </c>
      <c r="C84" t="inlineStr">
        <is>
          <t>Jean Mota</t>
        </is>
      </c>
      <c r="D84" t="inlineStr">
        <is>
          <t>J. Mota</t>
        </is>
      </c>
      <c r="E84" t="inlineStr">
        <is>
          <t>VOL</t>
        </is>
      </c>
      <c r="F84" t="inlineStr">
        <is>
          <t>VOL</t>
        </is>
      </c>
      <c r="G84" t="inlineStr">
        <is>
          <t>VOL/MC</t>
        </is>
      </c>
      <c r="H84" t="n">
        <v>172</v>
      </c>
      <c r="I84" t="n">
        <v>10</v>
      </c>
      <c r="J84" s="2" t="n">
        <v>34256</v>
      </c>
      <c r="K84" t="inlineStr">
        <is>
          <t>Left</t>
        </is>
      </c>
      <c r="L8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/.1"!#\xf8FB%%(,*.$#&amp;\'\'*)(,&amp;&amp;) \x1e!314\xec\xad\x84\xfaJF\xd9\x9ey\xef\xb0\x88\xd4\x98r\x18\x0e\n\xec\xa9\x80\x1e\x13\x0f\x80UA?+!6$\x1c\xfe\xfe\xfe\xcd\x98yQ&lt;1\xe7\xa8|\xb8\x7f`\xd8\xa2\x80\xb1z\\`C5/ \x18\xde\x9es\xe9\xa5xX;-I8.6\x1c\x10\xd4\x9by@/&amp;\xe3\xa2y\xfdNIxR@XA4E4*\xd5\x90e9+#\xaavZG)\x1c1$\x1dbH;P6*\xdd\xa5\x81\x80\\K^&lt;,vM;W5&amp;\x8f^H\x88]I\xde\x97j\xf5B&gt;;(\x1e\xbawR\xdc\x94e\xce\x87[879\xda\x9aq\xd4\x93n\xc9\x82X\x1d\x1b\x1dJ4(\xec\xb2\x8e\xd3\x9f}\xf2\xb4\x8e\xf1\xbc\x9c\xe9\xb1\x8b\xc2|T\x9diQ\xbe\x85f\xd0\x8fg\xe3\xa5\x7f\xe8\xad\x88\xdc\xa8\x86\xe5\xa9\x83\xdc\xa3}\xd9\x90a\xce\x8baiM&gt;\x98hQ\xcd\x94u_PGYH&gt;&gt;"\x16\x9fpVF.#pH6\x85YD\xe6\xa2s\xe9:7\xd8\x95j\x86U&lt;jG6\xf3\xb8\x94\xc4\x89kO/!\xa2v`*\x1e\x18\x93bL\xe2\x9bl\xc5\x8fq\x8efQ\xa6\x84s\xc0\x81`\xd4\x8c^d@/L?7\xa8}e\xe7\xad\x82\xce\x93n~O9oM&lt;\x99cI\xde\x9fz\xb1tT\xfb\xfa\xf9\x8abO\x98nZ.\x1a\x12\xf7\xf4\xf3\xae\x92\x83rYLzZF\xcc\x8cl$\x1a\x14%\x16\x0f\x9azi\xbb\x86o\xcd\x9c\x81yH4j@0\xb2oK\x9e\x80o\xc6\x93x\xa7nY\x8dV=\xed\xb7\x97\xb1\x80f\x91jW\xa9\x8c}\x90p`\xc6\x86c\x93Z&gt;\x9b_?iTHqRB\xb7\x85g\xf5\xc0\xa0\x8cZBsA.uaV\xa4kQ\xb6\x99\x88\xd4\xa4\x84\xb2zcSC9\xe7\x9eo\xbc\xb6\xb3\xaapQ\x7fdU\xe6\xb4\x91\x83pg\xdf52&gt;2-\xcb\xc4\xc0\x85mZ\x8byp\xc8\x8bg\xbc\x90q\x0e\x07\x05\xa3cA\xa8iH\xf1&gt;:\xdf\xdb\xd8\xa0eI\xe1\xae\x8b\xaf\x8cte2%\xc8)\'\xdb\x89y\xe8\xe6\xe4\xf5\xc5\xace[W\xffYS\xd7\xa9\x90\xef\xed\xec\xf1\xe2\xd8nZC\x86J9\xe2\xd1\xc5@??\xae\x83o\xf8\xed\xe6\xbbva\xd6\xcc\xc4\xb7dXs&amp; \xe4\xb8\xa1\x9b\x93\x90X#\x1a\xc0\xa4\x96z6+\xe6\xc8\xb9\xc5\x9c\x8c\xb8\x94}\xdd\xb2\x9b\xaa[N\xef\xd9\xd0\x9a,*\xb3r\\\xcaxj\xd9\xc0\xb2\x99YF\xa1\x85b\x9c\x86|d&amp;\x1e\xd5\x7fr\xb3\xae\xaasfb2\'&amp;\xbf\x9b~NPO\xae66\xcf=9\xb3+\'\xe1\x92\x86\x8b\x87\x84\x91vV\xf6\xd0\xbf\x9eI8\xca\xb3\xa5\xd5\xd4\xd2\xdd\x91z\xc164\xd3.+\x8c:2sus\xa5\xa2\x9f\xfdh`\xe7JG\xc8]H\xb1\x9b\x90\xe6\x9d\x90\xc3m]\x8c*$M\x1a\x10\xec\xa3\x9b\xf4\x89\x83F\xc6\xeaw\x00\x00 \x00IDATx\xda\xec\x98\xcfO\x1bw\x1a\xc6\xfb\x07X%f&lt;\xe3\x8e\xa3x\xb0gw\x10\x1e\x7f\xd1\xd8\x05\x1a\xac\xc1V\xd6k6\xc4)dY\xecvf\xe3`\xd9I\xd3\xc1eq\xa6\xfcH\r\x0b\xc5\x1a\xd8\xdd&amp;+h\xd2\x80I\x10\x89\xe4`\x8a\x1cS 2\xe1\x10E\x9bZH\xbbHE9D\xdaC\xe4J\r\x9c\x82\x94\x9ez\xc8m\xdf\xaf\xa1\xff\x81M.\xfbZ\x16\'\xe4\x0f\xcf\xf3\xbc\xcf;\xe6\x9dw\xfe?G:\xc6\xef\xf3y#\xfc\xc8\xe7\xff\xbb\x95\xcfo\xe5\xc7\xde:\xd0\xf0\xd3\xfc\xd8\xf0\xd6\xea\xf3\x95\xb1\xe1\xc5\xedg_\xfe\xe7\xeb\xc9\xeb\x93\xfb\xaf\x87\x87\xdf&amp;\xd4\xd8\xd3\xad\xd7[7\xdf\xbcy\xbe\x9aT\x97\x1f\xe4\x8a\xbd\xd6+\xc5\xe6d\xb1\xb7\xf7\xde\xbd\xef\xdf\x96b\xc6\xfc\xd6\xb3\x9b\xcf\x176\x9f\xfdro5Ie\xb3+\x9b#\xe2o\xfe\xbc\x7f\xd1\xe1\xb8\x9d\xdc\xec-\xbe\x1e3\xbe\x15\xaa\xad\xbdbq|\xb5\xe8\x90\x16\xf7n\x93Y\x86\xfef\x9f\xe6\xc4Br\xdc\xa6O\xae\xfe\x983\'\x9fm\x1f\xbd\x93\xc6\x7fo?oH&amp;\x8b\xab\x1c\xa38\xf6\xf7\x05\x94-\x14\n\x02Go\xf29Z\x1b/\xee\xd3K\xe2\xfe\xe6\x8b#\xe62&gt;}\xb1\xb7W \x0b\xfb\xc5\x82"(6\xd9A+\x8c\x9cKg\xb5\x9bKB\x8e\xcf\xe6\x8a\xfb\x05\xa7\x83\xda,\xbe\x18&gt;J#\xc7^\xec\x15\xf7\x8a\x82X\xc8\x15X\x82\xd0\xfbX-\xcd\x12\xec\x02\xda\x95n\xee\xa6\x0b\x8a\xb2\x90+\x14P\x8aH\xf6\x16\xefm\x1fa\xf2\xb7\xf6al\x84T\xa0\x82\x18Kc\x89lZC\xbc\xb6\xb6\xb0\xa0\xe5\xd45}!M\x05\x05Z\xa5\xf7sC\xc5{\x8f\x8dG\x15\xab\x95\xfd\xc2RN!X\x9b&amp;\xf8\x18B\xbf\x96U\xb2\xb2\xa6r\xc2\x1a\x9fV\x17\x845ER5\xa7\xc2\xc9(Xp\xd8\x8a\x7fy}4\x82=\xfe2\x97#\x93f\x86\x10x\x82\xd0h\x96X\x93~\xaf\xa6\x15\x84\x04=\x87\xd44`\xa5T\x85I\x0b\xb2\xe0s\xd0\xac5Yx\xf3\xf4\x08\xa8\xf27\x83A\x9bX`\x19\xbd^`4\xbd\x86\x84]\x89\xd8\xcdf\x11\xc3\x08\xa4\x00\x1b@\xe8y!\xbb\x86(\x99\xf0\x05m\x05\x8e\xf2\x05\x1fT\xde\xc1\xc7+\xb0\x81\x14/\xab\n\xb1\xa6\x08\x9a^P4\xa4\x10\x84\xc2 \x82\x13(\x81\x817\xa1!nM?\xc1i\x1a+\xd1i\x9a\n]\xcfW\xba)\x86\x7fLq\n\xcd\n\x1c\x12\xd6\xd6(\x01\xad\xa1]BOh\x028:1\xc1\x81\xb1\x94@!\x8a\xe2\x04\xbd\xc6 \x8d\xd8\x95\xd22/\x06\xaf\xffTY\x1f\x8d\xdbj\x9aS\x90( \x06\x94\x026\x02\xd4\x12\x04\x85g\x10\xc7Q\x94\x08\xa3\x08"A!V\xd34\x8a%4\x9eSY\x95O\xe5\xb6+\xb8\x8fF\xe3\x83\x05\x94\xe6\x15L\xc3r\xa0\x91\xa2i\x8a2J\x91\x9c\xe8#\xad6\xab\xd9\xec#E\x91\xe1\xa8\t@\x9c\x98`\xd8\t\x02\xa1,\xcb\xf3\xb4\xbc\xf0s\xe5\xb8\x8c\x8b\x12\xfe\xeb\x11\xa30\x1c\x18\xa6)\x13\xda(\xc9\x91\xa4H\x85|\xb49Y774d\xb6\x86\x9c\xceP\x88\xa2\xc8Q\x86\x14\x11\xa1p\xac\x8aX\x96c+\xa6\x97\xd1\xb8\x98\xe2\x00\x8b\xa7 \xcc\x08!b\x82aFE\xd2\x17\x82\x97\xd9&lt;\xd4\xf4Q\xfdG\xcd=\x86\xa6\xc6\xa1\x8b\x17\xcd!\x9f\x13\x84c\xb0\xb7\x80\xc5q&lt;]1.\xe3\xe2KUM\xc3\x07(h\x82\x11\x11C\x8dR!\xd2g\xfd\xc0\xfcAcc\x93a\xfen&amp;q"\x919\xdb\xd3S\xd7mh\xae\xbbb\xb5\x91!\xa7\x8f\x17YZfy\x8e\x86\xdf[\xceW\x82\xcb8\xb6\x9c\xe2y\x95\xe7yF\xcf\xf0\xfc(#\x92\xce+\x17\x9a\x0c\xff\x18\x8c\xce\xf7\\M\xdc\xf2\x06\xda\xbd\xb7&lt;}--\x89\xbbW\xeb\xcf\x0e\x1a\xae4^\xb6:Cl\x8aN\xc9iZM\xa7\xb3\xea\xcav%\xd4z \xa9\x9cL\xf3,GN\x08\xbe\x90(\x86\xac\x17\r\'72\x1b\x0f\x1f^k\xf1{=\xf1\xb8\xdd\xee\xb6\xdb#\xf1\x80\xd7\xdf\xe2O\xdc\x8d\xd6}\xd5\xd8h5\xd3\x18+-\xc9\xb2\x8c\xd4\xc5J\xa8\xb5\x93UY\x96f8\x06\xc2L:/7^\x88^\x05 &lt;\x00\xe5q\xbb\xdc.W,\xe6rw\xc5=q\x8f\xd7\xeb\xcfdN\xcew\xd75\xc2\n\xd8|)9%\xabj\xf6e\xf9\xdbkxQ\xca\xb2\x08q&lt;CQ!k\xe3\x95&amp;\xc3\xcc\xc3k@\xe5\xf7\xfb\xbd\xdexWW\x97\x0b\xa8\xee\xdf\x8f\xc5\xdc\x00\x18\xf7\x02WK"\x91\xe9\x99\xafkl\xf4\xf9\xc6S \x99\xa4J?\x97\xff@?Q\xd9lV\xa1\x18_\xc8\xfaU\xd3`t\xea\xeaF\xc9&lt;\xaf\x07\xa4\xc2X\xeeX,\x16\xc6\\\x98\xac\xcb\xe3\xf1x\x818\x91\xd889\xe4\xb4\xa5XI\x92\xd3\x95\xc1\x92U\x16\x9a\x92\xb2^\xbc`\x88F\xa33\x1bX,\x8c\x15\xc0X\xa0Q,v?l\xb1\x00\x97\x0b\x9c\xec\x8a\xc71W\x8b\xbf%s\xb5\xa9\xd1\xc9\xa7Y\x90K\xcaW\x00KB\x88b(\xe7\\]S4:5?\x0bI\xbf\xe6\xc7\xa9\xb2\xc7\xed\x80\x05\x16Z,\x96p\xd8\x12\xc6\x01s\xb9q\xc6\xc0\xc9k \xd8\xd9\xa6\xcb$\x8f\xb1\x16*\x80\xf5R\xceB\xdc\xf9`\x12\x1c\x8cN\xcdn\xac\xe3\xbc\xc3\x02\xdaa\xe2\x11\x10+l*M8|?\xe6\x8e\x95\xb8\xe2\xd8\xc7k\x99L\xa6I\xe4XV\x95\x9e\xfc2\\~\xac\x97Yxz\xb1%\x93\x86\xc1\xe8\xcc\xd4\xcc\xecl\t+`/\x8d;\x02y\xb7T\xc3`\xc5\xee\xc7\\%\'A/\x8f\x1f\x8a,q\xd7\x1cbER~\xb23V\xfes(\xab\x0c\xc5:\x1a\x1a\x0c\x833S\x80\xb5\x8e\xd7\xd0\x1b\xb7\x1fru\xb9b&amp;\x9dN\x07`&amp;\x0bd\x0c\xfb\x88\x03\x16\xc7\\-\x89n\x1bI"\xf9I\xb9{\xdeh\\II\x0c\x12\xe89\xc0\x8aN\xfd*\x16n\xd1HM$b\x87vpY\xaau\x07c\x02\xb4\xb0\x05\xf61^\xaa0\xcc\xd5\x03\xb5\x8aTi\xa5\xdc\xabh|\xb5\xa32\x08\x99\xebF@-L5\x8b\x17\xd1\xeb\rDNE\xa0\xda]\x91X\xb8\x84U]\xa5\xeb\xd7u\xea\xb0d\xae\x92Z\xf1\x12\xd6\xf9\xa1\x94\x03\xc2\xb5S\xee&gt;5&gt;\x90\xb2\x8c\xc0;\xea\x92X-\xb0\x10L\xc4X\x87&amp;Fjj\x00\xabZW\x05d\xfd\xd5\xfd\xfd8\xfa\xee.\x9c\xfaR\x7f\xb5d\xeal4\xcfI\x0b\x8b\xc6\xb2\x17\x04\x12D:Xg8P\xeb\x00\xab\xc5\xef\t\x04\x02p\x0e#\xaeS\xe1j\x9d\x05\xb0L:\x93\xc9b2\xd5\x86\xc3\x10z7\xa6\xc26&amp;zmpKQ\xea\xa7\xb2\x1f\x9f\x1d\xe8\x07[\t\x0b\xeaa}\x1d\xf7\x83\xbf\xd4[\x9e\x80=\x12q\xb9\xc2\x07\xd1\xaa\x06"X\xc6\xf0a\xab\x96\xda\xcb\xe3O\x9c7\xd3\x14\x89^\x96\xfd+\xe3\xd8+\x0e\xb1\x18\xcb\xd0=\x18\x9d]\x7f\xb8~p\x11\xbd\xb8\xe6![\xaeZ\xd3\xa1\x87 V\x18\xb7\x04\xae\xaeC\x17=\xde\x13\xf5I\x96\x13I\xa9\xdc\x8f6\xc6\xa7\xcb\x88\xa3ms\r\x06Ctp\x06\xab\x85M,\xa9\x15\x80\xd8\xd7\xd4\xd4\xd6\x9a0X5\xc6\xc2\xd5u\x80\x85\x971\x00\xaf\xe3\xf5\xbd\x0e\x1f\'\xb2;e\xcf\x96\x84h\xd91\x84\xb1\xa2x\x11\xd7\x0fN\xa2\'\xd0\xden\xb7\x1fb\x81\x85\xfd\xa6j\xcc\x85\xd5\x82\xc4w\xb9\xedq\x9c\xbe@\xdf\xf1\x1bs\x8e\x10\x99\xae\x00\x16I\xdb\xa0L\xbb\xbb\xe7\xa7ff~\xc5\xf2\xd8\xdb\xa1\x1cj`\xe0\xf4\x94\xc2U\x05\x82U\x97\xb8\xf0\xfd\xc1\x1d\x11\x00\xf2\xbe\xdb\x9f\xce9\xe8\xf2c\x19\x17\xe1\x19 \x98\\jnn\x8e\xce\xcf\xcc\x1cd\xde\x0f\x9f\x189u\n\x94\xc2b\xe1\x86\xd7UA\xbc\xf0\xbb\x1aN6\x14\x17\x8e\xbc\x1d\xd4\xfa\xee\xc3\xcf\x93\xc1 O\x97\x19\x0bZ&gt;-\xa7RK\xc9\x91\xe6\xe6\xf9\xd2\xe9\xc1\x9b\xd8\xd7\xfe;l_GmmGg\xe79\x93\xae\xb5\n^\xa7O_:}\xfat\x95\x0es\xe1\xfb\x03\xc7\xbc=0\xf0\xcf\xdb#\r\xe34]v\xb5V\xd2\xa9\xd4xCC\xefH\xf3&lt;.\x88\xd9\xf5L\xa2\xef\xd6\xc0\xb1w\xbf\xf8\xa2\xb6\xa3\xa3\xb3\xbf\xf3\\\xeb\x99\xe9\xd6\xd6\xd6\xe9\xe9;mmm\x97.\xb5\x82^\x07\x8f\x11\xd8\xc3\xf6\x81\x8fo\xff\xf5\xc6\xb8\x83\xdd)\xf7M\\N/,-,\x8d\xf4\xf6\x82Z3`\xe1\xdd\xc4\xf1\xbe\xef\x00\xebO\x1d\x1d\xe7\xce\x9d9\xd3:\xdd:\xdd6==\xdd\xd6\x06X\xd3\xd3\x80X\xdd_\xebrE0\x97\xa7\xfd\xd8\xc0\xc7\x9f}\xfaMn\x8e]\xce\x97[-yyyyr\xe4Fos4:\xbb\xb1\x91\xc9\x9c\xe8\xfb\xf0\x93\x81\xdf\xbe\xfb\xfe\xfb\x9dg\xbe=s\x06H@\xa56\xd0\xea\xce\x9d6L7\xdd\xda\xd9Q\x8b\xef\xa5\x1d\xb25p\xec\xbd\xcf&gt;\x9f\xbc\xbed\x93\xca\xfc?\xa5\xe1W\xa9\xe5\xc9\x95\xc9\xc9\x1b#\xcd\xddS\x18\xab\xfe\xf8\'\x1f~]\x7f\xfe\xfc\xdf\xde\xfb\xc3\xa3G\xe0\xdd\xb7\x80\xd2\xf6\xc3\x9d;?\xfc\xf1\xd1\xbf\x1e\xfd\xfd\x7f\xac\x99\xdfO"\xeb\x19\xc7\xd3\xdb\x860#\x87\xcd\x12\x103X\xc9\xc4d\x8b\xe9\xf1\x17\x9a\xda\x96\xd9dT\n\x82c&lt;\xd0J\xc4\xf0c\xa4\xca\x8fl\x10\x17\x10\xf6\xc0\x92\x02z\x10T\xc0=UQ$\xae?\xd2sDk\x82\x9a\x1c\x1b\xb7\xd9\xc4\xb5\xd9\xadn\xd5\xdd\x98\x186{\xe2U\xa3\xe7f{\xd1M\xbaI\x9f\xf1\xf4?\x90\x97\x0b\xe6n&gt;\xf9~\x9f\xf7y\x9f\xef;3\x93\xbcm\xf5\x90G\xc6pu\x80\x8d(\xca\xdbq\x1e\xa4\x82\xa5\xc6\xba\xfb\xaf\xf9b\xb2\x18\x0b\xfb}z\xe3\x9c\xdb\xad\xd0\xc4\xa5\xbd\xf5\xf5\x8d\xfd&amp;\x9fer\xbc\x1c\xd4Z]mg4j_-\xd7n8}Mu\xb0e\x9dV\xab6D@i\xe5\x01\xab\xf5\xf2t\xc7\xbe\xf2u\x89\xb1\xbe\xfb~\xbd\x18\x08\xc4b\xa9&amp;\xfd\x9cT\xca}h2\xf5\xd7\xd44VTV&gt;\xf4i$\x91VJ\xaeV\xabI\xb2}B^\xce\xb3Z\xfcu\xd5\xa6\x8a\x07\x0fL\xa6j\x9f.\'\x00\xac\xbcK\xdc:~rjO\x95\x1a\xeb\xe9\xef\xd6\x02\x1f\x03I;\x98(\x95\xf66\xf6\xd4\xf4&lt;\xea\xe9\xaf\xaf\xf8\xa2\xbe\xa2\xbaI\x1a\xb7\x8a\xbb&lt;*(|((\xb1uf\xd2i\xab\xab~l\xaa\xfcEcM}CC\xaf\xdb\x11\x82\xbd!^\xbc\xcc\xda\xc3\xf3%\xc6z\xff\xf5Z\x91\xc1J\xd9l\xdc\xfa\xfe\x9a\xb1jSC\xdd\x94\xcf6\xe5\xd3\xeb\x074\x1a!\x8d\xa2\x9e!F2\x95\xd6\x1a\x89D\x80\xcc\xa2i\xaa\xd67\xf9\x9a\x1a\x1ed\xe6\x04.\x1a\x8a\xfe\xf4\xc4\x1e\x0e\x96\x1ck\x1d\xd4\xb2\xdbSS\x8f+k\xeaM6]n\x83\xc7\x1b\x8f@\xd1\x0fH\x074qa\x9e\xc0(9I\xaa\xd9\xa8\xcbJ\xd3V-\xaf\xb5\xbc\xb3\xb3\x95\xa7\xa5\xe9\xdc\x82t@i\xd5\xa2\x8b\x97\'\x81\xd8J\xa9\xb1\xfe\xba\x1eKf\xed\xb1\xf0\xb7\x15\x95&amp;\xfd\x9cBHk\xe1\xbd\x9d\x8bVA\\#5\xce)\xbci\x03_n\x96\xabq"\x9f\x0f\xb9\xc4\xd08(\xf9\xf66U\x8bv\xe4\x05q\xa9\x82\xb6\xbaZOA\xecoK\x8e\xb5V\x0cd\x93\x80\xf5\xa7j8\xad\x17\x04\x0e\x01\xac\x9c@\xa0\x9c\x91\xe8\xf4\xa3FwK\x07\x1f1\x93C\x1e\x97\xcb\xc5CQW\xda\x91G\xc5\x9d\xd4v\x97,\x94V\xe6\xe23Vm\xf4r\'\x19K}S\xe2\x93z~\xbd\xf8\x11\xb0b\xa9\xba&amp;\xae^!\x89\xc7%\x93\xe3\xe3\xd1\xf1\xf8\xf4\xb2P"\x1d\xcd\x8c\x16\xd2\xd8\x10\x0b\xe1\xcb\x00\xcb\x95\xde\x9a\xbep+6\xa2V\x01Z\xdb\xc5\x0e\xd1\xb4@i\xe5E/\xb3\'\xb1\xd4\xc7\xd2\xce\xa7\xef\xe7\xd7\xd7\x03\x01{,6U\xc7\xd5\xebtR7p\xf9-N(o\xf7\xb4{\xae\xa1w\xcc\xd8b`!\x1c\x1cE\xb5\xf9\x96\x8b\xe9\x0b}c\xcf\x9d\xcf\x1f\xfa\xe3\xe7Z\x0f\xdbJ\xf3\xa0\x83EOOO\xc2\xa9oJ{V?\xfd~\xad\x98\x0c\xd8\xc31[\x93\xde\xaf\xe1\xea\xa5\xc3\x8dU\x9f\xfd\xec\x97_pgx3\x0b\xc6\xccp&amp;\xb3\xdc\xbd\xc4\xe9\xc3\xc0?\xc1\xd6Va\xb4\xb2l\xf3\xdf\xbf)\xbb\xf3` .\xa8m\xd5\xd6\x8a\xa3`\xe2\xe9i8\\\xea\xbe5\xbf\xb6\xbe\x9e\xb4\xc7\xec\x1a\x9f\xcd\xcfmj\xe8\xaf*\xdb\xfc\xe9\xfb?\xcfg\x8d\x7fI\xf3\x84\xa3\xc6\xe1\xccVz\x90\xd3g\xc0dX\x87\xe3\xc9sK\xaaj\xf3\'\x7f(\x0bV\xf6p\x17\x1c\xe5b6\xbb\x15L\x846\x9f*&gt;+5Vq\xbd\x18\xb3\x875\xd0\xb8lc\x8f\x1e\xfd\xbe\xea\xb3\xcd\xcd\xaa\xb53k\xfc\xc2\xeb-\x18\x87G\x0b-\xbfb\x89`\xaa\x175\x1f\xc6\x17\x04\x07c=?\xbfS\xe9o\x1a\xeb\x9f\xdbr\xb1\xd9]\xe5\xd1\xe8\xa5}\'\x9cZ\xff\xae\xc4XP\\\xb1X\xd8\xa2\xd3\xf9|cUUc\xb6\xba\xc6\x9a\n\xdf\x0e\x8f\xb6:\x1c\x82e\xe3\xf0p\xe1\xb7\xf7D\x88\xcc \xeb\xc30\xc7\xe1\xf9\xb9\xc4rzz\x10\xc9Er\xcb[y1\xda\xd5\x1a\x8d\x1e\x1c\xd8\x9d\xa9\xf7#wGJ\xf7I\xf6.c\xe2\x1a\x88\xe5\xf7\xebt\xdc\xb1\x86:\x9b\xdfo\xb1D\xa2\xfbQ1}x\xaeX0\x1a\x8d\x85\xfb\xcd"d\xd0\x80\xa9\x08\x88\x8f\x0e\xa5u&lt;\x1a\xdd\x87U\xde\xeap\xe4\t\x94\xbd\xb8\xb8\xe1t\xfa\xc3\x7f\xff\xf2-I^\x95\xec&gt;\xe9\xe9\n3n\xd9cS\x1a\x8d\xfe\xc1c\x80s\x1eD\xe0\xc5\x9d\xa8\xe3\xd0!T(\x12\x89\xc4Bw3\x875h\x90\xf1=\xe9\x96\xaf\xbc-\xe9\x10\x8f\xb7\xc8\xe3iC4\x9b \x08\x03\xba\x18\x1dw\x1eXl\xc7\x8b}KK\xea\xab\x12\xe8u\xf7\xd9\xb3g#\xa0\xd6\xfc|8i\xf7K\xa5R=\x97;\xa0Y\x98\x9c\x89(\x0f\xbd^G\x88^\x16\x16\x8c\x89iows\x1f\x0b7\x1809N\x84\x1c\x8c\x8f\xe7\x87y\x1a\xe6j\x17!\x83\x18\xd2\xb98\x9er\x1exe"\x0e\x87\xe8^}{{\xac\x17I\x8b%\xfb\x8f\xe0\xdaJ0\x9c\xf4\x03\x8fB!\xd5K\xa5\xd3\x05wa\xc1K\xbb\xb4!\x07\xbd\xfcdzz\xba\xa5\x03\x13A\xcd77\xf3\xc9!U\x17\x9b\xa7\xd5\xd2!\xda\xc5\xf6\xa8T0\r\xcad\xe5\xfb\xd1)\'\r\xa1\r!\xde\xfc\x87\xf8g\t&gt;\xb7\x9e\x9c_$\x1a*ck\xc1X\xc0\xa9P($B\xa1R \xf4z\x85J\x9a\'v\xc1\x8c\xe7\xd8z\xe2\x9e+8:0&gt;"\xc2\x0c\x83\x83|\x84\xc5\x1fR\xa9 }\x00\x10\x86Q|\x9c\xf9\xdb_\xb48U\x14\x9f\xd5\xa9%\xee\xdf\xbb=\xd6\xc8\x0f\xcf_\xbb\x13\xa3\xbd\xc1\xb5` \x00\x1bqY\xa8T\xd2\xa8\xcbE\xa0\x84\x8b\x80HMt8\x96\x0b\x89\xb9e\x07\x81\x81A\xb8ap\xa9\x8fC"7\xe1\x1a\x87\x18\xcb\xa7\xe0\t\xc7e\xec\xfd}gD\x8dS\xec\xedr\xbcyi\xef\xd6\x95\xf5V\xf1\xfa\xe5\xbb\xb9a\x9fi-\x98\xdd\x81}(\x11(ClX(,\xc8\xae\x06C\xc7\xfd\xaf\x9e\x0cK\xbdi\x19\xce\\P\xca\x9a\x97D"\x0e$X\xce\r\x16\x07!ID=\x84\xe3\x9e\xed\xfd\x8dq\n\xa7(\x92\xe2\x888\xb7\xc6\xfa\xf2\xe4\xe2\xc3\xcb\xa3]\x98\xce\x83\xc1\xac\xc5\xa2\x93\xe4@+\xb6\x87\x8d\xca\xa0\xa1\xe3\x18sC\xd9\xdd\x920\xba\xbdy\x8c\xa1\xe1`\x86&gt;\x11G\xc4B\x98\x04\xcbA a\xb7\xb5\xc9Y,\n\xb0\xce\xa2\xe3*j\xb5\rQ#K\xc8\xd5m\xb1\x9eE\xde|x\xfd\xee(3U\x97Je-:\x85\x04f\x19q\x17\x0c\xa3\x98\x07\xe7\xabp\x0c\x1ah\xf7B\xc2\xed\x16\x86&lt;\x8c2$n\xe8\x03:\xa0\x81\x1f\xc2\xc4k\x84E\xaa\x87~\xc4\x8a\xaa\xb6\xa96\x16\xcb\xbc\xd4vk\xac\x17\xb97\xd7\xff}\xb7\xfb\xc9\xc7]\t\x1f;u\xba\x19\x81\x92\x0e\xa1\x1e\x0f\x05\xf9\x9e\x0fQ\x10\xc7\x08oA\x11W(\t\x9c\xc5\xc4|5&amp;\x13A\xde73\xcff\xb3\xb9\xbd\x9d\x04.rhHuvv\xb2Q\xdb9\x81 \xe6\xd9R\xa8\x05X\x1f^f\x8evm\x15\xc5c\xbb\xce99\x99;\x0c\x112\x15\xa5f\xc2\x8e\x9a\xe2cB\xb7D"\x11\x86\xd8*rvo\xcf\xacV\xfd\x9f\x0b\x16\xfc\xcd\xb6\xb7\xb1\x109\xac\xedWg\'\x93\xe2\xbc\xbc\x8d5;\xbbd\xbe\xf5\xd45r\xfc\xe6\xfa\xfa\xf5p\xa6z\xd4\x94&lt;\xdeq:\'s\xe7JP\x8b\xc1\x02\xcb\xc8!~\xc7\xc5\x82D\x92\x9b\ty\xa8\xd9\xab\xab\xab\t\xb9\x1c\x1a\x15\x18\x08B\xdd$l3\xd4\x18\tX\xab\xaf^\x9dDZ\x08\xd2\x8c\xcc\xb6\x89\xde\xde\xbe\xcb\xbf=\xbf\xbe~\xde4\xda\xfb\xa9\xb1x\x1c8`\xd4R\xe6\th\x92jr\x02"\x05\x85z\x8d\n\x9d\xc59\xa9t\xd5\xae\xb6\xef\xed\x91jR\x0e\xfe\xb6\xdd\x80\x81z\xb3\xb3\x80\x05P\xf2\x89Wg\x97\xda_\xcb\xc8v\x12\xc4zQ\x82\xb3\xe7\xe4\xfa:a\xcb\x8c}\xfa\x14&gt;\xce\x06v\x0e&amp;s\x82t\x87Lu#\x178\x16Jd\x8c\x10h\x07\x14B\xadGM\xaakQq\x97J\x85\xc3\x0eD\xc8\t\xc0\xda3\x9bYj\xf5\xea6\x88uvZ\x8e\xe3$X\xcb\xd9+\xc5\xe4\xfc\xc3\x9b\xeb\x8b\x81\xcc\xeeQ\xef\xfa\xf1q\x00\xb8rB\xc0\xc2\x7f,.\xbc\xa3%s\x94\xc94\xd6\xf7r5\x02m\x97\xca\xa3\x9d\x91^\xa4Q6s\x1f\x88L\xb4\xef\xcd\xee1%\x0fb1X;\xabmr\xb0Vd\xfe[I\xee\x98s\xd7\xcf5\x99\xdd\xb1\xc7+\xc7\x1f\xb3\x81\xecNN\xc8\\\xb7\x01\x96\x9aR\xc9\xba\x973U5\xfd\x8f\xca\xca\xaa\xb8\x8a\x9cUK\x0f\x1c\xed\xbeK\x1c\xe2,\xceR3.gn\x95\xcc\xd0LWo\xd4\xda\xf7O\xc0\x16\xd8\x9be\xed\x95d\xde\x1a\x89\\\xbc\xd6e\xdeez\x83\xd9\xe3l\x12\x86;\xa1\xc3\x85\xca&lt;\x94\x9a\xa2\xb0{\xdd\xde\xe7GU\x8f\xfeX\xf6?\xde\xcd\xf7\'\xad4\x8b\xe3\xfe\x01F\xd1\x02z\xbd\xbd\xb7\xcdEm\xee\xa5s\xd9\x8b\xfc\x9c\x90lt\x83\xb6.`\xab)T\xcb\x8fMz\x0b,\x01\x8d\x03\x08UP\x91T\xadi\x99\x8a0\x11\xb4\xda\xd1\xb4\xd8Dk\xfb\xa2\xb5\xc6j\x1c\xa3Q\xc7\xb1\xadv\xaa\xa9\x98\x8e\xd3\xec\x1b\x9b\xd61\x99\xf4\xc5j\xda\xec\x83;\xd9\xfd\x03\x16\xf6\\n\xc2;&gt;9\xcfy\xbe\xcf9\x0f\xe7\x00.\x91%0da\xba\x03\xfd\xf3u@\xb9\xf2\xbe\xfe\xbab\xe4,\xd0\x87\xd2\xa3{\x93\xc4F\x14\xdc\xba\xd2\xd77}\xa549X9\x9bo\xd6\x14\xd7\'\x1b&lt;\xbd\xad\xff|y\x07\x84\x17\x02\xfb\x9d%\x19@\xb7@\x1a\xa3Zv_\x17\xf3\x9a\xb3\x1e=\xcaj\x16\xebE\xb8Fc\xd1\x92@X\xd3\xd3O\x9d.\xaeL\xdc\x95\x80\xc8\xba5r~bu\xf6\x1f\xb1\xb3g\xcf\x9c\xe9\xbbrv)-9\x16\x9fw\x83\xd8\xb2En\x00\xa8\x9f\x01\x16\x92\xb8\x9d\xac\xac\xac8}Z\x15\xae\x1b\xd4\x1fae=:\x96or\tDBZ \x81K*\x01X\xf1\x85\x8c\xca\xf2s\xe9\x0e\xc7\xc8\xad\x89\xaa\x91\xd5\xd9\xf6 \xd0\xd2\xec+\xa5sI\xa2Jk\xa9\x9d\xbf&gt;y{\xd2\x17\xba\xd3\xda\xd3\xfa\xf4\xe9"2\xee\x04:_Q\xf2g\x95\xaa\x0e\xee\xd7\xf3\xf2\x8f\x81E\xccj\xa6LBT\xc6\x96\x13zm\x00\xa8X\xe69\xc6\x85\x8a\xf2rG^"\xb4@l\xcd\x86\x82@\xcb\xae\x9c-M\x96\xb3\xd2\xd2^J\x82\x06\xcb$:\xd6\n\xb8j\x01\x16\xact\x16W\xa8\xfez\xc1\x0f\x0fj\x85b\xde\xb5cY\xe0\xe1\xbb\xe8|\xf6\xb5\x13l\x14\xa3E\x16#\x83q\xae\xbcDu\xf4_\xd9\xc8D\xe5\xc4\xc8\xebW\xb1\xb6\x89\xbe\xbeS\xd9\x1f\x92W\xc0\xce\x99AE1\xa9\x8e\xf5\xdc\xe9\xe9\xa9\xad\xb5#0\xc8\xf9\x8a\xc3a\x18\x91J\x1bx\xf9\xbckY\xd7\x8e\x1dk\x16\xab1\xf6\xb5\xbf\xb3\x0b]\x18O\xcc\x94\x92Jk\xd1\xc4_N:@\xaeU&gt;Q4\xf1z\xf6g\x80UZ\xf9\xb7\xff\xfd\x94\xfeo\xd07\xbd\x9a_\xab\x15Q\xbd\xb5\to\xd5\xd6"\x08\xa2\xca\x08\x87\x11)S\xaf\x17_\xca\xcfon\xbe\xc4\xe3\x89\x1b\xfa-xW&gt;\x97\xa0i\xa1H\x8f\x8b4n$7#\xfco\xac\xaa\x89\xd9Yso\xe4|Ev\xe6t\x12/!r\xe6\x16\xe7\x99\xedTu{k\xa2\xde_$\x1b\xef93\x1a\x11\xa9\x08\x13\x8a\xc5&lt;SW\x83\x02\x94\x13\xcb\xfe\xfd\xdd\x83\x83e\xc5\xd0\xd0\x90E\xc2\x14\xe3\r\xb4\xa1\xbbc\xfcT\xde\xc9\x93\x0e\xe0\xad\xef;\x05D\xa4&lt;3\xfbVR\xafFZ\xe2\xf6\xa0\x97\xaa\xbe\x7ft;\xf2\x14y\xd2\xc8\x08_\xd6\xd2\x98I,\x9e\xd4K\x14\x81\xc0\xe0\xc6\xca\xca\xca\xd6\xd4\x1fVr\xd1}]o\x10\xe3R-\x9c\xc0\x9a8\x7f\xfc|\xe7\xd3\x18\xe4\xca\xcc\xce\xfc\x90\xdc\x96\x83\xa6\xbdE&amp;D\x8d\x8d\x01\xaav;"A\x18n\xa6\x94\'\x16\xd63\x1b$\xdf\xce\x03\xdb\xde\xd8\xd8X\xd9\xda\xd9\xd9\xd9:2\xa3rH!\xa2i\x916\x91\xc0V\x1d\xb7\xe6&gt;\xb4\xab\xa1H\xe5\x99\xe9\xa5\xa4R\xa5\xe5&lt;~\x19\x84\x86\x07b\xa1\x90\xb7}\x91\xb4\xc0\xe3\xd7\xa5]&lt;\xe6ef\xff\xfc\xda\xda\xe4\xe4Ok?\xfd\xfe\xf1#\xf0\xd8\xe1\xe1J\xc2o\xc0\x96\x95n}W\x97\xbb\x18x+#\xb7\xec\xe6bHMP\x05}\x9biI\xb6\x9c\x85\x1e&gt;\xd7\xe7\x1b\x0b\xc5b\xc0[\xe4x\x83MdPl\xf7\xaf\xfd\xf2\xf9\x05X\xc5\x8e\xe5\x8eW\x1d[\xc6W\x9dS\xbb\xfb[\x87\x1b\x1f\xd7\xd6~\xdf\xfe\xee\xdb\x06\xe6wN\x80U\x96[\xf60\xe4\xeb\xe5\xaao\xce%\xbf\xff4\xe7\xd7^\x0e\x04\xf9b\xeaH\x90\xecW(\xdd\x9a\xc1:x{\xed\xc5\xe7\x17\xb7\x17\xdf\xdc|\xdd\xb907\xf7z\xbdei}\xf5\xc3\xea\xf4\xe6\xb2\xc4t\xe9\x97\xb5\'O\xdc\xf7\x80\xb72r\xadF{$Bq\x06\xf6R\xd1\x15\xfb\xf8~54L\xf9\x08\xca\xa5\x95H`R\xabd\\}\xb3=\xf9\xf9\xb6(~go3\xbe9\xb7\xb4\xbe\xd9\xd4\xb4\xb9\xd9\xb2\xb9\xb4\x14_\xb8Km\x1f\xaa\xc2\x8d\xe1\xbc\n\x863\x1a\xb5\x9b\x01\x161\xf0)\x15M\xb1?&lt;\x98\x818\xc3&gt;\x02Bm\x12&amp;\x89(\xe0\xe3\x8c\xfd\xadmAH\xba7\x1a\xdf\\\xd8\x9c\x03\xb6\xd42\xb7\x04\x0c|\x8b\x1f\xee\x80\xaahp\xdcq\xd2I\xda\xed\xde\xa0\x8f\xa8\xa9\xf1}JE/\xf8\xe3w3\x10D\xd4pt\x14\xaeaj\xc8\x00\xa9d8Kv\x96\x15\xcc;{{\x0b\x7f`-\x1d}\x16\x16f\xb7v\xae\x02!\x1d/v0`\x8d\xc6.mC\t\x02\xba\x7f7\x15\xad\x94M\xefg\xbe\xe1p\xe5\\\x1dA\xe0L\x9c\x8cJ\x8c\x8c\x92\xb0qke# \x08\xde\xb0\xc7\xd7\xd7\xd7\xe3\x0b\x0b\xeb\x0b\xeb\xafW\x0f\x80P\xec\x9fJO\xcf\xab\xab\xcap"\x06\xad\xdd\xd6F\xd4\xc8\xa1w\xa3)\xe9\xf0\xbc\xfb\xaeF&amp;+\xd4\xe90&gt;\x86\xbb\xfaI\x85\xd1\xe9\x0c7\x02y\x07r\xd0\xd1\xf1j6\xbe\x00\x9e\xf5\xd5)\xc0\x04$\x15\xe4\xf3\xe9\'\xc7\x8b\x19J\x12\xb7\x0b\x04\x02\x94\x18\xae\x1e\xf8\x94\x92F\xf0\x96\xe75l\xd9\t\x19\xa0\xc2\xea\xf5"\x0bb\xf5\xfb\xc7\x11E\xe0\xcd\xca\xc6\xc6\xd6\xd4\xee\xee\xee\x01xw\xa7\xa6\x12\xef\xfe\xd5\x8at\x80\xe5t\x1a\xa3\x1a\x8f\'\x12A\x8f\xb0~M\x05V\xce\xb3\xf7\xdf\x0c\x13,9A`:~W\xbdH\x13\xf5+\x8d\xb0\xc6\x12\x08$\x04\x1e\xe0\x1c|9\xf8\xf2\xe5\xcbA\x82\xaa\xa8\xa8\xd2\xe1pT1`X\xab\xf5\xe0t\x04\x85\x08\xa8\xfa}\x8a\xba\xe6\xefV\x0fs\x86\xb9\xe0\x17t\xa6z}=\xde\xad\xac\xab\x83\x07\x13G\xe2J\xe2\xdc\x01X_\xa6\xa7W\x0f\xf6\x01\xd5\xf1\xa2\xca\xf4\xbc\xa2\x82\x8bJ\xad\xd4\xa0F)B.\xe7\xd4\x0c\x8c\xa6\xa6\xa9\xf9\x87\xd1\xfb \xe6\x0b\x81\xb3\x12m\xc3]"[T\t\xd7\x91\x16\x8f&amp;0\xd8x\xb8\x05\xc0\xf6\xf7\x13\x0b8\xb5\x9fQTT\xe4p\x9c*PF\xa3\x06\x17\x1a\x11\xa8Y`\x0bW\xbfKQ+\x7f\xcb\xe8\xbb\x99\x1a\xb0\x17\t\xb9N\x0e\xca\t\x1a\'a\x18~\xa3\x95z,\x1a\xc5 \x08\xfd\xb0\xdf\xef\xdf\xf1\x97\\,(\x03\xce\xca\xcb\xab\xb0\x9a\xbbI\xbc\x9e\xb6Et, ,\xc9\xef)\xfb\x8f\xfd\xf6`\x86++\x94\xf3Y&lt;\xa1^$\xc2=$\x02#\xa4F*5Hm^\xaf70\xd4\x1d\xed\xe8\xb0&gt;\xb4^\x04X\x8e\ngw\xe2\x12\x1fE\xd5\x14W\xc6\'\xaa\x9f\xa7n\xae\xa6\xe9\xd9h5\xc4\xfaJ&amp;\x93\xd7\xd3\xb4\xde\x95\xe0B\x10R!1\x88D4J\xbb\xda\xda\xf0`\xd0\xac\xe9\xb6\x1e?\x07\x92\xf8\x82n\x81\x94\x14\xb8P&gt;*gA\xd5\x0fR9\xed\x93\xf3l\x86\x9d\x18h`\x9b0=-\x02\\\xc0]\x08\xa20\xe8\xe9z&gt;&amp;\xc6\x84(m0H\x94\x05U\x89}\x98k\xc7m\xa4\xcbEa|\xb0\x88\xcf\x7fK\xe5pT\xd3\xe8[\x88\xcde\xb1e,\xa1K_\xef\x8a\xe0Z\xa5\x12\x86\x11\xb7^/\xe4\x9b\xf2e2LL\x83\x14\xb1\xa2\xdc\xe1(wX5\xb8\xd7\xcbG1\x16\xca\xd6\r\xbfM\xe9hT\xd3hO\x0cb\xff\x89\xcd\x96\xf11\xbe\x90\x8aD\xbc\xb0\x7f&lt;\x0c+$\rbZ|\xa9Y\xc67\xe9\xfb\xe1\xa2rP\xb3\xa6\x9f\x7f(\x8dx\xa5h\x84\x0fAr\xeamj\'\xc9r~\xec\t\xf9 \x19[\xa6c\xe9L\xa8\x10\xf7\x04IU\xc98(\xcd.70iY\xb3N\'d*\n\xce\x95fff:r\xcd\x11\xda\xdbFc\x80*b\x8e\xa7\xa5\xd6F{\xc6|T5\x94\x98\xea\xe1\x9b0\xb5@\xa0\xf5\x17\xabT*\xff=\x0b\x13\x977\x83\xec^\xa3\xcc8\x93\xb8`\xce3z\tL\x8a\xa3|\x9dN`\xef\x8c\xa7v\xec\x0exk\xcc\xe7\xf3q\xd8\xecB\x16K\xa7C\x05Rs]q\xb1\xaa\xa4n\x90i\xc3y\xa6z\xa1K\x1b\xf5_\xcd\xceNO\xcf\xb0\x06)\xbe\x0b\x95s9\xea\xee\x9b\x9d\xeb)\xf6\x16\xc0\x1a\x88\xf5B\x1c\xee\t\xb6L\xceB\xa9\x08S\xa1\x0c\x87\xeb\x90~\x9b\xc7#\x8e\xc40\xdc\xacQ*\x9d\xc6*\x86\xd1\xdc\x06q\x89B\x16\xa4\xf6Zo~\x9fr\xac\x1b\xa0\xc6P\x83c\x0elH\xb9\x9cU\xd3K1\xddZD\xa1\xb1\tlj\x94\xa0\xd4m\x1e/\xa9\xd5j\xc9\xa89\x88~U\xc8\xe1p)sGng\xca\xb1F{B\x03\x03\x14F\xa9\x05\x14\x1f\x83\n!\x82\x8f\xa1\xb4\x94\x89\xe3\x1e\x01:@\xf0Q\xa1\xda\xa6\xd5\xd8$6\xdc\x16!\x12\xb3G.s\x87\xf5\xff\x80\xf5ck(\xe6\xa3\x08\x8cP\xc7":\x90\x17pu|\x10\xe7(\xdf\x15\xa2(\x82\xc5.\xd4\xa9\xdb\xda\x04j\xb4\xcd\xa5\xa6\nO\x14\xa2&gt;s\xf4anY\xd9\xf9\xd4c\xb5\x8f\xfd\x8b\x96\xb3\x0bi+\xcd\xc38\xe7x&gt;s0(11bL\x165\xc5\xb4\xdbF\xe37z\x91\xb5\x8a\x17S\x0b\x12\xaa\x81TK\xa8\xd4\x0fT\xc8J\xd5Nk\xa4\xad\xd6*\x1b\x8bn\xa7\x8c2CG\x87\xce@\xda\x0b/lg\x0cE[\xe8\xd8\x1b\x19w\x18f\xd7\x8b\x01\xe9\x8a\x1f\xc8\xec\x16\xed\x97K\xbb\xcc&gt;\xff\xf7\xd8\xd9Yvw\xe8\xcc\xd4\xb7&amp;\x8a&amp;9\xbf\xf3\xfc\x9f\xff\xf3\xbe\xe7$\xa7\xef\xdb=\xd0\xe5|MN\x85y\x1f\xbb\xce\xae"\xdd\x9d\x9eW\x91r\xc0\xd4\xd7\\\xe7\x19\xf3\xe4\xa4xR&lt;9\x07\x0eX2\xf2FG"V`\xdd\xdbc\xacd`}z~\xbf\xa7\xc2]g\xbf0\xe6\xb1\xec\xcb\xc8v\x94f\x9b\xeb,\x9e\x8a}\x19\x07\x13\xfbL\xa6\x8c\x1a\xb3\'\xa5\xa2.\xa3"\xc3\xb2\xaf\xa6i\xcaju:\xf7\x1e\x8b\xd4\xfa\xf4\xfd\x1c\x8f\xdb\x1d\xa8\xa8\xc9\xebJ\xb7\xec;\xd8\xe7\xe8\xb7\x84\xfb\xfa\x1d\x16\xc7AS\xb3\xc9d\xae(\xb5\x981;Y,\x07\xf6\xf7\x8cC*\xa7\xd1h\xdb{o}Dy\xea\xa9\x08\x042\xddcy\rf\xcb\xc1\xe6\xbe\xe6~\x93\xc9\xd4Ow\x89\xa6D\x87\xb9\xd4\x01\xc4fGEJ\xde\x08\xa8lPk\xe2\xde\x17{\xae\xd6\x1f\xae\x8e\xd9\xd3\xdd\x81\xcc\xcc\xccF\xd7X\xba9\x1b\n\xf5\xf7A\xa7\xc4D:\xdd\x9c\x08\xcap\x7f8;\xbb\xd4362UY9\x01*[\xf57\xdf\xed\xed\xc5\xaf\xc9_|\xd4~\xf5\xbc=\xbd\x91\xb0\xc2\x8d]\r\xe9\x96~\x13Y\nL\x89\xbb\x03\xaa9JS\xf6_\x18A\x0f\xda*u\xac\xef\xbf\xdb\xcb\x8bL{\x93\xef\xfe\xe9\xf3\xab\x08\x00O\x80\xb82\xdd]\xf6:\x87)\xf1`\x1f\xbd_\x00\xb1\x18\xa1)l6\xdb\xf3z\x1e\x12\x95\xcdY\xe9\xb4\x11\xd6\xf3\xaf\xef\xee\x05Q\xef\xfd\xdb76g\xe7\xff\xf1\x97\xbf\xb7\x13\x16\xaa\xc8\xb8\x1a\xbb\xec\x8e0\xf3\x15T"\xa5\x12M\xfda\xb3\xa7\xa6\xad\x03yu\xb9\xb2\xba\xdaf3\x02\xeb\xde\xf7s;\xab\x9b\xb7\xde\xee\x9a\xeb\xfe\xad/\x9fzE\x917\x88\xda\xd6\xf0\xd7P\xab\x81\xaa\xc8\xb0\x02\x85\xf6\xf4:\xba\xfa\xb6\xdf\xa4\x9f\x05\x87\xcf\xcc\xf6\x9a\xd1\x8e\xa9Vk\xe5\xc4\xc4De%\xa8l6`\xbd\xf8\xd8\xabx7\xdf\xde\x055w\xbf\x9cWT\x89\x97x\x83\xac\x1d\x88.\xfc\xb1\xfd\xd29W(\xbf\xb0\x8e\xce0gf\xd6\xe5\xd8=\xee@8\xec\x08[\xc2\x0eG\x18\x0bDO\xe8B[\xc7T\x84\xb2}\x02j\x19}6[\xee7\xc0\xfa\xfd\xbc\x97\xe3\xc5\xd9\xcd\xc7o\xc3\xfd\xb7\x9fz\x15Y\x90\xf0e\x108.?\xb8\xd0\xfe\xf9\xa5\xb6\x0b]\xf9\x85\x8dn\xc6\xe5N\xb7\x17\xbaI\xb6Lsi `\xf6x\xec\r\xae\xb6\xa6qh\x85\x12N\x80\xc8\x87\xd8\xb2\xdd{&gt;\xf7b\xde\xeb\xd5$^\x14\x95\xd5\xcd_\xf9y\xeb\xe4\xdbO5Y\x95UA\x12d\xbc\xa2\xc6}\x05\xac\xf6K\xa3y\xf5!\x1d+3\xcc\xb0\xf4z\xd2\xb9y{\xc3\x85\xe2\xb6\xa6\x91\xd6\xc8\xe5\x89\xcb\x13\x13\xd5\x95N\x9f\x8f\xe4\x8a&lt;\x9f[\x07\x95\xa6\xf0\n\xa7(\xb26\xfb\xe8W4\xe6\xddMN\x95\x01\xa5\xca\x92\xaa\x1aTN\xe3\x9e\x00\xeb!\xb0\x10\x0c\xbb\\\xc0\xca\x07\x17\rwc~\xa8+\xaf\xad\xa7id&lt;\x82E\x03\xa8r\x8dN\'}\xa4\xcc\xf62&gt;k\rT\x1c\xb04\x8eW\x15E\x98\xfd\x85\xe7\xba\x92{\x9fy\x05\x19\xbb&amp;K\x92$\xcb\x02/s\x9c\xb6\x14\\\xb8Dj\xb9t\xb9\x02\xe4\xf9\x10~lt\xe3_a\xa8\xcbU&lt;\xda\x84\x1el\x8d\x90\xdfm\xb96\xa3\xd1\x08.\xa7s=+\xeb\x89FX\x06U\xf3\xaa\xaa\x80\x12\x88\xb3\xbf\xe4\x10\xad\xf7\xd9\xaa\xa8\x80\nX\x10KVU\x1e\xd6\xe2\xd6^,\\mo\xea\xc9K\x02\x16\xb8\xdc\x01w\xa01?\x1f\rP\x98\x8fCDW\xf1\xb9\xd1\xa6\x87\x03S\x91\x089\xcb\x96k\xf4\xf9rQD\xa3\xf3bt..\x1dT\x9c\xc4\xab^\xd5 \t\x02vX\xd5\x9e\xfe\xdc\xbe\xbc\xfflU%&amp;\x80\x01\x0b\xdfU\x01E\x04Vp\xc1\xd5\xd14z.\xa9\xa0\x01,\x10\xc9\xdd\xc8\xb0pk\xa8w\x9d;\xde\xd41\x00\xa9"~+M\x86\xb6\\\xf2;}\x1a\xe7eI\xd6\xfaMP\x89\x92\xa4x\x05\x83\x04\xb3\xe2\x85\x05Ay\xfas\xcc\x7f\xf6\xc6\xaa\xaa\xaa\x8c\x07\xf7\xb8\x89\x9c \x95K("\xb0\xf2{\x18V\xc1P&gt;4jll\x84P\xa1\xa1PCW\x97\xebDO\xc7\xc8@\x04\xc3\x1f\xf1;a*\x9f\x8f\xa42:\x13.\xae\x97\xc4\xadi\xa2(\xc2\x0f\xca&lt;z\x9a\x17$UA\x05TI\xdb|\xd3\xf0\xef\xbd\xb1*2\x85\x14\xf6L\xc8%\xa8P\x8bWERki\xd1\xd56ZLXC!\xa8THB\x85\xea\x0b\n\n\\I\xc5M\x03\x03\xc0\xf2C+\xa7\xd5\xef\x84V\xb9\xecsKG_F\xe3\x833\x1c&lt;A\x06E\x08\xf2\xd0K\xa6j v$\xef\x8d\xb3o\xa6\x94L\x9e\x12Y\x01I,E!\xcbK\x06I\xe1\xb8\xa5\xe0\xc6?g\\I\'\x92:\x89\xab\xa1\x01\xb7P(4T\xef\xc2\xef\x8a[\x86\x07Z#p;\xc6i\x7f\x82\xd1\x97\x0b\xcb\'$\x9c&gt;\xfa\xdeNpzk\x85v\x8fj\x88Z\xf2\x06\x83\xc4\xb0\xb0\t\xec\xf7\xea\xe37\x80\xc2CE\x9d\x8a|EX0(\xf6\x0b\xaf\xc4!\xb7\xa2\xcb\x8bC\xf5\x9d\xae\xce\xce\x82\xfaz|\xd1\xad\xa1\xa1 )\xe9DQ\x11\xb0"\x97\xc9UV\x7f\x82\xd3\tg\x91V\xa7/\xbe\xf7\xcez0\xba\xc0\xc2O\x12\xc4yI\x161a\x18X\x93\xd3v@\xab\xfc\xf49\xa6\xe4\xc7\xb3\x84BD\xfa\x1d\xcaG\xb9%\x08\xa2*1,O0\xf8jqf\xe8\xc3\xc1\xc1\xc1\xfa\xc1\x82\x82N\xa8\xe4r\x15\x14@\xaa\xa2\x96\xda#\xc3U\x84d%c\xc1\xef6\x1f\xa8\xcaN\x1f=\xbc\xb3\x1d\xddX\x81\xc1\x81%k\x1a\x88\x04\x89/7\x08 \x92T\xd6\xea\xb2\xb0z\xeb\xa7\xe6\x19M%7\xbd\xbe\xe9\xb2\xe3\xf5T\xda)\x13\xe8\xca\x13\x00\x00\x06QIDAT\xf8A\xe4\xb4\xad\xe0\xd6\xf2\xcc\xcc\x87\xc45\xd8\xd9\x99t\x02#)\x89\nX\x0b\xaa\xe1\xc9V\xbf\xdf\x8f\xa5\x8c\xd3\xe64R4\x00\xeb\xe8\xb1\xc3\xeb\xdb\xdb\xcb\x12\x85\x02\xd5P\xe4\xcbyI\x95\xca\r\xbcJ&amp;\xd1\xfb]Q\xb4\xcd\xffs\xaa\xf0\xec3\r\xcf\x04\x8d@\xb1\xae\xe8\xaa\tL.Y\x85Ey^\x129\xf1I0\xfaj\x17\x0bT\'!RK\xd1\t\xa6\xd5\xf0\xa1\xc9\xb4\xc9\xaaS~L\xd1X\xfc\x01*\xd7\xf8;P\xc1Y\xdb\xb1%\x96T2%\xb2\xc2\xbf\x96\x8b\x17\xd8\x06dY\x8f\xc7\xf9\xff5\x1f%?^E\xb5P4bR\x05\xf2\x16\xb3\xbcn\x00U"s\xf1\xb2(\x16F\x83\x1b\xa0\x02Wg\xe7\xc9\x93\x1f\x00\xa7\xb6\x85\x06\x8e\xa3\'\xc7S\'S[\xad8\xce\xb1Qd!\xb3\x08\xeb\xd8;[\xb1\x8d:\x95\x06\xf6KS\x15\xc9P\xce\xa3|\x06\x03\xcf\xc3\xf0\x8a^\x1a\xf8Y\xe4\x9e\xde\xff\xef7\x02\xbc\xf4G\xc2\x822,\xac\x00\xa9\x90z\x125\xb3\xc4\x0b2\xb5\x8f\xb2\xb2\x05\xb9\x88j\x90\xa8&gt;(\xaa=r\xfcH-\x15\x10T\x03\xfa5\x18,Gw\x9du\xec\xe8\xe1\xb5XlA"\xe9\xb3\x97oz\xbd\xb2"\t\xe5\x06I\x14\x88KbaM\xa6S\x19\xd8\xea\xa3\xff\xb0~\xef\xa3y\xd6s2\xb1\xd0\x14H\x95c\xd5\x94X\xecAx\x9e\x9fY[&amp;\x87\xceD\xa3\x1b_\x01\xea\xc1\x03\xd2\xaa\xa5\xe5\xfa0]hp\xe8\xd0\xc8\xf8\xa9V@\xc1\xebt\x89F5\x13\xab\x0c5\xdc\x89\xc5\x96h?\xc5\xc5\xad\xf8\'^,\x1f\xd0\x86\x90\x0by\xcf\xf3\xac\x8c\xb4Af\x1cp)\xf3?\x9e\xc0WY@\xb1\xc6Su3QA\x19\'L\x8ft\xe0y\xcb\xf2vt{![\x10V\xb6\xa2\xb1\'\x83\x0f\x1e\\9y\xe5\x83\x96\xee#\x90)\rP\x93\xa9\xe3\x03\xad0{%\x16~\xd5\x9fU\x7f\xe6;\xe3\xf3%\x94\x01\xeb\xd8:J\x88\x80\xc9^\x88\xc6e-a\x89\x8b\\\xe6I.\xa8&amp;\x91\\\xfa\xa4\xcb6\x88\x9f9\xf1G\'\xef\xe5\xd7\x83\x1ap\x97P\xcf\x08h\xc5q\xc0]Y\x0fbD7^-[\x16b\xdb\x1b\xa0\xbav\xe5ZQw\xf7\x91\xeb\x9f\xa4\xd1\x98LE\xfd\xfcV])\x92\xcaw\xc6XV\xf6\xdb\xb2c;\xb1\xade\x18!\xb0\x14\x9d\x8e\xcbZ\x93\xe0Y\x04`y\xb9A\x16\xf5\x1c\xd3[KO#H\n\xc1\xbc?\xbc1\xa4\xf7\xa8\xdesT&lt;\xd4Nb\xaa\xe1\xd1\x9aW\x83\xfdW^\xc4\xc5\xc5ge\xc5\xc7\x97\xac\xbf\x8a\xc5\x80u\xed\xda\xb7\xdd\xdfvw\xdf\xf9\xe4\xdd\xb4\xb4\xd4\xb4\xd4\xd4\xaaS\xad\xd6\xdd\n\xc2X\x98\x0e\x7fc\x84ZT\xc2\x05A\x95\x167\xa2\xd3x\xf2\x8b\x0c\xafH-m(/\xc7*\x95J!\xbc\x9eQt\xd5\xe8\x9b\xa8\xfcuw\x9aTD\xf9\xb5F"{\x0c\xdb\x11H/\xaaX$\x89\x00\x96\xd6K\xa6\xa7K\xe2J\xb2\xb2\xe2\xa6\xb7c\xb1\xc5\x95\x0c{AQ\xf7\x9d;w\xae\x1f\x02\x13\xe3j\xb5\xb2#B\x1a\x98\xa0\xcf\xc0Y\xba\xb1\xb2y\xf7R,\x8agfa\xdd\xac\xc9\xc8\x05\x81\x07\x16\xb6\x04\x01$\n/2\xd5\x0f\x8aQ\xeb\xcf?c\x0e#\x89\xe8\x8flp\x98\x919x\x00A\xaa`z\x169V\xf2\xad8\x1a%\xc1`\\\\0\x1a]j\xe6\xb1V\xbd\xb9?\xa9\xfb\xfa\xf5wS\xabR\xab\xf0u\x8a\xdeS\xb1\xe5V\xe72\xbb\'$\x9c:t\xfco\x10\xd6\xbd\xbc\x11\r\x82jnn\xee\xf9\xce\xbcW4 \xdfQE\xb8\x9d\xbc\xcc\x16^,\x84\xfe\xbd\x88\x02\xa4\x9e\x15\x02\xc3\xd6\xc1\x14\xa2"0\xd6\x804?"\xdb5q-\xaeD\x1f\xc4\x16\r\xber\xe0\x80\x03\x8f\xbe\x99\x913V;9\x02\xae*\xbd\r+\xad\xd6\xa9\x8e\xa6&lt;\xfaoXV\xdc\x1b\xc0\xda\x9e\xc6\xbe\xe8T\xcf\xff\x8c\xe5&lt;\xe2\xc1\xc0\xff\xab\t3\xc6m\x1b\x08\xa2\xa8\xb8\xdc\x95VZl\x9b6E\x1a\x96I\x9a\x14\x9b\x82\xd7p:^\xc1\xc7\xc8\t|\x06\xa9\xdd&amp;i\xd8\xb12`\xa4S\x17\x04\x86%\xb7N\x00\xabI\x91\xff\xff\x90\x8ei\xc3\x90a\x92\xfb\xf6\xcf\xcc\x9fY\xd3\x1c\xc2l\x0e&amp;\x91\x8d\x9c2JZXz@ \xe5\x07\x1b\x16\xa9\xdc\xca\xc00c\xed\x8c\x1d\xa7\x82\xedQD\xf3U\x87\xe1\xfb\xed[\'iq\xf3\xe1p\xfd\x05\xd7\x87\xab\x9b\x9b\xab\xeb\xe9]\x9f\xb0z\xf4\xee\xf3\xe3\xef\xfd\xbe\xd6\xb6 +\xc1\xf4\xfc&lt;~\xe2\xc1\xce\x89\xcaa1\xfc\xc0\xc1\xc5F\xa8E0Y8\x06\xbb~\xfa\xb5\xa2m\xb0\x91G\xf9\x817\xb2\x14v\xcb\x80\x8a\xbb\xa9\x96\xc2Xrnk\x05\xd8\xf9xwO}m\x0fs\x02\xe0}\xb8\xd2\xc6\xbd\xb9;\x9eq\x13\x13\xb2\xcb\xd4j\x1c\xbb\xf3{\x1e7i\x85\x91C\x04|b\x1b\x15&amp;9\x91\x1a\x9e\x85\x11\xafA\xa5\xad\xcc:\xd5\x9e\xa8#\n\xd1c u\x8d\x15\xaf\x1e\x03\x96e\x17\xb6\xde"\xfd\x87Z\xea\xfeD\xae\x99J\xd3P\xd0\x0b\x1b2]J\x19JV\xfd2\xdb\xc71\x97\x13P\xac9\x06\xb5F\xb4\r\x1e\xf4\xe4\xa5ZS+\xc9\xbe\xf0\x96\xdeR~\xf6*\x13\x08\xcfzMl\xa6p\xf4\'!\xe1+w\x19\xba\xd5\xa1\xcd\xc3\xfe\xe9\xbeY2\xd2\x9a\xbcVl\x0e\x97K\x99\x85\x85\xa7\xe8{\xc4S\xf5H\xa9\xd6\xb4\x1f\x18\x14Z#\xb0\x1c\x07\x94\xb5\xd5\xbd\\i\xfb\n+\xaaJ\x99Fan\xe7\xf8\xa3\x83\x8et\x07a\xae\x9f\x96\xbc\xe2\x82\x19YL\xb5\x1e\xd7\xf4\xda\xc0\x06\xaa-I\xac\x94&gt;R$|\x8b*K/|.\xf5\xaf\xe3\x7f\x0cL\xa3\xb0\xa5yA=spE\xd2o,2\xcc\x86\x9eX\xd1|\xccL+\xb0F"\x1d\x80\xe11\xa7]\xb0:\x8b%\x8b\x0br\x1d}LaCcT\xb9&amp;m$\xa5\xaf\x84@J\xb5B\x13\x1d\xc0\xdaz;c\xed\x88\x15a^\x1an\x14\xfc\xe5\x928\xc4B\xce\xaf\xc2\x8bm\xf0\x16\xa5\x9e[\xcf\xde;G\xf5L\x83\xc0\xc6m\xad\x16b\x11\xcby\xe8\x89\xe2\xe0$\xd4\x98T8\r\xfe\x80\xe9\x92\xa65\xb9\x96\xdf\xca\xcf\x05\x0b`\xc8\x0b\xc8\x85(\xc2\x13Y\'z\xf2?\x9e\xb0L)\xcdDr\t\xf4\xe6\x9d7\xaf\xa0\x9d\x92v/\xacn\xc1B\x87\xcb\xc0B\x04{\xd04\x14\x9e^!\xaa\xf0\xc7"H*\x0b\xa4\x12\xad\xd4o\xe8\xd2l&lt;\x94\tv\xc5O&gt;z\xecjz\x98\xfa\xa9\xef\xa7\xc4\x9ay\xc1\xfa\x07\xad\r\x0ew\x0fz\x074\x00\x00\x00\x00IEND\xaeB`\x82'</t>
        </is>
      </c>
      <c r="M84" s="3" t="n">
        <v>45492.67833333334</v>
      </c>
    </row>
    <row r="85">
      <c r="A85" t="n">
        <v>243271</v>
      </c>
      <c r="B85" t="n">
        <v>1955</v>
      </c>
      <c r="C85" t="inlineStr">
        <is>
          <t>Cicinho</t>
        </is>
      </c>
      <c r="D85" t="inlineStr">
        <is>
          <t>Cicinho</t>
        </is>
      </c>
      <c r="E85" t="inlineStr">
        <is>
          <t>LD</t>
        </is>
      </c>
      <c r="F85" t="inlineStr">
        <is>
          <t>LAT</t>
        </is>
      </c>
      <c r="G85" t="inlineStr">
        <is>
          <t>LD</t>
        </is>
      </c>
      <c r="H85" t="n">
        <v>168</v>
      </c>
      <c r="I85" t="n">
        <v>40</v>
      </c>
      <c r="J85" s="2" t="n">
        <v>32502</v>
      </c>
      <c r="K85" t="inlineStr">
        <is>
          <t>Right</t>
        </is>
      </c>
      <c r="L8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eb996ebf-8a11-4acf-99e3-7d009434eb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e\xc32\x0c\x00\x00\x00\tpHYs\x00\x00\x0e\xc4\x00\x00\x0e\xc4\x01\x95+\x0e\x1b\x00\x00\x03\x00PLTE\xff\xff\xff\n\x0b\x0b\xfc\xfc\xfe\x04\x05\x04\x02\x02\x02\xf8\xf8\xfa\xfb\xfb\xfd\xfe\xff\xff\xf9\xfa\xfc\xf9\xf9\xfb\xf7\xf7\xfb\x07\x08\x08\xf8\xf8\xfc\xfd\xfd\xfd\xf6\xf6\xfa\x19\x11\r\xfe\xfe\xfe\xfb\xfc\xfd\x1b\x12\x0e\x08\x06\x04\x0e\r\x0e\xe7\xe9\xf2\x12\x0e\n\xef\xf1\xf7\x15\x0e\t\xf4\xf6\xfa\xea\xec\xf5\xf2\xf3\xf9\x0f\n\x07"\x17\x10\xee\xef\xf7\x11\x10\x11\x0b\t\x06\xf4\xf4\xf9\x17\x10\x0b\xec\xee\xf6\x14\x13\x13\xf1\xf2\xf8\xec\xee\xf5\xe5\xe7\xf0\xf2\xf3\xf8&amp;\x19\x11\xf1\xf2\xf7\x1e\x12\r\xee\xf0\xf6/\x1e\x15\xea\xeb\xf3\xe2\xe4\xed*\x1b\x13\x1f\x15\x0f\xfb\xfb\xfb\x0f\r\n\xb5\x87p\xdf\xe1\xeb\xb6\x85k4\x1f\x13tN9\x14\x12\x0bjG4\x81V@\xb0\x83mC- \x1b\x15\x11_9$e=\'\x17\x17\x17\x93fQ\xdc\xdf\xe9&gt;(\x1d\x1c\x1b\x1a8$\x1b9"\x15D(\x18\x9aiO\x85^K\xd9\xdc\xe6\x88[D3!\x18H0#U:,5(!\xad\x7fjvQ&gt;\x15\x10\x0e\x90cL\x86Y@P=4\xf6\xf7\xf6J+\x1aP8)*\x1d\x17Z5!`B2V6#pL;\x96fKM2%\x8c_HhA,\xb8\x8as|S=$\x1a\x16\xa3sZR0\x1e,\x19\x0f%\x15\roF/\x81YF[E9mB*&gt;$\x16zUDmI8+\'$eD4\x92aE\xd0\xd3\xde\x9epY\xf8\xfa\xf9\x99sc&gt;,"\x81R8"\x1e\x1d\xa8x_[&gt;/\x9alU\xa3jJJ4)\xbc\x8dt\xa8{f\xa7\x81ooJ4fI:C3*\xce\x9d}\x8d^C\xa0wd[;*\xc6\xca\xd6\x93jW\xa0nR7.)\x87j\\b?.,!\x1c\x9ffF\x98o\\fNBL.\x1c\xa2|j\xef\xf1\xf0{M3yO9\x91o`\xb1\x7fc\xa8uZ\xb5\x82frXK\xd8\xda\xd9##!\x82aS\x99cEm]S\xb8\xbd\xcbmUH|cXz\\N565\x8abO\xbf\xc4\xd0\xe6\xe7\xe6\xa1\xa7\xb4\x93wjw}\x7f\x8cfU\xf3\xf5\xf4\xabrQlpp\x8aT8\xec\xec\xeaI80=/(\xablHTC:uI3\xb4\xb8\xc4\xba\x89m\xd2\xa4\x87sbY\xbc\x92~\x97]@\xad|a\x98\x9d\x99\xcb\xcf\xdb\xc4\x92sA95\xc0\xc4\xc1.-+\xdf\xe1\xdf\xc3\xae\xa7uic^J@\xafvV\xd4\xd8\xe3\xab\xb1\xbe\xd1\xd1\xd0\x9a{mpwv\x8d\x8f\x8b\x98\x9e\xab~\x86\x86\x90Z&lt;BD@`daeUKoQA\xcb\xba\xb6\x89rg\x7fmd\x8f\x95\x9f\xc6\xcc\xc9\xc4\x9d\x88\xb7|X\xaf\x88x\xb5\x94\x86uF-JLJ\xc5\x97}\xd1\xac\x99\xc0\x86b\xaf\xb4\xb1\xb9\xbc\xb9\x85\x8b\x95\xc2\x8dl\xb5uO\xc1\xa3\x94\xa6\xaa\xa6cij\xde\xd6\xcfPSQ\xb7\x9e\x97\x9f\x80s\xa3\x89}\xa0g[\xe9\xe8\xedY\\Y\xaa\x8c\x82\xea\xe3\xde\xda\xcb\xc2\x84|vhlg\xd8\xb8\xa8\x88YL\xaaod\xd8\xc2\xb5\xac\x9f\x9a+\xcb\\\xd7\x00\x00 \x00IDATx\xda\xbc\x98]H[i\x1a\xc7=\xc4!\x0c\x87\x83\x89G\x0e\xb9HH\x10oB\t$\'b\xce\xe4\xf8\x95`\xfc"I\xd3\x984\xd6j\x1cc\xeaW\xb6j"\xc6\x8f\xd6mmfPI\xbbJV\xd3\xb43\xa3\xccbG\x91\xd6L\xb1\xa5R\x08\x15\xaa\xc2\x14\xac":\xbd\x89\xccL\x0b\xf5Ba\xd8\x81\x0e\x8c\xec\xc5&gt;\xef\x1bg\x87\xbd\\\xf68\x8f1"\xb9\xf0w\xfe\xcf\xff\xfd?\xcfkV\xd6\xffRb\xf4&amp;\x11K\xa0(\x8a\xf2\xc4\xc3\xac\x94\xa2\xd8p\xd2\xb3\xb9\xb2\xb4\xb9\x12_a\xd9p|%\x0c\x1f\xc1\xe7RJ\x92\xf5\'\x15\xc2BPbD%M&amp;\x93aO\x98M\xae\xef\xee\xee&gt;\xda}|\xb2\xbds\x98^?^\x8fK=aJ\x0c\xb8\x00&amp;\xf9\xb3\xd0\xb0TY\xa0G\x16\xa8\xb59\x9b&gt;\\\xfb9hQ\x16\xe4)M&amp;e\xc1\xdc\xc2F\xf0d=\xbd\xe9a\xb1`\x00&amp;\xa6\xc4\x92\xff\xe8|v%A\x7f\x0e\xbfK\xa8\xf8\xfb\xdd\x9f\x17\xe6,\x96\x82\x82\x82&lt;\x82\xc8#I\x92 H\x11\xb0m\xa7\xa1\xbd\x00.\r\xc3\x0f\x00\x14\xe3\xa79[,\n^,\xcbz\x92\x9bk{\x05$\x91\x97\x07&lt;y\x04I\x88HR\x84\x8aT*M{;\xe9\x15\xa9\x14\x1b\x90\x92J\x91r\xa8\xf3gI\x05DR\x8aMnB\xf3,@\x03\\ \x11\xbc\xa0D4\xa0!&lt;\x82Tnl\xa7\x93\xac\x84\x02\xb5\xa4R\xdcQ\xb1X|v\xbe\x82c\x07\x8da=\xb3;{\x1bJ\x02:\x87\x90\x08\xc4&amp;\xa2i\x1ai\x85%\xa3I\x11\xb1\xb1\xb6\x14\xa6&lt;\xc90%\x85\'\xa1\xce\x12K\x82\xa0\xc2\x9e\xe4\xca\xe1\xa3\x05\xa5\x12d\xca\x10e&lt;\x95M\x934\xb0\x91$\xe0\x01\x1b)2}x\x9f\x0c\x03\x16&lt;\n:\x94b\xc9Y\x81AO&gt;\x02\xa8\xd9\x9d\x05\x13B"T*\x12\xa3\x890\n\xf9\xbb\xb9\x08\x90K\x94\x9d-\x12-\x1co\xae$\xa5\x08\x0b\x0bv6\xae\x07\x07C\x03!\x15\xf6\xc1Tyy\x84\x92\xd0\xabTz\xac\x17\xadR\x81V\xa0\x18j"\xeef6|\x89D\xa6\xbd\xf5\xa58\x8bC\x0e\xfb\xfe,\xe4\xa2PB\x86\xe3[\x8fL\x98\x8a\xd03\x0c\x93[\xca\xc8\xe1\x87\xbeN/\'2,\xa0R6\x8d\x98\xb2\xb1to\x8fg\xe3\xa8\x85g\xc5%\xc1~g=\xe9}\xdc@=\x14#\xcf\xd5\xe9l\xb6\xca*\xad"\xb7TF g!\x18:\x1b\x95\x08}\xc3\xaf\x1b\xdb\xb3(\\\xe1\x91\xa83H\t\x1cA\x1f{&lt;\xb3\xdbs\xca&lt;h\x1f\xa3S\xe7\xd6\xd5\xe5(:\r\xdd\xdd\xf5\xf5\xd5\x15\x15\x95ZEGG\xa7\xee\xdc\xb9\x1c\x86\x91COO\xb1\xb2I\xcb\xdaJ\x12\'\x1d\x1e\x95\x02c\xa1&amp;H=\xf1\xad\xdd9\x93I\x9f\'\x97\xe7\xa8\xb5\x1aMeU\xf5t\xfbe\xa8\xb2\xa6\xf6\xe9\xe9\xe9\xfa\xea\xee\xea\xee*\x83\xa1\xa3\xe3\\\x8eL\xae:\xe5\xca\x06.6\xec\xa1N]/\x11\\\xadp&lt;\xbd\xbdW\xa0\xd43\xf9\n\xad\xb6\xd2&gt;QVVV^^\x0e\xefe\x08\xad\xbd\xbd\x1dd\x03.\x0c\xa6V+\xf2\xe5*\x1a7\xb4\xe0d6\x89c\x02\x8f,\x89\x909\x8a\xb0\xe2\x87\x1fL@%?g\xe8\x9en\x9a4F\xba\xba\xe0\xd5\xe5\xf3a2\xc4\xd6\xde&gt;]\x0fh\xdd\xdd\x06\x1bh\xa9\xd1\x9e\xc3\x92e\x93\xc4\xe3%0}\xd8\x83RUH\xbd\xc0\xaf,\x95L\xc3\xb8\xd1\xcbe\x1d\x86\xfa\xcb\xe5&gt;c\xc4\x1f\xe8\xe9qF\x8c\xbfce\x14\x9bF\x82uW\xd9\x0c@\xa5i\xd0\xc9\xe4\xd8c\x96\xf7\xc8\xf6\xa7zI\x84KwV\xca~&lt;\xfbx\xb8\xc0\xa4\x97uT\xb7#(\xae\xa7\xb6\xb6\xc7\x1bAzu]-\xc7\x85\xd80\x17\xb4\xd1f\xd3\xa8\x15j\x85.\x97A}$\xf7\x0e\xe3a\x89\x98\xa2(!\xb9$\xf0\x98\xec\xd2\xda\x82I\xc9\xe4\x1b\xea\xcb\xca\x8d\x11D\x15\xe8qr\xab\xdc\xea\xeajb\xf5**,\x1b(6\r\\U\x06\x9bF\x0b\xfe\xd2)r\xe5\x88K\xb4\xb0\x9e\x84}H\x9a\xb1\x97`A\xcaR\xe1\xf4\x87\xb9\xe1R]US\xb9\xcf\xd7\x1b\xe1\x9c=\x81\xda\x80\xdf\x9f\xf0\xfby\xde\xef_\xed\xf2\x95\xa3\xaf\x8c`\xe0\xae*\x1b4\x11\xc9\xa5\xc8aT(b\xc9\x93\xcdpf1\x14,\xbc\xc4H\xfe\xf8\xeeFp#X\xd1\x84\x1b\xc89yw\xa0\xc5e\x1e\x89.\xd7Zky\xff\xeaj\x17V\xab&lt;\xa3W=\xc8\x85\xc5R\xabu9\x8c\\\x8erba+\xc9\xe2!$\x14\x96\x18\x9e\x91\r\xa7\xf7\xe6\x82w\x9e4M\x86\x8cF\xaf\x97\xe3\xadVWl\xe6\xd6x\xd4\xdc\xd2b\r\xf0\xfcPb\xf5\xa7\x9f\x00\r\xb9\x0c\xf4B]\x04\xb1P\xe52z=\nW\xf2\xc3R\x12Y\x14-_\xc2h\x05\xbbo8\xb9\xb617\xec\xb81\x01T\x9c\x93\xf3\xf3-\xaeh4j6\xf7\xc7\xa2f\x97\xab\xc5ju\xf3Cw\xeffz\tr\xa1T\xd5\xa81\x97N\xc6\xe8\xe5(\xf3\xe7\xb6&lt;8\xe9A0!\xae: :\xeb\xf1l\xbd\r\x06-6$\x16\xe7t&amp;\xfc\x81\xc5EW4600\x80\xe0F\x10\x17\x9f@T\xd8\xf5\xc8\\\x06\x83F\xfb\xdfX\xe4\x0eJz&lt;\x1c\xff\xff3\x98\xc9w\x8f\xe7\x18\x8cu\xa5rr2\xe4\xe5\x9c`t\xfe_\x8b\xd1\xe8\xc0\xcc\xcc\xad\x99\x98y\xd9ln\xb1\xf2\xfc]0X\x17n!\x9aB\xa0\x16\xc8\x05`\xba|\xd4E\xb4L\xec\xc7\xe1\x01\x91\\\x940c\x07\xf6\xf1\xa5\x93a\xcbpCE\xe3\xa4\xd1\xeb\x84\xe2\x03\xb5\xe6\x91\xfe\xf1\x99[\xb7ffb\x8bf\xf3rK\x0b\xefO$\x00lr\x12\xe6c=\x1eAp\x16A\xb0?\xb0\xe6\xd2\x92\xd3\xeb\x9c0\x8e\x87\xe5rvo\xb8\xd4\xd2`o\x0c\xf5\xf6\x02\x15$\xe9\xa2960&gt;3\xf3z|\xe0\xde\xf22\x80\x99[\xf8\x04\x14n#\xccm&lt;\xb2\x01K\xab\x80\xa3\xc8 \xcf\xd3\xb4\xfe\x18\x99]\xa8\x1dB\x8c\x96\xd2\xf4\x82\xc5re\xea\x12\x18\x1eQ\x81\xb3\x96q\xd5B\x05\xa0\x16\xc1\xf6\x10_\x89D\xc4\xe7+\xbb\x0cX\xf5\xdd\xa8\x8d\xa0\x16$\x84\x0c6\x1dZ\x04\xbb\xce&gt;+\x11tw\x90\xc6\xd7\x86K\xaf(l\xd7\x8d\xbd^\xaf\x17\x82\x14\xd5"x\n^f3\x1cC\xeb\x18\xb8\x0b\xb0V\xd1Y\xc4X\xa8\x8d\xb8\x89\xb9\xf9\xf9\x08\x8b\x86mbnV@,t\xd7\xf3&lt;\xb2\x946\x80\xb5\x8c\xde^/\x07T\x81Zp|\xac\xbf\xbf\x7f\xa4\xadm\xc4\x05\x19\x86\xd5\xe2\x87\x86\x86\xd0q\x04\xbdN]\xff\x07\x16,9\xaa\xbc5\x01\xb7\x1aX\xc3\xd9\x95\xfd\xe1\x86\x86){\x08\xc4\xe2\xd0\xd4\xa9]\x8e\xc5\xc6GGG/\xbc\xb8\xd0z\xa1\xbf\xb9o\xcc\x1cu\xb93\x05`W3\xf6\xaa\xa8\xca`\xc9d\xb0\xae\xcai\x95\x9e~\xbb"\xe0R\x03\xf7\xe2\xd9\xbd\xa9\x86)\x9b\x1d\xf5\x10\r\xc3Zs\xacm|\xf4Bqaaqa\xea]\xe1\xb5\x9a\xbe\x91~\xb3\xdbm6\xf7\xf5\xb9A0h$\x0e/$W\x06\x8b\x91\xebU\xa0\x97\x90]D\xeb\xf2\xd6BpJc\xbfd\xec\xe5p\x0f\x17\xa3#\xd7F_\x14\x17\xdeL\xddlM\x1d\xa4Z\xbf\xa8\xb9}a\xdc\xean\x1e\xe9\x1b\x1b\xb3\x82^]H\xafi\x94\xa9ZEi&gt;\x03\\pu\x03\x7f\x11\xef\x85[\xb6P,\x1f\x06\x1d\x8e\xca\x12;\x1e\xd2\xa0\x16\x0c\x9d\x17\x85\xa9\x83\xa3\x83\x83w7S\xef\x0eR_\xdenk-v\r5\xd7\xf4\xb9yk\xcb\x18\x0f\x07\x12\x8c\x8f\xb8\xb4(\xb7\x10\x97\nN"-\xda\x11\x10\x0b\x92\xf9888XYr\t\x16\x1a8\x88=\xb5\xcd\xa3\xad\xa9\xa3\x83\xa3\xa3\xa3\x1foA\xd2\x17\xde,j\xbb\x96\xbaY34\xd6&lt;\xe6\xf6\xf78\xdf\x18C\xa1\xd0\xe4D\x13p\x81\xbbtu\x80\xc50\x88\x8a\xa6O\x84[\x01\xd1\x1c\xdb\t\x0e\xda\xed\xf6\xf3F.\x81\xb6\x07\xd7\xb5\xd4\xd1\x8f\xbf\xfe\xf3\xf5\xc3\x87\x0f\xe6\xe7\xbfZ\x9e)~\xfe\xc5\x8bw\xa9\xfe!w\xf3\xd8\x90\xf7\xb3\xf3\x9f\x0f:\x1c\x8e\xa9\xca\xc1\x92\x92\x8aJ\x9b\x06\x16.\x06\x9b\x1e\x8e"\xbd\xf7\x91p7|\xd8Lw\x9f\x96\xd8/]7F\x12\xce\xde\x10\xe7\x1e\xf9\xe1\x97\xd7\x0f\xbe\x7f\xf6\xe4\xe5\xd3\xa7O\xbe\xfb\xeaMl\xb4\xf5\xfe\x8bT\xaa\xcd\xcd\x8fY#\x9f]\xbf\xe1\xb8R\xaag\x08R\x95S\x9a{\xa5A\x8d6\x9b\xd3.\xaa\xe8\xe0\x92@j\xe11F=\x9e\xb2\xdbo\x84z\x13~o\xa3\xd1\x1f\xf8\xdb\x83\xef\x9e\xbd\xbc\xb31\x07Y6xc\xfe\x9bh\xf1\xf3\xa2\xc2Ta\x8d\xdb\x0ff\x9f\xf8\xb4\xc46l\xd2\x13\x04\t\t\xaag\xeaJKsd\x08+\xc3e9\xa4\x04\xc3\xca\xca\n\xef7\x0c\xc29\xe4xg\xa81\xe1\x9f\xff\xfe\xd9\x020\x15\x140\xf9\xea\x92\xc67\x81\xe8\xfd/\x8bZ[\x8bk\xdc\xb0\xd3\xc3\x01,\xb1i\xe1\xbe-\xd7\xa3\x7f\x90\xd0*y]\x1d8\x8b\x91\xe5\xc3}V\xa5R\xae\t9~&lt;\xfb6\xbb\xbd\x91\xe3\xfc\x91\x90\x91\x7fs\xf1\xe5\x9d`\xb0\xc1\xe1\xd0\xc0uq\xc2\xe8\xb7\xd6\xdc~u\xbf\xe8\xf9\xfd\x1a\x1e\xa8 E\xab\xaa::;;;46\xb5B\x06~\x92\xeb\x99O0\x16\xb2\x97jW\xc8\xb1\xc8\xfe\xe6\xb8q\xbe\x97\xe3\xb8P#\xf7\xe6\xa2\xe3\xf3\xbf\xffc~\xfe\x1b\xa77\xe2\x9b\xf4u%\xdc}5\xdf\xbezU\x04X]\xbe&amp;4r:\x0c\xd5\x13\xbd\xbd\x11\xe3\xc4\xa7\x15\x1a5\xa3\x92\xcb1V\xfe\'\x90]\xaa\xc7a!\xe5\xfa\xcdq\xe9\xbc7\xc1E`\xdd\xfa\xcb\xc5\xf9{?\xfc\xf2\xeb\xc3{\xae\x96!\xb8VG\xba\x86\xc6\xbe\xfe\xeb\xb7\xf7[\x8bj\xee\xfa\x9a\xa6+\x0c\x1d\x9dU\x93\xcb\xe31\x17\x1f)o\xb2WVj\xf3\xe5z\xd9\xbfY5\xdf\x9f\xb4\xf2,\x8cw\xd2\x99\x17\x9b\x8d\xc1\xe2\x86\xdc\x17\x90\x90\x9byCnH\xb8\xc3D\x04\n\xb8\xc6\xf2\xc3P\xb1*T\x14\x04)\n(\xa2#q\x95A\xc1*\x14\x89\x16\xa5\xd2U\xfc1\x03\x93\xd6\x9aM\xd7R\xaa\xd4\xd4-68SS\x93\xbaMlj\xb3\x89T\xa7:\x8dvw\xd36\x99\xb63n\xda=\x97\xfe\x0b\x97\xbf\xe0\x93\xe7\x9c\xef9\xcfs.|\x02\x0bl\x17\x97\xf9O\x92\xb1D=\x80%\xe8\x18\x10\xf8\xca:/\xf7\xef\xbcz\xdb?\xd80\x0e\x81\xc24\xf1\t\x0b\xe6\xd6\xb8$G\xc5\x0b\xc66\xa2C\xd5\xc2"\x93\x84\x90\x8b\x05\xe34\'\x17`\xd1\xb9\x7f\'\xd5\xdb\xfc\xd6-\xd2\x15\x01\x96`\xc2\xdc\xd0[=4\xd8\xbf\xb3\xd3?Wd\n\xea#\x11\xc9\x92:\xeeY\x9f\xec\xfb\xda\xb0[\xe7`[m\x98\xf4\xca\xd5\xd9\x99\x99\x1e\x95\x08&amp;\x9d\x08\x1a\x8cAE@.&gt;\x9f\x0f\\\xfcGy\xe4b\x95\xeb`\xf1\x08\x06\xccJ\xa7\xb3\xba\xa4s\xf0\xd2\xdc\x96\xcf[*\x95\xcad\x8e\xba\xa5xb}\xa5p%\xb0k\xe1\xd9l\x18"}p5t\xc5\xdf\x88#8\xce\xe0\xc0\xae\x86`\x8d\xf0\x11\xe0\x82\x07\xf9%\xa9/1\xff\xd1\xa2\x17\x86\xe9\xc0\xc0\x84:\xa0\x0c8\r\xea\x81-\xcd(N+`\xe26\x9e\xac\xa6(\x90X\x9fZ\x19N\xb6Z\xac\x18\x86 \xfe\x98N\xf3\xeb\xcdk\xc7\x8f3\xffL\xa7!8\x0b\xc30\n\x9a\x93\x8b\xcf?\xf5\x0b\xa9X\xf7\xfc^\x15qx\x10\x06\x02@\xd5l\xd4V\xac~\xff\x9fk\xc7\xe9\xab\x1avM$V\x9d\xf0\x84\xa7\x0c\xe3\xc55V\x0c\xa5\xa3F\x99\xe6\xe3\xbfo\xfe\xf4\xc7o\xaf=\xfe\x06|\x16\x15\xe4b`9(\x1a\xff\xfb\x1f\xf3H\xc4:\xf6\x8b_\xab\xed \xc428\x9d\xceb\x87\x94\xf1\xe4\xe3\xcf\xa7\xfe\xc4\xa4&gt;\x99\rvTN(\x87\xe3\x9e&amp;\xe7\xae$\x87\x85YmW\xd7\xd6V\x99t\xf1\xea\xaf~\x9c\xcbE\xa8PL\x065\xc7\xc5\xff\xe9o$\xaau,\xff\xa1&amp;\x87en0\x18\x02\x03A\x11\xcb\xbb\xb1\xf6h\x14\xa7\xd4\xce\x08\xea\xbbJJ\x02\xf1\xb4\'\xeej\xad\x93\x13E\xc4l&lt;]\xe8\xf5\x0f\x15l\xb6W+\xe7\xa0(BeA2\xc3?a\xfd\xfc\x17R\xb1\xee?P\x81}\xa8\x17\x1a\x14\x8a\xea\xb6-\x9d^\xd0r)\xfa\x8f1\xad*\x18\xac\x9f\xbf\\\xe2L\xc7=\n\xc0r\x10\xe3\xdd\xc6\x91\xf7lU\nz\xf45r\xb9\\\xca\x06\x0b\x81\xb3X\x1c\x06\x9a\xc3\xbaI\xea\xe94\xff\xd6\x0fZ\xc0*R6\xb9;\xcbf\xe7{\r\x86\xce\xfeh\x0c\xf0\xf4=[\x83\xe7\x9d\xf1x\xd8\x13O\xeeJ\x1c\x04\x95\x95\xc7+W\xe9\xc0n\x11\x87\x08+[V\xae-\xe5Iy,\xa2\x8a\\\xee=r\xb1\xce\xfe\xa6\xd1~\xc2\x1a\x9a\x1bjr\xbbW\xce\x9c&lt;9X\xd6\xae\xf3\xcdD\x07\xc3\xe1x&lt;\x9eN\'\x89\xde"\xb0\x1c5\x91\x88Q\x9f\x0be"#l\xa1\x1e\x9dHZ\n\xb6\x0b\xb8\xbe|A\xee\xa99\xff\x05`\xd5\x17);\xcf7\xf5\x9e9\xe9\xee\xec\xbcT2W\x16\x8b\x85B\x97\x14\x1e\x0f0m\xa6\x93\xae]\x89E\xc6\xb2Y\xad\xb2\x88\xa4\xb8\xae\xaeN\xaf\xaf\x93HL\xcdE\x02\xbdV+\xe5\x80\xab :\xfe\xbb\xfc\xb37\xc8\x0cePEA}e\x00\x8a\xb8R8\xd5\xd4\xe4&amp;\xce\x0f\x83]\xbd\xbdn\xf7\xf0fzs\x13\xc4J\x8e\xb7\xd6E`\xcc\xf3x\x0e\x8b\xc4\x04\x19\xa3\xaeNRlj\x86\xf5-\x12\x89\xd8,\xa2\xe9\xb9\xd7\xee\xfd\xfe\xf8\xf1\xcd\x1fO\x90\x86u\xe2\xa3\xcaWd\x0et\xf6NM\xbaW\xa6\xc2\x06\xc5Pg\xafB\xe1v7\xf5:\xd3\xe9x8\x1cNo\x02\x97\xc4\xe2\x90IK\x1d\x11\x82(w\xeamm\x85\x10\xa4\x97\xb1\xa5\x1c\x1c\xb0h`\xc3P\x94\xbaJNZ\xcc\xfd\xbd\xe0\xbb\'\x82vs\xa0\xda\xd0\xd9\xdb9\xec\t\x87\rD\x9b\x87=\xc3\x80\x08\xcf0\x95J\x11\\\xbb\xc5u52\x87H&amp;\xb34\xef\x02\xd0\xd2\xf88D3S\xb1\xbe\x94\x03OQL\xe1\xc3\xd2F1\x84N\x0eV\xfe\xd9\xf7kO\xef\xff\xf7_\xbezaCC\xb5b\xe5 3\rS=\x9cJ%\x12\xd3\xcf\x9f\'\xc2aO\xea\xf0\xf00\x95Jo\xbaZ\x89\x13RD\xcec\x1b\'\xa0\xa8\xe3D\xf6\xdf5I\xf4r6\xb1\x18\xf9|\x94\x82a6\x8c\xbez\x83\x0c\xaa/^*[\xca\xaa\rB]\x91\xb2\xa1\xc1\x90\xcd\x1cLg\xd7\xb3\xeb\x89\xec\xfeA_a\xdf$\xa1\xd4a6\xb3\x9c\xc9z\xd2\xc9V\xc8\xd25\x16\x8b\xdcj5\xba\x88\x87\x90L\x82\xbb/\xd6\xcb\xad\x0c\x1c\xa7R\xf8\x14\x1b\xcb\x86\xe1\xf4\xd5\xbf\x92\xa0V\xfe\xbb\x12\x93\xa0\xe4\xfcdu\x87\x19\xb6t";9}\'\x93\xc9\xf4\x1dd\x9egRS\xe7\x12\xa0\xd4\xfe\xfe\xc1\xd1\xbb\xf7\x07\xa9tri\x04\x06\x83\xde\xe2\xb0Z\xd9\x11W\xdc\x13\x8eC\xc3\xed~\xc2b\x00\x16\xd5\x06[\x00e^$\x03\xeb\xab\xf7&amp;\x9e\xc3d\x98\xee\xed0\x07\x9c\x9eD"\xdb\xb7\xbc\xb7\xb7\xbc|!3\xedI\xdf=\xb7~\xb8\x7f\xe1\xc2\xfe~f\xf9\xf9zx\xd3U9\xf6\xa0C\xa7\xeb)\x073h\x8bL(\x86=\xc4\xdc(\xd6G\x08\xd7E\xc8\x05P\x08\xc2\xfc\x86\x8c\xde\xca{h\xe2\x8d8\x13\xeb\n\xc0\x02\x1b\xba\xbe\xbf}\xf4\xe1\xc3\xd1^\x1f`(^\xde\x05\xad\x0e\xf6\xb3\x87\x87\xd9\x94\'\xedj\xd5C\x9aT\xf5\x80\'\xb5\xa2\x88\xcd\xa2l\x82\xd9O`\x11&amp;\x95\x81\x8b\xc54\x94\x01\xbb\xbc\xe0[2\xf6u\xfe\xad\xb9\x1ae"{\xe0\xec(r\x12\xdd\xbd\xff|\xef\xe8\xc3\xd1\xf6T&lt;\x99&lt;\xb3\xdd\x97\x80t\x91\xf0\x80\x88\x9ep\xb2\xd9R\x9a\xfb\x02e\x83\xbeF\x10\x947R2\x0c\n\xee\x9a j\xd4\x12_\x7f(4&amp;V\x8b1??E\n\xd6\xd9\x1d\x89\xd2\x93\xca:u\x13\x80\x958\xcc\x1el\xef\x1d\xed\x15\x867\xc7\x1b\xee\xee\xed=3\x8fDd\xa5F\x81\xd0&lt;Q\x1c\x91q\x18\x14\xb01\x08\x1d\x02\x05\x86Yk\x06\xaa\x9d\xced\xf3H\xb0\\\xca\xf9TD:\xb8/z\x01)X\xc7\xf2&gt;\xb8\xd4\xc3\xa9\x94SW\tEL%\xd6\xa7\x81\xa6ox\xb3u\xe9\xfc\xcb\xbd\xa3\xa3\xbbmzyD\xa3\xd1\xf4\x18\x1dl\x1b\x05\xa1\xe08\x05\xc5X\xf0\x83Xf\x11\xa8\xd5\xf0\x0c\xb49G\x8f\xc3\xe0\x82t\x86#$%\xfe\xfc[\xe7\x85S\xa9\xc3$`\x81\\\x9e\xd4\xfa\xf4\xf6v\x93\xba\xb8n\xee\xdc\xf6\x85L\xe6\xc2\xf2\xb9\xfe\xe8\x9b7\x1b\xd7\xdb\x8c&lt;\x8c\x0e:Qp\x06\x18\x19\x0ed[y\xc4b2\xbb\x96L\xaanbn\xe1b\x94\x8f\x14\x14\xa0H\xc1\xe3\xb3\xa4l\x9e\x13{\xea\xce\xf5\xec\xa6\xae(\x00r\x85S\x89\xc9\xed\x93fIM\xb0\xab/s\xb0?]Xx\xb2\xbf\xff\xedu\x08;m\xba\n\x8c\xb8e\xc1\xd0d\xb0\xd9\xa7O\x13X\x96\xa0\xc9d\n\x8a88\x86\xe3b\xc8\x18\x05\x05\x08\xad\xe0\xe6\x1f\xc8Y&gt;\xef\xd5\x81&gt;\x02K\xad\x06k\x95JL\xf7\x0b\xf52Y\xdb\x99\xaf\xefLNM\xb9\x07\x87B\xa1\xdb\xfeQ\x06G\xab[\x1c\x15W\xd1i4.\x8d\xcab\x11`\xa5Z\xa3\xc88\x02\xbd\xc5\xc2q\x02\x8b\xcf\xfc\x1c\xb0(d\xc5\x8cw\x97\\}\xa9M_\xbdZ\xa8t\xc6=\x1e\xf7\xbcJ\xc6\xb1w]&gt;38T2\x1f\xbbb_\xb8=6*\xc68A\x9d}\xb1\x16cT\xd1\x98Lz\x15*\x06\x03_\xbb\xe8\x15\x95\xaa\x00\x0b\xd4\xc2pq\x15\x81E\xa5_\xbbO\x0eV\xfe\x8dg\xe6;\x9eM_\xbb\xd0\xac\x86\xf6R\x0c\xb5\x97\xb25\xa1\xe8\xf5KCemc\xaa\n\xff\xa2=\x14\x8aU\x9a\x85f\x97kI\xdf\xcd\x02\x1ePLL\xa1\x10g&amp;o\xb77\x184r0J\x0e\x8b\xceD\xf0\x82\xdf\xbf \t\xeb\xab5aax\xdc\xe7\x13\n\t\xb9\x0c\xb11\xaff6\x1a\r\xc5\xc6\xec=*\x9fo6t}\xe7\xd5\xabg\x83%-E\xcd#*owiw\xf7h#ZE\xfb\x8c\xd6\xd8\xad\xd5z\xbd\xaa\xa0\x91ME\xa9\x80\xc5\xe5b\x18\x9d\xf6\x82\xb4;\xe5\xfb\x16w_\xd2\xe7kkiQ\x06\x0c\r\xb1Y\xfbX(\x14\x9a\xd1,\xf8\xda\xda\x86\xba^\xbfy\xb5\xf6tm\xe7\xf5|e}{\x87N\xe5\xf5/VT\x8c\x12\xdf\x82\x0b\x98\xe2\xc5\x05\xcd\x82]g\xac\xa5\xa0\x14\x18\xf2\\\x94Aa&gt;&amp;\xed6\x9f\xf7nH]\xa8\x18\xb3o\xb5\x95)\x95\xce\x86X\xcc&gt;\x06y~a\xc1^_6\x17\xdd\xd8x\xbb\xf6\xf4\xe9\xda\xdb\xae\xff\x01\xd5H\xd0\xe8\xf7\xfb/\x8e6RQ\x84\xcb&lt;\xcem\xac\x80\xc6\xd3\x95s\xd0*1\x03\xb0\xf8\x0c\x14yDZ&amp;\x83A\xaf\xecuo\xd9\xb7Z\xe6\xe6\xca\x1a\xca\xa2\xf3cO\xae\x8c-2\xfc&gt;\xc1V\x1b\xf8\xf9\xe8\xc6\xeb\xeb\xd1X[;\xbc9\xad\xb1\xf4tmm#\xec\x19:\xf1Q\xec3q\xa3\xdfn\xef\x11\xb1PT,\x16s!\xfaS/&gt;$/W\xe7=\xed\xad\xbe&lt;s{\xec\xff\xb4\\mH[i\x16\xee\xdd\xd8]\xdb\xbbnbr\xc9\xce\x80rm\xe62l\t.\xda\x88\xec\xec\xc6\xc0uM\xca\n\xea\xcd\xa4D\x94"\x85\xee\x1d\xbaLX\x1b\xa1M\xc8f\x08\x11\x03\x19\xe4\xa6!!\xb2\x19\x1a\x13$\x89\x83\x18EL\x08\x0c)\xeb\xe2W\x02\xabvK\xb5&amp;\x1dh\xf1\xc7P\xa8\x1f\xdbv\xfb\xb1\x83N\xf7\x9c\x9b\xce\xb2\x7fw\'y\xfd\x88?\x84\xfb\xf8\x9c\xe7&lt;\xefy\xf3\x9e\xe3p\xf7\x97\xdd\x9d\x9d6[r\xc7\x03qi\xec\x18\x18\x19\x1b\x03\n\x87\x87FF.\xdf\xba~\xfd\xe3[\x1d\x7f\xc4\xe2A\xadVa\xb7\x88B\xd7\xc8\xfb=A\x8b\xcb\xd0\x08\xee\x0f\xb6\xf5\x91\x9a\xe7\xef\xd6W\xf0\x84\xf1\xfa\xd1\r\xdb\\6\x18\xe9\x1e\xef\xbe\xf4\x896\x94(\xf8\xa5\xa6\x86&amp;\xa5\xd4\xe0\x1c\xbb&gt;\xf4\xe7\x8f\x93\xbeg\xeb\xffx\xfa\xf8\xbb\xa7\xaf\x929\x8b\xcb\x02\xeaR\x02\xaaV\x10V!\x1e\xcfr\x83:\x95\x1c\x08TF\x05\xee\xdbJ\x9e\xf6euoB\xde\xcf\xcc\xd9`&lt;\x16\xeb\x0e\x8c&gt;\x0b\'\xb2\\&amp;\x9d\xb176\x146\xe7\x86\xc7\x9f\xef\x1e\x1e.\xbe&gt;&lt;|\xfdf\xfd\xf9\xdb\xdc\xce\x94\'\xcd)\x15\xef]\xb3g\x0b\xc1\xa9d\xdc\xec\x07/{O\x05y\xb8\xb7\xb2_\xd1\xf7 \xa0\x18\\\x0ft\x9b\xcd\xf1B$\xd6\r\xb9\xf7\xac\x98\x9b\xda\x89\x04\x93\xc3\xce\xe2\x9b\xef \rw\xd7\xd7w_\xc1\xbe\xf8\xfcU,a\xc9Z\xba\xec\xcd\x7f\xb8v\xb1\xb7\xcfb\x81_\xcafx]CC\x83\xd2\xa4!\xb6&amp;.\x9c\xaa\xec\x92\xcd\xbfM\xec\xc0_\x1fI&amp;\x11Vh6\x11O&amp;l7:\xbb\xbd\x8f\x1f?~d&lt;1\x1a_\xe0\xea&lt;\xfe\xfd\xf5\xcf\xa1hn6tu8-\x05\x08\xbb%\xcd\xc9MMM\x1a\x8d\x86d\x96n\xcaNU\x1aW\xff\xe2~\xd6b\t\xc6\xc7\x92\xb1\xd0\xe8\xb3\xcdB6\x97\x08h\xdb;\x8f\x7f\xf7\xe2\xe4\xe4\xc4xr\x02\xa0N\x00\xd6\xd0\xe5+\x86\xe6f\x83\xe1b\xc7\xc8X0\x9bNs~\x1ex"4\rMDE\xdf\xdc\xfa&gt;\x19\xfb/|\rOI\x9b\xb3\x96x,\x99(\x99=\x91X\xc0\xdd~\xfbO\x9f\x01\x9c;\xbb\xbb\xaf:\xbf|1~\xe97Cc\x96t\xa6\xcb\xd0s\xed\xe2\x15g\xb0\x90\x16\x1c\xe0\xedx\x0b\xc5hHjz\xb2\xe2\x1d\x9e\xb2\xba\xf9\xfe\xb5m\xce\xe3I\x17\xc0\xb7\x83Y\x8b\x8b\x0b\xfaln\xf7\xed\xaf\xbe\xf8\xe4\xc4\xf8x}\xfdQ\xe0\xf8\xf8\xf8\xd3\xe1\xa1\xb1\xb1&gt;\xbb\xa1\xb9\xa5\xa5\xebJ\x9f%\xbb\xbc\x1a\xd5\x10x3\xa6`h\x82x9\xd1\x7f\xb3\xbe\xb2\xcd\x81\x08k~)\xb3\xec1G,B\xc6b6\x0b\x83\x05\x9f\xcd\xeb6\xde\x86\xa5\xbd\xf3\xf4\xe9#\xdbx\xe7\xa5\xe3\xe1\xeb#}\xbd\x06\xec(\x83\xc3\x869\xbb\xec\xa0H\x85\x02;QI\x8a\xa0R\xf3b\xbb[\x85\x838\xdf\xbf\xb2,\x08\x9exA\xb0f\x96\x1d\x0e.\x1d\xf1\xd9\x8cZ\xf7\x17\x7f1j\x8d\xde\xc0x`\xfc\xd3\x11\xa7s\xc0\xd5\xdb\x01d5\x1bz]\xae\xb4\xb0\xaa\'H\xec\xd8\xc5O\t\xbd\xd4_WWym\xf5\xdf\x9c\xf9\xd6\xcaqf\x97`\xe5\xfc\xac\xdej7\'\xc2!-\x10\x06\xd8b\x0f\x82\x16\xb3\xc7\xee1\x0ft\xf4A\xe9\xdec\xe8p\xb92\x82\xd5\xa1)7\x12\x8b-\xc5\xd1\x95J5#\xfdw\x14o\xf6\xdf\\\xc4\x16.\x8e\x13\xf0v\x8cvp\xc2N\xc2\x17\x06}\x19\xdd\xc6@2\x0b\xb2\x13\xecf\xa7\xf32\x9c\x13\xbb:\\\x1e;\xe7\xd73\x04%\xb69c\xa7\xa7\xe4\xe5\x84\xac\xf2]\xcd\xd8\xfc=\xbf?\xad\xb7\n\xbc\x10u\xb0\xf0\xc1;\xb8H"aC\xb6\xb4F\xdb\x83&gt;\x97\xd9\xe3\xefr\x0e\xfdj\xe4\xf3\xde^\xd7\x00\xd4\\z\x9a\xa6\xf54%)\xf7\xec*R\xa7+\xeeZ\xe5\x8b\xf4\xba\xc9#\xc7\xb4U\xa7g\xa3,M1\x8c\xde_H$|^c[\xdbU\xad;0\xfc\x00\xbc\xc1\xd0qy\xe8\xd7N@ev\xf1:=\xa4\x1fE\xd7\x94\x97\x84X\xe8\xaf\x02,\xf1M\xae\x89\xbb\xabV=\xcb0,CQ,\xab\xd7q\x18E\xafQ{\xf5N\x9b;\x10\x8b\x8fY&lt;]\x03\xb7F\xfa\\\x03\xae&gt;{#\x03\xd8\t\xec\n\x17\xdb\x9bI\xd3\xf6|\x15`\x95w\xc6\x8d\x14\xe8\nX\xd0S8\xab\xc2\xe8,\x89Y[\xd8\xeb\x1e\x1d\rym\xe1\xe4\x88\xb3\xaf\xcb\xd0{e\x00*\xe7\x8e\x1e\x9e\x05\xf0$fb\x99\xac\x8f\xf6&amp;\xaa\x84\xea\x94\xac~\xe6\x88\xc5\xb1\x02d\x8b\xa2i\x13\x07G\x8d\xd8\xdc\xf8\rl{K\x06G\xfa:zZZz\xba\\.\xae\x85\x8f2\x10f\x86\xa0\xcb\x8ao\xd2\xe8\x84\xc5SU[\xf5KV=\xc3R\xf08\x06o\xc9\x19G:\x16K\xce\xcd\x05\xc2\xe1\xb8\xcbn\xf7\xd8\xfd\x8d|\xe3 \xc7\r\x9a\x98\xa8\x03\xf0\x93$!*\x8bTJ\xa5\xd6\x99\xea\xc1\xaa[Y\x05\xbd\xd3\xb0\x950\xe2\xd4\x8a\xc9o\x19\x83\xaa"\x12\tB\xf17\xc8\x9f\xf7\x0f\x9aL&amp;\x96a\x1d\xa0v\x8a\xc6q\x08dKA(\xa5r\xff\xa4\xacz\xb06\x96\x1dz\x96"\x08\x1a\x82\x08\x82\x86C\x04\x97\x85\x93P\x1c\xf6#\xa8B\xe5-~\xbd\x89\xd1\x00"\x8a AY\x92\x1a\x04VC\x00,)\xbfQW=X\x87\x16k\x94\x85\xe0\xd0\xac8\xdfC\xd2:&gt;S0\x9b\xcd\x1e\x8f}\x90\xf7G\x19\x1d\x8d\xda#i\tI\x10\x80H!\x8e\x8d\x90\x08K\xb7R=X\xb2\xc31\xcf*x\xa4\xf8l|$\xa9\x04\\B&amp;\xe3\x17\xe0t\xa8C&amp;)\xaa\tg\xa4$\x90}\xe4;\x83\'\x94*\x80\xf5M\xf5`\xd5\x1f&amp;#YGT\xff\x8e+\tAP:\x87\x15v\xbf(\xebp\x00(0+B\x9c\xdd\xfa~\xe6\xa1\xa6\xac,\x95R\xaa\xdb\xaf"[\x1b\xc9\xb9x\xc6\xc108&amp;"!\x14\xa0/z\x1a\x00E\x19\x9af44\xc3@tAU\x92\xb2[\x95\xa7j\x14\r&amp;)\x1e\xab\xefVQ\xf2\x87\xc9\xb9Da\x15\x9c\x9e!p\x8a\r\xa0\xb1\xe0\x17,|\x83\x14@X\xa2\x83\xfe\x07\x968\x1f\x05\xc2R\xa9\xa4\xf2\x7f\xc9\xaa\xa8\xadH.\xb1\xb3\x0c!ch\x85D\x1c\x8d\xa2\xc1Z\xe1\x0b\xd2\x92 X\xd49\xf1.|e\xaeHRcR\xa9\x10\xd6B}\xd5`\xfd\xe40&gt;\x95\xdb\xc9\nzT\x17Y#\xba\x00n1\xf8\xfan\xfc\x8e \x14eL(x\tIQ\x1a\x13\x84\x10\xd6v\x7f\xd5\xe8\x92M\xeeL\xe5\xa6\n\xcb\x82C\x0f\xda\xc6\xf6|\x92\xa1X\x9c\xbc\x03\xfb\x94\x94\'\'iJLBq\x0c\x8f\x04\x07\x03T*\xc4u\xb4X5\xcd\xd7\xadM\xed\xe4r\xb9\xa9ep\t\xba&lt;\x8a\x08\x1eF\x02\x0e\x80\x84\xa3ce_W@01~"W x\xa4K}\x7f\xa6j\xb0dkS\xc0V\xae\xb4\xb3\n.\xcf\xe0c\x81$\x04"\x96\x0b\xe0\xea\xb87\x83\x9fQ,|C\x0b!4&amp;4-\xa9\\._^\xab\x1e\xac\xd7S\xb0\x80\xae\x9d\x0c\x98*\x8e\x97b,I\x02\xeaP\x88\x19C(\x18\xc4BJh\xe4\x0e\xa7\x045J$\x0bQ\xc9\xadw7\xceTiBQ6\x93\x03T\xf9\xbc-\x1c7;X\xf0N\xac\xaa\x08p\x08q\xd6T,+p\xc6\xb3F\x0c.\xec9&amp;\x0c\xa1\\\r\xa0\xe0\xc5\xb1\xb7_\xa5RP\xb6X\x02X\t\xdb\xe8f8b\x86]\x9b\xc6!a\x905,\x06wg\xdc\x92@\xe7D9-\x01\x13\x00R\xe3\x92K\xe5R\x8d\xfehiBV\x1d\xb6J\x10\xc2Rh\xb6\x18\x02\xc2\x04 \x0c\x18#p\xc3\x11\xa1\xa1\x7f\xc1\x89\x15\xcd\x02vF\x93\tI\x92\x8a\xa8p)\xa9\xe9\x03\xe0\x0b\x8e?\xb2\x8ag\xa2/\x11\x08\x97fK\xf9\xb0Q\xeb\x8d\x08\x1cl\x8f\x04\xa8\x1f\x8d\x0b\x8e\x1dX\xed`\xed\x87\xb1\x84\x9aZ\xd7*\x86\x0f\t\xc3We\x93\xf5e\xea\x9b\x99\t\x1c\xf0\xacp\xd5&lt;\x19\x0e\xf8|\xb9b&gt;?\xdbv\xb5\xcd\x1b\xcfr\xb0=\xd3\xb0ACi\x8f\xd6\xc5\x88\x9a\x02\xca4\x0c\xd4\xa9\xade\x9a\xd4\xf2V\x11\x9dR\x11=ZH\xddK\x1d\x1c\xec\xcfT\xf4\xc4X_;i\x0b@*\xe6s\xf9Y\xedf\xdb\xa8-\x96\x9d\x16\xac\x00\x8a\x11\xc3\x07\xa8p\xfa\x14\x0c\xd5$\xe7y\xfe|\xab\x1a\xb3P\xdd*B\x83 *\xf4{\x07[\xa9\xad\x83\xa3\xe9\x85\x8d\x0b\x15lo\xae\xad]\xdb\xb4\xf90\x15K\xa3\xda\xe2h\x9b\xd1\xeb\x0b\x16\x96\xad\x82\x03\xcfA4\x16\xd3\xa0|\xda\xa4\xd3\xe9\x00\x95x\x87(Z\xc3\xbbU\x86\xb5\xb5\xb5\xb0\xbdw\x7f\xe1\xeb3\x958c\xcbj\xcf\xd6\xc2:\xf3\xdbg6\xaf/_,\xcd\x86f\xf3%8NkC\xbex\xb6\x90\xb6\x82\xf8\xe1\xa8\x06\xd6ob\x94\xbaF\x9e\x1f\x1c\xe4yD\x85\xf6\x8e\xd2\xc2\\l\x908\xf6\xb6\x17\x00\xd7\xc1\xcb\xfb\xdb\xa9\xa5\x95\x99\xd3?\xf4=\x89\xfas\x1f\xfc\x14a\xd5\xfe\xf3\x95\xd7\xed\xf6\x16\x8b\xa5b\xa9\xb4\x19\xd2\xb6\xb5\x1bGCa_2+d8??\xc8\xe3\x95\xb4\xae\xb5\x11P\xc1\xcfj\xb9J\x94\xbb\x1a/\xc8DXQ\x80\xb5\x80t\x1d-\xdcK\x01\xb2\x8d\xf9\x1f\x94\x95?\xfa\xd9\x07\xe7j\x7f\x0c\xab\xf6\xe7oCn7(\x1e\xc28;\x9b/\x02.m(d\x9b\x8b\x14,f\x97\xdd \x0eh\x9dG\xaeZZ\xce\xb7\x8a\xf6.\xa2\xc2O\xb9\xaaI\xb1z\x04l\xa5R[\x0b\x07\xa9\'O\x16R\xa9{\x0fW\xd6\xfa\xff\xaf`\xca\xeaN\x9f;[{\x16`\xd5#\xac\xf7wG\x8d\xc6Q\xc0U\xca\x17\x8b\xf9Yc{{\xbb\xd1\xe8\xf6\x8e\xc7\x86\x83\xce\x81\xde\xae\x9e\xe6A\xbc{EX\x8d\xea\xb2\xd2\xd5\xad8\xb2\x05Y\xa9Rh\xa6_\x82\xe4\xf1\x9fZ\xa4\x9e&lt;|\x88_\x0f\x1f\xfe\xfdo\x7f\x9d\xf8\x9f\xe5_w\xe6\x17\x1f\xfe\xf2\xc3\xf7k\xff\xcd\xc8\xf9\x86\xb6q\x9fq\xdcx\x9c\xb8\xfbq\xb9\xd9+\xd7\xdb\xdd\x95\xeb\x8e\xe3\xa4\x8bz95\xc5\x12\xc1\x92\xfbB\n\x06\xc5N&lt;\x0b\xf9\x85\x83\x89ml\x04C/b2\x99\x14l1\xc5\x04\x97zb\x83\xbd(\xc32~#F\xaa\xc8\xac\x94\xbe\x92\xb3`\x14F\x03\x91\x1d\xea\xc0 \xe96R\xe65K\x18\x1b\xa1\x98\xfdy\xb5}\x9f\x9fl\xd3\xb1\x7f}"\xd9\xb2\xad\xbb\xfb\xdc\xf7\xfb&lt;\xcf\xefw&gt;\xff"j]\xac\x90\xbc\xf9e*\x95Zy\xf2\xd9\xc3\xad\'[\xd7\xc7S\x89\xc4v\x8as}p\xf5\xe6\xd4\xe4\xcc\x10\xc0@\xf5\xe6\x19\xba\x97\x7f\x96n#\xd2:2ZLv\xf6\x8dW\xbf\xc1\x0b\xf1\xd1s\x8a\xfd\xe6\xfe\xa3\xfd&amp;\xc5\xb3\xdd\xddF\xfc\xc3S_\x9b\xac\xef\x94\x14\r\x82\xc00|&amp;\x86L;\x14\xea\x07\x98\xe8\xffc%E\x8bC\x06\xe6V\x9e\xac\x80*\xb1=\x80\xcc\xbf\xb1\xf8C\xba\xc726s\x89\xfet\x1fq\xf92_\xd8v\xfa\xe4\xe3\xd97^{\xe5\xd6\x9f\x08\x8ak\xd4\xdcm&gt;o6w[\xadz\xbd\xde\xaa\xb7\x1a\x9b\xef\x7f\xbd[\xc5}\xa2\x17VU\x03\xe1\xb8bH\xb4M\xc2\x02\x98\xbc\xb9\xc2\xa1\x10\x0f\xb78\xd6ve` u\xa3P\xbep5\xb705634&lt;|\x11A+\xc8hU\xd4iz\xd2r\xd3o~\xe7\xf5_q\xdf\xf6\xf7\x01\xb5\xdbj\xfez\xb7Uo4\x1ak\x14\xf8\xdc&gt;\xfc\xbf\xb7\x83\xfa\xde\xb2\xc3*\t\xe58\x81ayR\xaf\xc84\xb1\x8b%F\xef\x83kn\x80bkk \x91\xd8\xd8\xd8&amp;\xc5n\x14\xd2\x1f\x14s\x83\xcbd$\xe7\xe2hg.s:*\x80o\xbfr\xeb\x11G\x82w\xbb\xd0\xa8\xb9_\xaf\x83\xa9]*uJ\xa5R\xbb\xbd\xb6Vz\xff\x7fN\xc8N1?P\xd5\xc0\x08\xfb\x8e\x032\xcd\xd5\x91S.\xe3X\xfd!\xe1\xf0/\xe3\x10\xab277\x90\xba\x0e\xb96R\x1b\x89\xedD"\x95\xb8\xb1\x98\xbe\x90\xbbIz\x9d\x1f\x1e&gt;\x7f\x1e\x1f\x86\xcfp?\xe9\xdf\xe9\xb3\xaf\xbe\xfe\xd1&gt;e\xd3.I\xd5\xa8\xb7\xf6[`"\xa8\xce\x08\x8fNg\xad\xf1\x89\xf4\xdfR\xacO\x84P`2\xc2\x8e\xe5 \x0c\xc7\xb7\xd0\x1cD\xdd=\x96\x8b\xed\x91\x8ds\xfc1\x90\xd8\xde\xd8H\x81\n\x8f\x9d\xa5r\xfa\x02\xff\x15\xf8\xd0\xf9\xf3C\xb4@d\xf8X6\xd4\xc1\xb7^\xbbE\xde\x01\x89\xbc[k\xb4\x9a\x04EL\x99L\x9c"\x93\x19\xe9\xb4\x7fs\xfb?^\x1e\xf5IQ\x032\x19D\xe5p\xad\x10\x96+\xc2E\x8b\x85z{9\x97\xf7x%\x95\xe2Xs\x03\x1b\xd4!\xb6\x89j}\xa9PN\xcf\x16s\xd7\xa8Q\x0c]\xba4\x83\xf4\x07\xd9\xc5a\xa2\x03\xd6\xdb\xcfy~S4\xda\xed\xc6n\xb3\x0bED1D\x04\xcf\xccH\xfb\x97{\xff~}\x84\xd2\x0b\x87}X\xe7\x84y\xae\x9fp\xb1\xde\x90\x88Z\xec\xef\xe7\\\xb2}\x7f%\xd1\xcdz@m\xac\xef\x8c\xf3OK\x8b\x8b\xd9\xfcln\xf0\xbd\x99K\xf4+Ad\x19\xc9\xc6\xcd\x1c\xbe\xf8\xe6\xdb\x1fQ~\xf3XkwJk\xcdV\x89\x94"\xa4\x08\x82\xb2F\x8d\xc43\xa5\xd63\\\x89\xf4\xfd\xabRa-\x1au5\xcd",\x87\x13u\xc1\xccP\xbf\xc8\\\xb9\xbf\xff(\xbd\x82\x97T\x8d\x10\x0b95&gt;\xbe\xc3of\xec\xd4\n\xe5l\xbexn\xea\xbd\xc9\x99\x99\xb1k\xd7\xa6\xc6\xd0..\r\r\xbdCh\x17\xbf\xf7\xbb\xfa\xdaq\x94\x90H\x8df\xbb\xc3\xa1"*\x80\x10h\x8fF\xa0\xc6F\xda\xbb\xcf\xf6\xbe:\xb5\x16=_\xf3&lt;\xd7\x05\x94oYNW\xae\xee\xc3\xb1\xe4^hd\x8aG\\"#\xae\x04\x07K\x8d\xef,-\x15\x96\xf0\xac\x95\xb3\xe9\xd9y4\xaf\xc9\xb1\xa9\xc1\x85\x85\x9b\xcbc\x93\x93\x1c\x8cJ\xf3\xbb\xcd\x12\x8f6\x12j$\x96\xe9\xec\xb6\x90R\xa4\x131\xc1"\x98\xe4C\x0bp5Z\xcf\xfe\xf0\xc9\xc9X\xack\x9a\x0b(PY\x94\xea\x16W)|l\xa3\xcb\xe5bGj\xe1\xf5!\xe9\x05\x82\xca\xbd\xd4\x00\x00\x08\xfeIDAT\x17\xb7\xe7(\xa9\nx,\x96\xd3\xf9\xd1\xe4\xb9\xc1\x1fOM][\xc8]\x9d_\xa0{-\x00\x9b\xf9\x01\xbc|\xe7\xd3N\xb7\xda:\xb0.\x12\xcb\xb4\x9b%\xee\x9eJL\xa0\xd24-\xaai\x00\x8b\xc4\xd7\xea\xadV\xeb\xc8?!\n\xa5&lt;\xce\x04*\xcb\xe9\xea\xd4E\xe2\xd9\xa5C.\xfdH\xae^4{\xe1\xf6K\xde\xba\xd0&amp;\xc6\x91\xeb\x8b\x1ck69\x7f\x0e:]\xc9\x15/\\H\xa2\xb7./\x8f-\x8f\x8d\x8dM^\x1a\xfa,C\xa5\x86bCD\xd4x\xa7^\xe7J\xf1.\xe4\x83(\xeaE\xa3\x9e\x1b\xf5}5SBs\xad\x1f\xf5\x04\xd7\xd3u\xddv\t\x00T\x16\xb9\xe8\x18|\xe41\x8e\xbe\x07\x1b\x85\xe3&amp;A\x83\x90r\xf8\x12Hs\x95J\x02X\x8b\xe5r\xa1Z%\xac\xdc\x95\\n\xbe\x98\xa7\x9a\xa4\xbf\xd6X\xa6\xbb-cc\xbf(\xa9\x11^kTv\x01\x12\xa8\x95Q)\x88*\xea\x9dD\xd4\x0f\x07\xf1\x91\x12\xc0\x00\x15\xd2\xa3\x9e\xce\x18\x13l\xd3\xb5\x88\xc1\xd2x \xbf\x8e\xb6u,\xcd\xea\xda\xd8\x1d\x82B\xc4\xc5\x0e\xefSW\xadT6\x96j\xd9|\xbaP(L\x8f&amp;\x93\xc9\xe2Dr\xb6\x0cS\xd3\xc5\xf9\xdc\xc2\xe0\xe0\xb5\xc1\xc1\xc1\xa9\x9fm\xfaHgU\x8d\xa8P\xc8rF\xd6\xea%:g\x94^`hQ\x9b\x87g{Q\xb8\x18\xa0K\x00\xacG\xb2=]aL\xc6,\x8f\xd9\xae{\xcc\xe4\xba\xf4^\xd7\n\x07\xb4+\xd5 \x1b{e\xdd\xd51\xed\xea\xe7\x83\xb6\xac\xf8\xf7\x9fV\xeeB\xae\x1d\xc2\xcaV\x0b\xd9Y\x1e\xf9\xec\xd2\xfaz-=Z\xbcz\x05\\\x0b\xb9+?\xda3)m\x0c\xde\r}\'\x887\xeaj\x98j\x0f\n\x06\xbeg+\x8a\xa2+6a\x85!D,\x0e\xb0\x1e\xcf\xd6\x15\x81\t\xb2$\x08L7\xa9\x12\x81\xe4Z\x9ak\x93\x82\n\x9c\xf5\r^\xc3\x0e\x03\x8a\xeeh2\xcd\x07I.Q\xf1\x1f?\xbd{\xaf\x92X/d\xf3\xa3\xf9l5\x9b\xcfO\xe7\xf3\xe9\xf2\x12Z\x7f!M\xff_D\x8e\xd6\x15?\xdc\xb4\x916\x1a\xb5C\xec\xda"\x0f;a/\xa2\xfaA,\x1eS}OQ\x98\x000p9\xe1\xc0\x80\xdb\x00\xeb\x01\x13\xfc\x93dY \x08\xddtyX\x18\nM\x9dk(\n\x8a\xad9\x96\xaf\xb9a\x9d\xd9&amp;\xe6\x83\xa2HP!QV\xec\xbd\xcf\x0f\xeeU8\x16D\xcaNg\xa7\xa7\xa7\xcb\x85\xf5\xed\xcaF-[L&amp;\xe7\xaf\x16\x93\xc5/o\xe3\x88&amp;\xf6\x1bu=O7}#6\x12S\xc3z\xa0jA\x06\xaf|\x93TaPK\xf7`5\x99\x13\x89\xc5{ \x12\x93EA ,&amp;\xc3G\xa4\x11\xdc3\xd4 L`\x021\x84\x98i+\xf8\x91\x07\xb7\x99K#d\x88\xcf\xa0e\xc5\xdb\xfc\xfcn%Q+\xcfN\x8c\xe6\xa7\xb3\x88j\xb5\xb0^98H\x14\xf2\xc5bqtt\xf6\xe7/?\xe6J\x98\xa6g\xda(+\xd7Q\xe3q8\x15\x0b\x1c-\x82^a\xf8\x1e\x93$\xa8\xe5\xd9L\xd7x\xaf\x07X\xac\x07\xe6\x81\x96\xa4R\x184\xd3\x91](\x00\xdd\x82\x9a\xaaC\t\x06\x8fE\xc6$\\\xf5\xe0\x9d\x92\xa4x\x86"r\xc1\xa0\x98\xc8t4\x8a\xed\x9d\xec\xec\xe8\xc4\xbb\xd0\nT\xb5\x8d\x17\xab\xc0\xaa\xe1[\xb0\xf4\'\x8f)qx\x00\nvxA\x8c\x12?3\x12Gze2\xc8{\x97\x12HQ4W\x10\xbc\x00\xa3\x10q\x1d\xf6\xc8\xa4\x11\x05a\xa1\xbel\xcbqu\x89\xd1i\xa1jtI\xc1I\xda\xe8\xff\xc0\xa3\xb3\xb6=O\xd1\xe4\x13,\x99\xe9\x87\xf7Wv\xaa\xd3\xb3\x13\x13\xb3\xa0\xaa\xd56\xee\xad\xae\xae\x1el\xd7\xaa\xf9\xe9j\xf5\xe9\x9f\xb1W\xd6\xc5\xc2\xf6xe\xd3QQm\x99\x08\x7f\xa1\xc6TO\xc0\t\xeb\xb6\xa6\t\x82m\xc4\xa9\xc1\xe2\x07=\x92\xa80\xf2\x06\xdb1\xca\x17]34\x9dd@rFT\x17\xde1\x89ya\x83:1ZL4\xac\x87\xd0VO\x02\\\xda\xe3\xeb\xb4\x14=9\xfa\xfdl\xa1\x968\xb8\x83X\xad\xecT\xab\xd5\xc5?~\x0c\x1d\xf4c*\xc6\xa8\x03\xd0\xc0\x87R\x83Xa\x15\xad,\x1e\xd8],_\x83)\xe1LL\xa5\xfcR{dY\xa1-\x18\xdc\x02V\xbf\xa8[\x8e\xa6\xcb\xc02M\xd3"\x1bu)\xd4\x0f\xeb0\x88\xa3\xe1\xf9\x81/\x84Bt-\xf4U\xae\xbd\xad|z"\t\x1bk_\x1c\xdc\xf9=a\xbdX\xafUo&lt;\xfe\x90W\x11\x88\xf8\x11\xe8\xe0\xe8\x98\x01\x1c\x1c\xc9\xc40\xe8P\x83P\x1d[\x12%\x1c\xde\xd7\xf0\x86h\x06*\xa2w\x00\x8b\xf1\x8d\x14\xdb\xb4\t\xeb-\xa69\x1a\x92G\xb0-\x17\t\xe6\xc15E\xec\xc7\x86\xd0\xdfF\x17\xf6\xf1.\xec\xdfc\xf21\x96\x88\xaf6\xb7\x8a\xb3\xc9\x89\xd1\xec\x83\x17\xab\\\xac\x83{\x89\xf5\xd4\xdf\xb8\tL\xa7\xec\xe2\xe5D9\x10\r\xc3B\x8c\xd2\x11\x0c:\xc0\x8a\x85]\x1388\xbc\xa6\xd9\x92d\xc7;q\x03XA\x0f\x9d\x10R^\xf7L\x13\xad\xb27$\xb9\xc8-\x1c\rL\x9a\xcb\xbb\xaf\x00o\xc9\x0cP\xf9\x9aM\x96\x0b\xa2`\xea2\xef\x1e\xc0\x92\x98b\xc6\xff\x9e\x9b\x98x7\xfb\xe0\x0b\x8eug\xf5\xde\xf6o\xff\x8a\xa3q&amp;\x85u\x03\r\x00\xb3\x04L\xaa\xf8\x08\xe4k\x98\x99\xc7c\x1a\x83\x1d\xe8[v\x94\xb0\xf4H{\x04\xb3\t\x98\x88&amp;\xaa@\x00\xddsM]\xc0(,\x99\x9a\x07\x8b\x04\xdd\t&lt;\x1b\xc6\xd9\x8aD\xbd\x8b\xd9\xb4\xd3(\xf5X\xc2\xc2\xa5\x90M\xdf\'4\x19\x82\x9b\xb1Oo\xfetb\xfa\xc1?\xab\xae~\xd6(\x828z\x04f\xd9\x196\x0bW\x1c\xc3l\xe0`\x08\xfb\x87a\x99\x05\xe1*\xcb+\xafU\xf2\x05\xf2\r\xbc\x8f )\x0e;\xc1B\xb1\x8aM:\xc1*F\xf0\x0fvg\x93\xce\xc2.\x11\x11\xc4*\xa0"\x04\xdf\xfb\xcd\x9d\xd1K\x8a#9n\xdf\xbc\xdf\xfb\xbd\xf7\xe63\x05\x7ftqt\xf1\xfb\x05Q\x99D\x14_\x1aO\xe6\xb5\xa5\x95\\\x841@g\xed|\xde+\xed&lt;\xa9\xe9l\xa7\xb4\x8a\xabu\x13\x04VI\x07\xc8\xd1k\xe0\x0b\x19[\xe8\xd4q\xf3\xab\xca{\x02q\n\xfb\x99\xe3KmC\x8ct_~&gt;\xcbk\x0f?!e\xf81\xa6k\xdf\xdc?\xbc\xf7\x9c{x\x86\xdf\x9f\xa5\xdel\xf7\x96+\xa3\x1d\x9f\x87\x11\xb2\xfb\xc1\x14m_Ae\xb1d\xe8\xf9\xd2\xd7\x01l\x15\xfdj\xd9\xd4=`i\x9c\xa7\xc0\rbj\xa9y\xc0\xf25\xc82\xfb\rv6"\xb1\x88\x81N\x1f\xd0?6\'/\x95\xe6\\=v4!\x13\xbe\xe2\xb7\x87\x87\x0f\x1e\x7f\x05Yg\x97\xdf\x81\x9exnP\xe1\xf0.\xc0\x96 ,\x16-\x90\x15\x00k\xb1\x98x~\x97\x045\x87\xe4W\xab&amp;\xd8\n\xb0p\x0e\xc2\xc2\xfeA\x96\x19;;Q\x05p\x1e\x11\xa4 \x8b\xb0\x0c\xe6\x19@\xb6$\x14`\xf1\x8f\xda\xed\xf1\x81\x08\x88B\x83/\xdf|yv\xfb\t\xa7x\xf9#g\x9e\xfc\xfb\x12\xcf\xb3\x91\xa8\xd8I#\xfa\x0c\x82\xb9]\xac\xdbP\x12\x97\xe3\xa2\xc3\xb3\xcd\xf2\xa4\xe7\xb6\x8e\n|+6p\x03kg\x9cC\xe2\n$a\x84WC\xecDY\xb9\x18\x04\x88c"pC\xc0\x92(\xaeN\xfc!R\xa1$\xd7\xbf\x7fz\xf7\xf5\xbb\xa3\xebG\xba0\xff\xbfh\x13\x02k\xb6\x90\xa6\x1c{\\\x19\xc4*\x06\xac6O\xae\x9a&amp;@&lt;zq\x1c\xb1Z\xd5(OI\xe2+\x0b\xbe9D\x87\xabj\x87e\x0e\xcd0T^\xc8*\x94\x88_\xa8\xe1fiM=\x13Wjj8\x0f\x91\xb8\xe9\xa7Ww^^\x1fPk\x9c^y\x83\n\xae\x88E\x04\xac\xb9\xb4R\x92\x95\x1c\x0c\'w$_\x97\x15\x8c\xb5\xd0\xc3\xe9\xe0\xbb\xa6!,$\xef\x18\xb0\x8c\xc0\xd2&amp;\xaf\xad\xe26c}\xfb\x04\x0bdQ\xee\x02\x0ba\x80\xe31E\xe5_u\xbfqpf\xbd\xb3\xcb_\x1f\x0ft\x91v\x90\x07H\x8b\xe8X=A\xc2\x84\xcaB{\x83g\x85 \x9b\xb8\x9eMlGQ\xc0\x18c\xc4I\xe3\xe9\xda\xfb*\x8eX\xeb\x08+Z&lt;\x8a\xbeUx\x0b\xa0%\x945kmR\x11\xdc!\x00\x95J\xd2e`\xab4; \xee\xacD\x0b\x15J\xe1_\x1d\x90\\E1\x95\xc9\xb4`k\xdbJ\x8c\x8a\'\xa1\'d\x05\xc2B66\t\x16"`\x12\x8d\xb6\xc7\']\x19\xdbQ\xb6\x8b;)\x868\x99</t>
        </is>
      </c>
      <c r="M85" s="3" t="n">
        <v>45492.67837962963</v>
      </c>
    </row>
    <row r="86">
      <c r="A86" t="n">
        <v>243425</v>
      </c>
      <c r="B86" t="n">
        <v>1974</v>
      </c>
      <c r="C86" t="inlineStr">
        <is>
          <t>Rossi</t>
        </is>
      </c>
      <c r="D86" t="inlineStr">
        <is>
          <t>Rossi</t>
        </is>
      </c>
      <c r="E86" t="inlineStr">
        <is>
          <t>PD</t>
        </is>
      </c>
      <c r="F86" t="inlineStr">
        <is>
          <t>ATA</t>
        </is>
      </c>
      <c r="G86" t="inlineStr">
        <is>
          <t>PD</t>
        </is>
      </c>
      <c r="H86" t="n">
        <v>170</v>
      </c>
      <c r="I86" t="n">
        <v>31</v>
      </c>
      <c r="J86" s="2" t="n">
        <v>34080</v>
      </c>
      <c r="K86" t="inlineStr">
        <is>
          <t>Right</t>
        </is>
      </c>
      <c r="L8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3980609-f81f-467d-a5f2-7c219e7b4a0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a\x11\x17\x9f\x00\x00\x03\x00PLTE\xff\xff\xff\x10\x14\x1a\x02\x02\x01\x10\x08\x06\xf4\xf5\xf8\xf6\xf7\xfa\x05\x04\x03\xf8\xf9\xfb\xf6\xf6\xf9\xf8\xf8\xfa\x07\x07\x07\xf2\xf3\xf7\xff\xfe\xff\x0e\x10\x16\x0c\x0e\x11\x14\x18\x1e\x0b\x05\x04\xf0\xf1\xf5\x1a\x0e\x0c\xee\xef\xf3\xfa\xfa\xfb\x16\x0b\t\xec\xbb\xb9\xea\xec\xf0\xf1\xc0\xbf#\'0\xc8\x95\x8d\x12\x0b\n \x12\x0f\x0c\x0b\x0b\xcc\x9b\x95\xe8\xe9\xee\x18\x1c#\xd7\xaa\xa2\xd7\xa8\xa0\xd1\xa1\x9d\x1c ( #+\xe4\xe7\xec\xcb\x9a\x8f\xd4\xa5\x9f\xdc\xa9\xa3\xf4\xc5\xc6\xea\xb8\xb4\xf1\xc3\xc2\xec\xed\xf20\x1b\x17\xef\xf0\xf4\xc5\x93\x87\xd1\x9f\x97\xd6\xa0\x94\xfb\xfb\xfd\x08\t\r\xef\xbb\xbb(\x18\x14\xbf\x8f\x89\xda\xac\xa6\xde\xa7\x9e\xe7\xb1\xac\xd9\xa3\x9b).7\xee\xb8\xb6\xd6\x9a\x99\xdf\xa4\xa4\xc2\x94\x8d\xd4\xa4\x9c(\x14\x0f\xe2\xe4\xe9\xe8\xb6\xb8\xd0\x9d\x92\xd8\xa5\xa0\'+2\xeb\xb5\xb1\xd4\xa1\x999\x1c\x16\xd8\x9d\x90\xe0\xe6\xe3\xe2\xaa\xa2\xce\x9f\x9a\xc8\x98\x93\xfd\xfd\xfd\xee\xbe\xbc\xdc\xa3\x97\xdd\xaf\xaa\xc7\x81\x80\x99nf\xbb\x8d\x85\xe7\xea\xe8\xf1\xf0\xef\xc1\x8e\x83@!\x1aN.(\xd2\xd4\xd7\xcd\x95\x91\xde\xad\xa6\xde\xa9\xa9qD?\xcc\x87\x81\xe6\xb4\xb0\xe9\xa6\xa8.4=\x8d_Y\\6.\xbb\x89\x82\xe8\xbc\xbc\xb6\x86\x80\xd6\xd9\xde\xe0\x9f\x9f`bg\xe9\xab\xac\xcc\x88\x88\xec\xaf\xb2\xdb\xdd\xe3\xa4zp\xe7\xb0\xb1D\'!\xd8\x9f\xa1\xba\x87|\xdc\xe0\xdd\xa0f^\xa6ph\xe2\xb7\xb6\xed\xc0\xc1\xd2\x99\x8b\x99`\\\xd5\x93\x94\xe2\xae\xa9\xe4\xa9\xa9\xdf\xe0\xe6|KE\xcd\x95\x88W/)\xb1zu\xcb\xce\xd4\xc5~y\xeb\xed\xebK$\x1ec&lt;5\xe5\xa0\xa3\xb6qo\x8ejb\xe0\xb3\xaf\xdb\x93\x91\xbayr\xc7\x8e\x8c\xf3\xb7\xb9\xf0\xab\xad8$ \x8dWQ\xf9\xfa\xfd\xd0\x8f\x8f\xbd\x7f}\xe5\xae\xa6\x16\x15\x14\xf4\xf4\xf3\xadsm\xf0\xb3\xb4\xc0\x8a~j@8\xc4\xc6\xcd\xb3\x81}\xad\x86\x80\xb1\x82vS\'"\x85TM\xf7\xf7\xf6\xe1\xad\xaf\xa6~|\xf4\xbc\xbd\xdd\x99\x97\x96XS\x1d\x1f\x1b\xb0jgB-*\xd1\x8c\x85\xf3\xc0\xc3tTMd2-pME\xc9\x8f\x82\xbc\xbf\xc6yB&lt;\xa3gf\xbcwy\xab\xae\xaf\x88MI\xb6\x8b\x83\xe6\xc7\xc7jot\xa4ZZ\xd7\x8f\x8b\xb2\xb5\xbcm75}WQdFCr=9\x84DAmb_BGO\xf5\xc8\xcb9&gt;B\xd6\x84\x86\xc3\x87\x89\xe6\x9b\x99wllPU^[ZZ\x91\x95\x9a\x9a\x9e\x9f\x93KOT73\xa3\xa6\xa6\x93\x91\x87\xd8\xc9\xcb\x96vr\x85\x8a\x92\x88\x89\x81\xa2os~|rT?;\xe2\xd6\xd7\xcb\xcd\xc9\xc1ls\xb6\x92\x9cMQS\xbb\xb9\xb4\xed\xa1\xa2\xbbagz~\x84\xcb\xa8\xa5C:.\x81`Y\x956&lt;\x7f48\x95T^\xe3\x8c\x94\xef\xe5\xe5\xf4\xce\xd4\xd0\xae\xae\xe1\x93\x9c\xa9\x90\x8d\xac]g\xa4HMDHB\xec\xdc\xdb\xc0\xc1\xbd\xd7x~\xd1\xbb\xbbRO&gt;\xceZy\xd8\xb0\xb1\xb2\x80\x8f\xe4|\x92\xb2OWd\x18#\xbe\xa6\xa8}Y\xc8E\x00\x00 \x00IDATx\xda\xcc\x96\xffK\x1by\x1a\xc7e\x02\x03\x0e\xd9l\x08\x1a$\x93\t\xac^Ic$\xc4x\x89M$1[\x12\x8dM\xd3\x98\xecF\xcd\xf9\xad\rg\x1b\xdbn%\xd6\xb85\xf1\xcb\x9d\x97;)\x1bws\xa4\xa8\xa3MWeMz\x0c\xde\x86\x04\x8a\x88\x14\x0c\x94\x8aW\xac\xa8xV\x91ka\xbbBa\xcb\x81\xf8K\xef\x97{&gt;\x93v\xff\x82\xc4\xed\x83\x93\x8cC`^\xbc\xdf\xef\xe7y&gt;\x05\x059)n\xc1\xc7W\\\x04\xd5\xf8\xeb\xddG\x02\xd5X\xd0\xd2v\xb2\xb4\xb9\xd4VT\xb5\xf0\xf1`M\xb7-\xfdt\\\xcf0g\x8ew\x0e\xfb\xaf\xb7|\x14:q\xc7N~:fx8\x86\xe18\xc6;\xde[y\xd5R\xd4\xf8\xdb\x9aYUX5}}\xaf\x9ef\x99p\x82"0\x9ca6\xf6\x9e\xbfjk\x81\x16`\xc9\x16\x8a~\x83\x9c\x17\xb6=\xdf`0\x9c \x10\x18\x01\x85\xe8xt\xfd\xf1\xde\xe1tV\xae\xb1\xe9S\x17\xab\xb0\xf9\xf0&amp;\r \x18A`\x18\x06h8\xfa\x07\n\xc7\xa8?\xeeo\xffu\xac\xb0\x80\xdb&lt;v\xdan6?\xdfX\x83L\x11,\t\x96U\x8c\x85\xc2\xd9G\xf4\xcb\x9b\xcf\xdb\x16Z\xfe\xb4\xc0m&lt;E\x07\x0b\xfaA)\x14\'\x8c\x95\x8aBZ\x11&lt;\xe4d\x16\x13\xdd1k\x9b\x17\xdb\xc6\xa6\x9b\x0bOk$4\x17^\xbfI\x01\x14\xd0\xc0\x05\xa6\xf10\xb8(\x82\xa0h\x1e\x8f\xe5D\x84\x14~fe\xfb\xb0\xa5\xbf\xff\xb4\xfc[\xda\xdc\xa0)\x1eA\xf1\x90B(\xe7\x80\xc2\xa3\x00\x90B\xb0\xa8xpQ\x04N\x1f\xff\xbb\xe5\xe2\xf7\xa7\xd4\x81\x17W\x18\x8afx\x04\r_\x04\x965\x8d-\xecCO"&gt;x\x06`km\xcd\'\xa7\xe3\xe2\xc2&amp;\x03rPl\xd1\xd4\xfb\xee\xa3X\xcd\x10\x1aD\x1e\xa5\x0e\x18\xc1V\x9c\xb7\xdf\xff\xfdiL\xfe\xaa\xe6\x9d3\xd9d\xa3\xbc\xf3h:+\x17\x05\xe1\xe2!LH\x1b\x90\x011|\x80\xc7\x04\xb3\xbf\xd4\x9c\xf7\x03Fcc\xcb\x1eCe\x9dC\xddG\x7f\xcaPH.\x9cG}B}z\x86\xfa\x1d\x08I ,\x92"A6\xe8\x03\x8aY\xb9\x98w,\xee\xc2v=I\xe2\xec\xf8\x84\xd7\x8344CC\x1f\xe2\xbf\x87\x98}\xc2\x00\x04;%HR@\t\x04\x14F\xd3`\xe7\xf1aU\xbewP\xe3\x12P\xf1\xd9\x91\t\x06\xf1Q\x8e(\x1a\x9c\x03\x17i\n\x9e` \x12E\xa2\xe2\x084\x04\xc2"(f\xb3\xa8\xa81\xbfS\xf4d\r\xa3\x05h$`8\xbc\x99\xe4\x93|&gt;\xc4\x88\x04\xe3\x00\x8b\xe2\x90dq1\x87O\n\x04\xc5$_ \x86\x1f\x90(\xfc/\xfb\x0b\xf2+W\xdb1A\x89\x91Z8A\n\xe0\xed\x02\xb1XP,\x16\x00\x1a\xa8B\x8a\x15\x8b\xad\xad\x8b\xd1\xa8B\xa1\xd0h4\x8a\xa8B\x03x$\x81\xf1v\xf2\xbb\xb1\xc7`\xb6\x17\x0b88\x1f\xb2\xa3\x11\xc3\x8b\xa3\xd1E\xa8\xa8F@\xf29\x02\xc5V\xaa\xcb\xb5\xeb\xba\xf7C\xea\xf2\x83\xbb[w3\x99\xbb[\xb7\xc5 \x1b\x8e\xd5\x9f\xe43WE\xdb\x0c\x9f,\x06k\x04@t\xb0\xb8x\x90\xc9d\x92\xc9\xd5\xe4\xc1bT\x11]lM\x85\x13s\xddM\xc6\xea\xa6\xee\xee\x90+\xec\x82\xea\xfa\xf3\xd5\x0b\xe79\xa0\xed\xcb\xb6\xbc5#L\xf7\r\x9cCr\xf8\xc5\xe7\xa3[[\xc0\x93&lt;\n\x87]/^$\x12\xe1U\xb8?\n\'\xaa\x8dF\xbb]Rv\xf6\xec\xe7\r\xedJ\xa5\xdb\x1f\x9a\xb9\xf3\xf5\x0f\x0fn\x8baT\xac\xb4\xe4/\xefK\x0c\xce\xe7\x14\x0b.\xfc%\xb5\xba\x1av\xf9|s\xa0\xcb5\xe3%\xe3\x7fQ\xfd\xc7^v\xb6\xec\x8b\x01\xa8\xf1\xf1\xe1a\xad5\x98\xbe\x92N\xc7b\xf3w\xba\xae\x8a9\x18\xbd\x99/\xb9\x8a\x0e_\x12|\xf2\xfc\x1f\xae\xa6\x06}&gt;\xdf\xbc?\xe6\x16\x99\xdb\xa5\xaa\x9as\x9f\xbd~\xfd\xfa\xed\xdb\xb7\xef\x06\xbc^\x93\x97-\xb9\xa7\xc3\x1a\xbc\xf2\xb7\x7fZU\xc1\xf4\xcc\xcc\xe0m\x18t\xc7\xf9\x99\xa9\xdc\xc6\xfe\x9b\x04N^\xb8z\xb9\xebNh\x1e\xa0\xd2\xc1\xa0\xd5iuj\xb5\xb2\x8es\xef\xa1\x00K.\xf4\x06*\x02^\x8fM\xabz|%\x1d\xb4Z\x83\xb1\x99\xc1\x07b8`&lt;\xaf\xca\x0b\xd7\xd8\x0e\x83\xf1\x15\x0f\xee}\x1d\x8a\xf9\x01jT\xe5t:\xb56\x9b\xd66&lt;&lt;&gt;\xfe\xee\xdd\x80I(\x94\xa3\xf2\x06\x02\x01\xafnJ\xebTY\x01\\\xeb\xb4\xc6\xee\\V\x14\x13\x18\x0c\xaf\xdccq\x0b\x0f\xd70B\xb0583\x1f\x8b\xf9\xddRs\x83\xcc\xd6a\xb3MMM\xe9&lt;\x1e\x8f\x1c\x12%t\x00\x97\xc5c\x91;\x02B\xf9\x94\r\xaa\xd6\x19\xb4\xcad\xce`l\xf0A\xb4\x18\xa7\xf7Zr\xcf\xc5\xadZb0\x8e85\xe3w+c1ee\x83\xacc\x18xt:\x0b\xab\x90\x10\xca\xa1\x06,(\xb9P\xae\x9b\xb2M\xc1\xa5\xb5Z\xb5\x1dZs\xda\xdf\xd5\xaa!\xf3"\x17\x97\xbb\xc7\xc3\xf9\x9a\xd5y\xbf\x12\xb0\xa4\xa5\xe7\xe2H$\xb9G\x07\x1fr\xa1\xd0\x84\xb8\x84z\xe4\xa3E\xae\xb7\xe8@D\x84\xe5\x04,\x99*\x9d\xf6\xdd\x8dj\xf8\xccR\x1e\x12\xdf\xb2AP\x9ch\x17\xf8\'\x8a\xb9\xa5uq\xcf\x80\x89\x8d\x92\x1c\xf1\xb0Tj\xb5^X\xa2\xb7\x00\x1b\x92L.\xd7\xd9l\xd0\x122\xadj4\xedOnE\x05\xf8^Q\xae\xe5\xe2\x16\x1c\xae\xc1\x06nu\xc5\x94\x12\x91[i\xae\x89\x0f\x98L&amp;\x16I\xe8p8\xd8o5\xdc\x04\xd4zT\xacj:\x9bV\x0b]\xa1\n\x9aG\x95\xae\xd4\x96\x82\xbf2\x9d{\xacm\x06\x96\xde\x81\xcf-\x92(\x95"sM\xa7g\xc0\x0b"\x81XY(\x87C\xadv\x94\x04\x02%\xfa\xfbz\xbd\x1a=\x03\'A.\x95\xd3:\x1a4\x9b\xe7\xc3\x99E\xceZ\xce7\x10\x97\xbbCS\xe2\xc5\xe4\xbc[$U\x8a$\x955\xb2\xf1\x81\x0fj\xe9\xe5r=\x12K\xa8.\xa9\xa8@Xj\xb5Z\xa8g\x03\x06c\xc2i\x85YR\xe3\xf6\xadn\x89\x99\x93\x9cg~a\x9f"\xa3\x99\xf0\xbc[\xa9TJ\x1bj\xead\xa8\x0f\xe5,\rj?=$K\xcdb!\x17\xd1\x05&amp;N\xb1zYGG\xad5\xa2yW*\xcal\xe7~K\x1fc\x9a\x9f\x93\xaen\xb7\x1ba\xd5\xd5\xa1\xf1\xd0\xeb\x01\xa9\xd4j9\n\x93\xa3\x04U\x05p=|\xa8v \xb9,:\xd4\x8cS0$\x82A\x95h\xce\x17\xdeR\xecU\xe5\x1a\xabm\x8d\x13\xcd\x1c\xed6)\xb3X0\xb5\xe0\xad:\x086\x04)P\xe1p\x948\xb2X\xe5\x15\xe8\xfb!\xe8\x05\xdd\x88\xb0@\xae\xe0hP\xb9\x9c\x08\xa7no\xe4x\xa0B#\xd6\x0b\xb6\x8ev}n\xa5\xdb\xed\x966\x94vt\xb0\\\x16K\xcf}\xd6:V\xa7\x92\x92r\xe0B`0+\xc0Z\x98j6\xe4"\xd8(Z\x9e\xdb=j=\xce\xf1@m\x843\x8d"\x13\xdeM\x80ZnP\xabT\xc6\xca\x85B\x05j\xb1P\x88\x061\xa1?6a(s\xa0\x95\xd6\x19\x04\x13\xa5\xcbs\x89p\xe6\xe7\xc3\\cm\xd2\x8b\xab\x80\xe5w#\xac\xca\xd2R\xd90\xc2\x92C\xd2\x1ff\xb1X\xb1\xca\xcb\x7f\x84\x1b\xf8\x02.!\n=\xd2\n\xc2e57\xcd%\\\xc9\x83\xed\\\x9b\xb8\'&gt;8\xda\xdd\xf5\xcd\xbb\xddi%\xeci\xc0\x02\x0f{\xd4\x10\xa3\xf7\x99B\xe6\x81N?B=\xcd\xca\x85\xb0\xb2\\\xc1\xa0\xd9X=\xe7\xeb\xca\xec\xe48\xf1\x8d\xfb\x1a\x08\xbc/\xc1\x0e\x08s%\x84kX\xd7\xdbk\xf9\x80\xc5\xba\xc8\x9a\x88\xea\xe9S`t8 Z\xec^D`*\xb3\xbd\t\xb0\xf6s\x8cU\xb4\x1fM\x82\x87s\xcb0\xe2\xa5\xe6\xca\xcfK\xbf\x18\xf7\xc0"d\xdb\x0f\xf4y\x9f-\x04T\x01\x87@/{\xe6\xf2t\x82\xd3\xb0\x80`a;\x9d*\xa9\x11&amp;\xfd\xb3\xc2\\cA\xb4\x12sM,\x95\xb9\xb2\xf4\xb3\x0e4\xe5\x07\xe2q\x8f\xc9\x04\xcb0\x9b\xf9\xf2\xa7\xe5\x01So&lt;\x1eY_\x8f\xd8/\x95\xd9E\x11\x11\x9c\x7fX.\xabUd\\\xf6\xa5\x9e\xe4tBp\x0b\xa6\x9f\xc1xH4\x89DR\xa8\xca\xb22\xc9\xa5Kv\xbb\xb1\xba\xbb;b\xa8\x8d\xf7\x9a\x1cl\xdeA(\x93\xac\xcf\xd0\x1ez\xf4\xe8\xde\x9b\x17\xb3\xd7\xd6\xd7\xd7\xab\xdbk\xb4p\xaeF\xf9\x12\xb9\xe7\x93O\x9as\x8b5\xf6\xe4 \xec\x9b3"(\xa9Db\xaf\xee\x9eM\xb8\xba\xba\xde\x0c&gt;\x9a\x99\x8c\x18\xb4q$Y\t\xe4\xbc\xb7\xce04\x11\x99\x0c=z\xf3\xe6Q\xb7=\x12\x11\x89D\xed\r\xef\xe5\n*\xfdGO\xfas\x8b\xd5\x8c\xb0\x96\x8dH,\x91\xa8z64;;\xfbb\xb0\x0b\xa8B\x93_F\xda\xeb:\xe3\xbd=0B{k\x87nM@E&amp;\x01\xb6\xd3;\xd0g0H\xda+e\xbfbu=9\xcc5V&amp;\x8c\x925\nX\xd5\xa1\xd0\xec5I\x9f\x04"\xb4\x1e\x81\x8f\x98\xbb\xbd\xafvd\xa4\xa7\xe7\xab\x91\x1b\x06\x80j7\xf4!c\x03\xbf\xfcb\xaa\x05K\x87j\xb4Z8\xe0\xa8\xac\xa3\xfep\xea$\xb7X\x17\x9f\xa5\\\xcb\x88J"1v\xcfvG.\xc5Mq(\xf4\xdaHlr\xf2\xd6P\xedT\xafe\xe4\xc6?\x86&amp;&amp;F\xdbe\xe3&amp;\x13\xc2zj\x1a\x81\x1f\x0c\x19\xb47\xd81\x11\xf4\xbb\x92\xafr\xac\xd6\xb3\x94\x0faI\xcc\x92\xea\xd9\xeavp(\x00\xa7S\xaf)^\x07\xaaM~\xf7]Z\x0bkh\xca\xf9\xed\xe3\x89[\x13\x86\x86\xb2&gt;\xa8N\xc0\x1e\xa9\xbdq\xc3`\xa8\xd1\xc2\xc6\x86Sj\x1e\xb0\xf6\x93\x08\xcbl\x96H\xaa\xc1\xc0\xb2N\x93\xa9\xb3\xcc\xfe\xbf\xc4\x8b\xd0d,2\xf9\xcd7_:{\xee\xff\xfd\xab\x7f}\xfb\xf8\xff\xb4\x9a\xdfOZi\x1a\xc7M\xf6j\x12/v\xb3\xae\xdb\x98\x86\x89\xe5B\xb0\x8d\xd1NX\x15\xe39j\x91X\x1a\xa5V4#\x8eE&lt;\xa1\xda\x9c\xc0\t\x04\xd7\x1f\x03R\xc5\xa1xP\x14\xc6h\xb72\x8d\x05\xb5@\xa8\x88]d\xad\x81\xa5+\xc9\x04\xb9Y\x9a\xedd\x9dv1+\xd9\x14\xb4\xae\x831n6]\x9d}\x0e\xed\xee_p\xe6\xbd\x91\x93x\xf1\xc9\xf7y\xde\xe7\xfd~\xdfs\xa4"\xd1\xd4\xfc\xfa\xfaN\xeb\xce\x93\xbbs\xdb\xb3j\x14W\xe3(D\xc9a\nk\xe0-\xcdX\xf7\xff\nX\xedEeeeM\x9dB\x16_\xad\x16.L\xacv\xbc|\xdd\xb5\x11q\x0f\xcc\xcfOI]V\x8b\xd3\x1as\x99\r\x9e\xa0;\xbe\xb1\xf6\xfa\xe2\xd3\xd7/aK\xccA\x9f\xa1pN\rs\x1b)\xac\t\x9a\xb1\x1e\xfee\r,`QYm-\xb3\x89\xc1dn\xaf\x8f\xe8K\xbe\xfe\xf9\xef\x9e~\xf7~\x7f#\xee\xf6\x18\xa21\x9b\x13\xb0b7D\xc1H:\xbd\xf3\xdd\xeb\x9f\xfd\xe6kqWx\xc33\xf7e\xd5m*\xe0r\x1b!\xc6\xb6N\xd0\xdc\xf2K\x80e/\xadg\xb2X0J\x19}n\x9fc\xadCPW\xd7\xf1\x041\xc5\xd3n\x93!\xba\x07X\xb6\xbd\x98y\xc5\x13I\xc7\xb7\xdfw9\xf4[\xfb\x01M\xdc35Zu\x1b\xdcu7\xb8z\n\xebot^\xa2\xe6\xe6|\xf2\xc3*\x85\xc5\xba\x04\\\x8c\xf6~\xbf\x7ffl]62\xa2\x99S\x88D\xc1\xa0\xc9p\xb0g\xb3PX\xa1\x95)x\x94*\xe6\xa6\xe6\xa6\xd5j\xed\xb3g\xcfF\xd9\xdd\x90\xb9/\x7fT\xab\xbcvs\x89\xcec\xf1\xc7\x17\x13\xf6\xd1zVaaam\x81}`\xa0\xaf\x93\xa9F\x14\n\xad\xcb\xa5U\x98\xa8\x1aZ?`\x1dD\xa5SAS\xc8u\xabQ\xd2\xcd[F\xab\xaa\xae\xde\x1a\xce\x1f\x1a\xcab\x8d~\xd3: \x8d\x86N\xe8+\xe3gy\x7f\x7f;a\x07\xfbW\xd1\xd2RX\xd4\xd3.d\x82\x85\x90T\xe28\xee\x9a\x9d\x83\x12\x86b\xd0\xf1\x16\xeb\xde\xde\x1e\xc5\xe51\xdc\xb8U\xd9\xc8U\xe9t\xbaF\xf8\xdb|\xe5J3`]\x1d\xedS\x8e\xee\xc5\xa2\x9b\xb4\x95\xf1\xf3^\xd6\xe3\t\x99\xbd\xe0za\xcb\xe4\xe0\xe4%\x06\x83Y[\xcb\xafB\x10\x97\xcb\x85h\x15"i\xc8\x0cX\x16\x1b`Y\xa1\xbd\xcc+\x86\x95\xab\x95\x8d\xc3&lt;*\xd96t7|\xc0\xaa\xbc\xf1\xac\xef\xee\x83\xbdS\xd3&amp;m\xd7\x80\x9b\xa2\x84g@f/\x02\xac\xc1\xc1\xc1\n\x16\x0bD\x93\xb0\xd1\xcaJ\x14e\xf3\xe1\x18\x0c\x85&gt;baV+I\xc6p\x97\x0b\xa8\xba\xf3\x87(\x13F\x05\xee,\xd6\x97\xcf\xfa\n\x86\xcdg\x81w4m\xc6\xdc\x87\xfc\xd3htEI\x15\x91R\xab\x82=\x0c\x1e\x90\x07\xbb^\xc5\x95\xebP\x98\xeb\xa0\x16f\x83"b\x80e\xc5H\x9c\xc4\xb0\x07\x0f \x80p\xbc`x \xab5\xe7_\x1e\x86\xd6\xeac\xa0\xe6\x84\x966\xcb\xb5\xd4y\x9c\x0c\xb9J\x95\x05\xd0[\x93\x93-\xb7\xb9\xcb*\x95\\\xae\xd3qu\x18\x86Q\x8d\xafu\x91\xd0[N\x9b\x1c\x93\xcb1\xe0\xc2\xe4\xb6j\x1b\x9cF`\\)\xfbJ\xdd\xc6Ak}c\xaf\xc7c\xa7(]o\x0eroN\xa6RR\xa4~\xa14\xdb\xf2-\xdd&lt;\x15`a\xd4"1\x92:\x04\x11\\\x0e\x1b\xd1i!\x80\n\x94"I\xc2\x02\x16\xdfK\xf9z\x0e\xe7Bs&gt;W\xce\xcdb!\x04\x16U-\xd16\xb56\x8fS+Ue\xed\xa5\xf5\x97***&amp;\xc1\xc3\xf3\x1a@.X\x98\x1c\x07\xb1\x10\x04%,\x16\xa7\xd7i#\x00\xcb\xe5\x8a\xe1\x98%\x9b\xce\xa8\xe5m\xae\xaeV\xc9u\x95ePD\xd4K\x1c\xf4\xd2g\xe7\x0f\xcfR\x08\xd2Y\xdaN\xcd-\xc0\x82\x00\xd1\\\xddp\xb9\x81 \xac\x846 B\x10D\x92\xc5\xba\xc0\x01\xb9\xe4\xe4\x8a!\x14\x93\xc3cV\xad\xe2+C\x10\xfbU:~}i_\x1fi\xb1\x1e\xd07\x1fr6\xcfR\xe0\xa4J\xdb\x8aj\x0b+Z\x06\xb3\xb1&amp;\xbf:\xbf\xdaF\xd8\x88@p\x9621\x84\xad\xdaY\xec\xe5\xd8\xe4r\x82\xc0\x93\xc9\xe8\x91\xcd\x99MfT\x14jnh\xe0RXv\xd3\x01l\xd4\xc3\x1cZ\xb1p\xa4\xb4\xaf\x88\t=\xff\xe1\xfe\x1d\xe2t\xb3\xc5fs\x1d\x07\xd5(\x98Q\x1e\xc7\xc2\xf1z\x9d\x84\n\xb0\xe4\x86\xe3D\x14\xb3\x80X\xdf\x1eRXC\x97\xb9:\xb4\xb6\xbet\xc0\x13\xdd\xb3\xea\xde\xd1wXo\x9e\x1d\xe3\xe4\xac\xc9^\xd4\xc4\x02\xacA\xaa\x8a\xd4\xf5\x07\xc7\x82e\xd2\x01\x14\x1c(\n\xbf-^/O\xa7\x93C{\x99\x83\xc7\x89#\x9b\x17\xa8\x0e\x0f!\xa35_\xd6\xe9\xd8\xd7\x8bJ\x95\xc9\xd3\x03+\x8f\xc6Hv\x98&lt;\xc3\xb5\xc9\xd4\x00`Q\x03\x15\xb0\x8a\x8b/4s,6E:-BQdz\x16%\x08\xc2B\x80i6\xbb\\\xe6P"u,\xc2,\xc5\x14\xd5\xb7^jh\xe9n\xd7\x16\xb5\xb5&amp;\x00\xabw\x89&gt;\xac\xcfg\x93G\xd2\xb3\x94\x12\xb0\xa8\x81Ja]\x01}lr\xcfy\xda\xa0\x9d\r\xac\xcfokq\x92t)\x02\xc1x&lt;\x93\x00S\x91J\x1eY\x9dTky9\r\xaan\xee\xf0G\xac\x98u\x88\xc6\xd7\xb0y\x83Qs\xe2\xf8\xd8^\x03X\x15\x14\xd7P1l{\x82 \x83\xe7q\x8f\xc9\xad\x17\xfb\xf6\xa7DR\x85(\xb0\x1eO\x9fG\x12!3\xc8\x15\xc2\x08\xd8\x1a^\x0e\x01Cny\x98][tW\x96&lt;\xdd\xb3\xd2\xb8\x11sr\xdeh\x8f\x92\xa9\xb8\xb2\r\xb0\xf8\x15\xd4\xddw/\x0f\xb0\xe4d&amp;\x1d\xccd6\x8c\x02cxdqF\x03Yz\x03\xd4R\xe0\xa4"\x9e\x12\x91\x18\x0f\xda\x8f\xa2R\rK\xd8\xcc\x02\xe5L\xf2\xd4\x8a\xd1\x88\x95\x9b\xf3\x0e\x01\x01\xd2\x9a\xe7\x0c\x16\x1c\xd3\x90UU\xbc\x0fs^a\n\x04L\x9a-\x87\xd1\xe8pl\xedo\xf8\xfd&gt;_x#\xa0=\xd2z\xe2\x80E\xf0l\xd4\x81\xb0\x9c\xc5\xaaQ\xcaVbV\xbc\x97N\xac\xcfQ\xb3\xe18\xb5\xf8\xb8\x88\xc9dVH j\xa9\x96Q\x92\xc4\xa8\\8\xa7\xe9r\x18\x1dz\xbd\xbek+\xbc\x15\xd6\x03\x9e{N\xab\x15\x05E8\x06c\r"\xadn\x19r\x0f\x9b\xd1\xd6\xda:l#\xcdt\x1617o\xd2\x1cM\x06g\x945L\x16\x93\xc5gK$\x12\x9d\x8e$q\x97yV\xb4\xde\x055\xd4\xeb\x1d\xe3#[\xe1\xb0\xcf\x08\xc2\xf94s\xdb"\x8f\xc9E\xc2\xb0\x00*\x1d\xfc\xf7m\xbe\xd0.\xbb\xcb\xb1\x1c\xb8Nh\xcd\x18\x9b!\xb3t\x16\xacx\x13\x951\xf8(\n\xe1\x9e\xc4q\xb3(\xd0\xdf\xe5\x10\x94t8\xc4\x0e\xdf\xb8\xcf\xe7p\x08\xb2\\\x1b\x9a\xb1u\rT\x11l\x0f\xb5t\x12~\xadP\xf9\xa2\xcdi!\x1b\xe8|e\x9d\x9bs2kn\xe4.\xbcx\xde\x04Ud\xa9).\x14\x8f\xe1\x8a\x80\xa6K/\x16\x94\x88\xc5\x021\x94\x11\x8a)\x16\x1b\x8db\xb1\xfe\xd1\xe2b\xc4\xe3\xfa\x1f\x96\x84\xcd\xba^\xd0\xbaZ\xe0\xa4\xb5\xe3\xb3\x81\xac\xc5\x80\xa8\xcaW\x95\xc2&amp;\x00C\xe0\x14D\xc0\xc7k\xc7d]w\x04%\x02\x81\x00\x14\x8a\xc0J\xfb|\x00\x05\x8f\xe2;\xbe\xad\x19\x05\tY\x9f\xd2\x15\xb0\x98=\xb2\xb5i\x8b\x958\xa1\xf9\x95\xcf\x89B+/\xef\x9a(\x17Rz\x01\x17\xa2\xc6\xb5\xa6\x99Gzc\x9d@\xec\x08\xcfhL\x01\x83H\x94\x08\x06#\x00f\x14\xd7\t\x1c&gt;\xbf\x89B\x07\xad$l&gt;\x9f\xb1\xb3\xb66m\xb3V\xd3\xfc\xd9An^\xaf\x96\x9c^{\xfb\xb8\x86\x01]\xafV\xa3\xe0f\x02\x1b\x8f:\x04\xe2\x12c\x97\x1b\xc6D"\x99I&amp;3\x99L0\x1e\x89\xf8\x1du\x17\xc5\x0e\xbf[\x01Tj\x94\xa2\xba&gt;\xdd:&gt;\xa2\x85\x1a\xd2\xfd\xa9\xcd\xcdw\xe8\x91bd\xad\xf5\xb9\x90\xc5g\xf1\xd5\x08\xa2\xddv?\xd2\x0b\xea\x04\xc6\xc5\x80\xc9\x93\xc9\x04L\x99\x9d\xf7\xbbOvv\xf6\xe3\xfbn_\xc9\xaf\xea\x8c\xfe\xc8\x14\x0e\xf0l6\x1beL\xf7\xc8\xee\x8c\xcc\x92\xbd\xf4\x7f\xa3\xf1p\x10\xdf^\x1b\x97-\xd441\x0b\xf9\xd4\xb5\xd6\xc2\xc8\xb8\xbe\xa4N\xe0\x0f\x06\xe3\x00\xf4\xea\xd5\xbf^]\xfb\xf4\x8b\xaf^\xed\xbe\xdf\x0f;\x04\x17\xeb\xc4\xe1\x88G\x9b\xc5\xe2\xb3\xcb{\x16^t\xac\n7\xe9\xa7\xca\xbdy"\x99\x1e\xd1\xbf\xbd[.\x14B\x15;\xb7{4&gt;\xd8tFG:}\x1e\xde\xfd\xe3\xef?\xfd\xf5\xbdk\xbf\xfc\xc5\xbd{\xd7\xbe\xfa\xe2\x0f\x7f\x82I\xe6p\xf8"\xfdR\xc8\x92\xea\xeb\x92\xb2\x9e\xb1\x81\xb5\x8e\x897?\xc9\xc7RK\x9bM\xb2\x8e\xd5\x85\xb6\x1aF\x93\x90\xd9\xb9=\xb6\x08C\nF\xd5\xf9\xf9yx\x1f\xe4\xda}\xbf\xfd\x8f\x7f\xee\xee\xfe\x08?\xf6\xf7\x83[[a\xdfV\xff\xdctgg}\x19\xbb|a^6.\xfe\xfe~\xce\xcd\x9f\xe2\xfb\x8cO\xde\xfc\xf0\xf4e\xeb\x02\xc8U\xd3\xc4\xe8\xe9\xf7;\xf4\xe1\x88?\x1d\x89\x1f\x9f%\xff\xfd\xffu\x9aH$\x13R\x85\xdb\xef\xdf\n\xf7OMMm\xb7O\x97\xf5\x0chF:\x04\xdf\xdf\xcf\xcb\xfb\x8c\xfe*\xe6.\xfd\xf6\xcfO\xc5/\x94\xcf\xcb\xdb\xcak\xca\xc7f\xc2&gt;\xffF&lt;\xe81\x99\x12\xa7\xff\xf9\xb8\x0e\x8e\x8e\x0e\xa2QEhe\xc5\x03X\xfe~\x8fi\xfe\xbf\xb4\x9bQH\x1b[\x1a\xc7K\xc7hB|H&amp;\x0e\x037\xc3\n}P\xfa\x90\xb1\xa60\xa1\x04.:\xc1\x82\xd9\xec6\x94\xc4\xa4\x99\x08\x13\x96LH\x10\x89\x0c5\x81FHL\x8c\x9dki\nf\x1b04j\x1b\x91\x06\x95\xb6Vm\x84\xda\xaaM\xe1^\xdc\xec\xbd\xd5v\xbdz\xcbV\xb8u\x1fZh\x1fv\xb9&gt;,\xec~g\xda}\xd8\xb7{\xdb\xe6\x98\x8c1\x19\xc8\xcf\xff\xf7}\xffs\x0e\x9c/\x95J]\x98\xca\xf2I+\xbd\xeb\xae\x85V\xf6\xc6\x89\x7f\xed\xee[\xa5+\x03\xc1\xa9\xa9\xa9T\xb4\xf8x\xf3I\xb9\x84\xec\xaa\xff\xfa\xbbo\xde\xfd\xfb\xcd\x9b7\xef\xbe\xf9\xd3\xbb\xa1\xa1\xa1\xafo\xaf-\xa4KO\xe0\xd3\xe5Lj9\x12M9\x13P\xb2\xe3;59\x0c\xdexz\xe6\xe5\xde!+\xdesN\r\xdc\x1cp.g\x13\x9b\xe5\xd2\x9c\xc3\xe1\xe8\xef\xef\xbf6t\xfd[\x18\xd7\x87\xae\xf7\x7fw\xed\xfaU\x18\x0b\x99H\xa9\x94\x8ddR\xa5r1V\x14\xac\x14q\xb8\xed\xb6\xd7"\xe5\xed\xc7\x06\xf7\xe6q\x96\xf3\x0f8\x07\x9cE\x7fvi\xe9\xc9\xc3\xb4\xaf\xbf\xdf\xe1\xf8n%\x97J\xe5\xf3\xcb\xd1\x1f\xa3\xf9T\xce\x07T\xb7\x81+\x16)E\xa2\xcb\tI\xe2%+KQG\x0fFk\x82\xd5x\xcc\xb6wH\x11ta\xbd\xe8t\x16\xf8D"Q\x9e\xf3\xf9\xbeE\\\xf9H\xcc_,\xc2;\xfeX\x14\xb0n\x83Z\xbe\xb1R$\x12)\'\xee\nI!\xc9\x128ut0z\xfaXM\x86wo\x9f\xc6q\x8f\xc4\x17\x8b\x92\x00`\xe5&lt;\xa8\xe5\x83(\xe6K\xe5%\xbe\xb0\xc9?.\xc7\xe6r\xbe\xb5\xabW!\xb9\x96\xb3\xc0\x056QHr\x97Y\x82\x00,wSm\xd4\xf2V\x0e\x19\x9c\xb2rIA\x108A*$"\x99t:\xed\xf092\x91r9\xb1\xb9\xc9C\xed\xcd\xad\xf8\xd6\xd6\x16|\x8et\xa4\x94\xcdf\xf9\xbb\x82\x94D!\xc4\x99\xa3\x07\x135\n\xa2\xeb\xfb\xdd#\x1cgi\xcfeN\x10\x93\x85B"\x96_\xc9\xa5}\x0eGz\xae\x94]\x82%\xf3R~e,\xbd\xb0\xb0\xe0\xf3\x8d\x8d\xc5\xca\xd9D\xa1p\xeb\xd6-\x0f\x8bc,\xcb\x1c\xee\xb8k\xd4e\xa3z\xb9s\x84C&lt;X\xab(xDI*\x14\x97\xf3\x19\x10\x0c("\xa5\xa5\xbb\x8f\x1fo\x8e9\xd2\x0e\x80Zpd2\x91\x04\xcf\'9.i\xb5R\x98\x86a\xe6\xab;\xae\x1a\x9dY\xb4\xbbv\x0e\x19\x02#\x08\x9c\xf1\xb0\x1e\x88$_\x8c\xcc\xc1\x06\x11\xa28V\xda\xbc\xfb\xf8\xc9\x0f+\xf0\x1a=\xa2\x91h\xb6P\x10D\x91\xf3\xb0,\xae\xc1(\xe6h\xe7\xc0U\xa3\x03\xc4v\xdb.$\x17\xa6\xc1\x08\xf8.+\xca0&gt;\x9bO/\xac\xad\xf9\x1cc?@\x08\x1f&gt;\x1cs,\xa4Q\x14#\x89"_\x10\x92\xb0R\x85;1\x0cg\xc5\xca\xae\xd7]\x9b&amp;\x83FPk\x9cB\xc7\x84A/\x9c\x06)\x92R\x11\x0c\x018rs\xc8\xd5\x97\xe7\xe6\x1c\xfd\xe9\xf4b:\x13\xe3\x13\x82\xe0\xa1i\xa0b\xe1\xdf\x802\xd9\xdb\x1e\x9c\xa8\x91Z3\xee\x83#\n\'4\x98|\x80\xd9j\xf5\x88B\x02\x9c\x1c\\"\x97\x8f\xc5\xb2\xe5\xb9\x15\x88h&amp;?\x06y%\x08"\xcdR,\xcd\xc2\xed\x80Es;\xae\x89\x89\x1a\xb5d\xa8&amp;\x06!\x8az\r\x0c\xc8{\x9a\x1e\x17E\x81OD3\x99\xdc\n$S\xa9\x1c\xcd\xe529p\xf7\xbc\xbf\x00\xfb!\x16\xa7(\x96\xc20\xb8\x99\xe1\xa4\x9d\x9a\xac\x1f&gt;\xe4\xd6\xcc\xcb\x9d}\x9a\xc04\xf5\x1a\xa8G\xf0\xa2q\x0f\x97,\xc4"\xcb\xd1|&gt;\x1f\x8d\x95"\xf9h4\x03EY\xe49Q\x04\xe3\xc5q\n\x12KO\x10\xb4Px\xe1\xaaa\xdf\x03L\xd6\xe3\x0c\x12\x00\x83\xec\xc2p\x86\xf6pR\xa2X\xcc\xc2\xe4\x17\x89e\xb3\x91\x18\xd0\xc5\x8a\x12g\xa5i\\\x0f\xf1\xc6\xe0A\xe0\x04-\x15gGk\xd8\x1b\xe8\xdd\xd9\xe7h=\xe8\x05\x1a\x80\x83\x11\x14#B9&amp;\x12\xc5\x88?\x9b\xddLD\xfcQ\x7f\xd1_\xe0D\x9a\xa1PY`\x1a\x1c\xdd\x85\xcfg\xa3\x1do\xed\xf6Zq5\xb9\xb6A-\n\xbcK\x1e\x04\xe4\xb2\x95\x03\xbf\x07c-&amp;\xf8\xbbKp]\xe2\xd1\x8e\x96e\x18=\x0e5\x0b\xc1\x86@Z\xf9\xd4\x8d\xf6\xb7\xf6Z\xe5\xd61\xbb\xea\x00\xcd\x8a4.\xa7\xbdF\x0f6\t\x1b}\x0f\xc7\xc1\xc4]H&amp;\xa5\x82$\t\x82$2,CQz\x02\xdd\x82A\x0eZ%\xff\x8d\xc5\xd6\x7f\xdak\xd7\'b?8\xa2)f\x9c\xc1\xe1\x1b\xeb!\xc5\xf4z\xd6je&lt;\xa2x\x19\xd6\t\xdc\xe5\xcb\x1c\'z8\x1a\xa7d\xd3\xd5\xa0\x86\x11\xa8X!\x9b\x1a^\xfc\xea\xb9\xbb\xa9\xa9f\r\x06\x07\x95\xc3\xf1\xf1y\xfac\x14\xb1z\x8c`hV\x04\xd7\xa4i\x8fh\x85\'\x0b\xf3\x12\xa4\x13Q_\x8f\xb4\x02,\xa0\xba8|i\xf8\xd4/\x16\x97{\xa6V\xc9\xb5]\xa9\xeeol\xcc3\x94\x1eC\x9d3\xc7\xa1*q\x06\xcc\x00T\x01\xef\xa4\xacV\x9cb\x19\x90\x11\xa8\xf4\xe0#\x98\x9e\xe2\xb2\xb9.\xe3\xa5K7\xfe\x13o\x1b\xb5\x8d\xd6\xc4\xe8\x9bF\xbf\xaflU*w\x9e\xcdC\x94P\x17\x12`\xd5k(Tw`cPt\x0cMQ\x14\x83\xa1n\xb7z\xb8j0\x8c\x11\xfc\xc3\xe7\xcf\x1b/-v\x84\x1a\x14\xeeA\xd7\xc4\x97\x0ed\xd3\xc4\xa8\x8b\xdc\xaelmmU6\xe6i\x1a\xa84r\xa44@\x04L8\x81\xe6d\xa0\x82z\xf8\xd0\x16\xa8AS\x94\xc8/\xdf0\x9a\x8d\xc3\x8b=/\x1b\x94\xca:\xd7\x17\x16l\xc66h\xb35\xb7m\xf7m\xf5U\xb6\xaa\x87\xf3\xf3\x14\x81lU.H\xbd\xecQ\x18X:2)\x84\xab\x97#\x88l\x8dO\xf5\x0e\x1b\xcfw\r/\x9a\x9e\xffY\xa9T\xa9\xdal\xb6/\x96a\x8dM\xeeP\xc8B\xeaH\xf2\xaf\xd5\xad\xbej_\xa5\xb2\xbf1\x8e\xa1\xde\x1a\x0c5H\xd5#\x0b\x03\xa9\xf0\x0f\xe6\xaf\x87O\x00\x15\x0c\x97\xb5J\xf9^s\x97\xd1\xf8\x01K\x05\xa3A\xe9\x1a\xfc"{\r{\xd3\x84m0\x1ej\xd1\xea\x0c\x06\xcb\xdf\xaa}\x10Dx8\xef@\x9e\xa3Z\xac\x97S\x08\xe2\x05\xc6\x89~\xc1\x13A\x12\x10\xd7q\xd0\xea\xeb3g\x8c\x08k\xb8\xe3\x03\x96J\xa50\x80`\x8d\x9f\xab\xd3\x84+\xe4\xf5\x86\xe3a\x9d\x0e\xb0\xc2?W\xfb\xfaPvm\xf5L\xafsP\x8e\x18\x84\x109\x05\xc2"&gt;bA$\x01\x8b\x85\xe5\x85?\xd7\xfb\x07\x19\xcb\xd8:lz~Z\xa9jPA \x95\x06\x8b\xed\xf36\xfe*\xb7\xcd;29\x19n\t\x85\xb5\x88\xcb\xfbs\x9f&lt;\xaa/::\x82~\t\n\x12\x10\xf4(\xc7\x90H\x10M\x10\x89\xc0\xe5\x89\x90\xe3y\xff5\xb3\xf9\x8c\xd9\x8c\xd4j=\x85r\x0b\xb0\x14\x90\xf7ju\xf3\xe7d\xfei\x19\xea\xfed\xa8%&lt;\xd2\xa2C\x03\xb0\xaa\xd5\xbf\xbczU\x9d\xed\xe8\xe8\xe8\x19\xb8rg\x9ea(\xb4\xa0@F\xa19~\\\x8e%K\xa1n\xbb\x82?\xfaU{\xd7\x90\xf1\x7fX\x1d?A\xca\x7f\xc4R\x90\xcd\x16\x97K\xf1\xa9\xc5\x17\x02\xa8\xfb#\xe1f24B\xcaX!P\xab\xfa\xea\xe9\xd3\xca\xb4\xa9\xa7\x07\x1d\xbc]\x9766`\xf2\x96\xab\x12\x19\x15\xec&gt;`\x9a\x84\xf5\xf4\xba3u\xcd|\xc6\xf8{#\xa2\x02\xac\xc5s\xf1\x06T\x89J\xa5R\xadU\x84-u\xa4\xeb\x93j\xf2\xb4k\x10\xa0\x1e\x01\x95\xc5\x00X\xc0\xd4\xa6\xd3\x85w\xb7\xf6\xfa^=}\xf5b\xb5\xa7\xc7\x04zM\xcd:\x9d\xce{0\xeb\xb0`\xf9\x10N\x86aDq\x9c\x93\x04~\xaa\xb7\xdbl&gt;k\x96\xb52vw\xb5^x\xad\x05\xb1\x1a\x10\x97V\xad\x88\xc7\xb5\xea:\xdd\'\x98\xd8\xccG\xaaPs\xdc\xa2#\xbd#\x06\x19\xcb\xf2\xfe\xc5\xecV\xb5\xba5k\xea\x80\x1fS\xc7\x85\x00:R\xb9\xce?{&amp;\xa2NI\xcf\xb3g\xdc\x86$\xad\xfbc7\xbb\xcdgN".Y+\xa8\xc4S\xbf \xdb\x02,\x95RW\xa7 -mZ\xadV\r`\xee\xdfd\x16\xe0\t^D\x15\xd65\x87[\x0c\xcd^/i@X\xe4\xfb\xd9\xe9\xd9\x17\xb3\xb3A\x93\xc9\xd4\x13\x0c\x98L\xc1\xe0*\xbc\x98\xbd\xf2\x8f\xf5\xf5u\x9e\xbfw\xe7\xde\xba\x7f\xfdJ\xb0\xb7\xfb\xecYY*$Vg\xb7\xb1\xbdk\xf8\xdcO\r\nY\xad\x06u\x9bR\xd9\x1c\xd7\xd6i\xb5mZ59h\xfb\r\x82\xb9\x07\xe3\xde\xfb2\x95\xce\x12j\xd1\xb5\x8cxI\x12\xb0\x0c\x86\x07\xb3\xd30V\x01(\x10\x08\x06\x03p\x81p\x02\xd7\xc0\xcd\xd4\xc0\x8fN\xbf\xdf?\x90\xbai\xfa\xdd\t\xa0\xfa\x7f\xacS\xaf\xdbT\n\x05`5\xa8tZ\xa5\xd6bQC\xe6k\xdb\xda\xd4j\x9b\xed\xd7\x1e#ir\xd9,!\xd0\xeaQ\x18`\xe2^\x0b`\x8d\x90\xcd$P\x91\xde\xf7\xd3\xab\xab\xab\x81\x1eS\xcf\xc5\xc0\xc5\x8b\xc1\xa9`\x8f\xac\xdbT00\x95J\xe5\xa3\xa9\x80\xe9\xdc\x1f\xdbO\x9c\xed\xecn\x97\xf3\xca\xdcm\xec\xee\xec\xec\xee\xeaj}\xae@\x16\x0fCI\xaaU\x86\xb8E\xad\xaa\xd3\x02\x94\xba\xae\x8e\xb4\xb9~\xd5\xf2\xb0\xc9f#-\xde\xc9G\x8f\xbc\x06\x924\x84\'\xe3\xba\x96I\xc0j&amp;\xe1\xaf\x96\xbfO\x07W\x03\x00\x03P\x17\x03\x80c\x92s\x0c\xd8\xe0\x9d\xa9\xc0\xb9vt\x84\xea\xe4\x89\xb3\xdd\xe6\x93\xb2X\xe6\xce\x13\':;\xdb[_\xbfmP\xfe\x97\x91\xb3yMd\xcd\xc2\xb8\x15\xaa\xba\xaa\xac.\x8b\xa2\n\n]X~\x94\x15]\x14\xd5RB\xbb\x90!"\x1d\t\x84$\x10n&gt; \xda\x1b!\xb4\xb8p32\xd9\x0c.F\xb2\xba\xd0\x1b7\x81Azq\x99\x7f\xc0E\x98\x16\xdc\x89\x1bI d\xe4B }!\xd9\x85\xe6.zh\xe8\xcd\x9d\xe7\xbc\x95d\x1a\xee\xcc0/\xe9\xc4$\x1d\xfd\xe59\xcfy\xce\xb1\xd5\x0e\xb9tOR\xdc\xae-\x89\x92g\x1b\n2\x8c\xd7\xff\x9f\x96|y\xd6\xdbT\xa0\xd1h:\xb0&lt;\xcb\xf3\xda\xe3\xb6eA-\xd7\xb5Af\xff\xf6\xe1\xef{\xa8\xdd\xde\xf1\x1f\x19\xd8\xde\xda\x1a\xbd\xb24\x89\xb3\xd5h\x147\xf2\xeb\xd5jf\xbdP\xc8\x14\x9a\x05$\xe9\xc6F&amp;MX\xdb\xd7\xbc\x14b\t&gt;/[\xdd\xae%\x10\x96\xed\xc3a\x8a@{\xc5O\xe6\xff\xbcg$\xef\xf7\xf6%\xde\x02\xd6\x08\x1dh#\x13F\x03\x84&lt;a\x11\x97\xfb\x0b\x8axLE&lt;&gt;\xfe\xeb\xe1\xe1\xe1vr{m-\x91H\x16\x8b\xc5l\x11\xf5Z__\xcf\x10V\xb3\xf9\xe7f\xb3P\xad2\xb1\xaao&gt;[\xa2 0\xb1\x14ET\xfa\xed\xbe.\x98\x82\x81_SWt\x9d\x17\x04\x7f\xb3\xb7o\x9c\xfd\xf7\xed\xf5\xa0\xd76dI\xb7j\xed\xa3\xaeE\xbf\x8e\xef\xf5\xdb]\xa4\xbc\xed\xd6j\xc45\xfa\xf0n\xef\xf8\xdd\xf1\xde!\xbd(\xa3\xf1\xa6\xb8Q\\M@\xac\xad-\xf6Hc&amp;\x8dS\xa0\xd7\x8f4AVHgp\xd2\xd5\x8d\xfb/\xb2$\x08,\xb7\xe0\'\x1bI\xc8\x0b\xa6\xac\xc3\x18\x9e\x0e\xe7+\x92\xc0\xeb\x96u\xba\xb9\xf9\x9f\xff\xc7\x14s\xbf\xd7\xf7\xd1"\xbe\x01q\xb0\xc7\xd4,\x1f\xfd\xd7\x9d^\\\x8ck!\x96\xdb\xbe\x05\x16\x1a\xf1\xf5\xabD"\xf1fcc\xa3H\x05,\x12S6\x9f\xa7g,\x95\xd3\xe5&amp;\x90\nM\\\xca\x10g&amp;{\xcd\xa3\rI.\x13\x0c\x1e\xb4\xefS\x84\x01\xcb\xf2\x15J}^\xe2q$Q\xd9\xdf\xdc\xff\x9db\xc1\xe9f\xd7%*$\x9d\xee\x1b:o\xf7=C7\xa6\x9d\x96\x13\x9f\xb4\xa9\x88\xb8\x1e\xfb\x97\x0f{,\xe1\x13\xab\xabI\x12\xab\x98\\%c\x81\nX\xf94\xa0H\xadfaw\x17Tiv\xbe\x1e\x04\xb4\xd0\xa0\x84\xa6=\x1a\x9f/;\x8b\xceT\x11e\xc5\xb3-\x85\x87\xe5\xa8\x1f\xe9 A\x00v\xf6\xbb\xfd\xb3\xe6\x1a&lt;OP\xe8\\\xd4\xdc\xaeA\xac\xe9\x9cS5u\xd1\xa6&gt;\xc4\x04R\xda\xb7\x04\xf5\x8a^g\xf0\xa6X\xac\x82\n\x97\xb6\x9f\xaa\x08\xc12\xf4"\xa0\xdd\xdd\x1fw\xcb\xd0\xaaLT\x0f\x01\xcbQ\x1c\xe1|1\x9bW\xe29\xa7\xd3\x0f$\xc2\xe2\xe9\xcb2\xe0\xf8\x90M\x10\xac\xcd\xef\x1eG{\xf9\xd3io\x13z\xf0\xa8 \x80 ,\x86\x96g\x19\xfa\xd1\x82\xe34`u)\x93\xa9\x9f\x95\xaf\x1f\xb0=0\xae7P\x0b\xe3.A\xf5|\x02CJ\xad\x17\xe89q\xcdr\x1a\x8c\xe9r\xf9\xf3\x8dh\x12\x928\x14\x83v\'\x1e\xafW\xc05\x1f\xec\xc0\xc1\xae\xc1`E\t\xe1\n\x871.\xd1\xe8\x9d&gt;\xafU\xa7=H\xe5\xda\nxp\xf3X@X\xa0`\xda\\\xd59\x95\xe3\xd4\xf9H\xe0\xa5p)\xe9\xff\xfan;\x91`XE\xe2\x82\xe7\xf1\xd9v\xe8\xfb\xad,2\xa1P.S\tI\xb9t\xf9\xfeZ2C,\xd1T.ZDU\xcf\xe5Z\xe7\x81\xec\xbb\xae\x1eb\x89\x12\xb9\x0bQ\x86wr\xe0\xf7\xe8\x81\x85\xe0l\x1fw\x1f\xd0i\xf8[\xf8\xba\xe1\xf9:\xa4\x05\x17\xcf\xfb\xfaQ\'\xa5\xc6\xc0\x95\xbb\x1c\xe2\'\x80\x05\xae\x7f\xfeco\x15`H\x058\x8b&lt;\xbf\x9a8|Ez\x91b\x90\x0b\x8e*\x93\xb1\xaa\xec9\xbd0Vx\xd3\xa2&lt;\x1c\xcf\xea\xf18\xc4rr\x95%/\xfb\xb5\xbe"\x9a8\x14gt\xd5\xa2Hz\xc9\x81\xde;}\x199\xdd\xdft}/\xa4\xc27-jZ4\x8a\x00{Y\xf6\xb2\xae\xa91\x0egb\t\x12v8j\x18\xff\xf6\x87\xd7I(DOS\xdfx\xf4\xfcv\x02\xe9\x05\xc5\xe8\x11v\xf8\x1eM\x98\xceg\xab\xe9r\xfe\xf3\xc33U\xd0\x9f\xc4\xe39\xc8\x05\xacx\xc7\x16\xf8~\x9fgX\x98\x94"\xdd4n\x95\xc4\x90\x03\xa5w\x10\xf1\xb0\x1bPX\xba\x86D;\x9a\x8dT@$\x8b\x81\xa8\xd8G\xcb\xb8\xc6\xc5b\xe4\xae\xf9(\xa0.gZ\xef\xff\xfa\xc3\xda*8\x92\x14\xa0\xd5lq\xab\xb8\xb5\x05\xce\xd0a\xc5b\x9e\xb5_\x1e\xb2\x95\xd3\xf7\xbd\xa7\n\x02\xeb\xaa\x95s\x1c\x98+\xe7\xe4r\x9f\xda\x88U\x97\x97M3\x08\xc4}jTB\x00\x00\x06{IDATp\xc9\x97\xa8\x8c\xb0\xb4 \x9az/\x82\tc\xd9DE+\x1a\x14\xac\xd9\x86\xb4\xb3\xc3w\xc7\x97\xcbO)Nc5\xd4R\xceR\x97\x05Zy\xe1\xb0\xe0\xe6\xc3\x9f\xd6\xc0\x91\xccV\xf3\x99|5\x0b\xa8$&gt;m$\xd6\xb6!\x18\xb0PF\x84;\xb4\xba\x7f\xb2;\x95p\xb0\xc8\xe1\xc4\xa1\x98\xe3\xc0\\\x16\x92\xd0\x97\xc5 @\x15\x1f\xb9\xf0ABS\x81\xeb4\x82\xc8\xf4\x80\xe5!@\xcc\x1d\xbf=h\xbb\xb6W\x1b],Zq\xadT\xd2\xb4XL#,n6\xc0]\x04\x8aj\xe4\xe2\x10\\\xafa\xa5*\xc5z\x06\x89\x05\xaeF\xa3\x91x\x8fJ\xae\x92\xb7\x90\x12(e\xf6\xfeF6\x87\xc3a\xa8U\x8dJHT\x84U\xef\x9cw\xdb\xdd\xb6\xab\xf0\xe0\nPF\xd9\x14\x19\x96\x0c.\xd2+\xe2\xfb\xe4,\x9b\x97\xe5\xa1=^.f\x93\xe5r9i\x01\x85+\x95b)-\xa6\xa6\x88KK-\r\xe4\xb4\xc0\xfeH"\xb8\x0e\x91\xa1\x8c\x00a\xc5\xb8\x12\x89\xf7\xef\x13\x8db\x86Ae\x98VP\xe2\x11\xcb\xe4/*\x0c\xab\xce\xb8&amp;\xd8N\\Ll_\x97\xc4!\xca\x08\xac@\x86A\x04\xeaJ\xd8k\x18\xc1\xeej\xd7\\E\x14\xbd\xe9\xa4\x95B\xd1bT6U\xe5b\xd1\xa8\x9aRK\xaa\x16\xca\xd5\x9a\xd2\xca\x0b,\xa6v\xff\xf6\xe7w\xc9,\xb3\x11 \xaa[L\xadD\xa3\x81\x95\x81F\x0f\\\x7f\xff\xb5Fa5|,\xe2t\x16\xaf\xd4\xebu2}&lt;5\x1b\t\xbe\xdd=\xaa\xf9P\x06WF\xb6\x17\xa9\x96\xd4\x8d"\xcdO1\xa2(0\xbc\xc1\x0f\xae\x00\x95Jqj\xacTR\xf1&gt;V\x8a\xbe\x88j\xa8#k\xc4\x94\x93\xd2\x16m\xb631,I\xb0\x7f\xfb\xf9/\xdb\xac\xe9\xcae\xd4\x91\xb0\x1a\x8ddq\x1dS\x87\x0e\xf2\xea\xe0\xc9VT\xc2\xd1\'\x07\x89U\xa1\x1a\xd6\xe3\xb9\x0b\x8b\xd7k\x10\x8b\xa7\xdfP\x0eC\xcb\x0cD\x01q\x1av\xa5\x10\xe1\r\xb7f\x19\x17\xf3\x1ci\xa2\x11\x15PT|\x8c\xaeD\xa9\x90\x90\x8e,\xefh\xb9;Kfe\xa4\x9e\x91D\xff\xfa\xf6ok\xd92\xcb\xf3\xf4z&gt;[\xfcC1K\x01\xff#\xce\xee\xb7\xcf7\xfc\xf7TG\x1d\x84\x02\xb4"\xcf\xd7s\x8b\x91\xcec\xe2\xf6-\x89\x05(B\xd2\xf7&lt;_\xdeay\x1a\xde=\x8a \x12l\xfb\xb2\x82\x8e\xd3p\xd4R)\xfa\x8cUB\rK*\x8e\xe68\xa9\x94S\xb9T\xd8&amp; \x10\x16\x94\xb6\xafo\xd7\xb62\xe0j\x96\xb1\xbd\xd3\xc10$\xaa\x93\x93\xeb\x87\xe7\x16DQ\xccv\x87\xccN\x8d\x88&amp;\xcc\xcd\xce]\x8f\x97&lt;\xb7_c\x93P\x82J\xba\xa1\x8f\xcek\x81\xc9\xc2\x8b~&amp;\xe2a\xe8\\\xc69\x8d\x1c\xc5qL\xac\x12\xfc\x15+\xbdX!k\xe1\xb2\xaaB\xac\x94\x93s\xe6S\x89QQ\xc6\xe0\xea\x86\xf2\xe9\xf5\xe7-z\xfd\xc3\xee\xdb\xb7\x05z\x0e\xdc\xdb\xb7\x98\xd1\'\x1fo\x0e\x9e\x07NH5\x89\x13\x8e\x13\xa2\xcd\xae\xb0\x8b`\xcc\xa1J\xc6\xe3N\x03:\xf7\xae\xd5\x19K\x01kG\x9c\x08\xbap:\x87\x81\x98\x89B*\x86RZy\xc1\x01\x8b\x84\xe3`:\x909\xcel\xcc\x98B,\xd2[\xd4o\xbe~\xfb\x06\xaa2\x83*\xec\x82\xe9\x8bN\xf6\x95\x9f\xb0\x84a{R\xa7\x1f\xae\x87\x96_L\r\xdah \xb9\xe7Z\xd8\xbf\xd8N\xa3\x0b\xa3Y\xdd\x99_z\xc8V\xbaZ3\xe2\xda\xa3\x85\xa6&gt;aE\xa3!\x15\xc7\xa1\x86\xf8\x9c\x00U\x16\x10d/n6\xe6\x9f\xa9\xc2\xf5&lt;\x10\xad/7\x1fO\xbe\x9d|\xa4\xf3\xe5\xe1L\x0cs\xea\x19K\x1ct(\x12Rl\xec\xe4*\x93\x11\xeeO\x13\x96\xa0\xf8\x16\x9c\xaf\xb3+\xd2\x95\xf3V\xab\x12\xaf,\xdd@\xa6\x94\x10#\xf6\xa0\x83\x06$,\x8dSK!\x15\xb0b+/bD\x15\xd6\x96\xa8\x90_Zj6\x15\x9e\xe5bIA\x89#\x9e\x1d&lt;&lt;x\xfc\x99\xae\x0c\x03\xf1\xdf\x87\xda6P\xa6\x0b\x12*N.\xc89\x95\xbb#\xec\xa3\xba\xe5)h@l(\x12O\xfb)y\xeb\xa2\xd2\xaa\xb4Z\xad\xa5\x17`\xf8B\xad\xa3\t\x9c\x8e\x9c\xa2\x90RY\x17r\xc4RZ\x89\xd2\x85\x18G\xdfC\x155\x87\xa8\x9c\xd4\xfc\xdc\x90\xf9\xa7*R\xe8\xd3\x1d\x1a3\x18\n\x94&lt;\x023\x86\xf0D%\xc9\xc3\xda\xe5,\x07c!\xb3P\xc6\xdc|\xd9\xd5iM6&lt;\xe4$\xadv\xbcd\xb0\x05A\xb1\xef\x80\x05\xae\xf9\x15oR\x19#w\x18|\x0c\x0bE|\xccR4%\xd5\x10c\xba\x14b\x11\x13\xc4\x82\xc30\xb4/\xdc!kljF\x8aW&amp;\x8b\xc4,\xf1\x8c%\xd0?e\xc9;\xd2x\xd2BR\xa5\xb4x\x0bc:\xf7\xe9\xaaF\xeb%\xddY`X\x86\x81}\xc4\xc0J\x8a\xb8\xb8\x0b\xd5j\xcd\xa6\xe8GY\x8e\xc4\xa9F \x8a\x92\xb9(\x0c\xb0\xf7i\xa9\xd8\xcaJ\x8c\xb6\x07(\xa5\xe1k\x084\x8d\xd4"\x8f\xc5\xef\x06\xba\xc0*\x88\xa6D\xee\xd3\xba$\x08\x82\xf8\x9d\xa5X\x8c\x0c\x85.\xa4\xa2\xfai\x0eM\x9czgL\xbb\x1c\xcf\xf6r\x05S\x19\xbb\x9d"\x1b\x9e\x0e,\xd1\x9d\x90X\xf4\xb6\x18\xd0\xe6\x1f!\x16\xa0\xc0\xec\xe4y28\xdd:\xab!]\xa6o\xd10"\xd9\xf0F\\\xa9\xd9E\xfb)\xbb\xfe\xd5\xc2\x19\xab6\x0cCQ\x14\x83\x14+5\xae\x11.\x84L\xf6P\x8d\xc6C;j\xcb\xa0\x9f\xe8\xa8)x\xf0\'d\xc9w\xe4\':d\x08t3]\x8c\xb3e\xed\x90\x0f\xe9\xbdO6\x98\x80\t\xe8X\xef\xde\xfb\x9e\x16\x1b\xf6\xef\xedZL9\x0b\xca/)\x8f\xf7\x01\xb9\x1e\xf6\xac\x1eb\xeb\xf7y\xaeW\xdfq$g\xbas\xd3\xba\x1d\xab\x88F.T\x1eoq\x1b?\x0c\xb0\xb88\n\xb7Apb\xf5\n\xd1YU\xc9\x87\x0c\xac4\x9d\x96\xb2c\xd2\xb3\x01\xf6\x1e\xe6\xfb\x88&gt;\x9f\xd4\x9f\x82\x8cH\xeb\x8dzj=.3\x9c\x05w\t\x94\xdb\xcf\xd7\x83\xad\xfb\xa4J\x9e\xad0\x1a\x18\xdb\x15ov\xd7\x9b\xad\xcaO\x03\xff\x1cx\xc7\x87\xce\x13\x16\xc0\x88\x85\xaae\xb2x\xf9\xb9\x81\x0f\x01\x041\x95r\xd1\x8b\xad0\x01\r\xef\x1f\xe7\xe5r\xe8\x11\x06\xc9\x95I\xfc\x82\xa8\xf1\xac9\x03\n\xe1\x19\xa2wt\xa0\x8b\xb7KW`V\x81\x01i\x16\x8a\x0b3x\xd1\xd5\xb9m 0e\x80\x15\xa2\x9c?\xbc\x9f~ y\x11\x96`em&amp;\n\x7f\xe5\x07\x1c_J\x8e\xcb\xa4\xe2\x83\x92T\x82\x85m\xab\x98\xf8\xad\x9f\x86\xe5{l\xac\xa8\x1f\x83\x80JM\t\xa6:^\x9f\x7f\x11\xa9\xc0\xe1\x18\xc1\xe0\\\x98\x1e_uAM)):b\x81\xf9NG\x1a\xcbF\xa44\xb1\x18\xb7\xb8b\x80\xbc\xfe\x01\x10|\x17\xf6\x14\xcf\xbb\x14\x00\x00\x00\x00IEND\xaeB`\x82'</t>
        </is>
      </c>
      <c r="M86" s="3" t="n">
        <v>45492.67864583333</v>
      </c>
    </row>
    <row r="87">
      <c r="A87" t="n">
        <v>243435</v>
      </c>
      <c r="B87" t="n">
        <v>2020</v>
      </c>
      <c r="C87" t="inlineStr">
        <is>
          <t>Titi</t>
        </is>
      </c>
      <c r="D87" t="inlineStr">
        <is>
          <t>Titi</t>
        </is>
      </c>
      <c r="E87" t="inlineStr">
        <is>
          <t>ZAG</t>
        </is>
      </c>
      <c r="F87" t="inlineStr">
        <is>
          <t>ZAG</t>
        </is>
      </c>
      <c r="G87" t="inlineStr">
        <is>
          <t>ZAG</t>
        </is>
      </c>
      <c r="H87" t="n">
        <v>187</v>
      </c>
      <c r="I87" t="n">
        <v>4</v>
      </c>
      <c r="J87" s="2" t="n">
        <v>32213</v>
      </c>
      <c r="K87" t="inlineStr">
        <is>
          <t>Left</t>
        </is>
      </c>
      <c r="L8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18f5707-fa2b-4526-a8c8-eafa91618d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0=\xd0l\x00\x00\x00&gt;tEXtComment\x00xr:d:DAEewil2SDw:3048,j:4010854548617000738,t:23080814\x1a&amp;b^\x00\x00\x00\tpHYs\x00\x00\x0e\xc4\x00\x00\x0e\xc4\x01\x95+\x0e\x1b\x00\x00\x03\x00PLTE\xff\xff\xff\xca\x88w\xc6\x16\x1am9,\xcd\x8bzT0(U+#\xff\xfe\xfeQ)!\xd3\x91\x7f\xb6\x0f\x10\\6.\x02&gt;\x97f7,\x81C2\xc8\xc3\xcaZ1(\x11\x11\re?:\xc8ye`/#\xd2\x8ez\xcc\xc5\xcc\xc9}jt;-\xc8\x85s\xd0\x19\x1e\x88G6\xcd\x85s\xba\x13\x15\xa9\n\x0be1%\xd0\x88t\xd4\x95\x84s@3\xa6aN\xbeyg\xc5\xc0\xc7\xa1\t\x0b\xbcuc\xc1\x14\x17\x97TB\x01:\x93\xb7r_\xcf\xc9\xcfj4(\xc4\x80n\xcc\x8f~\\+!\xd2\xcc\xd2\xbe}n`5,\xc4u`\xa0]Kz&gt;.\xaeiUU4.\xber]\xc3|ia;4\x9dZH\x9c\x06\x07\xc9\x81pzB4\xd2\x8bw\xce\x92\x82\xc3ye\x8dN=\xb0\r\x0fn&gt;1\r\x0b\x06\xd1\x8e}\x8dI8\xdd\xd5\xdbJ\x1c\x12\x18\x15\x11\xadaMO.&amp;\xcd\x81n\xca\x1b \x86L&gt;\x91VH\x02C\x9dL\' \xcf &amp;\xa9]I\xa7eU\xbbmX\xb4mZ\x95\x05\x05P"\x17\x98XIi;1p5\'\xb1eP\xb5jT\xe2/7\x82F8Y}\xb2\xb0qahD?\x8f\x03\x04\xfc\xfb\xfc\xf5\xf6\xf7\x025\x82\xd5\x9b\x8b#\x1d\x18Y93D!\x19\x86\x02\x03\xc1\xbc\xc3\xd0\x97\x88xF96\x1b\x14\x8dQC\x03J\xa5oLIX\'\x1a\x93M;\xa5YD\x93Q@\xe96?\x028\x8a\xb5uf\xaceQ\xc1\x83t\xb9zk\xf2\xef\xee\xd6\xd1\xd7\xaal\\\xbd\xb7\xbc6!\x1b\xa1`P\x01.zjHE\xb8\xaf\xb4zZY\x9fUA\x99aS\xa7\x11\x13)\x16\x10A(#tRO\xc5\xb9\xc0\xde)0\xd6&amp;-\xd7\x1f$\xb7\xb3\xbd\x83QG&gt;\x15\x0c\x01(o\xc2\x89|\x1aX\x9e\x04S\xaf\xc2\xa3\xa94\r\x06\xa5\x9c\xa1!\x0c\x07oD=\xb3\x19\x1c\x9ei^\xb1\xa4\xab\xc6\xaf\xb7\x8f\\Q\x94\x8e\x93\xa0\x83\x84\xb8\x9b\x9a\xa6\x90\x93\x8aVI\x05#U\xd1\x85x~J=\xa6US\xb0\xaa\xb0\xb9\x82u\xb9gQ\xdf\xbc\xbd\x01\x127|NC\x95\xab\xcd\xe7\xe8\xea)\'#\xbcgo\xb5\x99\xa5\x9cHLZ@=\x8fAI\x88mp\xb3+3\xdb\xc3\xcc\x89\x83\x86ohk\x88c^\x9fsm\xb8\x8e\x90\rM\x97\xafZa\xb1e^\xbd &amp;\xe6\xde\xdc{\x04\x04\xe2\xca\xd1\xbd:&gt;\x8dt}\xd1\xa3\xae\xd1\xb9\xc3\xbd?Q\xcf\x90\x9b\xdb9Ba|\xa3YUTs\x8d\xb2\xbcTKDp\xa7\x97/;\x9c\xa4\xba\x88\x9a\xbbGEB|x{0c\x9e\xde\xa0\xa0\xa6/8\xa3 %\xccBRZ\x1d\r\xc1|\x82\xc8(2\x14K\x88\xafHQ\xdbo}\xd9QZ\xdc\xaf\xb3\xc8aZq\x01\x01+Q\x7f\xd7\x82\x8e\x90\x1d"i"\x19\x11=t\xb4pv\xd0ep\x96\x91\xa3\xf1e|340\xd2\xdc\xe7\xc1~\x92E65\x81,/\xbd\xc8\xd8P[}\xaa\xbc\xd4\xe8v\x93\xc6NkDg\x93\x1d;a\x7f\x80\x9c\x15^zY\x00\x00 \x00IDATx\xda\xc4\x99\xdfk"\xfb\x19\xc6W\x8c\x8ee0\x9d\x98\xb4\x89l!\xe0x\x10\xf1\xac\xc9\xaa\xa3Q\x87\xb5Q\x92\xbaG\xa7(\xe2\x0fbV\x11\x83\x82J\x8d\xc3F\x05\xf3c\x13e7\x11\xdd^\xd4%\xd0lB\xce1\xddJC\x92\x12"%\x14bRX\x96\xf62\xec\x8d\xf9\x07\xda\xdb\x12\xc8u\xdf\xef\x98m\xceE\xef\x9a\xc9\xbea\xe6br\xf3\xe1y\xdey\xbe\xef;&gt;z\xf4\xff\x15\xf6\x08K\xac|z\xb5\xf6~\xefl\xef\xec\xea\xec\xe0y\x12\xc3\xb0G_\xbb\xb0\xe4\xc9\xdaY\xa7{\xddN\xb9RP\xedv\xf7j\xed$\xf1u\xb90,\xb9vv\xd9v\xb9\x06\xa0z7\xa8\xf6\xe5\xde\xc9WT\x0c\xc3\x12O;\xb7L_\xb08.W\xbb\xfb\x1ey\xf9U\xa0\x12+\xdf\x9c\xdd\xb8\x06\xa6\x07\xee\xca\xc5\xb1!\xd0T\xb7sp\xf2\x15\xc0@)po\x1a\x15G4=p\x0b\xc4\t\x06W*u\xf9\xf4\xc1{\x0cK\xbe\xe9\x0eL\xdfQ}\xd1\xca\xe5\xba\xf32\xd5=H&gt;,U\xe2\xf9\xd5\xf5-\x15\xc7\xc5u\x14\x08Tk\xa7R\xae[8\xb8]\xbfO&gt;\xa4^\xd8\xb7]\xd7\x1d\x15J\x862\xaa\xba\x8f\xd0\xeb}\xe52J\x8aT\r=n\xef=\x1c\x17\xb4U\xd7\xd5\x03\x02\x85\x80\x86\x11\x89\x08BD\xe8G\x8c\xb1X\xcc6\xab\xb7\xe28!\xc9\x94\x91p\xed\xab\x13\xec\xc1\x1c\xbct\xf5D*\xd7\xeb\xcc\x04n\x95\xce\xceNA\xd9\x1e?v:=\xbd\xda\x8f)\xa4D\x1d\xe9v\xf5@za+\x9d\x01\x04U\xaeO\xa4q\xdc\xaaGL\x8a\x11c\x7f\xbf\xd3\xe9tp\xc5\xb2^/\xcb6b\xf3S\xa2\x07\xf3\x11K\x9e\xa5\xa6\x07j S:\x9d\xc6\xa5H)\x85\x02\xa0@)g\xbeX\xe4\xa8\x1c\xc0\x05U\xf4z\xf4\xe5T\xfbl\xe5\x01\xb8VzT\x08*=\x81\xeb\xa5\x1c\x95\x11\xa8\x1c\xf9b\xde\x91\x07\xb2\xa2\x83-\xaa\xd5a\x9a\xa2\xc3^\xcfl\xa6\x96:K\xf2\xaf\xd5^j`\xbaVGL\x13\x13\x04\xa1\x17N\x19m\xfdH+\xc4\x03P\xea\r\xf5\x06T\xa1P\xf0S\x88\x8b\xb5e\x1e\xc0\xc7\xc4\xc1\xf5\xf44\xd2\x8a\x83"\x08\xa9p\xa4g\xa0\x03\xa8\xd4j5\x8d\x80zT\x05?\xe9\xa7h\xb5CQO]\xaf\xf1\x8b\x85}\x82lw\x81V\x13"T\xc4\xa8Th\xec\x8f\x81TH\'\xf5\x06\x82\xda( \xa8\x82\xdf\xed\xf7\x93$IQaV\x9aK]\xf2\x1a\x13\xd0\xee\x10\r\xe5\tD%\x16\x8b\xc7\x87F\xa5#F\xae\xd7\x9dy\xa0B8\x1b\x9cV~\xbf\x1b\xd5"Y\xa1i\xb5\x87\xa8\xf1\x1b\x13\xd8o\xda\xd3 \x16\'U\x0f\xeb\t`\x81T\x80U\xdc\x00\x18T\x08*\x12\x8dF\x8f\x8e"\x91\x08Y\x00\x1fc`\xe37&lt;b\xad\\Bb\xd5|\x0c#\x06,\t\x87e\xecw\x82}\xc5\xbc\x9a\xa6\xfc\xeeEw\xaf"\xc1\xa0\xd9\x1c&lt;B`\xfe\x02\x1dvL\x95S\x1d\xde\xe4\xc2\x12\x07 \xd6v\x99\xc3\x12\xf7\xb0^\x00\x16\x04\x03\xca\x03h\xa7\x08B\x8aD\x8f\x82f\x83\xc1`\x0e\x02X\xc4\xed\xa7\xc2a\x16O]?\xe5\r+\t\xf1\x0e\xaf\xa1O"\x01(\xc9\x02\xc2\x12\xda\xfa\x1d\xa8\xdfi\x1aaqJE\xa3@e\x1f4\xd8\r\x86 \x92\xcb\x0f\xff\x9b\xaf\xa7\xf6\xf8\x1a\xbe\xb0\xe7\x10\x0e\xdb9\x0eK\x02\xd7\xc2\x02`\x81Z\xf0\x1e\xa2\xb4\xe2\xa8\xa0\x9d"\xd1`\x10\xb0\x06\x07\xed X\x14\xc9E\xd3\x1e&amp;u\xc9W\xa6b\xef]?\xc2\x02\xb1\x90Z#(\xb4\xd0k\xb8\x81L\xe4\xa8\x90\\\x9c\x8b`c\xf0\xc8\xed\'\xa9pq\xb6\xd6\xe6\xa9\xe9{Gt\xad\x9c\x01,\x0e\x8c3q\x84\x93K\xad\xa6(\x8a\xeb\xad\xc8-[\x10\xd5\xd1Q\x14\xba\x8b\x84\x97QQn\xf3\xe5\xe2\xa7.\xa4\xc3\x17,\xc9\x7f\x03\x02\x1d&lt;\x10\xef\x14\x85\x9a\x8b\x84\x8b\x0b\xad/\xc2E\xa3\x11$\xd7~=u\xc9\xcf\x89\x8d\xfd\xbc\xfd?\xb1bp\xf0\x00\x16\r6\x02R/\xbcn\xb1\x10\x99i\x11\xb2\x9ef\x99\xf2\xcds~\xd4z\x93\xfa\x11\x16\n\x081\xc2\xb2y8*t\xf0\xf8#\xee\x02\n\xd5Ew\x14\x99\x08J\x85\xa2\x80\xb5\x08G\x90\x17\xaf\xb7\xbf\xe7G\xad=4\xfd\xdda\x01\xd5\x90T\xa8\xd8w\x00\x16\xcc\x0c\x14d\xbb\x9b\xc3r\xa3\x96\x87\xa6\x87+\x18\x8aFL\xa0\x17\x15\xdea\xcaW\xbc4W\xa2\x03+N\x8d\xc3B\x7f\x00\x06\xf3\x83b\x1e\xb0@\xacB\x01\xd9\xc6\x99HF5\x08Ji\xb1\xdb\xed*M(\xbah2\x05\xe0\xc4\x9e\xf7\xf1r^c\xc9\xcb\x81\x81\xedZ-\x93\x91 (\t#BT\x80\xe5)\x86\xe15$C\x1a\x15g\x99;\xaaQ*\xcd*\x8bV\x0b\\*\x95\x06L4\x99\xa0\xbd\xc2\x8a\xd3W|\xa8\xb5\xd2\x1d\xd8\xeey\x88\xc2T\x02\x9b\x0e\x1aL\xe7=\x1eo\xb8\x120\xc5u\xba%e\xc8\xac\xd2D5:\x9dN\xa9\\^.\x954\xa1@\xa0RY$\x03\x81\x00I\xfa\xd9\xf4\x1b\x1e\\\xc4N\xae]\xaeZ.\x03\'"j-\x98!p\xe9\x14\xe2\xdao\xb4\xaa\x81\xd5\x92nsR\x17Ui\xb5\xaa\xe5\xcd\xcd\xc3R\xbc\xb4\x1a\xbf\xd8\x85j\xb6\xc2\x95J\x00\x81Q;g|4\xd7\xa7k\xa0\xaa\xfb\x00\x8b\x910\x8c/\x83\xd6C\x18q\xf0\xb4u\xa7\xd5\xdc]&gt;\xdc\xcc.G\x94\x821\xed\x12`!\xa2\xf3\x8b\xf3\xf3\xf5\xf3\xf3F\xa3U\xa9P@F\xb2\xeb&lt;L\x11\xd8\xd3\xb6\xab\xe6\x131\x08\xcb\xe7\xcbdr\xb9r\xaf`\x07\x9a{\xd9\xdc\x8d\x1ffKn\xcbdvIwx\x08L\xebo\xdf\xbe\x9c\x93\xcd\xbd~\xd98&gt;nxi\xaaB\x92\xec\xdb\x15\x1eZ\xfe\xa7\xedZ]6\xc1 .\x1f@\xbd\xcbA\x95\x11\\\x9dI\xcb^\xb6\xaa\xa5MSA\x99\xcd\n\x96K\xbb\xe7\xc72\x99\xcc\x9a\x86\xedh\xeem\xb3\xd9\xd8\xf78\xd4\x14I\xd2\xeb&lt;\xe4&lt;\xb6\xd6\xce1\xe9\xb4\x08\x89\x85\xb4\xe2\xaa\\F7\xd88d\xc7\xcd\xf82\xbda\xcfN\n\x94\xf1\xdd\xa6\x0c\'\x08\xdc\n\x0f/.\x0e\x0f\x97W\xaba5M\x06\xc8&amp;\x1f\t\xf1\xa6]fp\xfc\x16\xcb\xe7\x13\xe9Q\xc1\x031\xb4\x1b\xa1Wx\x03\x81"\xad\xccN\xf6iK\xf1j+\x16\x8b\xb1\xde\xea\xea\xf2f6;\xb9Y\x8a\xafVhp\xb1\xc1\xc7\xf1s\xd0\xae\x8bp\xe8q\xd4Z&gt;\xb1~j\x9e\xadV\xc3,\x1b\xb3=\x19\x1d\x1a\x1a\x12\xc6\xbc\xac\x93\xd6\x01\x96\xdc\x02!\x1a\xf1\xd3\xea0\x04\xc7\xf2X6;\xa6UBTT*d\xeb\xdb\xfb\xc7J\xbc\x07,B\xc4\x88&amp;\xb8\x80\x10\xce\xb3T`u5\x806g\xa3P*\x1d\x1d\xe9\xb7=\x06\xac\xecO\xfa\xe4\xc3:Uh\x91~\x0c\xfb\xa3\xa3X]]\x1a\x13\xd8\r*H\xd4J\xeb\xb7\xf7\x8e\x85%\xf6\xca&gt;XYE8\xf4\x8d\x88 \xa6\xf6[\xe1j\xb5\xba\xbb\xeb\xdd\xb7\xd9F\xa4z\x18\xbd\x84\xfda\x8d\xbc\xefW?\xeb\x13\x80&lt;\x01\x87\x11Nq\xefni\x954Y,vU\x08\x12\xb5\xf5\x03/X\x0c\xac\xd2"\xd9[\x19\x0eM\xa5\x98\xdf\xd9\xd1\xe3\xd6\xd7\xeb\xe7\xbb\x9e\x17B)\xb10#\x1e2\xe6#\xf6_\xff\xe9\x97}\x82%]&lt;?2*\x9e\xc9\xf8\xf0\xc6n\x9c\xdc\x08\xda-\xaa\x00E\xb6~\xcf\x0b\x16\xa2\x02\xac9\xbd\xcc\x8a\x13L&amp;\xb7\xb5\xb5us\xb5~\\m*\x86\xc4333\x0b/\x9c\xfe\xe0\xe0\xe0/\xfa\xe4:\r\xe5T\xccMlm\x97\xeb\xf5\xd3\xe3\x80\xdfm\xd6\xeaB\x14\xd5\xfa\xc0\x03\xd6\xbf\xd1\x97\x07\xd1\x84\xec\xa5\xcc:\x87K #j[\xdb7\x9d\xbd\xbf\x9c+Z\r\xe9\xccw\xdf\x01V\xde}d0\x0c?\xb3\xa8J\x81\xb0g=\xfd\xaev\xd9\xe9\xfeun\x84\x8e\x98\xe5r%I\xb3\x7f\xe4!\xb7\x0ezXV\x99\xd5\xaa\xf7e\xdee\xea\xb9\xdc\xf6i\xe7\xec\xc3\x87s\xe1\xac\x9e\xc3\x1a\xc9\xfb\x8f\x0c\xb0\xf2\x18\x94\xa5\xd2n\xf3|.\xb7U?=\xfdC\xd3\xf88b\x11\x08\xb4&amp;\xc0\xe2\xe1P\xfc\xdd\r2\x91H[\xd1\x87Q(&amp;\xb3\xb5\x95c\xce/.\x1a\xf3\xc2q\x0e\xcb\x98w\x07\xed\xc3\x83\x06\x83\xbd\x14\x0f;bS0&amp;\xee4\xaa\x15\xd2\xa4\xd2\x8e\x8d\t4\x15\x84u\xdf?!`\xdf\xdcp\x9fD\xac\xb8\x9e\x90\xcc\xc0\xcc,\x12/\x8cO\xed{&lt;\r\xcf\xfe\xd4P\x0fK\x1d\t\x0erX\xaa@\xb8\x98w:\xd5\x81\xd2\xa1N\x19RY\x04\x93\x93\x02\x8b\x89\xfd\x80%\x92\xf7,\x18\xf6\xaa\xcb\xa0\x96\'\x08=!\x96\xe02\xb4\x8c\xc5\xd8f\xd3\xcb\xee+Fg\x10\xd6\xb8Q\r&amp;\x0e\x0f\xc3\x8a\x18\nPa\x98\xa4\x175\xa5\xe5\x92\nFBy\x9f@n\ty?$\xfe\xbc\xf9\xcf\xfb\xe5\xc2N\xba\x8c\xe8\x0b\x96X\xacG\x9fEb\x0e/\xa4)\xf2\x10\xb8z\xbde\x1e\x1e\x86\xe62\x04?~\xfch2\xc5KJ\x9dN\xab\x95?\xd3B\xd9\xcd\x95\x8b\xbf\xb9?\x07\xff~\x7fX\xd0\x12043\xbdomzb|\x1c\xb61\xa4\x96\x93\xf5\xb6&lt;6\xe1\xf8\xc2\x1d\x16\xda\xf2\xc1H\xb3F\xa5T.m\xf6\x8d\t\x04r\xb9|X\xfb\xccb7\x98\x1c\x1bG\x9f?g\xefo\xeaJ&lt;\x7fz\x92\xe8 ,F\x04\x0b\xcf\xd0\x90^\x0f\x83|\xcc\x83\xbe\'7lO \xb6\xb8\x80\x80\xdc2\xa3W\x11)\x06s\xbc\xfd\x99`l\xac\x0fq=\x83\xb2\xa8B\x15\x8d\xe1_\xff\x18\xbc\xb7\xf1&amp;\xf1\xfd\xeb\xf4i\xe7\x94A\xf5\x1f\xda\xcd\xef5\xcd4\x8b\xe3\x15\xdf\xc4\x88(\xa2fT"\x18\x7f\x80\x04\'\x9a\xf5G\xac\x1a^\xab"oV:\xa2\x94UQ\xa7A\x94\x14I!\x8eh[\xf0GV\x10\xd7\x16\xd6\xdeT\x84u\x1bvg\xe84\x98\x90\t\xc3P\x9a\x84\x85^4\x84\xd9\xde\xe62\x17;W\x93\x9ba.{\xbb\xdf\xf3\xda\xce_\xa0\'b\xee\xc2\x87s\xces\x9e\xef9\xcf\xc9\xbc\\\xa5\xd2K\x85\x11c\x80\xa7\xca\x1e\x1cjVU5`E\xd74\xc0\xe2gH\xa8]je(\xa4T\xb3\xac\x00TM\xad\x16\xdf\xea\x90\xd5dU\x8f\xaf\\\x97S\xc2\x12]\xf6$s\xa8\x08\x10[s_}n\xf1e\xf9x\xb8B\xa9\x15\x10JU5PeT\xb2G\xf7\xf9\x91\x88\xcb5q\x18\xbeY\x9d\x80!\xb3\xdb9\x9d\xcf{wK=\xbe\xb99\x99\x96\xb7\xbe\xbc=\xca\xd0\xf1#\xb1\x85\xa4Z\x8d\x04dK\xb0\xcdJ\xa5\x12\x97\xadk\xf4\x93\xb2\xb5\xba\xf4\x14\xd5\x14y\x95",\xe5\x04\x8ba\xc4A\xde\xc4\x0cki\xdcU\xc6nn~\x9dR\xed\x12=\x7f8\x1a8\xf7\xe5\x905_\xa1i\xd5\x0b\x8d\xb2&lt;\xbd\xef\x84\xc3\xe1\xcd%\xd9\xba\x90\x8faM\xaf\xd9|\xfc\x03\x1f\xbe\xd4\x0f\xca\xd8\',\x1d\x134\xec\x96\x0c\xbb\xbb\x06\xb1]\xeb\xf3\xfc\xc5\xa5\xbc\xb9\xba\xde\x9e\x96^FA\x9f\xffq\xdf\x0f,\x9cD\xa9\xb1\x9c\xcf/\xf1\xef;\xd0T\xb2uJ\xad\xcc\x9a^\x13x\x82+Q\xad\xd3\xc5\x94\xde\x14\xc7\xb1\x7f`\x95x3\xd8q\xff&lt;N\xdd\xdc\\\x95\xa6u\x14\xe1\xadQ\xd4\xd9/\xf2o\x04\xaa\t\xd6\x12\x0f\x85\x8fF_\x83\xabV5\x84\xe5\r\xe9\x18\xe6\xce\x98U\xea\x0c\x9c\x96Ef\xe9\x969rW\xa9\xb4[\xe2\xe0\xad\xc7\xf0\xd6\x7f\r\xd3:\x8a_ \x88\xd1\xcc~q\xc7\x8fk\xda\x99\xc3!\xcc\xe7e\x01z\xe9!,U4\xba\x8a6\xd6\x18Hl\x85\xd8`iW,\xe6\xc6,\x17\xe4\x18\xc1x\x99\xe1\xc4b\x03\x0c\x81d\xb4\xb8\xad}\xe2\xf1\xd5xJX\xa2/\xff\x0e\xac\xa8\xb3X\xecv\xbb\n?\xb0`\x1a\r\xff\x00\xb5\x94\xd7\xd4\x06\x99\xb21\xb2_\x0e&lt;\xf1\xf8\xd8\xd2\xf5.x\x04\xba1\xb2\x9c\xe3\xee\x80\x8a\xe7\xe2\xc5\xb4\xcf\xb3a.]\xc7\xa6\x85u\xeb\xaf_\x8d\x06\xb8_\xfc\xdd~\xaf_U\xd0\xe8\xc1\xa8!,\xe4}8\xbe\x0e\xac\\$:Z\xc8-5,f\x81a\xd8^\xdfL\xa9\x19\x8e\x13\x07\xc5\xf8\xc27\xa8\x0c\x06`\x99\x1b+\xedRI\xccL\xcb[\x97;\xa3(\xae\x17y\xb5\xf7\xae\x87^\x99\x9eZ\x85BM\x80^\xebV\x12q\xd5 *-\xd7^\xbe\xfc&amp;\xe0N[m\xda\x17\xb5\xdf6S&gt;\x86\x1b3\x06p\x89?\xb9K\xcc\xa1@\x98V\xda\\L95o\xedu\x07\x99\xe8 *\x81r\x7f\xd7\xdfWDr\x91\\Nh$\xac\'\xd9l"\x92\x89\xae\xedK\x07/G\xb5\xb0\xe7\xc2\xd2\xcaf/\xbc.\xf5\x98\x19\x8f9\xd0\x00\x8cGCd}V\xf7J!t5\xb5\xdc\xba\xb5}\x1e\x8d\x0eF\x19\t\xbc\xf5\xae\xd7U\xe4\xc8"\x11\x041\xbc\xb2\xd1I\x94\xa5\xb5\xff\xa9\xf4\xb5Lmm\xdd\xedq\xd8\x87Z\x86\xf5\xe1\x0c2c\x14\x07\x83\x81\x13/\x12\x17#XFje\xeb\x96\xa7W\x82\xa9]\x8a\xff|8\x18\r\x16\xe4\xdd^\xaf\xd7/N\xb0\x10E\xc2rg\xc3\x01\xcd\xea\xda\xda\x9aj5\x10\xdf(\xb4\x86\xc1\xe1P`\x83\x92aupW0h\x10/..r\x1c\'\xd0\xb2\x16\x8f{\xa3\x90\xbarM\rK\xf4\xc5\xbd\xd1h0GX}\x04\x91\xa8\xa4Rz\xb3{\xb4\x92]\x92\x054\xc2\xd5U\xbd4\x90H\xb6\x86\xcd\xa1}\xd8\xa4\xb1\x9b9\x84\xc2J\xe5A\xbcx\x07\\\x90\x816\xab\xc9\xbd\xe1Ao\xc4L\xcd[\x97\xa7\x83\xd1H.)V\xfb}x\xcb\xef\x97\x92\t5\xb2M*\xa9\x1a\x8dP\x08E\x11\xcf\x16\x1c j6\x1dVk\xddj\xf1\x86|\xb8\x11\xe1\xa7;\xcb\xcbw\x18;\xba4\x8f\xc9\xbd\x92L\x8d\xc7\xf6\xa9yk\xaf\xb70\x18!\xe5\xfb\xd5j\x15\x95\x0bE\x15d\xab\xc2\x00\xeei#AI#\xe5r\xbcSw8Z\xd0\xa3M\x9aOZ\xd3)\x8b\xd9\xa6\x15,\x8f\xc7\xba\x18J\xbf\x805{\x1a\xee\x95\xfa\xd8\xc0\xedN\r\xeb\xc1\x07\xc5\xfc` \xa9\xf6\xab\xddj\x95\xc7Bg-\xc5\x81\x94\xd2\xc6\x01\x1c\x17)\x1fV:\x10\xee\x17\xa6\xb4\x85\xe0\n\xd6B\xdaZh\xb5X\xdd\xb2.\xa6f\x05\x0c\xab\xe6\xc7\x10\xf6\x92A|=5\xac\xedW\n\x7f&amp;*\xe9\x03\x8b\xea\xfc\xce\x8e\x84\xb8\x9cN\x95\x1ct\x14O(\xd5\x8a;}a:2\xa5\x91W\xfc@\xb7^/\xd4\xebf6\x16c\xd51\x9d\xd6\x06\xcd\xdc0%\xed\x06n|=\xad\xabZ$\xfa\xb7\xa2(\xcf\xcc\xf3X\n\xb4\xfa~\t\xda2\'D\xbd\x8a\xc7\x12\n\x03\xf9Je\x03m\xc5\x9bz\xbd\xd5rPc\xe1\xe0\x9dVw\xd8b1\xc2\xf2\x99-\x1e\x8f\xbb\x80C0\x9e\x9a\x0cD\x93\x88\xb8-,\xd0\xdd\xd3E\xcaKxC\x07\xb4\xe6D\x04\xfd\xe4\xac|&lt;~\xf6\xf6\xe8\x82\xc8~\x07XS;l6\x8f\x8f\x91j6\x96U\xab\xe1-\xb35}\xbfa\xe3\xc6\x8b\xd7\xd3\x9b\xa0\x8a.\x15ryf\xa1\xd8\xeb\xf3A\xe4\xa9h\rB\x9e+G\xa4N\xf4@\xb8\xbb\xf3gggG\xc9\xa3d\xfd\xf7\xfaE\xbb\xee\xb0\xdb\x87\xb0c\x87\x0fAT\xb3\xc0Jo5L\xf6\xd2\xf5\xc9\x14\xc7\xcd\xa2\xed\x0f\xce\xf9hfn\x12\xc5O\xde\x92\xcb\xd7\x9c\xe5\x83}\xa7\x8a\xde\x15\x85\xc2\xfc\xd9\x93\xb7\xb0\xa37o\xde\xbc\xeft\x8e\nM\xb8\x0b\xd5"\x04(\x16\x9d\xa2\xcf\xbau\xff\xf8\xe7=4\xaf\xd3l_/\xcf\xfd\xf3\x0b\xf7\xfcU\x1e\xcb/\x91\xf3X*\xe3\x8b\x83}\x1ac\xcd\xeb\x85\xab\x1f\x97\xce\xe2/\xca\x01\x84\x92,\x9bM&amp;;i3\x9aW\xb5Z\x1d\xd3jm&gt;\xef\x96\xe7d\xeaK\x8c\xa2\xbdo_\x9d\x9f\x9f\xf7\xc0U\xa4\xb51\t\xcd"\xa4\x87\x07\x87\x91{\x83\xc1\xe0\xe1\xbc\xea\xb7\xaf?\xa2\xf7\x7f\xf1\xe2\xbb\xfc\x12|\x86\x1b\xbc\x92\xcf\x9b\xac(]\xc0\xf2\xc1]&gt;K*}9\xfd\xf9\x96h\x1b\xf6\xe0[*]\x8a\x9dO9\x1f\x89\x1f\x1c\xe62\x83o ]\xd7V?\x9e!\x82G\x13_\xbd}\x8b\xea_\xf1\x80\x8a*V\x88r+dI\xd5g\xf1\xfeJ\r\xbfh\xef]\xbfZ,\xfai\x9fL"\x91\x1a\xe3\x07q=\xdf\xbafT\x9aM\x10\xbd\x7f\xff\xfe\x02\xb9\xf5&amp;y\xb4\x92MZl4\x13A\xc3\x83vH\x8b^?u&lt;\x9b\x15\r\xfc\xd1\xed\xd7\x9f\xaf\x9f\xa2\xdf\x9f\xcb\x1f$\xca\xaa\x1alM\xf5\xb5\xec\xd1\xd1]b\xfa\xe5\x17\x9a\x9d\xe2\xb6\xa6\xc8i\x05\x8c]\xa0v\xf9X\x1aA\xa4\xbf\x9f\xd9\x1e\xaa\xe8y\x9f\xb2\x0b%\x15\x9f\\\xbe\x12\x17\x92\xa6A\xdf#\xdb|JU\xcb\xd2t\xd8\x04\xc1\xdd\xdd \xa3\xd3i\xb5D\x05\t\xef\xf5\xe1 \x02\xebdfk\xbb\xdb\x97\x937&amp;\x85\xa2\x08\xf1\x1c\x88\x97\xa5\x93m\x88@|\xa5\xe1)X\xd3\x9e\xba\xc5\xc7\xa0\x01\x03\x97\x80\xcc\x1e\x14\x00\xc8\x86\xd2\xe5sY/g\xb6\xfe#\xda;\xa7\xd2U\xa4\xc7\xafb$ph\x94\xf2\x83\x12\x8d,\x9c\xf5Xq\x13\x16\n\x16\x07C\xde\xb23\x93\xd9\x03\xb0\\!\xa2\xf2Y[3\xdc\x11\xdc~M\xde\x82\xbb\x8a\xdd\xfd\\\x045^Owb$\x1f\xce6\xea\x0ep\xb5Z\x08bp78\xe1\xb2\x07)\xe3QQ\xd5!\xb3uw{fT\xb7D\x7f\xab~\xc6\x82\xa87FH?\xa0C\x8b\':\x1e\xc8\xad&amp;T`\xd3NTA;oA\xbb-\xe4\r)\xe1-K\xfad\x96\x9be\x7f\xc2Q$*\x05B\x89&gt;\x83\x14\x97TS\x8e\'6\xd2\xc0\x825\x11C\xfc\xd8\xed\xc8vp\t\xcc^\xaf+\x04\xf3\xb6f\xba\xe7\xf9S\x8f\xc7"w\x15\xa91\xe3c\x18X\no$\xad\xd03\x0e[\x13\x91\xfb\xc3]\x1c\xe3\xb0\xa4\xf8\x95\x08K\xfa\x1f\xb3\\SG\xceS\xe1\xe2\x8fb\xd1\xcf\xf7\x1a9)\x8edx\x05\xba\x14\x02\xd0\xa1E\x05\xb5\x13\x15\xb8\xd0\xf0X\xd2[\xa9\x947\xe5M\xb7/g\xbb\xb5\xf8\xaa\x0bo\xa1l)N\x15\n\'\xdfl@2\xc77W\xdc&amp;\xcf\x96\xd5\x0c4HdJ*\x0eI/\xb0\xd5\x0bi\xdalI\x9b\x8eg\x98\xf0$q^wI\t\xfa\x01E\x9a\x9e\xef\x81h\x90\x8aN\xb6\x91\xb6\xc0\xcc,\x95Q\x1aK\xd20\xde\xda\xf64&lt;\x1eOr\xe3\xfb\x99\xfe\xab\x01\xf43\x0e"\xcfu\nI/\x99\x88\xe6\x88\xd1\x98\x7f\xe2\xf6\x10\x16\xb4\x0c\xb5\x14d\x02\x87\xa3^h\xb7\x93\xc9F\'\x9b\xfdu\xb6\xff\x99!zN\x19\x7fz\xea\xdfQ\x9c\xf2J\x82\xc0h\xf0\x0c,$\xbd\x99\xb4|\xb3\xa9e\x04\xf0\x95\xa3Uh\';\xee\x8e;\x91H\x9e\xccxQ\xf7\xcf}\x8a\xde\xce\xe9\xe9\xc4]\x04\xc6\xf7\x8c\xe1\r\x8f\x95\xdc\xd3\x1a\x0e!K\x91\xf9\x82\xa6\xcd\x02Wu\xdc\xd0^&amp;\xef\xac\xb1~\xea\x01kgg\x87\xa0vn\x93NE\x0f\xa4\xa7\tD\x92\x9a\xb0B\x81$&lt;\xe42\x04s\x1d\xbeJ&gt;\xcbV\xe2\x1d\xd7\xcc\xb1\x1e\xf4\x14\x12\t-\x80\xf3K\xe0\xb7\xf9\xf7k\xb9SJ\x85\xbe\x80\x98\xb5\x0b\xc7\xe4\xaeIo\xdd~\xc6\xbf\xfew,\xcaYc\xdd\xda&gt;WHn\x7f\xb69\xfc\xdc\x9e\xa3U\xf0\xc8\xe1\xc13\xa4\xb7\tX\xc7\xc7\x8e\x16\xbaD\x82|\xf6,\x91H\xb4}j\xa5\xf7?3\xc6\x12}P8\xe5&lt;\x0e\xbd\xe3\xf1\xbf\xe9\xddLz\x18O&lt;\xfbW\xd2\xddi#\x8e\xc8\xfb\x02Qe\xbf;8\xac\xb4qU+]?\xdf\x9a\xb1\xbd",~\x1bi\xf2\x99\x9b\x9b\x87\xbb\xfc\xff\xa7\xe5l`\x9a&lt;\xb78n\xd3J!+\x94H\x0b%tk-\xad\x84\xd2\xb22\x11Wd\x051\x84\x8f\\\x08\xd6L\x11\xa9|x\xaf\x96\x0c\xb9\x08\xc3\x91\x86\x85\xda\x81%Le\x89H\nV\xe4\xa3P\t\x97\x04\xc1\x8cI\x05\xc4\x9a\xab\xcc1A.\xc2\x05u,N\xc8PP\x12\xae\xa2\xc9\xd8=\xe7y\x0b\xdb\xeeGv\xaf\xc2A\xdej\xa8\xe9\xcf\xff\xf9?\xe7}\x9e\xf79\x8f\xa2\x96\xdc}(NC\xed\xb1c\xc7j\x01\xaavw\xd9\x85\x8a\x96\x9621L &lt;"o\xac1\x15\xd3\xba\x81\xec(\x92\xed2G\xb8\xbbo\xde\x06\xa5\x1e\x12\x96\xd8^\xd1PVKE\xd9\x85\xf6\xf6\x8a2?\x0f\xdc\xd9\x10\xaf1\x16s]\xd3\x1f\xb7\xb9c\x1fe&lt;\\\xe2)\xd9\x9c`0\xc2\xec\xab\xbd\xa2%\'\xa7\xbd\xbd\xbd\xe1BYm\x19H\x95#ji8\xa0D\xac\xe0\xc8\x1bk\xed\xadj\xc4\xc2F\xbc]\xf1\xa4\x1b\xcfi=9\xfe\x00X99"zT\x94\x08\xd1*.\x00aN{\xc31\xbfH\xaf\x84\x04L\xe2Z\x1f_\xa9\xafI\xd9\xec\x84\r\x82\xbb\x9c\x9d\xe3\xf1\xea\x84\xdez\xcb\x15g_t9\x1d\xc0\xe8":\xf6X\xb6W\x14\x1f\xf0\x0bMP\xa9\x08\x16.\xf3\xd7rj3\xf01b\x91\xd8\x05\\\xbbH\xb3\xe7zw\xb8\x05\xb9\n\x04\x029\x82\xa5\xb8\x8aZ`\x81]v@\x1c\nZ\xe1v\x99\xb2I\x7f\xe3R\x11\x9e\x8be\xae\xd1=;\xe8T\nn\xee;;\'#\x18\xe9A\x85\xab\x13\xc7U.\x10\xc0\x82\x03\xeeC\x89\xb9\xfb\x8a\xa1\x90\x96\x1d\x80\xd2\x90\x80\xe1\x11\xbc\xa7q\xde\\\xd7j\xf0\xd4/,v\xbcZ\xe5\x1eu\xd2\\\x017\xc5(W\xca\\$\x8f\xc4e\xc0\xa5\x80\xf9\x8d\x88\x17\x92\x9e\x98\xeb[\x98\x14\x10\x90\x04s\x07?\xaf\x04\xd52V\xdf-\x88F\xb3\xf1\xf4XFF\xc7\xaar\x1d,*:tp\x1dS_Z\xe3\x8a%"\xdf\x89j"&amp;\x07 \xf2\x15 \xd2\x8e\xdc\xc4\x1da\xc5\xc50\xbf\t\xf0\x032p;\xf8*\x01w\x18\x83S\x1b\xf0\x99~\xa9\xad\x8e\xcd\x9e_U.fQko\xefx\x8f\xc5j\xfb\xb8&amp;\xc5\x95\x03\xabi\x0566\xa3\xdd\xe1\xb7\x02\xb9h\x07v\xcd\x87\xedN\nP\x8aa\x92\xea\xa7\xf4\x0b\xf6P\xa9\xf8|\xbeP\x88jU\x1c\x87\xe9cMiS\xb6\xac\xfe\xe7\xd5\xe3b2\x8b\xcc\xbd\xcfO\x9e&lt;\x19\x7f\xf2\xa3\x9a\x9a\x149\x87p)\xf2),\x0e\x9e\xca\xd8\xe9\xeb\xbbukj\x9222R\x15\xe8\x85\x1d\xcdP\x1a\x08\x15\x85u\x19\xe6\xb3\x1b\xda\xadF\xcf\x81\xa7C\xab\xc5\xc5d^\xb2\x8e\x97^&amp;\xcd\x93\xf1\x88\x85\xfd\x80\x1c\xc2F^\xc1\xe8\xa2\x9d`)XL\x88\x03\xf94\xbeJ\x15\n\xe1\xa0\x12&amp;x\x05+\x13\xe3\xe3\xdf\x7f+%\xa7\xd1\xc8\xee~f\xcbX-\xae\x1b6\x9b\xad\xf7\xf2g\' \x00+\x8a\x0e\\P\r\x04\x1c\xa0\xda\x8cTr^x\xeen0Upd\xa07\x8d\xcf\xf7\x06\xac\xc0@\n\n\xb0\x12&lt;\xf6\xe4fee9\xbb\xd7 \xd6\xa3o\x87V\x87\x8bYt\xb5\xa6\xe7V\xef\x1d\xc0:wn\x17\xa8\x05Xr\xf2\x0bK\x02\x16+\r/$\xb18I)\x0e\x05*\x1aP\xa9\x02\x03a\xa5!\\\xc1R\xees\xcf:{&amp;k\x03\xc1\xfa\x0e\xdc\x85\\oZ\xc0\x0e5\xce\x96Zz\xc6\xef\x9c\x04\xaasY)X\xcd14\x1a\xb9\x03K\x83X\x05\x85\x01\xe2Po\x06\x03R\x87\xdd+|&gt;#"b\x05\xcb7\\\x11w&amp;\x0b\xd4\xf2\xec~4\xd8\x99\x91\xb1\nz1\xd9/fmVKO\xef\xc9s\x88\x85OC\x90\t\x83$\x13\xa9\xf0\xa9MX\xaa_\xa07\xd4\x03\x1c\x7f\x18\x11\xc2e.\x0fea\x8c&amp;\xf9L\xdc)\xab\x01\xb1\xbe\x19^\x05.\xe6\xa5[7o\xf6\x99\xad\x16\x82u"\x0e\xaa\x01\x91J\xc3\x03\x1aR\xd8A+\x08\x1f\xff\xfd\xcaPH!\x96*\xf0\x970\x82\x0b_\x84\x0c\xb0\xf6\x17h\xf2\xe3\x92\xafRX\xd3\x1d\x19o\xceu\xd0\xd8p\xf8I\xa3\xd9&lt;\xdf\xf3\x1c\xb0\xce&amp;+8\xc4M\x80\x05!PPX\xe1nn&gt;\xfe\x1f\xee\x11\x03O\x02\x9f\x01\n\xf1#\xb8\\Dr`\xa5\xfa\xf3\xf2\xe3\x14}\xe6rY\xf7\xb3\xc1\xe9\xc5\xa17\xe7\xd2[\xba\x0e?\xb1\xd6\xd5\x99-\x7f\x07\xb1\x8e8s(,\x1e\x91\x88G\x00C\xdc\xd2\xd3\xdd|\x8e~\x92\x1a\x8c\xb5\x8a\x86^\x8f\x00\xa9\xa8 \x85+\xc9?$?N\xdeX\'\x91uO\rN\x07\rM\x8c\xbc\x19\x17\xf3\xd0\xbc\xa5k\xef\xdd\xa6\xd6\xd6V\xf3\x9d\x13\'\xce\x1e\xc9\'\xa5AC\'T\xe1!&lt;\x94\r;5\x12w\xf8\x7f\xb2_\xe9\x91\x00U\x81\x81T\x0e..byE\x02\xd6d\\\x8e\xd5\xc8\x0ej\x03,}\x86\xddn"d\xaf\xcd\x95=n\xe9\xfa\xe0n\x93\xd1hl\x1d\xff\xec\xc4\x91,\x05hE\x95\x047\x12!\xd8\x13\x81\xfd\xcb;\xc3&gt;L\x85\xb9(ba\x02\xb9\\\xee\xb2Z\xfc\x84\xd0T\xc0\x9alh2x"V\x9b~\xd8.\x95\xda\xed\x08\xf6z\\\xcc\xa2\x97=\xd6\xaeMw;\x8d\xa7O\x1b-\xcf\x8f \x96\x1c\x06\xa2\x1cY\xd2}\xdc|b\xdc@40V\xc1\xbe-\xbe\x85\xa9JH\xa20"\x9aK\x82x\x1e\x83\xcf\xf7J=\xaa\x99\xe4\xf4\xd5e\xcb\x82\xa6\x07\xa7\x00\xcb\xc4\x92J\xa5,\xbbi\xe45\xb8p\x83\xe0\xe7%\x8b\xf5\xab\x0f\xeew\x9e6\x18\x0c\xadw\x8e\x9c\xc9\xe2\xc0DO\x8e\x1b\xfb\x98\xb9\x98\x98\x1d1(\x19n\xf2\xfbn\x85\x1b"\x88\xc5\x88v\x89F\xb1\\(&amp;.\xa6\xd1\xeb\x0f1\x9aI\x91\xd5(\t\xd2\xdf\x1b\x9c\xea\xd6g\x98\xd4\xc8\x05\x92\x99&amp;\xc6\xfe\xaf\xffi\x03\xe6\x91\x87\x16F_.-Y\xcc\x7fy\xe7~\xb5\xc1\x90\x9dm\x18\xcf\x8a\x8b\xe3\xd0IP\'\x97I\xbb\x94\x0fi\xd4(\x06\xad"\xbd\xf0!R4\xa6\x8f\xebBI\x86/Ba\xe4\x16\xb7Y*\x87\xfa\xdbi\xcf\xfa\x83FL,\x08\x02\xc62\r/\xfc\x8f\x05\x9f\xb4N\xeaG_6_l^\x9a\x99\xaf\xbb\xfe\xce\xfd&amp;C\xb6D\x92m~?.NA\x8f\xc2\xad|b\xf3\x98\xa3\x05\x84\x0b\x1b5\x88X\xa1*&gt;`\x91\xe6\x07\x82\x85-\x07\xd1\\!_\x19\xc6\x9bT\xf4UKd\xfa\xfe\xc7i\x8fb\x17\'L:\x9d\xf4\x17\xb0\xb1\x85\x83\xbf\xaf\x18\xe8tiq\xf8\xe5R\xf3\xc5\x8b\x17\x9b\xe7f\xcc\xadO?\x7f\xd0d\x90\xb0\xd9\x92\xecSY\xc9\xf9t\x11\x8f\x17\x05\xd6\n\xa7\xce\x9e\xfb\x17\xc4`\xb3\r\xe4\x90L\xfc\xf8\x0c\x87H\xf0\x15M5\xb2p\x19\xaa\xa4\x02\xcdd\xce\xb5z\x10\xab\xffQ\xda\xe3\xd8W\x13v\xadV\xbb\x02\xc6b\x992^]:\xf8;\x0f\xfc\x0e\xe9\xc7~\x9a\xablnv`\x8d\x1a\xbf\xff\xfc\xc1\xb5r\t\xdb\xd3\xd3\xb3g=b\x89\xa2\x00+\x1c\xb0\xa83\x80\xa0\x18\x18\x1e&amp;\x80\xb0\xa2P\xd1\x18\xcb*q]\x1c\xc1\x15\x86\x16\xc6\xccN^\xed,\x97\xe9\xf5\xddSi\xf7b_\x99\xf2\xa4\xda\x92\x12-rQdj\xfbH\xc7\xc2\x7f3\x19.L\x16F\x81\xa9\xb2\xb2\xb9\x92\xc2\xd2\xce\x8c\x1a\xae\x9d?\xff}y6\xdbS&amp;k\xbd\x9c\x9c,\x17\x01\x97\x88\xb4\xfe\x00V\xd8\x16\xdf-\xfe\xe4\x057\xea\xbc\xbd\x85h-\xae\xa3\x17\x89\xa2b\xa8\x94a!\x93\x82F4\xbc\x1e\xcbVl\x87)/\x8f\xa5+\xa9,\xd1I\xa5\x14\x18\x8b\xa5V\x9b2\x16\x8b\xfeS36&amp;ohf\xae\xa4\xa4\x92\x04\xc1z\xf8p\xd4\xd0t\xe5\xfcS\x82\x15\xc4\xb69\xe5\x0bD\x18\xe1x\xbb!8\x85\xbb\x8b\xc3\xc2\xc2\xf0t\x9b\x18\xac%dp\xa3\xa3W\x84\xc2V7\x17\x9ax+\xe4\xb0\x82\x18^?=8\xd8\x06Xvu\x9eZ\n\x9f\xa3\xd59\xc80\xd4\xa6\x7f\x97\x0c\x1d\x05\xc9\x03m\xe1\xdd%Z\x9dv\x19k,\xbb\xfa\xca\xf9\xeb\xe5\xd9\x12\xc0\n2\x7f\x94/\xe0Q\\\xa4,`\xb5\xc2\xa3\x91\xc5\xe0x\x92D&gt;\r\x1c\x85X\x1b\t\x13by\x07lI\x9f\x05\xc3c\x0e\xfb\xef\xa5Mu\xc7\x8e\x99X:u^\x9e\x94\xfa$\xe9\xaf\xc0\xd4\xbfq\x19\x8e\xbc\xc5\xe1\x19\xf0\xa1\x16\xdf\xaac\xa9Y\xbae\xacaI\xfd\xb7o\xffP\x8f\xe6\x92\x05IJ\x15\x02\xbaC\xadt\x1c\x80\x88\x95\x94\xb4\x15.\x01D-\x1a\xe3_\xb1\xb8\xa1(V{S=\x1b\xc4\xea\x7f\xfc\xc5T?`\xd9K~\xe1\x92\xfe\x86K\x9d71\xb6\xb0\x92\xbd\x8e\x9f\x1e\x82B\xa8\x95V\n\x7f!\x8f\xb5\xa2\xd6\x90\xa4\xfc\xcb\xb7\xbf\xfe\x86\xcab\x90y\x9b\x1c\x9f\xe0"\x96\x8fO\xae?\xa1\x82e!\\\xfc\xc8\xdc\x94\xc1 7\x1e\x17\x07T\xe6\xc6\x8d4qq\xfal~_\x1d\x8a\xa5\xef~\xf6\xc5\xa3~(\xf2v\x9d\x8eE}\n\xeaE\xb9k\x99K\x9dg\xa2\xb2\xb7\x80B!\x14\xb2\xe7UUU\x91\x7f\x085\x12\xed\x13\xa7\x07\xfe\xf1\xd7+\xb7\x1dY\xf4,u\x85\xf5D\x0ep\x11\xb5\xb0\xb6\x07\xc0\xc2\x10\x96\x85\x80\xe5\xed\x8dO\xbea\xa6\xe5\xf0Uf\xe6\x9f7n\xff4\xc0\x9f7\xd9\xdei`\x03Vl\xdbwP\x1f\x822L##v)`\xe1\x80\xac$#\x92p\xa9\xd5\xf0\x8dd\xb8\xd4z5\x04B\xe9t\xe4\r m\x15b\xa9\xe1O\xcd\x18Ks3\xf3\xf5\xd5__y\nYD,\xbd\xf9x\x94\x86\x87\xdd\x94\xcb\xb7\x1c\xecA\xc7\xa5!\x88E\xd4\x8a\x10\x92\x02A\xa4\xca\xcc\xdc\xfe\xae\xd8\xd7g\x16\x87\xa1\x0cr\x08\xb7\x9e\xc1{\xb1\x8b#\xa61\xd9\xe8\xf0\x88\t}\x8f\x19B\xbd\x1c\xc3QM\xd0\xd6A\xf6\xe6\x00\x8a\xfc\x10\xdc\xa7\xae\xa2\xa8\xb0\xac\x94,\xcd\xbc\x84\x05\xab\xa5\xd1\xda\xb8\xf3\xc9\x8b\xae\x9d\xb5}\xd7\xaa\x07\xba=m\x1b\xa2\xe8\xa2\xf0\x9ct\x82\x15\x86u!4\xf0=\\\xe9\x84\x06\x92\r\x0c\x06-\x9aA\xa5\x10\xdbs\xb7\xd3\x02\xfcC8\xb6\xea\xfa\xfa\xcek\xd5\xf5m\x8f\xd3\xa6\xda\xa0lU\xf5\xde\x1e\x90I\x80l\x02\xb2\x89!u\x14V5\x05\xb6nfN\xeb\xf0\x14\xfc\x88\x92\n\xa8\xe0=\x0fg\x86\xe6;\x9f^\xff\xe1\xfa\x97\xd7\xbfz1\xfb\xe3\x8f7\x0f\xef\xdd\xfb\xa7\x17}\x8d\xd5F\x8b\xedx\x14`\xa5\xff\n\xcb;\xf0S&lt;B@\xb0h\xf0\xed\xb2L\x95\xf9\xee{\xbb\x13Sl\xe5\x03\xf5\x9dw7mzr\xf7\xc1\xf9\xbfM\xcb\x86\xabL]\xff,\xda|C\xdb\xb8\xcf8.\x1fy\x93{\xa3w\x07\x16\xdcA\xa0\xba\x1dC4(0\x06aWp9\x08~u\xed8\nG\xdf\xa8-\x82\xbe\xd1\xb5,{1\xafx8\xa2\x9bB\x0e*\x9d\x14h\x10\x86\xab\xd4\xc9\x1a\xb4*\x86\x81d\x1c\x19\x16U\x13\x96\xac?6\xc9dC"\tir\x1a\xd7\x868\x031J&lt;\xd8\xf7\xf9\x9d\x92&gt;\x8ae|\xb6O\x9f\xfb~\xbf\xcf\xf3\xfb9\x92\xf4G\xa7\x1d!,d\x0e\x1f\x1e\xfc\xef\xc7\x7f{S\xe2\xb5^\xbf\xf5\xfd\xf9c\xd6~\x1f3\xa89\x15\xf6\x1b\x07`\x1aO\xab.\xcf\xf3\xb6\x1a\x8d\x9d\x00K\xe5yM\xdez^\xa8\xe4\x93\xb9\xbd\xdf\x7f\xfa\xc17\xc8\xd6\x1f~\xe3MQz\x0f\x01\x811,\xdc\xdd\xb8&lt;\x7f-\xf3\xd2\xe2\xadw\xff\x91\x0b/7w\xc6\xae$\xc9\xaa,\x9bg\xdb\x7f\xf9\xe9\xa7A `\xb4\xca\xbdv&gt;\x9fOZ\x8c\xed\xf1\xbd\xef\xe7P7\x81ER\xd1\xfa\x84#\x1e\xd5\xcd{\x8f\x0f2\xd9\xda\xb8&gt;\xd4\xc4@:\x1d\xe0x`\xed\x12\x96\x06\xae\xe1\xb7\xb5\x8d\\"\x19\\\xbf\r\xb9\xde\x99\xab\xf5\xe6\x02\x13i\x91\x9e\xcc\xa7O\x0bP\xeb\x13\x8fj\xf5\xb3;\x05\xff\xf2\xf2r\xf3\x87\x91\xa2\x88\xa2\xc2Kf,\x16S\x87\x8d\x00\xcem4\xaa\xdd\xe9\xb7\xff|^\xdb\xc8\xe6\xe3\x99\xc3#xJs\x16\xe5\x9b;KP7\x89\xe9\xe00\x99\xef=\x1a\xaa\xaa\xc4\x07\xd2\xa9H$\xa5kf\xd4\x8c\xee\x9e\xecF%\x8d\xd7\xf8ay\xa3\x92KXB\xfc\xfe\xa7\x1f\xbc\xf3\xbb\xf7\xe7X\xf4T\xdd\xd5\x05\xaf\x00w\xe9\xb2Guu\xf5\xa3;\xc5\xf02a\x1d;\xe0H\xa5\x03\xb8\xc8\xa8)\xf3\nG\\\x01\\\xb4$I\xb6=\x1cL\xcb\xb3v\x07\xc2\x1d}\xf8\xf8\xde+,\x8f\xea\xde\xe3\x0f\x8f2\xed\xb7\xa6\x03[ReI!(\xc2\x92LSUc\xbb\xbb1\xc8\xa5in\xb5\x0c\xb9\xe2\x96\x90\xdc\xa3\xe7\x82?\x7f\xef\xd7\xf4F\x1ezfs\xc9{\xe3\x05\xbc\x04\xd6\x15\x8f\xea\xd6\xd7Ea\x8d\xb0\x9e\xecG\x9cT*\x95N+\x9a\x8a\xf3i\x1c\xc7\x05\x0c#\xc0)\x84\x050Ir\xddF\xebQ\xb9\x97Mf\xfe\xfe\xf0_\xbe?\xfe\xd2K\x15\xf2tduz\xcf\xaa.K\x80\xa6\x18\x0c+\xe5\x88\xb8&lt;\x0f\xcb\x944M\xe3\xdd\xc1\xf3\xca\x9c\xeb\xee\xbb\x9f3\xac7\x16/-]YZ\xbaAz\xad\xbey\xfd\xba\xa7\xd6\'\xc8\xd5\xd7E,\xcf\xa0\xda|\x1a\x898N$\x02\x81x\x19\\\x1eV \x10PD$N\x96dI\x82\x80\x9c\xc25\x1a\xad\xfa8\x9b\xf7yP\xc8\xd3a\xa7w\xde\x12E^RMU\x12u\'\x92",G\xe7M\xc2\x8a2,\xa8\xa5\x89\xee`\x9cK$,\xec\xbf\n\x7f\xfb\x15\xa8\xb0\x16\xbeu\xe9\xc6\x15\xf6\xea\x07zI\xd4\xdb\xd7\x17\x17\xe8\xf5\xd5W\x17o\xdd-XB\xf8\x95X\x0eE\xc2\xc3R50\xe8\xa0\np\xa2\x06,\x94\r,\x9d\xc08Qt\xab&gt;\xect\xbe\x07S\xa6=n5\x14N\xd1\x0b\x89\xd7\xa1\x00\x00\x04\xa0IDATd\xd34mQ\xc7)VH+\x83\x93\xa21`\x99\xb1\xdd\x18\xc2\x05\xbdy\xd1\x9d\xd6J\tl\x0bC\xfe\xe2\x9d\xf7n}\xf4\xd9\x9f\xae\xad\xc2E`--\xac\xae^{\xe3\x17\xd7\x16\xf1\xe5e8x\xb7\x80\xd1Nj\xed&lt;sR\x0c+\x92",\xd5\x94D\x92KgX\xb6-\xc3\x1f`\xe1\xe1\x15\x92\x0cw&gt;\xacy\x87\xc9N\xaf\xdc\x12\xe9(3\xde\xe6\x8c\xd4\n\n\'18^fX\x90+\x16\x95)\x06\xe4\xe3\xb4\x02\x17\xc1%\x14\x1f&lt;xP\xa8\xd566\xb2T\x1b\xa8Z\xadX\xc3\x81/\xbf\xfc\xee\xab/\n\xc4N\x1e\xf6&amp;\xe9t\x1aX+?cA\x19\xa6\x96\xc2{r\xa96/*`\xd0u\x1d\x92\xf9\x0eJ\xd9\xf1\xa3\xaa\xe8\x95Dm\xc2\xc3\xc0\x15\x86\x95rt:\x04\x1e\x8c\x9b\xd8.a!\x9b\x08\xbe[\xcf\x12\x16\xf6\x85\x89D\x92\xec\x14\x04?\xdd\t~\xef\x1f\xf6\xd7\xc9\xf8\xfa:\xfd\x0c\x89\xb5\xd95\x80\x95NQ\xe69\x96-Y$\xc7\x98Z\x98\x8c\x9a\rT\xd9\x86{\xe4-\xc9\xe5\xcb\xd6\x87\xa4\x9f\xc8\xbeM1r=\xa9Pd!\xcf\xb04\x8d}R=\xb1x\xf8X\x9eot\xc2~@\xb1\x12&lt;8!D7\x94\x90\xc1\x1f%\xcc\xc3\xe69\x85\xdb@\xb11\xc8\xb0xzxp\xe9\x88\x12a\xe1fk\xd0\x8bc\x01s}}U\xd2D\x86E\x0f\x1dUE\xc3\x93je\xdf\x13\x0b2\xc5L\xcd\xa3#\xb5\xf0\xbb&lt;\xdf\xe0\x1a\xe3d\x92a\x81+\xf8\x9a\x8c\nDa|\xf8\xe3q\xfa\x06\x89u:I\x93_\x14\xa5@\x9a\xf4g\x13B\'\x1b\x8d\xb4\xc1\x11\x96M\xa1\xb7=,(\xe8\xfaL\xc2B\xf1\x10\x12s\xce\x9dSQ\xdcI,\xd9\x8c2,\x8d\xf0TxH#\x95\x179\x05;\x1d\xd2"\xbc\xc6\xf4\n\xbe\xa6\x12&lt;\xb1\xfc\xe8\x89 vh\xc0\xea\xb5\x0c6\x0bH\xaf\xb4AW\n.I1\xa0\x14\x8e\x91\x8d0\x83\xb8d\x9e\x86D\x80aEU\x19j\x89"\xb5 9\xc8\xa8\xf6\xc1\xe4\x18\x86\xae\xd0\xc2\x03\x1c\xf8Fr\x99\x84E\x85\xcbr\xeby\xcf\xc5\xb5\x10\xe9\x15\xb4,\x12\x87E\x0bw\xc1L\xc6\xb2,\x16\xf8v\x0b8\x0eAM\xe8\xa4\x9ck\xcbg(\xb1ZmP\xe8uJ\x97\xa61,:\xaf&gt;\xc7\x8a\xca\xf8B\xc1\x82\x0ci=\xaa\x14\x11Qq\xa2DT\x1e\x16\xb3\xd8\xd6hH\x10\x18\x8f?\x86&lt;\x17\xd7B`*\xad\'\xe2\xeb\x89D0\x9e+A9\x0bZ\x11\'\x86\xd6\xe6\xc8`\xa92\x8cn\xf9\xa2\xdb\xaaV\x07\xfd\xadiw\xda\xaf\xce\xb2\xb3:\xad\x8c\x9c\xc2\xb8\x10[\xb9\xdfw\x81\x85l\x89&gt;X\x04*\x05n\xa1=&lt;*\x03\xbd@\x8d\xaac^\x10UTB\xf64\xd2&gt;j\x0f\xd1\x8a\xc8\x00U\xab\xeda\x85\xd7\xfc\x96\x95+\x96\xe2\xc5D&lt;\x91\xb32\x16\xa82L&gt;\x88\xb5y&gt;\x81[\xfa\xa4{qQn\xb7\xf3\xd9l%\x9b\x9du\xbb\xdd\xad\xc1\xb8\xdd\xe9\xf4\xaa\x81\xf4\xbc\x19%\xcd\xeeW\x8a\x03,\xde\rNW|\x18\xdfX\t\xe0\x16\xa8\xd8`\x88\x18\xacE)\x92"\xc3\xa2\x85\x15W\x84\xe9\xa2\x9a[\xb5m{\xd8\x1f4DWT\x1a\xcf:HQ\x98\xc5\xcb\x82H\x16\x06B\xbc$\x00\x87\xa8P\x80\xde9\x9f8P~r\xf1\x12\xf5d\xb3\xd9\xdc\t\t\x9d^w\xd4\x1aT\'\xd3\x17\x9d\xe6\x0c\x03\r\x0b\x10\x9d_\xb3\xb7K\x7f\xdd\xaeW\xf2#G\xe7\x80u\xa2b\xe2j\xaa\xac8\xfb\xde\xb02\xd8DC\x89\xb4\x0b\x89b\xf6\xd1\xaf\xc1}\xfb\xec\xfe\xfa\xed\xedbrVE\xeb\x88\xe8\xc6\xce\\\xae04\n\xfa3\xa5D0Cze\x82~\xeaN!\xbcs:a\x81\x98\x9c\xbe\xfc\x0f\xd5\xf1i^\x10\xda\x17\xa3Q\xb7\xefvg\xcd\xf0\xe1\xd1s$O\xc7Pp\x87\xfd\xb3\xedDn/\x9f\xef=]\x89\xe8&gt;5z\x12\xc3|\x97\xa0\xd5\xc5\xf1\xf9\xd3\xd1\xfe\xbe3aT`\xa3\t\x0f,\x9bZB\x1c\x9e\xf5\xfb\xfd\xdb\x95\xbd\xf5d\xa5&gt;\xc4\x02\x85\x1fi\xb5i@\x11X\x08\x1a!\xe8\xfe\xa0\x97vob\x84B=\x8a;a\x1d\xbf\xf4\xa8:\xe1P\xfb\x1cT\xd33w\xd6lf\x1e\x1e\t\xd9rkb4\x06\x0f\x8a\x95\xc2^\'\x93\xcb\xd7\xf7WR)\xc7g\xcb\'\'\rt\xad;\x19\xcd\xda\xedvo\x86`V\x1b\r\x9d:B\xa3&gt;\xfc\xef\xf6W[\x83\x86\xdb\xdf\xab\xe4r\x85\xfb\x95\x17\xc9\xc4\xb6\x8b-\x80\xe1 3\xcf:\xaf\xb8\x04\xf6_\x144$,\xac8l\xee\x87\x84v\x0b\x015p\xd3G\x84u\xfc\x03t}\x82K\x87X\xa6]n\xef\xa0:V8[\xafN+\xc1D%\xf7B\xc8\x94r\xd3\x95\x95\x89\x13\xf9?\x86p\xfd\xf4\xc2\xdf\x19\xef\x00\x00\x00\x00IEND\xaeB`\x82'</t>
        </is>
      </c>
      <c r="M87" s="3" t="n">
        <v>45492.67865740741</v>
      </c>
    </row>
    <row r="88">
      <c r="A88" t="n">
        <v>243439</v>
      </c>
      <c r="B88" t="n">
        <v>1967</v>
      </c>
      <c r="C88" t="inlineStr">
        <is>
          <t>Madson</t>
        </is>
      </c>
      <c r="D88" t="inlineStr">
        <is>
          <t>Madson</t>
        </is>
      </c>
      <c r="E88" t="inlineStr">
        <is>
          <t>LD</t>
        </is>
      </c>
      <c r="F88" t="inlineStr">
        <is>
          <t>LAT</t>
        </is>
      </c>
      <c r="G88" t="inlineStr">
        <is>
          <t>LD</t>
        </is>
      </c>
      <c r="H88" t="n">
        <v>182</v>
      </c>
      <c r="I88" t="n">
        <v>22</v>
      </c>
      <c r="J88" s="2" t="n">
        <v>33615</v>
      </c>
      <c r="K88" t="inlineStr">
        <is>
          <t>Right</t>
        </is>
      </c>
      <c r="L8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9b98d9-3469-4f55-b7e1-efa8170c08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1c\x82\xe4\x00\x00\x03\x00PLTE\xff\xff\xff\xfd-F\xfc\x190\x13\x11\x16\xb0[=\x0e\r\x12\xfe5O\xff\xfe\xfe\xa8U9\xfe2L\xfd(@\xfd#;\xb3^B\x9aL3\x99H/\xb6`A\x9fN3\x1d$9\xfd\x1f6\xa8Q6\x0b\n\x0e\xe6\t\x1d\x16\x14\x1b\xfe0I\x94H1\xa3R9\xb9dG\xacX&lt;\xd2\x05\x16W*#\xfb\x13*\xf5\x16+\x8bD-\x17\x1a+\xeb\x0b \x9dR;\xf2\x0f%\xd8\x05\x17\x93B+\xe1\x08\x1b\xa0H.~=,\xa4O2\xcbu\\\xadV8\xfb\xfb\xfb\xb9aD\xc3iM_,$\x83@-\x85D1\xae^C\xa9Z?\x87:$\xfe+C\x91L7\x9aB\'l,\x1co4*\x89M:\xb3bGh1)\xd9\x0e!\xbfdE\xc6oV\x91E/\xbagJ\xf4\x1d3}A3\xe1\x14\'\xa4X@\xacO2\xdd\x05\x18\x1a\x19 \x86&gt;*~;\'Q&amp;"\xa7J0\x8cH3"\x1f%\x96P9w;-\xe9\x1d1\xd0}k^2-\xb8\x03\x0ev8\'\xfc9Q\x9fB&amp;\x93="\x1f\x1b!\xbejL\xf6\xf5\xf5\xbfnRc)\x1cp90&gt;\x12\x10\xf9\r#o1#\x8e: I"\x1f\xaeeR\xeb\x15(\xd1za&amp;#,\xa0\x9b\xa6u?4g701\x0f\rtTXv1\x1f\x81H8w]c\x8d&gt;\'\xcbxd\x825\x1f?\x1c\x1a\xccpUrNO\xa4E&amp;|lwg.#\xc2\x03\x10\xbfhX[$\x1b\x9a=!\xc8eF\xb8aPM\x1c\x16_;;\xca\r\x1d\xb1R7)\x1b\x1d4\x1d\x1d\xb5[&lt;\xb1N(\xc2^&gt;A#"\xabI&amp;o?9\xb2\\J/,5\xd4\x8az\xbc^@\xb4V?\x886\x1ckA?\xf1\xef\xef\x94\x8a\x94#\x11\x11|0\x1as-\x1bhKO\xcc\x03\x10\xbbW8\xf1\x08\x1dT-/\xa9]H|4#\xfe:TgCE\xcc\xc8\xcbqHE\xb4lY\\U`\x99YE\x98R?=8@\x8c\x81\x8c\xc1u]d`j\x7fel\xbfcM\xc9kO\xd4\x94\x8b\xe4\xe0\xe2\xb4T1\x8ePB#-E\x9a\x92\x9dlYaQKU\xb0\n\x19\x8b@1\xc3mcFAK\xcc\x81g{6-\xba\\G\xdc\x9b\x98\xbaT-zu\x7f\xacUD\xda\x83j\'6P\xa2_Muck-=YR78\xee\xe6\xe7vE&gt;\xa9\xa3\xaf\x8aC&gt;\x86s|D*+\x83z\x85\xda\xd5\xd7\xa7jZ\xbf\xba\xc00&amp;)\x82PJ\xcb\x82u\xd0DC\xc1unnhs\xf4/D\xb2\xae\xb5\x91VL\xc3[3\xbbRW\x95_V\x9eI:\xe69G\xae\x1b)\xa1OK\xd6sY^EH\x9567\xdc\xb2\xb6\xbe\x14%\x8277\xa8;=\x9fuq\xd6/@\xb3DJ\xee\xd9\xdb\xbf4C\xb5\x9a\x9c\x87lr\xa9UZ\xcaNV\xb5wg\xbadd\xae\x87\x85\x96CG\x93ha\xcb\xa8\xa9\xd8fP\x9b\x0e\x1b\xea.?\xe5MT\xe5\xcb\xce\x81\x1b#\xd3\x80\x8b\xdajxk\n\x0c\x86\xbf\x9b\x83\x00\x00 \x00IDATx\xda\xc4\x99\xedOZi\x1a\xc6M\xa8\xc1\x0fS\x9d\xc4\xc6t\xba!1ibl\xd5JwJ\x8ao\xa93i\x96P\xa1\xd8H\x1a\xc0\xb7\x04%\x85N\x8a\x83\x98-\x04\r%\xc2lhE\xa1\x8a\x92\x8d5Z`\xd0\x13\xa7f"$bl`S\xa3%J\x15M\x89\x93\xd4/\xfc\x07v\xb3\xdf\xf7\xba\xcf\xd1\xc9~\xdfc{+\xf8\x82\xe6\xfc\xbc\xee\xeb\xb9\x9e\xfb9\x16\x15\xfd_%\x14\n\xbb&amp;\x17L\xd9|$\x12a\xf2\xf9\xec\xe2\xea\xfevW\x1d\xbe[\xf4\xf5\nW\xaf\xdb^\x98b\x92&gt;\xa3J\xa7\x93\xcbu*\x95\xd1\x18cR\x99\x0f\x93u\xc2\xafHU\xb7b\x02\x93JUQQ!\xa0\x07=UT\xc8}\x89\xec\xd1J\xdd\xd7Q\x8c\x85\x8a\xc4\x8c\xc4T\xcc\x96@@\\\x02\x81\xbcB\xe7\x8b1\xa6\x0f]_\x01L(\x9c\xdcg|F\x9d\x1c \x1c\xd5\xa5K\xa7lPN.Wq`_\x1a\xaak!\x05\xa5\x08JP,(&amp;\xa2KD\xc6\x16\xd8*\xe4*\xa3/b\xfa\xb2\xadD\xff\xa6\x92\xacRr\xd2\x8a%9c:\x05\x93\xeb\xb0\x02b\xf9\xa3\xed/f~\xa1p;\xc3\xf8TXyr\xb9\xbc\x82\xd5\t\x1c\xa78\xc5g\x9a\t\xf0\x9a\xdc\x18K\xed\x7f\xa1N\xa2\x7f\xf9\x98\x91\xe2\x80k!\xd9\xe9\xac\x87\xf4|\xaa\x1bu\x92Z\x99X]\xf9\x02\x82A*S\x92\x93\x8a\xc2\x80\xb3U1\'\xd3\xd9GN-z\xa5\x82:\x99Z8w\xc1\x84\xc2\x95\x14\xc2S\x8e\xf4\x14\x9c\xca\xc4\x81U\x08\xd8*&gt;]\x00$\x17\xa7\x98N\xe5\x8bd\xba\x8a\x84\xe7\xdc@\x86\x8btV\'N\x156\x14\xe4\\h\xb1\xe1ULNc\x03\x03_\x83\xcb\x984M\x9e\xe7\x8a\x14v\x1d%\tJG\x81~\xb6\xf6\x8aO\xc3\x1dq%\x10p\xb9U|f/b#\x83\xc5V\xcf\x91K\xd8e\x8aq\xae\x82\x0e\xf48\xcd\x06\x92\tQ!\xafp{\x82\x02APpI\xc0\xf2\xfc\x99\xaf\x02\xac\xc8\xa9\xc9\xf3\xc2\x12Nfb\xaaSQ\xce\xac#(&amp;\x9dT*\xb7;\xe7\xdd\xc5\x9bgW\xe1\t\x06\xddr\x02$l\xb6\xc5\xc5\x02V\xafs\xc2\x82V0\xbb\x9c\xdd\x94I.\xb7\xc7M\xa5\xf2\xec\xce\x8a\xd4\xea\x96\xdek\x0f\x1b[D\x0f\xae\x89Eb\xbc\xdb\x15C\xfd\x8a\xfegC\xc1`\x90:\x0e\x7fe\xce\'\'\x84\x0b\t\xa3N\x85V\xe9T\x1e\x8f;\x18\x1c\x12\xeb\xedv}\xa3Xl\x7f\xd8v\xb3\xad\xed\x9eDr\xef\x9ednNb\r\x04\x02\xd6\xe9\xe9\x99\x06T\xcf\xb0B\xd1\xefu\xb3{Q\xe4\x83\xf0\\\x92!O\xdb\r\x82\xc8\xed\xe9\x7f\xf6\xec\xd9p\xcf\xcc\xf4\xb4\xd5\x1a\x90\x04\xac\x12\x89Eb\xa9\xb2X\xeeY$\x81\xd3\x9a\xe6\xb8zP"\x91\xd7\x8d@Q\xf9\xb2+\xe7\xb1\rN\xf9\xb0\xd9\xb8=C\xde~\xc5\xf0p\x0f\xae\t\xac\xe9i \xf4\xf5\xf5iG4\x1a\xa9T\xab\xa5O\xb5}\xa7X33,\x16Z\xeau\xe3W\x8d1\x13\xffr\xd5- \x1aT\xee!\x85B$\x02UO\x03\xaeJb\x05\x80D\xf5\xf4\xa9FZ*\x95\xb2\x9f\x03.`\xb5\xce\xcd\xcd\x99\xa1\x97\x9d\xb8&lt;\xe0R\xf9\x98\x15!\xef\xd9\x80p7\xe6\xbc\x80\x02\xd6\x19\x95\x04\x00##\x1a =}\xaeTV\xa3\x94OI\xb6\xaa*\xadE"ik#.\xbb\xdd.\x16\xf7\x03K\x07\xb9\xf8v}\xdd\x87\x04\x86c\x0fK%B\x07\x015=\'\x91\x04\xfa\x00\xa5T\xcadx\x8c\xa2\xcaeD\'\x95\x96\x1e\x97^\xae\xb2H\xacf\x18L\xaf\xb7\x8b\x15\x1ed\xb0\xca\xc8l\x0byvV\x06\xe1\xe0\xf6\x8a\x86E"1)5c\x86\xdf\xe1\xa3\x91\xa7`\x92\x95\x97\x03\xc9O5:*S\x1e\x1f\x1f\x7f\xf7\xdd\xf11\xb8,\x12\xe2j\xb0\x8bECn\x9d\xcehL.\xf0\x9b\xf5\xc2I\xae\x87\x90J\xad7\xcf\x99\xe1g@I\xa5\x9a\xf2\xf4\xd87\x1c\xce\xe8?7\xfc\x1b\xa8\xb1\xb1\xb1t:\r\xae\x8bU\xc457c\xd6\xeb\xd9.\xe2\\\x14;\xaa\xe3\x19\x8bvhO?\x9ah\xd7\x9b\xcd\x90*\xa0\x95VK5\xca\xb1\xf0g\x87\xc3\xe1t\x82gyy\x19ON\xa7\xd3\xf0j\xecU\xba\xbc\x1a\x0e\x03\x97\xd5l~\x88lSxT\x94\x11\x8b&lt;\x8f8\xdb\t\x9f\x0fX\xd4B6\x18\x02Z\xb2\xb6F\xf9}x\xed\xe3\xc7\xb5\xb55\x07\xc19\xb8\xfal0\x8c\x8d\x95(5\xd2\xea\xaa*\x89d\xceln\x84\xb9\xbc8C\xaa|\xf9I~\xb3t\x01GT79\x9e\xecN\xc10\xa2\x19\x91b\xe1m\x80\xea\xe3\xc9Z\x98\xa0\xd6\xa8&gt;\x87Q\xce\xb1ty\xb9\xb2\xfa\xdbR\xd8\x1e1\xa1oAt\xe5\x8c\xc0\x8a\xf0\x1a\x11\xc2\xa2\xfd\x18\xb0\xbc,\xd6\x8c\xd9\n,\xa9\x86J\xe6$\xac5\xb6\x8f\x8e\xb5A\xbc9\xc2\x06\x83\xd3\x99NS\\h\xaa\xa5X\x8d\x84%",\x9c\x85\xe0y^\xd5:\x8a\x199,Xk\xcej\x95P\x86j4Oe\x17\x9c\x0e\xa7\x01\x8f\xe5eG+\xb4ZZku\x18\xc6 V\x9a\x92\x02X$\x17\xabV\xbf\'\xe7\xf3\xf9b\x19\x9e\xb1\x92\xbe\x9c\xa7\x7f\x96\xd2\x01\x86\x97h\xd9h\xd7&lt;\x1f\xf5_\x81\xc9\xb1\xf8\x80\xb5V\x03\x8b\xe1+\xc3X\xda\x9f\xaeE\x94US\xec\xf7\x01\x8b\x12b\x16r\xe5|\xb1U\xbe\xb1b&gt;\xafb\x96\x0b-\xc2\xc2.\x08,\xd9\xa8\x7f\x8c-\xe7\x06\xb8 \x95\x83\x18\xd3\xe5%J%G\x05,+a\xa9][\xbb\xb9\x9c/\xb9\xcagB\x10V2\xb6\xbb5+\xea\xd174\x98)G\xd9."\xe0G\xd3\x1c\xd7rkM\rk1 :)\xed\xb1G\xa2\x89Rm\x9f\x95vl\xb5\xab\xb0\xe5\xcb\xc5\xf8\xc7J$\x0b\x05\x17\x1c\xdf\x03\xac\x00\xe5\xfb\x08\xf2A)\xf3\x7f\x83\xc0Bl\xd5\xb7\xd6\x0c\x0eR\x13\xd3\xce\x1f\xbfA\xd6\xcb\x10\x10\xecT\xd1g\xa5\r[]\x08\x15v}\xc9\xe4\x14\xefj1\xf1BA\xfd\'\x96\x94\xb0\xb0\xf3\xf8\xcb\xae F\'\xee\xd4\x83\xaac\xb0\x95MVd&gt;\xdbD\xfc\x84tD\x1b\xc0\xe4\xd5\xe3*\x84BI_2\xc17V"\x91\xda,\xcc\xabi\xd2\x9a\xb6Z\xfa\xaa\xe0\x1a-\xa8jG\xfde\x13\x1b76\xee\xd4\xb7\x0ev\x00k\xb9~y\xe3\x17\xbf_F\xd3\x04\xb0@\x05s\xcd\x90Z\x85x$v\x1eX\x8b\xd9\x90\x0bXHSv\xf0\xd3j1\xcc\xc808\xf8\'\xc0\x82\x1ev\x8c\x1fv\xd48Z[\xeb\xefLL`\xc3V\xa2\x8b4\x19\xa2\x8b\xd3\x84\x15\xdf\x8c\x13V\x17\xdfXS\xab\xb6\xc2\xac\x88\xc3\xb2\xa0\x8b4e\xc9F\x7f\x99\x00\xd5o0V\x07UMk=\xb8\x96\xef\xf8Ge\xb5\xe5\xd5\x1a\xa2",\xbdX\x1d",\xfcm\xbcb\x15\x1d%"\x8b\xab\xd9\x10aa\xa0\xb1X\xb4\xd2\xe7\xffx.\xf3\xdf\xb8RO \x80\xfaWG\xc7\xe18\xb0Z\xf1\xfe[\xfdFY\xd9\x8d\x0b%\xd5\xd5}\xec\xa0jn\x10\xbbB\x9b?G\x12\x89Hj\x92W\xb5\xf6Y\xac\xf8\x96\xa8\xc7\x0cgY$}R\x8cY\x137:\x89\xa9c\xfc\xac\xa0\xd7 [\xad\xdd\x8e\xee\xee\xe6\xda\xebR\xb2\xd6\x1ca\xc577\xe3\tp\xad\xf0\x8eeZ\xdct\x89\xecf\x1ctp\xd4\x91^/\xafm\xbe\xd2IB\x8d\x8f\xbfy\xfb\xf6\xed\x1b\xb6\x08\xee\x10\xf5qi)lh\xfeKi\x95V\xcb\xa9\x15\xb7\xd96\x13\x91Hd\x81\xd7\x94\xdf\x8fD\xb2\xa6E[Am\xa7\x8dZ"\xa9\xba^r\xeb\xd6\xf7\xcd\xddK\x83\xe8\x1d\x8b\xc5\x15\x07\x07\xae\x93px\xcf\xf0\xea\xea\xe5*\x9c\x83\xa6gX\xacx\x84\xe1\x1bk\x01X\x99)[\xc8%6\x13U\xe5\x0f\xed\xbfF\xa3\xd1W\x86\xf0\xd2\xc7\xc3\xc3q\x90\xfc/\xd7\xbfOP\x9f\xfe8x\xfd\xfe\xfd\xc0_q\xac\xb5\x9a\xed\xc0\xca\xc7!Vd\x9f\xd7&amp;~\x880\x8b\xa6U[\xdc\xd5b\x9ek\xbb\xf6\xa0E\xadV\xbb\xe6_\xbe?\xf8\x83\xc0\xd6\x0f9\xb47\x80\x1a?&lt;\xd9\xfbt\xf0\xda\xb5\xb5\x15\xdb\xcd\xe9\xdc\xb9]u\x0b\x86\x8e\x96\xf9M`\xc5\xf3\x0c\xb3\xcf\xeb^\xbd\xc20S\x845\xdf\xa2\xb7\x8b\xbc\x1e\xb7\x9b\xfec\x81\x8bn\xbd&gt;\xf8=\x1a\x1e\\_?\xf5\xfd\xfa\xfa\xc9\xbb\x83\xf9\xad\x1c\x8d\xc8*\x1c\xc0Q\x1e\xcf\xd0p\xcb\xdfm;\xb68\x93\x8f\xf0\x8c\xb5\x9db\xb2&amp;Sjs\xbeE\x0c\xa8\xa0\x9b\xaeK7\x93s {\x11\r/\xd5&lt;z\xf4h}}}p)\xbcw\xb0\x15\xc3\xabr\x81 \x98\xdbz\xf9\xde5\xeb\xf5z\x87DOvvlL&gt;\xcf\xe4\xf7\xeb\xf8\x1c\x9b\'\xb3L*c\xca\xdaB\xa2!\x8fw\xd6\xe5r\xbd\xdc\xda\r\xd2-$\x1d\xda\xd4\x04\xefc\x80@b\xd5w6G_x\x82A\x81\xc0\xedU\xbf\xff\xf4\xee\xdd\xbbh\xb4i\xe0\xb1Z\x11_\xdc\xb1m\xe6m\x91,\xbf\xe3\xe9\xe4"\x93\xcdd\xa6\xb2!o\xffO\x8f\x07~\x8fF\xf7\xf6\xa2\x03\xea~\xba\x97\xe5U\x0f\\\xbd\xf5cg}wkw\xfd\x9d\xb2\xbf5\xf5*p@\xeam\xda\x0b\x9f,u7\xdf\xba\xda\xde~\xbb\xe9\xeeO\xc0\xda\xc9\xe7\xf3\x91\x14\xafXE\x93SL\xca\x94Y\xcd\x16v\xd5w\xef_,)\xb9e0\x18\x88\xac\xb1gX$\xbe\xdb^r\xa1\xecJgwwgY\xed\xb7\xf7\xaf=\xacl\xc7*\xfd\xb4\xb7\xf7)\xda~\xf9\x87\xca\xca\x9b\x0f\x1e\xbc\xf8y\xd1fC\x0f\x99E^\xef&amp;\t\xbbV\t\xcb\xb4\x18r5\xb6UV\xde\xbfy\xed\xee\x83\xbb\x03\x03MM\xb7o\xdfl{x\xed\xf2\xf5\xda\xda2`\xd5\xdf\xb9p\xbd\xb4\xea\xe2\xd5_\xef66\xf6\xbe\x0e\x15\\\xea^=U\xe3\xe3\';6pER&amp;~o&amp;ue\x98&lt;\xb0\xa6\x9e\xbc\xec\xedm\x14+\xfaE\x8f\xb7B\xff9x\xdc\xd2\xf2_V\xcd\xee\'\xcd4\r\xe3\x93\x0c\x1b8\xe0\x05\x126\r\xd44!y\x13\xc2\x97"\x08\x81V\x1b\xa4!\x90@e1m\x08\xf6C\'X\xc2\x8a\xc5\xa2-_Q\xdfNc\x85\xb7\xd8\x11[u\xda\x90\xd1T\xadVK\x19!\xae1\xbb\x99`\x8d\x8d\xa5\xdaj\xeb\xc4\xcd`0)\x9b9\xe0D\'\xc6\xa0\x07{\xb2\xf7\xc3\xec\x7f \xf7\xa1\x98\xf0\xcb\xf5\\\xcf\xfd\\\xf7\xad\x8d*\x8c\xdf\xc9\x10\x19\x92U7\xe7\xc4\xf5\xd7C\x12\x16\x03\xd3\x05\xedA8\xdf\xbf\x9d\xf9v\x14&amp;\xde\xcb=\xcd\xc1\x96\xc9\xf8\xf2r\x00\xc4\xfa&lt;L-\xe3\xdf@\xa9\x95\x13\xcb\x08k\xd6\xd7\xde\x0eP\xb7\x1e\x8e\xf6\x8f\x9e\xf9\xf2\xf1r{Ku\x90\xc7`\xa8\x05\x91$\xf3f\xd7\xbf\xc4\xc4nR\xc40\xb5\xdc\xb1W\xaf];\xb3\xf8\xc3_\x1f~y8z\xef\\u\xf0B\x8b/\x10x\xfd\xf2\xf5\xc2\x04\xb5|XT\xd4\xb8\x96\x91\xb7\xe2O\xdb\xab\xcf\xdd\x1b\x1d\xfd\xf2\xea\xda_~\xf8\xe7\xb7\xfd?U[/6\x8fC\xc6\x89$\xa3\xf5W\x06\x9d\x80\xe5o2\xa6t\xed\xc5\xc2\xc7\xd1\xbf_\x1b\xfd\xe8y~\xef\xf6\xad\xea\xa0\xd5:p\xb0\xfc\x1a\x02\xc4g\xea\xf0\xfc\xe6\xfb\xf24\x89\x1b\x9b\x9b\xf3\x9b\xcb\xff^\xf80\xe2k\xbfX}\xf96|\x9b\xa7\x7f\xf4\xd5\xe2\xb5\xb5\xe2\xd3\xea\xf5L\xb3R\x10\x89\xa4I/\xc2J\x87\xfdMZUc\xf1\xe8\xe89\xdc\xd2\xdb\x0f\n\xb9\x0b\xdf\xf7\x04\xed&amp;\x99\xeb`\xf9\xe5\xab\xb5\x17\x0b\x13G\xc5Ta\xa2\x0c\x19\x95:\xbc\xbf][&lt;\xf8\xcf\xe2\xc8\x87\xd9\xa7\x17\xce\xf7\\\xbew+S,&gt;\x82\xae\xd5\xef\xde?\xda\xd6eM?\n\xc2\x91p\x8cp\x0e\x8a\xc9t\xd8&amp;`\xad\xaf\xe7\xb2\xc5\xdc\xda\xa3Gk\xdb\xdb\xf2q\xbb\x8c\xc7\xe3\xc8]\x9e\xc0\xe2\xc7\xef\xcf\xbb\xb2\xdc\x06\x7fv\xa1\x0c\xa9\xabr"nl}\x12\xbc\xb5\xb6\xdc\xb6\xf1Th\xea\xb0\xf7\xf4\xd8k\x8b/\xfa\x1f\xf6\xaf\x15\x8e\n[\xd9Z\x9eR\rX \x97\xd3K\xa6#6\x01wz5\x9bJe\xb7}\x93\x03:k\x87\xd5dVqTr\x97;\xb0\xf8\xa8\xa7S\xdd0\xd4\xc7\xcd\x16N\x9f\xba\xa87\xf6\xef,i\xf9\xc6\xe0\xda\xf2\xc2\xc1\x80P\xcb\x93Y\x9b\xcf\xdb[Z\xda\x1f\xbc\xd8\xceeS\xd9\xad\xac\xb1\xc9\x1f\x8e\x80\\\t\xb0V\xd8o\xb3\t\xf0\xd5?r\xd9\xdc\xf6v\xa6\xd1d4\x19\x8d&lt;\x9e\xd6,w\xf9\xde-~\xb4\xb3\xd8}\xec%\xa51\xbbyZ\xdbS\xa9\xef\x0fmJ#\x87c\xfd)0\xeb\x01,\x8eYf\xb7w\xd8\xad.\x88\x0f9\xa8\xac\xb1\xd5\x16\x0eG\xfc\x91XB\x0c\xd6\x8a\xf8\xfd~\x81\xde\xb1\xf5\xc7\xd7l\xaav\x9d\x83J\xab\xd5\x9au\xaeI\xcf\xcb\x9fLl\x89\xc8\xf4\xcc\xd6\xe78\xb5\xb9\xa8\xd4\xff\xde$m?\xca8\xc2s\x81\x11\xc0\xe2q8&lt;\x99\x10\x95n=\x95\xcd\xad~\xed\x04\xad\x00\xcb\x16Ij\xe0\x0c\x11_8"z\xeb\x98r8\xc6\xf4\nE\x05\x8d\xc6ea\x1c\xb3\xae1\xe3\xf9\xc7U\xa5\x84\xcdW6\xc5\x88\xa92`\xfd\x9e8\x89\xb4\x8e\x1bM\xe7fG\xdc\x03:9G\xa5\xe5XT*\x95ef\x06^b\x9c\xdf\x14I\xa7\xe1\xfe\xd9\xfcIM=\t|p)\xd3a\xc3\x18&lt;N\x8f\xe9\xf7\xef_b\xd2)4.\xa6\x95\xeb\\\xeew\x0f:\xfb\x18\xad\x86\x86\xe8\xc9T\x19\xae\xe2\xb1\xf7\xc4\xdf\xfb\xa4\xc3\xd4&gt;2\xe2s\xc9\xcc\x18\xc6`\xd1\xa0\xb8\\\xb4"\x15\xd8"\xe9]\xe0\xb0\xf5\xfa\x93R/\x99D&amp;K\xef\xee&amp;\xfb\xe8\x8f\x1duuut:\xb3jHBcq\x10\xd6\xf2\x0b%\xa6l\n\xfb\x87\xf2s\xa7\xc7\xa2\x1e\xe7\x89\xde\xde^S\xc7\xc0\xc2\xac\xcf\xc5\xc30\x8c%\xa2Q*$\xf0\\\xd3h"\x7fxw\x17\xb0"\xbdM\r\xb1\xc4\xff\xb1b$\x11K\xc7@\xaa\xebo~\x89F5!J\x85\x08\xe3\t]\xbe\x8d\xe7\x8d\xe3J\x03\xc2\xda9\xb5\xe5\xbf\xa9&lt;v\x0e\xd9\xd2!\xf53\x84\x05\xe9\x01c\xb1\xd9l\x9a\xc1\xc0\xe6\x8aD\x91px\x97\x04\xac\xb0\xadU\xddG&amp;\xbc%\xcbC\xc3\x97jHR\xf3\xa6\xbb\xbe\x1b\xe6\xed7U!\xba\x84\xa5\x95\xb9|\x01\xb7\xab\xb3AC\x84\xd9\x89_O\xbf\x9f\xa7\x1e\x8b\rI\xaf7\xd6:\xd0V\xc2b\x89\x0c\xa8`\xa0N&amp;\xd3\xe9]\x92\x00,C\x13\xcc\x8d1\x82 \x93\xe8"\x86c\xd2\x84TZZJ\xc0\x94-\xadbR\xe0\x14e:_\xc0\xa7{\xec\xcd\xe7\xa3\xec\xee\x9fO\xddN\xa9\xdf\x1cw\xf7\x11+\xce\xc4\xdb\x0cR\x8b\xc7\x10AZH\x1a\xfab1\x92\x84\xd3"\x88\x92XOZ\xd5\x11\xf4\x83\xb0_\xadFw\x12\xc6G1L\x90\xbf^\xe9\x12\'4U\x15\x7fb\xc5\'\x85\x0e\xc8\xd6b\xfa\xce\xf1\xa9G~\xb8\x89\x8e\xb3\xce\x95\xbcw\xace\xf6\xd3\xa4\x8e\x87\x89\x10R,J\xa0Jx\xbd\x04\t-\xb4\xf5I\x93?\xf9\'VSk\xaf?L\xc2\xa8\x8d\xb8\xd0\x12\xc7\xab\xa9\xa2(X\x18O\xe7\xf3dd\xf8\nT\xf7\xe1\xef\xa7~\xaba\x16\xdb\xea^Y\xc9;g\xac\xf1@Fh\x84h\x15\x8aFI\xc2+v\x8aa\xae\xf0&amp;\x88tD}W)@T\xc0eP?\x81\xeeJ&amp;@\xaa\xae.\xb1\x13\xe0\xbco\xaa\xe8\n.\xc2r\xb7\x18\xa7\x07\x01k\xa7p\xfa\x88J\xa5\xce\x17\xe6\x9c\xf9|^k\xf5\x05&amp;\x85F\xbe\xc0\xd0\x17"I"QZ\xd1\xe4A\xaet\xa4i\x1c\x0cO\x96\xf4#\x93Mw\xd5\x08\x0b}\xea\xecrv\x81\xbb4\xcc\n.t\x08\xb7\xbb\x85\xa7Gj\xcd\x1d\x95\xc1\xf1\x95\xf3\x85\xee\x93\x93\x13\xa2\xd3:\x19\xf05*\xf9\x02v(\xaa\x91&amp;\xbc`\x9c+H\x0c"f\xbb\xab4h\x12`fg\x1e\xce\xb4A\xa9\x14D\x01k\x10Q\x81\xa40\r1i,\x1e\xc4y\xb7\x95\xdf@\x9c\x9c\xe4\xa7\xf6O\x9f\xb7\x90Z\x8f\xa1\t\xec\xda\x00\xcb\xed2iYl\xa6F\nG\xe8\xbc\x82\x164\x80eP\x8e\xdbB\xd2\xfc\xca \x0c\xd5+@)\xe8\xe4\xd3\xd1\xba\xcb\x89J\xec\x95J5t\x05.o\x19\xf0&lt;\x17\xaaX1b\x97\xd8\xfaL-G\xdc:Z\x1dj\x104\xf0;\x066&lt;\x19\x13\x8fA\xa3\x97\xb0\xae\x94\xb0\x9c\x89(C\xc9\xef\x8bj\xc4\x08k\xf0\x8aW\xaa\t\x19\xd4\xdc\xfa\x12\x12\x947!=[U\x83\xabd\xae\xc9\xf8\x0b\x9dYn\xb1\x88\x86\xca\x83uc?\x8b\xab\xccF\xfb\xf9\xf6\x8d\r0\x17&lt;=%\xb9\x90\xe1\x9d\xce\x04Q\xc1gQ\x98\xa1\xa8\xd4\x9b\x87\x03{SWSCg\xd2\xb0\xebb1\xd8.\x01%\xd5\x80\xe31\xb9n\xc0\x17\x7f \xe4a\x8al\xeak\xae\x1c\x7fU\xa4V\x1e\xa7\x96\xb6S\xb8\xd1~\xf1`\xc4\xed2j\x194\x8a\x04\x99\xcb\xeb\xad\x07\xc3G1\x06\xbd\x0e\x97[\xea\xa4\xf57\xaf\x9f\xd5\xdf\xb9z\xf9"\xae\xc0\xea\xe0#D\x05\xcd\x94NQ\xe0(\xd7\xc4\x03Oe|\xb6"{g\xafP\x96\xd5\x1bu"\xb7\xbe\x9d\xd5\xe3&amp;\xfbA[&lt;\x03\xc9\x86K\xa10\xab\xa4\xe8;\xe1\x91\xf9\xc5\x8c)\xe4\xb7F\xfb\xdb\xc7\xeaj\xf43W!\xbf\xf7\x98,\xaa1\xc0\x02\xa1\xa4\xd2\xb3\x14.\x8e[\xe4.x\x11\x03\x19\xf3\x12M\xbf\xbd&gt;\xb3_\x96\xfd)\xf5}!\x95\x9a\xd6\xebe\xf6\x83\x0f\x9f|:#\x9cD\x1d\x93Y\xa5\xd1h\xa4\x9a\x18\x19\x92\x19\xcd\xc2\xc6\x9e\xef\xbe\xbb\xa02\xd7\xb647\x9b\xc6\xa6\xf0%\xe1[i\x82\x90\xc2oT1\x15\xb8\x1eW\xe9\\\x03\x9eO\x81\x14\xb6\xc4\xd5\xa7\xbe\x167\xcb\xb3\x04\xaf\xfc-\xa7\xd7\x8f\x8d\xc9M\xc5\xb6\x05\x90\xcb\xc8\xd1\xd7\xd4P\x98@\x16\x85v\x1f\xe3?\x1b\xc7\xe7\xba\xb9\xf2\xe6`0(\x1c\x9b\xebrJ\x19w\x97\x98\x04\x01PQf\xa8B\xaf\xd7\xa33\xcc\x1c\x04\x0eV\x15\x1cl\x0f_-\x8fX\xa5\x16\x81+\xe8z\xb9\xaa\xb8\xd0\xb61\xa9\x93\xf10\x1a\x8d-\x91PB!x\xac\x93\x06~\xa7\x80y\xe9\x92cf]5\xe3\xd8\xd9\x99\xbb/a\xd1\xe8Qx\x08\xa2\x9ah\x08" :C!\x0c\x18\xf1\x83\x19:{oo\xafP\xae-\x04\x98~f\xa8\x82\xc3\xd1\x03\x16\x98\xded\xe4\xb0X,\x91\x88-I\x96JR!\xa9P\xd48\xa6\xe6\xba\xe6v\x0e\x0fQT\xa6\x84\x92\xf0jFC!\t[\xc4bYTrH\xcc\xef\xe2\x1b\xb9\xb7Cl|k\xa2l\x0b.$\x17\x9b\xc5\xde\xcb-\xcc.\xc4\x07\xacF\x1e\x83\x05\xf3=`\xa1\x7f/\x10\x89\xb8\xf8\xcc\x8c~\xccqx855\xb5\xb5:\x8d[P\xf6\x01\xb0\x12\x96\x08\x82\xbcL\xe7\xf6\xb8\xe3#\xbf\x15\xbe\xe6\x8e6\xcb\xb8v\xa3\xce\xef\xaf\xe2\xf8\xf4Q\xdb\xf2\xec\x86\xcfeR\xf2\x19j\x06\xa8\x05YP\xc0\xc0,\x16Kmjzu\x0b\x98\xb6\x80\n\x06\x1e\x14\xca$\xe8\xbf5\x90Z\x98\x96\'\xccx\x00\xabmx\xfe\xf3\xe6p9\x97\x81T\xea\xf0\xc4\xfe\xfe\xc4\xe6\xffh9\xdf\x906\xf24\x8e\xf7E ya\xd2@\x10\x92\xb5\xd9\x1b\x9a\x9emD\x8f\xcc\xc4\x12\x9c8\x85@\x0c%\x13Bf\xc9\xce+q\xac\x8c\x053\x8e\x19!\x04=\x02M\xe4Z\x90\xf4\xc51M!\x87\xb1\xa4\x01\x83\x10\xd8"\xcaY\xc8-\xb7`\xb0j\xaa+v\x05\xa1H\xe5t\xf5\xaa\xad\x8a\xf5\xa0\\m\xbd\xe77\xba/\xee\xdd\xee\x9d\xf3\x10\x120\x81\xf9\xf8}\x9ey~\xcf\xf3\xfb3=\x03\x03\x8bb\x9a\xbd\xd9\xdf_\x0f^l0\xe9\xf4f,\xe8v\xbb\'\x10\xd6\x8fh\xf1\xbc{f\xcc\x1duC\x07b\xb3\x80dgT8S\x90\xc4x\xa9\xa7]\xab\xbd\xe8\x1d\xeb\xda\xa6\xf6\xf6\xa6\xf6\x9e\x81\xa9\xc5J\x9e\xa4\xfb\xfb\xcd\x86\x1bFp\x9e\x8b\xf0F\x01j"\x04\x9d\xe1\x8f\xd0\x83u\x8f\x8e\x8eM\x00\'B\xd3#r\x83\x01\xf3\xd3\\\\\x8c\x17\x10\xd6\xa5\x8b7\xb49\xbe\xa7*J\x95\xac\x00ry\x0c\x06}q\xc2\x1d\x8d\x12\xc1\x90\xcd\xb6\xde\xa0{8:\xfa\x83\xe5\x07\xb4Lm\xb1\x81W\x95)\xb9\x90\xc5h\xf6\xe0,\'\x8bb\x01\xb0T\xda\x1d\xa8m\xefY\x94\xb2\x03Sy\x92\xc51\x8f\xc7\x05\xa2x\xbdAtq\x8b\xe9\xcf\x7f\xbbw\xef\xde\xd1\xf3#\x85\xcbh\xb4!\xe2\xa8;\x84\x02\x8b\x14\xe4x&lt;=\xa7\x1a\x16\xe4\xd5E\x08\xdd\xa9\xac\xcc\xd28FD\xa3\x13.\x82p\xb9 G\xae\xafol\x1c\x1c\x1c\xad\x1e\x1d\x1clll\xac\xaf\xeb\xc1\xbdn\xe4L3F\xd3\x1c`\x15T\xc4\xd26-/Jq\xa92\x95\x8d\xb04A@\xf8\x04\t"\x88oO\x1f\x1f\x1f\x03\r\x80\x1d(X\xc7\x0b\x0b\x0b.\x17\x8a/\xb7\x0b\xc3\xed\xe9\xb4\\\x98\xe3\xd2\xea\xa9ui\xe9\xefb\\\xacHS W\xd0\rBE\x05\xc7 En/ \x90\x85\xe3\xcdc\xf4\to\xde\x08G\n\x1cP\x018\xce\x00U!\xa2&amp;\x96viQ,\xc4+\x92\x14\xe7\xe8 \xa4\xab\xa80|\x9f\x0f8(\x92$\xb9\xc8\xf6\xc2\xca\xca\xdc\xca\xdc\\\x9a#I*\x10\x8b\x05"h\x1e\x1a\x86\xf1t\xa1\x90\xe68\xb9\xaa\x1e\xd6\xb3\x8c$\x17$\xa9"\xa5\x01\xab\x18\x8a\xa6\xad\xf7\x1f\xffi8\x97\x95\xaa\x99\xc9\xc9\x9e\xb5\xf9\x9e\xb5\xb5\x9e\xcc@v\x98\xef\xed\xe5\x85\x08\x94\xa2\xa0VD\xce\xcb\x1c\xc9\x15\xc6U\xc4\x9a,\xc9\xb2X\xa9\x94\n\x0c\xe1\x82!g"J\x05\xf8\\a\xff\xc3\xfb\xe5\xe5\xa7KKO\xc1\x963\xfbb\x98rP\x11\x88/\xc0\x82Q:/\xa7AM13\xf9B-\xacG\xf3\x03\x059.\x95J"g\' _\x15]^\xb2\xbc\xbd\xb9\xb3\xfb\xfa\xe8\x9f\x1f\xde\xaf\xcd\xcf\xf7|\xf8\xd7\xf1\xf1\xce\xce\xe6v\xd9\x8b\xa8\xd0(\x9d\xce\xcb\x02I\xa6\xf73\xd5gja\xb5/\x8f\x8br~\xaaT\x91\x04\x16\x0f\xda|\xbe\x90\x9b\xd9\x06\xac\x9dw\xefv_\x9f\xd9\xee\xee.PE\xb8\x88\xbb\x18\n\x99\t\xc0\x92e\xa1\x8b,\x8cW\x07\x96T\xba\x11/5=\xcdTd\x90K\x92d\x90\xcb\x05XA\x02\xa9\x05r\x1d\x9e\x1bpmlns\x9c\x17"+\x04\xf7\xa1 \xcbi\x8a\xe4\xa4q\xb1\xb2\xa4\xda\xd6\xf4g=\x03q9\x0f\xa9+/\x90 \x17tD\x04s\xe6\xc5\xe7\xcf\xbf\xac&gt;\x7f\xfej\x15\xf4\x02\xb5\x18\xc6\x0b\xc1\x17\nz!\xc5\xcb\x02E\xcaUI\x96\x9e\xaa\x86\xd5&gt;?.\xe5\xf3"`\x85)\x86\x08*\t\x00q\x01\xd6\x97W_V_}^=\xda\xddY\xd8\xf62\x8c\x1d}K0\x80\x95\x16(\xa1TM\tjb\xad\xcdW\xe3\xf9\xec\x94\x94MQ\xa4\x1dr&lt;agY\x96,o\xee\xa0\xb8::::\xd8X\x9f.3,\x0bj\x05\x91\x94\xa4 \x00U\xa1*:\xd2\xe2\xb2j\'X\x9a\xd6\xd6&amp;\xa5l&gt;.\x89H.\x9c\xc0q\x05\xab\x8b\x82\x94Z.oos\xe4 \xa4}\x96\xa5\x19\x1c\x0f\x06\xcf\xb1\xc2\xe9R)Lq\xeaaA\r\x91\x99_\x14\xf3Yq*+ \xb9p;\xadL\x863\x94\xc3\x1a\xe0\xd1\xb2k\x98\xe3@,\x96ARB\xc4ST8,@Cm%\x195\xb1&amp;+P\xceg\x81+\x0b\xd9\xc8\x8e\x03\x90\x1d\xe0\xb0`\x10\x152\xd1\xa87\n\xa3\xb7\x1d\x14\xa4q\xe4D\x9cDXy)k\xa5\x18\xafx\xb1\xab\xe7\xff\x85\x95\xc9f\x17\xc7E\xe0\xca\xc2\xbd\xc8\xe0\x88\n\'0\x949\x8bP\xec\x8f\x15Cz\xb3\xc7O\xdbi\xdc\x8f\x05]\x18M\r\x0e\x86S\xf1x\xce\xc1\xda\xed+*\xaa\x95\xc9\xe6R\xd5}\xc4\x95OQ,\x8e#\xb1\x08\x0c\x12\xbe\xef\xcct\x16(\xef\xfdh\x9d\x07\xf3\x98A,\x07\x88\x95\xcf\x05H\x1c\xf7\xae\xbcoW\x0fK\xa4\x02\xb3\x12`\xe5\xf3\xa90\t1\x0f\x05!\x86\xe9-&gt;g\xab\xd3Y\xa7\xa9\xa9\x03.\x83\xd9`\xf6\xa0\xb5\x1e\x9a\x04\x17\xa6R9\x9e\xc21?\xbe\xa2\xda\x99\x1amS&amp;N\x0e&amp;s\xf1|J\xce\xa7R\x02M\x13 \x8cYo\xf39k.\xd78\x9d\xceV\xc4e4Z\x8c\x06\x83\xc1\x8c\xb1\x8ep*\x97\x0b\xf0\x0e;hGD\xf7\x9fi\xd5\xaa\xe63\x05\x86mI\xe6RH\x85T\x18\xdc\x88\xf91\xa0j\x06 \xc0\xaa\xb9\xf7UM\x9d\x05\xcc\x06\x92a\x0c\x95\x0b\x03\x14oe\x83\x1e\x0f`\x95\x96\xd4\xc3\x8a34\xdd\x92\xe4\x1d\x8epnv\xd6:H#\xb1,\x80\xf5\xd0\x89\xc4\xba\xd7Z\xa3\xd1\xd9l6\x8b\xbe\x1e\xb3S\xb9\\\x8e\xe7\x93\x01\x960\xbb\xcc\x9ei\xaf\xf4TE,\xfb\xcd\x9b\xf4`2\x99HX\xe1\xaa\xd6At\xc7)j\xb5\xb6\x8e\x8e\x8e\xb6\xb6&gt;t\xc2\x00^\xf4AoA\x05^\xbe\xe4\x93\xb1$E\x98\xf5z\xf34t\xfc*b\x15p\x7f\xbf\xc7\xdf\x95\xecL$\x02 \x06\xa4\xc9\xa8\xbbX\xf4\xf9\xd0J\xdd\xd8Xwwk\xb3\xad\xe8\x06,\x9c\xb2\xf2\xb1Xg\x12\xa8\xf4z\x8b\xb1\x1e\xb0\xe2\xf3ja=\xca\x14\xec\xa8u\xc5\x80+\x99L\xf2\xc3|\x80\x82\xbe:T\x1c\xf3\xcd\xcc\xa0\xb6z\xc6\x87\xf6\xd4@\x03\x89\xa8:\xe17\x0eBo\xd4\xe9\xf4\x1e\x84\x95Q\xe9\xb8V\xd3\xb3\xf1\x02}\xd3\xd0`\xd4#.\xb8h,6l\xe5\xa0O\x85\xe6lll\xa6\xbb\xdbg\x0b\xa1N?\x1a\xe1\xac\xc3\xf7{\xe1\x17\x0e\xbb\xd9\xa8\xab3\x1a\xcc\xd3\xf6Ha\xfcQ\xd3\x85\xcfB\xa0\xf3\xdd{\xef\xabse\x7f}\x03ZOe\x13\x9d`\xb1\x18\x1f\x8e\x80\x81d\xaeb\xb1\x08\x1d\x98\x17,"\xfcBE{\x8cu5\xa6\x1b\x08\x8b\x99\xdb\x7f\xbf\xf5\xe2l~D{\x81R\xed}8^)\xa5\x01\x0b\xfe\x7f\x9d\rc\x13I\x05,\x10\x16\x04\xe8\xb8\x80,\xea\x8d0\x0c\'D8\x875vN\x85\xe9\x9d\x7f\xd04\x00\x16\xe6/\xa7\xc5\xd2\xc2\xc1\x87\xadO{{\x17w\xaaY\xdb\xbe\xb5qr\x9a\x96"e\xb4\xbe\xa2\xd1\xe8\xf4\x18\xdb\x91\xec\xecU\xc0ra\xa8\x13\xa0\xae\x12\xc2aG\xd8\x1a\x0e\x0c\xc7z\x11U\x07\xeb\xd7;\xbf\xaail0(X\\v*?xr\xb2\t\xc5\xd9\xd6\x05qi\x9b\xb6vNO\x93\xb3q\xe6\x89\x1f\xb0t\x88\xcb\xcf\x0e\x02\x17X\'\xcf\xf3\x81@\xc0\xaa\xbc\x80)\x86\xfe\xda\x99\x1c\xecCT\x975&amp;\xa3\x11\r\x94e2\xf5\x0fH\xc1\x89\xd3\xd3\x8f\x7f&lt;\xdc\xbb\x08?B0\xec\x1d\x9et&amp;c\xb32\xf9\x04\xd4j\xd05j\x9c\x90\x04\x90^\x8f\x1f\xf7*\x92!\xe3c\xc0\xd4\xabX2\xd1\xd1E\xeb\x9b/_~\xd0h2\x19\xf5\x9e~\xc0\n\xe7rH\xd4\x96\xd3\x8fm\xdf\xff\xbf\xcf\x8c\xd0\xa2\x03\xfa/\xf6&gt;\x0f\x9d\x04\x02\xb1\x97a\x05\xcbd\x02\xae:\xcb\xb9\x1f\xcf\xc1\x10\x9b\xe2TE\xaa\x8e\x8e\x96\'f\x10\xf5\x81\xa6\xb1\x11\x86I3`uY\x95\x99\x01\xa6\xcc\x9c\xb4\xbd\xdd\xda{\xf1\xbf\xcf\x0ej\x95\'Ql}9\xfci\xe8\xf6\xc7\x8e\x04\xcf;\xba\x14\xb5Lp-\xb4\x8f\x00\xf4J G"\xb2s{\x0cL\xe8\xf8b\xd7\x13\x8f\xd1\xd4\xa8\xd1h\x1au&amp;\xc0\xc2\xf02i\rX\x1dd\xd9\xee\xc77\xdb\xae\xbf=&lt;\xfc\xbc\xf5\t=\xce\xe2\xb7\x93!\xa6O\xdf\xfd\xbb\xed\xd6\x95+\x7f\xb9\xfd\xa6\x052\xa4\xf5\x17,\x10\xc1\xd4`\xf4\xd0-\x89D\x02\xe5/%\xc8z;c\xbc\x95\x82\xaa\x99f\xfbh\xccp\xa3\xa1\xb1\xb1\xf1\x01\xc8\n\xf9\x04\xc5\x96\x03\x89\x85\n\xa1\x9d\xbb\xb5\xb5W\xef\xb6\xbd\xfd\xe9\xe8\xb3\x922~\xa3P\xed{\xdf\xbd~3t\x1d\xec\xf6\xefk\x87\xfa\x12|,\xd1\x02X\x863,\xb4M\x05\xa3\xd1\x89M4\x9d$P\x94\x92%\xdc\x13\x13\xee \x06\xd5\xa9\xc1`4!\'j\x9a}6\xc0\xa2\x01\xcb\n\xad\x08n\xd6\x1b\xde\xfdn\xa4\xf6\xea\xb5\xabW\xbf\xb9\xf5\xf3\xcf\x87\x9f?\xb5\xffz_*\xce[}\xf7\xd7o\xbf\xbduudd\xa4\xf6\xf6\xf5\xb6\x93\x8e\x00\xc2\xf2\xf7\x1b\x8c\x16\x88\x1aM\x9dNg4\xf4\xd3}}},M(\xd3\xcdc\xf0\x9a\x19\x9d\x99\xb1\x99=\x9ez\xa0o\xd4\\\xae\xa9kn\x86\xca\xd0\x03N\xecrX9\xb6&lt;m\xb3X\xde~=2r\xe7\xeb;\xd7\xae}skh\xe8\xd6[\x04\xf6+\x85z\xf4\xe9\xfb\xd7o\x00j\xe8\xca\xdd;`#\xb5\xd7G\xde\xb4$x\x84U\x0fXP\x88\xd6\xd44\xa3l\x8fN\x08cA\x18\x15a\xec\xf9\x0f!g\x14\xda\xd6y\x86a\x9f\x83Pt\x8e$\xcb\x92P\x8eu\xa4\x9c\x83e\xc9\xb2\x1dON#M\x1e\xc5\x95\x1c\x9d\xc8u\xbaz$.\xc6\x17B\xeb\x14\x88\x16v3b\xb6\x8b\x9a\x8en^g\x18,\xd80\x18(\x9e\x97\x8b@\x8b m\x99/l\xa2\xa402\xb2A\xc9\xcd\xa8\x86.\xc6\xe4\x8d\xe0\x15\xc7\x1e-\xbdH\xe2\xb4\xcd\xf6\xbe\xff\x91\x9dl\x90\xed\xc7q\x1c[\xfe\xf5\x9c\xf7\xfb\xbe\xf7\xfb\x8e\xf3[h\x8a\xd7\xae\x95\xd1\xae\x01\x02*\x17\x1e\x04\xaaIL\x85\x03\x02\xeb\xc4\xb9\xd3/l\xf6gV\xf6\x8dJ\xc5\x90e\xc3\x98A~,Fm\xb0#\xff\x9f\xea\x97\x10j\x96k\xb1\x18\x8a\x1b\x86A\xae\xd5\xe2\xaf\x8e\x11\xeb\xeb\xa7\xba{z\x86]\x00Kg(\xd7\xa5K\x03\xbd\xfd\x98 \xae]\xab\xd7\xe7\xe7\x1b\xf3\xf5\xf2xZL\xce\x88!\x1e\x12q\x01\x12\x134*\xf1\x8d\x97N\x9f\xdc\x1c\xebO_\xb1\xb0\xa5\x1c\x90\xb1\xaa\xd5"\x05\xcb\xed\xbd\xbf\xfb\xbf_h\x83\xd1{\xf0\x97-\x015\xbbP+\xc6M~;T_\x8d\xff\xe8\xc4\xabo2\xe5\x915\xc3AW\x04s\x9f\xe0\x1a\xe8\xed\xf6N\xa6/\x94\xeb\xf5\x868\xd6\\\xc0p\xe3\xf5\xe2A\x19\x9e\xfd\x11\xa1\xee\x15)\xff\xd2\x8b\xb8w\xec\x8f\xa4\x9b2\xa9\xb8,\x8bX\x0b\xb3\x8b\xdb[\x9f\xfe\xf3\x83\xe7\x86\x92~\xb0\xfb\x0cT\xaeX5M7\xbe_\xae \x1b\xb6\xcf\x1f\xfb6\xb0.\r\x10\x0b\x86\xea\xc1\xe8\x1e\x1cD\x12y\xbd\xae\xf4x\xa1\\o|\xdc\xa8O\x14\xd2\xe9I\x0e\xcd\xa0\xd2\xf5\x94G\xb8\x16\x86\xd3W\x86\xce\xbd\xf8\xfao\xdf9;\x99^\xd9\x97A\xe5\xe6\xb2\xac\x1c\xa8\x16f7\xb0\xb6&gt;}\xf0\xc1sL\x16P\xef\xdfgJ\x11j\xa1\x96(V-\xd9\xe4\x0e\xe4\xaa\xcc\xdc;\xf1\xc6o\xbeI,/\x92&gt;\xe3\x18/\x14tq,7\x8c\x7f\x81\x0b`\x13e]Py{\xbd\x19]\xd7}&gt;\x87}\xae\x0cr\r\r\xbd\xfe=\xcc\x8b\x19O\x13\xbbaO\x15T\xf1X\x12\xc9\xb5hs=\x0f\xec\xc8\x91?~x\x08U\xabEAU5!8v\x08\x04\x8c\xca\xaa\xb9s\xfe\xfc\xcd\x176/\r\xd8\\\x11\x8f^\x02W\x0f\xc4\xe3o@`\xfd\x02QC`q\x87\x81)\xcbC\xadx\xa8\xac\x07\x85x\ns\xe0\xd0\xb9\xd3\x7f[K\xa7o\xb5)\xbf\xcae\x9a\xb1P2\x11\x8d\x1e\n\xb6\xf5\xf9\x83/\xfe\xfb\x15\x83\x8e|\xed\x8b\xcf7\x0e\x95\xaaE\x931\x13\x0by\x15P)\x97A\xb9\xce\xdf|es\x00Kx\x84\'\xa5\xeb\x85T\xa4\x07Sq&amp;\xbd\x86\xec\x8edx\xde\xac\xa7\xbf\xdf\xdb\xef\x8a\xf8\xa0\x16\xbc\xd45\xcc\xbb3`\x9d\x1c:\xf7\xfd\xdfc\xe6o\xe2"\xa1UV\x92\xdcf\x1cXS\xe4"\xd8\xac\x00\xbb\xff\xe7\x07\xff\xf1CV\x8c.\x9f\x11\x99PB\xab$\xf2\xca"\x96\xa9\x82\xcb-\xc3\'vn\x9e\xde\xdc\xdc\x1c\xe8&amp;\x17j\xd1\x07\xae\x14\x9e9\x0c\xac\xf4\xda\x1a\xac \x0cW\ng\xb0x&amp;\x1c\xd3\x83#\x03,\x84\x14X\x18\x9b?Z\x1b/\\oc3U\xcd\x02+P!\x16\xb8\x00F\xc5\x16\xb6\xb7\t\xb6\xf7\xd5S.\x06\xb0\xbd(\x84Z\xac-\xd6\xa2\xb9$\xa9L\xd9\x8c\xc7+\x15w\x16`\x08c\xc5\xdc\x1a\xda&lt;E\xab\x1c\xf0\xf6`\xba\xf1\x80+\xe5p\x05#\xc8~\xb1\xd2\xbc\xb9f\x85fH\x95\xf2\xd0s\xc3\xe0B)\xe2r&gt;\x1a\x03V\x93\x97\x08\xaa\xac\xa4\n\xb1\xd8B\x04X\r\x92mcml\xed=\xd9=\xc4\xda}bY\xdb\x14j\x11JEsL+\xd3\xb2\xe2\xd5x&lt;n\xc8Yr\xc9F\xc5\x98\xb9w\x12\xf7\xf1"\x8a\xc2-=&lt;4\x86\x81\xc2\xa3\x17\n%\xacr\xb9\xa0\xdbw\xb2)!V\x84A\xe4\xbcu\xea\xd4\xb7\xc6\xc6\xceN^\xb8\xbeO*I\xa2X\x86\x81\xcdc\xa1P\x87\x0b\xa1\xc4\xda\xfe\xf2\xee\xde\xfe\x93\xc3\x00&gt;\xb6,K\x04/J\xdf\xcd\x15a\r\xf8L5F\xb5\x0c7\xf6Q\x19Fs\xa7\xb7\x17MMp\x11\x8bo\x11\x8c\x08\x11O\x81\\(M\xacB\x81\'\x12R)b\xb9\x82\xc3\xc3\xbc\xf9?\xd5;6\xf6\xce\xe4\xda[\x14\x0bT\x92\xa4\xa9\xf4CF\xa3\x13H\x96\xe4\xe2\xf6\xa3c\x17\xfd{R\xab\xf3\x9f\xab\x1f\xb6a\x04V4\xda\x81"U\xb1:S\xadV\x05\x95!K\x8a$\xa9\x0c\xa3\xb576F\xacn\xcc\x07\x11\x0fOJ\x82+"\xec\x01\x06Q*\x11J8\x83/\xe5\xe3W\x88\x15\xa4\xa1z\xcf\xbe\xd3\xbfv\xe1VKd\xbb&amp;tq\xf3\xc5\x00\x00\x06\xfbIDATi\x9a\x9bY\x1bg\xc7\xa6^\x90k1\n\xa9\xfe\xe4\xf7_\xdcS\xb2\x82j\xf7\xc9\xbel\x05\xdc\x16\xc4\xcc\xd9P3b!\x92\xd5\x18\xf4\x82G(\x8a&amp;1\xbd\x8c\xfdO\xcez{Q[\xdf@sa\xd2S\x144"\x1d\x11\x9c\x98(\x97\xcb%R\t\xd1l\xb1\x10a\xf8\xbc\xd7\xcb\x9f5\xad\xbd\xd5\xa6/\x80\x8ab\x19\x9d\xd4B\x0c\xa7l\xb56\xde\xbc\xe8\xf7\xfb/\xef)\x92\x1d\xc0\x19\x8b\xcd\xc0\x0cMM\xe5rO\xb1\xaa\xc5P\x92\xdf\x18CvINE\xcb\x92K\xde\x99\x86-u\x0fR\xae\xe0\xc8\x12\xa3\x05U`\xadH\xac\x89:\xf4*\xe8\x05\x11L\xe2b`\x0e\x8e\xb8\\A\x1e\x87\x08g\xd6\xd6\xda\x92\xca\x08R\xac\x80\x11\x0f\x89\x05*&lt;\x07J,\xb7\xf1j__\x9f\xdf\xff\xee\x9e\xa2u1\x80p\x01\x18\xafl\xc4\xc8\xfcT\xabb1\x99$\x18f#!\x17\xb8`\xae\x81\x9d\xbf\xf6\x83\xa9{p\x90g!Pq&gt;\xe4\x97c\x1c\\e\x8a\xc5E*\xdf\x92\xa0r\x8d\x8c\xa0+F2\xe1\xf0\xef\xd6.4[\x12\xa4\xd2@\xa5P\xac\xb8\xc9\xccB\x0c\x19\xc6\\n\xcb\xa6\xf2\xbf\xbb\x03\xac\xdd\xaf\xf6I\xe5V\xe5\x8a\x1c\x8a&amp;\x84X\x07!,\x86:k5nd\x15E\xb1\xb9\xdc\xcd\xfe\x9e\x9eArMOOG\x1c\x88"\xb2(=\xaew\xb8\x98d\xbaH,\x17u\x02y$\x82Q\x10Z5[\xf0\x05\r\xdb(J\x16m\x91^\x88\xe4\xaa\x86lK\xdd\xf89\xa0\x18\xc4?\xb45\xa5\xeb\xc9\x8cEw\x93\xdc@\xa3Z\x10\x0br\xed\x8b\xc4\xe2\x85\xc4\x88\x15[\xad \x8cv\x1ceYm\x06\xc3a\xfe\xf6\xfb\xf4\xe0t\x90\x06\xc54\x82s\xe9%\x01\x05$\x0f\x15\xc4\xc4\xcc\x18b`\xf4\xa4=\x99\x0c\xa8\x18?b9\x11B\x99\xe3C5&amp;\xdc\x01\xa6\x15}\x04\xaa&gt;P]\x06\x96\xa4uY\x8cvVSMYU\xe3\x08\xb3\xa0\x12\x99\xc5BD\xbe\xc7W\xc5\xaa\x04\x94\x03\xae@\xab\tc\xef\x11/\xe2\xc1\t\xd4\xc74B\xa4\x1c\xc2R\x91h\x0e\x82-!|\xc1 \x94B\xb5\xc2h3\xa4"\x94\x13o*\xd2\x9d\xcd0\x1aM$\x84eE\x1f\xfd\xa0\xcf^~\xff\xaf\xdb\x92\xd4%LDR\x19F\xb7\xc9\x18wB8S5E\x15\x9a\x151\x06\xd2\xbc\xc0\xe5\xd4\xe0\x13\x017\xb8\\\xe1\xe00\xd4\x9af\xd6#\x8f0\xbf\x84\x83&lt;\xe6L&lt;\x0f\xeb\x93\x19?"\xa0P\x99\xe3\x1eA\xa5p\x0b\xc5\x99\x95\xe3\xc9\x84\xbdD\x11&amp;\x12\xa4:C\xaa3}\xc4\xd2\xba\xe0\xb7\x1a\xadM\xa5_V\x93P\xab\n&amp;:)&lt;\xcb4:\x03\x1bR\xaa"g\xb9\xa7"\xb1C\xb6\x9a\xa2\xf6\xc1\xf5\xf2J*\xbf\xbc\xbcdw\x990\xaa@4%\x92:\x1c\x02Pg\xb2\xddj\xf2\xf2\xa9\xb7\xd39\'\xc9\xb0\x86\x83\xbce\x10s\x8f~\xd6\xa1b\x18\xef\xeed\x89\x85\xee\x84\x9e\x0e?q[\xc5$CG\xa8\x19\x13u\x82y\x9b*\x82X%\x18\xd3\x0b\x1bC[Um5W&amp;Qi\xc3\xd3/C\xae\xe5\xa5\xa5\x15\xe1\x9c\xc8p!\x97\x8f\xcb\xc3\xded\xd7\xc1\xf5vK;\x90\n\x89U1\xcd*\xab\x90u\x98D0Au\xe6(\xb8\x8e\x8aJ\xbc\xbc\xa3J]\xa2i\xa2\x1fd9\x96\x85\x109BY\x96\x18i\xc4\xb4&amp;\xa8\xdcB\xb0\x80\xc6\x8dQ\xe0\xf8\x8c\xd4^\xc1\x9c\x8e\xfb\xd8\xa5\x14O\xb5\xad\x8cD\xb0\x1c\x94(\xe8ZJ]/\xe5\x99\xf9:\xbd\xac^\xfe\x0c\xb5\xd5\xa1R\x98\xee\xd8\x1c\x17\x89\xbf\xe2\x1c\xb7\x16\xbe|\xfb\xe8\xd1\xbe\xa3\x1d\xb9\xfa`\xa7j\xb6\x0b\xcd\x9c\xfd\x9c\xef\xd4\x00\xbb3\x91\xf0N6\x0f\xa88lq\x9cG\x92\xb9\xb1\xb9"\x9c\x02\xb5\xdb\xbe\x82\x94\x86Vzit4\xbf\x0cG@\xc9y(\x92/?:Z*!\xbdR\xa5r\xfdx\xbd\xfe\xb8\xa5\x08&amp;B\x81J\xc8$,+\x99\xa8a\xce\xfa\xd7\xdb|U\xaa\xc3\x8c\xf7\xfb?\x91\xb2]Y\xd1\r\x90\xc9\xe0r\xd3\xec-\xcb\xed\x16\xf3\x7f\x00\xa1\xe5m\x80mzX\xb8\xb7\xebpQ0I\xdaG\x82E\x1c\xcby\x9e]\xcc\xeb)\xddn\xd3\xb0\xd2|~tb4\xafC\xab\xfa|\xe3\x87mj\xec\xbcz\xd5\x898^e+\x94M\x83ci\xb4\x86\xd1o\xf6\xd1\x8f\x9f2\t(\xff\xfa=T\xa2\x86 \x8a\xe7B\xa3R-\xd9\xa2\x8b\x05L\xba&gt;\xe2f7x,\x14LR\xb8\x97\xdb\x0e\xa3x\xb8\xd2j\xfe4\xe3I]\x9f\x98\x10\x10\xba~\xcb6Rq.\xb5\xc4\xd1~\xbe\xd1x\xd8R\xe6\x9csss\xccIF\x10T\xb8\xd0\xd8\x94`\x02\xd5w\x9e\xd5\tL\xeb\xeb\xfe\x7fh\xc0\x12\xfd@x\x12\xb8\xd8\xdf\xdd\xb6R\xbc*:p\xa7\x97&amp;\x89\x05.\xb5\x83\x85\x85\xde\xd6\xbe\x92\xf1\x14&amp;x\x9e\x9a\xa9\xe4\x80\xb5\xaf,\xa1K\xe6\x81U*\x1fo|\xfc\xdac\xc9yun\x8eReUi\x0e\xe6\x0e\x9d\xa6l\x9d8\x04#\xd9\xfd\xcf\xe8\xb4~\xfb6\xb0~\xd2\x92\xba\x14\xda\x89sN\x84&gt;k\xa7&gt;\xb3)\xc0\xbe\x10\x9aJL\x1d\xda\x8b\r\xc682I\xb4N,[\xcd+\xe3\xe5\xf9\xe3\xc4\x82A\xf9&lt;\xa9|)\x9f\xcf\xbf\xf7\xdd\xe3\x13\xa4\xfa{[rR\xab\xabN\x16\xbc\x06\xbf\x8a\x87\x125$\x14\';\xb4\x14a\xedO\x99\xee\xdc\xb9\xbd\x8e\x0fn\xecH]N\xee\x0f*\xea,\xb1\xe8\x08\x86\xdc\xc7}\xa5\xb0\xdf\x03+\x06Z2ds\xe1Y\x94N\xeaC\xb2\xfd\xe6h\xa31\x91O-s6-3\x9e\xf9Q\x9e\xfc&gt;\xdeh&lt;nA+\xdbT\xd4\xac"\x86\x06*\x05\xa6hb*\x14\xafn\xdf\x15L\xeb\x07Pw\xec\x8fn\xec\x11\x8bf2\'\xa2\xaf\x89;J\x98V\x11\r{\x11c\x19\x99j\xf6\x1f\x9b\xca\x8e\xe3aY\x11\xcd\xd9z\xfc\xf0\xb5z\x01\x99\x8f\x1c\x03O9\xb5&lt;*~o\xf8!\xa5\x82VL\x0fthH\xc5\xd2\xc3\x8aN\x85D\xff\xd8\xbe\xeb\xef\xac\xdbd\xba\xb3\xben\xabv\xe3\xbe\xd6\xf5\xef&amp;\xcb\x1e\x05a \x88\xc2j!h\n1MJqQ,\x02z\x03SH\xc0Z\x8b-D,\xbdG\x8a`\x15\x0f\xa0\x90{\xa4\xdb\x05o \xa4\x13,,\xb4\x16\x82\xa9\x9c7c\xd4!,l\x93\xfdx\xf3\xf3\x86\x89\x84\x8a|\x05\xc3=\x0cy\xe9\x8a\xa2\xe9\x17J\xa4\x02\x15Y$lH\x0bV\x13)\xa2.+\x8b\xfd8 \xa6\xa51\xdbIg\xbf6&amp;\xbbB*\x9d2\x14\xcc\xd0\xe9\xa9\x11IE\xb9\xc3\x9e\x84\xb8\x1d\xbb\xbf\xecI\xfep\xb3\xd6&gt;tMsE\xa6\x00\xf3\xda$\xd4\x82\xa5\x9aFXS\xab\xba\x1a\xce?T\xea\xc0r5\x1c\x94\x0cc\xe1e*h}9\xef&amp;\xbeI\x08k\x15\x07~b\x8a\\,Af\x89Ww\x07\x8a\xcb\x94r\x87QJq?V\x18\xa7\x8a\xaa\xcfP\xd6&gt;u-\xc5o\x11:myy\xee\xcc\xb0\xfe\x85P\x0c\'L\x8b?U\x85L\x7f\xb7\r!d\x1e}B\x97E\x96$\xc6\x0f\xe2UfJQ\xaa\xc9\x83\x87\x9a}F\x0b\x12\xbaF\rz\r\xees\xf7\xb5\xf9c\xe2\x04\xf6\xe5\xceXo\x07F\xc1]\xa6\xf6H\xcc\x00\x00\x00\x00IEND\xaeB`\x82'</t>
        </is>
      </c>
      <c r="M88" s="3" t="n">
        <v>45492.67868055555</v>
      </c>
    </row>
    <row r="89">
      <c r="A89" t="n">
        <v>243529</v>
      </c>
      <c r="B89" t="n">
        <v>1963</v>
      </c>
      <c r="C89" t="inlineStr">
        <is>
          <t>Weverton</t>
        </is>
      </c>
      <c r="D89" t="inlineStr">
        <is>
          <t>Weverton</t>
        </is>
      </c>
      <c r="E89" t="inlineStr">
        <is>
          <t>GOL</t>
        </is>
      </c>
      <c r="F89" t="inlineStr">
        <is>
          <t>GOL</t>
        </is>
      </c>
      <c r="G89" t="inlineStr">
        <is>
          <t>GOL</t>
        </is>
      </c>
      <c r="H89" t="n">
        <v>189</v>
      </c>
      <c r="I89" t="n">
        <v>21</v>
      </c>
      <c r="J89" s="2" t="n">
        <v>32123</v>
      </c>
      <c r="K89" t="inlineStr">
        <is>
          <t>Right</t>
        </is>
      </c>
      <c r="L8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2f0b2f9-84c4-4806-ad53-1ffa7b81e5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d@\xcc\xdb\x00\x00\x03\x00PLTE\xff\xff\xff\xff\xb2e\xe9\x9bv\xff\xb9u\xffw?\xfft=\xffr;\xffX+\xff\xfe\xfe\xffR(\xff\xach\xff\xb0l\xfd\xb1\x8f\xfe\xfc\xfc\xff\xb5p+\x19\x13\xff|E\xff\x8c=\xff\xae`\xff\x87&lt;\xff\xa8\\\xfd\xa9\x83\xe4\x8dk\xf5\xf1\xf0\xe6\x9f|\xfe\xb4\x94\x94R&lt;\xffo9\xff\xa2[\xe2\x96t\xff\xbe{\xee\x9ewv9\'\xf0\xa8\x84\xed\x86`\xff`/~C/\x9cWAw@.\xa3ZB\xff\x807\xff\xa7c}:(\xfd\xab\x8c\xf1\xa2|\xff\x8bD\xfd\xb9\x9b\xff\x92B6\x1f\x19\xffA\x18o7$\xa5`H\xfd\xa4\x83\xff\x8cP\x92`P\xfd\xae\x86\xa3hT\x87B/\xff\xc8\x89\x83I5B\x1f\x16\xeb\x91o\xeb\xa3}\xc2x]\xff\x9dS\xff\x95K\xf3\xb0\x91\xed\x9e\x81\xfeG#\xcay\\\xccpQ\xb4cJ\xfc\xf8\xf7\xffo.\xed\x97s\xd9\x7f_\xf2\xab\x8b\xff`(\xe1\x99y\xf2\xa3\x82\x9bdR\xf5\x9ew\xd8\x8ep\x8dL7\xf8\xa2~\xea\xa4\x86\xadbG\xbbgLH)\x1d\xff\x87L\xf8\xb6\x94\xe1\x86e\xacZC\xd1wZ\xec\x98|\xff\xc5\x83U\'\x1b\xd8\x86i\xe6\x81]\xff\x7f?\xff\x82H\xec\x8ah\x8cQ=\xb5y`\xf1\x8bd\x82Q@pE6\x89\\L\x95iY\xa6n\\\xfc\xa3z\xe3\x93o\xffO#\xf3\x91j\x9c^J\xc3kMrM@\xfc\xec\xe6\x9e{me7(\xaer[\xffu1n&gt;-\xffX#gA5\x8e1\x1d\xf6\x97n\x9eo^\xbdqU&gt;\' \xf6\xa6\x85\xc1\x81j\xffz4\xf8\xad\x89\xed\xdc\xd6\x91YE\x81ZL&gt;\x12\x0cgMB\xd8\x95{\x88dU\xb4kPf2!\xfb\xf3\xf2\xea\xa9\x8faD:\xd7yW\xfe6\x18\xaaxd\xa8\x80r\xffg+^,\x1d\xff\x95R\xfc\xd2\xc2\xffK\x1bS."x-\x1e{I9pVLI/%\xed\xea\xe8o1 \xb6\x83t\xca\x88n\xfd\xbb\xa6\xab\x86y\x869$\xfd\xde\xd1\xa0O;|RE\xdf\x9c\x7f\xe2\xbc\xac\x8f?+\x97G4\xb2\x8f\x81J\x16\x0e\xee\xe3\xe0e)\x1a\xffh9S7,Z3\'\xc1\x8cz\xcc\x8dv\xb7\x98\x8bM"\x16\xfd~V\xcf\xc3\xbd\xb6~h\xfc\xb0\x9c\xcb\xb2\xa8\xfd\xc4\xb0\xcf\x81ezaV\xc9\x95\x85\xef\x99u\x86ne\xa6\x90\x87W \x13\xbb\xa3\x98\xfb\x9b\x82\xe4\xe2\xe0\xfc\x9bu\xda\xc7\xc0\xdf|Y\xfe\xcf\xb5#\x11\x0c\xcd\xba\xb2\xe2\xa1\x87\xde\xa6\x91\xfa\xe5\xdez#\x12\xfd\x98k\x95se\xfc\x8fs_;.\xbe\xad\xa4X@7\xe7\xb6\xa1\xd6\x9e\x87\xf4\x97z\xff\x99\\\xea\xb0\x97\xfd\xa2r\xf2\xb6\xa3\xcd\xa3\x97\x86)\x18\xe0\xd3\xcf\xf7\xd5\xcc\xdb\xae\x9f\x9f&gt;(\xee\xc5\xbb\xa0\x86|\xb3m\\\x8f\x82|\xfepJ2\x12\x0c\xab\x9a\x92\xbe[?\xdezl\xfc\x83gp&amp;\x16\xea\x84s\xff\xb5\x80\xb2S7g\x1a\x0f\xfe\x8ed\x9c/\x18\xbf\x9d\x91\xe6.\x1e\xfe\xc8\x9f\xc5eX\xaaH/\xedh3\xb6-\x19\xdeT*\xc9?\x1acQj\x92\x00\x00 \x00IDATx\xda\xdc\xd9\xdfO\x9ai\x16\x07\xf0\x86+.$s\x05\x08\x89Q\x0c?\x12!\xcd\x04\x88B\\$\x91(\x04\x89\xfc\xc6\x89X\xa2&amp;\x80\xa0\x85\x88\x06\r1\xc8J\xa6j)\x16\r\xc4\x8b\xc6\xd6j\x99T\xed\xd063\n\xc1u\xa9\xa8\x8c\xd2\xa9\x98\xd4\x94\x16\xe3\xd6\x98f\xd5\xd8\xbd\xd8\xab\xde\xeey\xc0\x9d\xec\x1f0\xafm\xf6\xd0b\xe3\xd5\'\xdfs\xde\xe7=Oz\xe3\xc6\xffy\xe1Q}s \x02y~\x9e,#\x80\x0c\xff\x8d\xa0\x08\xb2\xf9d\xe6\xf3\xd6\xab\xad\x8b\x8b\xcf\xf9S2\xe1[\x08\rbJn\xbf\xba;\r\xf5\x1e\xd5\xc3\x8b\xfc.\xf9kG\x86\xc7\x93\x93\x17w\xdfO\x0f\x0e.ML,-\r\x0e\x8e\x14e\xc9\xfb_5\xb1"j\xdan\xabU\t\xa0\x86U\xaaZ\x1b\xc0~y\x7f\xf7"I\xfeZ0&lt;^v\xba\xfdpd\xceu.\xee\x822v\xa5\x9a\xc4\xe2s\x95e\xce\xfe\x0e\xc1N\t_\xa5\x93x\xc2\xee\xe7\x87K\xb5\x02_\x17I\x04\xf5o\xa3\xd1\xd8\xd2\x022\xdf\xb9`|\xce&gt;2\xfd*?O\xf8*C\xb5es\x89K&amp;\x91\xd9l6vw\xb7\xb4\xcc\xdc\xba\xd5$n\x12[\x87\x05\xbd\x83\x10\x98\x0c\x7f\xedQ\x9d\xdd;Oi*Lr0\x89\x8a\xa8\xd7\xaf[f\x80\xd5&lt; \x16\x8b\xfd\xfe\x85\xf0\xe8\xbd\xad\xfdkv\xc9\xb2\xee\xdb\x8b\xad&amp;\x93\t\xe5d6ww#\xd5\xeb\xd7\xc0j\x1e\x18\x18h\x16\xfb\xac\xeb\x0b\x0b\x0b\xee\xc3&lt;\xf9:]\xb2\xfd\x05\x7f\xab\xc4\x04Q\x99\xab\xbb\xab\x8b\xa8n\x84\x9ai\x86\x02\xd7@[\xf0\x1c`\xb1\x98\xfb:]\xf7\xb3\x9b\xcbz\x89)-7WWW\xf7TW\x97\xe2B\x81\xcd\\\xa9\xda\xa4\xd2\xe0px!\x16\x8fm\\\x97\x0b\x7f?y\x10\n\xe9M\xf2#3b\x15\xab\xfb\xcau\x15\xd7\xbf\xda\x0c\x1d\x06\xc1m\xe4\x8a\'e\xd7\x95\x15\xa8 +\x98\xf5?T\xf0\xa9\xfe_W\x9b\xb4\x83\xc5\xe2\t\xc2\x91h,sz\x1d\xe7\x04^\x96=8\x86\x0e\x1e\xc9\xfbK\xaa\x9e\x9e\x9e\x92\r~\x00\x0b\xb9\xa0\x89\x06`\xb1\\\x82\xdb\x91\x85X\xfe:\\\xb2\xec\tR\xc1\xb4CB=ESO\x7f?\xfc\xec\xef\xef\x87\x19+\xce=\n\x0b\n\xe2\x02\x17\xe4\x95\xc5\xdc\x85?\xddD\x1dD\xa7U\xb7\x19\x02*FU\xfaB\xae"\xab\xe8\x82.\xf2x%W|;\x89\xb1\x8b0\x1f\xcf\xc1\xb4\x9bD$t\\\xfd\xb7\x83\xe8\x1b\xfd\x81\xd3\xa2tv5\x0fH\xa5\x06P\xf1T\xaaQw4\x16;\xdb%`\xf9&lt;\xe2\xc9\xf9@\x08Z("\x91\x8aO!\xea]\xa9\x7f\xfd\xc5\x7f\x80\xab\xdbX\x9c/\xc8\x0b\\.\x97K5\x1a\x89F#\x9f\xc9\x98\xber\xb2\xabz4X"\x12z\xdf\x80\xc7\xebE"\xe4\xf2\x96h\x7f\x04Vt\xb9\x18\xe3\xb5\x10W4\xe2\xc6\xb4\x8d\xe4/\x01\x89\xa44YfDy[\xfc\xf4\x17\xeb\xea\x07z=\xc2\xcb\x11\\\xc0b\x01\xab\x0f\xb1"\xdb\xf3\xd8u\x91\x90-,_\xb1\xbc^\xef\xde\xdb\xb7o\xf7\xf6\x1c{{{\xde\xabR\xab\xd5^\xaf\xc8l|\r\xab\x04\xc4e`1\xa8EV\xc4\xed&gt;\xc3\xee\xad\x8d\'\x9f\xe4$E\x96\x1cP\xde=\xc7?\x1c\xc4:"\x91\xe8(\xc2\xf6\x1cj\x87N\xa7V\x8bD$\xc4\xba\xd5\x0c\xa7\x04\x83J\x1d\xef\x8b \x96\x1b\xbb\xb8 ,\xbdD\xa2\x94\x98*!\x16\xb5\x03Luee\x14J\x19\xd1\xe1\xd8\xf3\xc2_\xb5NG\xd4!\x96\xb1\xa5\xd4\xc5\x0e\x14\xd7h4\x1a\x05\x96;\x89\xc70,\xa5D\xa9\xe4 \x15J\nX\x14\xcaMJY\x1d\x91\xcf\xe7CPj\x1d\x87S)\'!VKS\x93\x0f\xba\x08i\x8d\xc6\xa2g\xa0:\xfb\x8c\xcd;\x1b\x8f\xdf\xdd\xcc\xe9AESBZ:\x94\x16\xbb\x8cr\x13\x15\xa5\x8cM,c\xf3\xd5i\xe5\x98R"\x17\xc1V\x9fB\xdbs0\xc8\x83.\xf6\xc1z\xe3vG\xa2\xdbY\x8cX\xc9M\xbd\xbeA9F\x93\xc8\xd3\xe9b2\xb4\xc6v\xa4z\x82\\\xd0K\xb5\\I\x93\x98p\xad]\x8b~\xeb\xf0\xf0\xb0\x80\xe7\x1a\x87\xaa\x8d\xc6\x0e\x0f\xdd\xeeX,\x8f\xcd\xd0\xcb6\x0e\x80ES(\x80%\'i4\x81\xe5\x83\x83\xc2A\xe8\xf8\xf8\xb8\x1d\\\x14\n\xfbH$19+\x02\x01\x7fX\xd5k[Z\xb2\xd9lss\x96\xf1\xda\x08bE\xe3\xf1\x0c&amp;C\x8f\x9f\xff\x04[\x96\x12X&amp;\x9c\xb3+\xe5\xb7\x86\xc3\x91p8\xbc\xba\xba\xb6\xb6\x8c\\\x7fc\xa7I$R\x97\x7f\xddZk\x1fy\xf7nd\xc4c\x9f\xb3{\xec\xb6^w\x14\xbd\x80\xbed2\xbbX\xb0\x08w&gt;\x1d\x03K\xa1\xd0\x97k\xc4V\xffzx\xb4\xafw\xa2\xb7\xb7W X\x0f\x84\xdaa\xf4\xd9i#\\{\x86\xc7mC\x0f~}\xf0`\xc8c\xeb\x9d\x9b\x9a\x1d\xf2\xd8\xefE\xdc\x91X,\xb3\x01\x8b\x04\x06.\xc2)\xb0\x14\n\xc5\x8f\xa1\xe5E\xabu}usu\xfd\xb6@\xa5\x1aw\t\xac\x8b\xcb\n\x18\xfe\x1f\xd3-\x03\x06\x9e\x8594\x9bH\xcc2\xc7\x05V\xab\xc0\xc2\xac\xe2\x0e\xd9\x0f#\x91\xd8\x97\x8d\xfd&lt;\x16/ \xbcl\x05X\x8d\x8d\x8d\n\xfd\x9a_\xec_,\x1c\x14\x020FA\x03/\xe8k\xaaP\xd6Qn\x12E3\xd2\x9f\xe9\x9e\xa1\xa9\xa9\xa9\x1a\x86x\xadP\x08,\x9eS\xe9\\\x0f\xf7^4\x1a\xcf\x03k\x1f\x8b\xf5\x99\xbc\xf2\xe1\xc31b\xe5\x16S)Mk\xe8\xe3q(\x17\xd0\xa0\x0b~*\xe5\xe4\xd4Q(:\xd1L\xc7O/wvf\xb9\xf5\xd6\x02&lt;\x08\x07\xcbkb\x9e\xb6\x8a\xe9\x19\x8c\xc6\xe2\xf9\xfc\xfe\xc6\x06\x19\x8b\xc3\xf4S\x89\xd5\x98\xd3hH\xb8\x86\xf6\x8f\x1fC\xcb\x81EtU]\xd4Tp\xe0hu\x98ou\xd4\xec$\x12\x9d\xcc\xf0f\x01jsm\xd1*\xa0Vq=\xf6H&lt;~\xb2\x01,\x0c\x1eE\xfc&lt;\xa4\x05MT\xb4\xeb\x9d$R%\xad\xf1\xb8\xb0\xb6j\x15\xf0X\xac`J\xa3\xa1\x11\x1d|\xaf\x11\xb1\x9eO&amp;\xea]\xeb\x85\x93/1wX\xe5rQ\x99\\\xae\xdd}\x12\x87\xd9\xda\xcfcqB\xbcXY\x01\x96"\xd4^\xee\xec\xc2\xd1h\xcbk\xb1\xed\xad\xc1\x11{\xbd\x96\xe5[\\\xd6\xeb\x1c\x0e/\xa4\xf5\xd3\xce\xe4e\x82&gt;\x1as\xbf\xba\xfb\xe8\xd1/\xef\xec\xccz:w\xcas\x98\xf9\x92A\xac]\x0c\x9ax\xc5R4\xb6\x1aI\r\xe5)\xff\xe1\xe0\xa3\xef/\xbf\xb73\xab~nK\xe5h:&gt;\xf1\x08X\xcf^N^v\xda\x96\xec}\x17[\xef\xdf\xbc\xb9L\xfc\xd0\xc9\xe5NM\xf5F3\x88\xb5\x81\x01\x8b\xf0\xa28\xf2\xfa\xc6\xc6r\x12\x0e\xd7\xe6SMLo]|79\xb8\xcex\xda\xecl\x1c\xe3\xb3\xf9G\xc6\xe6\x8eg5;\x93\x89\xc4N_\xfe\xe2\xe2\xfd\x9b\xcb\xcb\x07\x7fI$\xa6\xb8\xdc\xb9H&gt;\xb3\x8f\r\x0b\x7f\xa7\xc4jW\xe0*\x1b\x9a:x\xaa\x93W\x0f\xef^&amp;\x06W}\x1d\x1a\xe5\x98\x8eM\xfc\xed\xc88\xf0\xf4\x19\xfd\xf1\xf3\xc9I\xcfhf\xfb\xaf\xa0\xfaa\xfaA\xe7\xf3\x97L\xae\xfd0\x13\x87\xb4\xf6\xb1H\xeb\x0e4\x11\x8e\xf9v\x1a\xae\x01\xd7&lt;\xe0\x0b\xac\x9cu&gt;\x7f\xde\xd9\xb7\x1a\x94\x96\x8f\xe9\x88D\xfeoG\xa4\xe6\x8e\x9f\x855\x8fwv&lt;\x16wlbvg\xc7nc\xce\xeep\xe9LOo&lt;\xbe\x91\xcc&amp;\xb1I\x0b=\x8a4\x85\xb2\xa1\x01\'7\xa64\x85\x93\xdb.\xad\xcb/\x16wq\xf8D6\x1f\xb1n\x19\xa8Bz\x15\xf71W\xa8\x1a\x15\xb8\xa8T-\x9d;\xfb\xb2\n~3\x17\x89g\x92\xc9\xec\x0b&lt;6\xac\xe3\x9cb\xac\xb2\x12\xc7\xe1\xc8I\xce\xd6@.\xe0oJ\xa5\xba\xe4cuel6\x9b\xa8\x13\xdd\x922\xa8\xc2\x9a\x1az\x8d\x90\xca`0\xa8Z\x88\xaeJ(\x14VU\xd1\xfb\xa2\xf1\xfdd\xf2\x05Fi\x85rch\xff\x94;\x9d\xf2J\x93\xc9\xd4Z\xe1$\xc9\xd5\xec:6b\xc1\x1aH\xf2\xb1\x18\x96z\xbaP\xabe\xf0\xe0\x96\xc8z\xfa\xf4)\x8f\xc7\xd0\xd6\xd7\xd7\xdb\xdc\xb1&lt;6,x\x12?\xe5\xf4J5\xb8\x9cN\x1c\x07\x96T(8\x17\xd8eu\xb0\x05\xc2\xab\x9a\xad\x93\x8b\xe1f\xa8\x15j\xa9T*\xcb\x10\x0c\x06}\xb0\xa0\xc2\xe2\xac\xb5X,}\xd1\xcc~r\x1e\x8buke\xe5 \'\x81=\xbeR^\xc9\xe1\xa89:(&gt;\x1f.\x19l\xd8\x00\xcbn\xfe\xfdw\x8a\x0e\'f0\\T`1X,\x96A\x1aD\xc5cQ-TX\x06\xdd\xd0E\x0c\xd2"\x90\xb3+\x07\xcbJuZ\x9dN\x97D\xf0\xf4\x11\x89\xecbN\xb0m=\xf9]a"\x05\x85\xd0&gt;-\xfa2\x18\xa4\xd2\xa0\xd4P\xbc\xc2R!\xad\xde\xc3\xd8F\x16\x83\xb4n\x90\xb3\x1f\n\xe5\x95i\xf8@Pj\x10\xc1u\x07Tl\xca\x13\n\x14\x84f"\xa5X0\xec,\x86P\xc8@YI\xa5\x06Tp\'C,\xe8"j\xe2\x9f\xfd,\xe2\xefg\xe1&gt;\x86\x93\xe3p\xc5[b)\xab\xd2\xdd\x87r\xb3\xbd1$1u5\x05-Lz=\x9c\x0b5Z\x16O\ne\xe80\x18x(,\x9bm\x02\x9e\xc5,\xf9\x06\x9e\xf0gn\xa8\xe8?\x0ce\xff\x84\xd1\xaa\x80\xaa\xacL\xeb\xf8\x0e\x84\xbaRQ$\xc3s#\xf5&gt;1\xcf\x92\xf8\xee\xcd\xa4\x90!|\\\x05#\xdf\x86X&lt;\x16b\xd5#V$~*\xfb\x0f\xad\xe6\xfb\x93\xd6~\xc7\xf1\x85G&gt;\xc0\xf0\xc8UMHl\x02\x98\xa0\xb9!j\x8e\x18\xac&amp;#\x8dM\xaf\xc13\xd1rr\xa7\xc6.)\x04\x0e\xa7K\xb9T\x88\xa1=\x05\xa208\xd5\xcb\x82i\x16\x04Zh{\x05\xebV\xc3\x0f\x9bb[(Lw\xbbYmc\xd1J\x16\xa9\xa5j3\xd2;\x1f\xdd\xc4=\xd9\xe7\x8b\xeb\x7fp&lt;\xe1\x87\x8f\xe4\x95\xf7\xfb\xfd\xfd|?\xdf\x1f\xd5\x7f\x7f\xfd\x9a5\'\xab\xae\xcf\xcf\xef\x9d93\xbf\xb3\xce\xe1\xf3\xff\xc0\x07\xb9 Y\x15\x07\x81\x8a\x0b+\xb1\xe1\xb7\x7f\xfd[\xe3\xf9[\xf5S\xff^[\xfb\xa3L\xd8\xb0x\xafC\xd8\xa3R\xa9z.A\xf4\x1b\xebe2\xbf\xd6\xc9\xcc\xac&lt;{Z\xce\x92\xcc\x12[\xed\xcd\xf4\xee\xc5s\x97w\xde\xafG\xd7k\x15\x15\xb5\x9a\x07N\x98*K\xea\xba\xba\xc2\xf7\xff\xfd\xfew\xb6\x8b/\x1ag\x1b\x16\x17\xc5\x06\xe5\xe2\xe2\xbd\x87_\xb1\x84\x8dP\xb7\x04\xfe\x88\x939X\xcaE\xfc\xb2\x0e\xc3\x0c[+\x8d7}\x03?];w\xf3\xe5\xfaz\xb4\x1f\xb0\x9a\x9b\x07\xa0a@\xbb\x0fhA\r\xd5adxxd0\xda\x1f\xbem\xa6\xfc\xa6)\x98\x0b\xa7\x1a:ZU\x08k\xa8"\x96@$\xf2\x03VyI+\x10\t\x85\x8fB\xec\xf4\xce\xd5\xfb\xff\xb8\x82\xb2d\xdbX\x8f\xba\xf9\xe0!\x8cD[\xd3\t\x15|N\xc8\x15\x97\xcf\x87\xed)\xbdT\x13\xd2\x9bF;\x9f\xdc\x19\x17\t\xd4\xad\xb7n\xa9*\xd9\x12",\x9d\xce\xb9\x99[Z\x894\xa8\r\x0fo\xb4\xb235V\xef\xfe\xbc\xdaV\xd3\xce=\xbb\xfe\xc3F\x94\x0f#\xb1\xb9\xcffCj\xa1\xcd\x87:\xae\\\x1eu\xdbq\\k\xd2\xe9\xf5\x18`\x11q\x91_\xa6\x14\xde&gt;\x7fK5\x84\xaa\x16\xccF\xe3"\x84\xb5R\x8e4He\x0fo\xcc\xed\xb1\x82ua\xf9\x1dT\xf3vn\xef\xc6\xc6FT\xa1\xe0p\xba\xe46\xdb\xc4D\x1d\x17\xa8&amp;&amp;\x06\x15\xe1\x14\x85;H\xed\x1d\x13\xb9\x89\x8d\x8f\xfa:\t\xdf\xb8_]/\x04\xb9.A\xe4\xeb\x952\xd1\xf8\xb8\xce9V.\x97#\x82\xfa\x86\x8e\x1b\x0b\xac\xec\x91TM\x03\xd6U(\x98\xbd\x1b;\x1b\xeb\x8a\xda.N\xad\xbc\xef\xec\xc4\x04\xf2o\xc26\xa8H\x9aq\xb5\xdf!\x13L\x8d\x9a\x8c~\xa5\xe8Igg\xa7\xcf\xa4\x93\xa9\x85\xb7U=\xc8C\xa5\xa0\x82\xb5\x99+\xafDdbq\xfd\x8dOEV\xd4\xba\xde\xb4\xda\xf6SM\r\xf77%\x90\xcb\xad\xa8\xe5\xf09\xf2\xae\xe6&gt;\xb0\xb1wp0\tKkLm0\x0c\r\xcd\x89\x1b\x94=\xaa\xfa\x96Q\xe0"|&gt;\x9d\xac\xfe\xf6\x89X\xb0\xa25Y\x02\xd9\x83\xdcJD0+V/|\n\xb1\xb2u\xf3f\xb5m\xe0\xda\xb5\x9b\xed\xbd\xa5Lf\xc7\x8d\\\x1ci\xe6\xd7\x82\x8d\xbd\xd1\xb0\x1d\xd7\xaa\x1d\x86\xee\xf3_\x8e\x8e\x8e\x86U\xc7\xc3\xc7\xaa9\xc1\xd4\x93\'\x04\x90\x99D\xea\xd6Ju\x10\x99\xe2qK`\xf3`e\x8b\xbc\'\x16w\xcc}:d\xa1rUU\x7f|\xd7T\xb8y\x95k;[*&amp;\x12a\xb7\x9b/\xe7p\xf8\xb5gaM\x16\xd6`\x0e\x07~\xf8b\xe4\xe8\xe8\x0bz\x8e\x8fU\xaa!\xe0\xba3J\x10\x9d\xbex\x8b\xb2\x12,\xa0\x8a#\xb5V\xb6\xf4\xb3\xff\x99\x15\x0b?\rM\xb2\xb1\x17\xff\xe7\x9f\xdb\nm\xdc\xabW\xcfn\x942\xa1\x90=u\x99\xc3\xef\xefWtuE\xedRR\x8bI\xbb_\\\x06\xa8\xe1\xe3\xe3\xca9\xcf\xdc\xdc\x82\xb2\xa1e\n\x9c$\x88\xf8\x94\x08\x0c\xf4\x8d\xfa|D,\xb0Y\xde*\x93\x1dogg\x95s\x8d\xaf\xd8\xc0\xda\x7f\xb7j{~\xbf\xa6}b\xa3\x98\x08\x85R\x9ap\x7f\xd8\xde\xcdW\xb8\xedfL\x8b\xe1\xdd\xfd\xbf\xfe2&lt;\x0cL\x0b\x0b\x0b\xd0 \x8bg\xc5\xa8\x9d\x07,\x1f&lt;\xa3&amp;\x93\x8f\x00@"\x96&gt;(\x97\xc7\xfcJ\xc0\x127\xb6\xee\xb1\xa2\xd6\xbb\xc2\xf2\xf3o\x9a\xda\xdb\xdd\xa5Rh\xc6\x8bk\xec)\xb3&amp;\x1c\x0e\xa7\xcc\xb8C\xaa\xe9\xbe\x0c\x81\x1a\x9a\x13R\xa1\x073\x0ff6#~\x7f\x03Rk\xf4\x8e\xc9\x14\xf7=\x89\xc7!f\x9d\x9d\xc1\xedl.\xb75&amp;\x13~x;+6\x1cN\xb2\x91\xad\x1fWW\x97\x97\x97\xa1rE\x8b\xe0"Mi\xccv3n\x0fk4R\r&lt;\xdd\xe7{\xe6\x16\x0c\x99\xe2\xde\xdd\xbdWO\x9fn\x1d\x1c\xe4\x9cS\x8b\x8b\x8b-\xd0\xc0\x8f\xfb\x08\xc2g\xe5\xf1\xc0\xd0\xed\xf4\xe7\xf2V\xd6\xb1\xf0\xe1\x03`e\xd8\xd8s\xae\xbe\xbe\\8Z\xe5\x16j\xb8]\xc9L"E\xd3^\x8d\x97\x02"\xdc\xac\xb1k\xa0\r\x9d{\xd8A\xff\xf2j\xbeT\xcc$\x93I\xfb\xe1!\xa5m\xb9\xb7\xb8\xd8\xd1\xdaj\xf0\xc7\xc1&gt;\x02\xb0\x88\x13\xb5\x9c\xeaG7\x00\x0b{v\x81\x9d\x06\xe2\xe8\xf7W\n\xe7\x06\xbe\xe9\rg@-=\xe6\xf5\xd2\xb8\x992\xa4\x92\x1a\xb3p\xe1\xd1\xa3G\x87\xc9/\xa8@\x1c\x9d\x0c\xc6\x1e49\xcb\x94\x06\xf3mm&lt;\x16\x0c\x12\xbc5\x9e$\xe8\xca~\xce\xe5"\x82\x87\x0f;\xc4\x1d8+\xa7\x9e\xd0\xff\x15\xae\x14V\x0b\xbf\xad\xfb\xae\x1faQ\x98\x97\xf2b^\xa9Y\x932w_\xea\xf9\xf6O\xdf\x1e\x9d+\xac\xa2g\xa42"\x11\x96\x08\xbaT\x87T\x9b\xf7\xc5*X&lt;\xab\'\x9d+\xe7t"\xb1\x0c\x97\xaa3\x93\xact\x10\x17&gt;.\x0f\xa0m\xf7\x9a\xef\xf8\xc9Db\x86\xf6R\x14MR\xb8\xc6L\xa1\xc0\xbf,\x14l6[\x1f\xcc\xd7\xc90Xx(T\xa2\x02q\xafA\xa6\xd6\xea\xf2P\x1a*j\x11\xdbY\x08\x9d\xaeE$\xa0\x13\xde\xe2$;S\xf5\xfen\x1b\xeaAk\xb8\x9cp"\x04\xe1\xa2S\x14\x8dS\x9a\x94\xd4l\xee\xe6\x8c\xbc\x1c\x19\x90\xcb\xdd\xe1n)\x85\x91"\xbf\xd6/j\x98\x9a\x9aji\x80\x964O\x10A\x82\x90\xf0x\x12\xeb6\x98x\xa0\x83\xe55\x9d\xa1\x1f\xb0t\xca\xf2\xd1\xb6\xcamB\xad{_\xbf=\x91\xa2H=\xa5\xa7i0\x912\x9b\xc3\n\xce\xc5\x97\xcdr\x85;\xacq\xf8\x8d\x96\xbc\xc9\x0f}\x0c\xfc\xba@ \xf3\xeb\xe2A\x14y\x84Ex\x00kS$\x93)\xf1\x10\xfe\x9a\xa5\xeetz\xb7m\xb9\xe9*4\x82\x03\xfdI(\xa88Fa\xd0Zy\xc3^\xdc\xdc\x0f\xfd\x17gd\x84\x0f\x0eJuF\x93o\xdc`\x80u\xb5\x12\xd8\x04\x02]\x0cQY%&lt;\t\x8a|\xf6\xf3&amp;\x18\x8b\xd1\x99_X;\x92z\xb3|\xbf\xa9\xad\xa6\xcefS$a\xfa\x01(\xd2\xe9\xd4\xd3^=\x1d\x8e\xd6"\xa8\x11y\xad\xdbmw`\xdaq\xbfTc\x96\xb6\n\x85j\xe8f\xf2\xc1\xceN\th\xf5\x7f\xac\xdc\x12\xde\xa1\xa62\xf3\x8f\xd9\xda\x9d\xaf\xaa~\xf3q\x19B\xbf\xfbq\x1d\xb0\xbcf\x90KO\xeaI\x86d\xbc\x89\xa4\xdb]\xab\x18\x19\x94\xd7F\x93\x14\xb4\xa8~\x83\x06\xb8\x0c\xf5j\xffx&gt;FH\x80j\rE+\xe8J\x7f\xce=-.(\xbd\xa5\xc7l\x9e\x19L\xff\x93\xdb\xb4\xfa\xe3\xf4\xfb\x9d\x9dD\xc2.\xa5R4IjI#,\xfe\xbc\xc0\xe5VD\xa3\xa0\x96Y\xea \xd5\x0e\xf3!`9\xb4:K\xd0j=\x91\xea\x04kli\xefqb\xc8&gt;\xc9&amp;UU\xd5\xf4\xf3\xfb?VW\xefol$B^d\x9f\xde\xa9\x8d\x18\x19f\x93\xf1\x86\x92@\x96\xb4\'\xed\x94\xd4\x81\x918%\x95\xe2\x0e\xad\xdf\x12\x83Yg\r\x15\x07+\xbcb\x81tn\xe5n\xf5\x99\xbdIv\xcfW\xd05\\xO\x96`V\xf4\xd2zF\xcf\x18#F\xc0J3N\x92\x0e%\xec\xa9\x94\x064\x82t90\x0c\xe0\x8c\x9e`E*\xde\x1ap\x01\x96\x07\xb0\x9eM\xa3\xffq*\xe7\xc2\xd7\xe7K\x99\x84\x97f\x18\xc6\x191\xba\\\x81\x80\x0b\xfe\xcc2P`\xa5\x94\xc1\x80cj\xd0I\x0b2zb\x88j\xad\x82\x055&gt;\xe8I3\x95\x0b-\xa7t\xe9\xf3\xc2~\xb1\x94\xf0\xea\x19\xa73\xe2\xb4\xe4=\x1eO\x80I\xa7\x03.\'CI\xa1\xcd\xc1\r\x18\x8e\x93``\xde\x13De\xe1+\x96$\xe8\xc9\x1e,\xed\xfd\xea\xd4\x9e\xeaIh\x9ci\x86\x8c8\x8d.\xa3\x07\xe4\x02&amp;P\xcd\xc3\xd0T\n\xe6o\x0c\xd3cd\xc4b\xd9\x86\xb8\xa3\xac\x03\xd5\x1a\xb21\xe6I\x8f\xad\xdc==\xac\xaa\xeb\xf3\xc5\xe2\x8c\x1e\xeaV\xc4\xe2\xf2\xc4&lt;\x88\xcb\xb3\xedr1Nf\x06\xc6\x01\x89aLDg\xc9\x07\x83\x10\xadJ\xb6x\'b\x05\xd2c\xcfN\xf1\x96M\xd5\x99\xfd\x9d\xc4\xcc\x18\x06\xb2\x18=\x9eXl\xdb\x03\xf1r\xb9\x8c\xe0\xaa\x1eh\x9d\xf0\xad\x8b\xe4c1P\xcb\nC\x101\xf1xD\xcc\x95\xce&gt;xz\x9aw=\xa7\xf7\xdf\x97\xfe\x02E\x0b\n\xbd\x11~\xdd\x83\x8ct\xa5\x8dL6\x9d\xde\x04(#\xa3\xb7\x18cA\xc0\x92 0\xc9\x89X1W\x00\xa2u\x8aW\xa5\xa0\xf7z_\\\x9a!\x81\x0b\x8b\xc4b1\xc8&lt;\x0cG&amp;\rr\x04\xd2F\xa71\xef\xccn\xc7\x90\x85\xd6\xa0\x04\xd4\xb2\xa2\xd4[\x83\xe0rve\xf2\x14\xaf$\x01\xd6\xbf\xc0E\x98\xa8\x01\xcb\x02]^\xde\x150B\xc0\xe0\x1d0\xea\x8c\x16ti\x1e\x84\x92\xf0\xac\xd6\xafjY\xe3q\x14\xad\xd3\xc6\xda\xfd!\xe3\xa51\xd0\x8b4Z|\xbex\xec\x7f\xb4\x9c{PS\xe9\x19\xc6\xd7\x03\x8e\xc8ml)l\xcc\x10N\xd2B\x80\x98a\x16X\xc4p\t-\x06\xe4\x9aH P\x82\x96D\x1d\x1d\xe9r\x19\x84\x8d@p(\x90Q\xd6rYm\xc9\x82\xd1)\xa2\xe1"H\xe9\xa2\xc2\xe8je\x9b?\xdc2\xb5\x882\xd3\x16\xa5\xb4u\xeb\xe88K\x15\xd4\x9d\x15\xed\xf3\x9e\xa0;\xedLg[\xcbys\x92I\xfe\xfb\xcd\xf3\xbc\xdf\xfb\xbd\xdf9\xdf\x17s\x85\xf9\xc4\x87\x15\'&gt;4\x9b\xcd\x1f\x98\xe1\xdf\xc7X\xe8&lt;\xa0\xd9\xf9\x9d\x07\xd0\xebA\xdc\xb1i\xf3\x89_\x7fz\xe1\x13\x9e\xb1\xfe\xf0\xfb\xc3\xe7.\xfe\x0c\xb5`\xef\xf1"3\xd6[#E\x15}#\xe6\xa2\xe9\x91\x8fGF\xa6\x8f\xc5\x8d\x8c\xa0!}\x00$t\x0f?\x89{\xa7\xe9\xd8tQ\x05\xb0\x9e\xfe\x99O,\xd4\xd3\xdbm\x87\xcf\xa1\x17\xdc\xbauw\xac\xd4d2\xffp\xa4zo_u\x91\xa9\x9a\x16\xab\x86\xd1\xd1\x11\x03\x16\x86MqMMq\xce\x80X\x18\xad7/&lt;\xe5\x19\xab\xad\xad\xff\xfc\xfe\xe2\xe2\xad\xe5\x07i%Qm\x15\xb7\x00\xca4b:6j\x88\x1b\x8a\x1b5\x8c6\xc5\r\r\r\x11\x16.`\x9a\xcdE\x15\x87\xde\xbfp\x81g\x13\xdb\xae\x0b\xb4\r\xfb\xd1\xc4\x1c\x14\xee\x0e\x0c\x94\x06fK\xa5V\x83\xc1a0\x00\xa5\xe9A\x13}:\x83\xb42\x18\x8a*\xa4\xd5\x15?\xfd\xfbo\x9e\xf2\x8bu\xa6\xadM-\x12]Ih\x8e\x14\x96sm\xbbT*\xa6\xe5\xaa\x01\n\xd1\x0bdt\xe1\x17\xa4\x1a5UK\xa5\x11\xa6\xa2C\x9f\xbe\xff\x94\xcf\xad\xba^\xc0\xd2\xa9\xb5\x87E\xda+I\xcd[\x84B\xa1\xb8K&amp;\x96\xc9\x14X\x829F\x1d\x0e\xc7\xe8\xd0\x10\xe7 1:\xac\x11-\xd2@)\xed\x83\xc0\xd4t\xe1/&lt;\xe7\x96R\xa0V\x0bDF\xa3q{\xdd\xb6\xe0\x01\x99\xa2w P&amp;\xee\xb2:\x1c\xc3\xc3\x8e!\x87c\xc8\x19\x8e\x85y\x9b\xadK\x0c\xaej\xf3tE\xdf\xcd\xb3|b\xb9\xb5~\xde&amp;\x10\xa8\x05\x02\x91\xd6h,(\xd8\xbe}\xdf\xbe\xde\xc1\xde\x01\x9bM&lt;&lt;\xbf\xb0pcaa\xc1\xb1\xc0\xc5\r\x04\xb0d\xa02M\x9b\xcc&lt;c\xbd\xd5zF\'P\x8bpi\xfd\xe8\xa4JA\xfao\x8f$\xef{\xf8\xf8\xab\xbb\xb5sss\xf4\x9e\x9b\xbb\xe1\x8c\x05`\x89e\xc8\xac\x96\x91\xe9\xa2\xbe\xf7\xce\xf2\xba\xdd\xbau\x96,\xd4\xa9\xe9q\xb0_\xc1\x8e\x82\xf4#\xc9G\x92\x93\x1f&gt;\xbe{\xf7Im-\xb0\xb8\x0f\xa2\x9a\x9f\xa7;lbq\x8b\xd5j\x18!\xb5&gt;K\xe1\x17K$P*\x05\xf4L\xaa \x9d\x14;\xb2\xe3Hr\x1eq\xf5\x0e*\xec\x8a\x01D-\xb8\xe6\x17\xe6\xe7mbqW\x04\x8a\x07\xb0\x0e\xdd&lt;\xcd\xe7!\x03\xb7\xd6\xd9\xcd\x0c\xa3\x94 \xed\x81\xe5\xe7\xc79\x99\xbe=)\xa9\x8e"7\x12\x0b\xd7\xf2l\x99\xcc\xd6e\x9b\x9f\xef\xb2a|\x0e\x1bF\rV\x93\xf9\xd0{|\xab\xb5\x99e\x94\x02\x04\xc3\xa4\xa5\xf9\x11Xz\x81\xd1(\xd2j\x0fwk\xbb\x13Pf7\x1d\xcc\xce\x0e\x94vu\rw9\xb5\xe2\xb0\xfa6\x9e\xfd]+\x8f\xfd\xd6\xdb\x977\xa7\xa51\xb0\x91Q+\x99\xd2R\x86aX\xa6\x94\xc1\xe0\xec\xbf\xde\xdf\xaf\xed\xee\xdeS\\\x1cY.\x8c\x8d ,)\xa8F\r\x86c-\xa6\xea\xbd\x1b\x7f\xfeI+\x8fjU\xcej\xd2X\x06\x1cL\xa9\x88\xb0J\xe9\xd1\x94\xb2M\'\xd1\xf5\xf7\xff\xf1\xfc\xf9\x06\xdan\n,\x14\xfe\x96\x88\x88\x16\x9a\x93\x0cV\xab\xa9\xfa8\xbfXn\x95\xb3\xf5,)\xa4\x16\xa9E\x1c\x19\x93\xc6(\x95\x12\x81 C\xa7\xeb?\xdf\xdd\xb0\xe7"\xcd\x96\xa4\x16\xb0\xac\x0e\x82\xb2rj\x9d\xe6\x19K\xc32P\x08\xc9\xc4a\x89\xe0\xa1R\x82@\x89\xbd\xde\x0f\xb9\x1a\x9a\x83\x84B\x85,\xa2\x0bbY9\xa8\x16\x93\xa9\xa8\xef\xc7\xa7\xf9\\\xf9xU\xce\xcaY\xc8\x85\xf2\x80\xbc"\xb1\x189+\x07\x95R$\x12\x08\xfa\xd5\xda\x86=\xcdA\xb4\xcfF\x8c\xe4\xb2rJ\xb5\x98"\xaa\x8f\x93\x89o\xf3\xaa\x16K\xb9\xc5\x90RJF\x0e.V.\x97\xb3J\x11\xf2^\xad\xd5^I\xa8\x03\x16m\xf9AS1\x0c0X\x19Q-\x96\xee\xddx\x92O\xac\xb7&amp;g\xe5\xe3\x00aP\x1f0\x1a\xe5\xe3\xe3\xc83\xa8\xc5\x95\x0c\x81HdLJ\xa0#\x05\n\x99m\x9e\xe3rRE\x10\xd6\x19&gt;\xd5\x9a&lt;\xa5\xc9\x1aOc%\xf4\xb0S@\xaa\xb1\xa5\x8c\x06U_\x80K\x8d\xb6")\xa197x\x10X6\xdb&lt;Qq\xfd\x9840v+\xcfj\x9d\x92g\x8d\x8f\xb3\x12\r\xd5T%W\xb5JYRN\' \x13i\xf3~s\xe4\xe0\xa0\x1dT\xf3\xc3H{)\x02h{\xf9\xc5\x82Z9\x10\x0b\tE3\x90R\xc7\xb0\xac\x9c6\xdd(!\x98Zk\xc44\x94P\x97\xb7\xadw\x10\xd3"l\xa4v\x0b\xbd\x98X\x1c\xb8{\xeb\xb93\xbc\xaa\x15\x96s \x8d\xc6"+\xd1\xa10(Y6\rT\x12\xe8\x06*\'V\xdd\x96\xde\xbb\x84e\x8b\x90\x05\x06\xc6\xa2=%\xac\xe2\xabg~\xe1\xe6\xc6\xd7\xb1~\xaf\xc9\xb0\xac\x03\xf1i\x00cQD\x13\x133\x94ryN\x8e\\\x92\x81\x82**\xd5\x1a1i\'\x00k\xc0\x0e\x17m2Ev,\xd4BW\x1d\x98]|\xf5o\xbf\xf4\xf2jmmMYy\xae\x94\xca\xcb\xa7.\x95\x1c8\x10\x1f/\xc7\xf0\xd3\xa0\\%\xe2-\x97k0\x16\xd1\x1d\x96\xa2@\x00\xab\x19&amp;\x82\xcb.S\x089,\xea\xf5\x85\x9bN^\xfd\xec\xf3\x1f\xed\xf8\xe2\x1f\x9a\xbf\xae\xf0-\x12\xb7\xca\x89\x92\x17\x7f\xda@Gz\xb2P#4\xc0\xa2=\xbb\x96z|\xd9\x8c\xb9\x07\x19\xcf\xb9HC\xd1^k\x17g\x07\x95\x0b\xb3\x15P\x0bX\xd9\x9b.\x9e;\xf7\xf0\xd93\xd5\xb3\xb5c\x1d+\xabW\xe5D\x8c\xf7\xf3\xef\xbe{m\xea\xc0\xb5\xac,\xb9\\R\xaf\xcc\xa0\xfd\xe0\x9e\x96z\x89\xa6&gt;\x03j\xa9\x0f\x1b\xe9T5L\x84Z\naP$aqT\x8a\xc1M\xfb\x1bN\n\x97\x9e\x01L5\xd6\xb3\x82z\xb9\xa5L\xc4\xc4\x14\xba\xef\xa2\x13Zw\xeed\xb1\x90(C\x92\x91\x91\xa1\xd7[\xea-\x16|\xd3\xa9\x8dP\xeb\x08*\x04\x998 \x0c\n\x8e\x8c\x0c\x16*\xe0&amp;z\xd6\xc1\xc8{\r{\xf6\xc6\xde]\x02\xd6\xda/&amp;W\x90\xaa#\x06Q\x18\x1a\xc5a\xdd)\xc9\xa9\x07\x15\xc4\xd2\'f\xe0\x9d\x98\xa8\xd3\xd1j(=\xfd\n\xe5V\xef\xa00((877\x12r\xd9ev\xa8\x15yoOq\xa0\xcc\xbe\xa4\x02\xd6\x9a[\x95+\xe3\xa3\x9b\x17\x1c\xe4\xb0\xc0\xb5\xe8\xc4\x8a\xae\xb7@\xac\x0c:\xe9\xa3\x97\xe8\x12o\xd3\xb2\x16zaY\xbb-\x18\x8b\xb4\xe0m\xcdu\xcd\xdb\x82(\xf9\xd1\xe0\x0b#\xef\xdd+\x97\xc9\x9e&lt;\x0b\x07\x97j\xcd\xad\x1e\xaf\x15\xa8\x14\xad=\x13_\xc6\xc4,s\xb9G-\x12\x96o\xb4\xc5\xc2\xe5\x96^\x9f\xa8_\xaf\xbf\x9d\xa8\xa3\x12a\xbc\xd2\x9dD\xdb!z\x83\x9b\xeb\x12\x90e\xc1\xdc\x98T\x0c\xf4\x06G\xe6f\xdb@E\x01\xae\xb1K=\xff\xe7?F@\xa9/\x1f\x15\x16\x06\x14.c\x05x\xcc\xccpX\xd1\x16\x98\x07\xb5\xf4azDb\x06\x9a\x1b-\xa9\xb5/\x17\\[@\xb5\x9c\xfc\xb5v\xfb\xc0\xc0`o\x90}\x99*\xbc\xb3\xb3l\xcd\xaf\xee\xdf\xeax\xf3{\xbc\x90\xbar\xe2\x91\x8bw\x00\xa2p\x19+\xc0\xc5\x7f\xe6\x0e\x1d\xb7\xb3\xe8-H+b\n[\x8f\xe1\x88\xde\xde\x0f\x15\x82\xce%n\xc9\xcbK\xa0\xc2\x9a\x0b\xacZZ;\x82k`I\xd5\xd9\xe9\xa4\xea,\xab\xa9Y\xb3f\xecT\xe5\x1bZ\xe9\x86\x02z-\x7f&amp;\x80\xb8\n\x0b9*\xc2r\xf1\xf0\'\xb9&lt;==-`\xf2\xf4\xc4e\xa9\x97\xb3L&lt;\x87\x95\x9c\x97\xb7/\xaf\x0eT\t\xdc\xech\xaf\xa5k\xa0\xf6\x15\x95\x13+s\xadJu\x7f\xear\xe5\x1b\x14}\xaf\x94\x9e\xb0\xc5u\xeb\xd6\xcd\xb8\x04x{\x03\xeb\x15\x97\x0b"4\xf4\x8e/\xf9\xc8\x89\xa5_\xcfaa}\x96\x8e\xc2E\x87\xf6A\x85J\xb1\x85n\x02\xd4rr\xd5\xbe\\\xbbL\x05\xac\x9a\xcc\xf6L\xd5Q\x95\xea{\xae\x8ba\x94c\xff\x03\x9a\x9bWk\xc7\xbbc\xeb\\\x11\x1f\xb9\x048\xb9^\xbb\xe8\xe2\xed\xe2\x11:E\xa7&amp;\xf5\x16\x12+:\xba^\xa3a\xd3J_\x9d\x97LN\x06\xd5\xbe&lt;P\r\xd4r\xf1\xe4eMYx\xf8Qgb\xd5\xb4\xb7\xb7\x97\x1dE\xa82S\x1b\xf3K.O\xa6\xfc\xb7\x7f1C\x15\xa1d\x0cH\xab\t\xcb\x9b\xb8\\\xbe\xc6\x82\xa9\x08w\xff;\x1c\x97\x85\xcc\xb4X4r\x96\xc3\x82\x8d\x98\xb0!Z\x1e\xdd1\xa1[\x13O\xe6\x96^d\x96\x85\x1f=\xfaJ\xaa\xd4\xd45\xe1\x1c\x96\xaa&amp;\xb5\xaaq\xe7\xa2g\x07g\xe67\xa2\x01\xea\xd1L\xbe\xeb\xea\xd5\xb8V\xbbFy,s\xbd\xc6".\x0fo\x8f\xd0P\xdfh_\x10Y\xe0f=\xa9U`\xa4\xb5\x7f:Y\t\xb1\x9cX\x88\x97\xcf3;\x89\x03T55\x80JmWqT\xe0*Kml\x0c\t\xd95\x05\xb2o0\x13y&gt;Q\xe8\xbdj\xd5\xb7\xfd\xa3v\x92X\xae\xf9\xab\xbc]@\xc1q\x15:\xd5\x82\x8d\x1e\x14\xa1\xa1%\xd1\xce\xd0\xc8\xd3\xe2\xfd\x9c\x8b\x7f\x94z\x1a\x90\x0f\x1f;\xb1\x96^\xa4fv\x1e]\xa6"\xa9R\xabRU\xdcO*\xad\x9d\x99U!!!;}\xf2\x177t\xfc\xc7\x01\x00%S&amp;\'\x02V-\xc7w\xa2\xd69\xb1\xbc\xbd\x7f\x10\xe5\xef\xee\xf2Z,\x17\xb2\xd1\xc3\xdd\xdd\xc3\xdd\x7f\n\xb9\xef\x1b]\x9f\xc3\xbe\xc6\x82b\xc6\xd7XK/\x9fW\xd5p\x96\x85\xd3\x00\x04SUUcU{g\xb8\nT\x04VV\x93\x1a\x12\xe2\x83\xd7\xea\xfb\x8b\x97\x9c\x03\xe0\xdf\xe1\x90\xe7=\x9eSQ\x1f\xf9\x03\xc9\x9b\x03\xf3\x07\xd8.w\xa85\xb3+?\x7f\xc6\xa3\xf05\x16\x81yx\x80+tf\xa6\xc4\xd77\'k&lt;\xde\x89\xe5G7r\x8c\xdb\xe1!L\xfc\xea\xe5\xf3\xc6\xd4\xb2\xf0\xaf\xa5\x02TUHccUUf\x99j9\xca\x08\xcc\xc7\xc7\xe7[&gt;!\xaec\xb7N\xf5T\xfe\xeb\x08\x00dk\xc7\x86\xb1u\x94N\xbb\xbe\x1f\xfaJ1\xff\x7fvq&gt;\xa1\xa9\xa4Y\x147\xa4\xfe\xa0\x86Pj\xe5\x15\x8d\xd5\x8b\xa16\x16N\xe9\xc6B\xc8\xaa\x8a~4\xf8\xe6I3\xd0\xb3\xf05dS5\xd0\xab\xb4\xb3p!\xc2,\x1a\xc7m\x06\x06\xa4\xaaW.\n\xdc\x8a\xbb\x02\xa9\xad\t\x93\x8d\x04W-\xfd\x16\xc2,\x84A\xc8\x10\x98\xc0\xa3g\xce\xfd\xaaJ}}ML\xfc\x03\xfer\xee\xb9\xe7\xbbB\x92\x8e\xab_"\x11:(S=?b1\xc1\xa0XN\xf5\x9en\t\xeb\xcfo\x88\xec\xbb\xef\xde|\xf9\xe5\x9b?|\r\xaa\xff\xfc\xef\xd7\xbe\xc3l\x95B\x01\xa8EMC\xb5\x06]\x10\xb1\xcaf\xdb\xfdR\x81\xaa\xe4\xf0\xbb}#\xf0W\x9f\xe5\xf92\xe4x\x81\x15\xefx\xf2\x01\x8c\xb0\xf2&amp;\xa8\xf0\xa1\x13\xd5\x91\x8b:\xa9\xeb\x9e\xf9\xf4\xc7w\xa9Z\xef\xf0\xa6\xe8\x07\xc2\xfa\xf7\xaf\x9f*\xfd\xc1O\x87\xf9\x03\x14\xa8\xda\x83\xf10\x06\x1bgc(`\x1d\xc1\n\xa5\xbe\xa6\xed\xc2\xd3&lt;\x0f9"*\x97\xf1\x89\xaf\x8e-\x17\x13\xb0K\xb8\xcb\x03\x13\xaa\xb3a\'\x11\xc8\x9e\x19V\xcc\xb51\xc2\xbf\x80\x0b[\xfe\xbb\x9b\xaf~\xf7\xfeO\x84\x05\xa8\xca\x18T,\xd4\t\n$\xc3V;\x9b\xed\xb6\x87\xd4\xb4Ri8\x1ed\x0f58\x809-Q\x8c\x95\xa2D\xd0\xbd\x0e\x07\xa6\xa4 \x18\x81\xa5\x8a\x9d1s1.S??\x15,\xcf\xb8T\xd3\xfd\xfe\xe7\x9b\x9b\x9b\xafn\xbey\xff\xe1\xfd7?\xfc\xf3\xd3\'\xa7\xd4o\x0f\x18\x13\xa0b\x90a\xbf\x9d%O\rR\x82\xcao\xc0\x98\xc7\n\xe0e\xff\x81\xa9\xc7\x86\xafXT=\x97\x17R,\xd6\xca#\x98\xecJ.\xe32;^\xee\x9c\x19\x8c\xf4:g\xf6\x02\x97\xe7\x86?\xd3\xdf\xa8\xff\xf8\xa1\xf6\xb7\xdf\xff5\xe4J\x95\xd6x0`L\x10\xaad\x18F\xa9\x82\x9ef\xb3\xbb\xfdz\xbd\xc6\\m&lt;\xcf4\x0cg,\xa2\x18\x96\x18./.\x9a\x9b\x82\xb9\xf1\\\xfa\x05\x9a\xe8\x17U.\xc6%[\x06\'\x08)\x17/\x1c\x15\xcb\xbd&lt;=\x85n\'\x96L\xbdL\xf4\x8a\xbb\x08.U\xb5\x8c\xdd\xf7\xa0\xba\xa8\xd5.n7\xa61l\x8d\xdb)S\xa1^\xb7\xeb\x06\x84\x18\x8aZc;\x9bm\xfd`\x1dm\xb7[?\xf2\xaf6\xdfV\x17\xd5\xf5N\x14\xb5\xf5h2\x1bm\x1f&lt;\x7f5\xade\xa6\x8b\x17\x84\x93\xe3\x18v\xcc&amp;\xe3\xe7\x86\xb7\x12\xb9x\x81\x97\xd0\xb5\xebW\x7f\xba\xea\xf5j\x92\xe4&amp;\xbd\xd4\xcfO\xbb\x08\xb9tpq\xe1\xb7\x17\xb5\xa0\xd6\xdc\x98\xa5~\x0b\'_\x0b\x19\xee\x94\x0c\x9b\nb\xd5\x0b\x95\xf6zt?[\xec\xe6\x9a\xf6\xe3\xe8\xfe~\x1b\xd4\xa2\x11(G\xb3\xd1r\xef\xe3\x8e\xd1\xdf\xd7\xeb\x87\xc7\xad\x7f\x95\xc1q\xccS\t\x02Gd\xb2\x9cHV\x168\xc9\r_\x9e\x1a\x8b\xc7\xe9\xd4\xc7z:U\xee"\x89*&amp;\xdb\xe4Y\x171\xa3\xb9\\\xaa\x97\xed\x84W\xb5\xda\xb3j8\x14\x04drb\xb2P\xb61\x1c\xb7\x91\x9b\xed=\x18\xb6\xd1~\xb0\xdb\xde\xdf\xff+\x1c?\x10KD\xa8K|7\x1bE\xc1j6\x9b\x05\xcd\x0cG\x8a\xc4\\\x02\xcf\x19\x96\xaa\xca\xb9|^5\x1a\x91\xefGA\x10D\x8a\xa2\xac9C-\xfaww\x01\x9dE\x8c\x8c\x85\xd8e,W\x82\xc5\xb8J\xe6U\xce6\x1c$&amp;d\x8a\x99p\xb7U\'\x0b\xc1i0\xd1&lt;\\\xaf\x97\xf3\xee\x1a*\xed\xb3\xdd\x06X\xb6x\xa1\xe6.\x9c\xddO&gt;\xee\xe6\xbb\x8f\xf7\x93Qu\x96\xa1\xa4"2\\I\xe1\xd3\xed\x17\xd1#\xfa\xb5\x9a6\xa7\x8a\xb2\xd8\xe1\x81FOY\x85\xf0\x98\xb7U\x94\x0b\xc2g`\xa4X\xc7C\xa0\xa5\xe6\xca\x13\xd7\xc6\xda\x900p\x11,^\xb7=\xfa\x19e\xc0VZ\xed\xc4\xd6I\xbd\xed\x8a\xbb\xfd^\xecv\xf7\x10\xca\x0f\x82/\xccRm2\x19\x85\xa2\xb8\x1bM&amp;\x8b]\x90\xf1b\x8f\xf3!\xc2\x15\xdd\x8aj\x17\x17\xaf=E\x89V\x8arK\n\x06\x8a\xe2\xd33\xa4\xe9\x9d\xb2\x8c\xb1\x12\xc5\\\x06F\xde\xec`\x0bu\x00\x00\x03KIDAT\xd2\x81\xc5\xb8tD\xbe\x1d\x97e1?\x00\xca.\x10\xd5\tV\xf7-"\x94\xa5;\xde\x9c\xf9\xb3\xc9D\xf1m\x95p4Q\xac\x82n\xb9\xf8\x98)\xea\xea\xcbK#x\x08\xfc\xa0\xba\\.\x1bU\xd0\xa1o\x8f=\xa5wi\x19\xbc\xe4C5\xc2\x93\x16\x8b\x07\x89O\xb9\x0ed\x9e\xce\x80\x88\x8bNH\xd5\x8a\x0b\xe3\x93;\x83I\x19a\xbd\xd4\x12?W\xebX\xe2|\xff\xd0\xfcp\xeb\xbdN&amp;\xabP\x13\xe7\xc1v\xbb\xa8\xcef\x99\xd7G\x12\xa9\x16\x86\xeb*\xf3v\x14T\x17\x8a\xd2\x03\xcd4W,Zfm\xb1\x0c\xa9\xc5\xc2!4R0\xce!0\xd7Su]\xd6syj\'\xfc%\xeb\x18\x1b\xbdH\x8b\x91e84\x85ud\xc3\xf83\xae\xb7G*\x8a\xd1\x96\x17&lt;\xce&amp;\xab&amp;\xe1k\xf3\xb96\x0f\xf7\x99\xd7\xebgT\xd3\x0czw\xd1:\xe4\xcb\xf3\xf9\xbcq\xa7\xac\xfc\xbb\xdec\x8e2\xd6s\xf8C\t\xc9\x81y\xd4\x8c\xf9\x0c+\x07\xe6\x04\xde\xd7I6\xba:\xcb\xe7d\xbb4,ke\x03P\x86Qp\xd0\x9f\xac\x98\xfdL2\x96\xa3t%^\x8dV\xd3\xe8\x97:\xcai\xb3\xa7\x88\x99\xda+D\x9a&gt;&gt;C\xa1\xb5\xf4\xb2\\`\xf6\xa6\xbdi\xed\xb6y\x9e\xa7\x14-&amp;K\x17\xab\x84\x8cV\x0c\x037\x87\x10,i&amp;\xc8.\x93\xa4\xc8\x9d\x11\x95\xe5\x8c\xc7\x1a\xaa_(\x18\xb8\x14\x04\xf17}\x14\x13*\xfaF\xdb\xed:\x06E.%\x1b{ \x13E\xaf\xd7\xe7\xf9\xe2+\xfc\xe4o{+?XT\x1f\xf6\x12/pf\x12\xef8\x93\x0c\x8e;!\xa3\xb95T\xcbMV\xfd\xa4\x9d\x1d\x95\xd6U\x82\xa2/^\x7f \x02\n/0$\xb1\x8c\x02\xb3\x17S\x8c}\x0c\x06X\xb9\xc4\x93\xd2*\xd0\n\xc7a\x89qe3\x02gS\xba_\xc3\xe2\xd3\xa8\xf1\xe2\xc2\xd6l\x89\xa0\xdd\xa6\x98p\xc9\xb6\x93\xb4,\x05sd:\rb\xb0\xa4\xa5\x92\x07\xcb\x13\x1ai5\x1c\xc4P\xa2\xd8v\x80E\xd5\x8a\xdb\x984\xae]\x89\x07!i\xa3\xd8\xd6ZtH\xd32\xa8\x81;\x03\x04\x03\x1bL\xfe\xf9\xfa9\xafv$W\xc2K\xf3\xec\xec\xa1m\xb0\xc8\xb0\x98`\xfc\xa9^\x1c\x02\xa9(\xe3dO=W\xc6\xc3&amp;\xa3\x82V\xaaC\xfd\xd3Nt %Zi\xcf\x18\x06A\x8c\x0f7\xa9\xc6\xf1\xfe\x80\x83\x13X4a\x8eUd\xc2\xe4\xcf6.\x8112*J\xf7D\xb0S\xeb\x03\xcb\xa2P\x92\xe9]\x08[\xd10)\xb0\\GgX*\x16\x83\x03W\x9b\xb8\nt)\x0cO\xdaFXig\xc5\xc4w-F\x85{\x81\xc5\xf14\xf9f\xba\xf2\x15M\x97\xb8b\xb02\xa5\xfba\xb9@\xee\xa6\x07\x15\xcf\xdbr\\V\x87\xa3}cN\x13,\x08\x1d\xd2KG\x96\xda\\\xcc\xa5%\r\x8b\xab\xa2\x1d\xa5\xc1VQ\xb7K\xdd#\x14\xaa\x1f\xef\xa7\x15-\x9b\x01A"\x18\x93\x8b\x96w\xe9\xc0\xc5\xc0\xac\x84\xabh\xb9iD\x08\xd4\xf8\x98K\xb5\x1d\xd2\x8aU\xb9\xec\xea0\x96\x85P\xb5c\xbd\x18\x98\xa6\r\t\x8a\x02\xec \xcf\x98([\xdd\x7f\xd09t\x98PqHT\xb0\xbd\x96\x91\x12.\xe60F\xa6{\x89^\x1c\xc7\x1aD\x9d\x8c\xf5B\'\x8fX\x87\xb2\x0c!\xe5\x9a\x97\x1d \xc9\x94\xf5\xa7\\\xe2\x81\xab\x90\xce_\x8b\xb0\xf0\x96\xff\xbf\xd9\xf117\xa0+\xdb\xa6\x0b\x95\xff\x03\xfb\xcd\xec\xc4\x7f\x06\x04\xde\x00\x00\x00\x00IEND\xaeB`\x82'</t>
        </is>
      </c>
      <c r="M89" s="3" t="n">
        <v>45492.67875</v>
      </c>
    </row>
    <row r="90">
      <c r="A90" t="n">
        <v>243651</v>
      </c>
      <c r="B90" t="n">
        <v>1980</v>
      </c>
      <c r="C90" t="inlineStr">
        <is>
          <t>Jádson</t>
        </is>
      </c>
      <c r="D90" t="inlineStr">
        <is>
          <t>Jádson</t>
        </is>
      </c>
      <c r="E90" t="inlineStr">
        <is>
          <t>VOL</t>
        </is>
      </c>
      <c r="F90" t="inlineStr">
        <is>
          <t>VOL</t>
        </is>
      </c>
      <c r="G90" t="inlineStr">
        <is>
          <t>VOL/MC</t>
        </is>
      </c>
      <c r="H90" t="n">
        <v>171</v>
      </c>
      <c r="I90" t="n">
        <v>16</v>
      </c>
      <c r="J90" s="2" t="n">
        <v>34210</v>
      </c>
      <c r="K90" t="inlineStr">
        <is>
          <t>Right</t>
        </is>
      </c>
      <c r="L9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260ad09-2757-4e45-a487-51e329709c3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&gt;*@\x00\x00\x00&gt;tEXtComment\x00xr:d:DAEewil2SDw:3719,j:7953779670898685258,t:24032500\x7f\xf4\xea\xa1\x00\x00\x00\tpHYs\x00\x00\x0e\xc4\x00\x00\x0e\xc4\x01\x95+\x0e\x1b\x00\x00\x03\x00PLTE\xff\xff\xff\x1c\x1b\x19\x04\x04\x02\x0c\n\x08\x15\x13\x11\x18\x17\x14\x0e\r\x0c\xff\xff\xfe\x08\x07\x06\x11\x10\x0e\xfd\xfd\xfd.+\' \x1f\x1d\'#\x1f(&amp;$\xd5\xa0\x81\xe7\xb5\x9a\xdd\xa8\x8a\xde\xac\x8f\xd8\xa5\x89\xde\xb2\x99\xd6\x9cz\xe7\xb0\x92\xd4\x8che\xae\x85\xe8\xa7\x8521.\xe1\xb0\x94\xcb\x81\\\xda\xa1\x82\xfa\xfa\xf9\xc0pH\xe0\xa5\x83\xc1xT\xe7\xa1~\x92hQ\xcb\x8ah\xe1\xb7\x9c\xe4\xac\x8f\xe3\xe6\xeb\xcf\xa0\x85\xc7\x90p\xe4\x9aud\xa4~\xe9\xad\x8bk\xb4\x8a\xcf\x9c\x80\xd6\xa8\x8f1#\x1a\xd9\x89^\xea\xb4\x94lPA\xde\xb9\xa4*\xb4\x86\x9f\x7fmD@;\xe4\x93kvYL\xc2\x8ai\x1e\x97q\xa7w]lWJVG=\xce\x99y\xda\xae\x93\xde\xa0|\xc8\x96x\xe3\xaa\x88^NE\xd2\x87_\xdb\xa6\x84973[\xa5\x7f\xce\x93q\'\x1a\x14$\xaa\x7f+\x90k\xf5\xf6\xf5\xef\xf2\xf1P@5\x16\x0b\x06D80u\xb4\x8c1\x88d\xdc\xe3\xe3\xb3kH:&amp;\x1c\xb9\x85e\x9enT\xd5\x94u\xc5\x98\x80\xc4\x83b\xe0\x95q\xeb\xa7\x91\xbb~^\xb6\x89oW\x9ax\xd1\xa5\x8a\xccxP\xe0\xc2\xb0\xdb\x9bv\xdc\x8ee\x1e\x8bh\xaf}_8/)}_P\x88aKb\xb7\x8a\xd5\xb0\x98Q\x92p\x90td^:*\x15\xa9\x7f\x10\xa1xn\xbd\x90R6*\xd6\x81T\xee\x9e\x85\xdb\x92m\xea\xed\xed\xe6\xa0\x8a3\xa8}\xc7\xa0\x89\xa4_&gt;D.$O\x87h\xc0\x92x\xadeC,\x82`\x85[C\xa1fJ\x87fV\xbe\x8cq\xb5\x8ey#\xa0w\xe9\xbc\xa6aG9{U@\x9ct_\xd0\xaa\x92q\xab\x87\xae\x82j\xe5\x9a\x81\xacoR\xb5wY\xcc\xa6\x8dmE4;\xb0\x84\t\x8cf\xb9rPxL8Jw\\\x86p`}\xb8\x91\xaa\x87u\x11\x82a!\x0f\x07&lt;\x8af&gt;\x92m!|\\?\xa2yo`SQ\xb5\x8a\xd2\xdd\xdfKHDr\x1f\x0c\xbb\x96\x81}A1\x13\xb1\x86\x80\xbe\x97\x92[@\x0b\x96p0\x15\x0b2\x9ar\x17tW@\xbb\x8d\x8bH&lt;p8\'\xee\xce\xbb[[U\xcajH\xe1\x8ba\xea\x91zQPL|iZ\xbcaCsk[*\xc1\x93*iML\xa9\x81\xdfwb\xef\xae\x98I&amp;\x19\xd2\xb4\xa2\xdb\x94}\xc8\xd5\xd9\xed\xae\xa2\xd0\xd6\xd0\xe6\xe8\xe5?jQ\xbe\xc9\xd3\xcfkUm\x9d\x80\xd4\xc3\xb5\xa9YV\x14\xc3\x94a\x93u\x8a\xc8\xa4\xbadj/xY\xca\xcc\xc8\x9f8"\xec\x9at{\x81u\xdb\xdc\xd8\x86-\x15?\x1b\x0f\xc8\xa5\x97\xa2I=\xf1\xdd\xd2[\xc2\x9a\xa7\xaa\xa6dk`\xbd\x9f\x8a[\x88m\x81\xad\x9b\xa2\xcf\xba[\xab\x8d\xe9\x86m\xce\x83s\xd2\x84\x88rtm\xf9\xef\xe9\xccU&gt;\xcbmtZ*\x18\x89\x8b\x85\x82\xc0\xb7\xb1\xb3\xad\x9c\x9f\x9b\xb5\xd6\xc8\xbf\xc1\xbe\xb4F1\xdc\x96\x9b@\xcd\x9a\xdd\x9a\x8a\xb1\xc6\xc9\x8f\x94\x8c\x9b\xbf\xb6(S&gt;\x96\xb3\x97&lt;ZF\xb8wn\xea\xb6\xb1\xa4\x9a\x7f\xbb\xb0\x96\xff\xf0M\r\x00\x00 \x00IDATx\xda\xc4\x97OH[k\x1a\xc6\xef\xc9\xf9\xbe\x93\xf3\xe5\xfc\x11o\x1a\x02\xa7Il0\x03\xb5\x8b\x9a\x10\xe9\xa1\xa2\xa9\xe9\x98\x1e\x0cD\r\x98\xb4\xd1\xe2ps\rMe\xb8.\x94\x04:b\xb0\x7f@[.M\x85H\xb9ts!t\xc0]\xc9\\\xd2;\xab\xe9\x05\xddt\'(\xb8\x88]\rnDqq\xe9v\x9e\xefx\x173\xeb9\xb6\xaf91\x89J~&gt;\xcf\xf3\xbd\xef\x9bo\xbe\xf9\xff\xcb\x13\xf2\xe0\x86\xaf\x10\xaeL&amp;\x83\xa7\xeeo\xber\x81(\x94\xa9\xee\xef\xeen\xef\xecOM\xedo\xef\xefLU\xab\xd5\x90\xc7\xfd\xb5\xc8\xf0\xc6n\xb7\'3^==&gt;j\xb7\x9a\xcd\xd6\xe1\xd1Q\x0b\xb5w|\xfcy\x7f&lt;\xf4\x95\x14s\xc3\xaaPu\xbf\xb3\xd7&amp;LP\r\x81I\xd4\xd0)a"\xa3\x82b\x9dN\xc1Pw\xc8\xf3\xa5\x95r#F\xd5\xce\xa1\xc1\\.\xd9%\xc9\x8c\xb9$\x91\x10A \x92,\xca\x8cXGg\xdb;\x99/\xea%g\xf2d2\xbb\xa7m\xcadY\x06\x17\x94b.\x99\x18:aDb\x12#j\xbbi\xb4?\x9f\xec|A.\xe4)\x93\xa9\x9e\xed)\x84\x8a\xa2\x0cm\\.\x91\xd3\xc9\xbaJ\x04I\x94$*0\xddT\x19i\xb5\x8f;\xdb\xd5\xcc\x171\x12y\t\xed\xec~n[\x8c!G\xb2]L\x12E\x97\x8bPMP$XJt\xc105\xaa\xaa\x96\xd9n\x9f\x8c\x7f\x81\xec#Q\xe3\xd5\xddC\x9d\xa9\n!@\xe1\xc1\x02\x16\xa5\xc4%RK\x11\xed\x97D&amp;\x80\xcbRu\xcbjZ\xad\x93\xf1\x90\xfb\xc2\xa5\n\xedw\x0eM\xb8\x87#\'\xc96\x03G\xa3T\x16A*\x9c\xbf\x04N\xcd2\x15U7-\xd3l\x1e\x9e\xee^\xac`\x1e\x8fg\xa7\xd3T\x05*\x892U\x15*q\x04A\x16\x08SE`\xc9\x12\x03#\xb2\x86c\xa9Z\x96\x80#`\xe9\x86f\xb4\xf6N\xc6\xdd\x17)\xd5\xf8\xd9\x91\x82s\x86$I\x887\xe1\xd20"R\x80\xca\xa2$\x82\x08\\\xb2,\x01[P\xb9~\x06N\x05\x15\xccV\xeb\xf4\xc2r\x8f\x9eP\xfdlY*\xde\x95\xc9"Ut\xddv\x8cQ\x89H\x92}\x10].I\x10\xb8^L\xa4\x02\x15\x88\xcc\x14CS\x89\xa4\x1bf\xfb\xe4\xa2\xb8\xdc\x99\xf1=E1T\xa2\xebD \x82\xae\x10\x11\xa7N\x96\x054R\x97\xdd"\xecT\x81\x8eq\xf9\x14Cbx\xa0\xe8\x86*i\xba\xd9\x02\xd7\x85\x80y2\'\x9a\x82~\xa9\x19h\x03\x94\xe9\x06D\x83m\x12\x85]\xdc&gt;Y&lt;?\x99\x92h\xa8\x06\x994UY\x14)\xe8\xcc&amp;\x15\x89f\x1e\xed^\xcc \xf2T[\x8a\x0e\xb5t\x83I\xaa\x80(k\x04\xa7\x11\xbdKG\x94\x88\xa0r+9\x16\x03\xb1B\'\x89\xcc\xedT\rMQ\rEK\xab\xe5\xe3\x9d\x8b8\x8e\x9e\xd0Y\xdbP\xa9\xa5\xab\x1a\x93\x80\xa3(\x14\xef\xa7\xe8TP\x05Ue\x9a!\x88\xe7\xfd\x82\x0f\xea6\x90\xe1\xad(jM\xc1\x80xBZ#\xad\xceEp\x85\xa6\x8e,M\x17\x14\x86\x9bHd4r"\xa9\xba\xaa\xa2;\xc8\xaa\x80c@\xa1\x0f\xa2/\x12\xaaZ\x86F\xd1\xc3\x98$\t\xba\xa0[:\xd5h\x99\x1a\x87\'U\xa7\xb9\xdc\x9e\xea\x91\xceO\x15v\x18I\x96D{\xe8\x88\x0c\x85;\x99\xc2&gt;\x82\x9f\xa2I\x88\x8c\xc8Z\xd9\x92\x00G\x00\xcc\x08\xb1L\xe4Q+k\xb4u\xbc\xeb\xf8\x0e\x16:Sp\xbc\x98(\n|\x91\x11\xed\xe2m\x8a\xbf\x82G\x18\xcf\xd4\xc6\x92pS\x19\xc5I\xc0? \x8ap\xdbl\x1bD\xd3\x9b\x9a\xd1n\xedM9\xcb\xe5\x0ee\x8ea\n\x85T*\xdfc&amp;y\xd1?.\x90I2%\xb0\r}\x16\xce\xf1}\x90\x89\x02\xce\x1f\xa0D\x1714Y\xd4LEo6\xcd\xcf\x19g\xe5\nU[\x12o\x01\x94`$O\xbeI\xe7\xa3\xbc\xd2\xd1|4\x9d\x9e\x9c|C\'\xd3o\x88`\x10tx\xd8\x8c\xdf\x04\xa5\xcc`#F7\xcdj\xe8\x14f\xd32\xad\xe6\xe1\x99\xa3\\\x1e\xcf\xae\xc6\x85\xe0cE\x12\'\xa3\x8b\x1b\x1b\xf1\xb5\xb5\xc5\xc5\xb5x|mq9\xbf\xbc\x9c\xcf/\xe7\xa3e\x15\xd4|\xdb\x11\xf9\x9e*\xa2I\xa4\'\x81Yn\x13B\x9a-Co\x99\xed\xe3\x1d\x07\xb7\txx\x8aA\xcc3\x8c&lt;\xa5\xa3\xcb\x0b\xeb\xab\xf3\xabO\xd67\xe2\xf3\xf3O\x1e\xc67\xd6\xe7\xe7777\x17\x96\xf3\xe97\x00\x83\xb1\xe4M\x1a\x0f\xb9\xd3\xd8q\x0c\x0cw\xa1iZ\x86\xa5(\x87\xbb!\xe7\xb6U\xcc\xe8=\xc9^\xf7D"\xd1\xe5\xc5\x85\xd5\xad\xad\xf9\xd5\xde\xf9\xde\xde{CCC\xcf{\x87\xee\xd6\xeb\xf5\x97[\xebkP\xed_\x90-\xba\x9c\xceC\xbfh\xfa\r\x08)\x0cT\x14\xcb2\x14\x1d\xc9\xef8\xb8\xe3xB\xdb\xa6\xdd\xb4\xf98I/nl=~Y\xaf\xcf&gt;\x18\x1c\x1c\x8c\x8c\x8d\x8d\xdd\xea\x9bI\x05P\xe1\xc7[\xeb\x9b\xef\xdem\xfe}scaa\xe1\x1d\xae\x8d\xc5|&gt;\x1d\x8dj\x96b\xb6\xa9 X\x8a\xda\xde\xdbw\x10+\xd3\xc1\x12\x83\xe1\x02\xb5\x84|\xbc\xb7Q\x0c\x17S1\xbf?\x96J\xc5b\xa9H$\x92*\xa2\xc2\x8dZ\xad\xf6\xb8\x96\xcb\xe5j\x7f\xe3U\xcb=\xdez\xbc\x1a_KLD\xd3z\x1b{t\x13;ak\xd7\xb9p\xb9y\xb4dn#\xa3\xda\xf2j$V\x8a\x01\'\xb5\xb4\xb4T\xc4\x95\xf2\x97\xfc\xb1\x18\x1e\x17{r=\xbc\xc2=\r\\\xe1bq)\x15\x08?\xd8\xc2\xf1\x88\'L\x13\x8a\x19\xad\xa6y\xe6qpJ\x9f\xd2\xf3\xcf]T\xcf/\xcc\x96J\x15?tZ\xb2+\xb5\x94J\xf9c\xa5R\x8cc\xf5\xfcz\x0ef\x17\x04\\\x02~\xe0e}\xf0^&lt;\xd1\xceb$iV\xb3\x93q;\x96\xf8\xea\x11\x1f\xc3H\x96\x96\x9dX\x87w~\xbf\x1f\xf6\x95\xfc\xe7\x05.&lt;Mq\xac\xff-\x8e\r\x1dc\xa5\xc8\xf3xb\xa2li\xe8\xaa\xc7\x8eayBS\x96\xcb\x1e\x81\xe9\xe8\xc4\xfa\x03hS\xa8\x14\n\xbe._\xe1\x0f\xae\xc2\x12gKq\xb5\xfe\x0b\xea\x1f\xc5"\xcf\x1eG+E\x86\xd6\x87\x13f\xb6\xdc4;\x8e\xad\xf5\xa1\xcc\t\x8f\x166\xce\xe5l\xfc^$\x16\xab\xcc\xcd\x05\x83]^\xaf7X\xf0\x15\xec\xf2\x17\xfc\xa9\x00\x97\xab\x11\x0e\xf3\xbb\x06\xcfV\x00*F\xfcK\x01p\xcd\x8dq\xaeD\xd64:\x8eE\xde]=\x96\xb0\xbd\xabJ61\xb1^\xf7\xc7~\xa9\xcc\xdd\xe9\xf6v\x0f\x0c|?\xe0\rv\x01\nl\xbe\xdf\n\xe0B\xdc\xc3a\x0e\x85\n\x0cN\xdf\xbeu\xfdV$\x15HA\xae\xae\xbb\xf3\x0f\x87G\xcbQ\xc5A\xac\xf1=\xac\x05j9\x9b]\x8b\xdf\x9bA\x8aKIow\xf7\xa5\x01\xd4%o\x7fal\x8c\x83\xc1\xd1\x08\xb8l\xaaz\xb81\xdb\x88\xf4M\xbfz\xf1\xeaj_\xa0\xa7\x88\xbf\xf0M\x0f\xfd\xf0&gt;\x91\x8dj\xceayv\x9a\xfc\xa3Nv\x02#p\x08\x1e\x96J&gt;\x18x\x89\xab\xf5\xad\xd7;\x96\x8a\xa4\xfc\x85B\xc5o\xdb\x08\xacF.\xd7\xc85\x1a\xb3O\xa7\x1f\x1d\x1c\x1cL\xcf\x86q +\x95\xae\x1f_\xbf\x1fND\xa3\xc7\x8e}\x04\xf2L\xa1\xc7\x0b\n\xb4\x8a\xf7\xde\xf5s\xacd\xb7w\x04Z\x8d\x8c\xc0D\xf4\xf7\x99\x00\x0fQ\x80\x87\xab\xd1\xe8A?}\xd9\xc8\xcd\xde\x1d\x04\xd6\xdbG\xd3+}}\xfe\xd2\xdc\x9c\xef\xe9\x8d\xd7?\x8ff\xa3{U\xc7\xb0\xb6\x15\xc6\xb4\xf2D|\xf8\xe1\xf3\xbb)P\x95\xe6\xbe\x1d\xb9\x84\x1a\xe9\xef\xef\x1a\x8b\x04\xc2 \x8bD\xfe\x8d\xf1cG\x1e]\x9e\xb7\xfa\xfa\xec\xd3\x95Oo\xdf&gt;zu\xf0\xa1\xbf\x92\x9c\x0b^}\x06\xae\x89\xe8\xa1c\x1b\xbd\xe7Lc\xb4\x9cM\x0c\x0f\xf7\x0e\xcdp\xacJ\x12X#\x03\xc0\n\x16\xc0\x92\xcb!P\x88v\xa0\x88\xfe\xde8\x1f=\xb5Z\xa3&gt;;\xbd\xb2\xf2\xe9\xd3\xc1\x87\x8f\x1f}w\x92\xc9\xeb?\xdex=&lt;Q&gt;\x9cr\x08\xcb\x1d\xea\x08\xd8=\xb3\xa3\xc3O\x9e\x0f\xcd\xe0 \x96\xee\'\xbb\xfba\xa0\xf7\xf7`\xb0\xe0\x0f\xf4@\x9dZ.&lt;3\x03\xb9\x90,\xcedO\xc4\xfa\xe0\xd3\x95\x95\xe9\xe9G\xc0\x1a\t&amp;}\xd7\xdf\xfe\xf4\xfa}"\xdfrL\xad\xd0)\xa5B\xd9\x8c\xdf|2\xf4 \x02\x0b\xef\xdfO^\xe9\xee\xf6\x06\x7f\xf7v\xfd\x06\xac\xe2\xf9l\xae5\x1av\xde\xcf\xc7t-\xd7\x08\xcf\x0e&gt;\x05\xd5\xc1\x07p\xbd\xb8\x93\xf4=\xfb\x89\xcb\xd5tN\xadc|\xac2G\x7f\xbe\xd9;4;S\xfa\xa5r\xed\x1a\xb0\xd0"\x82\xbe\xe4\xdc\xdc}\x0cC\xae\x17G\xa9\xd9\xdfm\xa9r=\xe1\x99\xbe\xdb\xb7\xa7\x1f]}\x01\xaa\x8f\x7f\xed\xf7\xdd\xb2\xb1\x12-\xe7\xb0N\x85\xb4b\x8e\x0e\xdf\xec\xad\xcfDJ\xb1\xfb\xc0J&amp;\xef\x04\xaft\x07\x93W\xae\xdcIVl0\xee\xa4\x1du\xfb\xae\'\x1c\x18\xbb\xfa\xa2\xff\xbb\xef^\xbc\x02\xd6\xf7\x1f\x07\xfe\xd4\xed\xfb\xcb\x8dg?\xfcs\xb4\xe5\xd8\xc2\x15\xea(\x9a5\x01\xb5\x9e\xcf\xccF\xfc\x10\xeb\x9a\xad\xd7\x9fq\xbb|\xf9rw\xb2\x82\xde\xd08\x07\xe2\xa3\x07w\xc5\xe2\x7fX5\x9b\x9f\xb4\xf25\x8e\xcf\xed\x06\xd3d\xc2\x8b\xd0\x13\xca\xa1s\x80\x83\x11\xd3\x1cj!\x08D\x8bG\x8a74i\xcbbZ\xc1s\x80\xc8K\xac\xc6\xe8\xa2B\xc9\xb4q"j|\x0b/5\xd1\x18\xc3\xc6D%!,\xb0\xa3\xb4\xb2\xc0\x970\x93\x18gq\xa3\xb4\xd86s\xddh;\xc6\xa67cBfsM\xee\xf3\xe3\xfe\x07\x95\x9f\x0b\x13]\x9cO\xbe\xcf\xf3|\x7f\xcf\xf7\x00iR\xf7mo\xf7M\xab\xa7\xfb\xb6\xb5{{^\xc0\x1aZX\x98\xcf\xfd\xf2\xefjb\xc1\xbds\xd7\xd0c\xefp\x91\x96 \xab\xd7\xfb\xd8\n\x97\x04L\x82\'\x14HE\xe0\xa42\xc4\xf5\x08VB\x98J\x1c\xc7L]}}\xea&gt;u\xd7\xf4\xf44\xf4\x96V)\x14\xd2\x80\xd5\xfff1\xf7k\xb5\x8ax\xf5\xeb\xf5\'M\x80e\xe8\xedv\xe1\x8d\xac\x9e\xf5\x07Y\xd6G\x10\x12\x9ev\x1c\x9c^(\xa8u8Hr6\x06?\x0c\xd7A\xc2H\x92V\xee\xb4ZMq)\xaa\xbe\xfe%\xe8\xd5*\xd4zi\x93{\xa1?\xd7\xf2\xf9\x1d\xa7Z\xbd\xf5\xf5\x9fO\x1e\xde\x81\xde\x1aV\xb8,~=\xab\xf7cA8\x84\xa0r-\x82\xd9\xd7rM\x94\x8aq\xa1Cq\xad\x0cC\x92&amp;n\x97\xba\x9ej\x1bU\x99LmT\xd7\xb4\xbaU;.\x10Et\xfd\xf3\xb9\xdc~\xd5\xd4\xfa\xab\xa9\xe9\xee\xdd\x16\x8daR\xc1`\x00\xe5GF\xefwHk\xd5B-2{!\x8c\x19ee\xc0?\x19\xd2A\x91\x8c\x8bQ\x99\xa8\xae\xfa6\xa3\x0b\xfe\x02\xf3h\xe2rk%\xd7\xc4\xed\xee\xffcU-\x91\xed7--\x01W\xcfd3\xe3o\xd0\xaf7\xc2r\xd7\xe8\xa8WCS\xf7\xa9\xd5j\xbe\x9a+R9HW,\x16s\x91V\x07\xce\xc4\x8dC\x9d\xd4\xcb\xfa6Ww,\x16w\xb9T\x80%%\xccrbH\x07\xbdU\xb5"~\xc7y\xb7\x04\xf6\x00X\xc3v\\\xaf_\xf7[,~\x8b\xb5\xf3\xfd\xfb\xa3\x150q\x8a\xe2rMV\x95\x95\x89\x85\xc3a\xe0\x82\x96\x0f77GV~\xfa\xe9(b\x870iW\xb8;\xa7[\xdbi\xb3XN\xe9\xfas\xb9\xb7\xbfUm\xb1\xf9\xf15\x14\xf1\xee\x84\xa17\x86\xe9\x91X\x186\xba\xb2\xa0\xd3\xe9FzF\xfa\x15SS\xdd\xcd1\xd7\xec\xa3\x18\xc4/\x00\x8b\xc3\xef\xe1\xb9IH\xdb==\x13\x10\x15!r\xeb\x8e\xa6\xf94!\x16su\xf3\xb9\xc5/\x0f\xaa\xb6A\xbc[\x82\x0b\xf1\x8e\xa6\xa77\x1cDba\xc6\x05\xe8\x92\x1e\x03z\xfdp\xeb^\xfa\xf1\xd3\x99IE\n"m8\x1e\xce$S\xa9\xe4\xea\xc0\x16\x84\xea{\x89\x84-\xf1\xf8\xc5\x80fX1v\xf4\xb2\x1d\xb0\xda\x17\xe6\xe7s\xd5\xc3\xe2&lt;\xfb\x8c\xd4j\x01\xb5\x82z}#n\x8cLM\xf5\x8f\xf4L\x1a4\x13\xa0\xc7\xd6\xd6\xd6\xc0\\\na\x19M\xf1\xcc*\x9c\xb3\xc3t:\x01\'}80\x07U\x9cj\x1e[\xe9\xa4h\xb1\xd9\xbc\xf0&amp;\x97\xfbO\xf5\xb0\x1e\xbcm\xba\x03\x83\xa8Q\xc4Y\x84\x15w\x8f\r\x8dvtw\x18;\\\xf1Xjnf5\x99\xcc\xa4~\x969\xcc4\xbe\xf1\xc8\x15FX\x08*\xbd53l\xef\x8etww\xc3\x9eJ\x89\xcc\xe6\xf6\x08\x14\xf1k\xd5\xc2&gt;\xe7\xfe\xdfK\x0f\x17\x81\xab\x97\xd1\xeb\xf5\x98\xac\xa3\x932\xa9\xd0E\xdc6\xd4m\x1f\x9e\x99\x99I\x02W\x0c\x13\x8bw&lt;\x1bk\x8d\xd2\xf0a\xc2f\xb3%\xd2\xb7\x0e\xb7\xe6\x14\xcd\xee\xb1\x88\xbd\xc3T\xcfEXn\xc0\xfa\xa3\x8a/l\xfehz\xb8h\x80"\x92\x08\x8b1R`\xe5F\xa3{e\xac_\xf3"\x9dN\x1fn\r\xac\xa6T\xb4\xbc\xb8cY[\xf3\x88z\x11\x95-Qi\xad\t\xdd\xd1\xc2\x94.l"\xf8\\\xbe\x98\x06,t\xf7\\\xad\xce\x07\xff\x9c\xab\xfb\xaf\xef\xb4\x18Z4\nP+\x88\x91\x0e\x11\x863\xe1\x88{\xe4\xe9\x93\xeb56\xdb-(W&amp;.\x15\x17\xf5!lm\xc3\xe3S$l55\xb6\xc4\xf5\x7f\\\xa9\xb1}\xffxfl!eg\xcc\x12&gt;\xdfLG\xe6\x17?\xffv\xf5\xc1\xaf\xfb\xef\xaa\x9138\x9c\x1f\xd1(B\xc0\x00\xb5\x82$)\x82\x9d!\xee\xb6\x9f=\\z\xddt%\x91\x9e8;&lt;\x9c#\x83\xf2b1\xc4z\xd6&lt;\xb4j\xeeEMM\xe2q:q\xc5f\xcb\xcd\x1fn\xd9\xc7\x9aIB" \xc4\x04\xa8\xf5\xe5\xfe_o2\xae6\xef%#?\x07}\xf5\x82\xf3\xec\x17\xf0S\xd8\xb7\xc8uP\xcb!%h\x87*v6\xb0\xf0\xe5I:q\xb859\xb0\xb5\xda\x1cl(\x02V\xd4\xb36\xc8\xe7\xbb\x14\x8fm\xb6{\xf7\xd20\x8as\xbd\x8a\x91\xc9\xc8\xa8\xd5\xccS\xb6\x13\xa0V\xee\xed\xdfO\x93\xb3\x02\xad\xf3\xe3\xa5\xea\xc8\xb9\xffnoo\xff\xd9\x83\xcfO\xee@\xee\xe9\xc5\x01\xcb\xe7#\xe4&gt;\x8c\x89\xd9#c\x90e*\xfd\x9e\x8c\x91\x88\xaa\x18\xca\xeenxZ\x95&gt;|.\r-\x9f&gt;&lt;\x9b\xd3\xad\xbc\xdf~\xe9V\x89\x04&lt;\x1e\xa4\x8cH\xcf\xe2\xc4YiV\x14?\xcfo\xfe\xc9\xb9\x0c\xd5\xde\xe8\xc9I\xdc~\xf4\xf9{\xc02\xf4\xe2\xfeu=+\'\x08\xdf\x0e\x9cz\x08\xa7\x0b\xf6p*\x93\x0c\xbb\xd8b1\x10\x08d\xf3\xd0[R\xa5\xd0\xc7\xac\x82E\xa4\xcf\x921UW}}\x9bJ\xd4.\x90H\x08\xda\x17y3\xf2\xe1\xc3\x86\xa3\xbe\xb4|~\xfc\x91s\x19\x7f\xa7B\x05g\xf9\xe4\xe7\xe7\xc9I\x8d\xe6\xee0\xbe\x8e\xb0\xc4by\x88\xa0\xa3\xe5r\x99bP\xd0\x89\x93\xac\\.v\x8a\x8by\x84\x85\x11Z\x89\xcf\x02\xee\xb5u\xb6\x9a\x8a1*\xd8\x0cU"\xa9\x80\xcf\xa7}FC\xb3L\x86)\xbdc\xcb\xa5\xd3W\x9cK\xd8\xfbv \xff\xfb\xbf\xca\xe5\x93|\x1eW\xb4LT\xb0\x1a\xe4p\x08\x96e\x1b\xd8 dC\x19Z\xa3\xc5N\xa7\xd8\x19X\xdf\xdd\xdd\xd8\xd8\xf0\x04%J\x89/({\x9e\xc9\x80\xf3\xa3M\x95$\xad")\x9fO\xd0V\x83\xdb\x81\xd1^o\xdf\xf2\xf2\xf9\xe6\xb7\xcf\xe2\x8d\xfdr\xfe\xfc\xc3\xa7\x0bo(\x9b\x8d\x8eNN\x0c\x0f",8&gt;\x80\xf254\xb0l\x10\xc3\x1c&gt;\xa4\x14\x94p=\x9fGX?xh\xa5\x92\xa01\xfcQ%\xa5\xc9p\x0bn!E"&gt;\x1f2Y\xaf[D\x0c\xb2Z\xf5\xea\xf2A\xf6\xdb_\x91\xdc\xdf\x0b\x9d\x9e\x7f\xbax\xf5\x91\x17\x08\x85\xf8\x8a\x81p#\xa2\xaa\xe8\xc4\xd2\x08\x0f\xb8\x82\x95\x02:\x03\xf2\xec\xfa\xb1\xbf\x825\xe8\xaf\x1b\x87Da\xc5e\x90\xce\x10\x96\xc5b\x95r\xf9\xb5\xed\x04\x11\x19\x95\x13\x1bku\xad\x80\x95\xff\xe6\x9e\xe7&lt;\xd8\x8e\x9e\xee\x16\n\xaf.6\xe1\xc1\xe6\xee\n\x96^\x8f\xb0XZ\xde\xd0 G\\l\x03\xa2\x8a\x06\x02\xfa\xe3l\xb6q\r\x8ah\t\xd2\xe3\xdeV\x11I\xe2\xb2Y\x08\xb18\x08*\x15\xb4J$\x02\xbeyT%\xaf\x93\x9d\xea%\x97\xc4\xf2fO\xf3\x17\x85\x8b\xcd\x80\xd3ySl\x1c\xb0\xfb\x81\nU\x11\xba\x1e\x8e\x1c\xb8\xa2\xf2P4\x04\xff\r\x14\xa1\xce\xd1\xe3\xdd\xdd5\x0f\xe6cy^!\xec\xf4$#\x8b\xcb\x00K$m\xd5j\x95\x10\xdd\xea:c\xc5\xe0\x0f\xe7\xbbu\x99\xe5\x83\xddow\x88\x1b\xaf\x8e\x01\xcb9\x1e\x08\xa0\xe7\x923h\xafAb\x89o\xde\xe6\xdd\xbevSl\x96G\xa3Q\x84u{3\x90-f\x03\xcel\x1e\xf7x\x82\xbe\xa0\\\xdb\n\xab|\x1b\xe9b\xd0z/\xad\x15*\xbd^\x89R`\x1e\x8a\xe1\x07\x07\xa5s\xf9\xef\x97Q\xeb\xbb\xef^\xe5O?]8\x0b!g\x01\xec\xd25c\xc7*b\xc9o\xde\x1e\x1f\x1f\xe7\xf1\x9cu\xa1\nU\xc8\xc9\xdb\x8cf\x03\xa1\x827j9\xc1\x07\xa5^![\xae5\xba\xddC*\x19(fu\xd4\xb6\n\xbd^\xaf\x92g&amp;\x86\x9a\x0fJ\xcb\x80\xf4_h\xf9K\\?\x1f\xf3\xe7\x9f\n\x85B {|*+\xba4S$\xec[P\xc1\xdb&lt;\xc0\x1a\xdf\xe4\xd5\xd5\x85\xd0\xa9\xabs\x86\x8e\x03\xce\xcd\x0b\xef\x0ev\x82{j\xb5^\xa5\xdf\xf1\x1c\x16\xfb\x0e\x95\x15\xb0(uk\x1f\xc2R\x9ai\xdd\\\xa9\xb4\\*\xad9\x96\x0f\xc6\xbf\xfd\xf6\xb9\xfag\xe0t7\x00\x05:\x1e&lt;?\x08\x92=\x8a\x8e\xa0\xdf\x0fX\x15\xaaqm\x81w\r\xb8\xcaN$Y\xd6\xe9\x0c\x85\x04;\xa4\x15\xf7\xf8DR\xadp\'\xbc\x9a\t\xcf\xaaL\xa4\nR\x7f\x9f\xb6\x82E\xf8\xa6\x92\xcb\xcb\x80u\x1a*m\\\xc2\xe597.vO\xb3\x9b\xc7\xe0\xde\xe7\x0789\xd9\xd3\\\xc1\xaa\xd4\x10\x1dI]E\xaf(\x1b\x82\x99 v\xca\xe5\x1d\x86\x911"\xabU*T\x1aW\xcf\x92a\xc6\xd4\xa6\xa2\xa6A\xac=\xafW\xcb\xa3M\xba\x18\xa2*\x9d:/\xd3\xf1\xb0&gt;@\xcf\x076a\xbe6\xce?`\x98F3b\x0c\xfaY\xf9\xcdM\x1e\x8fW\x80\xe6\xe2]\x93\x00\xd6\x0e\xbb\x03R\x9dd\x064\x11&amp;\x1c~\xdemx:\x93\x92EM\xa9\xb3\xb3L\xdcd\xa2\xa8\xae\xbem/RKB\xbb\xfb\x8d\xff\xa3\xdd|_\xda\xc8\xf38\xde9g\x92\xc6\xf9a\xfd\xd1\x14#\x8ak\xb6AE4k\xca\xe4F\x9ci\xaa\xb3\x17\x0c\x94\xe9\xc0\x91\xa6\xd9\xda\xe0\xd6\xe5f\x82L\x1e\xcc\xae\'\xd9 \xb8chLI\xb4&gt;\x08!\xec\x93@WA\xfa@\xdd\xae\x8d}P\xad\xd8\x039\x1f\xc8\xb9\xb4n\x84\xeb\x93\xeaY{\xdc\xd2\x96rO\xdc\xbb\xfb|-\xf7\x17h\x02F\t&gt;x\xe5\xfdy\x7f?\xdf\xcfg\xbe\xdf\xcf\x0fH\xae\xd7\x8e\xe2\xdaI*\x08\xf3A\xfaaz\xe5\xd5\xebw\xef\x8a\x9b\xe9V\x95W\xa1\x7f\xbd\xd9\xd4\xd9\xd9i\xed\x04\xa8\xbasuV\x90\xeb\xe60\xb8\xfe\xc2\xf6\xce\x8ent\xcf\xcfN&amp;\xa04}\xf0\xe2\xab\x1bSs\x0b\xb3\xdfu]\xee\x18\xe8x\nZ\xdd\xbe\xe4\xa9:oW{\x00\xea\x87\x17\x0f\xeb\x8a5\'\xc2jX\xdf\xd8CX\xc5\xe2\xd1H[\x18=\xe1\xba0\xdcd=\xd7\xd9f\xed\xb4\xaeX\x81\xaa\xdf\x91\x1e\x06\xac\xf4\xde\xfc,\xcbr\xc9\xef\xe6\xe7cN\xe7\x83\x9d\x17\x9f@\xcf\x0f\x8d\xe3\x17-\x03\xbf\xdc\x1bB\x8f\xca/\xd6U\xf6\x18\xda$R\xeb\xdd\xab\xe6\xe2\xa5\x93\xd5[\x8bO6V\x96^o\x17\x8b\x87\x8e\xcen\xce\xc5\x05\xban4\xf6Z\xad\x9dmm\x0e\x87\xd5a\x05\xd3\xa7[!y\xa5\xf7\x92\x06\'\xc6\xf4\xe9\xe9U\x9f\xcf\xe7\xd43s\x81\xa9O\xbb\xa6\xa6n\xb5\xb4\x0f\xdc\xbd\xf4\x14\x1d,T\xfd!\xa4\xda\x91\xb5\x8a_~\x98\\^&lt;Y9\x7f\xb0\xb6\xd1\xff\xcd\x93\xed\xed\xe2\xc6\xa5\xbaq\xcep\xd9\xafw\xd5WY\x1dmm\xb5\xb5\x8e\xb6^H\xa9\x90\xba\xd2k{G\xdd\x13\x91\x98\xd3\xe7\xfb\xfe\x01\xbc\x13\xd7|\xceH$\x13\xf8SWWK_E\x07R\x0baU\'\x0b\xb0\xe9|6&lt;\xb86\xb5\xbd\xb7{\xa2\'\x11\xb0\x16\x0f\xf7\xd6\x97\x1e\x16\x977\xd6nw\xa8\x9a\x1a\x0e${\x10\x96\xb5\xb6\xb7\rm@#\xc04\xdem\x9f8&gt;\xff%p(\x96i\xf8\xf5\xfd5\xbf?\x92\x99\xb0\x87\x82\xed\x15\x1d\x1d\xb0\xf5\xd4\xd4x*\xdb\rcn\xfbaS\xdb\xe0\'\xdb\xcb5\x07\'\x12\xcb\\\xbe\xbb\xb6\xb1\xd6\xff\xcd\x12T\x9ek\x0eV3\x0c;;Z\xedp\xd4\x8e|\xdc\x14\x9b\x1a\xd7\xc6\x93\xe1\xcc\xf4X\xc2\xe9\xdb\xd1W\xfdP)G\xa6W\xfd;&gt;\xa7_\xd7cz"&lt;\xde\\\xedy\x8av\xc4*O\xbc\x90\xac\xff\xec\'\xd8\xe0\x1f.\xaf-\x9e\xf0\xe4\xc7|\xb0\xfed\xe3\x15l\x8a\xfdKKM!U5\xecZ.XU\xe5\x00&amp;D\x95\xbe\x9c\x0c\xbb"z\x84\x0b\xab\xae\xcc\xfe\xde\xd1&amp;z\xcd\xcf\x8fe"ottz\x1e3\x82\x03\x9e\xa1\xa1\x8b\x1e\x8fg\x80-\xd8\x07\xa1^kj\xfb\xe9\xd5\x9d\x83\x137\x8a\xbb#K\xaf\x96VV\xfa\xa1\xd0\xab7T\x97=\xc9\x86z\x9a+\x1b\x8f\xb5J\x8f\xdb\xb9D\x0cd\xe9\x0e~x\xbf\xbf\x7fx\xb8\xb5Y,\xce\xc3k3`\x1fsAX\xfdz.\nX5\x1e\xcf\xbd\x19\x96\x0f\\\xf8\xfa\xf7Ps,\xad\xec\x9e\xb8\x7f57,\xf6\xc3~\xb7\x8e\xb8j\x93jBes\xa9\xd1`\xb0\xb2\xbe\xb1\xa9\xe9\xe7\xf6dBB\x1dd \xfa~\xffpkk\x0b\x94\x9a]\x98\xcdLOC\xcaJ%#\xba\xac\xc8&lt;{\xef\xee\x90\xc7sw&amp;\x97u\x05&gt;\xff\xba\xf5fkze\xf1\x14\x0e\xef\x80\x0bvk\x84\xf5s\x7f\xca\xc5\xa9F.\x15\xcc\xa5\x9a\xab\x01\xab)\xc7\x89\x82$\xa8\xa1\xf6\xbd\xad\xe2&lt;\x84\x0f\x94Zx\xb3\xb00\xad\xef\xac\xbe\x99\r\xd8#~\xa7(r\xf7\x86\x86\x86\xee\xce\xb0\xac\x96\x9f[\xfe\xf2\xab\x11\xc7\xca\xe2\xc1\xa9\xf4\xfa\r\x8b\xbf\xfd\xb6\xbe\xb2\x0e\xa2\xb5p.\xc3\xc8\xc5\x83\xb9l.X18x^\x13\x04Iw\xd9\x8f@\xa4\xd9M\xa4Vqv\x01\x85ps&gt;\xb2\xba\xb3\x1a\x01\xac\x98\xc0\xb3w=\xd1\x19V\xd3\xb4|\xe6\xdb\xe5\xcf\x07\x1dwN\x85\n5\xd6\xa0\x17`\xa5\x87\xa7\xd4\x04\x07Q\x9c\xd1\xd8l|\xb4\xafe\x9c\x13b1=3;\xbb\x10&gt;\xda\x7f\xff\xfe=2\xd7\xd6!z\xed\xff2\xa3B\xab\x08\xee\x92\xc5l.:\xa3\x15\xf2\x9c\xc6?~\x19\xea\x19\xda=\xad\xe3W\xb3\xb9\xe1`\xf1\xdc\x87\xbe\xeb\x81LBw\xa9Y\xc0\xd286\xde\xd3\xc7r\xae\x98\x9c\x08\xdb\x8f\xf6\x10\xd4\xff\xb1\xb6\xb6\x8e\xf6\x83\xd1h\xb0;\x99\x88\xf9}\x8a\xc0kq\xad \xe6\xb3Z\xfe\xd7\x86\xab\xa7y\xbf\x19M74&lt;\x7f\xf6\xfc\xafvI\xe2\r b5&gt;\x97\xea\xe91\xc2\x9c\x1es\x05z\x1c\xfd\xfd\xfd\xc7X\xc7\xbe\x07\xac\xbd\xe0\xbd\x8e\xea\xea\x81\xd0\x84\x1eSd)\xcffy\xfeq6\xfb\xf8m\xf9\xa9\xcf\x8e\x94\xa3\x0b\xcdq\x97$\x1a\x86\xc6\x1aY\x9eeS!6\xac\xca1W\xaa\xbd\xb1\xb7\x11\x8a\x88\x91\x8fXs\xc5\xcd\xcd)\xd4J_n\x1f\x8d\x87]\x92\x9e\xc8\x17\x1e\xf3B&gt;\xab\xe6\xdf\x96\xe2\xe6\xa9\xd9\\\xfe\xd4\xee\x168.\xcb\x16\xb8\x82\xc6\xa6\x92\xac*H\x11\xb5\xa7\xbe\xb1\xb1\xbe\xfeF\xdf\x85/\xa6\xbe\x9d\xcd,\x80\xd3\x17\xc6\x02\x93\xdd\xe3\xa3=\xa3Q\xd6%\t\x80$\xe4\xf9\x82\xca\x8b\xcfKs\xe1\xba|7%\x0b.\x9e\xd7\n\x1c\xa7e\xb5\xa4\xc6\xc9rL\x9di\xefm&lt;_\xd12596\xad\xc7\xfc~\xa7\x12\x93"\x13\xf6\xee\xd0\xe8\xe8h\x8e\x97d\x80\x12\xa4\x1f\xf9|\xb6 &gt;+\xcd\xbdf\xf3\xd5\xa0\xe4\x16\xf3\x82\xca\xa9b\x1e2\x98\xcaI\x90/s\xcd\xbd\x15-=\xe3\xb7P\x11\xe1W\x9c\xbek\x90\xdb\xa7\xed\xf6d(\x943$\x1f)\x0b\x82(Jy0\xfd\xfd\x12\xa9e.\xbf-xEQ\xd04\x11\x12\x85\xa1\x19.\x99T$68\x10L\xc5C\xd7\'\xe72\xabN\xc5Ic4pe&amp;\xc2v\x03\xc4dh\xe5\x91\x80\x9e\x9e\x17x\xc1\xfd\xb6Dj\x99w9\xef}Q\xcej\x92\xe8\x12UV\x95\x15\x9a\x8ei\xb9\x99\\&lt;\x1e\xbf~\xcb&gt;\x16\xd1c&gt;\xa8\xbab\x91\xc8\x9bi\x8e\xd3\x9d~R\xc1h\xc6-\x88\xb0\x12\xf3\x92\xf7o\xa5\xba\x9c~\xa0y\xef\xcbb\x81\x13$\xd8U\n"\xc90&gt;E\xca&amp;\r\x03J\x8b@836\x96\xd1\xfd\xabz\xc2\x95\xd0u\x1d\xf8h\x92\xc1\t\xda&amp;\xdf\x07.Qr?+\x15V\xc3\x8c\x97\xf4\xca&lt;/\x80\x8d\xc5\xbc\x9b\xa4)\x92\x94]\x1c\x07 \x91\xe9\x89D"\x02U\x96\xb4\x9a\x00\x9db\xb1k\xd7h\x9a\xb6Q4M\xda\xe4G\xf7\x1fI\xee\x7f\x94l\xf4\xa1\xfc\xa5\xe2\xf5z\xd1\t\xb1({%\xd9K\x91\xb4"\x89\x82,\xc5\x14(\xfa\xd0\x15T\'\xd8\x0b\xbd\x83V\xb8\x8fd0\x82\xa2\x18\xf8\'\xd2m\xb3\xfd\xf3\xea\x99R\xa9\xf5_\xb7\x97&amp;i\xa7\xa0\x8a2I\x93$c\xb3\xf9d\x89Q\xdc\xb4\x13]\xa3\xf2\xfbh\x1a\xc7(\x02\xda\x0c\x9a\xa0)\x8a$,8\x86n\x84\xdbh\x1bI\xfe\xbbd\x835\xe6g\xa2\x8d\xa2\xbc\xa4\xdb\x95\x17l4ec\x18\x1b\xad\xd80\xd0\x03SH\xd2\xab\x00\nN\xe0\x14\xd0\xd14\x84\xcfD`\x8c\x8d\xa4l4\xed~\xc4\xb8\xffU\xb2\xb1\x1a\xf3_x\x85\xa2(Z\xe1U\x018(\x8c\xb4\x11\x18\x08A\x82F\x00\x02\x80\xb8\x89@C\x07\x80\xe2\x06\xd9(\x80cP\x14A\xaf\xbf\xff\xf9\xcc\x99\x92a\xa5$\x8a\xc10\x0c"&amp;+$\x85\xb4\xa0\xbd^\x86\x82\x8fp\n\xc7i\x860Y0\xbc\xac\xec\xe3\xe4\x01A\x90\n\x8da4\x08\x8b\xd9~-\xddpT\xf9n_\xd2\x89\xdb0\x82\x06(@\x02\x9d,\x18\xe3%A)\xcad!\x08\x0b\x1a\xce \xd0t\x1bC\xe2\xa0&amp;Cz1\xf8\x1ah,\xe1\xc7?\x96p\x04\xe9j\xfdy\xc3\x0b\xb2`^\x05\x92\x16CQ\x84\xc9\x04R\xd9\x8e\xc7\x1f\x084p\x87\x9b,\xb8\t\x8d&gt;`\x0c\x85C\x1010&gt;A\xd9\xf8\xff4\x94\x8e\xaa\xbc\xe1\xdc\x95q\x17\x18\xc8\xc2\xd0\x04PY`\xbd\x11\x04\x86\xfeD\x1fZ\xb0c\xc5PH)\x9ct\x83\xe3h\x12\xc7)\xd2d\xcb7\xdf.\xe1\x1c\x99\xb9\xe1\xce\xcd\x8a\x1cOb`k\x1c\x83\x1f\x02\xf32\x00\x05a\xb2X\xd0\xbc\x11\x0e1-\x837\x88\xa5\x85\xb1Y@*\xe4-B\x0c6.\x96\x12\xab|q\xb8\xa2\xf9eV\xb1\x10&amp;\x0c\xc7A\x17\x10\x0b\xc7\x18\x0c\xc7\x00\xc5b:\xbe\xea\x7f&lt;:\x82n\x8b{a)\x82\xdb\tR\x8aW\xd7\x96\x18\xeb\xe6\xf9\xca\x81hA\xa1\t\xb0\x12\x81\xe1h\x11\xa20R\x80Sf*\xb3`\xa6\xdf\x9d%\x184\xd2\x82\x83\xdd@-H\xaa|.ZUj\xac\xd6+\x95U\x9e(+`eh\xce\x07\xc4\xa1@\'\x86\x82\xe5\x87\x13\xa6\xb3\xb0\x1cMh\x12\x10V\x02m\xc2)\x0b\xacU%\x1b\x1d\xf28J\x8c\xb5\xdb\xdaT[\xe9\xe9h\x9f\xc9\x93`lH\x06\x18\r\xd1\x03\xc5 |8\x00\x81\xf1\xcf\x9eE\x03\x12\xe0}\x9c\xb0\x10P\x8f\xcd\x0c]\xac\xb1\x96\x16\xcb\xbc{\xa5\xa9\xb6\xb7\xae\xae#\x1a\xd7$\xc8\xa7\x10\xa8c\x9b\x11\x84\xe9\x7f\xb4\x9c_lZ\xf7\x15\xc7+u\xa9\x934\xcd\xe5\xde\x0b\x88\xe4\x16\x8b\x85\xc1.1\x7f2\x1a,\xd50A \xa1\xf6 \x89\n\xde\xa0\xde\x14\x83\xe6A\x13Lb\xf3b\x81\x84\x85\x13\x9b4\x81\xa8\xc3HA\xd4\x033"Y&amp;\x16\xc9\xc3\x1e&amp;\xd5\xf8)r\x90\x90\x8a\xe5Jy\x88f\xc5\x8e\xfd\xb2\x87I\xf3$+\xab\x1b)\xda\xf7\x07\x89TM\x9b\xba.\xf1\xb1e\xf9\xcd\x1f\x7f\xcf\xf7\x9c\xf3\xe3\xde{.0\xde~g\xff\xcb\x80\xcf\x0e\x1d&gt;\x00[]\x9e\x8a\xa5,\n\xc5\xdeb\xbd\xf5\xd6_\x8e\x1c;\xa2Vr\x16Kf\xbd\xfb\xe2\xe9\xf3\x9f\x1e\xc5l\x86*\xef\xc0KHckY\nb\x91\xbd#\x94\xe5\x89\x8f\xaf\xcd\xf9u\x16\x8bp\xaf\xb1:\xfeJ\xae\x03r\x1c\'\xd4\xf1&lt;&gt;\xc2c4\x92\xb9C\x16\x8e\xf6\x7f7\x80\xf9\xee\xc7\xe7\xafM\r\x0c\xf0\x14+T\x08\xc4\xea\xbd\xc5:+&gt;&amp;S\xea\xc5\x9cE\xa7\xe3c\x03S_\xdc\xbc\xf8\xc1g8\xe3\x1c:t\xa0\xbdc\xfd*\x87\'\xce\x7fxypn|\xdc\xaa\xa5XN!\x10\xa8\xf7\xd6[\x9d\xe2cj\x81^\xc9\ti\x9d\xdf\x1f\x1b\x18\x9f\x1a\xec\xee\x96\x7f\xf8\x01\xd8N\xec\xc3\xd0\xd9\x8fyx\xe0\xbd\x13\x9f~\xd6=05\xae\xe5\xcd\xaaq\xca\xce(\x04\xd7\x05{\xacV\x0b\xeb\xba\x90\xe3\x18V\xc7\xfb\xf9\x81\x81\xb9\xa9\xb9\xc1\xc1[\xa6\x9b\x97/\xe1\xac\xfc\x87_\xe0\x90z\xb1\xbb\xbb{.\x16K\xf9y\xadUe\xa6h\x9bR \xd0\xab\x7f\xbb\x97\xdb\xd5\x07;\xb9cj\xb1\xe0\xfaI\x8b\x85ay\x16\\\xb1Xl 607&gt;uK~\xe3\xca\x95iy\xf7\xdc\xdc\xe3L*\x93I\r\xa7x\xb3\xd5\xac\x95\xd2\x8c\xe2:\xb0\xbe\xf8\xc7\xde-\xc9w,?R\x1d\x07\x16\xb8\x14\x16\x86\xa2X\x9e\xe7\xc1\xc5g2\xfeLl\xea\xe6\xc4\x84&lt;8\xb5\xbe\xbe\x9eI\xa5\x86\x87\x87u\xbc\xb5\xcfLQ\x0c\'P\x00\xeb\xe6\x93\xbd[b&gt;\xf7\xe7\x1f\x05\x8f\x1f\x11\x93;+Br\xa9\x9d\xe5\xb5\x00\xf3gR\xba\xcc\xe3Tf\xd0+\xf7\x0e\xc62\xeb1\x82%\x142\x94\xd5l\xa6X\x9a\x13\xe8\xf5\xc0:\xba\xf9p\x8f\xdev\xd0\xb9}\xf8\x80\xe9\xf8\x115\xa8\x94B\x85B\xc1\xb0\x14\xe1\xf2\x0f\xa7R\xfeL&amp;3e\x92{=1$06\x0c\xb5\x14\xc0B\x12)`A,\xb5\xe7Pzsl/\xb8::\xb7\xbb\xf6\xbd\xed%\xf7\x84\xf5\x02\x81B\x010\xa1\x85e\xb5~-\xaf\xf3g\xfc~\xdd@\xd0d\x9a\xe43\xc8jf\x18-\x94ny\x8b\xa2i\x06r\xa9\x87n4W6\xf7\xe2\x93\xe2\xc1;\x91\xde}\xbf\xba\x00\xac\xd6\r2\x81\x90ko\x18\xf0$b~\x7f\x8a\xf7\x98~?\x99J\xe1\xf7\x14\xb0,,)D\x11y\x92EA\xb0~\xfcde/\xb8:\xc6V"\xbd\xef\xfd\xf2\xccq\x94\xa2X,\x10*\x19!\xc70B\xa1\x8e\xf8\x9e\x1f\xe0\xfd:\xbf\xe7\xea\xe7}hg~?\xe6\xcdI!kV\x01\x0b}\x8b\xd3C\xdf\x16\xd6\xca\xf6\xd97}9\xf0\xdcf$"9\xff\xfe\x99\x96Zbbz\xa1\x85a0\x86, \xe1c&lt;\xaf\xd3y\xae^U\x01\xd2\xcfb8+\x84\x94U\xa5\xea\x83Z6\x0e\x96\xd7\x1f\xbf\x00\xac\n\xb8\xde\xdck&gt;:\x10\x84*\x12:}\xe6gm,\xb1\x00\x83\xd1\xc2\xd0\x0cC\xb3\xac\xce\xa2K\xe9\xa0Z\xf0\xee\xd5\x1e-\xaf\xd5YN\x82\x8a\xd1\xaaT=*\x91\xe8\x14\xad\x14\x03\xebTp\x03jU*\x9b_\x7f\r\xb0\x8e72q\xfa\x97\xfb\tU$\xf2\xa7\xf7\x7f7D\xb0\x08\x17\xc0h\xa9\x9dfh\xb2\xb7\x052V\x1b\xbc{\xb7\xc7\xcakY\xcb\xb0BA\xdb\xcd*\xb2W):eS\x8a\xf1\x7f\xc8\xae5*\xad\xc8o\xfcs\xb9\xff\xf5[~G\xe7\xc3\xcdxW\xa4\x1d\x1b\x9f\xff\x06Xj\xb5\x9e\xfc%X\x8b\x96\xa2\xd0XZ\n0\x967\x9bnO\x98&amp;1\x9cQ\x86\n\x1a\xce\xea\xf95\xb2(\x03\x96M/\xb6\x9fv\xe5\x11\xe9\xbc\xab\xb2\xbb\x91^~\xddTv\x1c\xdc\xdc*\xc65\x1aM\x0bK"\x1f\x12\x11,\xe8%\x10+\x19\x1ab\x91\xa0\x19\x1dKi\'\xbd\xd3\xd3\xf2`\x8fU\xcb\xc0Z\x14\xa8zzZ\xdeR\xdbdz\xfdx\xbd\x92w\xb9\xd2\x08W\xae\xd6\xdb\xec\x7f\x9d%X\x98\xe0\xec\xf6R6\x11\x97H$\xa1\x16\xd8\x97\xa2!\x9b\x9a\x94"z\x84\x92Q\xb6\xb9\x94\x0c&amp;7o\xf5x\xa7\xafL\x98&lt;*\nXB\xde\xd3C\xee\xbe~":%S\xdbP\x89\x977@\xe5\xea\xea\x02W\xae\xb6T\x8f&lt;}6\xf6\x7fZ\xac\xe3`\xe7\xd8\xf6\xdaZ5\xeb\x04V\xafD\x13\x82dM\x8f\xa8\x8d%\x16+m2\x1b\xc1\xe2\x84J%\xc3\xa0K\rzoO\xdf\x90_\xe8#X\x9c\xd9s\x81`\x89\x86\xc8c\xc3b=\xf7e\x9a\x88\xd5\xe8\xc2\xf7\xf3\xdaRm-\x14n|\xd3\xff\x83\xcb\x92\xbc\xd9\xe7\xdc\x9d\x95\xad\xec\xfd\x9dj\xd6\x91\xeb\xdd\xea\xed\n\x81+"\xb9&amp;\x92\x91$\x8a\x95J\xa5\x8c\xa6\xed\x04\x0b\xe6G\x1e\xb5Pk\xe2\xc6\x84\xd7c\x95\xe2\xcc`Q\x01\x0bb\rA-\x1b\x86\xbb\xeeQ\xc5\x95w5\x9a\xcdF\xa3\xb9\x9b(\xd5\xcak\xe1b\xdc\xf7t\xf9\x07\x81\x917E\x8dmG\xca\xd9\xa8\xe1\xfe\x8e\xb3j\xa8\xf9z\x89\\\x9aP(\xf2\xc4#S\xb6\xa9l2\xda.\x95JYpqh\x13Z\xf3\xa4I&gt;q\x89`q\xd7\x15lO0\xe8\xf9I_\xdf\xd0\xd0)\xe2y\xfd\x8bF\x1eX]\xcdfs#~\xb8P\xa8\x95\xd6\x96\n\x85B\xd1\xd7\xd8|x\xf6\x7f\x03#B\x8d=\xbc\x04\xdb(\x00\x00\x08\xa3IDATXY\x8af\xb3\x06\x83ag1\x990\xcc\xc4{\x11!\x82\xd5u\x19\x1e\x06\x16\xc9\xa1\xec%\x16Gz\x85\xd6:\x19\xf4\xca1\xac\xcdRN\xc1a\x10\x05{\xfa\xfa\x90D\x19Q\x8by\x84*t\xa5\x9b\x1b\x1b\xf1\xf8\xf3\xdd\xd2\xf3Z\xb5\x1c*\x16\x12\xc5b!\xee\xfbv\xf9\xdc\xf7KF\x84\xea\xdf\xd4\x94\xa3\xd5\xac!jpd\x81\xb5\xea\x18\xad\xfb|\xbd/\xe5zD\xd9@\xa5&amp;jI\xedR\x11\x85s\x1e\x87/\x865\x03\xcb\xeb\r\x92$r\xb4\x95`\x91$B\xac#6\xfd\x8b4\x1a\x16\xc1\x8a\xe7rGw\x97vk\x89\xd2Z\xd1\xbd\x9a(\x14!\xd9\xf7\xba\x8c\xdc\n\xeb\xdf\xae\x94\xa3\xd9\xa4\xd1ap8F\x1c;\xc0\x9au\x1bja`\xf5J"\xa1P(=\xc7\xb5s\x08,\xa9\x94\xa2\x08\x17Ccb\x9b\'=&amp;\xf9]/*\x91\xa6\xf9IO\x90&lt;(\x85B\x04\x97\x8co\xb5RWcc#W\x7f\xfen\xc1W\xab\xad\x16\x97\x96\n\xab\xab\xab\xee\x02\x14+\x14\xc2O\xb7\xc7\xfe+\xd8\xc1\xces\x0fV\xb6JQP\x05\x8c\x06\x83#i\x8c\xee\xec\x18\x9235C"\xd7\x96\x0bX\x9a\xbf1\xe4i\x11`\xd9\xdbX\x14K&amp;\x10\xce\xcf\x83\xf0\x16\xce\xa7=8\x92Z\xe1,by4y;r\xfd\xc8\x95\xaf\xe4+\xaef\xae^\xaf\x1f\xadk\xe2\xb5Z\xc2Y\xcd\x96\x12\x84\xabX-\xb8\xdd\xa0#\x92\xfd\x87\x96Af\xcc&amp;arD\xa3Ig"\t_\x19\x8d\xf7w\xbeZ\x1cI:\x9d\xd9x&lt;\x0c,4\xafr(\xfd\x02\xb5\'&amp;X\x886\x16\xe6"e\x1e\x0fz/\xdd\xb8}\xc9\xd4\xd3g\xb6\x12\xad&lt;\xf0\x16\xba\xa9\xddf\xebn\x80*\x9fo@\xab\xfa\xf3]\x9f\xa4\x9e\x0b\x17\x12\xeej\xc9\xbd\xda\xe2*\x82+\xe1\x86d\xdf\xde\xf9\xf7\x17 \xc0Qh\x07\xa5j4\x1a5D\x93\xee\xd9\x80\x03j\x19\x93;\x8b#\xa3\x8b\x8b\x86\xc4\xe27\xb90\xf2(!\xae\xd7\xa4c\xe8K\xb0\x96\x9d\xc8%\x15\x91MX\xf4x\xe2\xf8\x89\xe9it\x08\x95\xaa\xb5|\x00\xb1\xc8q\xcbn\x9f\xda\xc8\xe7a\xadt3\x8e\x14~T\x08\xc5\xebq\x9f\xafPt&amp;\x12\xee\xc4*~\x14\x8b\xee\xc2*Q\xac@:\xc6w\x14C3\xbf\x83\xd2\x8bV\x93\xc9$r\xe7\x9c\x99M:\x1c\xf3\xf3#\xf3#\xa3\xc6@rq1P\xec\xff{8L\xf4\n\x95A\xd6\x18V\x08\x946\x9a\xb4-`QdTSf\xeb\xe4\xad\x9bdg\x85&lt;[\xd32\x16\xa8\xcc"\xa9\xddn}B\x06a%\xd2\xc8\xe5\x80\x95[\xea\xca\xf9z}\x85\xfaj\xc9}ovv6\x91p\x82\xd0\r\xba\x16X\xf8\xe9\xf2+\xc5\x00\xd5\xbfR.U\xab\xcej\xd2\x01\xad\xaa\x81\x99\xc0\x08\xa8FG\xc16:\xb3{od~\xf6\xc1\x9d\x06\x91\x0b\\\x11MH\xf2\x02r\xc1P\x04L*\xc2Q\x8f\xa2\xc8j\x96\xc7t\xe9\x06\x1aW\xd0\x13\x0c\x9aZ\xc6jQ\xf1\x7fl\xba`\xadJ:N\xb066\xb7\xe2K\xbd\xe1\\\xad\x0e\xcf\xb7\xf4J$\x02Ng\xf1\x15\x16\xea\x92(\xd6J_\xff\xca\xd6R4iL\xb8\x8dI\xc3\xbc\xd18\x1a\x08,\x18\x17\x16FQ\x8c\x8b\xf3\xf3\x0b\xf7vk\xa3\x8eg?}\x16\'\\\xa1H\x04\xf6j\xac\x93\xc7f\x08\x16-\x15}"\xd2\x9a\xb5Z\xed\xc08\n\x11Xr\x13\xa8\x90CheF\x06\xfd?\'\xc3\x10e\xd8la=\xeb\xf7\xf9\xca\xc5\xfan\xbdX^+\x17\x13\x05\x92\xcb\xd9{\t\xa7\xd3\xdd\x8eB\xc1\r\x8f-\xbf\x85Y\\\t\x95\xa2%\xa31\xe06\x1a\x1d#\xa3\x0b33\x107\xb0Pu\x18\x03\x81\xd1\xf9\xafZ\\\xa5\x07\x0f\xfa\x1b\xe1x\xd8\'\xd1\xb84e\x89\xa6\xf1X!\xc4)\x10\x8a\xd9)\x91Y\xfb\xaf&amp;\xce\'\xb4m3\x0c\xe3\xbe\xef\x10\xba$ \xe8\xa5\x10\x8a\x18B\xa5\x878\x17\x99u\xe4\xb0j\xc8\xf5\xc0\x11\xeb\xc8\xa1Q\x08\xa8\x90\xc4\x9d\xb4\x8b\xf0\xc0\xc6\x05[[\x12\x99-H\xe0e\xa2\xb1\xb0`\x18\x84\xad\xe3\x0e\xb2\x0fA\x87\x8a\x14\x17z\xe8a`X\x1c\x1fv\x99\xbb\x1c\x8a\xf1\x1cH\xf6|2\xa1}-\x85\x10\x1d\xf4\xe3y\x9f\xf7\xcf\x07Ip\xc4Y-"\x89\xdb{{\xcf\xc9\xbf\xd4\xf8\xf6\t\xa8 \xe2&amp;\xa8.\xc90&lt;:\x02U\xa1P\x1b\xd0\xee\xb0{\xdc!T\xdf\x03\x0b\x8e\xaf\xbf\xa9\xcf"\x8d@6\xc1\x97&gt;\x96\x12\xf0\x94\x89\xea\x03\x95\xccq\x96\'\xd7\xe5vI\xe6\xd22\x14\xb3l\xdbk\xf6\x82@)u$7"r\xa1\x1cIO\xa5X\xea\xedA\x8cE\xda\xe8\xdc\xbd\x07\x9f\x15\xd7W\x8b\x1b\xc0z\xbe\xb7\xbdM\xb80w\x16\xe7\xee\x81\xeb\xd9\'\xa7X\x1c\xb2G\x06\xda\xfbY\xe1\xcc\xd5\xdc\x91\xd3\xf9\xaf\x93k\xec\xf4\x1b\xce\x9bN\x87\x00\x95\xea \x81\x85\xd2r\x9a\xe3\x00\xd7j\xb5\x12;\xa6\x9f\x84\xb9\x89F\xb0\x94\x1c\x13\xc1\xf2\xed\xbam[v\xdbRz\xef\xdf7\xad\xf60\x8aBz\x90C\x9b`H\xf3bw\x98_q@%\x7f]\x8d\x95fn\xf5q\xb9X,oTSK0\x17\xdc\x95"\xe3\xf0\xc1\xdc\xe6\xe6\xe1\xca\xfd\x9a\x91\xcd\xb2Y\xa4\xf0Lbrc-t\xcf\x01s\xdcG\x98\xe9N\x1b\x85Xz\xd1r\x90-\xc79\x86\xcf\x80\xc0q\xba\x9eO\xf8~\x10\xf8\xa3\x91\x07\xa24\x14\x03l\xbd\x1dG\x1dXuY\t\xde\x07M\xcf\x1eEQ$FR\xae\x06\xbd\xd8x\xf9\xaa=\x03\x179,.\xdc\x9e\xff\xea\xc9\xe3r\xb9\\\xa9\xa6\xf6\x97\xb6\xa1\xd6~\x15\xce\x9a\x9b\xc7\th\xe5\x9b\x87\x0c\xb0\xb2,f\xb4\xc4\xf0\x83\x8c\xe8\xba\xe3R\xe7\x05|e\xe6\xd3\x10j\xed\xd8q\xba\r\xe4\x0bZ\xa1w\xad\x95dY\x1a\r\xf3z\xa2\x17\xf4/D\xfa\\E\x16c\x119yF\xd5\xb6-(\xca\tA\xd0\xeb\xa9\xd6d\x1c\x86\x90+\xe6\x92\xe2&lt;R\x7f\xac\x1c,,\xc7g\xd8y\xd2\xd37\x10O\xc1\xb5\xb4\x94\xaa\x14W\x17\xbf\xbc\x85#\xed\xcaw\xf7\xcf\x0c\x82eH&lt;CQ\x86\x0b\xb1\\WZs|3\xef\x10/\xb5\x9cn\xb7\xd10\x1d]\'\xd9[\x83(Nw\xe8\xba\xe1(\xd1\x1f\xd3\x88\x91\xa2\xe2\t\xc2\xe3\xb8\x99Vu\xb9%(\x9c\xcc\xa9\xbd^\xaf\xa9\x8c\xa3P$rI\xb0W\x01\xe5\x88%:\xf7u%\xfe\xad\xbf\xbbw\xe7W\x7f\xf9\xf9)\xa8\xaa\xd5Tj\x7f\xbfZ&lt;\xdc\xc4\xc8\x01\xd5o{?]R\x06K\xc4\x02\x14\xcb\x8f!\x96H\x8b\x83\x96i"m@2\x11\r\x1f{J\x13s\x0enG6\xbbN7\x14i-A\xd33,\x01\x9dT\xe7T\x95T\xa2m\x97H\x01p\xc4\xf4pW\xaf\x17D\xe3H\x03\x17\xe4\xca\xc5\xdd\x1e\xfe\xa2.?\xbf:\xd9Z\xde\xda\xfa\xf1\xf6"\x96+P\xc5W\xe5\x87\x83\xdd\x85;w\xbe\xd8\xbd\xbez\xfbw\x8daI\x00\nU2\xd0DQ\xd4\xf0.\xb4\xedV\xde\x84L\x10\xca\xc4B \x08:D\xd1\xf3\x0ey\x90n\x8dE\x9a\xfe\x80%`\xd6\xc4Xp\x99En\xbbnY\x96m\xa9=\xd8+\x8c"Z\x8bB\xc8\x05\xd7cj\xef\xb0\x14+=\xac\xbd\xfe\xe7\xdfw\xaf^-\x7fzks\xbdX\xa9\x94\xcb\xc5u@-o-\x1f^O\xa7GY\xb6V0\x0c\xd6 \x0b7b\x18\xd2.\xade4\xed\x9c\xec\x02&amp;\x81\xf2\xf3x\xab\xa24\xb1\xa9`\x10\xc7\xc2\x00oB\x8b7X\x13\xf2TQTEQt/n\rv\x1bJ!&lt;\x05-\xa2\xef\x02+\xe3\x8e\xddAN*\xcc\xf4B\xd4^2\x08\xe3h:\xbd\xbe\xde=\\\xff=\x86:9y7\x9d\x1dq\x98Z\xed5\xd1\x8a\x8a\x8b\x84\x9fh\x84*\x93\xd1.\xd0\x90|\xbf\xd1\xf7}?\x89\xd7*J\x12\xf3\x17\xb7\xa0+</t>
        </is>
      </c>
      <c r="M90" s="3" t="n">
        <v>45492.67892361111</v>
      </c>
    </row>
    <row r="91">
      <c r="A91" t="n">
        <v>243735</v>
      </c>
      <c r="B91" t="n">
        <v>1958</v>
      </c>
      <c r="C91" t="inlineStr">
        <is>
          <t>Pablo</t>
        </is>
      </c>
      <c r="D91" t="inlineStr">
        <is>
          <t>Pablo</t>
        </is>
      </c>
      <c r="E91" t="inlineStr">
        <is>
          <t>ZAG</t>
        </is>
      </c>
      <c r="F91" t="inlineStr">
        <is>
          <t>ZAG</t>
        </is>
      </c>
      <c r="G91" t="inlineStr">
        <is>
          <t>ZAG</t>
        </is>
      </c>
      <c r="H91" t="n">
        <v>188</v>
      </c>
      <c r="I91" t="n">
        <v>30</v>
      </c>
      <c r="J91" s="2" t="n">
        <v>33409</v>
      </c>
      <c r="K91" t="inlineStr">
        <is>
          <t>Right</t>
        </is>
      </c>
      <c r="L9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b2b49c-4678-4814-80db-0f57c92ee7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fe\xb5\x8a\x00\x00\x03\x00PLTE\xff\xff\xff\xfc\xf8\xf0\xfb\xf6\xef\xfd\xf6\xef\xfb\xf3\xea\xf8\xf0\xe6\xfd\xf9\xf3\xf9\xf1\xe8\xff\xfe\xfe;52+(%\xf6\xee\xe5\xfc\xf5\xed\xfd\xf7\xee@97\xfb\xf2\xe8\xfc\xf4\xeb&lt;85\xfe\xfd\xfd\xfb\xf4\xed930\xf7\xf0\xe8\xfd\xf5\xef\xfa\xf3\xeb71.\xf9\xf1\xea.*(*\x1e\x171,*\xfd\xfa\xf5\xef\xabz\xea\xe3\xdaC&lt;:\xf4\xb0\x83\xfd\xf4\xed\xee\xa9v\xf5\xec\xe3\xf1\xae~\xfc\xfc\xfb3/,&amp;"\x1f\xe3\xa0m\xfc\xfa\xf1?74\xe7\xe1\xd7*&amp;#\xeb\xa5r\xf7\xb6\x8cV;+\xe2\xa2t0"\x1a\xd7\x93`\xec\xad\x810\x1e\x15\xf8\xf3\xed7%\x1c;(\x1d\xea\xaa~\x9fc=\x98a&gt;\xf2\xeb\xe2%\x19\x13\xff\xf8\xf0B/#5!\x18\xdc\x94a\xf0\xe8\xe0\x9bhE\xfb\xc0\x9b\xb0qIO8*\xfe\xfc\xf5\xfa\xf8\xf5H0"\xd0\x8c[Z?/\xcb\x87Z!\x1b\x16\xe7\xa3q\xfd\xfb\xf7"\x1e\x1c\x1f\x16\x10\xb6uL\xd5\x90^\xablD\xeb\xa8w\xe6\xa5v\xf9\xb8\x90\xde\x9bi+\x1a\x12\xbd~UB*\x1d\xf7\xf6\xf5\xdc\x97d\xfb\xbd\x97\x95fIH4\'\xcc\x8b^\xc2\x7fQ\xadvS\xe5\xa7|\xe8\xa0n&lt;,!\xe1\x9ej|U&gt;\xfa\xbb\x94\xb6yR\xfc\xc4\xa1\xda\x99n\xa7qN\xd0\x8f`\xb4~Z\xc5\x86[\xe8\xa8z\x9emMfG6\xc8\x83S\xf3\xb3\x89\xfe\xfa\xf1\x18\x13\x0e\xdf\x98e\xa6hB\xdb\x9ds\x8bbI\x1b\x19\x16\xe0\x9er\xee\xe5\xdc\xf6\xb2\x87\xf5\xf3\xf1}P7aD2\x9a[7\x89Z=\xbczN\xec\xe7\xde\xf2\xac{\xc4\x8ad\xe5\xdc\xd3\xcf\x94mSNL\xd2\x91f\xa4kHN3$\xd1\xcd\xc9\x93[:\xcd\x87U\xe3\x9ag\x92aA\xc2\x81X\xc9\xc6\xc3uH0\xe1\xa3z\xf2\xf0\xee\x8d]?\x8aR2\xac{\\lI5\x96kQ\xd6\x95f\xca\x8cd\xd4\x98r\xf5\xba\x95\xdd\xd8\xd0vN8\xed\xaf\x872\'!pP=kC-`?+oL8\xfd\xca\xa2\xc2\xbe\xbb\xe6\x9bkkgd\x82ZB\xed\xe9\xe4\xe7\xe4\xe2\xfe\xfd\xf7\xd9\x95j\xc9\x90j\xf5\xf0\xeb\xdf\xdb\xd8\x84V;V4"uVC\x93\x8f\x8c\xef\xec\xea\xe3\xe0\xde\xa4c=\xb8\xb5\xb2\xa3tW\xba\x82]\xfb\xc9\xa8\xeb\xa0r\x98Q.\x83^G\xd5\xd2\xd0=#\x16a\\Z\xb0\xac\xaa\x9b\x97\x95\xbd\x86b[UR\xef\xb6\x90\xf3\xaa\x81\xd7\x8aYg;$\xa4\xa1\x9f\xef\xa4z\x85F&amp;r= `5 KGE\xb5pE\xe6\xb1\x93\xdb\x8e]\xc2zL|I-\x88\x83\x80IA=\xd7\xa2\x81\x97qWM*\x18\x8bgR\xe3\x92e}yw\xbf\x8cl\x8dvj\xc2\xad\xa2VC9fQD\xff\xff\xfe\xaf\x81e\xd7\x82T\xde\xa8\x86vrp\xe6\xc8\xb7\xab\x98\x8d\xe7\xac\x87\xae\xa5\xa1\xa6\x88v\xc7\xb7\xae\xb1e;\xe4\xd2\xc7\xd3\xc0\xb7r^S\xbf\x96~}fW\x96&lt;\x1d\xf0\xc1\xa0\xd0yO\xfc\xd0\xb0\xcb\xa5\x92\xcef&gt;\xde\xb7\xa2\xf6\xd9\xc7\x82\x1d\x0bi\x00\x00 \x00IDATx\xda\xc4\x97\xebO\x13{\x1e\xc6y\xd9\xdd\x97}u\x92I\x1a\t\xa1+q\xb7\x94\x81I\x07H33\x01\x9a\x96\xd2\xee)m\x0f\xd6)\xb4\xe52\xdc\xa4\xb0\x14R\x10N\x80J#a\xa5B+\xb7\x02\x078\n\xd4\x03\xa2\xd1\xc3ED\x0f\x07\xe8\x8arQ\xe0T@\x05\\n1l\x101\xb2dw\xdf\xec\xb7\xee\x9f\xb0\x19\xf8&amp;m~/?y\x9e\xe7\xf7\xcc\xef\x1b\x10\xf0\xff\x0e\x87/\xe5\x04\xf0\xf9\x1c8q8\xfe\x1f\x97\xcb\t8\xfb\x91\xf2\xf9\xd2\x96\x9f\xf5z\xa9\x9e\xcb\x97\xf2\xb9\xfa\xb1\x96J=\xe0\x9d1\x15\xf7\xde\x8d\x1bG;;\xf0w\xf4e\xe7\xe0\xcb\xbd\xa1\xe9{ccR\xbe_\xb4\xb3c\xe2\xeb\xa7\xfb\x0f\xb777G\xb7\x0fN6G{\xdb7?\x1d\x1c\xed\x1c\x1c\r\xb5\xf0\xb9|\xfe\x19\x99\xc9\xe1H[\x1a?\x1dl\x1b\x1d\xed\xed\x1e\x8b\xdc!3\x12\xb6\xde\xd1\xd1=\xcb\xde\xf6\xd1\xbd\x96\xa1\x1f[\xceF/\xae\xfe\xc7\xc3\x93\xd1c#&amp;\x12\xca\x1d\x12#\x8a\xfc^\x81\x1a\x85\x12\x89\\.&lt;\xd9\xf9\xf2\xe5\xc9\xcc}\xce\x19\xe8\xc5\xa9&lt;:\x91{\x84FR\x873\x04N0b\xab\xc2\xaa`\x08#\xcd\x88d\xf2\xd1O;G\xc7\x87g\xe0#\xbf\xe5\xcbz\xbb\\F\x938\x83#\x08Jb*\xab\xb5\\\xa1\x12\xa3"D\x812\xf2\xf6\xac\xb2\xd1\xed\xc7|\xce)3\xe9\xff\xb8\xb3\xddkq\xf4\xa0:T\xa4SY\x81\x06\x05\xac\xf3\x8ar\x05\x8a\xc2\x1f\xee\xf0\xf4y\xf6\x1a\xf9\xa7h#\x87\xff\xb8\xff\xe0\xd3\xf6\xa6Pb#\x10D\xacB\x11\x85\xd5\x8a`"\x95U\xd1\x83\x9c\x07\xc1\x10\xab\n\x111\x04v\xae\xff\xbe\x9esj\xb9\xe7\x8e\x1d\x1e\xdb&lt;6\x8b\xc4(\xa4\xc5`\x9dB\xa1R\xa9\xc4$\x81X\x11R\'V\x89\xc5\x08\x89(\xca\xad\x08N\x9c\x1c\x1cN\xeb9\xa7%\xd6\xfdG\xbb8.sHd\xb4\x17\x13\x03\x92J\x87(\x10\x02GT:\x91\x08\x81t\xa1\x18\xea\xd7\x8f!\x8d\xa3{\xc7\xcf\xc6N\x87\x8b\xfb\xf8h\x8f@u2#\x8d\x8bp\x12\xd3\xe9t"R\xa7Bp\x1d\x86\x89I\x06\xfd\x16\xc10\x14\xf1\xd3\x82\xaf\x12\tA&lt;\xaa&lt;\x15\xae\xfb3{4\x8e\xa0\x12!!\xc2H\x8c$\x11\x8c!\xc5\xc0\xa4#\xc9\xaf@_\xcf:\x14\xc0H\x11A\x90\xd6on\x9cJ\xee\x9f\xed\x118\xa3\xc3\x852\x9c\x04\x12\x1c\x10\xbc^/\x1cp\x11\xb4\x84\x0e\xa8t\x00\x8b!\xe0\xa6\x88$\t\\\xf5\xe2TZ\xf5\xe77F\x99L\x84\x88\x08R\x07\xca\x88h\xafwc\xa1\xa9o\xc3\xbb1"\xc3\xbf\xe2 \xc0\xc5\xf8\xc5B\xfc\xfe2\xba\xdf\x9e\x9cB{I\x0fweB\x1a\xfc\x02U\x10\xcc\xebXXZZ\x8c\xd6\x8cG\xb9\x97\x96\x16F6\x80M\x06\xcayq\x7f\xe6\xc5\x18\xeeG?\x7fw\x8c\xed\xb2\xe7p*g$69\x81\x83\x10\x18\xedXX\x9b\x8c\xfa\xfc\xf9\xb3o\xf5\xdfEE\x89\x93\x8bn\xf7\xe2\xe2b\x15(\xe7\xa5Q(\x0e\xb8\x9c2\x91B\xa1x\xdb/e\xd7F\x0eW\xda\xffB"\x07\x13u\x18#[^\xbaZ\xaa\xb1\xaf\x16\xc574\xa8\xc3\xd5\xd4\xeag_\xa2\x0f\x18\xc7\x17\x97\x9770P\x0bc\x18\x07\xa3P\x88{\xee\x0e\xf1\xb9,\xf7\xfb]\x86\xf0\x8a\xbc$C\x08\xfb\xd6\xdc~\xa8\x065U\x92\xa9\x0c)q\x96\x00\xde|CQ\xaa\xdd7\xe9n\xa2I1\xa4K\x04]\x06^\xee5VJ\xd9\x94\x8b[\xf9RB\x88t\xa4\x97&amp;\x1cK\x8bW5\xab\xc0\xa1Nv\n`\x06J\x9c\x99!Nj\x05\xc0V}\xee\xb5e\xb8\x9c\x80\xa4R\xa8\x14b\x8c\xf8G\xe3\x90\x94M\xb1\x1a_08\xa6B\x1d\x1b\xde\xe5\xc9q_j\xc3\xfc\n\x05PJ\xa5V \xc8\xf8:\x99%\xd4|\xea\xaa\xa6\xde\xbd\xb4\xb1\xe1\x10Y\xad*k9\xd4&gt;\xf1\xe6\x86\x9e\xc5\xbc\xdf\xff\xfb\x05\x12C\xc5\xde\x91\x05\xd0\xcaW4OQ\xef3\xb4\xd7x&lt;^p\xb0@\xc0\x0b\n\n\x028\'\x15_dO,\x9d\\[Z\x86\xe0\xabT\xe5p%\x11\x7f\xeaY\xb3\x90;\xfd[\x0f\x03_\x1az\xa4\xc9}5\xaeH\xed\x1c\xc8\x10\x04\xcdU\x04F\xf0x\x11\x91\xdak\xc1\xd7\x82\xc0\xcd\x8cL*\x01\xee\xe5\xf8\xe4\xe2\xd2\x06\x8e\xe8\xc4\xfe\xa6\xe81\x1e\xb2\xf7\xc5\x06\x0f\xdf\xf60\xf0\xc9\xa1G\xd6\xa2\xe2\x12\xc2KB\x94\x82 \xde5^0\x8f\xa7\r\xe2\xf9\'H\x10\x92Y\xe2\xbc\xa86%\xdc\xb4\x97\xfa\x03\xe6/.\x88\x17zn\xa6\x85\xbdl\xe9\x1f}\xd3CC\x97\xd2\xc2\xaa\xbc\x025\x95\x99\xe9\x1cP\xfa\xe3\xae\xcc\xf8U\xa0\xd5\x02 PQ\xf10js\xaa=NS\xbf@\xe38\xd4=T\xd7\x85C=\x8b\xd1\xfa[\x0fC\x0be\xb4\xc43\x9cf\xa2\xa8d\x8ar:\x9d%N\xc8\x13\xf0)\xb5AZ\xb8\x8a\xf3\r\xa9\xa9\xa9EEE\xa9\x97r\xc6\xd76H\x86\xc1\xc4\xf0X\xfd\xd3\x0ck&amp;r8\xd3\xe7\x90\x1e#\xec5\xedY\xae4Sx8\x15\xbe\xf2\xfe\x7fp%%\xce\x10e\x90V\x19\xe2\\\x99\x8fO\xb5\xdb\xed\x89\xf0\xb3\xc7\xd5/{E8\x86\xa8\xca\xbf=\xcf&amp;V\xff\x05\x84\x91{,\xb6,Ca\x8eI\xbdBQ+++\xf3jj\x85JNN\xbe\x08v*/&amp;\xfb{+\xd1\xe7K\xf4O\\]\x13&lt;\xc9HX9\xce#oZ\xd8\x8b|\xff\x05Fb\xeb\xebk\x1f.\xcc\xcb7\xc5\x03\xd3\xca{\xb0\xcf90P\x92\x9c\x1c\x9e&lt;\x90\xa1T\x82\x9dN*!Q\x13\xe7\x9f\xba\x98\xaa\x11\x1a\xde\\8\xa2P\xbc\xa9d\x8d*\xa0\xff\xadD\xdeTUUU\xed\xaa+0\'\xa8)j\xe0\xd7k\x81sss\x81Z%\x08\x95\xa1\x8d\x08\x0e\x0c\x9c{\x95Q\x12\xef\x0f\xbcFS\x17\xd3\xda\'\xc3q\x1c^9\xdf\xbed\xb1 \x9e\xec\xda\xda\x9b\xd6\\\xad\x86\xc2|sC&lt;\x95\xa1\x9d\x0bMJ\xc9\xeeNJ\n\r\xad\x88|5\x17\x1c\x9a\x9dT\x11\xf8*\xe3\xe2\x0f\xe6"\xbbOS\x1a\x03XpAh\x02^\xd23\xec\xb5|\xc0\xb3\xdd\xde[Mk\xd1\xae\xc2\xfc\xda\xf8\x86\xf0\x8c`\x80\xca\xf5OlJvvwhEhJnJhq`d\xd8\x95\x07\xe6\x84T_T\xbd\xab\xda#\x1fqH\x8c\x04s\xfe\x11\x8b\x1f\x9fg\x96\xc1\xac\xea\xe8\xe8\xb8\x82NS\x81\xf9\xfb\xe2\xd8\xdc\xdc\x89\xffL\xe4NL\xe4v\xc316))\x17N\xa1\xa1\xc5\x11\x91a\x97\x1f\x98R5\xf5\xf5\xd5\xedr\xa1\\"3\x1aY\xc5:\xec-\xab\x8e\xd6\xe4\x14\xa8\xcd7MW&gt;\xfaY\xfe\xb5\xbf\xff\xfa\xf5\xeb\xee\xd9n JI\x89\x9d\x98\x88\xed\xde\x87\xf9\xb8\xdf\xdc\xd5\x99SZ_\x9de\x93\xdb\xe4\x8e\x11!\xca"\x16\xff\xa0w\xca\x90\x97\x98`\x8e/(\xb8\xfc]\xf3\xfe\xfe\xbb\xad\xa7eS\x9bO\xdb\x1e\xeew\xe7\xe6\xfe\x14\x9b\xdd\x1d\xdb\xfd\xee\xc3\xfa\xd4\xe8\xe0\xd3\xad\xda\xae\xda\xceK1\xd5\xd5\xc3\x1e\x8fE.\x97\xa3\xec\xf5\x96\x1f\xab\xcc\x90w\xd3l\x06\xaa\xb0\xda\xe7m\x9b\xa3\x0e\x9a1\nm\xb7\\5\xb3\xa0\\J\xf1\xed\xd9wi\xc3w$\x0cIX\xb2\x06;\xd2\x9e\xe7\xb8\xaa]U\x0b\x16\x9b\xcd\x86\xbf\xd4\xb3\xf6&gt;\xe5\xee\x94\x19b\xd2:\xaf\x9b\n\xae_\xa91\x8cZ\x8c(\x02\xfb3!\xcc\xca\xab\x89\xe8NI\t\x8dL\xbf\xfd\xd0\x95e\x81\xb5\x08\x96Yh\xb8\xa9\xa7i\x86\xd6\xea&amp;\x8b\xcdrG\xf6\x8c=,\xfe\xcefG\xde/f\x93\xa9\xa6\xf6\x97\xe1\x11\x07\x8dc2\x89\xd0\xd3\xd4\x9a\xf7\xbc\xf6/\x15\xd9)\x15a\x97\xbb\xd2Z\xb3\x84\x1b^\x1c\x96j\xab\x8e\x94\xdd)\xebp\xb5\x0e\xb7\xdbl\xed\xc2\'R\xb6\xb08\x7f&gt;\x04\xac\x82\x84\x84\xce\x875\xadMS\xebm\x85\xeb\x1f\xb6\xb6j@=\x93\xe9b `\x85\x98o\xd6\xd5\xbb\xab]1\x85\xebS\xbd6\xa1\x83\xf6z\xca:Z\xabo\xd9l\x96\xdd~\xf6\x96\x0c\xfdA\x19`\xc5\x9bkj\xf2c\xb6\xde\xbd\x9e\x9d\x9d-\x0e\xd6\x86=P\xab\xd5\xf1\xe1\xbc\xec\x94\xe2\xef\x12\x12K\xa3\x12\xaf\x7f\x1f\x19q;\xbd\xeb\xe1\xd6\x87\xb2\x91\x91[\x9b\x06\xd7\xa0\xc5\xd2\xbb\xd7\xc8\x16\x16\xac\x88\x9f\x0c\x1dm5fSAAgWz\xf1\xec\xed\x8f\x1f\x9b\xbbj\xf2\xe34v\xf3\x0f\xc9\x82\xe2\xa4\xc0\x90\x9bQW/u]\xafmN\xff\x18\x91~\xf9zM~GU\xd3\xa0\xc1Pv\xc7\xd2{&lt;\xcd\xd6f\xed\xc7\x8aY\x07\xac\x04SXsXdzWg\xcd\x87\xf5\xc1\xdevx?\x8f\xdb\xd5\x03\xbc@A\xb8\xcf\xed\x8e\xaa\xab+\\\xef\xd8\xechk\xbbt)\'\xcf\xe0*3\x18\x0cY\x16\xcb\xc9\x10\x97=\xac\x7f\xd6\x15\x02\x96\xf9rsXXWZ\xf4-9\xf1\xd7?\xfcn\xf7\x18\xb84\xa9\x94\x80\'\xa0|\x8bKK\xee\xe1\x93\x17{o{\xfeK\xab\xf9\xff\xa4\x91\xa7q\xfcr\xc9\xed\x92\xec\x0fw!\xb9K\xee\x87s\xc3YL\x9al\x1cH\'\xb9\x03\xfa\xc3Y\xc0\xacJl\x82\x14\x0c\xdb2\xc5\xc1\x08\xe3\xe0\xc0T\x92\xc2\x84\xa3\x08F:\x01k++\'\xc8\x17\x0f"\xb2\xc7q\x17h\xd4\\\x0c,\xf8\xc3\x9e\x11\rht5i\xbb\xc6f\xbb\xdaX\xd3\xd3^\xcf\xfa\xad\xf7\xc1\xbf\x01\xe6/x\xe5y\x9ey&gt;\xef\xd7\xcc\xe7\xab\xe1\xb8\xd3\xa3\x17\x92H\x10\x94k\xee\xde\xcb\x9a}\x1e\xa9`\x91d \x1c\n\xe1\xdc\xce&gt;\xf3\xd6\xcaJ\x82\xc3i\x99\xfd\xdf\xdb\xc4j\xe1p\xbd\xa3\xbb~\xa8{\xb3\xbc\xb26\x1b\x7f\xf3\xf2G`\xf9\xc3\x7f\xf8\xd3\xb0](\x14"\x88\x10\xb9\xc4\xaaY\n\xfc\xcb\xa2&gt;KdB\xa1\xce\xce&gt;)_@\xd04\x9d\xf3\x98e\xe6y A\x9b\xd7n\r\r5v\x08V\xd7\xd6\x9c\xc4nv\xdc\xeft:\xe3/\x80 \t\x00Vp\xa1\xa6XO\x17\xd1,A\xbb\x9b\xee\x84\xfa\x0c^\x83\xc4\xdd\xc9\x83-n\xa5\x18S\xaa[\x97{\xea\x86\xea\xf3\xf7\xa5\xe5\xd51\xbb\x87\xf6Y\xc29B&lt;\xb2\x15\xdf\xf2\x0b\x04\xa3\xc2\xe0\x0f\x89\x97\xff\xa8M\x13\x19_~ve\x9f@A\xa4q\xdf\xb9\x9f\xc6C\xad\x12I\x9f\x1bO\x87\x07\xa5b\xa9\xb7\xa3\xe3N7\xc0\xean\xear\x94\xfd~\xff\x88LZ\x99w\xa1\xc7#\xbc|\x82?D+X\xd5\x07c\xdc\xfc\x18q\xa7\x95\x87z}\x8e\x0eu\xf6\\\x95\xcb5\x1a+\xee\xee\x93(\xa5\x00\xaa\xbd\xbe;\xd98\xc4\x1a\xca\xdf\xef\x979d\x83\x18\xd8\xa9\x8e\x11\x01\xdf#\x16\xa3\x84\x9e\xbc\xc4\xa2\x1e\xdd\xbe]\xf5o\xf4\x0c\xc6\x95\xc8\xe1^\xf2N\x97\x8c\\\xa4q\xebUc\x1d\x0f\xd6Xp\xb0*\xd4n.\x0c\xd9\x86\xf2y\x96\xcd\xc4\xaa\xbb\xaa\x16\xf3\xcd\xca\xb45\xad\x06\xb8\xd8\xa0W\xa9T\x12\x01\x92$\xa9\xca\xaf\xb3\xf7\xef\x9eVyw1\x99\xfb\x87\xe7\xf9\xab=\xb8\xd4\xe3\xa2q\xae\x11\xe6\xf1b\xa6\x18\xcf(7\x9a\x14:\x91\xae\xd8\xfd\xa4\xd1\xa6\xd3)X\xf2\xd0\xa0\x99/6t\x1ao\xc9\xdb;q\x1c\x8f\xd0."\x80\x92B*\xb1\xb2Z(8\xce\x9eVw\xd33\x1b6\x0e\xb7\xeb\x97|=\xfdzW\xc4"\xe7\xf1`\xd8\x04\xe2;\x04A:\x9dj\x92\x95l\xea\xae3\xa9T\n\x13\x0f\xf7\x8a\xcdf/n\x04\x8a]o\xe4Z,tf1\x10\x00X i\x0b\x1d\xc7\xc7\xefn2\xaa\xda\xc3O|\xe7\xdb\xdd\x93\xb1\x8e~4\x1c\xf1i\x00\x15\xdb\xa6P\x00$\x05\xb0\x0bV\xfeI{\x1d\x1b0\xdaL\xb0\xc5\x80\xa1f\x0c\x87m6\x9b\xc9\x04\x1b5\x96J\xb9\xb2$\xa5\x1d\xe1\x93\x9e\xc2\xf1\xee\xf5j\xb6\x91\xc1\xf8\xd5\xf6I2_*\x85\x94X\xc6\x02\xa8x0K\'\xba|\x00\x9a\xedIO\x1d\x8fm3M\x82\xc0\xc5uc\x98\xd8\xac\xb4\x9a*\xd0:\x13\x18\xc0L\x0e\xd5g\x91\x19\xff&lt;&amp;.\x1c\xcf\x7f\xce\xfc\xa9\x9aX\xbf\xdc&gt;\xdf.\xb1J\x12/\x91\xb1\x18+\x83\xa5\xab\x88EoE,&amp;5=rc\xfb\x10\x04b\xb3\x02\x96\x87\x94(&amp;\x96)\xad\x90N%\x12\xa9L\xb0\x0f\x84X\x14\r\xda\xfd\x0e\x0cs\x1c\x17\x8e\x98U\xad\xd6\xef\xad\xe7\xdb\x93P\xd3\xa6\x81\xc8\x80\xd8\xc2\x82t@&amp;N+\\:EQ^d\x95J,\x1d\xb0\x0b\x15\xa4\xc1\rReN&lt;\xaf\xd4\\Vs2\xc6\xb3\x84\t4K\xda\xedf\xb1t\xbep|Q\xcd0\xf8\x13\xa3a\xe3&lt;\xdf[\\~\x1c\x0ed\xb8&lt;\xd8\x06)D\xdf\x9e\x9e~#R\x01\xa0|\x9d\x02\x02\x93\xa4:\xfd\x08(\x0f"^\xa5\xcb\xa5\xe4\xf3\xbd\xb0\x08\x88\x90h\t\xe6f\x084\x90\xd5\xae\x82j\x99\x8f\x8f\xcf~\xdeP\xd5\x05\xf1\xe1\xbc\xd8\x9b\xdf\xbbO\x93;\x1a\x18\xb6\x99\x14\xbd\xbd\xa7\xdf\x8a v2Y\xca\xb3\x15*`\xd5\xa2\xd3\xd3^\xd1\x92/,\xc5\\^\xcc\xec\x10\xa7!\xd0D\x11\x986P-\xf4\xb9v\xabl\xf6\xca\xaa\\-\x80\xf5q\x8f\x07}\x7fR\x9fA\x16\xc1`A`Y\x01/\x84X\x8d\xddE[)o\r\x1b\xdc\xbe\xd8\xa4N\x11\xf3\x85\xf5\xa3\xe3~\xbf\x80o\x1el5\xaaD\n\x1d\xa4\xb1\xaaA\xb5\x9ekG\xca\x05%V(\x1cU5\xa32\x98\x9f\xfa\xac\xf0\xde\x1e\x9b\xa6\x02\x9aX\x0c,\x07\x15\xf0\xe7b\xbe\x91\xa5\x83\x8a\xe9\xf5\x82\xd8\x1b\xa6}%\x1e7\'t\xcehW\xc6\x1c\x1eL\xd2\x1a\xd2@\xa0\xbb&lt;\xab\x1a\x03XS\x9eBYf(\xcc\x7f^\xdd=\xcf\xfcd\xa3\xa9\xfd\x1c`9\x03\xf0%\x96\x08Xa\xe9\x89\\\xa7b\r\xc9\xd3x\xcc\xb4\xf4\x9a\xb6F\x94\xc2\x99\x14E\t\xf5\x18\xa6\xec\xbb\xd6\xa7v\xc36\x16\xcc\xed#\xf4\x81\xe0=}\xa1\\\xc0\x1c\xd9\x1bU\xc6\xba\xb9\xbf\x9d&lt;?)E\xc6\x83\xafa\xf0&amp;*T:\x93\xbc\xb5\xe3\x96\r\x1aj\x94\xfb\x9eE\x80p&lt;\xcb\x10\x82qm|e\xc5&gt;\xeaA\x81\xe2\xba\xddj\x89\xbc\x82\xa5$\xc9\x85\xe9\xd1\xc2j\xd9\xec8{P\xdd\xd3\x87\xc1\xbc\xb1\xdc\xb4\xbc\xb7\xecBR\x8b\x16\x98\x05NB[~]\x96\xbe\xd5\xde\xde\xc3\r{\x10\xca\xee\xccE2\x98~4\xfe\xe2\xc5\xecZ\x1c\x84?\x10\xc2h\x8bA\x1d\x83\xad}\x18\x92\x9ah\x13\x16V\x0bf\xc7~\x95\xcfj\x06\xf3\xb3\xf4\xb6\xdc\xd8\xe3\xa2\xa6\x90\x8c\xaf\xce\xa6\xd2\x15e\xab\xc2E\xc2\xe5\x12\xeb\x85\x88s|f\xcc&gt;\xaaG\xd1\xd1\x95\xb5\xb5hbvv6nG\xc6\x91\x00!\xf3\xb1\xb9nta\xa0\xad\xcdY^-\xf0=\x0f\xab\xad?\xcc\xdfl\x9c\xa4y,\x9c\x9a\xd2\x12\xb4\xb58)\xa2\xd7\x06RQ{\x10\x19q\xfaQ\x94 \x04\x02\x8fY\xa2Vz\x04\x02\xbd\xd0\xbe\xb26\x1d\xbf70\x9d\x18\xf3\xd3\x107\xac\x8fr\x9a\x87WA\x04s\xbc\x7fPm\xfda0?J\x0cn\xab;87E\x11\xea\xabK0\x7f\xec9\x15M9\xfd\xfa\x1c\x11\xc6}1\x8d\xd1\xd8\x99\xecN&amp;[\xfb%\xde\x1c\xe9\x07d\x9c\x81D&lt;NLF\xd0\xd1\x816\xce\xf0(\xeaq8\xdeU_\xca\x98\xbfx-\x91\xb4\xb6\x92ss\x0b\x01\x83e\x92[\xd6\xa2\x08B\xea\x95M\xc9|\x1e\x1c\xe2\xa5\xe4\xb5\xed\xbd\x93\x93\x93\xaeA\xa9\xcc\xcc\xe7\x0b\x00\xd7\x98\x93\x1aC\x972B{s3gvT\xe8/\x07\xfeU\x83\xd8\xfc\xbb\x0f{\xdfo\xe3\xe4\xd4\x9c6\x98\x8b|\xd8\xd8J\x804\\\x1eA\x89\xcd\xcd~\x89;\xe2\xdaqI\xbc^\x8c\xd8\t\x04\xb23ckk+k@\xc6R+\x99\xd8\xa2s\xe2.h\xa2\xdf\xe1w\x9c\xd5\xc2`\x997\x0e\xf2\xd0\xe4\xee\xc4\x9c\x96"\xe9\xa5\x98G D\x81\x96\xad\xc6\xdf\x9e]\xec\xef\x1f\x1d\xfd\xf5\xe1\xfe\xfe\xc3\xa3\xa3\x87\x8f\x8e\xfe\xf3\xf6%\xe7\xc5\xd8\x08\x16\x16N\xd8\x0fbD\xa2\xb9e\x9as\xb7\xecp\xa07j\xa2&gt;\xcc\x8f1\xd3F6\xb1\xb0\xa0u\x12\x1a\xa3\x01E\x08\xa3\xb5\xdb`\xde\xb9\xd8\x7f\xf8\xc5\x8d\xebO\x7f}\xe5\xb3\xdf^\xff\xe2\xe8\xe2\xd9\x8e\x9e?2/\x1bLs\x91\xad\x9d\xa5\x089\xfdU\xcb\xc4@\xb3`~\xfe}\xc3\xcfj\xf24|z\xe5\xcfo\xa6\xa2\xc1\xe8\x14Bk\xc2\x81(\xc9\xad\xaf/\xb6/?vG^ol\\\\lll\x1c\xe0\xe9\xbd\x93\xcdC\xb3x}]m\xc5\x11\xc1\xc1\x01\xa1\xe5\xb44\'8\xc3\xe6u\xe2\xa8f\xfe\xca\xb8\xf9\xf5\xab{\xc1\x85(\xb5\xab\xa1\xb3\xf1q\x9c]\x1f\xb2\x96\xf2\xf9"\xf0\x0bS1\xbf]*\x15K\xd6&gt;\x03\x86\xc9\xe6\xbb:C\x18\x82\xd2;\xd44\x87\xd36\xd0\xfc\xdf\xf7gG5*\x16\xc8]\xcc\x86G\xaf\xeeQ\xd9T*\x9b\xc9\x90\xf6\x19\xa5\xb1.\xcde\x03\xd1\x00G\xa4Ha+\x15\x8b\xc5\xbc\x85\x0e\x1b\xa4\xb2\xc1kM\x12\xb1\x93$\xa8\x81\xca\x8d\xbc\xb6\xe6\xef\xbe\xac\xe5\r\r\x06\xf3\x9f/\xe3\xda]jN\x8b\xec\x06\xedc\x1e\x1f\xbb\xae\x1e\xc4-\x10Kc&lt;\x9e\xcfb\xb1\xa4q\xab%\xb38\xd8%\x91H\xbc\xfa\x99\x05*~\xb7rS\xb0\xf9\xc7\xafk{?\x83\xf9\xe0\xcdD\x94ZH\xd9\xc12\xdd\xb2\x93\x91[\x8dulH\x04\x19-tn1\x90\xcd\xeas\x99\xb0\x9b\xce\xb4J$\xfd\xfdz\xa7}j`\xf8nK\x0b\xa7\xf9\xee\xdfk|\x19\x8fy\xfb\xbb\xa9D4E\xa5\xa2Z-\xa2M\xed\x18\xebYlHe\xb2\x1a&lt;\xa3\xc8Lt\xcc.\xd0+\xdd\x16\xfcZk\xff\xe3.~&lt;\x9ah\xf9cKK\xe5\x1f\xc6\xbfo\xd7\xb6Z\x8c\x86\xbf\xbd\x9a\x98\xb6S\x0b\xda\t*\xfb\x7f\xde\xcd7(\xed\xfb\x8e\xe3CP\xbc\x13\x0eN\x0e\x19\xc7\x05\x0e\x15\xaf:g\x7f\x80\xc8?\r\x02\')\xa2`Q\xa8B\x9c\x08\xa8\xcc\xc3?\x88S$`#j\x94L\t\tN\xcaB\xd1\xa0\xf1\xcf-\xf1\x12\xb5j\xd6,^\xcf6\x9d\xcb\xcc\x1e\xec\xd6$m\xb6k\xd7dv\x97\xde\xb6\xde\xad\xb7\'{\xb0\xcf\x8f\xde\x1e\xee\xda\xae!_x\xc0\xf1\xe8u\xef\xf7\xe7\xf3\xf9\xfe\xfb|\x1d\xab=\xfe)\xce\x14\xfb\xb5\x1f\xbd\xec=&lt;\xbc3\xbf\xea\x88\xcc\xee/F\x8d\x9b\x8d\xb5V\xab\xde6\xb6\xa6Q\xcbd!D-{\x9a\xee\xde\x9f\xec\xdcw\xbft\xb8\xe7\x0f\xce,\xad\x1f\xbc\xb9\xb2\x16\x9962\x0b\x0c\xe8\x86z9:=0p\xf9p1Z\xee*nm\xbc\xf8\xb0{\xb6-\x8e\xa8\xd4f\xb5\n\x91u~y#7\xddX7&gt;=8X\x8b/m\x1c\xec\xed\xb9\xd7\xce\xf4$\n\xa6\n`\x87\xfd\xe3\x97\xbd[[\xfb\x87\x8b\\\xa3X\xeb\x917^\xb4\xf6\xc4\xe2\x1a\x8b\x19uP-\x12=;\x9d\xe6\x06\xaec4\xe6\x1d\x81\xf5\xb1\xd8\x86F\xa3Y;c\xdb\xd4\x16\x80^\xec\xd7\xc4\x0b\x87\xfb\x87\xb6\x99\xe6\xe6\x8ek\x1e\x08-\xd3\xc0R@U-BBf\x8b\xacS\xf4i\xda\xdb&lt;\xb3uO\x02\xf1\r\xc7\x98c\x0f\x01.\xc7\xc0\xfey\xe75Os\xb1szz\x7f\xf6\xb2\xd24Y\xc7\xe7\xcb\x1b\x07M=\x0e7b\xa9\x16Y\xccfu\xe7\xd5\xd0?\xce\xa6\x1d\xab\xe8\xf3\x18\xb2\xb7\xe2XZ\xd1\x04B\xa1\x8d\x8d\xb6;}&amp;\xfd\\w\xf7\xec,z\xc0\x06[gS\xbf\xa9[\x19[BBj\xa1@\xa6VYd"\xf3\xfcg\x8a\xdc\xf4c\xcd\xb9\xdd\x0eG\\\x83\xc4Ck\x07q\xc7R\xdbD[\xcf\x8e\xd2&amp;U*w\xc2J\x9bR\x1a\x19h[_\xd3\xa8:\x85&lt;\x81Z\xa3\xb1\x08\x85\xab\xe1\xcb\xc1\x17\x80\x95\x90 \xee\xa5\xf8S\xd9\x9aZ\xf3\x17D\xe3&gt;XZjsDl\x03\x8f\xe6\xc7&amp;\x06b;c\xf7\xdb6\xa0&amp;XD\xbc\x16\x01,\xb4:y\xea\xb0d\xf6\xf3\x17\x80\xd5{\xb4nq;\xf6\xcc\x88J {jAV`MqfGy\xc7\xb14\xb6sf\xc9\xb1\xb1\xba\xe1\xd0\xc8\xaa\x85\xbc\x96\x16!\x04\x96\xa0z^"\x95\xfc\xb3(\xfdXG\x9e\xfd\xb8Y\xb3\xbe\xabQUw&gt;\x15vZ4h\x06\xfc\x11\x16\xf9\xeb\x0e\xc7z&lt;\xbe\xbe\xbe\x8e\x98\xd1\xee\xd3j\x91\x80\'\x10 a\x89T\xfaE\xda\xebV\xc6\x07Gr\x8fRx\x15q\xbb\x11\x95H&amp;\x14\xf2\xd4\xebq\x10\xc9\xb1\xe6v\xbb\x03\xf0\xa7&amp;\x80\x98E\xbc\xfaT\x03(\x8f\'\x1c\x93\x8cK\xc3O\xd2\x8eE}\xfcWyk\xff\x84\n&lt;\xd4hd\xa2j\x11\x8f\xa7\n \x01\xf7J\x00\x16{\x1a\xf8\xa1\x96\x89\x18\x8c\x86W\x19B\xa1@(\x14";\xe3\xe3\xe3\xd2\xf4c\xe5\x00Vs\x82?\xa0\xb2XB!s\xa7\x10\xb0d2\x11X\x19XA\xd4\x889\xa4\xe2U\xa1\r\xe1\x0cF\x0bP\xbdw\x7f"\x02T\xd2\'\xd9/\x00\xeb\xc1\xa5\xae\xd6\x997Uj\x99\xca,\x90\xa9@\x14\x06\xe3*C\x96\xeaw\x10BP\xd5\xd73\x18&lt;^\x15\x03\xb0v\xc3R\xe9\xb8D2\xfeB\xd4z \xef\xf2/N\x0f\xc4-\x16\x8bP\xa6R\x8b@1\x06PT\x8b\xae\xf2\xd0\xce6\x14\x8a\x01rU\xab\x02cR\xc0\x1a\x07\xac\xa2\x17a\xa2\xa7\xd8\xe8\xed]\xb8\xbc\xb2\x8b\xa8\xcc"\x91\x19\xe6=!\xaf\xaaJ \xa8\xaab0\x00\x10MC\x86\x19\t\x8cMD\xc2a\t\x0ci\xfa\xb1\n\x1f\x1f\xc9\x9b\x8b\xb9F\x98\x05\xfb\x06\xda\x1c\xbb\xa1j\x81@ \xec\xec\x84\xa4C[\xd2\x19\r\r\x8c\xaa\x96\xf7T\xee\xf5\xb1\x9d\x98\x14&lt;D\xb1\xc6\xff}\xfay\x1e|\xff/,Oq\x97\xdf\xe5\x9d\xde\xdf?\xfc\xf3g\xb0\xeaZ3\x0bP\xa5\xd0W\x06U\xaf\x0eWU\x9b\xd7\x80ig\x02\xb0\xa4\x92\x91\xdb\x12\xc9\xed\xf1;\xc9\xa24\xf74W.B\xc8\x17kaa\x85rm-\x9e\xdf\xda\xef\xbbsf~uuu\xf7Oj\xf5.z\xba56\x01cg"\x16\x01\xaa\xa6\x91\x11\x90k\xe3\x93\xb7\xd2\xba\xf3\xc9\xcee\x9d?:\xf2th\xb5F\xbb=\xba\xd5=\xb70\xe3\xf4z\x9d\xd1\xa8s&amp;\xd1n\xb2\xd9\xbam\xdd=\x91Xj\x84STMM\xa0\x974v\xf5Y\xda\x16\xa8\xd9\xb9E\xba\x9bg\xbf\xe8?zp\xa9Ck\xe0\xb8\xecFn\xbf\xa9\xbd7\xe1\x8d\xda\x97\xef\xdd[.\x17\xdb\xb9~\xef\xf9\xfe\xeeYe$\x82\x8a%\x1dI\xb5\xe25\x8dH\xa4\x91N\xdf\xdf\xd3\xb1\xcb8\x06(]\x06\x85\x8c\xb9\xf0/\xab\xdcs\xad\xa3\xcc`p\x89]\\g\x7f\xddL\xb1?Z\xbe|\xef\x83+W\x96\xcb\xcb\xed\x8f\x17\xa7\xfbl=\xca\xb6\x18PI\x9a\xf4z}\xb7\xbe\xa6I"\t\x9b\x87\xef\xbe\x9d\x86\x92z\x9c{\x82\x98YH\xa1\x9c~\xffi\xdd\xc7\x9e\x8e\xb22\xa6\xc1 v\xd9\xa33u\xb5F\x97\xdde\x00\xb0+W\xee\xfd-\xea]\x9c\xdeG/\x10#\xb10P\x99\xac&amp;\xd3dM\x13\xb8\x18\xf2\xbd\xf4\xfc[\x92\x00\x8aB\xa3)\xa8X\xda\xd9_\xab\xea&gt;\xbe\xf4\x0elZ9b\x97\xc1\x15u&amp;\xda{\xfdF\xaeK\x8cr\xfd\x04\xbd\xa7;\xec\xbb\x0crA\x19\x1d\xd1\x9b\xe6\xac\x93\x0f\x1f\xeakF$\x91\xdf3\x86\x7f\xfa\xd6\xb6\xee9\n\x96\x9d{\xf3\x04%3\x13\x9f\xa9 \x9c\xa4\xbcq\xcb\x02X\x1d\x06\xb4\xe5\xbb\x9c\xe9\xe26o:7\x9d^\x7f\xd4n\x17/\xdfC\xef\x9d\x0e\x0f\xfb\xfa\x80\xaa\r,4\xcd\rZ\xad\x93V=\xa8\x15\xbb\xdf\x02r)Xg\x9fS&gt;B\xea\x9d*\xc1\xe0\x80\x8aTXH\x1c\xcax\xe3CY?`\x95\x15\x14p\xd8l6\xc7\xd0\xe1q\xfa\xfd~\xaf\xdf\xeb\x8d\x8a\xcb\xed\xd1\xc5\x85\xe9\xfd\x9e\x9e\x9eYPkV\x8f\x1eD\xd4\xc1&gt;\xb6\xe6\xb6$\xbc\xdaR?\xfcl4\x98&lt;\xf7&lt;\xee| \xf7\xb2\xb0\xf9xj&amp;\t\x07X9\'\xbf\xc2z\xe0\x01\x13\x99Sl\x94\xab\xc3\xb3\xe9,vq\xb9v.\x17\xd2pq\xa1\x7f\xae\xdbf\xab\x01,I\x8d\xa9\xae\xb6\x16m\x04\x9f\x04\x13\xc3\xf3-&gt;\xdf\xf5\xd2`\xf0B\xb0\xe2;\n\x06\xe6\xe9\xb2\xb0X\x1a(\x85#\xe3h\xe4\x1cj\t\x06s\xf6\x96lN.\xef(\x98\xe2\xc0`\xbf\xce\xd1^J$\xba\x8c\\;$!\xb79\x01T\xfd\xd3\xd3\xa6\x1a\x94jr\xb0\xb6\xb1\xf6\xe2\xe0\xa0\x15\xb0\xa4\xe1G\x82\xe1\xe1\xdf\x04\x81+\x19\xac\xfc.NB=8\x81!\xd0\xe8t:\x9eD"\xe1\xc8dB\x0e~h\x08s\xfaw\xa2\x1a\x14\x8b\xc9d\xa7FAGWs\x97\xdfh\x07\x07\xa1\\\xcc\xcc\xb4\xb7/\xcc\xd5\x8c(G\x9a&amp;\xeb\xda\x1b\xd1\x0e\xf5A4\xe4\xa5\xe1y\x9eo\xf8n)\x0b\xc0\x92\xc9\xe0\xb9\xff\xf3\x8a\x05\xcc;\x91\x95A\xc1\xe1\xe94*\x8dL"\x93\xf3\xf3qD|\xe6\xd0)\xe2+\xbf\xf8\xbe\xd2#\xbfT\xc04\xa0&amp;\xfe\x16}N\x90*\xf8v\xb1\xddX\xdc\x9a\x98A]\xabij\x82\xedb];\x1fm7\xbb8\x08!\x0fX\x0c\xdf\xf0\xf5JV)k4\xf8.\x80m\xbf\x92\xfd\xbd\xe3\xe3o\x19\xe5E\xba\xac\x8c\x0c\n\x85N\xc5\x13\x08@\x85#P\xf2\xf3\xc9\x80Ur\x8aX\xf2\xb3\x1f\xec\xb5z\xaeA\xc83\xc1\xc3\xd7\xd9P\xbe\xca\xb4F\xa8\xacv\xc0jN\xf4\x02\x96\t*h\x8d\xde\xda&gt;\xc3\xe7\xff\x17K2~\xbf\xde7\xfcI\xce(kT\x01q\x0f\x9fs\xdb\xba\xdc\xec\xe3oQ\xa1r\xd1\x80\xca\xab\xa0Sa\xd0\x08t\x1a\x8eD&amp;\x12\x88y$\x02.\xb3\xe4\xe6\x10\xe6\xed\xbb\xb2\x85kP\xe5\x99S\x90\x8a\xc0\xc51\x94\x150\xd1\xbe\x08\xb1\x0b\xb8Z\x1b{S\\\x7f\xb0\xf6\xf2\xf9)\xb5\x06\x1f\xa2\xe54\xbc\xebk\xf0\xdd\xa2)F+\x0b\x15\xa3\xc9`i2\xc8:W\xa1\xfb\xa6\xb3\xd1q\xae\xae\x04\x83\xcd\xcb\x83\x90\x02(&lt;\x05K\xa1\xa2TD\n6\x9f\x8c%\xe5`tC\x98_~\xc8\xe8A\xb1@-\x0e\x1b\xbel\xa6\xb6\xc3\xc0a\x97\xc3p\x19\xfd\xcd\xcd\x89v\xd8\xec\xeb\'\xdb\x13)*\xc0JU\xf9\xb0\xd9\xd7\xf0\xc3\xf7+F+s2+\x15\xc1dei\x12\xfc\xac\x04\xc5\xbe\xd1Q\xdf\xcd,\x02\x99\x0c\xee\x01\x148\x88\xcb\xcf\xa0A\x0e\xe6\x13\xc8(\x16\x91\x9c\x93\xa1;Ur\xfaW&lt;d\xf3\x9d\xe2\xaf\xb88hBN\x95i!\xfe9\xa8\\\\\xbf\xdf9\xd3&gt;g\xb2\x0e\xf6\xb6\xb6\xca\xf9`\xe1E\xb4C\xfd\xf6\xc8\xcfy\r\xbe\x8f\x92\x15\x859x|\xa1\x82\x15dm\x07\x93\nV\xe9ha\xc5\xd7\x83\xc1TL#\xe7Qh\x15\x15\x90}x*\x15x*\xe8 \x16\x96@ \x9e\xcc\xc7\x110\xa4\n\xddM\x0c\xe6\xc2GU\x03Z\xad\xb6\xac\x00}\x11\x92z\xe0\xc3a\xa2\x88bc\xaat\xa1XVk]B\xceo\xe5\xf3k\xd1\x97[0U\xcf&gt;\xaa\x7f\xc9wWA-\xcc$\xe1s\x14,V\xb0\xb22\x19\x04.\x96\xa2\xf0k\xcaX\xb6\xae\x84F#\xa0J\xc1\xa0\x91\xe9Tz&gt;\x16\xb3M\'\x91\xf2\xb1Db\x1e\x96\x92\x91\xb5]I\xcf*\xd2\x95\xdc\xb8&gt;\xac\xda2\xfc\x87n\xf3\rm\xe3\xbc\xe3\xb8\xef|\x7f8\xddIw\xeaI\xba\x93v\xf2\xf9\x8f\x9c;\xc9\x92\x8d\x91\xd1fvs\xa9\xc88\x91%\xd1\xd1\xd4\x8e\x18\x89\x89\xc3\x1a\x935\xf5l\x1a\x077uT\xbf\x99&lt;\xcf\xdbLa\xa6\x86\x91@\xbdil5\x9e\xac\x10\x8f\xd9\xc6{Scg\xee\x0b\xbf\xf1FIRJ\n\xdd\xca\x02\xdd^\r\xf2n\xdfGJK\xf7\xa7\x8f\x84u \x19}\xf4\xfd}\x9f\xef\xefy\x90\x1e\x92\xf3m\xe4\xb8Q\xdb&lt;\x1e\xe7\xe7\xbb\x86!U\x7f\xff5P\x8d\x81j\x025\xcc\x12\xb5\xae\x7f\x00\xac\xd7_\xff\x8dg\xcf&gt;\x80X,\x03\xacr&gt;\x9d\xd6*\xabi\x07\xb2U\x1c\xc4\xd8W\x9b\xea\x04G3a5\xa2\xf1( \xaf4\xa8"P\x0e\xe1\xde\x19Q\xfd\x11\x9a\x9b\xdb=\xda\xd0\xa8b\x91\xa2\x0fb\xdf\xfa\x1d\xd4\xea\x1d\xee"X\x8d\xd1\xd6\xdd6&lt;r6\x99\xbcu\xed\xce\xc4\xe9\xc9\xcb\x97\xc7&amp;\xcee\xcfA,\x14\xf1\x83\x1f\xbe\xf8\xd2K\xdf\xfc\x86w\xc6Z\xa3D\x91\x01V\xb9\x9c\xc8\xa7Eua\xb5\xec\xa4\x17\xd2\x95\xbcY\xfb\x8a\xf3R\x88N\x89\x91\xd9\xa8\xaajQ\x9e\x892\x11\x06\x1f\x0b\x99\xc03\x10+\x82\xa8\xa0/ll\t\x87\x9b\xd1\\\xfdDJ\xda[\xf4\xbe\xfe\xeaT\xef\xf0\xe0\xfc3\xac\xe1\xde\x91a\xf8*9&gt;^\xca\x9e\x1a\x9b\xbc\xfc\xdd\xeb\x9fc\xbd\x05o\xa1U\x7f\xfb\x97^\x06\xeb\xad(\x1a\xab\xcc\xf3y\xd3\x11M\x93\x16!\x17\xb8L3\x8fI\xf9\x7f*I\xd6w\n#G\xa30\x95\xaa\xf1\x08O&amp;,\xca\x0c\xcc\xce0rg\xa7D\xd3\xf4\xdc\xf2\xba\xed\xdb_\xa5\xf9\xf8s\x9c\x7f\xee(\xe6\xfd\xecG\xdd\xbd]\xc4S\r\xb2aT\xb0?Y*\x95\xb2o\x91\xf3=\x93\xa7\xce\x9d\xcb\xbe\xf0\xc2\x0b\xd9S\xa7\x1bX\x7f\xfe\xe9%\xcf\xf6\x8e\xe6H\x17k\x14\xd1\x11\xf3\xe9\x84\xbf\xb2Z\x0e;\xe94\x892\xd3)\xfcOX\x9c\xe04\xbc:\x1aQs\xb09\xf4a\x18\x91G\x86FTF\xe6\xd5h\x8e\xa3V6\x8f\x8e=\xc3:\xdc\x93x\xfaD=U\xd8&lt;\xf4\xd9\xaf\xdd\x9c\xef\x82\xe3\xbb\x89b\xc3]\xe4\x88Vr\xbct1{\xfa\xfa\xf5\xc9\xeb\xa7\t\xd5\x0cq&lt;\xb0&amp;/\xbf\xf8\xfd\xdf\xdb\xf6\xec\xe2\x1e\xba\x18n\x98\x8a\xe92\xcb\x9a&amp;\xa3!(\xa2\x15p\x99\xe5r\x1a)\xf6_\\x\x7f\x06\xf3\x8f\x84:DV\x14\xfc\'\x94\x92"*\xfa3}a{owk\xdf\xf2,\xcb8\\\xa2\xd8\x9c[/R\xd4n\xcc\xb6\xdf\xfb^\x07\x1c\xd5&lt;\xcbF\x0e\xda%\x93\xe3M\x10\xac\x1b\xb2\x17/\xce\x801;6v\xea\xd4\xe9\x9f_~\xf5\x92\xe7y\xf7WDVVd\x96M \xeb\x13\x8cc:~~!\x1d\x16I?\xaa\x94+&amp;\x11\xec?\xb0P.\r\xa3I%K\x910\x1e\x18\x95.\xc4\xe3\\m\xf9\xe8\xf1b\xd0\xc8XF\xcc\n-.Qr\x98\x82\xbb\xdc\x95\xc7\x99L\xe6\xa3\x81\x8enD}[o/9Ev69&gt;\x83\xa4\x9a \xc7\xc7\xb23\xe3\xa5\x06\xd6\x04,669\xf9[\xcf&gt;\xb3\xb8\x97c\xe5\x863\x12N\xde\xcc\xb3l\xbe\xcc\xfb\x9d\xd5\x8a$\x96\x11\x13\x15\xb3R6\xf3t\xfd\xcb\x82\xc9\xb2\xc6\xa3\'\x93\xb0\xd2:;#\xb90L\xd5Z,\x167\xd6\xb6\xd6\xdbC\xa1\x98\xd5\xa3\xeb\xb1\x98\xa5\x1f.q\xb2L\xd7]7\xee\xae\x1e\x9f\x89U\xff\xf8\xab\xee\xb6\x8eyr\xc6.\x89\x1c\x83\xe1\x93%\xe2sr&gt;\xaaT"\x15\xfdI\xf6\xee\xdd;\x13w\xdf\xa8z\xb6qp/Lj\xa8\xfae&gt;*\xa6MQN@.\xda\\\x15\x95p&gt;]A\x0f/\x97\xcb\xf9p\xfcK\\L3\xaa4$:F\x14\xe1\xa5\xe5j{\x07\x0f\xf6\xdb\r\xcb\n\x05\x85` D\xb0\xa0\x16\xa7\xf2Z\xaa^w\xb9\x0b\x07\xc1\xafe\x9e\xff\x14\xcdg\x1e\\/\x7f\x8e\x852\x12\xa8q\\\x021{\xf7\xce\xb5\xbbwJ?\xb8\xe4\xf9f\xd77rXK\xca\xac$1\xe2\xc6\xf6\xb6\xe9\xf0\x8cSf\x87r\xe9\xb4\xac%\xa0\x15\x89V\xd3\xac\xa0\x8f|\x01\x86)\xa8\x92!!\xa8\xf0WB\xfd\x96\xd7\x8f\x85XH\xb0B\x82\xd0.\x84z\x04=\xe6\xb3BPKU4\xdau\xeb\x1c\xbd\xbde\x1b\xf6\xa5\x8f\xa7\xd1\x12\xdbP@2\xa0\x0f\xc6\xccL)\xf9\xf2Y\xa4E\t\x977\xaf\x95n\xfe\xe9\x13;\xe3\x1d/\xe5\xc2\x1a\xec\xce2Zt\xe7\xf1\x935\xc7qX\xbe\x9c\xd7\xa8\xf0B\x19e\x05\x10f#\x99\x94\xa2\xfa\xc5\xf7\x8e\x1ar!\xd2JF\x04Y@Q\x14W\xb8\x9f1\x02B0\xa8\xebM,T\xd2\xa77\xb0\x18M\xe2\xdc\xba\x9b\xe2v\xd63\x96\xfd\x9d\x7f\xf5MOwwA)\x82\x05o\x01k\x9cH7\xd2\xdfP\xecV\x7f\xf2\xc7\x7f\xb53\xd5\xd8\xc1\x85(1.\xcfF\xfd9t\t\xe1\xfe\xce=\x91O\x98\t\x9a./$\x14\x191\xe6\xc0_dR\xb2L\xee\x99\xf5\xd5\x1c\n\x17\x89\x0c\xb5\xd2\x14\x17\x8f\xc7)\xaap\xe1&gt;\x8a\xa7\x07\x89Z\xa1@S\xad\x98N,\x0f\xcb*t\xbc\xe8\xbaTa\xeda\xd5\xca\xbc\xf6\xe8\x9d\xbe7\xbb\x87\x93M\xaa\x99\x99\x8b%\\\x8d\x90\x18\x1b\xc7\xd5\xad\xe4\xdb\x8f\xde\xc8\xc42\xf6\x83\x82\xa2)&lt;R\x8b\xd5\x18ms\xdf\xb6\xed\xf5\xe5\x95\x9ch\x965ZK\xa7YEN\x94+\xf9\x06W\xda\x0c\xab\xe2\\\xe3\xab\x98\x1cj(5\x91\\\x17\xeb?\x8a\xbe\xb7e\xc0S=\x02\xa8\x84\x80\x0e2\xdd\x885\xd4b\x18I\xa1\xb9\xa2\xcb\xc5\xa9\x95\x03\xa1j\xf9~\xfd\xf7\xbe\xe9\x8e\xf9\xe1\x11\x92\xf1\xb0y)922\x85\xae=\xdc_\x1a\xefO\xf6\x0f\xbe}[\xcf\xc4\xce\xac\xef\xd0\xd8\xa2@.6\xc1*\xf4\xde\xa2\xad\xfb\xce\xb4\xdf\xdf\xa1D\xd3\xd1(1\x9d\x07q\xa2R\xc9;\xcf\xb8\xb4\xdav\xe1\xb9\xbf\xb5\xa8\xa4n\xf1b\x11\x81\xa9\xad7\xcf\x00\x00\n\x94IDATpc\x08}Y\xe2V\x1e\x1bB0\xd4\xd3\x036`\t=!\x04DHX\\\x8akZk\xa7\x9f\x83\xbb\\\x8a\xda\xde\xd2\x05\xab\xfa\xde_\xa6;\xba\xc9:\x10\xbb\x9f\xb3\xc9\xfe\xfe\x91\xa9\x01\xb2\xc6\x19!\xb1?5p\xbb\xea3f\xf7\xf7r\xaa"\x93*\x8a\tE\xa5\x97\x1e\xda\x86nx\xf6\xfe\xeev./\xfa\xfd\x95\x05\xc7\xcf\xf0N&gt;\x9fH\x10\x7f\xa5+a\xba\xb6\x81\r8\x87\x0f_\xaf\xd79\xc0\r\xb5b\xbd\xc0\xd0\xb5\'F\x0f\xc1\x82\xbd\xc0\xd4\x83\x99h\x19\xba\x8e\x99\xa8\xa8\x91\xce\xa1\x144-\xb8\xa9\xd4\xf6\x93\x8c\xaeW?|\xff\xfct[\xf7@w\xf7\x14\x1a\xe3\xd4\xe0 \xd9w\x0c`i\xdf\x7fk\xb8\xe3v5fy\x0f\x97iUS\x18^\x83&amp;\x04k9\x00,\xcb\xe7\xd9\xc1\'k\xdb\xb9(\xca\xb8\x90\x9046\x91\xcf;\xf9&amp;\xd7=\xba\xb6\xb3\xd2\xe2\xdepQ\xbf8Gq\xd8\x13F"\x8a\x02?C-\xa1\xa9VP\x08\xc0^\x96%\x84\x16\x97]\xbf\x84\xc5\xd7\x8d\x1b\\\x1cT\\qs\xbf*\x18W&gt;|\xbf\xafc\xfaM\x02\xd3\xdd1=M~\xab\x8b\x95\xf4 \xc0\x06n_\xf1\x19\xf6\xf1ZNC,\xc8\xa4\x1b:\tY\xcd\xed\x86|\x96\x11\xf2\xd9\xbe\x98/\xf0`i\x8e\xa6\x9d\x852\x83\xf8O`4\xb9\xcc0U\xd9i\xa1R\\\x9c\xe3\xb8!\x8e\xa3"\x11\x7f\xa7\xa2\x11\xac\x9e\xa0\xd0\x0e\xb5\xf4P0\xd4\x0e\xb5\x0c= ,.\xc7U\x95\x92\xa4!\x82\x05\x1b\x16\nK\x8b\x9e\xa0_\xf9\xc5\xd3\xd1&gt;2\xa6\xa7\xfb\xce\x93\xd1G\x8e\x02\x0e\x0e|v\xbb\x9a\tU\x1f\xae\x15\xfc~E\xf2C.\x11\xef+G\xe7\x0eH\xd3\x08\x19\xb6g\x081\xef\xf8\x1f\x1b\x14U[\xc8K\x12\x9a\x12+&amp;H\x17jp\xd5ZP&lt;$7GS)\x9aFH(r|\xf3\xd0\x08\x10\x1cD\x04\x99\x8b\xa4\x88\xa1\x00fb\\j\xa5[\x87\xfc7\\\x12\x12@+,\xb7g\x04\xe3\xf9O\x9f\x9e&lt;\x7f\xf5*\x80\xae\x8e\x8e\x8e\xe2\xa2\x0f\xf2\xbd\xf3\xd9GUC\xb7\x1f\xee\xc6)\xec\x05\xfc\x9a_&amp;T"\x1f\x9e;\xf2\xf9\x0cT\xd1\x9e\xcd`\xae\xdb\xde\xfan-WK\x8b\xd85\xe0iQ\xacT*D\xaf{\xa9\x16\xba\xb5\xa1V+\x9c\x9f\xa2hIa\xb8\xbd\xc3\x86Z\x01!\x80"\x06\xdb\x01\xa7\x07\x88Z.\xd6\x83\x9d\x11\xa8\xe5\x92\x11O\xa5\xe6\x0e\xda}\xbau\xe9\x9fO_\xb9\n\x1e\xf2sa\x0c\xa0\xf5\x9d\x7f\xf4\x87\x98a\xf9\x8ew\x8b\xb4\x9f\xa2\xfc\xb4\x9fa\x9bX\xda\xca\x96\x9d\x89\xe1\xb9\x98\xe7YAB\xa7?\xde\xddqj\xe1\xceN^\x84^\xb0&gt;\xa9c:\xdcBs\xcd\x91\x1a\xc2\xea\xb8\x13\x1bUno\xd1\n6\xd4\x02V\xa0\'\x00\xacP{;\xb0\xea\x88[\x85x\xcbMQ\xf1"\x0cV\x98;\x08\xc6\x04\x03\\\'\xc14z\xf2\xddw_\xc1\xfd\xe4\xe8\xd5\x8f?\xc9@\xab\xfde\x8a\xa6\xa0\x95_zF%\xb2\xb9\xed\x07^\x06zY\x86=\xeb\xb3,=\xe3\xcb\xf8\x04(\xe6\x84\xd1\x96 f\xd8AP V+-\r\xad`x\xca\xdf\n\xaaHDr\x97\x8f\xff\xdd\xb4\xb9\xbb\xb6\x92_q\\\xf3f^z0\xef\xc9\x0c;\x08\x91\x19FL;\x95\x98\x80\t\xebi\x8c\xf4\x07\xb8N\x9320\x95\x0bWiT\xdcJ\xa0&amp;\xc5\x1an\x8a\x15\xc66H\x10\xd9(\xb80\xb2q\xe3\xc6la\xb3,.vY\xe2"\xddB \x84|\xcfo|\xb3\x11\xba\xd5\x15\xf6g\xbe\xe7{\xbe\xe7\x1c\x81S\xa6\x16\xb0\x06\x89:\xa6R&amp;\t\x8axE\x9f0Lp59\x0b\xfb\xb8\xbe~\xf25?\xb2\x7f\xfe\xe6\x1b@\x81\t\xaf?\xde\xfe\xfe\xe7\xaf\xd1\xa4G\xe7w\xa79g6\xa6Y\xf5%\xa9\xa5r\xd6\x17o\xb30\x04VZ\x9c\xcc\x10;Q\xa6\xd9~\xf6\xbc\xd0\'\x92!NF\x81\xa7\x1fLt\x04\xd8W\x9d\xf8\x10L\x95\xccU\xd0\n\xbf\xd5\xed\xc7\x8bg\xbf\x0b,4\xa1Jd\xea\x07\xd6\xe2\xaa"p\xb3\xe2\xb8\xa6\xa9\xe4\xc3\x18\xc7w\xbe|\x88`\xe0\xdf\xfd\x9d\xfe&gt;\x91Q}{\xfb\xdd\xf7\x7f(\xfc(}?\xcbK^6\xcc\x9c\xc4j\xa9$=\xb89\'\xac\x90\xa2\xebD\x8bT\xbb\xa0Z&gt;\xafxH\x85O\xe9J0:\xc0\x12Fj\x11\x16R\xab21\x16\x87\xae\xd1\xbf\xda\xbd\xda\x84\x85\n\xda\xc0B\x11\xd51\x15\x11\x96\x07\xb9!TrE\x9f\xe6\x0e\xa7|\x9e\xc7\xcb\x874\xf3\x91\x13\xdf}\xfbA\xf5\xef\xbf}NSM\xdd^\x96|\xceYTD\\adgP\x8d\xbc\xcd\xe3\x11\xb0\xb4\x08\x1a\x9dd\xa9?\x08g\x9a\xef\xef\xefx\x04\x08\xf2VW,e\xa2+\x93?\x03\x8b\x82\x94a\xb9Be c\xe2\xfb\x04X(\x1fV\x9a\xc1\x98T\x1b3\xacEl\n\xd5\x90\xae\xc6\x8a9\xa6\x81\xbb\xf8|\xba|\xb2!\xce\xe7\xbf\x10\xd7\xed\xed\xbf~\xf9\x11\x86\xfe\xfcz\xbf&lt;\xce\xd1\xdc\xa6Q\x99}`\xe9-\x96n-\x9eg\x9a\x16\xd2\xfe\x16\x9e\x9c\x84\xfe \xcdP\xd1\xf3\x1bO2q9\xe3\x94\x0f\x0c}\xe28\x17\x07\x1d\x8e\xc4\x02\x17\xd2A\x90y\xcf\xfd\x1f\x96Mj\xa1\x92x\xb7jM\r\x8e3`?\xc1uqe7&lt;Fc|\x88:&gt;\r\x8a4\xc4\x1c\x02\xd6\x7f\xbe\xb7QSm\xbf\xf8m\xdd\xa7\xc6n\x1a\x8a,I"$R\x8b_%\x0c\x0brQF\xd8\xbe\x9deZ\xfa~\xe9\x8d\xb0\x05\x98f\xa0;^0\xd1\xbd\xd1\xa4\xc35-\x96\x8bVn\x0cqh\xc5O\x84\xc3\xda\x90"\x82T\x1b\'\x94[S\x04\xdb\x90\xb0\xf0\x82h\x06J8\x95\xf3\xbc^\xde\xbfB\xaf\xe2\xaf\xff\xb8\xfd\xe5\'8\xad\x18l7\xb5\x8c\x1f\x9b\xcby#\xe0jaR\xe9\x0c\xad\xdc\xa9\x19\xc3\n}5&lt;\x99\xf9\xa1\xaf!0\xde\xae-`\xd1w0\x16f\xa7\xa4;\x8a\xdeir\x8e\x9a\x913\x08\xcb\xec\x89\xe5\xf4\x0b\x16\x8bz\xe4V\x97\xb00\x13c\x8e\x8d\xa7\x8a\xb9\xd0\x18\xa2\x8cX;\x0e9\xf8k5?\x8a\xa2\xdf\xfc\xe9\x87W&lt;\x7f\xf6\xb8[\xd6e\x8e\x17\x87\xd1?\xc4-%\xb5/\x85\xb0\xfe\x89\xdec\xaft`##\xc24\xcc\n\xed\xe5\xd4\xc5\xb5%*}l\xc6\x16\xe6\x81\x1e8_\xb0\x04\x17\xa25\x86\xd2\xe3\xea\x07\xcci\xe4\x95\r"\x96\x12\x84E\x01\x11c%3\x04\x13\xf9\x06\x0b\x12\x16\xe2\xeb\nr\x95\xdc\xf1b&gt;+\x8a\xcf\xa9:(\xa2\xb7\xbbSx\x1d\xff\xd74\r\xa3\xa2\xb5\xf4\xa3\x88\xd2\xfa\x01~\xd7\xe8\x1f\xc6.\xe4\xc2\n\x00\xb5\xb6\xb5\x118\xfd!v\xfd @\x15&lt;\xc7Q\x10\xa79\x8dD\x1c\xf4\x18\xd8\x86\xa4X\xc7\x0f\x988\xe3n\xd7\xef&amp;c\x96\\\x83\xee\x80\xa9\x85K\x9f\x87\xe1\xa1\x95\x8b"\n.\xba\x91z\x85\xe7\xf3\xf2\xf8n\x7f\xe4\'\xc9 }~\xba8\x8e\xa9#\xf2\xbc\x81\x8bE\xb6\x95\xb6\\ s\xae_\xb2P+\x80U\xc0\xee\x90\x8b\xac\x9f\x85O\xb15t\xc4\xa1\xa7\xf4=%\xe8C3\xcb\x03\x16:\x91\xbe\xd5\x92!\x9a\xa1H\xe5\xe9\xd6&amp;W%\x988\xdd6\xb9 \xd98}&lt;;\xe4\x04\xce\xac\x1a\xa8%\xb8\x06\x19\xcc\x84\xd21\xe4\xe2\xeb\xe3\x9b\x17\x1aP\xfe\xfb\'@\xc1\xa2\x9clp\x80\xc2\xfa\'1,r\x0c\xc5\xd6\xf5\x0b1\x91ZZhwS\xdcDi4\xf3wu \x88\xca\x10\'\x17\xbbV\x03\xfc\xf0\x8e\x9b\x9b&lt;\xb5\xa1+\x90\xb7\x14\x89?}\xf1\xa1U7Q\x19\x16&amp;5\x9c\x06\xb5\x1e\xcf\xa6x\x00\x01\xc2V\x88U\xf8\x1ehU\x93\x97q\xcc\xf3\xf5\xe6\r\x1f\x8c\xd4\xe</t>
        </is>
      </c>
      <c r="M91" s="3" t="n">
        <v>45492.6759837963</v>
      </c>
    </row>
    <row r="92">
      <c r="A92" t="n">
        <v>243963</v>
      </c>
      <c r="B92" t="n">
        <v>1954</v>
      </c>
      <c r="C92" t="inlineStr">
        <is>
          <t>Rafael Silva</t>
        </is>
      </c>
      <c r="D92" t="inlineStr">
        <is>
          <t>R. Silva</t>
        </is>
      </c>
      <c r="E92" t="inlineStr">
        <is>
          <t>CA</t>
        </is>
      </c>
      <c r="F92" t="inlineStr">
        <is>
          <t>ATA</t>
        </is>
      </c>
      <c r="G92" t="inlineStr">
        <is>
          <t>CA</t>
        </is>
      </c>
      <c r="H92" t="n">
        <v>179</v>
      </c>
      <c r="I92" t="n">
        <v>8</v>
      </c>
      <c r="J92" s="2" t="n">
        <v>33697</v>
      </c>
      <c r="K92" t="inlineStr">
        <is>
          <t>Right</t>
        </is>
      </c>
      <c r="L9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901123d-c19a-4244-95f7-d0c07466e1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da1$\x00\x00\x03\x00PLTE\xff\xff\xff\x004\xc3\x05\x08\n\x000\xb7\x02\x03\x05\x005\xc9\x008\xc8\x01\x01\x03\x00\x00\x00\xfd\xfe\xfe\x009\xcb\x00-\xb4\x006\xc5\x00+\xb1\x00&amp;\xaek7,\x9aP@\x9eM:|=/\x8eH:_-!x7)\x95M&lt;\x00!\xaaf+\x1c\x83&lt;-\x00\x1e\xa5g3&amp;\xa7]H\x00?\xdcX\'\x1c\xab`N\x005\xc0\x86@3q2%\x02)\xabP(!\xfa\xfb\xfcY-$\xa2UA\xbbqZm-\x1e\xaefQ\xa6XD\xac\\HJ%\x1d\x00,\xbd`4*\x002\xbb\xa1P&gt;\x008\xd2\x9aJ;\x81A4\r\x08\x08\x8eD6v&lt;1\xa0ZG\x00A\xe0\x94I7\x19\x0e\r\x00;\xd8\xf4\xf7\xf9\x95C2\x86L&gt;r9+o&lt;1\xbdu`\x86D;\xafaK!\x13\x11\xb5jRT\x14\x04|B8vA5\xbaeP\x001\xbe\xc6\x82q\xb5cM\x8fN?\x9cVD\xb2\\F6\x18\x11\x08\x04\x04\x7f4"\x14\t\t\xd1\xe2\xeeI\x1f\x16\xa4^N\x00/\xc2\x00E\xe4\xc0zf\xbakV\xc3v_R#\x1a\x8aC3+\x1a\x17b$\x15Q\x1d\x11~8+\\\x19\x06\x1f\n\x06t.\x1b\x0b\x0e\x11\xe8\xea\xeb\x00\x1a\x9e\xb2kX\x93XG)\x11\x0c\xa8R&gt;R.(\xfe\xff\xff\xa5I4c\x1a\x07\xdf\xea\xf4K\x14\x07\xb8_H\x00)\xb8\x9cG23(%\x8a?-\x00O\xeb\x887#A\x1d\x15\x8bPBl&amp;\x12Y4/H+(x2\x1e7\x1f\x19?%\x1fj\x1e\t\xc8\x89z\x02$\xa5\x00M\xe5\x7fI;B\x10\x05\x01&amp;\xb3\x93=(\xa6WJ\xb1U&gt;\x8f6\x1e\x000\xc7\xc8\xdc\xeb\xacYB["\x12\xd8\xe6\xf2r(\x15\xcf\xdc\xe7\x005\xcd\xc2p[\xabO7\x02B\xd1\xdf\xe0\xdf\xd3\xd8\xd9\x00\x1a\x92\x871\x19\x8d;(\xc0jS4\x0f\x07\x00U\xf0\xfe\xfe\xff\x9b@)\xda\xe4\xe9\x9aRM\x93PF\x02#\x9b\xc2\xd4\xe6F30t!\nf\x87\xc8:,,)"!\xee\xf1\xf2\x1d)0\xe9\xf1\xf7\xc8|g\x9c_\\\x00b\xf8\xc5\xcf\xd2\x99]N6CI\x01K\xddO73\x8a\xa3\xd2\x7f/\x1bSbh7\\\xc4\xb3p`"G\xbfnE8\xa3\xa8\xaa\x136\xba\x9f\xb3\xd1\xb0\xc2\xd6\x0f\x17\x1cCRYwQH\xb7\xc1\xc6=V\xae\x81\'\x0f\x18\x1d!\xb5\xcb\xe7jNK\x04?\xc7y\x8e\x97\xbb\xcd\xde}\x91\xc0\x92\x9b\xa0)2&lt;\xa4gY\x8d_U\xa8\xbe\xe0Rs\xbar^[\x86gbs\x95\xd4k}\x84\xaa\xb6\xbc\x1a2\xa5\xce\xca\xc7\x81YM\x95\xaf\xdc\x9fsg/B\x97Sv\xcd\x1d\x12@\\ny\x15%\x8bXEA\xc6\xbe\xbb\xbb\xb1\xb0\xc3\x8c\x8b\x0f3\xb0\x9c|w=3:\xbd\x7fu\x07\x1a\x81\x0f\x16dk~\xb4\xa8\x93\x8f\xb2vrkqu\xcbgkUg\xa3&amp;C\xadI&gt;y\xb0PS\xd3\x90y\x87\x86\x86*$Y\x1d(w\x92\xa6\xb8\xcb\xa6\x9e\xc3]c\xb6\x86\x89&lt;p\xd6\xd9xW\x80\x00\x00 \x00IDATx\xda\xc4\xd8oH\x9a{\x1b\x07\xf0!7\xd8\xfd\xea\xd84)\x12\xa5\xd0\xb4TF\xb4\\x\xb0\x81\xd3:\'\xb2\xfc\x87\x82\xe6\xd2\xf2\x0fVZ\x143\xe6&lt;\xf6g\xb017(|h,Z\xb1\xb9Aa\xf9\xf4\xe0$&amp;Q\xf0Xq$\x84j\xb0a\x10\xbd\x90\xe0\x81\xed\xcd\xd9\xbb\x03{\xf3\\\xbf\xfb\xb6Z\xaf\x9f\xdb\x9eK\x9bw[\xe0\xa7\xefu\xdd\xbf\xdf\xcf\xdd\xb8\xf1\xbf\x16\xae\xf0x\xd6\x14\n\xc1\x1b\\\xa0\x10\x10\xdfxb\x1e\xc1\x8d\xffS\xf9q?\x90\xf07\xb8\xe2\xb8P\xc8m\x1f\'=\xb1\xf9\xbd\xe4\xfcv&gt;\x9f\xcb\x1d\xfc\xf0\xe08\xfc\xeb\xf5\xab\xde\xe0D\t\xd6\xe6\xb7Snw"q\xb8\x93\xcb\xe5\x0b\xe9\x9dl\xe60\x95*\x1c\xc4 8\x81\x02\xc7\xafY\x06\xcd\x8a\xc5\x14\xb8 v\x90&gt;\xcc\xb8i\x18F\xcb&amp;R\xa9\x04\\\xd22\x89Cp%\xd7&lt;\xff\xd8\xf3\\\xb3\x0b\xf7\x1c\xe7\xd2\xe9\xed\xd8q\xe10\x91\xc9 \x15F\xa3\xb9\xc1\x84\xc1\xa5\x1b\xc1\xa0\x95\xf9\xf4ARq\x9d.\x98\xa7|*\x93I\x15RY\x1a\x8a\x8aN\x07\x0e\xbd\x8c\x8e\xc1+\xba\xc4@\x96HdAw \xb8&gt;\x17.\xf0\xe4v\x12\x10\x0f\xf4\x8cN\x16\xa2\x95\x11\x17\xe4\x13\xc2C\xf1\xb9\x0f\x8f\xaf+/\x1c_K\xfe\x80\x89\xc2\xc8\x88\xca\xd0\x93,\xe2\x02+*Qc!\xb6\x9d\xa4\xe0ZX~\x81"\x99\xdbIe\xcf\xdf\xbe\xac\x0ci\xca\xc8\x82\x0b\x8cN\xbfL\x10\xa3%r\xb15\xdc\x8f\x97~\xb9\x8a\xed\xe5\x0f\xb3\x19Z\xb1i\xf4\xb2s\x12qA?o\xe6\xb9,\xb3S\xc8\x95~\xf0\xfd\x8a\xb5d:\xe1\xbeH\x89l\xe2e]e\xc1_`nw&amp;\x9d,1\x0b\xc7c?\nY\x1aF\xbf\xb4\x14/\xe9e?\x03/T\x08F\xcb\xa6\xf7J:`~\\\xb1\x97N\xd0\xae\xe4s\t\xd1\xc3\x83T\xfe\x94\x16\n\x90\x96)\xed\xe0\xc3\xaa\x9eK\xd00\xfa\x15\r]\xaf7\x1a\x9dd\x19\x8d\xcdzL\x8f]u\x83+[(\xe1|\xc1\x06\x98K\xfc\xdc@xK}\xb3\xd3\xb9\xb4\xf4\x94\xa8Q\xf8Z\x1a\x04\\\xf3\x15\x19Z+\x12\xe9\xa4\xa04\x81\xe1~\xd8qR\xd8\x957\xd4\x1b\x9d\x83KOG\xa1\xda\xa1\xfa\xe1\xd1\x0e\xb6\xa5%\x08N\xaf\xa7\xff\x14)-\x9b\xf3(J\xc3\xc2\x93\xf9t\x02\xc3.P\xa4\xe9i\x91DT;Q(\xb5\xa7KN\xa3\xfe\x92\x85\xd1v\xfe]\x92\xb4\xfc~\xc1\x8f\x1dX\x1a.2\xd0\x93\xcd#PH522B\xfe\t\xaf\xed\xa3(4g\xf3\xc5\xef\x80\xb9\x0fs%\x99.X\x1b\n\x99K\x95\x1e\x92Z*\xa2\x90fzz\x1a\xbeF\xd0+\xbal/\xc2\xce\x03\x83sEj\x0f/\xc9]8\xbf\x03\x07\x97\xcb\xa8\x8aI\x91\tM\xaf\x105\x1d:\xe7\xa1\xc0FQ`\xe4\xef\x01#\xe9.(J\xb1dy~\xa4.\xd6\x06#\x1a\xaa\xa7d\xfb\x88\x84VV\xfe$\n\xd1F.\x1ai\n\xea\xc8\xc0\xc8\xe9\x8aQ\xdf\xc57x\xb2\x90\xa0\x15\xb3r\x12\x93\x8ef\xbd\x88\n\xad\xac|\\XX\xf8s\x81\x90A^\xc0B?\xe00\x99t\xe0"\xb6Gw\xaa\x04{\x90\x1f\x9f\xcf\x1f\x16YN\x12\x05*b\x94VB\xd1h\xd4\xf5\x11\xb9\x16\x16\x1e.,|\xfc\x18\rM#\x96\xc3\x01,S\xd0I\x9cx0\xda\xe1^)X\xff\xcce\xc9\xc9r\x06GM\xa3\x0e`\xf5\xf7\x87\\\xd1\x95h\x14:\x08\xa8\x17D!\x98\x01\\\x08\xd6\xdeN\xb8tN\x92\x958F\x1f\x96(?\xbe\x7fwc\xa4\xcadr8\x88a\x9f\x0eE?B\x19\x80D\xaa^\xbfx\xf1\x10\xca0\x01\xf1\x85\xec\xfd\xed(/\xa9i\xd2I\xee\x8c9\x01\xe5.\x1c\x7f\x95\xce\xa0\x897\x12*\x87\x03\xee\xc0\xe9\xa8\xcb\x80\x14\x0f\x9fA\xbd}\xf6\xe2\x19\x82=|=\xfe\xfa\xf5C\x83a\xc2U\x0f0\x87\xc3f\x92J\x83\xc62:\x9c\xa1\xbf\xafQ\xdfE|-\x8f\x8eY\xf4A\xa9\xd4\x81\xc2\x1a\x81\xa8\\\x86q$z\xf6\xba\xf5\xed\xdb\xb7 C,\xa8g\xad\xad\xe35U\x15\xae\xdaz\xfb,\xfc\xacT\x1a\xd6\xe9\xe9\xf0\xd9(]\x82[\x11\x8f\xa5\xd1bj\x0cJm\xa0\xea\xef\xb7\x87\\\x86\xbe\xf1\xd6\x07\xa8Z\x1f\x0cC=\x00\xdb\xdb\x07\xadD5\xc9jj\xfa*\xc0E\xe65\xa5\xa6\xa3s\xfd+\xcaY\xb8\xe0\x18\x1di\xf4:\xa9\t5pv$\xea\xea\xab\x92\xc9\x9b\xca\xcb\x87\x87\xcb\x11jxh\xe8\xe5\xcb\x97\xcf#BaccSSy\x13SVs\xb3\xa2\xb6\x12\xe5e\x93\x86\xa7\x9a\xa1\x8b\xb0BP\xdf\xc3\x1c\xea\xa1\xd3\xc47AV\xb3\xa1h__\xd5}6\xa3\xb1\xb1qhhxxfh\xe89*\xadV2#\x8eD"\xe6\x88\xf9\xdd\xfb.\x08\xac\xden\x9f\x9du\xd8\xf8a5\x9cnv\xe6\xa9O\xcb\x93\x87\x0fX\xfa%&gt;\xdf\x04khh\xc2\xd0\xd7W\xf3\x9e\xc1\x88Hx\xda\xa1a\xe0h\xc74cP\x1dm\r&lt;3\x8f\xc7\xe1\xb5\xbc\x03\xd7\xbd{\xa4\xcb\xc6\xf7M6c\xd8!\xf5\xbb\xa2\xdf\x03\x13\xaf7\x06\xf9|G\xbb=\x145\xf4U\xd50\xbb\x18\x91\x08\x87\xa7R\x8du\xc0C;\xd6\xa1\xd5Z\xad\xbc\x86\x06\x1e\xaf\x81\x17\x89\x80\xea\x11\xb8*H\x97/\xfc+\r\xcblS~\xb6\xc1\x15\x07n}\xf3\xa0\x94o\x83\xac\xa2QC\xcd}f\x17\x9b\xcd\x10s$\x12\x8d\xa6\x03\xd5\xe2\xa2U\xa4\xb4z\xbd\x1aI\x84\xc73G\xba\xdf\xbdc\xde\xbbw\xfbfm}\xbd\x9d\xcb\xe5\xfbz\x8dz\xf7\xdf\x94\x9f\x04\xd1\xfa\xd0\xfc\xab\x0e\xc2\x9a\r\x85\xa0\x875L&amp;\x93\xcd\xe8\x16\x8aA\x85X\xd6\x8e\xb9\xb9\x9e\xf5\x1e\xa5\x97\'\xe1A\xc1|1\xdew1\x11\xab\x16\xeeG`M\xa9\x8dF\xb8\x15\xa9^O\xe7S\xceA\x9d\x89\xcfE\xaa\xa8\xa1J\xc6\x94\xc9\x98\xcc&amp;\x86X5\xa6\xd5j:@\xb6\x08.\xa5\xa8C%A\xae\x08\xa7\xa5\x1b\xb1\x08W}%\x17\xba8\xa9V\x7fM\xde\xa0\x9a\xf5jg0\x18\x04\x96\x1d\x85\x85TL6[\xde$\xe4H@\x05\xd3\xdea\x05\x15\xb0\xac*\xc9\x8c\xc4\xcc\xe3D\xba\xbb\x19]\xcc\xbbd\x1b+\xa1\x8b\xe1\xa9I\xf5\xea1\xd5\xc3%\xd8\x8b\xeb\x82&amp;)w\xd6^\x1fr\xf5\xd5\xc8\xd80XM\xf2r\x8eJ\xa2\xd5\xb4\xa1.\xce)\x81\xd5\xd3c\xd5hT*\x9e$\xd2"d\xb0\xbb\xba\xba\x8a.\x16\x97\xcf\x0f\x87\xe3\x81\xbc\x07\xa7x\xe2\xb7Wa3\xb4\xd9`\xc5\x8aNT\xdd\x97\xb1\xe5rX4\x1b%*\x8dfqN$\x9a\xeb\x99\x9b\xb3Xz\x94J\xab\xd5\xda\x06\x81\xcd\x88\x85\x8d\x0cF\x97\x0cT\xb7\xd1\xaa\x8a\xe2\x02\xd6w\xcaY\x07\x93R)\xa8\xec\xc4N(\x93\xcb\xe5\x8cr\xa1X&lt;\x03,\x94\x92e\xdd\xd2c\xe9Y\xb7\x80K\xd4\xa6\xd2p\xc4B\xc4\x92\xdf\xaf\xb9\rUQ\xcbb\xf1}&gt;`\xa5)\xde~`5\rJ\xe1.\x9c\x85\x897\x8cCPM\x8cF\x86\x90\xc3kh\xb3\x8a,\x96\xf5\xf5\xceN YP)\xa1\xbc\r\x12\tG\xc8`\xb0eUU7\xc1U[\r]\xf4\x85\x97\xe3_\x93T\xb3\xbe\x07\xf96`\xc1\x0e]\x85\x06\xabU\xceh\xe1\x1dy\x11\xa5\xf3\xf1\xe3N\xa8o\xf0\x85\\pe\xb1lnnz\xcd\xe6n\x06\x93`\xdd\x04\x16\x97\x88\x8b\xda\xff#\xf1\xe3\xaf\xceL|\x1b\x84e\x8fN\x8c\xcb\xe5\xb2\xf1\xdbONvw\xf7\xf7\xb7\xf6\xf7\xf7\xbf\xfc\x85D\x9d\x8f\xcfy\xdfNO\xbf\x9c\x9c|\xf9\xf2\xf93\xfa\x81\xea\xea;w\xee\xfc\xc2\xe2\xda\xea|\xe1p`\x9b\xd2\x05\x15\x87\x1b\x11\xceY\xb3\xb3pL6\x8c\x8f\x8fW\xb0\xc2\xcb\xcb\x81\xc0j`9\x10_&gt;\xdb=\x05\xd7\xb7\xc7D\x81\xed\xf4\xf3\xd9r&lt;\x1e\x0f\xacB\x05\x02\x81)[\xf5/\xd5,\x16\x17X\xcb\xab\x07\xd4\xb2\x14\xdbq\xd4\xc3~;:\xcfTU\x9b&amp;\x03\x81\xde^\xf4\xa6\xc0B.\xc4\xf9\x0f&lt; \xaf\xbfN\xf6\xcf\xce6\xc0\x1bX\xcd\xaaWW{{{\xa5,\xc4\xe2BZ\xab\x7f\xafQ\xcc\nHa\x85\x87\xc9\x82\xb3\x03K\x07"\x88B\r2Hmcc\xebH\xd9\xf9\xb8\x98\x96es\xf7lc\x03E\xd9\x9bEy\xf5\xaa\xd5\xea)\xd6-\x16\xab\xce\xe7[\x0e\xe4K\xc3\x8a\xba\\\x13,\x9dn\x12\x9a\xf45\x1e_\x0e\x877\xfe\xa8\xbb\xb5\xf5\xe4H\xd4CL\x17\xdc\x90J\xef\xee\xc6\x86\x8fh1\x11g\x1c`\xbdSuP|`}\xf7\xdc\xa0\x9e\x85\x16-W\xa5N7\xb5\xbc\xbf\xbf{r2\xf0a``\xa0\x9b\xcd\x1ehih\x9b[\xef\\GO\xa5\xb5a\xe0\x11\xd4\x93\xad\xad\xad\xdf\x7f\xdf=\xf9\xf4e\xf7,\xacS\x13\xae?\x96\x03i\xaaY\xab\x88U\xe9\xaa\xaf6\rNm}:==\xdd\xf46\xa8D\x9a\xb66\x8dJ;\xa3\x85\xa5\x1e\x16\xd3u\x8bE\xa4Q5pf8\x1c\xb1\xb8E\x1c1\x9b\x8f\x8e\xfeu\xf4\xe9\xee\x96o2\x8cX\x1bT\xb3\x04\xc7\x01X\xe3\xedpv\xaa\xd3\xf1\xef~8\xda&lt;\xda\xf4z\xdb\xacs"+\xb8\xb4Z\x95J\xd3\xb1\x88\x16{\x8b\x08\x9d 8b\x0e\x9c\xc3\xe0\x8ac6\x7f\xf8\xf0a\xe0\xd1o\xb7\xc2u\xb7\xea|\xd4\xb3\xf6\xe2\xf0\x91\xa7\xb2&gt;Ti\x92&gt;\xe9ni\xe15\xc0zi\xb5\x8a\x10K\xa5RiU\xda1\xab\x12N\x10\xca6\x1e\x87\x03,\xa18"\x81-\x1b\xce\x83-\xdd\xdd\x03]\xb7\x7f\xbb\x05a\x01\xab\xe0\xa1v\xddJ~\x9d\xe2s+\xeb\xe1\x8cr\x93\xdd\xdd"\x16\x83\xcb\xdb\xa6\x82\x83\xbb\x99\'\x81\xcf\x153\xcf\xb5V\xcb\xdc\xa2H\xa4\x11BRh\x9ff\xfe\x97U\xf3{i#]\xe3\xf8\xb5W\x93\x99\xcc\x84\x0c#\t\t\xd6$&amp;\x12\x86\x0cQ"\x9d$Fm\x1c61a\x8a\x01\x13\xa3M\xcd\x8a:n\xa4aN\x881\x8eZp\xc9\x0fH\x11\x12,IdC\x84J[P\xb0\x14\x97\xd2\xbd8-X\xceMWa\xbdi\xe9\xd5i\x8b\xed\x85=W\xedEY\xf6\x99\xf4\xfc\t\xf3\x8a7^}\xfc&gt;\xcf\xfb\xbe\xdf\xef\xf3Np\x7fb0\x12\x89\x0c\xaa4\x9a\xe06\x86\xe4\xf3v\xa5\x8b\xf8KW\xd7\xfd\'\x1b=\xbdZ\x8b\xd1H\xc6]\xa8\tE\xad\xdd\x8b\xdb\xf6\x9e\xfe\xd5~\x8at\x08\x15X\xa5t\x94KG\xc7*4m\x02O\x83!\xcb\x9b3\x1b\x1b\xfd\xf6qw\x10|\xac\x8f\xf1\xda\xf3\xf9\xa7Oe\x0b\xa1\xd8\xad\xf8\xdb/\x8f\x1f\xef\xfe\x1e\xee\xff\x81\xc5\xbaX\x91ua\xfd33O^\xbd\xf8\xf3\xe1\xea\x9d\xa4\x83\xee\xb6\x8d\xd4R\xa1t)`Ci0b\x1a\xcf\xbd\xfe\x07\x9f&gt;\xbdz\xf1\xf3\xcd\xa5U-\x06T\x06Y.\xd8\x89p\x9c*\x86u\xed\xcd\xc5_W\xff\xeb\xa8e\x91H\x97\xab\xd1 \xa7\xe7\x1e}\x1a\x05\xacO\xaf\xaf\xce\x8d\x86\xa2\xdej\x83XV\xaa\x99P\x16\x05,F\x8b\\\xbc~\xf1\xe7\xab\x17C\x0f\xffusoz\xc0\xc0\x18\x18\x04\xe4z\xf0\xe8\x8f\xf9\x0f\x7f\xec*\xc3\xd5\xb5{\xb1\xb6\xa5\xed\x91\xd5\xd2Z\xe0\xa2\x8eK\xd2\xad\xb9\xa5\xfc\x7f6\x86\xe6\x86\xfe\xfb\xed\xdd\xb1ZR\x15Q\x93\xd8J\xd5R"\x9bq:5j\x0b\xe6{{\xf1tint)\xbf\xbc7\x17\xc6\x070\x06\xeb`=\xfc\xf6\x17\x8e_*\xd2\xf6]\xd7&gt;x\x93lk\xe7\xd7~\x1c\xd4\x02\x0b\x98Hj\xef\xfczc\x16\xc9?\xed\xd7=\xdf&amp;I\x178U6\xd3(\xb7j\xa9\x14\xdb \xc98\xf4\x12a!\xfc\x94]6\x10\xb3\xb7\xee\xe0F#\xc6 \xbd\xd0\xf2\xab\xb3\xc9\x04\xe1\xfd\xa0\xc4}\xdd\xf5\xf8j\xed\x06ir\xe8VqP\x8b\'3R\xd2\x02w#s~q\xe1&amp;\xd5\xb9\xfdv\xbb\xadb\x1b\xd9z\xb9\x95J\xd5\xc4,\xcf\x93\x9a}\x9f\xdf\xef\xf3\xf9\xdcos9\x1f\x91\xd4\xce\x1a\x8d\x04i\xc1\xed\xf9\x07\xd3\xbc\xda0;\xab\x8c\\\xf3\x97[;\xf5\x86\x03\xeb\x14\x91o\x00V\x82\x97\xf8\xf8\xe2\xd1\xa2+\x0e.\x0frY&amp;\x9b\xad\xd7\xcbb\xadV\xa3\x1b\'&lt;\x9f5\xf80\x0f\x08\xc4\xb8sn\xbf\xc7Hx&lt;\xc0e\xa4\x00\x8br\xc6\xc9\xb5\xadsE\xac\xf3\xfc\xbb\x83FAt\x91\xd0\xf2\xda$\x9f\xe5\x89D\xdc\x99!\xe5\xc5KD\xc2\xa76@\x01\xeb\xa7\xf5\x02\xf4|I`A.\x1e\xc2-\x04\x1e\xc2C`\x18I\x1a0\xcc?@\xfc\xc0\x1aW\x1fk\xc8\x03\xb7"#\x92\xdd\xc5\x83L\x81\xfb\xe2\xec]\xd6Z\x92 \x06\x99\x89\xbbT\x0e\x07\x18z\xb0\xa9j\xb5\xcbUh\x15\xea\xf5B+UJ\xa7\x05\xb6\xc1\xf3\x8d\x863#\xc7[\xa7\xcb!\x9f\x16\xce8\x83a\xff\xc7:\xfexL\x1e$\xde(a\x9dws;d\xabiF\xbd\xcb\xb8E\x02,^&gt;Qi\x93 \xd0\x9d%\x98\xd0T\x01:K\xac\xa5\xd3\xe9\x12\nm\xd6\x10i\x94\x8d;\xd5\x10\xd8h\x87\x03\xe2\xa2Z\xe6\xa2\xc0AlO|\x898y^\x19\xac\xc5\x9dD\x8d\xe3\xac\x80\xa5MJ\xd2\xc9I\x96u\xa1(m\x85\xe3\x1c\xe0*!\x1b-\x96\xcb \x96\x8c\x15\xa2Yh48\xf7m\xa8(:\xe4$\t)\x162?`!\xbd\xf9\xf5\xe7*aP\x95M\xbeW\x04\xebh\'\x93\xae\x8e\xa9\x90\xde\x0e\x96\x94\x89\xb3,m-\n\xa0\x93 \xc0\x858bb\xa1\x862\x17,\xb1\xd0\xc8\xf2\x19\x93\xd56R\x11R"\x8a\xa2\xa6\xc1\x89 \x84X\x88\x19\xf6\xfc2\x12\xe9\xd3\xab\x12\xca`\xcd\xbf;\x15\xcc\xcd\xd4\xa9\x05\xd4\x92$9b\xb0p%Z\x05\x01\x94\n\x04B\x15\x13*\x8f\x98;z\xa5R\x85\xce\xe4\x99\x85K3\x04\xda\xd5j)\x14U\x81\x83`0\x8f\x07\xce\xad{u\xd3\xc2\x99dQ\xa4\x88\xf3\x97\xf51s\xa9uJ\xc0V\x04\xb1H2\x035\x04\xa8\xd0H\xa0\xc9\x85`U\xc4r\xe7\xd8\x02\x88T\xab\x90\xe5\xb3\xa8\xcdV\xac\xd8B\x01.\x1d\n\xd1\xa2C\xa360\x03\x1e\x0f\x9c\xbf\xb7O\xc5\xee/\x06\xe3\x1b\x05vb\xd7\xe3K\xf6s(Un-.\xf7B\x11\x93\x89\x8cSL\t\xf2\xe4H\xfe\x01WZ\xad\x14N\xa4F\xa7\xe3\xd3%\xa8b"\x99-\xca\x061\xca\x058\x10S\x10P\xb5\x9b\xf1\x0fx\x01\xcbX\x17\xc5\xbe\xc5\xf1\xfb\x8a`\xfd\xad\x19\xae\xb5\xca\xa1\x89\xe5\xe5\x8eZN\xb1\x162\xc7\xaa\xb2\x1b\x8d\xc5\x0e;TI\xbeUK7\x81\xb1\t{1\x93\xdc!M\x01.*\xcfIF\x02\xe61\x9bU\xa3\xde\xf6\x8f\x0f \xf9\x07\xb9B\xa3,\xee?W\x06\xeb\xca\x15h\xd5[S\x91\xde\x1e\\"H\'Z\t\xc4\xe4\x99\xc3\xa1\x1ct\xaaQ}\xe7H\xa8\xa4\xab\x87\x87\xf2,"\x16\x102\x12\xef\xb4\xd9l\x9cyxj\x18\xb2\xffp\x9fU\x93\x03.o~\xfd\x1c\xad\x9f\x96\xd5/w\x7fS\x00\xeb\xfaUf\xa1|Z\xe6*x\x0fn$\x0c.:\x1d\xfb\xa9\x93\x9f?\xde=l\x86Tq\xb6%\n\xe9X\xec\xee\xf7\xaf_\xbf~\x7f\xffq\xca\xdc\xcd\xb2l\xb1\xaf(\x94\xa2r|\xfc\xf8\xf1K\x9f)\xe8\x1e\xf7z\xf3\x9b\x1a\xf6`\xab\xe0~\xb9\xab\xc4G7\xd7\xbfK\xdd\xe2\xe9A\xabD\xf5\xe0\x16".\n \x16D\xc2\xbb_\x7f\x9a\xe2J,\x9feS\x95h\x13\x8azW\xc6\xfa&gt;U\x1d\x1e^\xb09\xda\x91"\x9a\x12\xd2U\xf9\x1f\xf8\xbc`U\xbb\xfd\x08\x92\xdf\xcc\x9e\xac\x1c\xa8\x12o\x95\xc0\xea\xba\xf6^:5\xb1\x07\xa7%\x04\xac\r\xc1\x8a%\xa8\x97\\\xbf\xc3*WJ\x15\x9cm\x15\x80rc\x81@\xf3\x10\xb8bcc\xe6\xe8\x82^\xa5j\x17\xe9\x94X\xe2@\xaf\xcf\xcf\xf4&amp;\r`\xd9\x9f\xf6g\xb7V\xe2\xbe\x95\x0b%\x1c\x04\xf8x\xf7V\xd6\xb4\xb3R\xc7\x7f`\xd5J\xcd\xd8Tl8V\x8d\xa6\xe1D\xa0#zG&lt;a\xd1\xe2\x89J\xec\xf0p\xea\xccG\x10\x18\x13l\x17\x8b\x13\x82P\n\x05\xccS\xc3\xcf\xfaL\xa8\xc6\xe7\x87\xd6\xda\\\xb9\x91X\\[\xb9z\xac\x08\xd6\xfc\xe5\xc1\x01/\x9ddu\x93:\x9c\x80\xb3T(q\\ \x1a\x8dE\xb9\xd0\x8f\x07\x15\xc7\x89\xfc\x86\x17\x1f\xd4\xdb"\xea\xe4\xce\xda\xed\xa4\xa3\xa8/\x16\xad\xa547\xb6\xb0\xb0\xa0\xb7:\\qf\xc0\xdb\xbb&gt;s\xdb\xc2\x10+\x96\xf7\xca\x0c\xb9\xba&gt;\x90[k\xaeJM\xbb\xaa\x83\xe6"Y\xb0{\x95\x10\x17\xad6\x9b\x1c\x97N\xc3oH\xa0QU_\xc4\x99H\x04#\xc7\x0e\x96\x15Q\xb8\x14\xf5\x10\x86\xb8\xa8\xb9o\xc4&amp;\xa0\xce\x01\xc4\x83\xf4nn:\xe3\x96\x95\x95\xb7\xca\x98y\x90\xebh\x87\xb7\x86PKX\x87\xcb\x8e\xab\xd0\x12S\xa5\x80\xb9\n\\\x00\x16\x00\xcdj\xb4J\x15yfc\x9d\x83\xcf\x8e5\x0e\x07+\x8a4\x84j\x01B\x9a\xb9\xafbE]\x06\\G\xd9{6\xd7\x07\'\x8c\xb7-W\nMm\xc0\xcd\xc73\xf1LV\x17\xbe\x07XI\t\xc0j\x9d\xa9C\xac\nRY+V\x95F\xcd\x04s\xc7\xfa\xc0H\xe4\xec8\xe8cH2\x11\xd7\x98\x8a&amp;Z\x08D\xfb\x04\x94\xcd\x90\x88Vk_\xde\x08cA5\xf1\xf2\x8dB\x91L\xee.\x12n:\xfb\xd24`\xc9\xaf\xf8\x85Z)\xc4\xc5bM[qB\xa5f\x06p\x8a\xc2\xbd^\xaf\xaa\xbb{?\xf7\xd2\x8eS8"\x8f&amp;}n\x8dC\x00\xdb\xe3`3\x98\x8c\xd5\x13\xde0j\x93\x89K\x05\x9f\x86\xef\x9f\x8b\xa1\x105\x14\x9e\xd6\x12kk\x80\x05\x06y,\xd64a\x98\x07\xf3\xe0\xd3\xba^\x9d\x8e\xc2\xb5\xcc`\x841"\xb8N\x87S:\xf8\x9b\xbd\xd7\xabF\xa1\x84 \x16Ai\x11\xfb\xfa\xe8\xfa&gt;cTL\xacN\x19\xdf\xbc;~\xf7\xed\xd1Rx\x1a\xc3\xd6\xd6\xe4\x8b\xb9\xc4E5\x88\x9d\xf2x(\x90\xd0\x88an&amp;\xeer\xd0\xac\xb3\x1d\xf4#\x1e\x0f\xb0M\xf6O\xae\xda\x83\xdd\x80E\x12\x1e\x8aB\xec\x9bC3\xfe`\xeeJ\xc9\xe9i\xd7\xb5\xf9\xfb\xf3\xf7?\r\x8d.\xe1\x1eJ+5\xc0"\x9b\x07u\x93=:\xa3\x96\xa2\xb6\x17\xf7#g\x0bS\xc3M\xd8y\xcf\xbe\x9c\xb5\xdbgG\xb9m\xaf.\x1c\xde\xdb[^\xd4\xd3\x80EQ\x1e\xef\xf2\xe8\xcf\xbf_]^\xcd+:\x99\x97\xbf3\x9f\x7f24\xb44\t\x05\xd3\xc2f\xac\x98\xb1\xbd\xd5\xc9[F\xc6\xa7\x96_\x9c\xda\xed#}\x91.\x16#GG\x10\x1c\xdb\xe79\xff8\xd2\x13\x9e\xdb\xf3/X\x9d\x86\x01\n\x19\x07\xb1\xfe\xfdZ\xfe\xa2^\xe1\xc7\xa8\xae\xae\xeb/n\x8e\xcel\xf6\xf4\xaf\xde\x92\n\x05\xdb\x98.&lt;\xf9\x0f-g\x17\xd3Fv\xc5\xf1hb\x89XQ026\xc5\xb5\x85k{l\xc0a4[\xc1`\xab#\xc7c\xf0 \xfc\x10#\xbb\xc6\x96\x925c\x10K\x84-#%\x0f\x89\xd6\x08:\xd6\x12\xaf\xb4\x0f\xbbD&lt;\x80\xd1*\xb2\xf8H\xd5(A\x16\x84\xd0\xfd\x00A\x15P&gt;\x04\xd9\xcdnv\xbb\xa5\rI\t\x904\xc0\xe6KQ\xda.\xa4\xe7\x8eM6o\xddv\x99\x8b\xcc\x8b\r\xfe\xe9\x7f\xce=\xe7^8\x7f\xc7\x1ae\xca\xc2P\xa8\xb0T\xdfTQ\xad\xd35\xbd{\xaa\x12\xae\xad\xd5p\xb8*l\x0c\x12\x9eH$\xa2\x08[\xf3u\x0eRF\xe2\x1cu\x15\xfd\xf9{\xf7\xff\x8bn|\xd2B\xb3\x9eX\xcc\x13+&lt;\xa5*\xb6\xfa\xcf\xc6\xce67\x9f=Q\xdat\xab\xb22\x9d\xbesg\xb0|\xf0\xd6P\xfa\xce\xc3\xf4\xf7\x0f\xd3\xdf\\\xe7\xbc\x91F?\x81\xfe\x90TAF\xf1h\'\xdbr\xf1;q\x06\xcb\xa6\xaeRt$\xe6\xf1\xf8\xfdJU\xbe[\x113\xa9q\x9a\xbd\xfdp{\xe5\xd1\xda\x0fk\x8b\xc9\x95\xb5\x15x,.\xfe\x90\\Y]\xbd\xf9\x8fXS\xc3$\x99\x08\xc3\x99\xc6D\x10\xf18\x07X\xc6\x94\x18X\xb3\x17\xbd\x80\x15\x03,}CCA\x82\xb4\xe7UZ\xa2\xb7\xa7V\x17W\x81\xa5\xefX\xdf\n&lt;V\x93\xc9\x95\xe4\xe8\xecw/]\xaa\x861\xbb\xda\xd1\xeeN\x90\xbc\xc7\xc3\x03\xd6\x17\xe2\xcc\xbbI\x93\x97\xbc4\xcb\x13\xb0\xc5\x82\xaa\x86\xb0\x03w;\x7f\xf3q\xf9\xd0\xc3\xa9\x95\x95\xd1\xe4\xe2@__\x12\xbe\x16\x93=\xa3\xa3\xb3S\x0f\x87*\x95\xf9\xda:\x87\xcc\xeev\x11,\xcd\xf1&lt;\x8b\xe6 D\xc1:\xf6\t\xe6\x83\x1a\x11ai\x0fcq\xa8-\xd6\xc3\xc5\xa7\xfexh0\xfd\xfd\xea\xca\xe8h29\x90L\x8e&amp;gWW\xa7 \xb7\xca\xdf\xd5\xcb\xeb\xccZG\xd4e\'y\x9f\x8f\xe68\x1a\xfb\xe4\x98(#\xb1h\xe8\x80\x02.\x96\xf65+\x18ymX[\xf3Q\x81\xea\x9d\xdf~|\xe8\x83\xcf\x1e?^[]\x9c\x9d\x9d]}\xfc\x02\xd6!\x95\xbe\xb4"\xac9\xac\xb5\x10\xd1I\x9c\x83\x9f\xe1X\xac\xe5\xcf6iJ\x0c,\xe3\xe8E/E\xd1\x1c\xebk\xf632\xd2\xaeq\x1e..8\xf5\xbbw\xe0\xac\xf3bkk\xeb\xe9\xf6\xf6\xa3\xa7O\xb7\xb6^\x0c\xea\x18}mX\xa31\x07jMQ\x13O\x83Zt\x0bv\xf5\xa68s\xba\xa9T\xdf%\t\x05z\xd1^\x9fG\x8d\xc7\xec\x018\xbd\x14\x174(\x9bT\x83\x8f\xd6\xde\xdbz\x8a\xd6{k\xdb\xe9j\xb9\xbc\xba\x1dB\xa8\xb1&amp;L8\xeea}\x14\x85a\x12q\xea\x03\x9a\x88\xed\xbb\x84a \x17\xe5k&gt;[\x14\xe5\xd5y\x9a2\xa7&amp;\xcf\xed\xaeTU?\xde^\xdb\x12\xb8\x1em?\x1e\xaa\x1e\n\x87\xeb&gt;\xd0\xc2\x81b2J\xf0\x11\x9e\xa6(\x890\x84\'\xce\xb45\xcay\x0c\xc2\xe8c=\x91X&lt;N\xd8\x0fj\xccNM\x9d\xdb=4\x94N\x7f\x89\x92\xea\xc5`\x1a\xad\xb1\xb1\xba@ \xa0\r$:\xe2|$\xc2\xb3^d\xb4\xb94\xdb\xb6G\x1c,\xdbML\xe2E\\\x11\x0fTU\x8f\xa3\x0e\xb8\xccf\xab\xdb\x1eN\xa7\x03\x83y\xe5\xbf\x86v\x08T\xb7\x06\x03f\x08\xa1&amp;\x11\x8dGx\x9e\xe7h/&amp;\x91\xa0\x19&lt;q\xb0R\xb6)L\x82\xb5\x00\x18\x1dAe\x82g\xf2\x8a\x01+\x10pW@\x93\xb1\xdb\xdb\xed\xed\xed\xf6\x84\xa3v\xac\xf5\xb3Vs\xc0j\x9d\x8crP\x19X\x1f-x\x7f\x9e\xd8\xc4R\xcb\xb8\xca"\xff\x93WP\x8c\xa2\xd9X\x03\x1a:\xd0\xb6\xd6X\xe5\x0c\x03-\x86\x88*H\x97\xfdK\xf4\x7f}\xc0j\xef\x88\xd3\x94\xb0\t\xd1\xc8\xfc\x9f^\xda\xa4ba\xad\x9c\xa4\x00+c\x83\xf2R&gt;^\x96W\xe6\x84;Wk\x89\xb9\xceN\xe2\x04\xa1H\x0c\x99\xab\x8eT\xc1\xddPk\x1d\x82\xf2\xee\xf3\xf9\xbc\xc2\xebs$W\xa7\xf6\x88\xb5\xa4\x8b\xd1\x88`\xce\x82\xb7\xd9\x97\x93\xe3m\xc6\xf3\xcb\x9c\xe6\xd6\x92\x92\xaa\xb7\xcdy\x10&gt;\xd25\x88F#\xaa@,M\x9e\xbd\x03\xb6`KK\xf6\xf5\xd4I\x11\xb1\x92\xf7\x83\x19.\t\x96\xb3/\x87\xa2\xf9h\xbe\xd3\xa9m\x05\xac\xa3\x9ap~\xbeKV]w\xf4\xed\xaa\xaaV\xadV\x93\xe7\x8aC\xc1\x12\xdcn\xe8\xf5\xf4\xef\xa7Dsc\xb4%\xef\x87\x82\xf4\x8e\x97-G\xe2ey\x87\xb9\xa6\xccy\xb4\xa4\xaa\xaa\xc6\x1a\xb0\x16\xc8\xe5\xd6\x92#GJJ@\xadv\xc8wJ\x92\xf1\xba\x81Z\xf4y\xf1\xb0\xf6\xf4]\xef.\xf47\xff\xe8\x13\xa38\xa2\xbd\xd5\xf9\xd1a4\x7f\x87J\x82\xd5Z\x03\xa9URR\xa3\x1d\xbb\x02\xf9\x8e\xe5\xecpQ\\\xe7M\xd1\x82\xb8\xa7\xefv\xa8\xb00Fg\x8dbX\x8e\x97\x8dw\xb4\x07\x0e\x96\xd5\x00\xc9a\xa7\xb3\x0c\xf6eI\t\xd4\x0c\xf3\xad\xc9N\x9e\xca\n\x05\xdf}&lt;."\x96\x14\xb0JK\x83\x11*\xe3\xac\x03!ZNv\xe2\x93\xee&lt;h\x80Zg\xd9\xc1:k`(\xd0j\r\xdf\xb2w\x9c\xe7\xe8\x8c\xed\x0eQQ\xb1"\x13\xfe\xb2ML\xb5JKC~\xe1\x1d\x05\xb3\x98\x84\xe6"\xf8\x95\x84\xc5\x9e\x18\x1b\xb3\x86\xeb\xdc\xf6\n\xfbX\xf8\xafW\xee_&gt;\xcff\x88\x84\xed\xc1\xc1m\x16\x7f"\x9a}8\x85\x82XZ\xd8\x18\xf3\xbd\xf6cy}t&lt;\xdaI:&amp;\x13\t{{8\xec\x90M^\x99\xec\xb8|\x12N}X\xc6\xdd\x89\xd0\x89"\x93\t\xbf}A\xb4\x9c\xef\xbb\xdd\rX\xdd\xc1\x88DH\xad\x1c$\x19\xc5q\x918\xd1a\xea\x98L\xd8\'\xa3d\xb43\x1e?\xc9\xb2;&gt;E@\xa3&lt;8\xdc\xfc\xf1\xeb\x03"c\xa9\xd5~*S#\xd0\x9bC\x87d9h\xc9\xf1N\x92\x8c\xc7;\xe3h\xd8\xc7GIv\xa0$\x12\x960)\x14&amp;\xfc~R,,\xe9\xb1o\xd00\x84^aB\xdd7\x07\xcb\xc9Z\xc4\xe0\xa8\xc3r\x1c\xc7\xc7y\x0e\x1d\x8f\xb3\xedF\xc0\x86\'=E\n\x93\xa9(xY\xac\xf3\xd6\x1e\xa3\x80\xa5\xd7\xab\xd5x\xb3d\'\xed\x85\xd4\xa6\xe0\x00\x9ai\xcb\x88\xe9G\xa7)&lt;\xcd\x81X@\x15\xec\xfc{\xbdT\xda&amp;R\x10\x05\xb5\x18\xbd\x9c\xf0I\xf6e$\xc1$\xaf\xad\xae\xd9%\x98&lt;\xb3h\x12\x1f\xa1&amp;\x05,\xfc\x9fw\xeb\xc5\xf03\xb7I\xa5\x08\x0b\xe4b\x94\x8c\x82\xf7\n\x9b\x1f\xf4\xc22\xa5"\'\x8b"\x11\x1c\xb1\xd9\xe2\x00\x1b\xc2$#\x15\x8a\xa2 \x8e\x7f\xf1\x97\xbb\xd7\xce\xd8R\xbb}\xfbIIm3\xf7\xbb\x11\x96R\xa9\xd4\xc7h,{8\xc0vz$\x96q\xf4\xbc\xf6\xe3")\xd98)`\x15\xe1\xf8\xf9\xe5\xbd\x9f\xcf\xfd\xed\x8c1\xb5\x8b\x91lK\xb5\x8d\\\x9b\x98;\xdf\x1d\x12\xb0\x9a\xe4j\x82\xcd\xf6\x16\xc1\x12\x9f\x95N\xc85\xc9k.\x8a%H\x99Z\x8d\x06&lt;\xf1`|\xc3\xf0\x96\xe1\xc1\xabk\xbbx\x1c\x84\x00\xd6\x7f\xfb\xfc\xc1rg(T\xa8\xd7\xeb\x95MM*e,\x02]h_\xc6s\xbe\x93\xe6o8_!\x804\x87\xabe2a\x90\x12\xb0\x88{]{\xf7\x0e\xdfx\xf5m\x8f\x11}d\xc3\xae`\x19\xeb\xef&gt;\x186\xac\x13\xa1L\x10\x9bT*%\xa9(\x8a`\x19Y\xb07\xdd\xdfY0\xaf\x8f\'L\x0e\x87\x03\xb0@-S\x10\xb0\x86\xf7\xef\x1d6\x8c\x8f\x7f=`4\xee\xc2\x08\x10\xfc\n\xdb\xb5W\xbd\xc3]\x86\x7fe\xb1\x9a\x90Z\x16\x86!ht\xa8\xcfD\xed\r?\xb5\xb0\x03\xd98n\x02\xad\x04.\x05Jz?\xc22\x0c\xf7\x9e\xfe|\xe9\xd9D\xcf\xcf\x9dMj\x93\x1a\x8d\xb6\xaf&gt;\x1d\x7f\xab\xdf`\xd8h\x0c\xa1\x02\x81rKW!\xb7\xe8\xf5\x85~O,BI\xdeHt\xb4\x03\xd0\x1d\x97\xc7I\x99\xccbq0@E\xaaQ\x89\xf0\xdf\xeb\xdf\xbf\xdf\xd0\x7fc\xfc\xc6\xc6\xd2\xb3g\x0b\xe7\x8e#\xc9\xda~\x86T=\xd3\x9f\x8e\x8f\x0f\xf7\x1b\xba6\x1a\xbb\xb3XM:\x9dN\x89\n\xab\xc2\xe4\xf7\xd0p\x17\x92\xec\x94/\xb8{\xb0\x1eO\x0c\xa8,.\x97\xc5\x82\xb0d(\xe7\x05\xb5\x0e \xac\xde\xa5\xe4\xc8\xfc\xc2\xb3\xcd\xe9\x9e\x11P\xec\xffAC\x1f\xdcQ?1\xb7\xbe\xf7to\xff\xb0\xa1\xeb^ch\'\xb5T:\x9d\x9c\xd1\xab\x19\xd0\xa2(\xc6{\x04\xe7\xb2W\xf0\x0e{&lt;\x04\x1e\x84\xf89\\\xb5\x16\x97E&amp;\x13\x92K\x08b\x17\xc2\xfa\xd5\xf8\xf8\\\x12\x92\xabg\xe1\x19"C\x1f\xfd\xf1?\x82\xa5RR\xe9\x99\x89\xb9\xa5\xa5\x8d\x1b\xa7o\xf4w\x01\xd6\t!\xb5\xf4J\x01K\xa5d\xf4\x0c\xc3@\x8c\xd4 F\xe3\x89\xf7\x01.\x12\x84V\x03\x8bDT\xb5\x16\xe0B\xc9%CQ\x8cm\x18\x0e\x08j\x8d?\xdf\xdc\\\x98\x1f1\x0e\xcc\x00\xd9\xc2t\xbd\r\xb0\xda~2Z\n.\x86\xc7\'\xe6\xe6\x16\xa6g\xe6z\x05,\xc3\xc6\xfb\xa8%\xa2\x18\x02\x95N\xae\x84[+\xc3@\xea[\xd4\x10(%\xc3(\x15\n\x87C\xa1 \xa1X\xc9\\\x80U\xeb\x82%$=l[n\xfd@\xee\x81.\x84\xb5\xbc\xb1\xbe\xfc\xfc\xeeW#\xc6\x0b=3\x13\x9b\x9b\xff\x06D\xe9O\xdc\x01P\xa9F&gt;\\\x00\xa8\xf9s\xf3\xf3_#\xac_\x1a\x0c\xeb\x9e\x90Z\x9f\t\xa2\x0e-H{F\x06\\\x16D\xd7\x90_^\x9eo\xafu@\xaa\xcbH\x12Ae\xb8P\x91@X\xf7\x86sss\x05\xac\xf5\x8d\xe5\xe5~\xc3s(\xf96\xdb\x85\xe3\x03\xf3\xd3\xd33\x1f\x1e\xb7\x19\xa1\x96\xb5\xfd\xb7F#\x1d\xb9\xf6\x87\xa5\xa5\xcd\xf9\x9es\xf33\xd3\x19\xac_\xe4\x0e\xdf\xeb.e\x94J\xb9\xaa\xa2B\xd7\xd0\xd0\xa0C\xc3F\x8cEi\x81%\x97\xeb\n\x8a\x0f\x16\xe7;P\x01\x95\x91\xa6\xda\xdaD\x02aY2\\2u|=\x17a\r\xf7\x8e\x8f/\xfd\x87\x8e\xf3\rM#\xcd\xe3x\x86A\xe1tf\xce$\xd4i\xac^\xcc\r9\x97\x98\x9bN&amp;\xc5\x1a\xb1\xddv\x13J\xc3\xb0\xf1\xdex1\xed\x92\x17\xfb\xca\x86}#\xccR\xa1t_\x8dA\x16\x14D! \x1c9$\x11&lt;\x0eY(Y\xc1\x13\x8c\xb0\x17\xb0!\xe1\xb6z\x17\x08\x97KJ\xde\x84\x92\xf6M\xd3\x17\xc9\xbe\xe8}\x7fcZ\xb8c\xf7\x89\x7f\x88\x98\xc7\xcf\xf3\xfd~\x9f\xdf3\xd1y\xfcis\xf7\xed\xe1\xbe\xb1\xbf\xb5\xd7\x06\xce\xe8\xadD\xb9\xb5\xd9*U)g\xbf\xbc4\xfd\x99\xbe5\xa7\\\xd9?~\xdb*ewZ\xbb[\xc7\x17\xdb\x88|\\\x14\x85\xd7\x7f\xbc\n\xb1\x06H\xa9\xe9\xc0\xe2\xe0b`d\x80\xda\x15P\r\xdc\x08M\xf8#7(I4\x07\xe9|\xb7i\x13l\xf6.\xf2u\xf7\xfaK\x89\x07\xd6\xba\xb1\x91Z\xe9\x96\xcb\xd9\xe8\xcef\xf7\xf0\xd8h\xd6k\xedh"Q\xbd\xf5\xd7\xfcNk\xa7T\x1d\xfd\xa5\xf2O\xdf\x9cs\xab\xbcwv\xf8\xf6\xef\xd1|\xb6\\\xdb\x8a\xc7\x8b\xaf\x95\xd4\xca\xfa\xbaHr]\xbds\x85\x825\x1d\x18\x1c\x0c\x84B\x83\x8b#_\x0e\xd1&gt;\x10\xf890\x14p\x8e\x10\xd4]$}\x96\xa0&gt;\xfdt\x99\xb0(\xf77\xbf9\xb5K\x84\xa5\x00\xabR.\x13X\x14U\xe2\xd0\x10N\xb6\xba\x95\xbd\x83N;Wj\x91\x9b\xd5_\xfd|E@I\xaf S\xad&lt;Z\xa7{\xc2\xc7\xd7\x0f/NR\x1bFQ\x14%\xfe\xf4\xf7\xbf\x85\x87##\x8b\xd3\x83!g\xc8\xe1\xa4}\x88C7H\xbd\xa1\x01\xda\'\xf9\x9bkDu\xf3\xe6\x8dAzk\xc9\xc4\xa2|-_\x7f-\x90XT\xe4\x93+\xdd7\xbb\x9b\xedh6\x9b\x8dR\xe4\xb7\xf6\x8dx\\j6\xea{\xedh~g\xb3S\xbe\xf53J\x8dV;\x95\xad7\x9be0E\xdb\x953\xc9n\x1c\xfe\xb4\xd3\xaaO\xa5\x94\xa2\xe8\x12y\xfe\xfc\xda\x95\x01\x04+@\xdb\xa2&amp;\x1d\xb4kf\x08\x9eR\xd0\xbe\xa4\xeduW\xaf\xdd!\xaa\xfb\x83s\x83sO\xc0\xd5\xf3\xf1\xfe\xec_\xd6Y\xc22\xf8Tj\xd5{Z&lt;\xdeoT\xda9\x93,\x9a\x05\x1a\x92v\x92N7\x8e\xf6\xda\xb9\x1c2\xf6\x7f\xc7.\xa3\xd5r\xad\xdb\xad\xedD/\xa1x^8\xdb\xcd\xe7\xb2\xf9J\x18.\x1a\xe0\xd2\xd7_!Z0\x90\xb6\xb6ML\xf8}\x0e\xe7"A\x81\x13\x05\x03\x15\rK%Q9\xe7\xe6\xe8\xbcy\xd2\x0b\xd1_\xfe\xddk\xb6\x87eK\xa6\x92\xeb\xa7E\xac\xaf|\xa3\xb2IPD\x16\xcd#\xf3\xbb[\xfbb\xb3\xf1\x1ed\xd5\xff)\x9d\xa3\x89N\xa5\xbb\xdb\x8ab\x14\xf9l\xa7\xd20\x04\xbb\xb1\xd5J\xe0\xafJ\x07+\x0b\x1b\x92Kt\xb9\x04\xed\xf4\xfa\xc84\xed\xb7s:\x1d&gt;L=\x87\xc3\x19\x1a\x0c\x04\x16\x03\xa1\xc0\xe3\xc7\x8f\x87\xcc\x190=7\xe7Xs\xac\xad\xcd\xd1\xbb\x83\xcb\xb8\xdcy)):\x8fA\xf2\x1b\xc9\xe4J\x11\x0b\x86\xddn\xe7\xf9f\xbdrP6\xc9L8Hr\xb6\x7fBn~d\xc2\x82\x9c\xebT\xde\xd4\xf2\xd5\x04\xa4*\x1f\x1c5u^\x92\xf6\xdf\xe4\x13\xd1\\\xae\\\xab4&lt;)+\xa6\xa2(\xb2\xf2\xf9\xc0\xa0\x89\xe5p\xf8}~\xbf\xb9-\xcb\x112[`\xe41\xd53\xda"\x18q8"k\xa6\\O\xf0\xf3\xcd\xa9fb\x89\x1c\xc4\xe2OA\x05\xf1x\x9e\xd5\xd3\' k\x97\xb3\x1f\xc8v6w\xbb\xf5F\xf3c\xe9\x1c\xcd\x1eT*\x9b\xf9\\\x0e\xd0\x07\x95\xfaIZV\xa4\xc37$U\xa2\xbc\xd7\x90\x8a\xc5\x95dJ\x10\x05Q\xe4\x19\xe3U\xa0\xb7;\xd1A\'\xa1\x83\xab\xdf\x11\x01\xda\xe4\xe4d(\x10\x08\xf4\x88#\x91`0\xb2\x04.\xfaW\xfb\xc9\xf5\xd7,\xa3\xe9\x10H\xf0\xac&amp;7\xe2p\xd0\xceby\xe4\x01\xc7\n\x02\x7f\xb6U\xefv\x8f*\xb5\x0ef\'\x00\xb2;\x9b\xbd\x0fV\xfb\xaa\xed\xbd\xcan\'_*E\xdb\xb5\xa3z\xc3\xab\xa7\xd3\'\xa8\xef\xa5\\4\x978\xa8Co\xa3(\xa4Vm\xa2\x002\x9d9~\x1a\x9a3_:\xe2\xfe\xd6\x1d\x84\x8f\xfd\xce\t\x1f\x9dU\xd9\x0f4\xe7\xe0\\\x8f*\x18\x89\xc0\xc5\xb5\'K\xcf\xee\xbe\x948M\xd6\xed,\xaf%\x93\x10\x1d\xb9\xe2\xc9CP\x11\x9e \xa41\\Qh6\x8ej\x1d\nZ4j\x1e"$ Tm\'\x1b-\x95kG\x8d\xa6\xcc\xc4\xd2\xd2\x19\xd6\xf6D.\x97\xabf+M\xdd\xeb\xb5K\xebq5\x99Jc\x92\x8b\x82\xc6\\\x0c\x00)\xe2\x0b\x06\xfd\xee\xa0\xdb\xed\xf39\xe8\\N\xba\xf4\xf7OR\x97\x88P\x06\x00\x00\x07\x1cIDAT\xe6\x1c\xa0\xfa\x16\\kkKKK\xcff_JVF\x96e\x96MC\xac\x05\xbb!\t\xa0\xb2\xdbYE\x01\x17OM\x92 \x9d\xa2i\xc8\x15JX;\xdb7Z\xcd\xd6*{\xad,\xd5\xa8J}[\xd3\xd3z\xf3\xac\xbbYN\x00\n\xd7\x83:\xabx\xbd^\x96\x97\xe2\xfa\xd4\xaaU\xd01\x9b\xec\x9cr\x1e2\xf5p\xa3\x8d\x83\x0b\x06\x02\x89\xa8&amp;\xfaM,_\xd0=\x1f\x0c.\x11\xd4\xb3\xd9\x7fH6F\x93e\xcd\xabx\x93\x08&lt;\x08H,\xd6\xa4bI5A\xeaay\x15\x96O\xb3M\xb0\xf5\xb5k\x10\xaaD\x81:jp\x16\xe6d\x7f\x0b\tKT{P\x9d#\x92\xca\xbb\xedE@EQMn\xa4e=-\x08rAz\xe5$\xaa\xe1\xe1\x99\xe1\x99\x99q\x1f\xb9\xd7\xdfk\x93\xce\x909C\xe7\xe7)\\\x91\xa5\xa5;\xe7\xbc\x8d\x89\x81\x8aa\xb4\x95\xd5d\x8a5x\xd3&gt;\x85\xda\x07,\x1c\x9c\x90x\niH\x0f\xf5\xed\x01"Z\xee\xd4\xdeog2\xdb\r\x94\x87R\x15L\t4\x9a\x8d2\xc3q\xe0\xf2\xa2\x03\xbbK^HZeM\xe7\x05=\xa6\xae\x7f\x1f\x81R\xc3c\x9f\x8f\x8d\xcd\xcc \xf4\xce\xc9\x1e\xd9d\x88\xa8\xfc~\xf70\xe4z\x86\xb4\xff\xfa\\Q{T\x1c\xc3\xa5\x92Ik&lt;\xee2xb\xd04R\x8b\\\xec\x89e\xfeb7o\xec}\xa5\x04\xa5\xbca\xc9\xc4\x1a\xddZ9\x01\xa6\x04\xdd\xd0lT\xa0;\x03\xe5\xb7\xbd\x1a\rL\x80\\+:\x13St]\xb6\x84\xd7\x9f\x06\xe7\x87\xc7\xee\xa1\x8d\xcd\x8c\xfb!\x17\x98\xbe\x9e\xfc\xfa\xf6\xed\x90s\x02Tn\xda\xb4\xf2li\xf9\xe9\x05\x03\xad\xd0\x18\xab\x85Q\x93\xc9\x02\xa8\xd0\x0c\x81U`j\x0f\x0bP\x02\x7f\xc9s\t\xda\x97\xed\xec\xd5\xb732\n[\'O\x1a\x81)\xda\xd9;\xaa7c\x0c\x03\x99\x08\x0bz\xd1\xd0\xec\xf1\xb4gCf2\xc8I,cQ\x8f\xaf\xbb\xc7\xee=2\xc1\xc0\xe53\xf3\x1e\n\xdd\x0eM\xf6\x9bP\xc3\xf3\xf3\xf3sw^\xad[,\\L3\xa9l\x9c\'\xe9\xd1]q\x80\x89\xb85x\xf2P1\xb1\xecfq\xfd@E&amp;\xbeo\xd82r\xa3K\x15+\x07\xa4\x1c\xc9\xd4hj\x1ac\xdd&amp;\xfb\x18FA\x12)\xf4\xc8\x94+\x93\x8a\xc5\xac\x16\x8e\xc9d,\x05\xf5\xf8\xee\xcc\xd8#\xda\x84t\x0fF\x82\xcbL\xd6d\xbf\xcf?&gt;N{\xd1\x7f\x9cw^;?\xb1Y\x99\x18:\xe3\xacV\xab\x8d[XP\xc3\xe1XZ\x04\x97a\x10\x99\xc4\x83\x0bU\xb57\x1f{T\x84e\xef\xcb\xc4\x9au\x14(3\xe2\x90\x89\x90d\x054\xe8\x88\x83\\\x0c\xe7\xd5\x18Ec\x15{:\xe3)\xa4=\xaa\x86\xe1s\x19\x0b\xb0l\x17\xb3\xf4\x01\xc6\'\x0f\x1f&gt;\x1c\x1b\xf6\xfb\xbe\xfa\x8aN\xbd\xa6\xb3\x99I\xc0G\x8f\x86\x97\xbf?flV.\x13c,V\xa2\xb2Y&lt;\x19uj\xca3\x15\x96\xb1\x88\x19\xe4%\x0c5D\x812\x8f\xa2\xdaK\xd7%\x16\x12\x95\xff\xc8\xd4\x94u\xd6k\xf5\xb2\x08:\xb7\x8d.\xe9\x9e\x83\x89\xac\xa62\x96\x85\x85)9\xe3\xd18\x8b\xd9\n6U\xbd\xb8?\xf6\xc9g\x00\xa3O\x07\xfc~s\x87\x96\tE\x8f\xb8\xef\x9fK\xaa\r\xd2b|6\x8b\r\xcdb\x91]\x19`e\xd4\xb0\x1a\x13e\x0b\xe0\xa8\x88\x02Hf0K5\x85d\xbb\xe4\xeak\xa1\x0e`mn\xd7\xde7\xf5\x98\x95c\x05\x85\xd3X/:\xb3\xf5\xb0 \x9a"\xbaP\rA\xe5\x89\x89*\xc3]R\x15\nj\xe1\xf89\xb8&gt;\x03\xd9\xa3\x17\xffv\xffa|f\x06Q{h*\x18|~\x9cQ\xf1\xbc\x0cg\x01\x1bQ\xd9\xaci,\xf4\xe1\xa9\x82(\xc6\xc2\x1e\x8b\xecQ!\x17Q\xa5\xd3\xe9\x98U%{\x05Z\x93\xcc\xd6\x07\xa5\xa2T\xdc\x91cf\xdb\xc6)\x12\xaf\xd8Yxg[\x01\x16Q1\xbcK\x80e\xe1\x85\x85p,^\xd4\x19\x06/f\xc5\x95^I=y\xf7\xe2\xde\x17\x0f\x1e\xfc\xed\xc7\xe7?\x98\xe1\x7fH\xda}\xf6\xa7{?\xbc\xb3\xab6\x93\xdfj\xc1\x00\x0bx.\'@\x1c#\x1d\x0e\xcbi\x8b\n.5,\x0b\xe0\x8ce\xc4"Z\\d\xa6\x92\x1e-lS\xcc\xec\xf7%\xb2\x07Gu.\xa6x\xad\x10h\x85S\xa0\xa9\xc0R\xb4H-\xce\xcaIq\x0cnj\nZed\x8b\x18\x8f\xdbM,S\x01\xdc\x17,\xfb\xef\xbe\xfb\xe2\xc1\x7f\xfe\xf5\xcf\xefL7MO?\x7f\xf1n\x9f\xeb\t\x04\xffH-&lt;Y\x13\x0c`\xb9\\\xb2\xc7\x13\xf6\x84\xc3\x1e\x8f\x07~\x16d9\xac\x8a\xc5x\x11\xd3S\xc8x\x92\xab\xab\xab\x9e\x8c\x8cC\x8d&gt;\x04\n\x96\xa1\x020\xa0\x02\x16\xaa\xb9@\xd9\xb2R\x9fV\xbe\x18\x97!/\xbaX\x98\xd2\x0b*/\xb8\xe2\xfa\x7fk6_\xdd\xb8a8\x8e\x9fU%\xc0\xe7\x86F\x8ad\xe9\xa4\xb2\x02\xebd4K\xc6#y\x01\xe7\r\xae\xdc\xc0\x0f\xb0H&amp;f\x91\x0e\xde3\x04\x14\x15\x8c\x0c\x95m\xd2\n\xaa\x93J\x06\xf6\x02%C\xfb~\x9d6(\xe0.\xf9\xe4\xfb\xe7gG\xa7\xa3\x8b\x92y\xa1\x18\xd2\xb6\xaf\xef/\xd7\xeb/\xfe\xa5\x9a\x7f\xaa\xfe\xfa\x05PAn\x07\xf1\x1b&gt;A+b\xdcW\xacS \x12.\xe9\xad\xc7\xc3\xfa\xc5\x16\x0c\xdb\xd0\xe8YK\x9b\xd6\x8b\xb6\xcb\xd2\x98\x1d\xfa\x0b,1\x1e\x89\x05\x13!u\xfeT\xeb\x08\x88\x05\xae\x83\nW\x081\xf7\xe8\xf6`hLK\t\x96-f\xea\xef\xdb\xef\x9fO\xf5\xd7\xcd\x87\xfb\x1f\x80jj\xf1d\xfdP\xc5Rf\xb4X\xb6z\x96\xaf\x8f\xa5bi\xd3G\xcfbR8\xed.\xebz\x81Z\x13n\xe7\xe6\xb4\xabS\x80E\x10\xed\x19X\x91\xfb\xf5\x1b\x01G\xdb\xe3\xdd\x90\x01e\x97\xc6\x92J#\xb1x\x13\xd8\xe7\x1ez\xa9\x8f\x1b2a\x94\xed\xfb\xdb\xfb\xcb\xc3\xfd\xf5\xfa\x0c\xa8\xa2\xd4\x07\x16j(\x04\xe1\xac\xf3K\x88\xb1\xe7T\x08\x85&gt;\x82K\xe6\xbe\x10\x8a\x17o\x80E\xaa\x04\xf5&amp;\x10\xeeZ1\x12\x0bl\xc4\x12\xfb~\xe8\xa0V+\x8e]\x1f\xd1dPu\xa72\xc1\xc3\x80\xde\x0c\xbd19\x96\xa6|\nQ\xc3C\xbc2\xbe\xbe?\xff\xf9w\x17\x9a\xda\x93\x96u\x01\x13TWB&gt;\xce\t\xd9\x14\xd8U\r\xd4\xbf\xc0\xc1`\xac\xd3x\\j\xa5\xc3m\xef7\xb1fkuZ\xd7y\xd7b^\x1e\x88\x85\xee\x01\xeb\x06X\\\xc4s6:96\x10#\x06-\x9c,f\xcc\xd0a\xd7d&lt;\xecW\xc4jU\xb3\xd1\x81\xaaiC\x1c\x00\xc50a\xae\x88\x03\xd6\xaeP\xd7\xf9\xa3\x9cq\xe0\nn\xe1\x18\xa5\x8fQ\xebx25\x1b\xe0\xf2\xb6;\x85T\xb1\x92[\xfc\x0c\xb1\x1ew\xb2\xee\x10\xc4\x81=&lt;\xcb\xc3\xfe\xc4\xb6\x0e\xd1&gt;\xc2\xe7R\x80\xe5\x99\xcc\xc9e\xce\xbe|c\x84\xd7\x02.\xa8q\x93C5[\xceB\xecr\xa8\xe7\\\x9c\xc4\x96\x0c\xc5l\x1c\xce\x1fT\xce\x9dM\xfe6p\xd5)\xda\x9bX\xdb\xc8i\xe8\x17\xc3h\xa5D\x0f\xdd\x05\xa7\xeb\x86\x05\xbd\x14&lt;\xc4\x1e\x92\xef6\xb85\x90\x93-\x15\x8b_\x9d&amp;C\x0b\xb3\x19\x1b7\xd9.LI\xe6\xfdQ\xd4Cab\x8c\xb7}\x1e9\xce\x11o\x82\xd1Bq`^\xa5\x14Tk\xaa`\x93\x16]\xcd\xd7P\xb6\x19\xa1\xb1\xab@\xd0,*\x08\xe7Rrv\x91\xa4Z\xff\x03\xd8\x12\x10\xc4`\x87\x04\x9f\x00\x00\x00\x00IEND\xaeB`\x82'</t>
        </is>
      </c>
      <c r="M92" s="3" t="n">
        <v>45492.67633101852</v>
      </c>
    </row>
    <row r="93">
      <c r="A93" t="n">
        <v>245159</v>
      </c>
      <c r="B93" t="n">
        <v>1954</v>
      </c>
      <c r="C93" t="inlineStr">
        <is>
          <t>Lucas Silva</t>
        </is>
      </c>
      <c r="D93" t="inlineStr">
        <is>
          <t>L. Silva</t>
        </is>
      </c>
      <c r="E93" t="inlineStr">
        <is>
          <t>VOL</t>
        </is>
      </c>
      <c r="F93" t="inlineStr">
        <is>
          <t>VOL</t>
        </is>
      </c>
      <c r="G93" t="inlineStr">
        <is>
          <t>VOL/MC</t>
        </is>
      </c>
      <c r="H93" t="n">
        <v>182</v>
      </c>
      <c r="I93" t="n">
        <v>16</v>
      </c>
      <c r="J93" s="2" t="n">
        <v>34015</v>
      </c>
      <c r="K93" t="inlineStr">
        <is>
          <t>Right</t>
        </is>
      </c>
      <c r="L9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1777c4e-6786-4a3f-ae6d-c517802279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e+\xd9\x8e\x00\x00\x03\x00PLTE\xff\xff\xff\x003\xc0\x0f\x08\x08\x002\xba\x005\xbd\r\x05\x04\xfc\xfd\xfd\xfe\xfe\xff\x01\x01\x01\x08\x03\x02\x1c\x11\x0f\x14\x0b\t\x012\xb2\x08\x08\t\x007\xc2(\x19\x16!\x17\x15\x19\r\n\x00/\xaf!\x13\x10\x000\xb7.!\x1e\x01-\xb3\x007\xc5\x15\x10\x0f\x03\x04\x06\x00\x1c\x8e\x00\'\xa7\x14\x05\x038%"\xd8\x98\x8f\x01+\xab\x00!\x9b\xf7\xf9\xfa\x00&lt;\xc7\xb3rk\x00%\xa1\xb6\x7fx\xbd\x8a\x83\x015\xb6\xbc\x85|\xd1\x95\x92\xd9\xa6\xa1\x00\x18\x8a\x10\r\x0c\x00&lt;\xd0\x00B\xd4\xbd~y\x00E\xdd\xd0\x8f\x8f[=7\x88HA\xba}s\x00)\xaf\xa2_V\xbb\x91\x89\xf1\xf5\xf7\xc4\x7f|\x9a_X\xa3ph1\x1b\x16\x82ND\x00\x1d\x95\x8fLD\xd8\xa1\x9a\xc0xtzXQ\xb0lcJ30\xc6\x9d\x93\xd0\x88\x83@-*\xb3xs\x17\x18\x19\xb9vo\xc7|r\x93[S\x82ZT\xacxq\xc4\x8a\x86\xc1\x84\x7f\x86b\\\xa8aZ\xd8\x9c\x94\xfe\xff\xff\x92nf\x8dTM\xabgcxI@d?9\xa5g^\xed\xef\xf1\x00/\xbd\x0e\x11\x13\xc5\x8f\x8d\x1f\t\x05\xcc\x8d\x89)\x0f\x08@"\x1a|=3\xacrkD(!\x90b[\xc0th\xbfoqjGA\x84TL\xb4]W\xa3wp\x00M\xe3\xc2\x97\x8e\xdd\xab\xa7\xa1WP\xd4\x90\x88\xc6\xdb\xe7\x96QO\xbbpg\x96a^3\x14\x0b\x9a[Qi5,\x99tm9\x1d\x16\xdd\x9f\x96\xa1ie^HF\xca\x84\x82\x85B8P=;\xb6kgu7-\xa1a^$ !\xadeZT50\x8a]UwQI\xbd\xd4\xe1|D&lt;\x8bhb\xd4\xe5\xf0oLH/**A\x16\x0b\xdf\xa5\x9c\xd0\x9f\x98\xda\x97\x98\\1)\xe4\xe7\xea\xc0fh\xbb\x99\x8f\xdb\x9e\xa0\xb2\x84\x7f\x9dPH\xcd\x81y\x00U\xeaN+%\xad}xN!\x16\xba\xc4\xc7\xb4g\\\x9ai^X%\x19\xd6\xde\xe1\xd7~\x7f-7:\x01+\xb6lTP\xc6vl\xaa\xc2\xddq&gt;7\xb5\xcc\xe0\x9ajgC68\xcd\xe0\xed\xad\x8a\x88601\xaePP$*-Vek\xbck_&lt;DG\xcb\xd3\xd6\x003\xca\x9d\xb8\xdd\x86\x96\x9b\x146\xaf\xa9\\Pz\x89\x8fg,\x1e\xb8RS\xbf\xd4\xe8{^]\xbf[\\\x1bB\xb7Tv\xbf\x01\x15\x82\xa2\x7f}fox\xa7BGn~\x84\xd1qt\xc6owBQV\xb6]d\xd9\x90\x8f\xc3\xcb\xcdNZ_\xca\xa6\xa09`\xbf\xda\xe8\xf1\xa4\xae\xb1\xb2\xb9\xba\xcbem\xda\x86\x88\x96\xa2\xa7-R\xb6\x91*(a\x85\xcd\x96??2J\xa4\x1a"%\x8c\xa5\xce\xb1\xa1\xa1\xe2\xda\xdb\x96\xb4\xd0\xe2\xec\xf4o\x94\xd0\rC\xc2\xcd\xbc\xbdE_\xacm\x8a\xbc\xa154Eq\xcb\x84\xa1\xbf\x1d;\xa7\x8c\xae\xdc\x0e0\xa5\x02\x0bH\xd9\xcf\xcf|\xa1\xda\x04\x16hUZ\x94\xceVh\x06\x07\x1b,S\xc2\x172\x96\x9b\x91\x96\x07_\xec~\x1f\x1a\x89y}ONR}r\x99\x1a*\x80_Rj//d\x06\xa3\'\xf8\x00\x00 \x00IDATx\xda\xc4\x98\xdfK\x1bk\x1a\xc7e`~\xbc\xf32\xcc\xbc\x0c\x03\x13\x18\x85\xd0\xab\xc8\x80\xd8\x96\x92\x1e\x14\x15\x97Hj\xa1\xa5\x95=\xed\x864&amp;\x12d\xe9\x85\xca\x91T,\x18*Z\x96s\xa1\x16s\x13)F\xcc\x06\xe4\\\x85\xc4\x04\x82\xc9m\xc8\x12j\x16\x14r\x95\x8bs{\xfe\x85\xbd\xd9\xef;\xf1\xb0\x7f\xc0\x8e\xed\x83\xc9\x8cI \x1f\xbf\xcf\xf3|\x9f\xe7ud\xe4\xff\n\x19\x11.\x06\x83\x92,\x05\x83\xc1B\xfb&amp;,\x8f\xfc\xf0\x90\x97dI\x0e\xd6\x0b\xb1B!V,\x86\xeb\xd5f=&amp;\xfdx\xaeX.W,\x16\xfb\xcd~\xa7\xdal6n\xda\xb5N\xf3\xa6\x18\xfc\xc1`\xb2\\h\xb7\xdb\xd5v\xaf\xd7\xebv\xabx*\x97\xbb\xddv\xbf\x90\x93\x90\xd9\x1f\x87%\x05\x0b\xbdJ\xb7[:8(\x1f\x94J\xb8X\xd6A\xa9W\xad\xf6\x7f$\x97,\x85\x83\xfd\xde\xc1^\xa9\xac\xeb\x96j\xd8\xb6\x81\xd0\xcb\xb5Z\xad\xd7,\x14s^&amp;\x97\x96\xf0\xf8~H\xf8:Y*6\x1a\xd5\x92\xa1\x9a\x1c\xc7d\x02q\x05\xd5d\xeaA\xb9\\\xae\xf5:79iDB\xc8^|\x1f\x99\xf8\xd7\x85s7\xddr\xed \xaa2JM\xdd\x10\x89"\n\x82\xaaR\x13\x99\xb4\xca\xa5j\xa3\x98\x8b\xa1#\x82\xe1\\,\x18\xfe\x1eM \xe5\x8a\xf5z\xf1\xb6\xd1\xdb3\xf6*\x82M\x05\xc1\xb4TB\x88H\x88jPU7t\x035V\xabv\x1a7\xfdF\xbdx\xd3\xb8Ew\xca\xdf\x03\xeb\xfa\xa6\xd9\xad\xd8\xaem\x0bD\x00\x0f\xb3\x90C\xe2\xba\xa2`:\x8c1C5L#\x1a\xad\x94J\xb5R\xbb\xdf\xe9\xa2M\xeb\x92\xb4t\xdfE&amp;\xc7b\xb7]C\x10\x04Q\x14\t\x9e\x88\xa3R\xea*\x82!\x10\n\xed(\xa3*\x0f\r\xd8\xd1=t\xea\xa0T\xba\x89]_\xdf\xa7`2\xb7\xab\xebNMg\x02\x04\xe2)\xe4\xb9SEj\xa3\xe2\x05"R\xe8G]\xf4\x01\x7f\xdb\xa5\xaaQ)U\x06\xa5J\xa3\xd0i\x06\xefO.\x19\xd5+\xc7\x9a\x15^\xdc\x04\xfa\xe8*j\x9d\x18\x06cvT\xb0E\x85c\x89\xf0\n\xd3dD\x03\x97m\xb8\x83Rt\x10\xadv\xba\x9d\xb0t_\x95/\x07o\xeb\xc1\\\xa3\xccD\x01X\xa2\xaa\xeb.Q\x14\xc5\xb6T\xd5v]AQD[\xd04\x8ee\xa0\t4`\xed\x89\xf1A&lt;\xaa\x95\xaa\xa56oM\xe9\x9e\xc4jv:\xbd\x03\x83\x89\xa2\x83\n2\x19Ux\x08:\xd4\xa1\xd0Mq\x91K\xc1\x15l\xc6eD3PCs\xddhT\x88b\x1c\xdc\x16n\xea\xd2\xbd\x18V\xaeP\xad\x0e4U7Q\xec\x14,&lt;\x93\\-\x9d\x978n\x03\xa0\xd2\\\x94\x17&gt;B\t\xa1*\xb5\t\xda5\xeaFKQ\x8c\xf1B\xec^\xb4\xca\xfd\xfeG\xb5\x12\xc7w\xaa\x82#\x8a\x96\xce\x98i\x83\x8a\xa8:3u\x8e\xa5\xb8B\x00\x99#0X\xa6\n"5U\xd5\xa5\xb6\xa8\xb9\xf1Jt\xd0\xbb\r\xdf\x87X\x92To\xfcQ\x8d+\x1c\x8b\x8a\x94\xeaS\x0e\x8aKCA\xa1\xef0\x804\x12\x08\x08\xae\x12\x88\xdahF\x8c#n\x1c\xa6n\xe9\xe8UQ\xb0\xddA\xf3^*ki$\xd6h\xb7Kn\x800t\x1e\xaf\xf7m\xa6O\xe9\xaa\xa2\x98\x96A \x9c\xa0\x044\xa2)\x81=T\xbbh\xea\xb00\xde\x13\xd6\xa8\xc1\r\x8e\x90A\xa7~\x1f^\xbf$\x15\xaa\xb5\x8a\x06\xff\x14\xa8\xad\x8a\n\x9dJM\x99\xdb\xbaA\xc8\x94\xee\xe9\x83\xf2\xd7xJ\r\x1b\x9e\xa1Z\xcc\x16\x14f\xe9\x98D:\xe6\xa6\x88&lt;\xf6\xb9\xbb\xf8\xef\xed\xcd\x9a\xe5\xfd\xe5\xa2\xa8\x10\xfc\x98\xdb\xa9\xa9Q\x0b\x1e\xca_5\x991\xecJ\x8c"\x91\x97[\x19o\xe03\xba\xce\x0c\xcbT\xe1\xf7\xf1A\xa3\x18\xf6\xbd\xba\xb0^5\x0f\xb0\xc4\xa8&lt;!\xfc\xfb5\xc1\x1cMo/\xa8D[0D\xc1b\x18\x8b\x1e\x16e\xb8\x8a\xea\x01_*\x14\xd4&gt;\x1f\xde\xaaj\xa8B\xbc\xdb\xbf\xcd\xf9-\x97\x14\xacW\x99i\xa2\xc5\x1cq(\x8bF\xd4t:e("\xb0\xa8\xc5q\xf9\xab\xe8B\xc253t\x8eI\xa8\xe12\xcaTf\xb8\x01-^k\x16c\xbe\xd6\xd7\x92\x1c\xcb\xf5\x0f\xd0X\xa6j0\x83\x0c\xb9\x14\xa2\xff%=E\x84\x05\x9d0\x9d\rE\xe4\xad\xc0\x8dT\xa1\xaa\xe0}(j\xa3k\xa1\x16\xdc?\x1e\x1d\xae\x87~\x9e&amp;\x8a\xcd\x1a\xfef\xdd\xe0\xdb\x81=\xe4R\x14\'\x9d\x9e\x12\x84Q\x0b\x99c\xe4\x0ev\x88E\x86\xe2\xc1j]\nw5\rWS\xe2\x83A\xad\x91\x93\x96\xfc\xac\xacb\x15K\x15L\x93:6\xcc{H\x00\x1fHo3\xc1\x1a\x15\x9d\x84C\x86ID&gt;)q\x10wIuE`\xc1\xd5\xec@@\xabt\x9b\xfe\x9a\xc4\x92t\xfd\x1f\x9d\xa2n\xbci\xa8\x9a\x18\x80\xd0\x03\xb7\xa9L\xc21-\'\x91t\xb8D\x18\x8f\x0e\xb3L\xd1q\xfe\x04\xe3SJ\x14\x0ck\xcf\r(\x01\x8ck\xc9\xd7\xedF\x96\xeb5\x83O9\xe4\x8a0\x93\xa1\xee9U"\xc9\xb1\x92\x99D\x02\x17\x91\xaf\xcd\x8e\xa3\x8f\xea\x89D2\x99@\xe0C\x0e\\N\x14\r\xcb\xe0X\xd1\xee\xb5\xbf\xbb\x8d\x1c\xee[\x06G\xa2\xdc\xb3\x98\xca\xa5p\x12\x99\xc3\xc3T&amp;\x99\xd9\xce$\x93\x99$\xe7"" \xf1k\xe6\xf44u\x08X\xe4\xd6\x11\x19\xa1\xbaa\xb8\xc8h\xa0\xd2\xf0\xb5\xe2\xb9\x97Z&amp;\xf3V\x15&lt;\x1c\x13R$\x0f\x0fO\xcf[\xc7\xa7\xb8\xe0\x81\x80B\x8e\xe3a\x1d\x9e\x1eo\x1d\xe3\xd5\x0c\x87U\x99\xc8\x0cf{X\xf1^\xdd_\xb5bm\x0c\xc2\xe1\n%\x8a\x89d\x863\x9d\xb7V\xb2\x8fVvW\xb2+\xbb\xadV\xeb\x1cd\x19\xb0\x1d\x9e\xa7N\xb7v\xb3+[\xe7\xe7\xc0\x85\x90\xdc\xb7\xb0$z\x16\x8c,\xfaj\xf1\xf5\x12*\x8a:\xbc\xef\x1dNu\xda\xda\xda\xca\xe6\xf3\xeb\xeb\xf9\xf5Wg\xfbW\xf9\x99\x99\xecn\xeb\xfc\x14p\xe7\xad\xf3\xddG\x8f\xd6\xf33+[[\xc7 \xcb$\x98J\x05[\x0bp\xac\x9a\xaf\xc5%\x05\xfbQ\x8a\x0e\xc4\xda\'8\x1c\xeb|k\xe5\xd1L\xfe\xeaj\xff\xecrssunq\xf5\xf2\xf2\xfdU&gt;\x9f\xcd\xae\xb4\xb2+\xd9_\xae\xd6_q\xd4\xe9\x15\xe4r;\xc9\xd0\xb8\x9eX\x8aV\xf2\xf5\xfc#\x85;6sp\x06\x84\\^\x06[\xd9\xf5\xfd\xf7\xef\xcf.W\x17\x11\'\xcb\x91\x93\x93\xc5\x8b\xd5\xb3\xf7g\xef\xd7\xd7_\xad\xefon~:\xfb4\xff\xea\xc9\x87\x99\xec\xaf\xc7)p\tw\xde\x1a\x88\xf6}\xf4-\x8c\x9e*\xa5\xd4\xc1\t\x10\x96\x94D\x06w\xf3g\x97\x97\xab\x17\x8b\'\x91Hd9\xf4zlc\xe3\x9f\'\xb8?\xd9y9\x07\xed\x9e&gt;\x9d\x9b\x9b{0\xbf\xff\xea\xc3\xf3\xe97\x9fSIo\x8a\x07&lt;\xacfL\xf6s\xf4\xd4(\x8e\xa5\xe0B\n3\xa9Vv\xe6\xears\xf5\xe2b129\x16\n\xcd\x8e\x8f\x7f\x1c\x1b\x1b\xdb\xc0#\xf4:\x84X^~971\xf1l~~\xff\xc9\xf3\xe9\x87\xe9\x0c\xf6z\x94V\x80\xb7b\xc7W\xacz\xc9\x81Z\xfc$\x8f\x1c\x9e\xae\xe4\xaf\xce6W\x91\xc0\x7fm\xcc\x8e\xcf\xce\x8e\xaf\xad\xad}D\x1c\xcd\xe2\x9e\xc7\x97\xd0\x8b\xa7/\xa1\xd8\xb3O\xfb?M?LM\xa98\ry\xc5E\xfc\xc5\x1a)\xd6\x18\xefs\x15;\x04\xea}f\xfd\nT\x17\xa8\xaa\x8d\xf1\xb5qN\xb5vtt\xb4\xb66\xce\x9f\xf0\xc2\xbf\xbf\x84v^\xbc\x98\x9bx\xf6\xec\xe7\xe7\xd3oSPK\x145\xbe\xb9jq?kK\x96s\xbdQ\x9c\xbf\xf8\xbae&amp;\x0f[3\xeb\xf3\xcfV\xa1\xd6I\xe4\x9b\'\x0f\xe7\x01\xd1\x11.\xe3\x1c\xebK(49\xf9\xe2\xe9\x1c\xc7z\xf30\x95\xd1q\xd6&amp;\x9c+\x10o\xf8\x8a\x15k[X\xcbu&gt;\x0c\x13\x87\xbb\xf9\xab\x07\x8fW\xbd\x82\x1f&amp;q\xdc\xc3B\xcc\x1e\xe1~\x96sMN.#\x8b\x0f\xfe\xf6\x1c%\xbf=\n\xb5\xbc\xdaR\xdc\x86\x8f\xff _Z\x8aUm\xd3\x00\x16\xea+s\xfck\xfe\xea\xf1\x1c\xc7\xda\xd9x=\xfb\x1a\xf1\x91#\xf1\xea\x9a\xf5b|\x96c\xbd\x83Z\x9f\x9e\xfc\x15X\xe9\x05,\x81C\x83\x18\xdc\xfa\xb9B\xc0\xb7\\\xec2|iH\xa6&gt;\xff6\xb3\xffx\x91cE6B\xe8\xbe1`\x01\xec#\xf8\x009\xc6\x9fC\x93\xcb\xa1\x10\xb8\xe6?L\xff\xfdsz{\xd4\xb2\x85\xe1\xdeX)\xf8k\xa7\r\x9b\xe2`\x0f3\xddN}\xdd\x9a\x99Ge\r\x93\xc8]\x81\xeb\xc5\xc3\xbb\xfd\xc6mbr\x19\x11Z\x9e\xf8\xf9\x977o\xbf\xa6G\xa7,\xfbN\xadJ\xc1\xdf\xbd\xa6a\xdb6_\xa7\xf4\xa9\xed\xafog\xf6y#^x\\\x9c\x85\x0b\x86x\xcd\xa5\x83\xb3""\xc0z\xf7\xee%\xc7\xfa\x9c^\xb0\x0cJ\xfeT\xcb\xdfcO\xdf\xa66\xda\x89\xc1\x1f\xa0\x16\xc7\xba\x93k\xec\xceH\xef\xb0\xbey\\\x91\xc8\xceNd\xf9\xc5\xc4\xfcO\xffx\xfbyaa\n\xc78\xed&gt;\xd4\x92\nQ\x81\xffG\rv\x9a9\xfd-\xbf\xcf\x07\xf4\xff\xa8x*Q\xefC\xb5\xf0kd\xe7\xe4\xe4\xe9\xce\xce\xce\xc4\xa7\'\xd3H\xe2\xc2\xa8ex\x0b\x84\xa2\x0cn}=\xe8\xcb\xf5\n\x11\x81\xc5gO+\xfba\xff\x0cSz\xf5\xe2\x0e\xcb\xabzh\xc5\x1f\xa8\xf9\xff\xb2j~?i$Z\x1cOL*\xa9\x8dQCL4Y\x9a\x18\x82\x91\xa6\t\x01\x0c:\x08\xd1q(R@\xa0\xd8\xf2\xcb,E\x0b\xca\x0fS5\x0cEY\xc0NY\xac\xa1q\xbbH\xb9\xa2A\x97v\xbd\x91\x18\x8de\xd7\xdedc\x97\xc8\x83k%\x905\xd9\xc8\x86\x98\x9b\xfab\xe2[\x1f\x1b\xeb\xcb=\x83\xdd\xdc\x7f`N\xf0\xc5\xa7O\xce9\xf3=\xdfsfH\xaee\x98\xe0\x08\xc2\xc1\xb4:c\x12\x04\xa2\xb1\xae\xaa\xf9k\xb6\xa8]\x13\x7f~w\xed\xfam\x90\x87\x87\x0fW\x1fu{\xc3a\xd2\xd1T\xb25\xd0\xd3\xf3]\xcfw_\x83\x1c?\xf0\x1cZ,A0\x14r\xd0-\xbd@75\xfcD$j\xbcj\xae\xdaw?S\xeaN\xab\x07?\xc0fUC&amp;k*\xd2\xed\x15\x08&amp;v\tT\x11\xb4L\xb2\x01\xab\xa7\xa2\xefW\x02\x0f\xb1\x08Xj\x14\'0&amp;\xc6\xd4\x87\x84\xe2\xe4\xd0\x10&lt;\x8a\x15\xac\xe6_\xa9}\xafW\xf1\x81M5\xdf4\x0c\xbd\x89D\xc4N\xb1A,T\xb5\xb5\xa9\xd5\xech4J\xca\xfc\xf8?\x01\x83\xe8(z\xc7\xac\xe10M:\x9d\xd0d\x12\n\x95\x8f^&gt;\xac\x03,\xb2\x8a\xd7)\xc6\x82\x9e\xff\x1e\x94\xab\x81\xfe\xe4Y$b\xb41\x18\xb3\xf3{/\xc6\x12\xad\xe6;\xd1\xe8\xc0\x95\x87\x18\xbfJ\xd6\x11P=\xeeH\xec?\xe8\xe5\xcd\xf2\x1c\xfd!\xa5R\x19\x1b\xa27V\x96\xee\xe6Z\xaa\xb1h?\xfd\xd2Tu\xa3\x86&gt;\x1c1\xc4\xea\xe8\xa2FF__\xdf\xd3\xc0\xfa\xbd\x95\xc7\x8f\xefT\xf2\xf5#9\xa2\xa3wZ\xb7\xf7\xa7_\xbc\xd8\xdb\x0b&lt;\xdd\x92H\xfa\x18}\xc6\xe7J\xa1\xd8\'j\x04\x85\x80\xa9x\xfb\x03\xb5\x97\xb7\xfb\xf7\xff\xf3o\xc8\x16}h5\x12\x83\xcd\x94t\x12\xf4\xfazz\x1d#poZ\xa5\xf9Z\xcahT\xad\xea\x9f\x9fe0\x18o\xe1\x8f\x04\x07}\x9f\xedW*\xdf\xf8\xe0Q\x04\x07Q{\xf7oj\x0fI\xb4\xeaW\x7f6A\r\x87b\x06\xdb\x90\xcf\x06\xe1#\xedD\x03]$q\x18\xf4\x9a\xab\xce\x8f\x9a\xad\x9e9\t8 \x00\x06b\x86dvV\xc2\x10\x01\xd7\xc60`\x81A\xad\xfd\xef_T_(;\xffh\xaa\xb9A\xaf\x9b\xda\xb0%\x1d\xbd\xcf\xa7\xa7\x1f\xdcs$\x87\x87}\xbe\xe1\xd8\x86R\x1e\xb4Do\r\x0c\xb0[\xad S6\xd8\xaa\xeb\x86y\xf3{_\xa0\x9c\xbd\xc6Y\x9e\xd3+N\xc2\xf8\x81t\xd5\x82lQ{v\xa3\xb5\xbco\xbaQE\xaf\xdb0\xc6\x8c\x06\xa5\x7fl\x7f\x7f\x7f\xfa\xc1\x88\xd3`\xd8\x88\x88\xbd\xb8\xc2\x02\xd9\x1a\xb8\x19l\x17\x8a\r\xf0/\x83\xf3\xc1\xd86\x19+~\xcf\xbd9\xa7P\x17\x13\xd5WU\xd5\xde\x06\xd9\xaa\xa6\x1c\xeb\xdbkU7D\x06\xa3\xc1\xa9S:\xe7y\x92\xad\xbe\xad\x80\xa3_,\xd6y\x05X\xdaBv\xfd\x80\x85c5\x85\x94Ng\xef\xfcz`}\xef\xc5\xe6\xa6J\xd5\xb5\xd9\xdf\xef\x11\x1aE\r\xa4m\xae\xbd\x1c\xa4\xfc\xa6\xfb\xdb\xb70~|\x06\xc3\xf3\x11\xdd\xb3d\xe3\xdbzz\xd3\xed\xb7\x97\x819CD\'\xc0F\xa5=\xb7~\xeca\xab\xdbT\xafu\xe2\x91\x91\xf5@}C}]\x9fd^\xec\x19\x1b\x9b~\xae\xf4\x18D5\x80\xd5\xdc\xfcg\'\xc5-Ok\xa9`\xd9\xc4N\xa5p\xe6\x8d-\xf0\xfe\x97\xf5\xcb\xad\x0f\x7f\x7fy\xc6\x87"\xa6p\x84\rE\x0c\xb63\xfd:~\xc8\xed\xfc\xf8\xfe\xf2\xfb\xcb\xb7\xef.mS|\xff\xfe\x98\xc7\x13r\xda\xc0\xceC\xcb\xff\xd1B1\xd6\xe0\xab\xdf\xee^\xbf~-&amp;v\n\x85\xdd\xbfG\xba&gt;o\x89\xea\x9e&lt;\xfd\xeb\xc8s\xa2\ry\xb5;i\x18\x8e\x93\x88\xdc*\xf0\xea\'N:N\xbf\x04\x1a\x03\x92_?;\xde\xf0\xfd++~\x7fH\xc9kl\xa8\xba\xdd|\xf7\xf3\xa7\xd3\x16*su\xba?\xb2\xc7\xf8\xe6\xfa\x8d)\xb1N(Xz\xf4\xcc\xdd\xf5b\xf6\xe5\xea\xde\xf6\xca\xd2\x81\x0b\x13\x08R\xf1\xb5\xe2\xcdeTn\x120\x0b\x99\x82\xe6h\xdf\xf6\xe4\xe5\xec\x17\x96;\xd2\xad\x95%\xc6\xfc!\xa1\xa3\xb1\xa1\xc1\xf7ru\xe6$tF\x99\xa0\xde\xbf\xdf\xb9_.\x97/\xde\xdc\xa8\xd9\x10+_\x93\xa7\x85\xee\x90\x7fsS\xa8\xd7N,y\xbb\xf4\x13Z\xd7\xf1\xdaZ\xe9\xd0\x8e\xeb\xb52\xab^_`\xaa&lt;\x91\xfeM\x99,$\xb4rX\xac\x95.S\xc8\xe0k\x10\xf1\x0f\xce3\xd9,qJ\xa3,Yg\xee\x13\x88\x19\x91(\x02\xe3W\xe0\x15\nM\xaaD\xa2\xb5\x8d\xc3\xd4\xfb7=^\x816{\xbc\xbc\xb6\x06X\x04\xa6\xefR\xc98\xb0 \xca\x12\xdb\x89m\x95j\xa5\xad\x9d\x95\xb0\x86B:[\xcdp\x18/\xe4\xb2\x99\xec\x19U\x1aA\xab\xfeX\xbe(\x9ft\xcf\xf8\x92|7`\x85\xfc]\xaa\x84\xf9\xf1c5`\x85\xdcn\x81\xd6U\xc1J\xc7\xed\x04\xc1\xd4\xeberDm\x86\xe8\xe8\xd8N$\x12,YB\xa5\x15(g\xe96\x8cY\xc8g.\xce\xcd-\x94iV\xc7E9\xe3\x9a\xd8\x10M\xf1\xbd\x02\x93\tc\xca\xc0;h4\x08\xca\x91\xa9B$U\xee\x10\xc2\x1e\xb7\xc7\xe5rT\xce\xd1\x80_\xb6\x98+\xd1\xd1&amp;oO\xc8\xf4\xda\x90A\x94\xd4\xbb\xcc\x8b\xc7\x992J\xd5\x15\x82\xd6\x99(\x1fd\\\xc8\x86\xaf\xe2\x00\xb5\x18\xb3]M.6ju\xab\x9a\x85\x85\xc3.W\x0ez\xeb0o\'\x03Q#A\xee?a6\xb7\xb6\xcbe\xd0oZ\xe7pL\x1f\xe7rs\xf12A\xd5{\x1fZgG9s\x90\xc9\xf1\x93\x91n\xf7\x04`\x11\xa8\x9a\x0b\xeb)\x80!v"\xe5\xfa\x8a\x05\xd9\x82\x1f\xc2\x8e\x02\xcf\xc2\x02\xbb\xb8\x10e[\x906\x0e\xcad\xeaMP\xc5\x8dV.7\x9f\xcd\x9f\xc7O)\xc2\xba\xdfrt\xee\xca\xb8vLF~\xb7wW\x9bJ\xe1\x1a\x0b\x97\xcd5\xc3.\x88 v\x17\x89u\xb8\xb6\xb6v\x1c\xb7\x93\t\xe3\xdeZ\\\x04\xaa\x85\x85\xc5EXc5\x1a\x8e\xdc\xaa7\x85\x84\xc6\x8dv$\x98\xcf"\xd4a\xc1\x93\x989p\xc5]31&gt;\xdf\xbd\xeb"p\x14\xb1\x907\x19\x0b\xfc\xd4\xb8+\x95\xba\xc2\xcaC\xb6P\xbb=\xc8\x06\xa4J,\xf6\xb0\xd9j\x0eG\x06\xd9\ny\x8c\xbf\x97\x0f\xe2\xcb\xb9\xfc9:H\x19\xd6)q\x9e\xc9\x1d\\\xacF\xf8^\xc0\x92+\xa4$\x15\x172\x16DwvvH\xacR\xa9\x04X(D\xd0\xc2-\x15\xaf\xb0\xc0\xafZ\x10\x8e\x1cd\xc4\xefq\xcc\\\x94\xb3\xf9x.{D\x99\x89\xa0\xb5\xb4\x1ed2\'\xe5\xd5\r\x9dw7\x85\xe3\x88\x94+\x95\x02\x15\xf4\x0e\xa2\x18\xad`\xad\x95\xd6\x0e\x0b\x02\x14E\x80\x8a;\tXE(b\xcf\x02\x1b\xaa\xd8.\xb3\xfa\xfd\xfd\x0el\xe9\xe2&lt;\x1e\xcfQV\xc3\xab*f\x0f\xceOb&lt;\x9d L\xe0\xa3(BR\x15\xb9\xb0\xd4/+\xe4D*{\x85\x15/\xd89\x9c \x97\\a\xaf\xb0n-p\xa5\x08T\xd1\xaa\xf7\xcf;\xe4\xe1\x8b2`\x1dQw\xe0\xa2\xd1^Y3\x07\xe5%\x83\xc4)H\x01\x16\xec\xad\xd0\\\xc5"\x97\xab\xc0qL\x0f"O\x16\x11\x9a\xab@\xd8\xd1\xa0tr`\x80\xa4\x82\xddl\xf1+V\xd7\xe6S\xa7\x06#\xb1\xd0S\n\x8d`u\xcb\xc7\xa5\xf3\x8b%w\x9fA\x80\x11\x04\xae\x08\x92\x97-\x00K\xe7\x88\x82\xcb\x95\xc9\x1e\xaf\x01V)x\\(\x14\xe2v\x80\xbe\xb9pEU\xc1b\xb1T]{[~\xb5\xf5\xe2\xdc\x1e?\xa2\xf2sYZ\xf5\'\xf7A\xf9\x04\xe3\x19\xbd\x18\x86\xe1\xe9\xe0d\x91=0\xc0Mgv]\xae,\xcc\xb9\xc3\xe2B\xb1X\n"v\xe8\x1d{\x1c\x1f].A\t!\xa2\x15,\x99j3\xc0\x93\xb5N\x9c\xe7\xec\xe8\'j_(\xbe\xea\x82\x9e\xd7\xcfI\x94a,E\x1e\x1f\xc8\xeb{:\xb3T\xc1r\xe5J\xe3\xe3\xc0!E\xd0|&gt;o\x8f\xc3\xc3\xa9(\xdd$\xb1\xe0Q\x05\xac\x15\xd5\x83\xad9\x16\x91\x02\xea;\x83\xd4\x9a\xe6\xce\x7f-\xe9\x05\xda\xde\x1fzM\xe1\n\xd6$wrygi\x17\'v]\xbb\xae\x1c\xfbl|q|&lt;H\x0e\x1fRQG\xf1\x1d\x85\xb4\xf8\x7f\xac\xb1=\xc6=\xe6\x0e\x87\x85\xa3g\xd4~\x07Q]}6\xe1\xf6\x13\xcaF\xc7kmx\'\xad\x90J\'\xa5i\xd7\xeeN\x9ap?\x9a\xe2g\xf2Ehq.\x11rw\xf3\xddZ;\xa9\x1a\xa3\x8a\xd2@O\x94-E\x90v\x96jl\xfd\x87M\xb99\x81\xc7\xcdT\x7f\xf1L;\xb5.u\xc9\x05\x8c\xa7#\xa6\xf0\x0ey\xd9\x92*\xf00\x86\x12\xde\xc8Tl\x8a\xaf\xb5/K\x97\t\xa1\xdb\xcd\x7f\xc4\x17\xfae`.\xd2\xa3\n\xcbM\xa0\x02\x93\x015\x0c0\xfc\x1as"\x85\x9eQ\xbe\xf8\xb4\x1c\t\xfdLmR\xf2\\\xa8M\x81D\x04\x11\x14\xc7\x98\x98{*\x16K&amp;ys:7X=\xcff\xff\xbc\xa3\xd71\xd7\x1f\xb2\xb2\xe4LL1\xc9\xb6\x04\xdbe2\xd9\xd8\xdeV\x9f\xb5\xd5\xccb\x1e\rR\xff\x89\xcd\xab}?\x93\xc9c8\xbdPE&lt;\xadP\xe0\x98\xc9#\x8e%}\x0c\x91\xcf\xd7\xc73:\x0c\xf3\xff\xa3\xdd\xfc\x7f\xda\xb8\xcf8^9\xdd\x1da;\xd9\x1b\xb9\xc9F=M\xc8\xa2\x89\x144\xaf\x07r\xc06\xb3r\x9cz6\xb2\x81C\xd8\xf8\x1c9m\x8c}\xca9tB"\x06l\xf9\x92\x03\x0e\xdb\xc2\xb5\xa7\x89D"\x12\x049#\xb2J\xb0B&amp;-J\xa5%q\xd4\xa4\xac\x19r\xd5\x01\xea\xa2$s\x14\x95-\xfb\x06\xa5\xa1\xcb\x94i_\x9e\xa3\xe9\x7f\xc0}\xec\x93\xfc\x83\x7fx\xe9\xfd|\xf9&lt;\xcf\xe9yD1\x19&amp;\xa4\x19\x9a\x14\xb2)&gt;\x9f7\xb7\xbf\xab`A\xafX\xca\xd1\xb3P\x03\x1dy\xb2\xf7\x13I(\xb2\x91\x98h\x13p\x1f\xd4\xc8\xe0\xf4\xa6&amp;\x7f*\xcdA\xbb?tB\x99L\n\x92\x02\x97\x8c\xdb\x88 \xce\x84\xe3\x0c\x1d\x9e!\xb3\x94\xdb~\xf4\xdd.G\x08ri)\'\xd5\x9bZ\xea\xb7T\x18\x94\xeaA\xeb*\x03\xa3\x11\x9c\x8cX\xcc\x13m\xedM\xfe\x08\x19\x0e\xc6\xe3\xe1p&lt;\x18\x8c\x0f\xc5g8\x92\x06,\xc2f\xa3\xc3\x0c\x1d\x0c\x12\x04-\n\xae\x96\xa6\x90\xd5\xba\xe8)\xc8\xa2\xe9\xe8\xc9\x9f\x1dSe\x90\x129w\xd5,\xe8\xe8\xb4\x05\ngc(E\xc6m6"\x1c\x9e\tO\x81\x7f\x8d,,\x8c,\x8cL%\x83\xb6p\x92$iB\xe1#\x8a\xa4\x11\xb0\xf2\x8b\x19Q\xe6\xa0\xe9\xd8Rg\xbe\x13E\xcem\xbc\x94\x89\xack\xd8\xebo\x8a\x92\x84v\xc8\xc6\xccL\xdd\xec\x1b\xec5\xd6\xb7\x9c\x1e]\x19m\x0f%Z\xb3\x0b\x9c \x90\x0cC\xc7Oh\xf1\xa0\xdf\xe4Hd&lt;%I\x16\xafV\xb6T\x9bkF\xea\xd6~\x05Vt\xb9\x86C\x11\xdaf\x1b\xb2\x05\xb9\xc8`\xef\xe8\xf9\xfbg\xe6\xcf\xbc=\xff\xf6\xfc\xfc\x99\xce7\x8d\xe3\xd1\x88\x9b#%B\xab\xb5\x05\xf3MV&gt;S\x12\x8b\xf2\xcb\'*\xeeh \xc8\xdce\xb0\xa2\xcb\x1b\xb1\xba%\x02\xb7\x05\xa7|^\xe8\x1f\x97\xaf\xad\x9c?\xbf\xbe~\x07.\xea\x95k\xcb\x83\x83voZ \t\x1b\x8e\'\x1dM\x9eBA\x94r\xf2K57GP\xe4\x97\xbf\xd6\x11\\$\x12\xb1\xb2\x12M\x0c\x05gf\xa6\x16\xdc\xad^\xfb\x85\x81\xe5\xe5\xe5\x87\x0f\x07/\xc4\\\x96{\x91\x88`\x1b\xbax)N\xd3\x91.GA\x82?\xca\xce\x17\xcd\x88jT\x10\x8d\xcd\x9f~\xd7\x96$\xd3\xe9\xbc5+\x85\x83\x17O4|\xfab\xad\xb2Z\xb9W\xb9\x17\x8b]]\xab\\-W6\xca\x95\xb5\x0fm?\x1fi%\x93d\xff\x9b\xfd\x12A38`\xd5\xa9\x88\x05=\xd0\xc7\xfa\x1a\x82!\x05\xbe\xdf-\x90\xdcd\xe3\xc5\x7f\x7f\xbe\xba\xba\xb6\xb6V.\xcf\xcd\x95\xaf_/__+\xcf\xad~^\xbay\xc1j\xa1\xc8\xf4\xf4t\t\x12\x05\x8d;u\xab\xaa\xce\xf1\xa3\xe8\x872\xb82\x93L[y\xb8h\x86O_\xe8cc\xb1\x17\x95\xca\\\xb9\x0cTssk/*\xf7\xa2\x0f\x9f\x9d\xea\xaa\x0fE\xd2\x1e(ht\x84T\xc4\x9d\xb95U\xd7\x1e\xc0\xb9.\xeb\xf0\x1a\x1c\'\xf31\xc0\xb2\xb4\x9fz\xf8\xe0\x01t\xdc\xb7\xee\xb7t\x1d\xff\xc5\xf1\x93\x8a\xcb\x83\x93\x9d:\xdaU\xdf\x91\xe2\xfbS\xa2\xac#\xc8bNu,\xf4\xd8\xef\x1a\xf0j\x08}\x81\xa78\x9f\xb5}b\xe0\xe1\x83g\xcb\xb7\xa0\xfa[\x7f\x0eg}}\xe5\xd6\xf2r\xef\xd1\x93\xa6Nk&amp;\xc3*T\x12\xc4\xa1~\xa9\xac\xee\xf6\n\xda\xfc1\xa6\xaf\xae\xa9\xc1\t\x81\x12\xd3~c\xdb\xc4\xb5\xe5g\xcfn\xdd\x7f\xeb\xcc\'\xeb\xcf\xa1\xd1x\xeb\xfe\xca\xca\xa8c\xd6\xd8\xd2i-\x15D\x02_bhIv\xea\xc9-u\xb1\x90\xba\xd5\x00V\xad\xd5jq\x9a$S\x1d\xc6\xb6\xdeSwN\xdd\xba\xb3\xbe\xab\xd5\xf3\xe7\xf3P\x8d\xb68B\x8e\xa6C\xa6~\x8ad\x08\xa2H\xd3Eg@\x9f}\xa2\xee\xe6\x8a2m\xb3_\xaf\xd5\xd5\xe8\xf0"\xb7\x08Xf\xb3\xf1(4B\xf3\x8aX\xcf?\x81\x12\xffx\xd7l\x87\xb1\xfdP\x07[ \x99\x1cC\xd3\xd2R\x00\xb3\xb1OT\xde\xf4A\x8e\xfd\x06\xd3(3-Z\x82\xa6\xf8\xbc\xdf&lt;\x9c\xe8\xe8\xea&lt;\xde\xd9U\xef\xa8\x9f\x9e&gt;r\xe4\xc8\xf4l\xc8\xa1`\x15\xa4%\xadV\xa2\x99\xa2\x1c\xd0LE\xb7^S\xf7\xf44\xcf]\xc6\xf45\xb8\xb6Z\xcb\x90Y&gt;o6{SQk\xccCe\xb9B!\xcd\xb3|4\xd1a4\xd6\xd7{\xc4b\xae\xc6F\x82XNL\xd7\xb8\xa8\xb6Z(r\xec\xb7\x98F\x8f\x83\x15qFd\xad\x16\xf3\xb0\xb7\xd1\xc7\x91\xc9\x19\xa8\x1a\x92\x1c\x17I\x84:\xa0\xf4\xebpKKK8!2\x8c\x8ci\xb8A\xd5\xb1\x80kU\xde\xdf\xa0,_\xd4\x10\x92b\xc6\x89\x89\xe1\x85\xa9)(\x97\xe3and*\xd5\xd4\xe4\x80B\xd9Z\x90r\xb8\x96\xa1\x89\\\xe0;3v\x05Ke+\xbe\x86n\xd0\x1a\x8d\xaeF\x8fU\xe3\xe0^\xf9\x90\xf1\xb4yr\x92KB\xfd\x9c\xf4\xd9\'\xa3&amp;S\x93\xc3\xba\x98\xc9\x16\x01+G3N\x8c\xf0\x0e\x0fF\xb7\xd4\xc6B\x91\xb2\x10\xd7h\xf4\x01L\x0f\xd7\x10\xc9C\xd8\xf5\x0e\xf3\xad\xdc\x82/\xed\xb5\x8c\xb7\x99L\x87:\xac1\xb6T\xc89\xe5j\xbc(c5\xad\xdd\xe6A~\xabGu#&gt;q\x8f\x05\r\x06e\xcbH\x8f\x93)\xdej\xb4X\\\xad\x93\xae\xf1q\x7f\xbb\xa9\xab\xd34;\xdd\xcfR\x85\xa2\xec\x0c4\xe0\xe0X\xa4\xc5l\x1epm\xa1\xaac\x9ds\xf7\x8dh\x1b\x02\x01\x00#D\xcam\xe1]\x83\xaea\x8b\x7f\xd4ht\x80\x05\xeb!,K\xa2$?v\x06\x02\x8f\x03\rL\xcao\x1eP\xb0\xd4\xdf\xb7\xf3\x8c\xf5M\xe90\xcc\x80\xe9!\xd7g\xdd\x91\x887a\x0c\xf5\x86\x1c\x8e\x044_\xb3\xb3lA*.9\x9d\x01\xac!\x80\x11\x94\xa5{`\xe0\x82wC\xf5\xc5I\xa4\xee\xe5X\x1fp\x190C\x03\x1e\xa6\x85l6\x1d\r\x85\x12\xbc\xd5\x9apE\xa3\xac\xc7CA\x95\x9c\x0b` g@\xe6\\~Pk\xd0\xbb\xa1\xfe\xde$\xfa\x02\xb0\xce\x82^\x06LK0\xb4(r\xb1~~\x91M\xf1\x99E\x9e\xcf\xb0YQZz\x0c\x16\xde\xc14\x0c\x19\x89\xfa\xfd\xdd\x8aZ\xaac\xa1he\x01\xb0&amp;\xc9\xea*\x83^\x86\xeaS\x92D\x8a\x8a\xb8\xe1\x94X\xb7\x1b\xa8\xa0\xc0\n@H`\x8c(\xa4,\t\xc0R\xd4B\xd4\xce\xf3\xe8\x9a\x0f\xb0\x1a[9\xad\xc1\xd0\xa0\x87lOKI.\x9b\x05 \xb1P\xa0\xc4bQ\xb1 f\xd00\xd9t\x8a\x8fZ\xc6\xbb\x07\xec\x8d\x95s\xcdu\x08\xaa\xee&gt;g\xd97v\x16\xb0\x80\x0b3\x18\x02N\'\x9e\x83\x8bG"i\x86(2\xc5\x9c,\x03\x13D)\x9d\xa6\xdcy\x97\xc5b\x01\xdfj\xfc\xefW_\xfd\xf1}U\xb7\xe6Qtk\x17\xab\xb1\xd5\x97$\x1a\xaa@1\'\x1c\x19\x97eY\'+?\x1f+A\x8a\x83ay\x1e\xb0\xfc\n\x96\xbd\xb8\xb9\xb3\xfd\xe8\xc6S\x15\xf7rQ\xf4\x1c\xa5`\xd9[}&gt;.\\m\x00\xc1\xc0\x8f\x94\xc8\x0b(2)\x8f\xa1\x81)Pn\x96\xcf\xf3.\xcb\xf8\xb8\x19\x8cX\xdc1\x186\xff\xf3\xd1mD\xb5\xfc\x856\xcfe\xbfQ\xab\xd5\'\x08I\\o0TU)\x02\x01\xa02M]\xb5\xdf\xb9$\x01\x15E\xa5\xa2\xd1o\xb1heDwg\xfb\x0f\x1f j\xbd\x1f\xf9\xfd\x9f\xff\x97\x1c\x03\x97W\xac\x98\xf6\x91I\x9a\x80\xe2K\x19U\x81\x0b\xc9\xa0\xd1C\xce )7`eS&lt;o\x89\x8e\xfb\xbb\xc7\x01+\xa9\x01,\xc3N\xed\xd7WT\xd9H\xefA\x9a\xffzwg\x06\xb0\xceNN\xfa@/\x8e$\xe1\x9b\xa4\xc3\x04n\xd3\xe2\xd0A\nT\x162E\x9a*\x00\x96\xcb\x92\xf7\x8fwC\x82h\x1c\xf9\xfe\xee\x0c\xde\xf6\xc1\xaf\xbf|\x8a\xa8\xf1N\xf0\xca?\xb7w\xc2cc\xbbFlU\xdc\x0b\xb8\x048\xa4\xc8I\x12\x07\xd1\x97a\xd9T\n.k\n\xb2C\xde\xef\xef\xdd\xc5Z\xb8\xf8\x8e2\x83\xb7}\xf0\xf5/\xbe\xdc{\xbdz^\xbb\xf2\xa8v\xdb\x10\x864\xaf`y#\x8a{q\xe9t\x9a\xa2(\x96M\xc3\xc3\xb2\x196\xc3\xbb\xa9B\xc1\x9d\x8a\xe6\xa3\x89\xdeWX7/\x9dP\xb0~\xf8\xfa\x81/\xfe\xbe\xd7\x89\xa2\x07\xb9\xf2\xe8p\xed\xa6!\xa8`\xd9\xed\xf6a\x97\x17\xb8\xc8,P\xb1\x99X\xcc\xe3\xe9\x87\xc7\x03}+E\xb9\xdd)w4am\x03\xaa]\xac\x91\xb1Ko(X\xfb\x0e\x1c\xfc\xd7\x8d\xba\xe6=\x1cjAQ\xe4\xf6\x9fjkk7\xf7_\x1cQ|\xden\xf7*\xbb\x16\x02)\x80ZpE\xc3\xb9\xa7p\xb1%\xf8\xb0\xa0U&gt;\x11\xea\xed\xed\x9dx\x85u\xf3D\xd5\xce\xdd\x03\xfb\xf6\xfd\xe0\xbd\xbf\xdc~\xda\xbcg\xfb\xa6(\x82\xdc\xfe\xac\xf6p\xed\xe1\xcd7.}\x8b\xe5\xf5\xa6"\xe9,|\xdc\xbcGQ+\xb6+\x97bJ\x96_\xb4ZC\xa1\xb66\xb0\xa2y\xb0q\xf2\x1b\xac\x9f*X?y\xefo\x1f\xddx\x7fo.#\x14E\x9f~\xf0\xd9?\xee*j\xbd\xb3\x8beW\xb0\x86-^\xe0\x12\xb2\xe0U\nSl\xd7\x88`\xc6\x0c\xeb\xb1\x86\x8cpF\xdb^a\xf5\x01\xd6\xe6\x8f\x0e\x1c\xd8\xf7\xbd\x1f\xff\x9f\x94\xf3\x0fi\xa3\xbf\xe3x\x8f\xdc*\x8c\xdb\xc1B\xb8\x83\xdc\x1fw\x9eg\x92\x87\x90\x18\xa8\xa7\xa9\xa1W\xda"Hg5+\xa3\x8c\x1a\xbaA\xbb\xc2\x8a\x91\x92Q\xfa\x08\x1dl\x1dE\xe2\x02C6\x82\x909\xd6\r2\xd2\x88\x8e\rf\x08\x8c\x8cD\xfbw\xcd_\x12\x82\x0fID\xf1W\xb12\xad&lt;k\xfb\xec\xfd\xf9^\xea\xf6&lt;&lt;\xe3\xd9\xba\x8f\x92_\x9a\xdc+\xef\xf7\xfb\xf3\xb9o\x92\xd3\xf8\xf1\xf1\xfe\xeaA\xa9I\\\x1d\xff\'U8\xb7y\xec5\x80\xe5oc\x9d\xbb\xf8\xf0\xe1\xc3\xbe&gt;\xc4\xeb2L\xbcv\rag@\x8c\x0b\xc2E\xee\x0ca\x9d\x0f\xac\x9b?\x1b\xbe8\xfd\xf8\xf6_\xbf\x07\x0f\x81\xa5\x063\xad\xc6\xd6\xe6~y{o\xa1\x93=\xdf\x0f\x87\xea\xac6v\xb6v74\xff\xbf\xd4:w\xf1~_\xdf\xf5\x9b7\x07\xee]\xb6\x13N\xb3a\x8a\xd8 \xdadddd\xa8\xb7\xf7\xeaU:\x08b`\xf8\xe2\xb9\xdb\x8f\x7f\xf3\xb5\x97\n&lt;t\xa8\xa1\xccA\xa2\x94lT\xea\xbbk\xb5B\x95\xc6\xc5\x87\x80u|\xa7\xa3\xf3W\xb9\x9d\xe4X\xa3\xcc\xb0\xfc\xaf\x18\xd6m\xc2\xba~\xe5\xca\xcd\xa7w\xa7\xaea\x9du\x97\x8c\x83L\x93\xe3\xe3\x91\xc9\xc9\xf9\x91!_\xf4\xfc\xf9K6\xd6\xc3\x1b\x17\xa7?\xfe\xc57 \x96#\xe6\x122\xf1V\xbe\x94H$\xf2\xeb\x95\xb5\xb5\xd5Za\xe1\x03\xe2\x8f\xf6;[\xcdm\xedT;S[\x1b\xb6Z\xaf\xbe\x0e\xacg\xeco\xc8\x9e\xfc\xf6\n\xc0\x06\x86\xa7\xb0\xa3\xf9y$2\x0f\xa0\xf1\x91q\xd4\\ww\xf4\xfc\xb7.\xf5\\\xed\xfa)\x1d\x9bq\xe3\xc6\x85\x8f\xbf\xf9R\x81V\x0eS&lt;\x89\x17\xeb\xb5B2\x91H\xa5\x92\x8d\xad\xd5\xb5\xd5V.\x15\xee\xf8_\xdc$\xa5~\xdf\xd8\xd9\xf9K\xb8\xba\x8ehm\x18\xa4\xd6\xf2\xdf\x81\xf5\x98a]\x7fr\xa5\xab\xeb\xce\xcd\x81\xa9\xa7\xa8\xf1\x91\x11 \xcd\xcd\x8d\x8c\x8f\xccu\xfb\xa2m,:6c`\xf8\xc6\xbd_R\xb2\x80\xe5\x0c\x9e\x04\rE-\x02&amp;\xb1\x80J\xe4\xd6k\x95J\x0b\x9a\x11V\xc7\x7f\xa7Tgbg\xab\x91\x087\x01\xe5^vn\xa8\xa4\x96\xff\xe5\xef\x9e=\xbb=\r\xac\xfb\xa0\xc2\x86\xbb"\x8f\x1eEP#C\xdd(\x1f;\x89\x8eF/]\xea9\xdf\xdbE\x91\x7f\xf0\xe0\xee\x8d\x1f\xbc\xc4(u8\\\xae\xcc\x89n\x18\x8a\xe9\xf2\x96\xb7[\x85R*\xb5\x90H$s\xeb[\xb5V!\x85!\xfb\xd5\x0b\xb2\x8e\xce\xb1$\xa0Rc\xcd\xc2\xe6\xb1u\\?,\xea\x02a\xb9_\xfdzz\xfa\x19\xb0~t\x9f&gt;\x93B\xb0i\x12t\r\x81\xaa\xc7\xe7\xf3E}T\xd1\xd1\xd1\xd1h4J\x07\x1b&lt;z\xf4h\xfe\xc1\x85?\x191\xf2P\xd2O2\xdb\x05\xa4\xaa(\xb9@vT[g\xa2\x11Z\xa3\x91[\xf8\xca\xfd%\x9a/\xbf\xb3\x93k\x86S\x85\xca\xbev\xbc\xb9\x9e\xcc\xad\x89^7q-\xffq\xfa\xbb\xd3\x84\xf5\xf0:\xb0|&gt;\xea8\xb4]o7\xf1x|Q\x0fj\x94U\xb4\xa7\xfb\x0e\xb8"\xf3O\x7f\xe2\x17\x1d\xc8\xbb\xcb\x15?\xc9\x1c\xa4R\xa9Dak\xb5,H\xd9\xac\xab\xbcZ\xdb\xcbQ\x0b,$\x92\xc9d5L\xef\xe0w\xfcg\xaaD\xa3\x91\xe8l\x96\xd67\xf7\xad\xe3\xcd\x9d$\xee\xb3\xcd\xdb\x99\xd7^\xfd\xf0\x02\x165\xc0\xea\xbbr\xf5*\x14\xea\xed&amp;\xa8\x1e\xe4\x89\x88|\x80\xf2\xdc\xfa\xfe\xe8\xadQO\xb4{\x8eu@\xe4\xf2[\xa6\x95K\n\x9edN\n\x0b\xe0\xaaV\x17r\xad\xcaZY\xc8\xc6b\x8e\x8d\xd5\xed\xdaA\x81\xc1%R\xcd\xb1\xf0\x97\x7f\xb8\xd0q6\x1c\x0e7\x9b\xe1\x12\xc46\x00\xb5\x9e\xc7\xf3\xc8m\xad\xf1\xba\x93\xb0,\xeb\xb3\x0b\x17\xf0Z\xfa\xc6p\xdf\x93.\x92\xab\xa7\x97\xcaG:\x8d\x8e\x12\x94\x87\x1d\x857\xea\xf1\xb5\xb1\xe6?sq&lt;\x0f*G&amp;\x13\xdf@\xef\x15J\xd5f\x15\xb9*\xe5\xd6+\xabeo6\x1b\xe3\xc4\x8d\xa3\xedZk\x0f\xb3\x03\xa6\xa6\xbel"t\x82j,\xb1\x87\x00\x18Z}\xab\x91\x07U\xa3\xb2\xab\xb9\x9d\xbah1\xb9\xdc\xff\x00\xd5\xd4\xf0\xf0@\xa4\xab\x17"1\xae\x1e\x9fm\x1f9\x08\xac\t:\x18\xce3;7\xb7\x82\xfd\xf7;\xa7\xc8q\x84\x15\xccdt\x13\x1dY&gt;\xda&gt;\xc8-T\xab)\xcaU\xbe\xd1"6G\x8c\x93ub;(\x94\x12_\xfcT\x87\xfeE\xdbX\xb5DL\xca\xfe\xee\xe6N.\t*\x822\x0c\xcb\xb0\xe5\xb2,\xed\xed\x8f\xefMa\xa9\xfe r\xa7\xb7\'\x1a\xa5x\xc1\xc4\x9e\x1e\x9f]\x9e\xfe[\x13\x1f\x81\x0bX\xb3\x8b+s\xe3\xef\xf6e`q\xb1\xac\x08\xb1\xd0\x8f\x10\xce\x81P\x1d\xd5\xf6\xf2\xe4g\x8a\xda\x11\xddX[-\xf3\xf85\x8e\xdf8\xaa}aLut6\x17\n\xad\xd5\xb2\xaa(\xbb\x9b[9tH2O\x997\x14\xc304I\xd7)]\x96f\xbc\xfd\x03a=\x8d\xd0\x9b\xdd\xc4\xd5\xd3Ks\xa1\x9bN\x91\xad\xfe\x89\x89\x89[\xb7\xfa=\x9e\xc5\xd9\xb9\x95\xb9\xe7\xfbKD\xc5\xc5\x1c\xf1L\\\xa7\x8c\x81\xcb\x8bY\x11\x8bm\xb0\xbc36\xb8\xba@\x83\xbf\xcc\x8b\\,\xf69\xa8\xb3\xe1R\xa1vT\xb4\x99\xd6\xf3\x04\x95k\xad\x16\x15\x05\xb7\xec\x83K\xe1\x83\x0e\x9a\xa8n\xe2\xba\xcb\xb0F\xd0\x7f\x88\xb9\x8f\x11\r\r1\xac~`\r\x82\xac\x7fqqeq\xf6\xf9\xaeM\xc5\xc5`a\x90\x07\x12\xc4\xf2\xe2\x8b\xd7u\x91Z\x91\xd2\xe7\x98\x95\x00\x00\x05\x14IDAT|cp\xd5j3U*P#xO\xddC\xa8\xaad\x9d\xa9\xec\xd7+;\x05\xe4\x89v[\xdb\xd0Mu:U\x15g`s\xe8A\xc3\xcd\xb8\x94\xe3wxy\x1a\x19\x07V\x7f\x7f?q!\xde\x0c\x8b\xc4\x1a\x9c\x18\x1c\x9cH\x03kv\xf1yQnSq\xb0P\xa6\xe8C(@\x89\xa2,\x8a\xb8\x12C\xdc\xc5\r\x82+$\xecF\xc0\xe4?\xcdT8q\xb0Zv\xaa\xfb\xc8x.YB\xaf\xe6\xf7jkE\xa7 8Y\xa9\xea&gt;\xd8$9\xa8[\x96\xdb\xef\xf7[\xe0\xfa\xf6\xfc\xe4\xf8\x9c\x8f,#\xc3(I\xdd\xb3\xb6\x85\x83\xa0bX\x8b\x7f&amp;*l\x99\x89\x15\x0f\xd8$\x0e\x82\x12E\x9d\xba\xd3\xcb\xf3\xa2.rt\x1b\xf2~\x90OU\xc9R[\xa9\xb3\xcdRkMp\x16\xeb\x156\x0c\x92\xf9\x1c\t\xe7\x14\xbc\xac\x04\x9bMu\xaaFV\x0e\n\x1aq-\xbb\x8d\xfd\xfa\xdf\x805\xdbO\xe2L\xf4\x9f\xd6D\xba\x8d\x85\xcb+\x87\x82\xccqL\x0fN\x8e\x07UE"\x13\xdbJ\x89D\xe5\xe2EY\x97E\xde%\xb9D\x98\xcam\xa0EK4 \xa0T3_+\xab\xc5\xb5\n\x8bS\xbep\x80\x9ep*&amp;h\xbcm0/\x81\xa9\x86[39]W\x0c\r;\xece\xbfa\xee\x1eN\x92\x89\x8c\x82!A2\n\x16Y8\x98N\xa7?\xads:\xd3J\x94e1\x187IeC\x91\x80\xa23\xd9\xa8)\x01\xa3\x13\x95\xc4\xcb\xb8\xa0\x8b\xb1\x18\x0f\xd10;S{\x95]\x8ax\x0eiJR\x1b\n\xa6iJ\x02|#\x85`#\xe3C\xb2\xdc\x06\xcc\xd0\x83\x02\xb8,7\xb8,E\xad?_\xf1\xf4\x0f\x0e\xce0\xae4)\x04\x9aA\xbb\x16\x0f\x8b$\x04\xe5J&amp;\xac\x00\'\x8b^\x03\xe3\xc5P\x982\x08&gt;Iek%8\x18\x1fI\x18\xe3b\xfc\x99\x85\xd6\x1a\x98X\xc4K\xb9\x16E\x9c\x91\x9c:\xa7\x12\x9dS\xb1,E3dN\x8e)\xba\x88\xc6\x04\x18\x9e:\xd4\x13\xeao&lt;\x1f\r\xce\x10W:\xdd\x9fnc\xcd\xe0\xeb\xd3\xba\x03T\xe0\x81Tt\x16\x08\xc5\xe3hE\xdd%\x05x\xc3P!\x14\xdf\xd6\xcaA\x8bi\xfb\xa2h[\xcc\x9f\xd9\xdc\xc4\x1c\xa78\xd9:\xa9\x06\xc6\xc1\xfbP\x9d\xbag\x91\xf8\x8a\x0b\x13Q\xf3+:B\xd6\x06CGJ\xc5\xfa\x9b\xf4\xcc\xcc\x8bA\xb8\x06\xa8\xb6Z3\xb6T\xba|Z&amp;\x9799\t\x85ht\x05C&amp;\xee\xad\x19\x92\x83\x93\x99\x83\x02Q\x89\x8c\x8aw\xd9X;,O{5\xda\xa1;%\x01\x0e\x11\xd6\xbfq9\r7\xecr\x90\x17YM\xc18UU\xd3t\x9a\x00\xc3c\xe3\xc1\xd5\xac\xab\xfe\xe6\x93\x17/^P\x9a\xd26\xd5\xeb\xc3"GL\xfa{.\xd1\xd4\x14=\x1e\x97\x94@(\x14\x14C\xb2\xaa\xb95\x97\t7y\x99s\xd0\xb8\x80p2k\x02\x8a\x1b\xcf\x9f\xc1\xd8\x07\x93`2\x18\t\\p\xcdl\'\nWU\x8b\x86A\x8cM\x1eN\xd2L\x8b\xa5\x16\xbf I&amp;\xd3\x0cI1\xb3\xd9\xe2\xe6k\x80}B\x91J/\xbe9,f\xb1\x11\x9b\x87y\xc8!\x04\x96\x15\x08q\xd9\xa5@ \x18\x0c\x04\x96\xe4\xac#\xc0A2E\xe2D\x9bE\xa4\xfd&amp;O\x808;\xd3\xa0I\x00\x0c\x96p\xc1.v]\xc2\x86\r\xf7\xb2_3c\xe8%\x06&amp;Y\xb4\x0c\xb44M\xa1\x9fJ\x92\xd34\x15\x85\\\xc7\xc2\xa9\xc8$K\xbf~s\xb8[\xa4\x81\xc0x\xd8\xb60\x94L\x8d\xcd\x94\x18x\xa8b\xa6\xb9\x14\x0c,\x05x\x95v\x1d\\\x10\x81\xb3\xa3vZg\xe0\xdd{\x14\xa2\x81k.\n\x94\xe0\x92\x14\xf4\x9be\xf2\xf4\xc8Y\xdc\x19\xa5!Mn\r\xa5\x98\xd2\xfb2\xa9$)\xebr\x15\xeb\x87\x87\xf5])\xcb\x9e0g\x03\xd9\xdfYEQ,\xcc\x14\xcb\x8c\xd9X\x9a\xdb\x0c\x04\xd1\x02\xa1\x80\x03zK\xa1x \x10\x10?\x87%\x9c\x96\xcd%\xb0\\\t0\xdf\xef6\xf8\x00\x04\xd7u\xf0\x10\x96\xc2\x9a\x0fe\xca\xb2\xa3\r\x86&amp;r\xb5\xf1\xc0\x86\xa1\xc3l\xa0\x95\x00;\xa1\n\x84\x82\xbcbR\xdfh\xa6\xc2\x01\x8a[\n\xc8r\x10\xf1G\x85\x82\x01\xd9\xeb\x94C\x88\\\xe0\x9fM\x961\x0e\xc3 \x0cEU\xa5#\xca\x80\x10\x19\x18\x88\x10R\x87\xca\x16\x0bkO\xd2+\xf4D\xd9s\x85^\xa0\x87\xea\xd8\xffM\xaa\x96%\x19\x10&lt;\xfb\x7f\x1b\x97\xd3\x0f\x8br\x99\xc5\x8d\xcc\x1c\xe6\\Eh\xaf5\xc0\x06\\2\xe7\t\x06\x89\xd7#Y\x01o\x88.\xdd\xa0\x06\x18\xd4\xcc\xf1\xab\x83\r.\x93=v@C_\xc0\x9dK\xf6\xf4a\xef\xc0J\x15\xbeoF\xd5p:\xbe\xfa\xa4\xe5\xf83O?,\xd3\x8eX!\xf2E\x8e\x11\xfd !rT^\xd4\x83L\xcal3\r\xbd \xc5{U\xd4\x86\x07\x16\xb3\xd5s\x0f\x07\xd3\xc8\xd2\x98^\xeehH\xfa0\x84&amp;h\xc7\xac\xdc$\xb2\xd7iPA\xbbT{#\xb7QmXaD\xf7\x87\xe5q\x85O\x98\xa9\xbcc\xb5\x94\xd3~{\xe5\x05\xaa+\xa5\x14\x8fZZ\xc3\xbc\xc3\xb7%\x9e\x15\xbb\\\xa6r\x94/\x18\xc6\x80\x1a\x19\xe3\xe4\x8eu\xf9b5\th(\xe0\xca\xa2Od\x0bn\xa2\xb5R\x1d\xfa\x894B\xbd7\x87\xc2\xc6Q\x1f\x04\x1fk#\xf1[\nK\x00\x00\x00\x00IEND\xaeB`\x82'</t>
        </is>
      </c>
      <c r="M93" s="3" t="n">
        <v>45492.67818287037</v>
      </c>
    </row>
    <row r="94">
      <c r="A94" t="n">
        <v>247483</v>
      </c>
      <c r="B94" t="n">
        <v>1966</v>
      </c>
      <c r="C94" t="inlineStr">
        <is>
          <t>Wanderson</t>
        </is>
      </c>
      <c r="D94" t="inlineStr">
        <is>
          <t>Wanderson</t>
        </is>
      </c>
      <c r="E94" t="inlineStr">
        <is>
          <t>PE</t>
        </is>
      </c>
      <c r="F94" t="inlineStr">
        <is>
          <t>ATA</t>
        </is>
      </c>
      <c r="G94" t="inlineStr">
        <is>
          <t>PE/ME</t>
        </is>
      </c>
      <c r="H94" t="n">
        <v>175</v>
      </c>
      <c r="I94" t="n">
        <v>11</v>
      </c>
      <c r="J94" s="2" t="n">
        <v>34613</v>
      </c>
      <c r="K94" t="inlineStr">
        <is>
          <t>Right</t>
        </is>
      </c>
      <c r="L9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fe5903c4-4e23-4cfc-ab53-2dda789e616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c8x\xad\x00\x00\x02\xfdPLTE\xfe\xfe\xfd\xd5\x1e\x15\x9bcD#\x1f\x1d\xfc\xfc\xfc\xfc\xfe\xfe\xd7\x1f\x16\xff\xff\xff\xff\xff\xfe\xfe\xfd\xfe\xa1iI\xaeoN\x8f\\C\x90[?7&amp;\x1f\x83S:%"\x1f\xa5mK&lt;+#\xd3\x1f\x18\x1d\x1a\x18\xde\xdf\xee\x98`B\x9cfG\x90X;\xff\xfe\xfe\x86P5\x95]&gt;]=-\x8a[B|M6\xa3kL\x9ffG\x8ebJ\xda \x16\x8f_EB/&amp;\x93]C)%#\xdb\xdd\xeb\x1f\x1e\x1c\xa0bE\x98bF\xa4iI\x84V&gt;\x88X=\x98eJ\x9ejK\x93aE\xaclE\xa8vT\x88T:\x8cZ?\xa5mN\xfe\xfe\xff\xa4dGhA-P6)+ \x1c\xd8"\x19\x8b]G\x7fQ:\x9a]@\xda\xda\xe7\x86_J\xd9\xdb\xe3mG31$\x1esK9\xa6pNmA.\xd1\x1e\x14\x80N6\xa0mP\xd7\xdb\xe8\x8bR5\x93bItI2xK5\x85XBH3)\x19\x16\x15\xdd\xd8\xe2\x7fS&gt;!\x1b\x18%\x19\x15\x8cS:rD/aA2zP=\xa8hBfE5\x86[E\xfe\xff\xff\xadvU+\x1b\x16\xd8\xdf\xed\xa9qP\x90S8K0#\xdc\xda\xde\xaclK\x95X&gt;W8\'1\x1f\x19\x9aiM\xaenI\xaeqR~\\J\x9d^C\xd7\xd7\xdf\x8adO\xdd$\x16\xde\xdc\xe3\x80XAD*\x1esO=\xdd!\x1a\xa9lNU;.\xdd\xe1\xea\xda\xd4\xdd|H0\xb0|YlK;zUB\x8dV?\x94U:\xa5e?\xa2rW\x87P;f&lt;*\xde\xdb\xea\xa8hJ\xfb\xf8\xf7\xde\xe1\xf1w&lt;3\xaayY\xf1\xea\xe9\xd5\xd4\xda\xe9\xcb\xd0\x92eN\xa1b=\x85I?\xe1#\x17\x99X=\xe0\x8c\x8bXA6\xf6\xf2\xf1\x85I1&lt;#\x19\xdb\xe1\xf0\xb3rP\xe2\x98\x99\x7fF9\xca"\x1c\xce2+a;\'\x9e_=0,)\xe9\xe4\xe2\xd0ihL:2\xdf6,\xa9qW\xcc\xc5\xc5\xeb\xc4\xc7\x9b\\9\xd9&lt;3\x8cJ4\xe2\xdb\xe7\xd2JC\xea\xb3\xb5\xbc\xa7\x9f\xe6.$\xe6\xd1\xd7\xff\xfe\xff\x9aoX\x96Y8\xe3\xd7\xde\xf1\xd3\xd6\xd2\xcf\xd1aJ?\xdc\xd6\xd6\x81=(\xdf~{\xd80\'\xd5tu\xe1\xb8\xba\xe9\xbc\xc0\xd3)"T/!\xec\xd9\xe0rWL\xba\xb2\xb0\xe9\xa1\xa1\xccC?v`W\xdd+!\xcf&gt;5\xd2\x86\x84^2%\xb0tZ\x9a\x81v\x8el[\xe6\xde\xdb\xddE&lt;\xcbWS\xd8\xa7\xa8\xd4XS\xc4\xbc\xbc\xdelh\xdd\xca\xcb\xce\xb6\xb3\xb2\x81_\xd9c]\xa3{h\xa4URecb\xad|`\xa1\x89\x7f\x85l`\x93\x8a\x86\xc163\xf7\xf7\xf7q:#l+\'\xe6\xaa\xad\xac\xa6\xa4\xae\x97\x90\xac\x8c\x7f\x80=8\xd2\x94\x95GCB\x9d\x97\x95`TO\x9aPL\x92IC\xdePI\xacZX\xc0\'\x1f\x81~|863M)\x17\xb1ba\xe6\xe1\xed\xb8w^\xddZT\xec\xdb\xe7\xbfKE\xc5|z\x91yn\xc3da|qn\xbe\x91\x8b\x0c[T\x06\x00\x00 \x00IDATx\xda\xb4\x98_LZy\x16\xc7o\x04\x03\x14\x04J\x88K\x05\xdc\x1a\x91\xe0\x88V\xa3\x82\x105\x06\x98FC\x15\x1ap\n\x02\x1aK\x1d)eb\x16HI\x0c\xcc\xe0nl\xb2n\xca\x0b\x8e\xf1E1\xc6\xc6\xd7\x0eI\xedc\xa3I_:3/&gt;2\x19\xe3\x83/\xd0\'\xdd\xe7&amp;{\xce\xef\x02\xf2\xefVw\x93=\x88\\.\xdc\xcb\'\xdf\xef9\xe7\xf7\x87\xe20\x06U\x8a\xca\x93&gt;\xae\x8f\xcb\xe5\x96&gt;;\x7f\x93\xcb\xa8Yb\xb5Z,fA\x88\xc5p\x08!\xd6h4W\xb9\x8b=v\xf9\x0e\xf8\xa8\xbe3\xa7\xf6\xce\xb5\xbf}\x03T\xcd\x17*\xce\xb3\xffv\x91\x07\x1c\r\xd0\xb04N\x8d\xd4\xa9\x010\x02\x89\x9c\xe2\xcc\x97\xf7l\x8a\xaa\xbb\x0f\xc5t\xe7\xba_i\xf8\x01\x83Z\x94\xae\xb9\x99\x86zV\xc8e\xc4\xa8\x10h\xc4r\xa2X,\xa7\xd3\x89/\x1a\x96\x86(\xf7\xf9\xcdy\x1d\xd7\xad\xa88\xcc\xdf\xa0\x18\xb0|p\xe6\x1e\xc5\xde8\xc9]\x81Yb\xf4O\\\x0cP\x8eX\xc9\x02\x13\xc5\xf8I\xfe\xf2t\x83}m\xe4\xff\x0f\x8bCg\x05o\xa3\x90\'8\x80\xa1y\xfc\xf8\xb1T\xa3a\xa9\xd5\x88\x03b\xa1^\xc5W\x00+;\xf9\xd5\xdb6\xf8\xe5\xc6\xd9W\x7f\xbdN\xa7\xe3\xe8h\x03\xf7\xce\xae\x888R\xe9c)@\x91\xa7\xb4$\x96\x98%\x95" !\xcb\xe4N\x8bN\xbe}[[H\x14\x87Q\x10\xceMEQ\x11\xba\xe2M_\xbd\xbf\x04*q\x11\xa8\x18R"\x19\x0bm%F"&amp;\xca\xa7\xce\x17\xc0H(_\x9d\xce\xf7\xf6Z\x8ar\x023\xe5;\xd5\xf8\xc3z(\x08.\\\xd0\x0ci\x95\x81\xc4\xd1&lt;\xae\x0c\xe4\x93:\x89@\x98V\xb4`\x88)\xd5d\xc0H\x1eE\xc1\xe5&gt;\xaa\xb2=P%\xb5*N\x94k\x8dsS\xfa]cQ\x14\x17\xdb\xc2\xe5U\x06\x9a\x13KZ\x05%E\x1b!\x9c\x08\x83\x07\x84J\x83&gt;K\xc5\xb9wl\xde[rue\xde\xd4\x1d\x96\x8c\xfbz_\xab\xc1\xd5\xbd\xa5\xfb\xc2%0\x19\xd5\xac\x92X\x04F\x83\x9d\xc1)uJKl\xa8\x12\x01s\x92j\x00.\x8aW\xf1\xd3U,TCFF\x1a\xaa\xba7s AP\xab\x0cvK\x80 LN\x0c\xf0\xcdh6\x9b\x8dX\x97\x88\x87\xcd\x0b\xb1\x88f\x04\x12\xb9x\xf4}K]\xbf\xfc\xeb\xb5\xd2qJ_b\xae\xcf\xda&amp;\xc8\xde\xc0\x12\x84p\x820\xce\xd9\xd9\x05\xa31`\x16\n\x85\x12ID\xa5\x92\x08\xcdf!&lt;\x8cF#\xe4\xbaTC[I\xdc\xd5hr\xcf\x8a\\\x0c\xe2T\x9el8\xf8|\xe5\x12\xf6\xe6\xc5\x95\xba\x88\x05Hf\x82\xe37\x18\x0c\xcb\xcb\xff\x18Q\xc4\x0c~\xbb\xddo\xf0\x03\xde\x02v}gQ-\x04\xd3\x88s\xcf\xa8\x9adg\xb0\x8f\xc6bn\xb0U\x07\xe4\xdf\xab\xd3&lt;=\x1a\xa3gB\xa1\xca\x10[V\x8c\x98\xa6\xa7\xa7g\xdaE\xbdc3\xd3#\x10&amp;\x93k\xd9/\t, \x16\xf61\x16\xd1\x0b\xda\xfe\xe5\xc6\xf5M\xaf\xf3\xab\xc1\x10\\\x8fU\x05]\x13&lt;\xf6\xf9\xe9g\xc2\x842\xa9T\xfe\x88\x7f\x19\x98\xda{{e2yk\xd3\xfd\xd6\x96!\xd1\xd8`o\xef\x90\xb6\xddD\xc0\xa0\x04P\xb4\xa2j\x9a\xcc\xc5&amp;\xde\x95\x0c\xa9\x1c\xa6\x9c/\x0b\xd1\xb0\x935\xba\x92\xbdy\x92Wg2@\x15\x08D\xc06\x85bgdzR$\x93\x1f\xee\xee\xa6\x92s\x03s\xf7\xef7\xb565uw7\xc9\x07\xdb\x1f*\xfc\x11\xf3\xec\xec\xac\x11\x13\x8dEw\xb1\xfc\t\x8cC\xdc"\x16\x87\xc3\xd4\'\x88Z\xf5\xf3\x06\x0e\xd5\x18\xeb\x1c\xa9\x88V[\x91\x9d\x91\x87#O\xa6\xa7W\'\xad\xb2\xc3\xddT*\x99\x9c\x9b\x1b\x18\x002:\x92)y\xdb\xeaC\x85!\x12X\x80\x044\x1a\x9dN"\x18\xeb3\xb4\x89f\x08\x98\xb0\xd5\x99S\xedj\x03\xacr\xdf/\x1d\xd1\r\x87\xfd\xaf\x9c\x18\x9a;k! \xf1+L\xd3\xab\xab\xed\xa2\xbf[\x9ff\x81*Y\xc4"\x81T\xc9T\xea\xd0\xba\xfa\xe4\xe1\xce\x87\xad\x80\x10\n`\xd6\xc9\xc2\xfc\x12g \xbd\x9a)\xae\xcf\xe7\xab\x19\xf9\xab\xd0\x98\xb1\xae\x07\x05:\xab(\x1e\x0fZ\x03\xe9\xed\xb3\x81\xc8\xf2\xc8L\xfbd\xdb\xcfV\x99,\x9b-i\x85XA\x9a\x8a\xc6\xcaZ\xdbVW\x9f\xec|\xf8\xb7\xdf\x0f\xa2\x19\x11\x8b\xa5\xbe:y\x85\xa3W\t\xaba\x0e7T\xab\xa6\x8fU\xa4;\xccDi\xaa\x9d\xe9\xf6\xc1\xc1\xc1\xef\xac\xb2\x9f\x80\xea0U\x96*\x18\x0c\x96\x14\x03\xb0\xc3l6k\xfdyr\xfa\xe1\x13\xd3\x87\x88\x90\xf8\x08\xa3x\xeew\xc4*\x99XY\x905\xb3\xb2Fj\xd5q\x82X\xefH\x11\xce\x06T\n\xf7\xd8\xe0\xd0\x8f2\x99\xec)R\x1d^\x1b\x18\xac\xe4J\xa5v\x0fA1k\xdb\xe4\xe4\xcc\xc8\x07\xa8K\xe3\xac\xd3)Vg.@.\x1d\xb7\xcc\xd50\xb1\xea\xb1j\'\xf8\xc5Kx\xec\xcd\x02Zh\x0cD\\Q[/\xa1\x82\xaep\x88\x89\x855\x88\x06\x06\x83E\xae \xc1J\xa6v\xb3\xd9\xa7V\x04k7)\x96\xfd[\x0b\x90ajqn\x8f\xdc\x91[7S\xad\xb6\x89\t\x8b\xaa\xe9\x18\xbf\xe7P\xac\xc0\xd6\xb2\xc5\xa6\x14\x0c\xb5 UV\x8eT%\x03\x11k{;H\x1f\x83\x8bs W\xf6\'\xe4\xb2\x8aD\xed\x16\xcfr\xc4ltj\xc4W\'\xeck,N\x95}\xd5\xae1MZ\xab\x8d=\xbd\x02*\xb3\xd0\xefr(;\x05-\x04K.\'\xed\xaah_\x90`\xf1\xe9\x14\x9bKb\x97\x00\xae\xa7E\xaep\xd8\xa2\xb0\xc3\x90$V\x7f\xd9\xe0\xd5`5Z\xe70O\xe2+\xb1\xd8\xe7\x05\xa0\xca\x98%\x06\x93\xad\x13\xb0h\xaa\xf1\xdd\x94~} \xb8\xb4\xb4\x14\xe4/!\x16\x7f\x9b\x8f\xaa\x91z\xd4\x03\xd6\xb8\\F\xb8\xdaDZ\xaf-\xea\x8a\x04`\xaa\x91\x7f\x03+\x94{\xdc\x1b\x16g\xb7\xc3\xa26\xd0\xc3\x8c\x10\xf2]Y\xc2\x92\xc9\xc7\x7f\xe8\xd6\x0f \x13D\x10\xb8\xf8|"\x17\x9c\x1a ]\xa2\x88\xd5\xd6\x86X\xa3\xe1\xb8Ah\x84\xa4/\x9cW\xab\xd5\x90\xebv&amp;\xb2\xdf\xe4\x81J\xa22x\x1cJ\x81\x80\x98(\x97\xc9\x7f\xe8\xee\xd6\xf7\xac\x83X\xc8\xb5D\xa8\xb6\xf9\x80\tg\xd6\xe7\xf4\xfan\xc4\x92Yi,\x9b\xd7\xe6V\xa8\x84f\xb5\x9a$\xfd\xff\x88U&gt;\x8fk{\xe8\xf0\x17W\xe0\xa0\xdd\xa0\x88\x87\x95\x82\x92\x89\xad\xdd\x18\xc9\x1e\x1a\x8bO\xa8\x10\x0b\x10\x07\xd6\x89\x87\xa8\xd6wX\x8bc\x80\xa5\x1d3\x19TB\xb5:\xff\x86\xcd4o\xb8\xa1\x12+\x82\x8bT\xbc\xf3B&amp;#\xb1\xc7\\.\x8bW \xa0+\xb1\x05=\xc4\xd0\xa3^H\xb6\xfdb{~\x9b\x06\\\x02\xb1R\xdd\xe3r\xa2\x16b9l6\xad\xc3\xa2@\xaeLa\xb3F-\xce\xad\xb0*\x15\xf5\x91]\x90\xe6\xcd\xcb\x8cd?\xed\x89\x9b\xdc\xca\xa1!\xc0"\x995&gt;N\xd4"\x1d\xa2(\xd8\x8b\xe2\xff\xa5\x9e\xe4\\\x12L\x1c\xff\x9e\x9889)\xd2j\xb5"\xb7\'f\x97\x08\xd5\xb9\x8dF&amp;\xde\xacV\xc5W|&gt;\xae\x0e&amp;"{9\x89=\xed1Yf\xb4\xca\x96\xa1!L\xad\xef\xb3$\xb5\xba\xf5\xd8J\x83%\x1b\xab\xb0J\xc9\xd56\xd9&amp;\x1a\x03*\x91\xc3\x04\x13X\x899\xff\xae\x8c\xc5\xbcv\xbfa\xc1\x03\xb9\xd5L\xb1\xdf\xe5%\xe9\xa3\xb8\xc5\x1dV*\x87\x08\x17\xe6|\xd3}}\x0fd&lt;?\xc8\xaf\x8e\x17\x00\xb7&gt;\xb7\xae\x9f\xd3\xa7\xc0F\xac\xc4I\xd1\xd8\x98H4\xe6\x88z\\\xe9}\xc9\xd5\t\xb4\x88\x1b\xf6\x14\xa8\x1b\xea\x90\xcbA\xac\xd3\xfd\xfd\xa3\xe3D\xd8\x8bT\xc5\x90\xb7\xde\xbf\xd3s\xf7\xeeK\xa0\x98\x7fATZ\xe2\xd3IF\xdeA\x8fX\xef\xd1\xa3\\\xa4\x121\xc6\x1cn\x8b\xc7\x93\xb6g.\xd8\x15X\x9c\xdb\xa9U3h\xfa\xb8&gt;\xaa\xf9\xfc\x02\xa8BH\x05\xcdA\x06d]-]0K\xbe\xd33\xfcrq\x1e\x83\x90\xbcD+\x11\x13\xdf!\xe1\xdd\x9e\xa6\xa6V\xb9l\xb0\r\xf5\x12iEZw\xd4\x12?Jg\nUX\xb7\x1a|\x8aS\x08\x8a.B\x0e\xbd\xf1w^\xd8\x8f\x87B\xde\xd1QegW\x8b\x0c\xb5\xea\xea\xefomm\xfd\xa6\xefQ_\xdf\xf3\x07\x0f\xfe:\xbc\xf8r\x11\xfe^\xd0q@\xbf,~;|\xe7/M\xad]C\x83\xa26\xa2\x98\xd6\xe1pG\xe3G\x92\xb3FX\x9c\xaf`U\xd6\x05\x97{\x0f\x82\xba\x07\xef6\x0b\xe9c\xa0\x82\xfe\x0eX\x10\x82\xce\x0e\xdb\xcc\xb4e\xc6\x9dHD\xa3\tG\xbb\xb6\xf3\x9b\xe7S\x8b\x07\x8b\xf3\x9f\x80\xe9`\xfe\xe0\xe0`\x18\x9ekkSS\xcf\xfb\xfa\xfa\x05\xca^\xb0\x10\xb1l6G"zd\xffr^;\xe2\xfe\xb7X\xf4\xbb\xcd\xb3\xa3Phb\xb4S \xe8\x12 U\xc7D|\xd9`\x8f\xa5!b\xb1\xb4K\xa1\xb08\xbc\x8f\xa6\x0e\x0e&gt;A\x00\xcf\xf3G\x9d\xa3\xaf;F\'&amp;VV:\xbca\x87\xdb\x1d\xb6i1\xb9\xb4Z\xc0J\x1c\xef\x7f\xd9\xac\xc4j\xb8\xb4gX\xf8 \x16M\x05\xdd\xd4\xb7q\xf69411* \xd1\xd5\xdf\xe1\xf5\xf8%\x92\x0c&lt;T\x12\x89De7@\xf7w{_\xaf\xd1XkS\x1dZG\xd4\xe2\x89{\\.O&lt;\xee\x02j\x85)\x1cv@\xe7\x02\xb9\xc2\x89\xe3\xa3\x8f{5j5\xc8p\xa6\xfdZ\xec\xee\xa5\xdd\x8c\x8d\xb3\xe3\x95\x15\x1a\x0b\x92\xaa#\xbc\x1c\xd9\xc2\x05\xbePH\x96\xf9\xc8\xe5\x8a;^\xaf\xfd\xf1\xe9\x13\x188\xd5\xe7\x85N\x10\xb3\xab0\xecv\xdc\x03\x88\xf8\x15\x89\xb0V\xdbk\x03\xac\xd0\xf1\xf1\xc7\xf7\x95\xf3\xd0\x9aY\xe9W\xb7\x919\xf4\xa6\x0f\x8f\xc7\xc3e\xdd\xc6\xd9\xc7?WV\x10kH\x00T;~\xbf!\x9d\xf6\x1cy\xa0;\x1a\xf6a\xa9\x1f\x8by\x12a\xc4\x9aG\xac\xd7\x13nh\x03\x123\xeeE`\xe0\x02|+\x96\xb0\xf5\x02\x96\xb7\x1e\xabJ\xad\x1bw0i,\x98x\xc3\xcb\xde\xd9\x9f\xbfA\x9e\x00\x94@\xd0?j\xda\x89\'&amp;V~\xfb\x05b\xc5\x0bI\x1f\xf7\x98L\xd1\xb0\xb2o\xed\x9f\xf3\xf3\xc3\xdf\x1e\xac\xf5\x8d\xc2(\xa3\x12\x16Ce\xdf\xb7\xdb\xfd\x91\x88"l\xc3\xf0\x86B\xc7\x1f\xdf1o\xbbsn\x83u\x0f\x05kf\xef\xfdJc\xfd\x085\xd8g39^\xff\xb2\xb6v\xf0\x07\x048\xd6\xa9T\xda kz\xfb\x1f,\x1e\x00\xd6\xf0\xe2\xf0\xf3\x0e\x98\x8a\x1a\x0c\xb0\xea\x86\xdc\x8a&amp;B\xa1\x04\xb4\xd1\x98\xc1\xe4\xf5\xda\xb4\xb6\xd1\x89\xffPj&gt;!m\xe5[\x1c\x0f\xbe\x04\x93\x18\xc7\xe7[$\xfeKbH\xef\xc0\xbd\xd1$\x9d$^-\xc9%8Ur1\x7f:X\x13m\xed+F\xbc6\xd5\x10h\xe5\x16\xf24\xa9\t\x11*D\t\x9aR\nJ\x19Z\xe4.\x84\xb1\x8b6;\xe9@\x17\xb6\xba\x19*\x0c\xcc\x08\x93E]&lt;wO\xe8\xa6\x9bw\xce\x8dZ5\xb1}\xef\xd2\xea"\x89~\xfc\x9e\xf3;\xbf\xef9\xbf\xdf\xff\x87u\xfe\xa4\xa1Z\xd2\xa8P4\x8aa\x94\x1cc\xd9U\x84\xd7\x1b0ll\xcc\xb2=?&lt;\xfa\xe3\x8fG?\xb0\x11\xab\xd6\x0e\xdb\xb7JEY\x1cPZ\xa1V\xe95D\xbb\xcb\xd7\xdd\xed\xf3\xbb\xda\x9c\xd9\xc8\xc6F$\x925\x00i\xf7=\xa7\xb6=0\xec\x9e\x9c|\xfb\xe2\xa2\xb3\x80/3\x93\x0b\xac\x1f&gt;2Y\xa3D\x06\xbd\xd8I\x10U\x04a\xf6zY,H\x80\xf5hv#b\x14KR\xca\x96\xa8m\xd68\xb0\xdc\x8f8,T\xad\xcd\xe5\xf7\xf9\xfc\x1e\x97\xd6kf\xe1\x89D\xe0S\x86\xe1\x80S\x1b\x18\x86 ~\x15\xeb|n\x9d\xf3\x16b\xaf/S\x88\r\xb5\xe4\xd9\x9f\xc7X\xd6H\x04\x7f\x91Fca\xd9\xac\xf3\x9e\xce\xd7\x9bN\xf7\xc6=\x1e\xe0\xa2\x94#\xff\x9c\xe0\xeb\x95U\x04\x8e\x94\xba\xe1\x85\xcen?\xea\xc5\x9a)\xab\xd5h\x00\xc9\x9c\xc3\xc3\xa2Z\xbfU\xc6\xaa0\x8f?7p.\xa9%\x81u\xa8h&lt;\xc6\x82rj4G\xd8Y\x08\x93\xc6\xecu\x06\x02\x98\xed\x83\x9d\x9d+\xe9\x90_g\xabU\x83\x836\xd1\xadU\xcd\ruH\xbb\xb59\xde\x82\x85k\xaa?`\xf4\x1aUZC6\x9b\x05\xac\xc9\x18b\xc9.\x9e\xf6\x9d\xc1*\xebjKAD2\x85T6\xffo\xc0r;\x9dF\x08\nD\xd0\x12\xf1\x06\xfa\x87\xa6\x07\xbb\xee\x7f\xf7\xf8&gt;\xa46r\xd5\xd5b\'\x04\x0f\x13\xee\xf3\xe8B\xe9\xad\xad\x95\x96\xa5\x07\xd7\xba\x1e\x0cN_\xf5y\xecv\xbb\xd1\x9b\xcd\x1a@\xacc\xb5*\xce\x14\xca\xb1$g\xa7JGX\x1d\x88%\x9d\xff(\x06\xd1i5\x03\x16k1\x1bu\xdd7\xbb.\xdd\xb9\xfd\xe3\xc0\x95;\xd7\xbaF[\xd2\xa1:[\x03\'\x8e$p$\xe2\x89\xf7\xael\x8dw\x8d^\x82\x0e\xff\xf6\x9d\xc7]-\x9d!\x97\xd6\xae\xf2\xc2\x86t\x82UV\xc7Of\xbd\xd5e\'1g\xcb\x9a\\V\xaa\xa8R\xe9\xf2z\t\x0b\xfc\x82E\xa4\xea\xdc||\xe9\xe0?\x7f\xff\xdbO\x03W\x0e\xde\x8eo\xf5\xfaS\xb6`8,R\xbd\xec\xcb\xebB\xbd\xe9\x96\xd1\xd1\x83\x9f\x07\xbe\xbf~\xe5\xfa\x8f\xff@0\x17\x98"\xaf\xf7\x08\xeb\x85\xf8\xdb\x1aoU\xf2\x82\x15\x0e\x88\xaa\xcbr\x0b&gt;\x0cu\xeb\xaf\xdf\xf6\xb6\xb7E\xb5"\x11\x8b\xd9Z\x17\xda:\xbc\xbf\xb4w\xf0\xdd\xc0\xc0\xc0\xa57o\x06\xd3\xbd\x1eOS__\x18\x87J\xa0V&gt;\x1e\xea\xbd98\xbe\xb4\xf7v\xe0\xa7\xeb\xd7\xaf\x1f\x1c\\\xbas\xb8\xd2\xedjoWa\xce\x7f\xc1\xc2\x03\x179\xb8\xdf\xeaJ\x13\xcb\xca6\xff\x08\xab\x11\xb1\xa4\xd2\xbf&gt;\x88j\x19!\xe3a\xb1\x13\x9ex(\xd498\xfdfittsp\xba3\xdd\xdb\x8b\xf3\xaepnu\xe1\xc6\x8d\x85\x97\xe1&amp;\xc0\xeaL\xaf\x8c\xdf|u\xed\xce\xed+?\xbf}\xb3\xb4\xb9\xb9\x95\xf6\xd5\xb5\xab\x8cF\'\x16\x88\xbd\xd7g\xf6\xde\xd3\xaa\x9c\x1e\x9f^\xa0V5\x08\x05z-\xef\xec\xcc\x7f\xd8s\xc7\xdc\x06\x03\x06\xd1b&amp;\xda\xed*-x\x94\xa1\xa1\xabW\xaf\x86z\xe1\xf1\xc7\xe3@\xc5\xac&gt;\xbc|ca-\tr\x15\x91+\xdd9\xd8\xf2\xe0\xc1\xab\xa9\xe9\xee\xde\x10&lt;:\x1b\x14]p;\x93o\xf6v\xe6\xe6\xe0\x8f\xeeh\x84\x8dW.\x97\x97\xadB\xc9\xc5\xf3%\xc9\xd1Z\x94-\xef\xbe\xff\xbc\xffq\xf2\x9e\xd3\x10\x03,\r\x0b\xb9\xa51[\t\xd8\xb5\xed\t[\xea)\x08\x17\x8a\xc7\xf3\xf9&gt;\x8eY\x03\xac\xcb\x0b8\xa5\x810\x82`\x9d\x00\x1c\xf2\xfb]C.\x1d4\x18\x10\xe7 at\xc6&amp;g\xa6\xb6w\x7f\xdd\xdd\x91\xa2\x07h&lt;\xa3\xd6E\x07\x07\x15\xea\xbc\xecCV\xabm\x1b\xf2\xb7\r;Q-\x0b\xeb`\xa1nQV\x82\xa0\xa0J&amp;\xea&lt;:\xddS1\xb1\xb8\xdc\xda\x82\x88\x15\x0e\x97\xb8|&gt;_\x08\n\x9a\xcb\xe5\xf2\xb80\x80\xd00\x11^P\x0b\x0c\xed\xe4\xcc\xe4\xfe\x8e\x98\xf5\xb2\xf3X\xd5\x95S\xec\\\x89\x90H\xd7=\x02\xb3\xca\xd9\xda\xb5%,\x07lzz\xd6b\xd1\x98\xd1\x11\x1b`\x9bK\xa5R\xb0\n\x93\xb9\xdc\xda\xc3\x1b\x97\xef\xdeXK\x8ar\xc5}&gt;$\x82._\xab\xb5\xd9\x80\xcaj%\xd4\x84\xd5\xe8\x8e\xcdL\xf9=\xf0\x99\xf59\x08a9V\xe5\xe3\xa93m\xbe\xa4C\xa6\x98\xfbX(\xbc\\XP\xdb\x8f\xb0zz\x1c\xe232\x0bf\x9d\x05{\x9c\x08\x069.\tT9\x88\xe1\x93\'w\x1f\xae\xe1\xac-\xefi\x8a\xeb\xda\xb4Z\xad\xd1\xeb\xc5\xbd\xc7j\xa5(\xb5\x9a0\x1ab\xee~\x9d\'\x18.\x14~\xc7C\xecc\xac\xb3\xb7\x10*\x9d\x1f\x9c\x1a&gt;\xa0\xb7Y\xde\x17\x84\xdc*\xa9!\xec\'X###\xa2m\x7f\xf4|6\xe2\xc5\x06;\x97D\xac\xd5\x87\x19\x1c\x8e\x8c-$!\x8c\xf9\xa6T\xb0\xa9)\x81\xbb\x15l\xa2\x16\x8d\xa6\nz\xa0f\x11\xcb\xe5\t6\x08\x85\xc26\xde\x928\xce\xad\xea\ni_\xa9n\x89}+`\xfd\xb2\xfc\x11\xb0L\x0eM\x15t;F\x0c\xa2\xa3gd\x02\xac\xc2#l&amp;\xf4f\x02\xa0\x18\xc4J\xae\xd2"\xd5\x93\xbb4\xd3\x10\xee\x13\x84`\xa2!hK\x10\xd0\x129 \xecJ\xa5\x12vKh\x03\x0c\xee:\x1bG%\x04\xc4\x92\x8am\x95\xbc\xdc\xd8\x1co\x86\x95\xb0n\xc9\xb1h\xcd!\x16\xff/G+e\x14\xd5\xd2C\xc7:\x81\x06f\x84w\xb4\xaa9\x8ea\x18\x88\xdf\xcbp\x92\x04\xaaO\xa8V\x86d\xc2B\x1f(\x96\xe4\xa0\xa7$(\r A\xfb\r\xd6B\xad\x06,g{\x82b\x89\x13\xac\x93\xc1\xe0\xb9A\xfd\xd9#\x95\xd3\xb9uK\x86X\xeby!\x97\x990\xb5j\xbc"\x16\x98=lMy}kk\xb4\x99a\xa2d\x14\xbeDs\xb9(]\xf3\xee\x13bMLdH.\xdc\x17\x06\x01\x1b8\x8ekV\xab\x19Ri2\xf1\xa6\xd6*5\x85\xdb\xa26\x18\x8erBa\xe3\xd9q=\xad0\xfe8\x7f\x93\xe3\xfc[\x14\xd2\xf5B!G\x8f\xd5\xd4S\x80\x95E\xb5F\x80\x0b\xb42\x91\xd1(I\x93\xf05J\xd3tf\x8c\xe7\x01\x0b\x1f\x9e\x06\xd4\x1c\x97\xcb\x81\\\x1c\x90C\x94\xc1\xf2\xf0\xf5\xad\xadU\x88\xe5\xd6\xd6\x021bI\x15\nyc\x87\xbc\xdc3\x7fi\xc8*\xd82\xb9\xd8\x93I\xd7\xf3\x85\\\x86\xaf\xe1\xe2v\xc0\x82D\xd1\xd7\xf7\x88r\x99h|H\x9c&amp;aV\xd5dh\xe4z\xf7\xe9\x1d\xf0\x02F\x143\x0e\x88 \xc6\x1chj\xca\x98\x94U%,]\x8ab81\x88\xe8\xc7\xbf\xa4\xfc\x17{\xf5\xd5i`#\xf8?\xb9D\xb6\xbbX\x88&gt;w\x90B\xd1\x03K\x11\xb1\x1c=\x90Z\xbc\xc9t\xc4\x05Td\xe6I\r][K9`\x19\xe8\xc1\xca\x13\xe0\xeb\xe9(,\x85\xa3\xd4c\x18\x12\xde\xae\xd4T\x99\xcd\xd9\xd8p\xb1\x18\x8c\x9a\x9b\x8a\x9f\x8f\xee+\xc9\xe5eG\xcf\xd5_\xbbh\x80\xed\x85D*{\xbd\x9d\xa7\x9fG\x93B\xde\x069\x9feY\\\x8a#\xbc\x1e\xfe|\x9a\x14\xc12\xf0\x9d\xe7\x8a\x87\x87i\x03\xeb\xe0\xf5\x96\xf6\xad\xc3\x15\x9d\x86\x86t\x83\xb4cJ_\xe0\x9d\xad\x1aP+\x9b\x8di\xe3\xc5|\x8eu\x16\xf6\x97\xc5\xdeX&amp;\xbfu\xea\x00\xaa\xe2\xed\xa5\xb3X\xbf \x96L6\xbf\x9f\xe2\xe9\xb0\x10\x0e\x8b\xc9\xc5\xb2\x90\\=\x0e\x9e\xd7\xf3\x19 \xc2\xff|\x06\xf2K(n\xad\xa4S\x14I\xb6R\xba\xad\xc3\xcdb\x90\x0b\'!\xa50\xf3\xa2\xab\xb0.H`\x82\xba\x05\x06\xd5Y\x1b\xcf\x0b\x84!\xb1;\xa7h,\xd5\xad\xaf\xa9UahR\xda\x13\xe7v\xdd\x91\xe6\xbc pl\x04\x93\xcb\xc2\xea\xe1\x81R\xe4\xc8@`2\x99\x0c\x0f|\xb9\xb0 ,\xaaT)\xa8\xf7\x84\xcd\xd5\xbf\xf8T\xdc\xbb\xa3\xf02-N}\xc9\xa8\x1aJ|s-`\xb9\x9dDS&lt;\xdf\xa7\xda\xf8\x00\xad^\xf9%\xaa\xeao\xaa\x85T\x1d\xf0\xd1\x9dmoC\xa1\x90\xe7f7\x10\x0b\xa7Y\x16\x8d\x12\xd0\x00\n\x16\x18N\xda2\x8c\x90\xcf\x0b\x8b\xa9\xc5T0\x98\xd2\xf9]\x8bO\xe1\xfd\xc9(\r/\xf2\x98}HE\xe1\x00\xca\x98\xc5IF\x1e^\xb5\xef\xcf+:\x14\xb2\xf3\xa7\x88e\xc6\xaf\x1c\x0b\xc5\xc5{"\xf3\x7f:\x19\xf8IB\x845\xc4\x00\x0b\xb8\xa0\x1d\xb3 V=\xcf\x8f\xc1\x1a\x1c\xcb\xd0\x0c\x97\x0c\x07S\t"ak\x0f\xb8tO\x9f\xe6\xf3a\x866\xe1\x02\x85\x10\x93$\xa3&amp;\xd48r5\xe2\x80\xc5V(\x16\xf3\xc6\xf59\xe8\xaad\xe7w\xe3\xff!\xb7D,H\xfa\xb9_c4r\xa5\xc0\x95d\xb3\xd0#kp\x00\x88z\xf1\xa5ii\x06\xeb\x04\x01[vB\xe5\xc4\xf1\xbbN\xe7I%8L\xf31\x94\x92\x8cV\xa9\x89Z\xc2\x0e\xe6\xd1\x10\x8b\rC\xca\x17\x8bM\x1b/0oe\xe5&amp;\xe1\x9b\x97\xbb\xe4\xa5\x89\x8dT\xfa\xfa3\xc5\x93\x82P\x88\xb7\xb9c\xb1\xac\xd9\x8c\x16U\x03r\xd5\xf3 \xd4\x18\xaa\x11%\x88D\x9d\xab\xbf\x7f\xe6\xde\xcc\xcc\xcc\xd0\xd4U\x9f\xae\xbd\x96\x83j\x8bz\xf24d;E\x18\xedZ\x95\xd6\x19s\xdf\xf3\x14!\x86\xc4\xef\xaf%\xa7CX~\xac\xf1\r,\xf8\xb7\xbcn\xa0\xaaH2_\x8c\x0f\xbb\xc1\xa1Z)t\xf4X\xc0 \xdbM&amp;\x92i&amp;T\x81\xb6!\x9c\xb2\xb5L\xbfj\xc11\xdb\xcd\xa9\xfe:H\x7f\xb5F\xe9\x80MGS\x05\xceF\x85X\xee\xd8d\x7f\xa8(p\r\xaa\xf7\xcfN\xbc|\xb9\xf9\x94|\xbdnAA\x05\xb5\x14\xd2\xd7\xef\xb3\xca\x9a\x89h&lt;\x1e@Co\x84n\x117G\xbd\xa3\x9e\xa6Mx)#\xd0?us|tt\xf4\xfe\xfd\xa5\xa5\xc7\x8f\xe1\xdbh\xcb\xf4\x94\xae\xce\x96PQJ\xfd\x7f)7\xdf\xd04\xf24\x8e\x0f\x8d\xa2\x16\xa3 K\x13\xb3\xa34h\xcamn\xcc\x05\x12\xc4\tZd\x1cDH\xfcsL537\x8a\\\x84j!K93\xec\x80\xa8\xb9*\x04)\x1cRL}!d[\x84}q/\x02\xe9\x8b\xb3/\xc3\x16\xeeE\xc8\xe5\xcd\xb2\x85\xed\x12J)\xdb\x86\xdb\xa6\x94\xe5\xf6\xdd\xb1\xc7=\xcfLL\xa21I\xfb#$S\x1a\xea\xa7\xdf\xe77\xcf\xefy\x9e\xdf\xf3\\\x1f\x19\x99\x9c\x9cv\x00\x96\xd7\x06\x81\xbcPx\xf8\xe0\x8bk\xde7\xeb\xb8E\xb0\x1dL\xaf\xff\xa4B\x92\xf2\xf7\x1aL\x13\r\xeb\xcf\x9e\xc09\xf8\xd5\xb5\x19\xce\x0fX\x10\xd2-@f\x06\xbb\xeb\xf7_\\\x1d\x996\xda \xe9\'\x91e{\xfb?\xd9,`\xc13\x80yX\x1fE\x19\xaf]\xbf\x8e\xc5f\x8c\xfc\x8d6\x05kl\x15\x9c\xd8\x93\xef!\xc7H)\xafT\x1f\xd6ejm\x81\x97\x87]i@\xc1\xf6\xde\xde\xfb3\xec\xddQ\x9f\xdf\x7fwa\xda\xb10\r\x82\x81\x93\xb8~\xfd\xce\xc2\xb8W`&lt;$\x99\x05\x0c\xc8\x84\x82\x9e\x9d*\xcb\x8a\xe4v&amp;\x93\xdd\xf0\xb0\x1ce\x9c\xc4\xf0ox\xd8\xe6\x82H\x15\x02\xf9|dl\xf5\xeb+\x0bo\xf1\xe4q\x03\x96\xf6\xacZ\xba\x8b\xb1tj^\r\xef\xa2\xe6\xd5\xd37\xf7\xbe\xfa\xd3_oR%\xbf\x1f\x82\xf2\x85\x05\x00\x9b\xbczudr\xc2\x9b\x94\xf8,\xc9\x08Q\xaf\xd7[\xaf\xb7`\xd5a\xb5\x80\x90\xd9\xd8\xce\x8aR\xd4;\x8dT\xb3X\x07\xc4\x02\x04g^Z\xfdz\xf2_\xcf1!S;E\xf5\x17^\x95\x0f\xe0J\x9dt\xd7\xac\xed\xfd\xef\x1e\xeco\x9b\xb4\xec\xf7B\x16;&gt;\xb5099\xf2\x87+\xd3I\x0e\xa4A(c\xb9\xde\xaa\xc1j\xe1\xf7\xc5Z\xab\x92\x8c\xb2\x1b\xd9,\xc9r\xb6\t\xa0rQyX\x90Q\xb3\xbe\x89\x89\xa9\'\x9b\x18\xc7k\xf5\xee\x94\xbeO\xac\x81\x95\xe6\xb3\xbe,\xa5\xf8\x080\xe3\xda\xde\xe6\x0f\xf7\x9e\xf8\x8b\xc05ns\x8c\xa3Z\x90\x90yKL\xd1\xc3&amp;\xa3\x95\x8a\xa2\x14\x10\t\xf0\xad\x15V\xf88\x81\xe1\x91k\x16\x16\xa5`\xf9\x97K\xa2\xb4|\xf7\x07\xa02X\xd1i\xe9u\xfa\x9e\xb8F\xd7\x93R\x0fhF\xea\xaf\xeeh\xd6\xee\x7f\xff\xfc\xf9\xdb\x8eX\xf2\x83Z\x0eL\xaf&amp;\xa7\xa6)Qd\x05\xae\xa2Z\x0e\xc8j\x07\x07\xb5\xda\x81b\xcbVm\x91-\x95\x18R\x14\xa8Y\x10\x8b\xe3\xf2\x14\xe5_.v\xf67\x9f\xef\xad+9\x0f\xa8\xd5\x8bE\xf4e\xfag\x9ap\x06\x14\x9d4\x9a\xb5\xb5\xf5g\x9dN1:\x0e&gt;\x02\xb1\xa6\xa6&amp;\xec\x1eF\x10Z\x85Z\x01\xedW;\xa8\xd5\x8e~\x1e \x1e\x13\x84\xb7\x80\xe7\xa5\xa8\xcdEQ\x9c\x8f3\'\x93R\xe7\x9fO\xd7\xd7\x08,\x9ba\xfa\xa2\xd6F\x06Z\x8b8\xbfpy:?\xc2\x06\'\xcd\xdaw\xef:\xa2\x94w\xa0\xef\x9a\x9e\x1eA,\x96\rV\xab\xafw^\x9fY\xd5\x1dXU\x86\'\x19\xca\x85j\x81\r\xc1\x84\xed_\xee\x1b\xd4S\xc7\x8ao\xa2\xfe\xf4\xde"z\xdb\x18\xcf\xbdo\xecU\x0b\xb0\xb4\xdft:b\x91\xcd\xabr\x81Z\x11OI\x08\xeeT\x83 O\xbd\x8e\n\xd5^\xa3R\xf0\xa7\x83Z\x15\xc2\xae\rF$=\x94\xcbe\xf6\xe5\x93\xf9\x92$6\xda/\xd71\x9c\xd1bY\xc4}\x06\xeb\x02\xb5t\xa7\x9a\x82z\xba\xa5\xb0\x94\xf1\xf4]\xa3A\xf2L)\xef\x07\xae\xa9;\xc60\x93\xe7\xc2A\xb6^\x7f\x7f\xf8\xe2\xc5\x8b\xc3\xc3\xf7\xb0\x0e\x0f\xe1\xe1\xf0}\xbd^\xdb\xd8\xf0H\x92\x871\xbb\\&gt;\xbcJ+\xf2\xa4\xdc\xfe\xf9\x95B\xa5\xc5\x86\x81\x94\xbe\xc7\x88Do\xb7s\xdf\xc9}^\xaf#du\x86\xfb\xbf\x01V\x96,\x16K\xc9\xa4c\xe1\x8ew\x91\xc9c\x1cS\xf7\x1e\xbe\xf8\xf0\xe1\xd7_?|x\xa1&lt;|@\xc2z+\xb8\x18\x11$O\xd0\xe72G\xd8\xa2H\xf22-7\x9eipciU"m\xef\xde\xea\t\x08\x07Yl@\xcem\xc0\xed\xb5\xf6\xb2\xdd\x10e\x99\xe7yVH\x8e\xff-\x19\\\x8c\xce\x96\x13\xa1\x16\xaa\x05X\x00\xa6\xe2\x01V\xbd\xb5\x18\xb1\x87|\xc5\r\x8f\x8f\x02O\xc1\xd3+4M\xc7\xde\xfdC\xa3\\")R\xa5\xb4Z\xdd \xb5\xfa\xb1\xfa;N\x8f\x7fn\x1d\xdd+\x12\xdf\xfd\xbb\xd1\x91\x1b\rZ&amp;y6\x7f\xb7\xc4D\xca\xc3K\x10\x00\x1eY\xb1\xbb\xbe&lt;|\xdf*\x14\xec\xa1\xd0|\x85\xdd\xa8\n\x82\x07\x84\xb28\xdb\xb1X\xfbG\xcc\xc2\xba\xf9NJ\x9b\xd2\xa5\xce;\x90\xfbz\x15O:wO\xe9\xb6e\xb5\xa6\xac\xd8\x02\xf9\x97w\xed\x8e,7d\x99\xa6\xc5\xa2\xc40\x82\xad\xbcz{\xb4\\\xae\x8c=\xfc;n,\xf4^\xef\xd1\xb5\x16B\xb0*\x89\x19\xd6\xe3)\x8aY\xbc\xc5k\xc72\xb1\xf6/\xeb\n\x96\x95P\xab\xa6\x9f\x825\xa8P\xb8EX\xe1`u\x1b^\xbdt6`\x8b\xb4\xdb4M\xf2\xa2X\xb5;&amp; \xa1\x1f-\'*\x85\xa0gcgg{{\x1b2\xa0`!46\x865\x9b\xc4Ld\x83\x14\xc9\x0c`\xc5\xf0\xab\xfdL\xa3\xd92\x1cWs{z\x17/\xc6\x1a\xdc\xaa\xaa\xf6\xb4\xc0\xbe\x7f\xd6F[\xc4b1:\x0b\\d\x04\xb0\x1e\xac\x8e\x96\xe7\xc7\xec|\xa6\x99\xc3\x8e\xd4\xe6\xca\xceb\xe1\xe1\xd8&lt;R\x81Z$\xc9\xd3\x19Z\xbd\xf2t\xbe{\xaa96"\xde\xcf\x7f\xbcZ\x83\xb0\xf0\x97\xf4J\xfd\x86\xf8\xa6\xe3\x8c\x01\x99\xd3\x99\xa1I\x91G,,"\x8d\x8e&amp;\xc6\x98l3\x9d\x8e\xcf\x99V\xb6\xab@\x95H\xcc\xcf#V\x91$\xe9\x8c\x13\xef\x8e-\xf0\x1dl\x08X\x06\xf7q\xef\xfe\xf9\xc1\xde\xc0\xf9\x993%L\x05Ko0&lt;\xfd\x11\xfe\xd3m\xf8\x9fg\xe0m\x97\xb3a\xc7\xf4\xed\xd5U\xb0\xe3\xd2X!\xb8\xdd\xcc\xa5\x9b\xf4F\xb0\x80PKK@\x95\xa0`\xb3g\x9c\x96\x98\xc5\x84w\xdb\xce\x9f\xd70\xae4\x0c,&gt;\x0e\xc4\xea\xab6\x13g.\x86\xd0\x8a\x80\xb5\xf7[\xdb\x89\x17\xe7N\'\xbc\xf0N\x9a\x89N_\xb9\xf9\xe0\xf3\xcfo\xde^\x9a\xaf\x08\xe4Js[\x8cT\x12\xf0\x16\x8c*X.\x1f\x89\x97\xd5\xb1\x18\x88e\nX\xda?i\x14\xb5\xc0\xdd\\\x16\x1b\xf7\xde\xf9\x9c\xea\x92=z\xea\xba\xfd#\xac\xc7\xbb\x9d\x98\xd3\x82W\xbd+\xf03Fr\xc6\xc9/\xaf\xdd\xbc\x06\x89\xfc\xedr\x85\xdd\xd9a\xb8Jb\trkl\xc2I\xccD%p\x0c\x16\xc5\x86&amp;\x93\xc5\xd9\xf9\t+m\x06\x0cK?\x01\xabO-]\x8f\xdb\xb7*F$\x1e\xef~+\x83V&amp;\xf8(\xd0`%+%\xb1V;55y{5Q\xa9\xd7j\xf5r\xb9\xbc\xb4:&lt;1\x81\xc1\x1f\x95\x17c\xca\xdd\xbfI\xc1j|\xbb\xa9QF\x1f\xac\'/\xfd\xc7`\x9d7\xd5\xd2]Z\x8d\xe1\xf1\xferq\xc5\xe4\xc4\x0fB\x11d)\xa9\x1c\xdaS\x13\xc3\xe5\xb2\x91\x8a\xd4\xece\xe3\xb0\x92\xc8:\x8c\xc3\xb6\xbc\x84mw\xd8\x99`\xb1\x04L\x99"b)n\xcb@\\\x12\xb1\xeb\x88\x9e~\x92\xde\x11\x1c]\xef\xa0\x04\xc6#\x8f\xf7\xfd\xcb\x1d\xf8\xac\x00`\xc1\xa7\xd1E!\t\xb1\xbd\xc36[\x9ep8l!\xbb\x19x\x8c\x89\x8a\x99\x82\xb8\x81*\x89\x19T\t\xc8\xd0\xecb\xe9\xdb\xcd5\xc8Y\xb4\xc7\xd9!q\xd1\x04[\x97\x8d\x184\x0ft\xea\xcaH\xeb\xd6\x1a\x88\xfb\xfb\x90T\xf1\xa6\\ \xf0\xc8\xe94\x99b\x8db&gt;\x19\x8d\xe6\xb9\xa8\x17\xf2\x0e\x1bEE\xbd\x8e\x85\x852\xe5\x13\xec&gt;\x8a\x93\xe4&amp;\xce \xe0\xb0\x86\x85\xeeH\xa5\xe5M\x08C\xdcj\xc7\x80\xae\xdb\x17O\x9c\xa7\x161P\xad^,,D\xb9\xdd\n\x967*\x91M\xe4\x02\x15\x9c1\xbeXdYI*\xf9\xbd\xc9$\'p\x1c\x07)\x10&lt;H\x0c\xcb\x16\x1b\x96\xdc\\`\x0e\xc9\x9a\x19Q\x128\xc0\xd2h\rG\xff\xdc\xa5j\xf5\xcf\x13\x0c\xbeAV\xf7\x04\x18\x11\xf3U\xd9\x12\xc0\xf6\xfc\x80\xd2{A\xcb2I\x02\\QdX\xc0\x81dL\x04w\x05\xf1\x82S\xed\x1b\x01*\x9agX\x1fW\xdaD\x07\xe1\xfex\xac\xee\xf4\xc3\xe0_;:y\xb6\x94;~\xbf\xcd\x15\x8dJ&lt;\rJ\x0c\xcd\xe1KiQ\x9d+\xa4\xb04\x9c4$.y\x05_\xbd@`h\x08\xd5\xb2\xac\x00U\xd8\xde\x83e=\xbf\x19\xe94\xd6@\xb5\x8e\xeb\xbezu\x8fb\xa3\xc6\xbe\xd7\xe6ra%\xa4aI\xc3\xa7&gt;zt\x03\xaci\x01k\xc6\x94\xc38\x06*e\xe8L\x13\x87}pF\tLh\x81S\x9d\t\x87\xedv_\xe9\xcd\xda\t\xd6\xc5i\xfd\xb9X\xbd\x07\xf5\x11\x16\xb8SP\x0b\xc0\xcc\x1c\x0b\\\xf1\xa1\x1b\x81\x1b\x81@ \x973\xa9\x1eS9\xfa2\x19lXR\x86\x90\x86\xd2&amp;\x90J\xf40\xe1H!\xe4\x13T,-A\\:;y\x0eV\x7f\xfc\x00\x1b^\xa9\x92(X.L\x1a\x84"\xb9\x92\xbb\x05r\xdc\x98\x9b\xc3#\x1a\xde8e&gt;\xaa\x89\x9e\x03V \x97\x8e\xdf\x8a7c2Y\xc5I\xa0\x88\xddg\xeeb\xe9\x89\x0b\x07#O\xbbS\xdd)\xf7&gt;0\x88\x06\xf7\xa0A\xb5\xbc6\xe0\x9a\xc1\x16x\x86\xcc\xa4\x95\x89\x99\xa1x&lt;\x1e\x00\x8e\\:\x87\xde\xd3\xa9\xec+`\x8d\xa7s4\xcf{p\xc4%\x12\xf1\x85\x00k]\xab\xb1\xba\r}#c\x97{\xf9\x0b.\x1b\xddX\x184\xec\xed\xc2\x9b\xa8\xe8\xe5\xb3G\x82|&amp;\x17\x8f\xdf\xfa\xec\xd6\xefn\xddJ\x03\x15D[9\xb4\xa7\xf2\x02\xe24\x97I\xe6\xf1j\x18/b\xed\x88\xb5\x0f\x81\rb\xe9/\x9d4\xed\x8d\xe5/\xe0r\xc3\xd1\xa3b\xc1B+\xda\xed\xe1\xb0(7\xd3\xf1\xcf\xfe\xa8\x0c\xb9\xa9\x0b\xc1\xd2s8u\x17\x87(\x87\xc7\xfbj\x15+dv\t\xbb\xf7U,\xe0:\xba$\xd0_\x82\xa5;\xa2:9\xa0\xf1Z_{\x12\x1d\xe1\xb3V\xbb\xb7\x9bD\xacY\x1b\xe5\xb3\xfb\xc2a4$\n\x16W\xd6P&lt;=\x87h\xc8\x08R9\xb3U\x0f\x8a\xc50\xccb$\x142\xcfp\xbb\x8f\x01K=}\xe0\x03\xdc)\xb7\xd5\xedN]\x86\xd5\xaf\x95R\xdc\xd2j\xbaY"\x01F\xd4\xec\xedz\xb1\x97\xd2a\x04\xb9\xb8H$\x12f\x8b\xb2\xd3\x04\xbb[]s\xea\x03\xaa\xb6\x92%\x81\t\xb9\x00+\x0c\xd1\xbd\xd9\xcc\xfdw\x0f\xb0\x14*\xab[q\x86n"\x95\xba\xd4\x88\xddD\x95\xe8\x8e\x1c\xa3&gt;\x90\xe4k\x08\xe5\x0bR\xbc.\xd6\xf0\xac\xd9\x05zE@/\x16\x15\xc3\xa9\xactW\xa84\xc4\xf3\x99\xec\xff\t9\xff\x98\xb4\xd3;\x8e\x1b\x829e2\xc2\x1f`\x8bUX\x1c1\x05\x11#\xc8\xee\xb2*g#\x0e\xbd\xce%\x98\xd4k\xba\x99\x90-G\xcc6o\x9e\x97\x9d\xb4\xa9I\xd1\xd8\x9cp\xff0\xd3\x85H\x93Q\x02!\x07\x07\xbd\x88m\xf8\x02V\x05\x81ew\xfc(\x18/Y\xab\xd7\xe8%\xac\xcb\xacIk&lt;\x7f\xb4\xd9\xe7\xf3|\xd1\xae\xb7\xbb\xf6\x11\xe3W%\xf9\xbex\xbf?\xcf\xe7\xfb}\x9e\xe7\xf3|O\x8d\x8f\x03\x15\x96\x1d`\xc4\x03\x96\xc9t\xe1\xe0\x0e\xb3\x12\x0b\xe8Td\xc2\xa6\x82\xcc\x06\xaa^\xa3\xd6\xff\x0f\xc5\xf0\xee\xa8\xbc\x9cl\x89b\x02\x1c|O\xde\xf9\xc7\x191[\xccV*eJ\x08\xfa\x0b\x9d\xd8\xc7\x00\xec]\xc3[\xbf\x1d\x19\xb9&gt;r\x1d\xdb\xc8]\x83\x01\x06\xfa\xd8\xc6\tU\x1d\x0c\x199\x02\x81\xa9\xef\xc1\x12\x0c\xc8\xcap`\xfd\x9b2\xa2\x16~\xbf\xbe\'~gm\x9d\xbe\xc5\xc51\x01\xdc\xd2\x10\xb2)\x17\x84\xbc\x98]\xc3V\x8a\xeb\xab\xda`\xdc\x0c6\xd6\xb5!\xd8\xc57o\x9c2\x18\x0c@\x04\xed\x86\xe1\xc681\x10#\xab\x97P\x99\x04\x02A\xdb\x1f\x96\xd7\x86\x99h\x00Vf\x90\xc9\x91W%\x88\xb27\xbe\x7f\xaf,N\x9bV\x92\x1a\xcfr\xb2n\xf0\xf5\x8e\xd9u\xff\x0cb\x89\xc5\xcd\xcd\xf5\xda\x87\xfdZ\xf0\x11N[\xd7w\x01\xfc\xec\xef\xeaBy\xc6\xb1!\x10\x89\xf6~\x92\x1a8\n\xac\xb7n\xbb\xf2\xd1\xbf6\xa7 \xfbU\x1e\x05/\xf4\xca\x1f6\xf1\x07\xb6\xef\xaa\xca\x88u\xb4\x814\xd5\xdcg_T\x89kjj\xf8\x12\x89\xb8Y\t\xa7\x83\xf8B,8\xe0p\xb4umu\x80\xd6\xdf\xffK\xf8\xea\x82\xa3\xb3]]\x98\xdd\xdbJT\x02m\x9f\xe1\xa7kf2\x95T"S\x95\xa9n\xbdV\xad\xe3\x91ui}\x8cT\xb9\x9e\x1dv\x00\x00\x0e,IDAT\xbb\xd1dL\xe6\xe4T\xe0\x8e\xeb\xd1\xf2\xdbc\xef\x9d@\xac\xeaf\\1\xa9\xaf\xc5\xfc\xd5\x06\xf1/\x83p\x83\x1f\xbdX\xe3\x83]\x01\xc8\xc8\x0b\xcbk\x14\x02\x1aK\xd0w\xea\xc7\xcf\\_N\xd1\xc3\xb2\xd2\x8a\x8f\xea\xf5X\xdf\xd9O\\N\x12D9\xc9\x0c_/dW\\ko]&lt;3v\xe2\xc4{\x88U-\x914\r\x9e\xabj\xe4\xf4a\r\xb5\xac\n\\\x955r\xeaP=\xad\xf6R\x1d&amp;\x0f\x14\x92HE\xa8L&amp;S\xdf\xc5\xeb\xcb\xae\xc2J\x14g"\x08V\xf9+c\xeb{7\x97\xd1\xe3U:GT2\x81je\xed\xe6\xdd\xdeZ%\x9b\x98X\x8dm\x10\xee\xe2\x1bk\xe1^\x99\xaeZ\x91)d\xb8\xe5\xa2Q\xa6\xd0j\x81\x0f\xcd\x85[z\xc5y\x1a\x8b\xc315v\x8e&lt;s\xcd\xad&lt;-\xd2Oc\xa8$X\x15\xaf\xb8\x97?\x9e\x03y\xf1\xe0\x07U\xa9\xa8\xb9\x12\xfc\x0b\xba\x81\xea\xe0/#\xe3u\n\x19\x8d\xc5\xa8\xc6e\xb2&amp;\xe0\xaa\xafE(\xa0:WU\xd5\\\x05W\xccZ\xa5B\x81\x81\xc6\xe1pp\x8b\x84\xf2\x04\x0c\xfa\x05\n\x01\xc7dj\xec}r\xe0\x9a+\x14\x1f;l\xee\xa9I2g\xf6\n\xac\xa3*\x89[e\xb7n\xa9\xca\x8e\xe6\x7fO\xd2\xe1\x05P\xd1\xd4\xe1\xfe\xca\xdc\xda\xcd\x91\xbb]\xbd\n\x05\x9bD&lt;C.l\x95\xcb\x07\x9b\xc0\xbb\xaaz\x80j&gt;\x07\x83Ex\x91\xca.\x8e\xa2\x11\x9d\x93)\xc58`\x84\x81\xec;\x80u^\xd1\xd8\xd8{\xf7\xfe\x9cy.\xe2X_\xdf\xdb\x8fLa\x0ec\x92\xf3a\xae\x7fi\xca\x92`\x9d&lt;.A\x7f\xf9\xea\x83\x19~\xdaR|\xbc\xbe\x9e\n\xdc\xfb\xf7\xf5\'\xe3\xfd\x978c\xec\x1a&gt;\x9f\xc1\xa8f\t5\xad\x00F\xaa\x8d`\xa8xN\xd2$\x97\xcbq9\x8c/\x86+\xb9\x0c\x17\tpo\x84\x98\xde\x82\xa4 \x8d\xd3y\xea\x9b9\xb3\xb9`\x8b\xdb\xb7\xb7\xf7R\x96\xc9\x97\xceZQj\xa5h\xbaEJ\x00\xe9\xed\r%\xbf\x8f/C\x93A\xdb\xe1\xde\xba=\xe7\x9b]\xbay\xfd\xeex\xd7%\xc1\x18\xaa\xc5gT\x8bXd%]\x0e\xa1\x0f\xc1\xdf\xd44X-\xd2\xe8\xa5\x10pD!\xf0\x8e-\xe6\x83\xaa|\xc4\x02\xb5\x04\xb8/U\xd1y{\x13\xb0\xcc\xbe=\xca\xbe\xb7\xf7\x9f=kp\x92\xbe\xd0\xa9\xfe\x17\x8c\xfcF\xcaC\xc86Y\\\x82)\xad\x10\x1d-]\x04\xb3_=\r\x87\xb6\xd2\xa9\xc0\xf0\x12x\x88X\xc4D\xe0\x12Al\xb5j\x84\xb8.\xc7\xc0\xc5k\\\'ne\x89D\xd5|q\x8dX"\xa9\x81\xb7A\xbf`\x00\x16\x9b`\t\xa0G\x8eu..!V$CQ\xf9\x98\xf5\xf0\xf1\xd3\xa2\x1b\xd3Ei(D\xefI\xa9 \xa3[2\x80`\xbex\xb2\x0b\\\x03\xe9\x1d\xd9\xcc\xc9\x85\xec\xfeaj\xc3\x17\xf2\xeeF\x86\x87]\xb7\x9f\xfc}\xbc\xbfN ;\xc2b\t\x81\x03@\xc0P\x88\xffj\x90O\xc4\x92\xb2\xb0\xee\x08:\x04\xe0\xf0\xb1\xbb\xe2A\tK\x01\xd6\x9e}\xe0B\xac\x82#\x91X\x0f\xdb6\xb2\xa9\xc3\xa7\xcf#SG^\x92\x0be\x05]\x87\x8b&amp;\xbe4\x9e\xaf\xa4/Z\x93\x81\xec\xfe~\xca\x1ard\x92\xc9\x90\xa5c\xc2\xb8\xfc\xe4\xc6x\xbf\xf6\x9d\x13X%\x8c\xb1\xc5"\x05\x11B\x16\x83\x01\x12\x11\xb1\x80\x90\x81uG\x0cl\xc0\xc5x\x81\xf5\x8e\xc24\xa6Tr\xce&gt;\x9a3\x0f\x01V8A\xcdl\xdb\xbdy\xebF\xb6\xb8\x9f\xcaZ\xa6+\x8f\xa2\xe7\x05\xd6Q\x94a5UY\xc5IR\x118\x1d\xcc&gt;\xdf\x0f\x85V\xbd\xeb\xdb3\xce\xa4uA\xcd\x9bX3|\xd0\xf5P{\x9e]\xd3\xde\x8e\xb1\xc5"\\\\,\x17\x03\xe1\xe4X\x82\x00\x16\x9e\x16\x89\x00\x06\x8d\xe5\xb7C\xfc\xc1\x01\xba\x08`\xe0\xa0R\xd9\xb6\xb8d\x1e\x1a\x1a2\x16\xc2Tbff~\xde\x1e_\r\xc5b\xb6\xe7\xcf\x8b\xd1\x85i&amp;\x8d\xa0RU\x9c&lt;2\xf1x\xb2\x02\x99!%X\xb2\xa9P(\xbf\xeb\xa1\xe6\xb7\xb7\x13~\xef\xc6\xb7\x13\r;\xf7n\x9f}\xf3\xa1v\x8c\xf4Cx\x01\x0bW\xc8\xe5JY?\x13\x9d\xa6\x85k\xe5JE"\x11b\x82l\x7fd\x10\xe9$\x88\x85\xe1\xa5\xc0b\xd5\x0f\x0f\xe6:::\x00\xcbA\xcd\xdbs\xf9L\xd2NQ^G\xcaf\xb3\xee?_\xb1\xa0\x99\xc4(\x0cz\xc4")\n\xef^*\xf1\x81\x01\xc1H1\x05Li\n?\x8dc=\xe1\xcf\x15vx\xa3\xd7\x8c\x07p\x17\xa5\x1dk\x86\xb3U\xa3q,.i\x88"m\x15b\x19#BJ1\xd8\x90\xaa\x1d\xbbB\t\x0bwl\xc9d\xb5\x1f,/\r\xf5\xa8u:]4C\xcd\xc7c\xeeH1\x9cK\xda\xedv\xcfn\xdejM\xa5\x8a\xd9 \x91\x8c`\xbcQZ\x0c \x9c\xcc\xe9/#E\x87#\xbf\x95\xf6\xd8\x93{\x8e\xe2F4\xeap\xfaW\x0b\xa3\xa3\xa3\xbc\x9d\xa5E\xc3\x8d\xbaZ\x88c\x11\x8a\xc2:\xc6:}\x9a\xd5J\xc4\xc2J;0\x95p\x01\x16\xf6\x05\x0c2l\xec1\x85\x8c\xf3\xe1\xda\x9c\xb9\xa3C\xd7a\x8c%\x13\x7fJ\xc6,\x01K!\x02Q\x1f\x074\xcf\xd6j\xc8\x9a\xda\'f2\x99d\xbb\xa7\xaa4\xa7\xc6\x9c\xfe[\xb4\xb8\x7f\x98\xdbJ\'\x93\xc9\\\xd8\xe6s\x07\x8c\x01\xc4\xca!\xd65\x9eq\xed\x94\xa1\xaeJB\xba\x9cP*\xc5z?\xae\x86\x8b\x85\\\xa0\x1c\xaa\xa5\xc1\xdfX\xb4\x85\xed\x18Z,RA\t`\x12&gt;[)\xeb|p\xcf&lt;\x84&amp;ZBT\xe2\xe73\xde\xb0u#Z(\x14\xa2\x1b\xd6p&amp;\x0e\xa7\xf4\xee\xe6\xf3\x8e\xfdb\x044c\x1eO\xc7LN\xb9\xb3)\xc7*\xe8\xe4\x89\x03S\x04&gt;K4\x92\xb5\x86\xe2\x10[\xbe\x1d\x1e\xef\x1ao\xf8\xde\xa2\xa1\xb3\xb6\x19\x0bF\x84 \r\x8bP!\x96\x149\xe1/\x80\x05\xfd\x00;\x01P\xb5\xe3\x85@N\xae\xe8 \x99\xa4\xb9\xea\xca\xf2\x92\x11\xa0z:f}\xdeD\xe2\x173T\xc2\x99^Me#n8\x13\x9c(\x9f\x03\x87&lt;[[\xb9\\\xb8\x18\r\x1e=\x81"\x18\x0b\xe7\xd2i`\xdar\xc0[\xf1\x9d\xb6\x10x\xe9\xa4f\xfc\xfe\xa4\xed[\x1e\x8f7\xdaa|\xf4\xd1Y\x19`\x81,z\r\xc6\xbb\x06@\x80O\x04\xe9J*\xa5YY\xa4\x94\x93\xc4;\x1c\x91,\x0b\xa2I$\xcd\xbfZ\xde\x1cR\xeb\x86\xd5=:K\xd8\x9eH\xcc\xd8=T"A9\xd3[yk,R\xf23\x9c\xf3:\x9dNO:\x9d\xc7\xb49\x1d\xf4YW\xbd\x1e\x8f\xc7\x9bA\xeb\xdcn\xd05\xbf\xeb\xf58\xfd~\xf8X\t?\x95w\xef\\\x03\xac\xe1\xb9g\xef6\xd6K\xe4\x1a\xbd^\xdfr\x15\xd14\x08F\x1b*%\x19\x83\xc4\x96\x88$\n\x96\xb0\xbb\xbb\x1b\xc1\xba\xe5\xf2\xa6O~\xf2\xfe\xe6\x10(\xa5\x9e\xd0\x05lq*1\xbfg\xb5\xa52q&lt;\x85\x13\xdd\xb3\xc6|n\x8b\xc5\r\xaa\x85\x1d\x19o\xda\x83\xe6\xd9\x1c\xded2\x9e\x83\x1c\x12\xb5\x04\xdd&gt;\x1b\xa4+\x8f\xdf\xef\xa7\xecIon5n\xf7\xfb\xd3\xb6\x05Pkt\xb4\xc1\xb5|\xf1\xd7\xe7\xe4\x9a\x96\x96\x81\x16hz=\x02b@\x81r\x90\x1e \xe2Xt\xc3.\xc1\xd5k\xba\xb9\xe0#V\xe9\x0e\xbe\xff\xc5gF\xb5\xba\xa7gbb\xd6\x97\x01\xaax1\xa0\x0bDc`\x9d\x17\xb2D\xc2\xefL\xe7\x08Z0hA\x80|\xd9F\x08\xd2\xb8\x17\x90@&amp;_\xcc\x1a\xdeM{\x9cN\x8a\x02\xe9VC\x18a\xbe\x1c\xe5\xf7\xefFwF\x87\xa17~\xba\xb4\xd8yf\xf0j\x0bi\xfa\x81\x81\x96\x81\x81\x01\x04\xc3\xcc\x80X\\"\x1c\x8bd\x0f\xcd\x8f\xf4\xd8)@2\x8df\xf0`I\x07J\xf54L|J,\\OY\x8cF\xe3\xeff\x03\x01\xf7\x06\xaa\x90\xa4(\n\xdc\x83\xeehC\xb4`\xb0\xcc\x9bq\xa4b&gt;\x9f\x0f\xff\xbdE\x90\x9c\x1eo\x0e\x03\xac\x10\x98\x9d\xd5\x</t>
        </is>
      </c>
      <c r="M94" s="3" t="n">
        <v>45492.67856481481</v>
      </c>
    </row>
    <row r="95">
      <c r="A95" t="n">
        <v>247665</v>
      </c>
      <c r="B95" t="n">
        <v>1984</v>
      </c>
      <c r="C95" t="inlineStr">
        <is>
          <t>Miguel Trauco</t>
        </is>
      </c>
      <c r="D95" t="inlineStr">
        <is>
          <t>M. Trauco</t>
        </is>
      </c>
      <c r="E95" t="inlineStr">
        <is>
          <t>LE</t>
        </is>
      </c>
      <c r="F95" t="inlineStr">
        <is>
          <t>LAT</t>
        </is>
      </c>
      <c r="G95" t="inlineStr">
        <is>
          <t>LE</t>
        </is>
      </c>
      <c r="H95" t="n">
        <v>175</v>
      </c>
      <c r="I95" t="n">
        <v>14</v>
      </c>
      <c r="J95" s="2" t="n">
        <v>33840</v>
      </c>
      <c r="K95" t="inlineStr">
        <is>
          <t>Left</t>
        </is>
      </c>
      <c r="L9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5f3fcd1a-877c-4e2d-a6bb-6a863fb7b2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2\x84\xc6\n\x00\x00\x03\x00PLTE\xff\xff\xff\xfa\xd0E\')#\xfd\xd4J\xf8\xceB\xfd\xfd\xfd\xfc\xd2G\xff\xff\xfe*,\'./)\xfd\xd6NrJ\x1a$% \xf9\xcaA  \x1c\xf5\xcb@\xfd\xdbQ\x9bp&gt;\xa5yK\xf9\xf8\xf6\xc7\xa2\x8a}T\x1e\xf6\xc6A,, \xf9\xd5H\xfc\xcdD01/\xc4\x9a~\xbb\x8fn\xc5\x9d\x86C3\x1f\xaa~P\x9fj@\xc2\x9ar-%\x12\x85[*8&amp;\n\xb0\x7fV\xb7\x87[\x9fqH\xc1\x97m\xba\x96t\xc0\x9bx\x9bg&gt;\xb0\x85W\xc5\xa1\x82\x98j7\x82X#\xa1vD\xcc\xa8\x92xP\x1e\xec\xb86D-\x0e#\x1d\r\x8fd.\x8b_*8+\x18\xfd\xd3A\xf9\xcfI\xcf\xb1\x99\xf1\xc7:\xb5\x8a_pS9\xb9\x8ec\xbe\x9a\x83\x95h&lt;\xef\xbe&lt;\xc1\x91i\xcb\xa5\x8c%%\x1aytc\xe8\xb02\xbb\x89`\xaaxQ\xb0\x8cq\xf5\xc2&gt;\xca\xa6\x81\xcc\xab\x88kF\x16\xfc\xdaK\xb2\x88h\x93g4\x1b\x1c\x16\x82];\xa8rF66/\xb8\x8akuQ-\xb5\x84b\xbe\x8dc\xbc\x93h\xf5\xf3\xee\xfb\xd3E\xbd\x8fu\x8db?\xef\xee\xeauoX|T3M7\x1f\xb2\xb4\x98dA\x13\xf4\xbe9U5\x10fI.\xfc\xd8D\xbe\x96}\x9cw^\x9cqS:1\x1fjgY\xc6\xa1w\xf2\xb77\xc1\x94vY=\x14\xa5}]X?$sYC|^E\xafyK\xbc\xba\xa3\xce\xaf\x90vN\x17\x99\x81g\x9e\xa0\x85LNO\xfc\xd68\x85yf\x88W/VC-|T&amp;\xa7\x89n\xb7\x8ar\xad\x82`\xb6\x81X\xb7\x95}\x88\\#*\x1e\n\x82S*\xa8\x8dvL3\x10\x18\x16\x0c\xf8\xc7:`;\x11\x90c6\xec\xc15\x9f\x85i\xec\xe9\xe2\x85cFkN7\xb4\x80OdB!\x8fpW\xa4o?\xa0\x88qxZ:\x85t[\xc2\xc0\xaf\xc6\x99v`E0\xa7xW\x92iO\x7foWN:,|K\'\xca\x9e\x80\xd3\xbd\xab\xaf\x92{\xd2\xb7\xa3E&gt;*\x90\x7ff\x91]3\x94oHnK\'\x8a`3zfM\xb0\x81i\xd3\xd5\xd6\xe4\xe4\xe1\xa4~g^M7^[P\x8fiC\xef\xae3OI5\x8fx^\xe7\xc2\\\xd2\xca\xb1\xaa\xac\x90\xc4\xc3\xc1dY8lhM\xf0\xcfKe_E\x85fP\xf6\xd0:\x92\x95yXSCo`K\xd2\xce\xc1\xe1\xdf\xd7\x7f\x80\x81\xbd\xa2\x8egjk\xa1\xa1\x9a\xde\xd7\xc9\x8c\x8f\x93\xdd\xb9:\x9bbK\xbc\xb2\x95\x82pG\xac\xae\xadzg=\x95\x85p\x8fU?o?\x1d\x9a|N\xafy`\xa5mh8&lt;&gt;\x9d\xa1\xa5\xf4\xe4\x9b\xb1\xaf\x86\xa0\x9bo\x8a\x89p\xb4\xb7\xbb\xf6\xe0|\xf5\xed\xbca,\npsw\xd3\xae2\xf8\xddd\xad\xa7wDC;\xc2\xa0/W^c[:1\x7f\x81h\xac{z\xe4\xc6B\xb5\x943\xe5\xcd\x86lJD\xe5\xdc\xb4\xaf\x9b\x8c\xdc\xb3W\xf4\xf2\xd9[M\x1c\xe7\xc7s\xa8\x88*~l$\xe0\xcc\x99\x98\x8f^\x9ay \x88y6\xf4\xd1i\x81PZQ&amp;\xd7 \x00\x00 \x00IDATx\xda\xcc\x99\xebOZy\x1a\xc7\x9b&amp;\'tb\xd3\xa4EcR\xf0\x88(\xe2\x8a\x97\x96\xc8\x96dR\xc4X\r\x9a\xae\xb1\xf5\x82\xd6\x14\x11\x8c\xa4\xc2\x99\xc8Mb\xcf\xc4B\xa7\xb8m%5\xa3x\x19\x05\xb4\xd4\xdd\x9c\xad\x97\x1d\x0b\x86F\x06\x82\x81j\x1d\x9dDk3M\x9a(o6\xd1\xa4\xbci\xf6\xa5i\xb2\xcf\x0f\xec\xec\x1f\xb0=v\xbfA\xbc\xbc\xf1\xe3\xe7\xf9\xfe\x9e\x1f\xc4S\xa7\xfe\xf70\x18\x9f\x9f\xfeO\xc2lk\x1b\x86\xb4\xb71\xb1\xff\x02~\xd500&amp;\xb3mik\xc5e\xb1X\\\xae\xb5\xb5\xad\xf5\xe1v&amp;\x861N1\xbe.\xd5\xf0\xd6\xd6\x1a@\xa9Q\x00\xcd\xa2\xb6\xb8\xd6\xb6\x96\xfe\x10\xf7\x95\x82\xad\xbb\x90(@:\xe6R\x07\x83\xc1\xbdm\xcb\xca\xd60\x13\xfbJ\xc3d\x80,W\x10HR\xae\x80H\xad\x0e\x92\xe4~t\x7f\x7fo{\x1b\xc8\xbe\x06\x18@1\xd7WR\xe3K\xc5\x12\xdcCst\xa9I\x94\x83=\xd7Z\xdb\xc9\x8f\x92\xd9&gt;\xbc\xb2\xb7\xb7gA\x82\x90\xa6\xa0:\xb8\xa7V\xbbV\\\x10K0H\xee\xef\x03\xe8:\xf3\x84}a\xc3+\x96\xed\x03\x18\x97ZMF\xa3d0\x08O$|\x06\xae i\xd9\x84\x9f\xbd%\xd5dp\x8dy\xa2\x87\x12k[\xdb\x06W\x07\x07{{\x08IY\x1d%\x13\xfe8H"a\x88\x898\x19\xadN\xf4\'\xc87$\xb9r\x92\x83\x04W\xdbI&amp;x\xda\x87"E\x13\x89h4\xe1\'\xa2\x9b\xe4kr\x13\xbeK\x10\xe1Hu|\xf3\r\xb9oi\xc7N\x8e\xeao\x07(\xfb\xd1x\x1c&gt;&gt;\x0f1N\xf8\x89_\xabc\xd5\xd1\x04ATG"1"\x01\x88G\xdb\xeb\'\xc5\xc5\\\x83VA\xe2\xcap$\xa6T*\xab\x13\xa0\x89\xf0\'\xa2\xd5~?\xe1\xa7b\x04\x11\x01\xaaX \x10Nl\xc6\x8f\xb6\x97N\xa8^m+\xfbGGG;\x91H\x18%\x10\x08P\x01\x7f\xfc5\xe1\x8f\xf9\x01%\x12\xd3Q\xb1\x98/\x14\x8e\x84\x02\xba\x00\x11O\x1c\xb9N\xe6&lt;2\x86\xb7\x8f\xde\xed\xec\xec\x84"SJe\x04\xa8b&gt;*\x10\x01O\x00\xe5\xf39M\x12\x89\xc9d\n-.\xbe\x8a\xf8\x02\x87\xb1px\xffd\xc6\xd8\xb6\x02T\xa1P(\xbc\x13\x0eQV\x9f/\xe44\x01C(\xe4\x03\xa6\x91\xb99-&lt;\xb43\xe3##f\xe0{E\x80?r\xe9\x04\xb8\x18\xeb\x07\x9f&gt;\xed\x02V\xc8\x17\xda\xdd5\x9b\'\'G\xe6\x96\x97\x97\xe7FF\xe6\xb4\xfc\xec\xde\xde\xc6F\x0e\x87\xc3\xe7\xf3\xe7\x14\r\r\xe6\xc5~"@\x85\x83\xf4s1\x98+G\xbb\x9fv!\x1a\xcdd\xc3\xbb\xb9\xe5\xa1\x8a\x0b\xfc\x12Ncovoco\xefh/pM@8\x02\x81\xa0bH\xb1&lt;\xfe\x14\xba\x16\xb6\xd0^/F\xbbz7\xb4+\x9f\xdf\x9d\x94\xe7\xe6.\xdc\xb8QR2q\x8931\x01H\x90Q\x08\xf2\x05Ad\x15\x806\xb3He\x06\xa2t\xd7\x0b\xc3\xb6\x94\xaay\x9b\\n\xebxT\x9a{\xe5\xcas\xc0Bil\x04&amp;;$E\x86\x9cq\x901\x81`\xc6D\xe9"\xeaa\x9ae\xb5E\xc5za\x9f\xd0&amp;|\xf4\xa8\xb4\xf4\xde\xf3\x92\xa4\xa9Q\xc4\xd4\x9a\x8c,??\xdf\x9eT\x96\xe2\xe2p\x14&gt;*\x12_\xa3W\x17\xb6\x1e\xd1\xa5A\x84B\x9b\xad\xb4\xf4\nR\x95\x82\x92\xc9Z+Qn\xc9\x80\xcc\xfe\x19\x0c\xb0\x04\x15\x93T,L\xb63h-\xbc\x85\xd2\xa7%\xb9l0\xc3\x1b\xa9\xe1\x01U&gt;\x88*(p\xbbs\n\x10[\xab\xcc\x9e\xcfC\x1d\x03a\x1c\x81\xc2zH(\xd70\xfa\xb8\x18\x8c%\xa5\xb8\xee\x18\x0b\n\x7f\xfe\x12@\xc1\xd4\xf2\x93\xaa\x00k\x96\xc5\x9a\x9d\x9de\xf5\xf4\xf4\xb0e\xf6\xde\x1a\xe4\x0btu\xa0\xe5E\xa3.\x06\xe6\xa2\x06\xd3RX\xa5\xb9C\xe7/]\xe0\xf1\xecI\xac\x14\x95{\xb6\xb8\xf8\xfa\xb5\xf4\xe2\xe2\xe2t\x16\xbb\x85W\x93\xdca\xa0\xcb\xd8\x14\x8b\xd1w\x071\x18\xed$\x8ef\xd8\x97\xd6g+](\xb9\x94=\xca\xe3\xe5C\xab\x92\xb6\n\xdc99,\x16\x10\x15\xa7_KO/\xbe\xdd\xdcR\xd3\xc8\x9f@\\\x15\x1a\xf1a\x95\x92\xbe+\x1b\xb6\x03\xfe\xc7\x0c\x87J\xce_\xc8\xce\x06"8~\xc9\xba\xe7\xe4\xf4\xb8\x8b\x8fSX\x08X\xa0kb\x02\xb5\xbeC\x95YE\xd1\xd6.\xac=h5"\xac&gt;!\x9aa\t\x9aa\xbe\x0c\xda\x9e\x1c"\xe8B\xb2X\x859\x85,Va\x0f\xbb\xb9\xa5\xc5^\x93*}\x83G|S\xf4\x86\xae)2];*cg]r=\xe4\xa2je\xf3\x8a\x8a\x8a\x00\xab\x1cl\xb5V\xbagg\xdd\x85\x05\xec\xd6rvO\xcfm6\x9b\x8dt!.N\x85\xdc\x88W9\x944\x95\x9e1\x1c\xa7p\xfd\x93\xce\x14\xd6\x02\xd8\xca\xce\x86v\xd9e\xa8^@\x96\xf3\x9d\xbb\xa0\xb2\\\x06\x0b\xb5\x92]\xd9\xdc|\xeb\x18K PH\xac8\x9a"-o\x1c\x19\xd8/!\xaeX\xa5\xefD\xd5z\x84\xb0`?\xf4f\xc3\x82\xb0\x03\x17&lt;\xe0,\xb6\xe6\xa3\x83\xd9\xd2\n\xae\xca[ \xd0.&gt;\xecy\x89\x95\xca&lt;\xab\xdb\xc4\xe8X\xf5X\x1b\xa9\xe3\x8a\x07\xbb\x9e\x00\xd5\xb3R\x18"Z[\xbdhm%\xb1\x92\xa7\x11-x;\xcf\xde\xca\xbe\x05XE\xb0=x5|X\x10\x92@Sf\x95\x88h\xa7C\x17c)\xcc\xe5\xea\xf0A=\x94\xcbf\x03]%\xa9m\xda\x9a\xbcw\xd0}\x08\xdb\x1d\xbe\xb6\xdb[*{\xdc9\x952\x1e\xcc\x90W\x83\x86\xe8\x0c\x00\x95\xa3\xe9g:\xce"\xb6\x15\x10\x89\xc4\xe22\x84\xf5\x0c\xb0\xfe\x0c\xdd*\xbaz\xb5\x1c\x1dA\xb7\xbb \x95\x1c\xb7\xbb\xb2\xb2\x07\x1d\xc8\x9c[W\xd1&gt;\xe5\x83\xade\'\xa5\xcb\x149t\xbf\xd0`\x0b\xaa%\x16\xdd\x14q\xf3\xf4\xa9\xa3x\xe5\xc6\xf9\x0bE\xe5\xb7\xd8p\xecX(\xb3\xb3\xc5p\xef\xc0\x9a/fee\xa5\xc3&gt;e\xfd\xe9j\x11\x8c\x903\xc1Qh(\x9d\x8e+\xca|C\x03\x16\x86\xb9\xb8\x0e\x11\xc2J\xdd=W*.e?\xa8\xaf\x07\xac;w\xa4YY\xac\xe2\xcb\x97\xd3\x11\xce\xb5\xf4\x8d\xe3\x0c\xd4&gt;\x98\x86\x19\xf2\x05\x80\x85\xe3bQU\x94A\xcbA\xcct8\x92X}ii\x19\xb9\x0b\x8a\xe5\xb9w\xdd\x86\x07\xf5\xb5\xb7\x07\xa4Y\x1b\xd2\xac\xcb\xdf\x02\xd6\x86T\xba\xb1\xf1o\x94\xc7?\xbd\xbd\xfbrF\x9b\xec\xd6\xbc\x8a\xa2@W5F\x0b\x16\xf7\x18\x0bd\xa5\xcdk&lt;V\x8f\xd5\x172-\xae\x8ew\xd7\x0eH\xef\xdc\xb9|Y: \x1dx\xfc\xd3\xdd\xa7\xf0\xde\xd5O\x10~\xbf\xff\x95\xc9\xac\xad\x81W\xce\x1dF/\x85sE\x04\x93\x16\xac*\xa0Ja\x8d\xa9p1\x97\xcb\xad\xe2f\xea(\x9fsr\xe6~m\xed\x0f\xd2\r\xe9\xc0\xc0\xdf\x1f\xbf|\x15\xd0U\x9d\xcdl\xbax\xf1bS\xd3\xe1\xa1I\xcb\x17\x08\x16\xe0o\xf0\x8ai\xc1\xc2\xc0\x96\xe8\x18kL\xfc\x10\xda\x9fJ&amp;n\x95\x98\xc7_\x18\xfe\t\xaajk\xef\xdf}\xea\x83cWu\xae\xea\xec\x99\xd3\xa7\xcf\x9c\xfe\xe6\xd5\xf8\xc8\x9c`H\x0e\\:.M\xb6\xb8\x88\xaa\xac3M\x9f\'r\x88\xaa\x00\t&gt;\x1er\xc5\xb8J\xd3\xa05\x18j\x07\x00\xeb\xc7n\xb3\xcf\x8b\xebp\x9dX\x8c\xe3\x14u\x18{;\xe5\xe9\xa8\x18\xea\x90;i\xc3r!\x88\xbc\xc1\xba\xba&lt;8\x91".\xee\xf5\xaaTe(]F\xb9bz\x1atI\x07\xeew\x8fH\x9c\x1a\xa7\xd3)1\x99\x17\xa7\xfe\xf1\xf6\xa7\xb7\xab\x9e1\x85@!\xd7Xq1\x8d\xb6\xca\xf4 +\x0fW\x19%\xf0~z\xd2\xa9\x19\x1b\xd3wuu\x8d\xcd+\x0c?H\xa1\xf4\xb5\xdd\x8a\x8e\x0e\x89\xf3\x83\xd1#1\xaf\xae\xae\xbe|\xfc\xf8\xc7)I\x03\xbc\xe2\x82r\xe9\xe8\xc0:\x85\xfdL\x89\x90\xac\xb4\xae.\x8d|\xb2\xa1A\xe2t~\xf4}\xf0\xaa\x8c]\x83\x83O\xe6\x17\xa6\x9bY\xd7\x00\xcb\xa0\xe8\x90k\x8c\xaa\x0fN\x84\xf4\xd2&lt;\xd9\xfd\xe2\xc5\xf82\x9f\xb3\xa0\xb1ZqZ\xb0\x18\xeb\xb1\xa4\xac\xbe\xceN[\xaem\xcc(Y\x9d\xea\x7f\xfd\xaf_c^\x15\xc2\xbaW\xd3\xeaFX0D\x8d\xc7c4Z\xbd\x01?\xd1\xff\xd2,\xd7\xbe0h\xf9\xe7+\xe4\x1e+^M\x8b\xad%\x02\xb0\xc6\x84\xc2\xba4\x9bPo\x0c\xf9p]\xd3\xfb\xefa?Y\xf1\xb2\xae\xdf\x1f5\xb6\xba\xff2\xdbS\x8f\xb04F\\\xecp8\xce9tV\x93\xa4a\xda`\x98\xe6\x0bl\x08\x8b\x96\xabz\x18au\n3`\xcbw\r\xc2\xde\x82\xdf\xfc\xfe\xcc\xf7^h\xfe`\n\xeb\xba\x9b]\xdf=\xb3\xaaQ\x89\xf1\x18\xdc\x08\x8e3\xfeoD*\xc9\xb2\xa1\xfeA\r\xc7f\xb4\xe2q\x0c\xfb\xf2`X{5`\xd5ed\xf4\xf5u\x96=t\xe0\x81s\x0e\xc7\xcd\xf7\xbf\xf9\x9b\x1e\xe6\xa9\xf4\xbf\xdf\xeb\xadDX\xcd\xd3\xda\x19\x18\xa2\xe7\xa3O\xe5\xf5\xfa\tX\x16\xc6\xc9\xe9\xe6f^\xe3\x82\x91\xa2\xc8\xf5o\xd3\xb7\xbe,\x17\xfa\xb7\xc5o)\xac\x0c\xe1\x93\xbc\x87\xe2\x0f\x1f\xbdb\xb1\x97\xe8_4y\x8ccci\xf7F\x0b\xbe\xbb\xceb\xcbxZC\xf7\xb8Y\xe2\x94\x98\x9f\xf6?\x9dZ\x1c\x19\x99Y\xd6\xb2\xd9\xf5\x17*\x8c\xb8j\xd50]\xd3\xbc\xf5%/F\x8c\xb9\xb4\xd4\xf6&amp;\x93;\xd8\x97\xf1\xd7R\xe1\x13\xbd\xd1h\xd4H`7\x99W\x17\xcd\x92\xf9\xf9\xf9g\xcfG\xc1\xd6,[\xd6b\xf8\x0f\xad\xe6\xf7\x9aH\x96\xc5\xf1}\x11\x17|\xd2(\xfbP\x96\x91I\xaa\x8b\xc46\xbf\xc8&amp;\x810n\x15+C\xf4A\xaa\xa9PV\xd3\x94\xc1 \x91\xd2f1?\x9c\x9d\xf4.\xd4\xc42\xda\x1aP\x12\x1b\xf3\x83\xe9\xe8\xc6\xc4\xb0\xc6L\xf5\x082K\xef.L`z\x9a\xb0\rvo\x8f\xb6\xd9\x97\x1d\xc8&lt;u\xe8\x87\x90\xc7}\xd8=\xd7\xf4\xfe\x07\xe5\x81\xaa\xe7\x0f\xe7\x9c{\xee\xf7{\xef]\xaa\xfde\xfb,\xc7\xe6\x8a!\x14ah-F`\x08k\xde\xb2\\t\xb5m\x12\xfe@\xbd|i{\xa6\x8b\xdb\xe7\xffx\x08X \x97\xc7tc^\xaf\xd7\x8f"\x9a\xcb\xad\x00V)UY\xef`q\x1c\x1f\xaf\xd5\x00\xa7\x86\xfeKq\x85qs\x0c\x03fc\xb6:\xb5\xa7\x10\xe1b\xa9\xb0\xa5\x1e\x96\xe6\x95\xd4*\x95\x1cS\x8f\x17L\x80\xb5\x06\x9a9%I,\xeb+\x16\x8bg\xac?\x05\x01X\xbf\x05,\xb0afs,V\x0b\xc5\xd0\xccO\xc0\x8f\x12\x05\x99\xe1\tC\xdf|\x91o\xb7k\x8d\xa6zgJ\xda\x9e\xe3\xcb\xcbVJ7\xfex\x11\x84V_\x1f\x88-\x1f:/\rC\xd4}\xa7\x15\t\xb0\x08\x94-A\x88\x08\x11Ld\x14%\xe6N\x9c\x8f\xbe\x1e\x055\x88\x8b`\xb0\x0b\xb3\xd9`\x98\xa7DEi\x1e\xabfc5\x0f\xca\x08+\xb5\xd8\x1f\x18\xee\x9b&lt;=\xa5O\xc8w\x85\x02\x1aHa\xd0\xeat\x07\xeb\xf3\x19\xb0\xaffN\xe8hhY\x16\x07\x12 \nGA\xaeR\xb8 sq\x97\xadZ\xe7\x8d\x18/7\xd4k.\xcd\\\xe8\xf2\xb2$\xa5\xaa\x1b\xbaa0\x884i\xe8\xed\x8d\xc7\xe3K\x85\x82\xcb0;k\xab\xa4&gt;b=5\xf3\x9c \x8a \xe6#BGJ\x1b\x11\x17\x8e\t\xb2R \xc7|\x04gn\xbb\x1b\x82j\xeeZ\xb3\x15\xbel\x95\xb2}\xba\x85US\xdf$M"\xa6x\x9c\x88\x13\xc8\t\xce\xda\xa4\xd4\x9ad\x85\x96?\x8cp\x1cg\x16\x80jt\x14\xc7 k\xc0\x85\xa3\xe3\x1b\x11\xaaH\xa6X&gt;"\xcc\xb4\x1b\xa2\x8aXE\xc0\x92L\x9e\xc51\xe8-\xda\x05&gt;\x8c\'\x88\xbb&lt;x\xd6\x19\x82\xacHk\xa5\xca,$\xcby\x181s\x8cY\x04\xac\xe9Q\'\x0eXF\x1cwB\xc2D\x99)X%\x7fC\x11\xf1vsT\xbd\t\xb1\x15BX\xc3\x9e\xcc*\xc2\xea\xbd{\xf7S\x82\xb8\xc3\xcf\xf033\xeb.[E*\x95*\xae\xc8\xa1sz\x1a\x8f\xf0\xed\xb8`t\x8e\x8eNO\x83\x11\x02,\xb1\xf3\x03,}\xd6\xd7(P\xd3T\xf3H\xb5\x95\x88Z\xbe%Ic\x99\x00`e\xf5\x06\xa2\x97 x\xbe\xe3\xeeo\xb1R4\x7fh\xfc\xe2\xf8x\x1a\xe7x\x9e\xc3\x00\n\xb0\x9cN\xa3\x13\x87\x06\xc3)\xc0r\xe9Oi&gt;.Sx\xe1\xb9zc^s\x04X\xa9\xc0\x02\xc2\x9a\xd0\x93\xbd\xc0u\x97\x9f\xf9\xcd\xfd\xfb3\xeb\xd0\xf1YZ\xb2\xf2O\x0f\xa7\x8f\x8f\x8eG\xc1\xc6F\x04\xe7\x17([`\x1c\x9d\xa8\xb5p\x94-\x97\xed4{\x9fi\xb7y\xf3+5\xc7\xa9\xb7$\x95\x02\x1e\x0f\xec=\x13\xb4\x95t\x15\\.\x02\x1a\x8c\x9f!f\x87*;\xb3Y\x9b\x0brt\xf4\xfc\xd8\x08\xddn\x14\xe1\x07\xe1D`(\xa8\x01\x997\xd8\xb2}\x8cP\xb0\xce\xdeW\x0fK\xab\xd9\xdaN\x95Z\x9e1\x845\tU4\xb8\x0c.\x82\xff\xf4\x0e\xacCk\xa52T\xa9T\xac\x84\x19jg\x8c(\xe1\xa5\x88\x08\xf2\xd9\xe9t\xc2\x07X\xd0Z\x94\x00X\xe03bb\xa3\xb2\xb3\xae\xe2\x94\xd7\xcc\xc5J\xad\x8c\xce\x04E\x1c\xee\xbb\xa7\'I\xd2\xe0ru\xce\xdew\x86\xa0\xe1/\xc73\xd2\x0e\xc1E0.\xf7\xf0q\xa9\xc0Q\xb7P\xce\x0e\x1d\x141!\x83\x84\xa8x\xdd\x8a\xcd\xba\xee:R\xb1\xb7\x1e\xa4u\x99\xcb\xeaZ\x00\\\xfe\xe4\xbd!=\xc2\x82\xf6Z_\xff\xdcZI\xb5Z\x97\xe3\x8f\x17RVW\xbb\x1d^\xb9\xben\x86e\xc8\x90\xf3\xb6\x8a@\x05E\xa4\x04\x86\xa4+~w\xd8\xc5\xc1\x80P\xef\x0c\x15\x96b)p\x19X\x0bx\xc6\xfa&amp;&amp;\x10\x17:\xbaZ\xbfs\x07M\xadR\x1e\xbc\xcf|\xa6$\xd9\xc2\xa1\xf4\x87\x8bb\r\xad\xbe\x8fE\x1c\x05,X\x8aB\x9c\xa4%\xc8\x16\x85\x87\x9b**\x1bMOy-\x05U\x04\xac\xe4\xe4\xe4\x04`\x19z\x01\x8c\x00\xac\xac\x94\xf2\xe6\xf3\xc1\xfd|\xab\xd4\x0c\xbb\xcb\x10\x14\x85a\x87\xc6C\xe3G*\xa3\x9d\x12\xcdq+8"\xb7\x88S\xb5\x065\xa7&amp;\x16d\xa3\x95\x81\xc15&lt;\t\xe9\xa2\xf5\x06D\x85\xb0\xe8S\xc9\xef\x00s\xe6\xf07\x8b\xa1Z:]N$\x04A\xa0n\xb7\x1dto`\xc7\xb1\x01\x8e O\xfd&gt;Y\x14`w\x9cV3[7\x99VE\xd2\x052\xbaa\xc8\x16Tq\xc4`\x00,\xa2@\xfa|\xec\xde\xde\x8a\xc3\x11\xcd\x15k\xb5G\xbb\xbb\xe9\xb4\xdb]\x8e\xa5)\xfc\xf6\xb0\xcbn\x07A1\xc0\xbbl\xfe\xaaON\xdc\xa4\x15\xe5\xb9\x8a\xbd\xd5s\x0e\x02TZ\xcb,x\x86\x93\xff\xc7\x82\x84\x19N\xea,\x1b\x05\xe9\xbe\xb2r\xb6\x1d\x8a\xd56\x01k7\x96\x86\x88\x95\x11\x18`a\x91A\xcc\x1cw\xd1\xde*\xeb.\xff\xf4O\x99z\xa9\xa2h\xd6\x1c\x9f\xa6\xfc\xde5\xcfB\xc0\xd4\xc1\x1a\x1a\x01\xae\xd9\x11\xb2\xce\xbe\xddC\xc9:\xdb\xde\x8c\xc5\x94Z,\rX\xbb\x8fv\xd3\x9b\x8f6\xcb\x14fw\x1a1L\x88\x0crq\x83\xcf\xcf\xb2\xb5\xcd\x9f\x9e\x9d\xff\xd0\xa3&amp;\xd6\xabF)\xfa\xb5\xd7\xb3\x01\xf2\xb4\x0f\xb8 _\x06\xc3\x08]\x7f\x03To\xa1~\xa0\xdaeEQd\x01\x1dq\xed&gt;\xda\xdc\x84r&amp;\xa0\xf3\xd1\x1d\xde\xc0\xc0-\x96\xcf\x11\xfd\xea\xd93U\x9d\xb5\xa6\x87\xaa\xff\xf8\'\xc0B\x1e\x03\x9a\x1e\x16\xe3\xc8\xc8\x0e\xedCTl=\\h\xb7\xdb\x8a\x0c!\x08"F%\xca\xee\x18d\xcd=\xf8\x14\xc3\x06\xcd\x82y\x80)\x90~\xaf\x9f\xb5\xbcx&gt;\xa7\xee\xc5\x8fV\xbbu~\xf3\xef|f|#`BM\x0f\\;#z\x9a}\xf3\xe6-Hz\xb2\x01QP\x94v\xbb\x83\x07\xc24Q.\'\xca\x83\x18\xf6\xbb\x08\xb8\x0e3_\xf0\x81S\xda\xbd\xf9jNmW\r\xfb\xcf\xef\xff3\xdf?\xbe\xb1\xb8\nM\x0f1\xa4\xd7#\xac\x93z\xddW\x91\xa4f\xd3_j6\x9a(\x1a\x8dpA\x96\xdd0(\xa0\xb90\x80\x1a\xe0x\x17L-\xf6\xa8+\x97\x18\x9a\xb9\xd7\x9f}\xf6\xf7q\x90\xf3\xc9\t\xc0\x9a\xd0\xeb\x87\xe8\xfa\xc9\x89OJ\x95J\xad\xfc\xd5\xd5\xd5\xf5\xf5\xf7\xdf\x7f{05_\x05\xb6\xe2\x92;A\xc1l\xe8$\x8b\x89\x9f\xb0^o\xf8\x95\xb6\x1bw&gt;Z\xcd\x83\xad\xad\xbfZ6\xf2k\xb0\x16\x93\xc9N\xba\xde\x9d\xb0\xfe\xfc\xc2|\xff\xaf\x7f\xf5\xcb\x7f\xbd\xff\xf9\xe7\xf7\xef\xdf\xff\xf1\x00\x00\xf7\xaf\x9e\x14\x95\x84H\xd9\x07\x050\xb4L\xbc\xc0V\xf3\xdeZ\xb7\xdeBh4\x9a\x97\xdf\x8d/\xe8\xa0\x88\xc9d\x12\xba\x9e6\x9c\xec9\xae,(Q\xd7\xd7\xff\xed\xc4\xc5\x87\x0f\x17\x170\xeekn\xd1n\xb7\x8b\xa0\xed\x99X\xfc\xc4\xef\xad\xfa\xdd\x0f\xbav\x87\xae\x99\xfbq|\x1cM\xd4$J\xd7\x8e\x1ej\xc8\xe6r\xc5\xed\x8bN|\x80\xb8A?E6\x83\xe8\x82\x8dG43L&lt;\xb4\r\x9dUe\xcf\xbb\xf7\xd0F\xab\xf9\x9b\xa5\x1f5}29&lt;|O?B\x02\x97\x8f\xf6\x15\x1b\rD%#\xa4\x8b\x9a\x02C\x02\x13q\xbb\x1d\xc9\xd2\xf8Rh;\xc7\xe6\xf3\xdez7_Bh\xbey\xd1\x0f3\x02\xb0L\xc3\x13\x80E"WM[\xadhB\xdc\xa6\x0cF\x17\x86\xbc\x18n\xa7\xec\x03n\x86\t\x9dE\xf7\xaa\xf3\x8b\xec\xc9\xab.b\xfd\xa2\xe7\x0fS\xfd\x0b:\xd3\xb0\xc9dJ\x0e\x8d\xe8\xf5V\xe0\xb2ZI\xab\r&amp;\x84\xdf\xdfl\x14\x18Y\x88`\x87\xf8!&amp;\x8a\x03fe)\x94s8\xbc\xcb\x96\xbc\xef\xdd\xcbn\xbe\x1b\xd1\xfc\xf0\xe5\'\x1b\x9eU\xdd\xaai\xd5t\x8f\x86@H6\x9b\x8f}r`\xb1\xcc\x1f\x04\xd9\xb0\x82\xb8\xb0\x88 \x0f$\x98\xa50P9\x82\xf3\x96\xa0oi\xab\x8b\xc9\xd2j\xbeY\xe9\xef\x07\x0b\xd4\xb9\xbc\xbbGg+6tI\x9e\xf5\x06\xaf,S\x96\x83\x83\xfd\x95"\xda\x81\x04\x18\x0c\x8a\xdb\xcd,\x15\xf7\x1cA\xa0\x9aw\xb0\x9b\xdd|+\x05C\xf5\xcf\x1b\xfd\x0b\x1e\x8f\'\x10\xd0\x8d\x9df\xb3\x15\x1a\xdd\xafV\xaa\xfb\xfb\x07\x07W\xd7\x8ehQ\x11"\x82\xc0qf\x06\n\x18\n\xe7\xf6\xf6\x82\xcb\x16\xcb~\xf4m\xba\x9bo\x92\xb4\xda\x9er\x1e\xa5+\x10\xc8\x04tk\x92\x94\xcd\xdaH\xd2\x96e\xd9\x15\xc7\xf5\xf5\x19\xcc+Y\x16#\x11\x8e\xe1\x98px;\x17u\xf8\xf7\x96\xe7\xa7,\x8e\xaf\xa3\xe5\xae\xbe\xd7\xd5j\xcf\xab\xe3\x9f\x8c/\x06\x163yX\xf6^\xbf?K\x1aH\x9b/\xe7\x08&gt;\x89\x9e\x85\xdcn\x11\xa6\x03\xc6\x99\xe3KE\x80\n.Cc=|\xb8\xbf\xf2b\xe5\xa6\xab\xcf\x9b\xb5\x9a\xd7k\x81\xfe\xfe\x8d\x8d\x8d\xc5\xc5\x85\xc5|\xb5\xea\xaf\x1bzI\x12z\xe8\th\xc1Z\xcc\r{!\x8e\t\x8c\x12\xceE\x9f\x04\xbf\xdc\xdf\xdf_~8\xbf\x12\xfd\xee\xed\xffx7\xdb\x90\xb6\xb24\x8e\x0f\x01\xc9\r\xbd\xa4\xa3"\x0eA"\x89VMV\xaa\xb41\xe6\x83/[\x97\xa4\xb3Y\x10\x93`]*\x8c\xb7\xc1\x8dm4e4J\xc7\x90\xde\xda\xac[\xdd(\xd6[\xc5l\xcc\xd4\xeduX\xb7\x97\xd6\x10\xb52\xa9\xa8\xa8l\xaa\xabUZGV\xa8\x85\xda\x8e\x9d\xad\xfd\xd0\x96\xee\xce\xd4\x16Y\xf6yN\x9c\xd9e\xd9\x97yi\xf6\xc9{$\xf1\x97\xff\xf3?\xcf9\xe7\x9es\xff\x18S\xac8\xf1\x99\x9cR\x1bp\xd9l\x1aM\x87\rFQ\xc3\x99?M\xc8\xb4\xe0\xb0\xd9\xee\xb3\x8f\x1a\xed\xa3\xa7~|\xeaX+1{\x0b\x84sP&gt;\x10\x8c\xcc|v\'\xc6jM\xa4\x95Vk\xd25\x1aMzz\xba\xedz\xc5\x89\xe1k\x99\xe3=\xfd\xbd\xbd\xb3\x9c\xcb&gt;\xea\xb3\x0fyF\x8d\xc6\x86\xda+\x90\xd5\x16\xb9\xdc\xe9tZ\xe5c\x91\x99\x99\xbbwbz\xde\x88\xf8\x9d\xdb\xc3\xa5\xd5\xf5\xe9Q.\r\xa4\xd1b\xb1\xf4\x17\r\x0c4\xf90f}^\x97\xcfg\xb7\xfbf{\x1a\x9dP2jjj\x9cc\x91\xc8t\xf0n\x8c\xd5\x12_\x1a\xdfWZZ\x1fU\x0b\x86\x85}5\xbdE\xbd-\x83c\xb3A\x88F\x80\x9b\r\xf6\xcc\xce\xce6\x15\r\xc8\xebt\xce\x13}5E\x91\xe9\x08\x1f\x88\xb5Zq\x95\xd7p#D\x17\xa1\x02\x8fY\xadN\xa8L\x83\xe0\xad\xc6\xc6\xb1\x96\xc6&amp;xh\x82\xbb\x81\x16\xab\xae\xce\xda{\xa2\xaf78=\xcd\x04\x02w\xcf\xc4\xf8\xe4\x9f\xc4\xf5C\x87\xf6\xed\xab\xae\xef\x00\xc1\xda\xdbA0+\xd4\xcb\x96\xde\xde\xb1\xb11\x10\xadh\x00w\x817\x0e\x0c\xcau\xca:kM\x85\xa5?2m`y\xfe\xee\xc7\xb1\xc5\x12\'\xae\'\x01Wi\xb5\r\xb8\xd2\xdb\xf3\x94\x1a\x8dU.\x1f\x1ch\x19li\xb1\xca\xe1\x0ez\xa0\xde\xde\x16\xb9N\xa7\x94;\xfbN4M\xcd0l\x00\x92\x18\xebm\xf3Q,\xe4\x02\xb0\xf6&lt;\xd0K\x8e\xcb\xf8\xf2\xabW\xe1N^\x077\xe0\xd3)\x95:\xa5\xceZ\xd34\x03Z\x01\x15\x1f\xfc?`\x9d?\x9f\x04zuu\xd9P\xae&lt;e\xba2]\xa7\xab\xabS\xea0\xea\xc8\xd3&lt;%\xaaU\xd3\x14\x99fX\x96\x15\xf8\xe9\xe0\xc71\xf7V\x12\x0c\xb70\x8f\x80\x05\\\xed\xed\xb8\x19"]\xa9$\xbb5@\xa4v\xb8\xe8t\x1aP\xad?\x18a\x04\xd6\xf0\x80\r\xf2\xb1\xb6&lt;\xf1V\x12.v"\x97\xad\x03\xb8\xf2\xf2\x80\xad\xbd3\xaf\x13C\tiU\xea4:\x8d\xb3\xa6\x11\xa8\x0c\x06v\xcd\xe0`b\x8e\xf5N%\xb4\xc4$\x12\xcd\xd0_W\xdb\x88`\x80\x96\x07\xaa\xe1\x95\xb4M\xab\xdc\xd9\xdb\xd4\x181&lt;0\x18\xfc.\xc6\xc1\x04c\x8c\x05\xe54~\x8f*)\xa9\xb4\xba\xab\xab\xde\xb6W\xc1\xa2\x05V\xd3\xd1a\xeb\xab\xa9\xa8(\xea\xbf2\x1b\xb9a T\x0c\xc3\x07?\x8bq9\x15\xcf\x9b\xa2L\x87\x9a\x9b\x0fA\xf9\xaa\xee\x82\x06\xd9a\xeb\xc2\x80!\xc5\x9f\xfa\xfa\xaeWT\xf4\xe3,\x8dg\x1c7\x1c\x0f\xd6\x0c\x06!\x1c\xf0]\x8bu\xe7s[\x9b\x94\x83\x01\\X\xbe\xaa\xab\xebm\x00\x05\xe3U\xdc\xc8\xf8\xc9\xf5\x8a\xeb5@u\xad\xd6\xee\x9bv0\xac\xc1\xe1`\xfd\x02\xe8\xd5\x13k\xac\t\x82\x95\x96\x06`\xa4=B\x01\xeb\xc2\xa1\xfd\xf9\xb4\xb4s\x96\x8a\x13\x1fX,\xe3Wj\xed\r\xa3\x01\x86a\xd7\xd6X\xc3\x1aR\x05c&lt;\xb0\x89\x13\xff&gt;\x1f\xa1\xd2\xd2\xf2\x01,\xe7P3v\x908\xe38\x7f\xf1\xe2\xf0\xf8\x07\x96\xf1\xda\xda\xda\x06{mC\xeb(\x0f\xad\x10\x9a!\xcb\x18\xd6\xb8\xf0l\xacG\x10qwrp\x19=_k\xd2\x02\x18\xe8\xd5L\xf6\x84\x9f7\xc5\xc3\xd4\x7f\xbc\xb6\xa1\xa1\xb5\xac\xb5\xec\x97F#\x17\x802\xca\x02\x18\xba&gt;\xc0\xdf\xf5\x8e\xc4\xc5n\xc3&lt;L1TIx\xbeC\xfeE\x93I;L\xc0\x9a\xb1`\xa4\xe1Q\xcb\xf5\xdf6@\x00V\x8a\xd1\xe8\x02\xa5 \x0caW\x98gx\xbe\xa9\xc2_\x15#.\xa4\x12_\xcam\xc6\xe3\x810\x17;r\xc4d\xbaH\xc0\xc0li\xf9\xa6\xf8\xd4V@\x02\xac\x14\x95*\xc5\x18\x80\x14\x1a\x04V\xf0z\xfd\x01&amp;\xe0\x83\x19\xff_\x10K\xfc\xd6\xb3\x07S\xd7[\x97*\xdf\xb4\xe1\x9a\xa2\xd6\x04S\xeax\x00\xd3\xa2\xc3r\xd2\xdar\xd2L\x07\x13\x0e4\x94A\x00\x95J\xe5\xe1\xa1/\xc4\xb2\xe5q\xb9\xc2L \xdcc97\x00\x15\xf5mn\xfe\x11\x8bq~X9\xb2\xe4\x9e\xfe\xe8\xd5v3.\xa3kM\x07\x8f\xc4\xe3aJ\x13n\x8b\xc8ik\xd3\xe2^\xe2\xd6\xb22DR\xa9\xd5*&lt;\xd4\x8cX\x82\xdf\xc5\t\x01\xde\xd7c\xb9\xd8W\xf1\xe2\xe5\xadPU\xe2[\x02\x13\xc3O\xac\nm.\xb8\xa5\x9d\x8e\x8fV\x08\x16.G\x81Z\xd7\x80\x0b\xd2\x88\xcb@\xf0\xc6o\x00+e\x8fJ\xe5b\xd95\xc6\xb0\xc80\x82\xcb\xc5\x81\xe5\x83\x96\x83\x9f\xd8\xb6\xbf8\xe3\xdeZ\x1dy\x1bg\\\x83R\x89\xa1\xd5\xad{R\xdc\'\xb68\xb1\xf2\x18\x93\x98o:\x88\xc7(3\xe1rdXK\x96[\xe0\r\x90+%\xaa\x96J\xc5\xb1\xec\x90\x80\xed\x90\x01\xb5\xb80\xdfh\xf9Q\xdb\xe7\xcf\xdf}\xe9\x96J\x16\'\x81K\xfcC]\x9e8\xb9\xe0\xa6\xccR\xbd\xd9,\xed|z\xeb\xe6\xca.\xae\xc0j\x91*&gt;33~\x1d\xf2\xa8%b\xc5\'\xa4\x1e(D,\x85Z\xa16\xba\x04\xe1\xc2\x10\x14S\x86\xf1{\xf8\xb0\x9d\x8f\x14Y\xce}\xbe\xf3\xde\xfde\x9aJ~\xb24\xf2\x83\xc0 }\x95\x9b\x8b2ZO\xd3"\x82\xe5\x9e|\xd1\xbd\xbd\x97D\xa0\xca\xcd\xc45\x96x\x93\x96\xbc\xc6}\xea\xc5)$\x89j/\xeb\xf7\xfa\x05^\x10\x0c\xbc\xdf#\x84\xed\xbeH\xd1\x94S\xa3\x9d{\xb8!\xa2$t\xb9{a\xb2\xf2\xfb\x9a_,\x8e\xab\x9a\xdc\x92\xe8\xf5"Zj\x96J\xcdfs\xa7ds\xe2\xd9J[RT\x1d\\\x8e\x02\xae\xcc\xdcx\x93\x89,N\xa5\x1e\xc8\x06,5Q\xcb\xb0\xe6\n@\xe7\x13f\x05\xb4V\xd8\x17\x9c\x9a\xba\xda\xfez\xee\xe1\xa6LD\xb6\xef\x96oMV}\x1f0\xdc\xdevkAf\xa6)\xa0\x92J\xf5\x88e\xee\\\x9e\xbf\xd9\xbd\xd3\x1c]$#\xabd\xeb\t\t\xb9\xb9\xf1\x98\xd2(V\x96\x9a\x84\'\xe0\xf5\x06\x04\xff\x10\x87\x05\xc2\x05#\x08\xc0\x1al\xdf\x05\xacrP\x8b\x96\xc8h\xa9\x0c\xc1\xbek*\xa1J\xcd/?\x91\xeai\x11\xa1\xa2E4\xc1r\x87^t?n\xc3\xa5\xce=\xac\x84\x84\xd4\x84\\\x84\x82\x17\xa9\xd9\x19\xc5\xc7\xb3\x14\x88e\x14\x86 \x85\xc6S\x9c\x9f\xf3x\xa0\xce\x87\x83Sc\xd6\x8e\xed\xb3\xf77\xcbE\x12\x11\xfeT\xf8\xda{\x0b\xa1\xc4\xef\xc2%&amp;P\xeed\xbd&gt;YD\xd3\x04J\x8f\x894\x9b\xe9\x8d\x97\xcf\xbaw~\xfd\x0f\xb5RS\x01\x0b\x03\x9e\x1f@\xac\x94\x14\xc8!\xa8\xc5\x06\x84!0\xfe\x90\xcb{\x81\x832\x1f\x88L9\x9b\xbbO&gt;\xda\x94P\x12\x91\x94\xa2h\xfcR\xca\xbd&lt;\x0f\xffJ\xfcm\xa9\x12C\xcbnJ/\xd2\x7f#\x15\xad\x97\xd2\xc4_OC\xaf@.R\x110m\xa9\xeb\x84\x8b\xa8\x96\x9a\xfd\xab\x8c\xc2\xc2\xe2c)\x88\x15\x16\xbcj\xb5+\xccy8\xa8\xf8\xe1i&amp;\x1c\x19\xab\xdf\x9d{\xf7\xcb\r\x1a\x91(\t%E{P\xe5\xee\xe5\xd0\xb7\xa9\xafb\xf4Th\xc9-\xd2\xeb\xf7\xa0\x90Jj\x96,l."\x16\xb5\nr=o\xdb\xc3B\x96l\xe0"\xaaeg\xbc\x9fQ\xf8~\xf1\xcf\xcb\x14\x1f*\x14\xc7\xa0=z\\^\x0f\xe7Q\r\xb9\x04\x9e\x0fD&gt;\xad\x7f|\xf6\xe1\xa5\x05)\xf1\x96\x84B\xf5)J$\x91E\xc1\xc4\xff\xd3\xe8\x04*\x19\x82`\xd1"\xfc\xbc{\xe3\xf6\xfd?\xeb\x81K\xba\x08r\xad\xec~\x9dE\xa0\x82HE*tVq\xf1q\x88,\x85Bq\xf9\xf4i\x95Qu\xc1/xU\\X\x08\xf3\x91\x99\xab\xaf\xcf\x9e|4\xef\x06\xb5\xa4z\xc0\x12\x89\xa2zQ\x12\x89{\xe9\xbf\x83\xc1\xdf }\x7f\xa0\x08\x14\xb6@0\x96\xd9,{\xba\xbc:\xf1\xe6\xaf\x87\x1f\x7f\xa5\x87\xf6(\xdb\xbc\xfd\xac`\xbbm\xcf\xf3\x88U\x88\x82\x01YFFa\xf1O\xb2\xb2\x8ege\xa5(\x14\xa7\xe1\xaa\x86\x86\x18\xf6\x18\xc3\x1c\xd6\x88\xc8W\x8f\xcf~\xf1\xe5\xaa\x0c\x14\xea4K\x92\x81\x07\x7f/\x94\n\xe0\x92\xddX\xfa\xcf\x1e\x8b\x96\x84\'\x92\xe4\xe4o\xa8\xe0\x83\xee\xe53o^\xdc|v\xf8\xe8\xd1\xee]\xa5\x9e\xd6\x9b\x17\xa11\x16\xec\xe0\xde\x91\\\x82UX\x18\xe5B@l\x88\xa8\x15\xdc.+T\\\x80\xf3\xba&lt;\\\xd0\xcf\x19S\x8e\x1d\xd9\x99;\xf9\xa8j\x0bq\xdcn\xf0\x85\x88"y\xc4*&amp;\x91H\xcao,\x8d\xfc;\x8fa/S5I\xa0@W\xf8,\x8dM\x90z\xba\xf1\xbbW+\xdd\x05\x05\xfb\x7fv\xf8h\xf7\xb6\x0e\xca\xbd\x94Z\x9d\xbfY\xb0\xa2=\x18\xf5|6\xe1*$\xb9,\xc4\xfa\x90\x85X\x00vY\xcd\x05\xc2\x17\x8c./?\xcd\x19U\xaa\xec]\x10\xabr\xf3\x1ed\xef\xc9dh\xab\\\x044\xa0\x97T\x8a\x0f\x98\xc9=0\xf1\xbf\xfa|ds\xb1\x1c\x90D\xe8)\x84\xa2\x11j\xe2\xd5\xe1\xa3\xbf(\xd8_\xd0]\xd2}\xb4d\x05\xb2\xa8\xa7\xa1v\xbd|6\xb7\x9d\xbf\xa7\x160\x15\xc3%\x8a\x87\xd6\xcaR\x11\xb4\xd3\xc6\xb0K\xa5\xf6p\x9c\xc3!\x0c\x9dR\xe5n\xcf\xbd\xf7\xa8j\x91\x02\x8d^\xdf\xbc?\xbfH\xd1Q\xbd\x08\x17bId\x006\xff\xcf`\xa8Th\xc9!I\xa6P*\n\xf2\x87mO\xb6\xb8\xf1\xf2o\x98\xbb\xfd\x05\x05\x05%%%\x87K\xf6c\x16\x01w\xb9\xea\xc5\\\xc1\x8e6\xea-`\x81 r\xa1\xb9\x08XV\xd6i\xe8\x7f&lt;\xea\x0fU\x9cG\xb8\xe1`\x87\xd4\xad;\xddg\x1fVn\x94C\xd5\xaa{&gt;\xb7\xff\xfem(@R\xe2/\xe4B0$\xab#\x1e\xfb\x1aL\\9\xb9\xf0\xa9\x04\x95B\x07\xfe\x9di3\x08m#\xbb\xc3\xb8\x9e\xde0H\x83\x9fg`\xc3\xd3\x8cR\x1a\xb2\x87\x90\x98\xf56\xe9\\\xa2\xf1\x84\xc0$^-\x8c\xcc\xb4\x01A\x9b\x0c\xb8\x04\x06\xe6\xe0J-=\xd4\x14\xbb\x87=\xec\xa10 \x02\x81B}u\xddB\x0f\t,\x02\x05\x17\x81(\xa9\xc9b\x1f|)\xd8&gt;\xc4!\x0e\x89\x0f\xb6I\xbdvl6\xa6\xdf\xff\x8d\xbc\xf4E\x8a\x84-\xcd\xfc\xe6\xfb\xbe\xf7\xbd\'\xb0\x8a\xc5J\xf1\xde\xbd\x8d\xd7/O{\x9a\x08\xeau\xdf\xf3$\x1e\xea\xedL\xdb;\x1a%\x1b7\x96\x1f\x9d\xcd\xef}\xfe\xf3?S?(\x94\xdb\xb7\xaf\x10\x14=\xbfs\xff\xaa\x9a\x8aT\xf6\xd7\xae\xfd\xec\xab_}\xf3\xc7\xbf\xfc\xf5\xdau\xca\xfb\x939\x9c\xbbx\xb46\xf0\xfd\xde\xf1\xe2\xfa\xee\xe8h\xb5\x8a\xfe\x1a\xc5ZDX\xa5a\xc6\xce\x05[\x7f\xa1rN\x1e\xc3?\\\xc0\xc8\xdc\xea\xc2i\xcf\xf5M\xe9\xd6C\xcfk\xd7\xeb.d\xeb\xb6\xc3\xfd\x9b\xf4\x82\x91\xdd\x7f\xbf\xef\xa7;\x9f_\xbf~\xe9\xd2\xe3\xcfH\x1f\xc8\xa5\x12v%W\x8b"?6\xd6\x02\xd6\xb5?|\xf1\xa7\xaf\xff\xfe\xd5%\xb2\xf0\xe9k\xd2ef\xdf0\xb2\xac\xe3\x06g\xcf6\xdf\x92\x830&amp;\xe7R\t#\xb0G\xf9\x92\xd4,Q\x9e\x94L\xb4\xd6T_\xac??\x08\x12?4\xa1\x92\xeb\xc9v\xd7\r\x85\xe9\x03\xac^\xff\xc9$\xcd\x86\xd2\xe6\xf4\xd6\xfc`\x9fZ\xfe\xb3[yU\xdd\'\xac_\x90\\\x14\xfb\xcb\xf9\xca\xf8\x1b`\xfd\xf7\xc2\x85\xaf\xff\xb3\xef\xa7[\xd3\xab4\xe5f&gt;\xf4\xdfXZ\xd6\xe9t\xcc\xf0xqe\x03\t\xa3r\x04W\x99f\x1a\t\xd6\xfc\xf5K\x05VV"\x91\x7f\xe8\x84\x8d\x95\x85\xf7\xdb^\x96%\x81i\xcav]z\xed\xb6+\x193\x07f&amp;D\xb6\xf3[H\x8a)\xfe\xe4\xd1\x9b\xf9\xbd\xfd\xc7y)\xdc\xbe\x05\xcf\x88\xeb\xca\x10\x0bT\xad\xb1\xf1\x8bc\xd7\xc6\xc6\xc7\xef\xdem\xdc\xdf\xa7`a\x16V\xcb\xe5\x13\xd3\xc3\xf0;\x89\xef\xb0N\xfd`ye\xa3H`\xe8\xfdr)\xe7\xaa6+\xcd/\xb0\xb9(\x94r\xf3\xb0I\x80{\x8b\x07}\xa1\xc5L\xba\x81\x06\x0f]\xe9\xb6\xf1\x8c\xeb\x9aij\xb8Hw\x7f\x86\xde=\xfa\xe2\xe9++\xdd{&lt;\xd4\xe6r\x0b\x86\xfd\xe8\xf6\x97_\xc2\xd1\xdb\xaa\xe5[\xf4%\xe6\x8b\xe3\xe3S\x18\x97\xf7\xd7\x10\xac\xe59\x88U9Z3E\x98\x84I\x12j\xb1\xa6\x9b\xdd\xe0\xe0\xf7+\x1bh\xed\xc9\x91R\xceUV\xa3\xf2v\xe5yA1a\xfb9\xba\xbb\xfel\xbb\xef\xfaLcZ\x08\x18\x19v\x93\xc0\xc5\x0c\xd4\x18#,&amp;\xfc$\xf8\xbe\x82\x0b*\x157\x1fl\xa5\xe9\xe1\xad\xbc\xa6Z\x17[\xe3ccW\xef\xdc\xc9\r\xbdJTS\x17\xc6\xa7\x1aS\xb8\xb5\x1e\xaf\xcdG\xaf\x9e\x10U\xe9\xc7\xef\xb2\x04#L\xda\x894lO\xd4\xddvp\xb0\xb0\x8a]]1\xd7k\x88\x05\xb3\xff\xa5\xb0\xd0R/\xd6\xdf\x1f\xcb\xd8tCg\x88%d\x1bS0\xf0\x05\xd3I\xadX7\xa1\xfd\xda?\xca\xd5j\xb9\xb8\xb1\xfc`;\xed\x03\x80Fc\xbcA\xdf\xf1\xbe8\xa6\x96\x1e\xfc\x10&lt;\xb3\xb3\xb3P\xaa\xd1h]\xd9\xc1Z\x88\xb8W\xca\x95\x9b\x1f\xfcLsD\x96\xb41}\xa4\xc1\x1c&lt;v\xb2\xfe\xc1\xc2\xeb*\xd5\x18\x81\x11RU=)\x9cCmK_\xd3C7\xd44\x10\x11\x96\x08\x91\xf9@B,R\x8bi\x9d\xc07\xb5\x9d\x87\xc4U\xda}\xfa\xdd\x9b\xb4\xdf\x1a\'\xa4F\xa3qw\x8a\xfe&lt;\xf1\xe2\x18U\x038gg\'\x86T\xbf\xdc\x99\x9f\xdfz\xb4J\x91\xac\x9ct2\xa1\xc7,K\xba\xddDJ\xcf`\x12ODl\xf6N\x17\xd0\xafE\x15\xfa\x1f\x14+\x14GGv\x01e\x0epv\x11\xb8\x1dSs4\xe9&amp;\xcc\xa1\xc2\xc2,dP\x8b\x01K\xe0Z\xb5A\xedCEq\xadL\xbf\x8a\xd2^\x83\xc6\xf8\xd4\xdd\x1b\x04r\xe3\xc28-\xd1`\x9d\x9d\x00V\x03XWw\x06\xf3[\x0f6\xd1\x8a\xe5\x12\x1a\x0bZ\x89L\x90XB\xc0F\x91t\xdbR\xe7Y\xfb\xec\xfd\xb7sj\xbf\xa3\x96"\x85V\xb87\xb7\xf9\xfc\xb8\xef\x0f4\xa4\x07\x05\xeaJ&lt;\x91\x814\x8cP&amp;\x84Ej1\x8a&lt;\xee\xf8\xdf?\x19\xa9\xd2XGK\xd8\x87\x8d\xa9\x0b\xe4\xd8\x84\x1a@Q\xa6N),1\xd1?*\x00\x00\x05pIDAT\x8c\xd6\x8e\x8fI\xb8\xde\xa4\xc5\xff\xe1\xbbZ\x8d\xe1\xd0N\x06,)p\xe9\x06\'\xb9\x98\xae\x85\x99w\xbc\xb8\xba1J=q^\xf9\x85\x95\xe7\xa7}\xac\xc6\xf0\x0ejaMN\xc0\x91\x85\xdc\x0b\x85\xe3\x12$Q\xe9C,\xc8e\xef&lt;,\x81\n-A66p\xfa\x1b\xb3\x13KKK\xea\xef\xab\x15W\x83\x92E\xd9j\x1c\xfa4\t\xdf\xd2N\xe9\xe6\x07-\xd65M\xe7\xb9X\x9a\xa3;\x9e\xa1C.\x16k\xbed&amp;\xb2\xff\xbaX\xac\x96\xcf\x8d,\xbc?\x83\x04\xa1\x8f\xd3\xeb\x08\x15\xe4\xa2lyFh2\xd3\xad\x07BQ\xc1\xc5s,\xcd\xde\x9f)\x13\x97j\x89\x1e)CT\n\x0cX\xc8SC\xc9\x07\xae\xc3\x8eZs\xb0\x82T&gt;=\xf1c\x9d\xe9\\\xcf\xa9\x98\xe38\\\x08.\xba]\x86\x9f\x99:\xb3\x93\xde\xe9\xb7sJ(\xc5U\xd8\x1b\xe8\x9a\xdf\xa1^\x80\x89"\xac\xd7\x05\x13\x9e!\x1d\x88\x8b\x89h2\x9d\xa8 ?9HX\xac\x7fBrUK\xab\xd4\x12=\x10,-.\xd2mi\xe2\xc6]\xca\xda\x94B\x9d\x98muP\rO_L\xa2S*?]\xd3x\xcc\xc8A\x94\x03r\xe188j(\xbdn\x97ZQ\xc4,\x16\x99y\xf6\xecu9\xcfV\xa9T@\xa8\xb0u\xf1mE\x859X\x17\x9c\x1bR\xe0\xd5\x94x\x8d\xd9:\xe79\x97\xa6\xd8\x98\xbd\xf6\xbb2}\xb9u\xe3%Z\xc2&gt;Tb-\xd2X\x9a\x98Us\x80"\xbf4\xdbZC5&lt;Z\x81\x83\xe8\xd1\x9dAMg\x0eu\xa9\x83\xbaa\xa4\x16\xb8\x82\xa4\xdd\xc6\xd9\x18\xe3L\xcfD\xc4\xfa\x07\x9bs#\xf9V\xa7\x80\x13\x11\x16^\x8c 2\xe1\xba\x0e\xd2\x8e\x17\xebREK\x07\x15\xd71\x14\x18\x15\x05\x8b\xf6o\x92\x8d\xa5&lt;^S\xb9XJ.j\x85)Rki\x82\xa8\xb6&gt;Y\xc5\x06\x0e\x0b\xdd\xfe\xa0\x16{\xc0\x12\xbaap\x0f\xc7\x04\x16\xf8\xa8\xb9$\x8f\xec\x18d&amp;\x8b,\xdb\xef=[\xa9N\x92\x91\x84\x05\x13%\xde\xe5\x0b\x1dX\x81aI\xc9\xf1\xee\xdcCn\x13\x12;\xc7\xc2=\xb6\xfb\'\x93\xaa\\^\xabxM\xe4Z)\xb5\xa6\xd4\x0cD[\xb4\xd6T54\xd1\xa3\xd5\x99\x8f}\x9c\x18E\xe8p\xcb2&lt;\n~\xce\xc5\x04ME\xc30"H\xc8\xad\xc8\xce\x9c\xfe\xe9:&gt;\x87(,2Q\xda\xba\x08\xe0\x9c\x08$\xa8b\xc3Pb\xc1C\x9d\xb2\xa5\x86\xa7\xb0\x90\x908];\x1a)U\x9b\xe5*\xf6\x12i\xd4;\xec\xd18\xee\xe5\xe3P\x8d\xb5A\xba=\xbd\xbcAZUN\xfa\xa9m34\x96\xc6q\\M\x00\x0bP\x02w,p]H\x10E:\x8f\r+r\xb28R\x82\x15\xcbC,\x13\xa6\x11\x96D5$\x1a\xa4\xd6\xc2n= \x0f\x7f\x18y\xbc\x98\xe2zw\x13\xed\xd5,o,OoG\xe9\xfc\xfc|\r\xff\xfeo\x0c\xb2\xc1\xfc\xf6wO\xbeQ{\xa8\xa3\xb5\xc8\xb6\xc1\x838@\x18&amp;\xe0@\xae\x96@\xd8\xc2v\xdb1,K\xe76\xe0\x98\xe0\x91\xe5\x07\xa7\x9bo\x8b\x05j\xc9\xa0\xa3\x91&lt;\xc0\xf2Q\r\x92.Jm\xb4\xcc\xa1X\\\xc5^Q1=\xd6R\xbb\xff\xf1\xd3\x126!%\xb4\xc4\x9b\x88\xd7\xf2\x91\xd6\xd2\x14w&lt;\xcb\x04U\xc3\xee$\xed\x9f\x9a\xfb6\x8d\xc8P\xc3s\xa4\xf0\x08\x8b\xc4r\x1cZ\xb8\x13X\x8b\xfc\xc2D\xcd\x04\x9bm\xca\xe3\x85]`\x99\xd8\xe5\x01+\xack\x9c\t\xc3\x83\xdb\x11g\x01\xc4\xd2\xce\xfd\xa3w\xf1\xe1d\x84\\\xb1m\xef\x1dM\xaa\x9aX\xfdd+\x8a\x86X\x1cH\xb8\xa7\xb5,\xabY\xa8\x86\xa2\xa2\xfa\xd8\x07TlC\x12\x04\xcb\xd0\x85D\xees\xb5H\xb0v"\xda!~AX\x1c\xb3)2b-\nz\xcf\x08K\x0b\x80\xc5\x93\xba0l\xc3\x0bH,\x8ed\x05\x1a\x8eG*\xe5X\xa4V\xde\xadq-N\xa3w3jq\x9c#\x1b\x8ds\xb98O\xe3Z*\xb2Z\xb45\xbdB{\xa0f\xf9\x9f{)\xfc\xb1\tK\xa9%$\x12\x06,\x80\xe1&amp;\x12,D\xae\xb4pb\xe4\x9eb\x8fy\x19\xf1\xe4\xac\xe0\xf7M3p\x99\xc1\xb1\x195\x0c+\x0c&lt;\x1c\xc0i\xa3\xed\xb1\'\xf2\x0c&gt;\x94K\xcdG\xea\\&lt;\xc6d\xca\xf7\x93dc\x99l\xb4\xb8\x18\x82\x01\xb9\xa6%\x1a\xdf\x9a\xde\xac*5\xff\xf6N\x05\xcb\xb6\x95V\x16\xa9\xe5\x11\x96\x87\xe3PE\x84\xc0\n\x13\xb8H\xb1\x8b-+\x02\x98\x95ff\xc1\x87\\\x1d\x17\xe7w\xeb^d\xc9\xb6\xc0\x01P\x0e\xae\x89K3M:\xa4\xb2\xf0\x9c\nL\x1e\xb9\x92*\x1bQ\xab\x98\x8d\x91\xe5\xe4.\xa6qZcIF\x9b\xe4\xa6\xda\x017?Xvds[a\x91W\xd8\xf4z P\rM\x92I\xb8\xa8I\xcf\xc2y8\xe3\xeaE \xcb$\xb0\xa4\xefv&lt;\xc3\xab\xd7\x1d\xcbpC\\\x92-\xbb\xae\x84\x9f\xf8\x8c\xc8TP\x87&amp;\x82\xcb\xcbm\xb4ylc6\x92\\T\xaa\x88\x05\x81q\x1e\xebi\x96\xc5j%,W\xca\xcd\xd2I\xdfNS\\W\x8e\x85h\x99&amp;U*ay\xca\x02\x81O\r\xf8\xcc\x07\x13-\x1e\xffo\xfepg\xf12\x00[\x0fb\xe7\x8c\xad\x04\xac\x80\xfd\x1c``Y\x81\x02\xcb)_L\x02\x18\x83\x12\xfb\xf9\xf7\xef\x17\x809\x0c\x94\xb0X\x80b\x12\xfb\x81\x898\x06X\xa8\xfeue\x02\xa6iP\xd3K@\x80\xbf\xb7\x17\x98\x82\x81m\x17\xdeTprw\x05\xbaJ\x8as\xf3;`R\x89\x89a\x04\x96I\x90\xd0\x02\xa5xf\xb0\xab \xd9\x08\x18\x8bNb\x8c\\V\xa0\x10d\x83\x04\x16\xc8aNN\x00\xa6\xf2Fa\xe3K\xa9x\x00\x00\x00\x00IEND\xaeB`\x82'</t>
        </is>
      </c>
      <c r="M95" s="3" t="n">
        <v>45492.67880787037</v>
      </c>
    </row>
    <row r="96">
      <c r="A96" t="n">
        <v>249647</v>
      </c>
      <c r="B96" t="n">
        <v>5926</v>
      </c>
      <c r="C96" t="inlineStr">
        <is>
          <t>Walter Kannemann</t>
        </is>
      </c>
      <c r="D96" t="inlineStr">
        <is>
          <t>W. Kannemann</t>
        </is>
      </c>
      <c r="E96" t="inlineStr">
        <is>
          <t>ZAG</t>
        </is>
      </c>
      <c r="F96" t="inlineStr">
        <is>
          <t>ZAG</t>
        </is>
      </c>
      <c r="G96" t="inlineStr">
        <is>
          <t>ZAG</t>
        </is>
      </c>
      <c r="H96" t="n">
        <v>183</v>
      </c>
      <c r="I96" t="n">
        <v>4</v>
      </c>
      <c r="J96" s="2" t="n">
        <v>33310</v>
      </c>
      <c r="K96" t="inlineStr">
        <is>
          <t>Left</t>
        </is>
      </c>
      <c r="L96" t="inlineStr">
        <is>
          <t>b'\x89PNG\r\n\x1a\n\x00\x00\x00\rIHDR\x00\x00\x00\x96\x00\x00\x00\x96\x08\x03\x00\x00\x00\x0b\xdf\x81\xd0\x00\x00\x00\x04gAMA\x00\x00\xb1\x8f\x0b\xfca\x05\x00\x00\x00\x01sRGB\x00\xae\xce\x1c\xe9\x00\x00\x03\x00PLTE\xff\xff\xff\x08\x0b\x10\x1dn\xa3\x1f\x18\x12\x14\x0e\n\x06\x04\x03\x19\x11\x0c\x07\x08\x0b\x0c\x08\x05\x10\n\x07\x0c\r\x11\x1dj\xa2&amp;\x1f\x1a\x1a\x15\x12\r\x0f\x16\x9f\x83q0)&amp;\x9f\x86w\xac\xb0\xb8\xfe\xfe\xfe(# $\x1b\x15\xa0\x80n2\'\x1eqVG \x1b\x19\x9c\x80m-"\x19\x95{i\xa2\x8ay\xd2\xa2\x89\x1cd\x9c\x1ch\x9f\x9b\x81q\x9a{i\x1f\x15\r7/*\x9c\x83u\xbc\x92y7,#u]O*\x1e\x15I=7\xbf\x91\x7f\x89m\\\xb3\x86l\xa3\x87w\x1em\xa8\x9f|g\x97t_\xc1\x94{\xaf\x7fj\xb6\x83q\x8emY\x0c\n\x0b\xa2\x84r\xa4\x81l\xb7\x8cv\x85hW\xbb\x8dmaPEiTI\x8fra\x9bxe\xa0{l\x97ve\xb4\x81h\xbb\x8c{-%!@71\xc4\x93viL&gt;\xc3\x97}\xf8\xf8\xf8\xa5\xae\xb9\xc8\x98y\xae\xb5\xbb\x99~l=2+\xcb\x9d\x88\x95q_\xce\x9e\x82\xc7\xa0\x8e\xb3\x8ar\xa7\x8by\x11\x15\x1c\xaaze\xc6\x98\x85\xc2\x94\x82QE&gt;{^O\xc2\x9d\x88\x93wd\x84dRpXN\xc8\x9d\x82\xad\xb0\xbf\xb8\x87j\xa3wd\x80[I\xae\x86oE3(\x91n^xZJ\x7faR\xb9\x89p\x1b\x1f%\xa1r\\F90\x8cuh\x81j^\xb0\x8bzxTF\x9dua\xcc\xa4\x93\xaa\x82j\x1ds\xa7\xfc\xfb\xfc\xb0|c\xf4\xf3\xf3\xa5\xb4\xbd\x7ffX\xb4\x91}jQB49A\x1dm\x9b\x14\x11\x0f%*1\xa6}g\x95nY\x8bgZ\xa9v^qOB\xbc\x8du\xc4\x9a\x81\x8biT\xbf\x90q\x95\x7fqhYN\x8aqcQ&gt;2A,!fG:!j\x94WD:\x85`L`D6N7*\x1b`\x97\xb1\xb0\xb8YMDxbT\xe8\xe6\xe7]J@\x84pc\xa9\x86p\xac\xb7\xc4\x9a\xa4\xb0\x8bcR\xb8\x93\x83?=Aq`U\xef\xed\xee\xa3\xa7\xb3\xc7\xc5\xc8\xcb\x93\x80\x8f\x93\x9b\xb7|j\xb4\xaf\xb0\xb7\xb4\xb8\xb1\x85w//3sqs\xd5\xa6\x91\x90zm\xde\xdd\xe0\xbd\x80pLPX[?0\xbc\x85w\x92b[\x96\x9d\xa81s\x9c\xbd\x98\x86\x81~\x80dkrdad\xb1vdwf\\\xaa\x87u8&amp;\x1b@EO\xb3\xb6\xbf\xc2\x8bw[XZ u\xb2\xad\xab\xaf\xad\x80r\xa7|q\x9dlY{J?XQQ\x9c\x8c\x85\x9e\x9b\x9f b\x83\x94dQ\x9d\xad\xb6tz\x83\x90\x83}q\x9c\xb3\xa5\xaf\xc2\x8dXN\xa7\xa4\xa6\x8d\x8a\x8d\x98ib\x82\x89\x90d\x95\xb2U_f\x80\xa3\xbb\x9a\xb1\xbf\xdc\xd4\xd4\xd1\xce\xd1\x8b\xac\xc1M\x87\xa7KGI\x90\xa4\xb6\x81\x96\xa8\xa0nl\x1dPk^\x8c\xa7\xa2\x96\x93\x84QA\x1cd\x8d\xa9\xa0\x9c\x80MM\xe7\xdd\xddsD4Up\x80\xbf\xbc\xbe\xd5\xbe\xbbO&amp;\x1a\x88ys@}\xa5\x90\x9d\xb0\xbd\x9c\x96;YgQ\x7f\x9c7p\x8b\xc5\xb0\xaci\x80\x932f\x83_2%\x0f$9\x124Kv\x8a\x9c\x1d\x7f\xacA\xaa\x87\xbf\x00\x00 \x00IDATx\xda\xdc\x98\xddO\x1b\xe9\x15\xc6Wz\xc7of\xa2\x19i$fv\x98\x9d\x95/2\x96\'\xc3\xc6\x121\x8a\x03!M\x14\xd7\x06[Hf\xc1-i\xbed\xd1\xe2\xa6\x14k\xb3\x1b\x0b[\x85j\xc4\x8a\xe2\xa0-D\tH\x15-\x17k!\x12%\x85\x08\x95\x9bX\xa8\xa1\n\xa2\x8a\x10\xb7p\x17$\xaez\xc9\xdf\xd0\xe7\x8c\xb3\xff\xc1\x90T=\xc0\x10\x7f(\xfcx\xce\xf3&gt;\xe7\x0c\x9f}\xf6\x7fZ--\xd9l\xb6\xba\xb2\xb4\xb1\xb1\xb4R\xadf\xb3\xe3\xe3-\xff\x03P\xd5\x8d\xd5\xfd\xc3\xf5\xf5\x7fn\xed\xed\xed\xac7\x1a\x8d\xc3\xfd\x93\x8d\x95\xec\xa7$k\xc9.\xbd_}\xbeWO\x99\x8c1\x93q&amp;k\x9a\xa6F\xd2{\xeb\xff9Z\xfaD\x9a\x8d\xaf\x1c\x1d4\xf6\xd2\xaaf*\x82\x84\x12\x04.p\xa6\x03K\xd3e\xb5m\xebp\xf5Sh\xb6\xb2\xda\xa8\x9b\x9e\xe2%\x14S\x10\tK\x14%AQ\x98\xac\xa6s\x11\x9d3MM\xaf\xef\x1fU?\xaeR\xd5\xd5FZ1M\xc5\x13\xc4\x90\xd8,@q.\x88\\6\x0c\'g\xc8\x8c\x08\xeb\x8d\x93\x95\x8f\xa7X\xf5\xfda]\x11\x14\x13\x18\x12aA*\xd2K\xe2\n\x97\x04\xddru#\x97\xcb\xa5l\xf4T\xae7\xdeW?\x0eX\x15.7\xd1/.\xa0&lt;Ah\xf6\x0f\xe6\x92\xe8\x9b\xc0-\xc7usm\x00\xb38J\xde{~\xb2\x91\xfd\x08T\xbb\xc7\x90\xc9\xe3\n\x9c.\x8a\x02}\x93\x12\x04\xc79=\x86\xf3S\x11\xc7)\xa5\r\xc7q9\xbd\xa8\xa8{\xfb\xa7\r\xd6\xb2\xf2\xf2_h\x8e \xc1\xedb\x08%y\x80I$\xa0\x14\xbc\xc6\xc1\xc5%%\xa529\xe2\xbaFJ\x969\xf5V\xf2\x8ew\x97\xc6O1:\x97\xde\xef\xd7\x7f\tiD\x01\xba\x88&gt;\x97\x98 *J\x08\x851)DA\xc1\x98\x02[\xa5R\xb9tZ\x83^\xd4\xeb\xb5\xc6\xeai\x99\xbfei\xb7\xb1\xa7\n\x9eDD&gt;\xd6\x993\xc4E\xe6\x02\xa2\xe8i\x9a\x10\x92B\x02N\xa8"\xe3(\xea\x91t:%3\xe4\x99\x94\xf0\xb4\x9d\x17\xa7\xc4\x95=\xd9\xd1\xf0\xbb{dnRL\xa4\xee%\x12!?\x1d\xc8\xf0LC\x1b\x81\t\xdf\xa9iM\xc2c5\x02&gt;\x08\x89\xf7\x9b;\x07\x1b\xa7\xc2\xb5\xd40\xc9;&gt;\x96\xd8\x94\t\x0e\x93B\xcd\x8c\xa0\x9cW\x14\x9d\xf9\xb8\x12\x8b\xa8\x0cof\xb9\x08\xb3\xa1\x16\xde\xeb\x99\xf5\xfd\xd3H\xd7\x96\xd5\xe3\x04\x8c\xad\x90\xdd\xc1\x06\x18\xae\xe8rJ\x16`/Jyd\x83.c6\x9a\xbe\xcdS\x11\x99\xd2\xc2H;\xcc\xd2\x14:\xa3\x9e\xb2\xbet\nrU\x0f\xd4\x90(\x98\xccS\x18\xf7\xdd%\x99)\xc30R\x8c\'&lt;\x82E\xeb\x18\x8dl\x99!)\x04]uT\x85\xeb\x96e\x18.^\xa5\xb7{{\xab\xc1\xe7D\xcb\xc6\x96"\xd2a\xc3\x81\x17\xfd\xc9\xcc,#]B\x9c\xb3\x0f\xa3Z\xb0m\x1cBY\xb7!\x17\xbd\xeaX\xaec\xa4t\xa3-\x85\xe8E\xdb\xbd\xfa\xeeJ\xf0b\xed\xaf\t\xa2\x0e\xa1&lt;\t\x8b\x02J\x96-\xc3ik\xc3`\xa6,\x15)8eY\xa6W \x97\xc4u(\xe5\xa2\x87\xae\x1bq\x98\x7f@\xce\xfe\xfep\xe5\x14\x0c\xaf\x89\x12\x1dw\xc6\xadH\x1a8 `\xcc\xcdE\x0cC\xe7\xb6\x8bh\x10\xb8\x9aC\x07Y\xca\xb1\x04n\xdb\x96\x03\xb9(\xebu\x8b01\x0b\xccF\xe0\xe6j\x1a\x9e~\xaa\x9eJ\xa7\r\xac/\x94\xe0\xb6\xa0\x1b\x96c \xd1#\x94OJD\xd5m&amp;\xa7\xdb\x1c\xceAT\xcaan;%\xc3bb\x88R\xc2l\xacV\x83\x8e\xd2u/!z\xbamDt\xdb\xc9\xe9\x1cx\xbe\xa7l\xd7u\x8a\xc5\xc5"Hl\x9d[9W\xe2\xb6\x15q\\I\xb4t\xc3\x81\xd98\xd6\x1c\x0bZR\xde\xd6\x1b\x01G\xd7\xca\xfe\x1a\xf2\t\xe6qr\x11\xcbe\xfe\xf6@S\x86\x0b\xae\xb5]\x9a\x9b\x9b+\xe6,\x1b\xa7\x91\xd1U`:\x8e\x05\xa7NBQ\xddp-\xd9O\xb7\x84\x12\xf0Yl9\xfa\xc7Y\x04\xa8\xa7\xc8\x1a&amp;\x8a\xe3\xe2\xc7aa\x90L5\xa53\xd7\x9a/\x16\xe7\x91\x04:\x8e\x9b\xe0\x93H\xdc\xf78r\x97S\x9a1\x86l\raP%\xd4\xc3\xa5@\xd7\xd1\xdd?\x9eE\xb0c\x9f\x11\x98LQd\xa3\x8b\x88{3%s\x06w\x95,\x9b\xdb\x0c\xcb\xaa\xc0\xb9\x8d\x98\xe2LA\xca\x92\xa0\xfe\n&amp;\x90\\4\x17\x94\x9d\xa3 \xbbX=4A%\xd1\x96\xccM]w\r4\x12I`\xdb\x8c\xd9\x8c|m\x00\n\x05(\x1b\xd3\x86s\x8ck\xda)&lt;\xcf\xef64TD\xa8\x05w\xed\x06\xd9\xc5\xa5u\x05X\x82\x8c\\\x94\xb8\xe5\xc2O\x8e\xb1\xbd\xbd\x8d\x7f\xb9\xbak\xe1\xc3\xa0\xb4\x90e\xd7/\x04\xaa\xee\xe2T\x80O\xa7.\x82\xd5\xe6!\xbf\xbc\xad\x8d \xaduL\xd6\xc2FE\xfd1\xe6Q\xc5ET\x11\xa6\xc2\xe7\xf6\xf6\xfc&lt;!\xa2\xbb\xdbx\xbcX\xc23\xd0\x13\xaa\xea\x06)j\x13Vs9;[_\r\xae\x8b\xd9\x97\xaa@\xff)~q\xe4Qq\xae\x1759\xf9\xa7I\\[[[\'\x1f?\xee\x9d\x9c+\x12\xea\xdcB\xeb\xed{\x17.\xdc\x9e|\xbc0\xb78O\xd4\xdb@\xdcvm\xdd\x16|,/\xfdr&lt;\xc0x\xd0\x12\xb4\xe8I\x82\xad[\xc5\xcd\xde\xdf]\xb9p\xed\xdc\xe5\x07o:\xbfh\xff|\xf9\xcd\xe5s7~{\xe5~k\xef\xe3\xde\xfb\x17\xce-\xbf\xc9O&lt;X\xeel\xbf\xf8\xe8\xf6\xfd\xfb\xf7[[\x1f/l.\xf4\xce\xe1D\xf8X\xa13\xa9\xe0\xb6\x9b\x16\xb2\x96Hj\xe9\xae[\xdc\x9c\xfc\xf6Q{{\xfbr\xb4V(\xd4jw\xee\xd4^OL\x8c\\\xff\xfa\xe2\x8d\xbb7&gt;\x7f\x90\xa9e\n\x99L&lt;\x1a\x8dv-/w\xde\xb8\xf4\xe8\xde\xa5\xaf\xef^k-\xba\\\xfa`\xae\xf5\xc0\xe6\xe2\xf8\xc6\x8e"&amp;\xce\x84$\x1b\xe6\xf9k\xeb\xa5K\xd7\xbb\xc0\xd4\xdf\x1f\x0e\x0f\x14\n\xa0\xa8\xf5\x17\xe2QB\xc9\x14\x06\xa8\xfa\xfa\xfa2}\x99L4\x9a\x1f\x99\x9a*\x97G\xca\xf76\xb7m\xa9i.o+\xb0\xe4\x1a_\xadc\x1e&amp;D\xcc\x16\xa3\xd4{\xaf\xbdLP\x85B\xf8\xd5\xabp\xb8\x90\x89\xc73P\r@@\xec\x03\x13Q\xf5\xd0\x17\xd5\xec\xecl\xf7h\xec\xfb\xdey[\xf0\xb9Ds\xeb}P\x9e\xcf\xbeX\xf3h\xc5\xd2\x1d\xc7\x99\x9b\xbcX\xceg@P\xcb\xf4\x87\xfb\x01\x95\xc9\xf4\xa0i}\x85\xbe\xbe\xc2\xc0O0~5\xe9zz\xba\xbb\xbb\xbf\xfbv\x11]\xf4\xb1\xbc\xfaIP\x9e\xcf\xee\xaa\xd87\x13\x10\xcbR\xe7Z\xaf\xe7\xa3\x99Z\x8d\x9aHP\xf1\x194o6\xeaS\x00k\x96\xe4\xe9\xa6\xab\xff\xcc,\xe4\xea\x1e\x8eM=]\xb4\x18\xad\x82\xa8\x00\xb1\xa0\x16\xc4b\x86\xe3Fn\xb5^\xcc\xc7\x01\x85.\xc6\xe3\xf1\x99\xd1X2\x16\x8b\r\x8f\xce\xcc\x12E\x1fA\x0c\'\x93\xc3\xc3\x90\x08`=\xdd&gt;%aa^\xf97\x1f\xc2\xf1j`X\x07\x1a\xe6\x9ag:\x86\xd1\xf6\x97\xf3\x17\x9bjA\xa7\xd1\xd1d\xc7\xd0P\xa5\x03d\xc3\xdd\xc4\xd5\xd3\xc4\xaa$\x89\x0cO\xcdv\x93t\xc0\xba\xb7\xe9`\xb5\xf0\xef\x89\xea\'A\x8d\x9f\xec\xfe\x1a\xa6\x8eG\x7f"\xbau\xf5\x0f\xedt\x0c\x0b\x99\xe8h,\xd614=T\x19B\x8dMW*\xc9a0%+\xd3\xd3cc\xd3\xd3\xd3@\xebn\x16a=\xdd\x9c\xc72\xe8\xcb\xa5\x1d\x04\x86u\x00,,5\x96\x93\xbeu\xf5\x9bN\x88\x05\xac\x99X,944=\r\xa8\xe9\xb1w\xef\xc6\x08\xa6\xe2C\x8d\x8d\xbd#\xcc\x8a\xdfJ\xaa\xe4\xaf\x7f\xb3Y\xc4\x0eK\xdb\x8e\xa4\xed\x07\x85\x85[1l\x07\xb8\xfd\xca\x95n\xfd\xf0\xe7_P\x0f\xfd\x16\x8e&amp;\x93\x95JG%\t8\xbf*\xa4\x15\x01U\xa8\xb3\xe40\xea$\xbcU~\xbaP\xc4fOwD\xa2\xbc\x1f\x9cZ\xb8\xe5\xfb\t\xeb\xcb\t\x82\x8a\xc7\xa3py\x0f\xb1\x8d\x8e\xc6:\x92\x1d\x04\x93$\xcc$,\x8f30L\xd5M_8\x89\xe5\xef\'\x17s\x0e\xdd\xb9\t\x92y\x18\xd4\xf4\x19\x7f\xb9F\x7f\xed\xd0RF\xba\xed\x87/&amp;\x00\x85P@`\xd52\x19\x02\x9cA\x8d\xfa\x1c\xcd+\xbe\xcd\xce\xce\x90\xdf\xe9\x00P\x17\xcb\xed\xb7\x9f\x94\x1cK\xc7\xde\xea\x99\x8d\xc0\xb0\x8e\x8ee\x06,5\xe5\x94\xce_\xee\x8aG\xbb\xc8\xf5\xe1p?U\xc1\x8f\xd4L\xcf\xdb\xb733o\xdf\xf6\xf4\x8c\xa2mt.\xe3~\xc8\xa3\x83\xa8r\xf9\xca\xd5\xb6\x08\xee\xe6\x04\xc9\xd3\x9eW\x83\x9b\x89\x1a\xb3eU\xd5\xac\xd27\x97\xf33\xf9X&gt;\x8a\xd9\x13\xc6\xf4y\xe8\xa3a8\x0e&lt;C\xa0\xf7=\xeb{\x86+\xa2"N\xa8\x08\xdbY$\x1b\xa8:/=\xa1\xdbo\x8e\xf3\xac\x06v\x12q\x9f\x9f\xc2\xee\x19\xd1L\xe3\xc9\x85\xce\x91\x11Pe\xc02\xf8\nX\x83a@a6\x86\xfd!\x1d\x1exFW\x1a\xe1\xcf\x060\xaf\x81\x15\xeb(O\x95\xa7\xbe^(\xa5SX\x06\x15a\xedE\x80X\xaa,\x9b\xaa\xcc\x9c\x9f]k/\x8f\xe4\x7f\xfeU\xed\xe6\xcd\x87\x0f\x1f\xbe\xc2\xa7_\x046\xd0$\x1b \x15\xfd\xfe\xd6\xa0X\x1c\xd2\xc6\xcaS\x9dw\'\x8b\xe9\x08\xed\xfb\xde\xda\xcb@\xb14M\xd5\x99s\xfe\xcb\xf6r\xbe+\xff\xf7\xae\xaf\xee\x0c\x82kp\xf0\xd5\x87j\xca\x15\xfePDu\xb3V\xfb\x15\xceC~dd\xa4\xfc\xdd\xdd\xdbE\x03\xe6\xd2\xb9Y\x0fl\xf8\x00+\xa2i)U\xd7\xe7\xfev\xb7}y\x04[\xd4\xbf\x1fL\xbc\xfe\xf1\xcd\x9b\x89\x1f_\x0f\xa2\x9b~\x1b?\xe84P\x18\x00\xd2\x7fY3\xbf\x9f4\xf64\x8co\xd2[O\xcaFTZ\x8c\x17\xd6\xc5\xeaH\x03\xcc\x902\xb6*0Ti6-\xe8\xb8\xc3TD\xe3\x80 K[\x18\'ks\xe4b\x01EwS \n\x17\xad\x87\x04\xc8&amp;\x84\x13z\xda\xe5\x88\x89\xdbrt\xc3&amp;\xfc8\xbb!\xd9\xc4\xacW69I\x93\x92\x93\x9ah\x93^4\xf1f\xdf\xa1\xfd\x0f\xe0\x8d\xd1\xc4\xb9\xf0\xc3\xf3\xbe\xdfw\x9e\xe7+M\'W\xe1\xe1\xbe\x04\xb7\xf9\x18\x9fJ\xaey\xba%\x86=\x7f\xe9\x9b+\xbf\xbcm\x19\xd6\xf3\x1f^\x08\x04\x02\xdd\xa5\x81\x91{\xbd*\x8e\x8b\xab\xd4\xbd\xbd\xbd\xa3CCC\x9a\xdeNw\x926\xcf\xc3\xda\x9f\x9c4L\xf2\xc7\xa0\x07,!\x82\x97\xd4\x1a\xa5\xd2\xd8y\xa0\x92\xb1F#+\x93k\xba\x9f-v\xe9@.\xe1\x9b\x96\xe5\xfd\xf6\xe7\xaf\x05:8\x87\x97\xfa\x1f\xdf\xbb\x1aW\xa9T\x9d\xc0$\xf2&gt;{|]$\x9a\xb1\xabU\xab\x12Rz\x0b\x9c\xa9B\xc2o\r=\x88\xc9\xda\x95\xc333"\xc7\xd2\xd2p@i7\xca\x8d\xf6\xee\xc7\xa1~X\xa8WZ\x89\xf5\xf77/\x84\x02a[\xc7\xe2\xd3Y\x88\x14q\xa0\x1a^\xba\xee\xf5zG\xae\xcfM\x88,v\xe8\xabT2o\xe8\x99\x97\xe8\'\xe7\xf5$\xeb\xdf\xb4@\xba\xf0N@\xba\x88\x88f\x86\x8d\xeaN\xb9\xb1\xf7Q\xe8\xb0Kw\xa5M\xd0\xba\x9b\xca\xf6\xb7?\nu\xc2+m\xe2\x87\x8f\xba;\xe3\xeex\xfc\xe6\xd5Y\xfb\xe8\xb0#\x1a\x8b\x85B\x91u\x87r\xcc\x86\x03Q\xcf\xe4\xb8\xe2\xf7z\x89M\xbeiu\x00S(\x16\xdb\x8d\x8a\x1c\x96\xe1\xc0\xa8L\xa3\x19\xeb\xde9\xd4\t\xdb\xda\xfa\xfe\xd1\xb2\x88q\xf7\xfb\x14|Nx\xf7\x84^\xdd\x8b\xaf\xc2,C\x1d\\\x9e}\xb6\x05\xb6@&lt;p\xb8\xeb\x08\xc8p\x05?\xf0`\xb8nq\xf2mOd\x97O\xb1\xb1\x9d\x91o\x1b\xf3w\x19FlLs\xbbK\x08X\xf7[\xb7\xe4\x9f\xbf\x1f\xec\x13\xc2\x86\xe8\xda\xea\xbe\xb1j\xde_M&amp;W\xd5\x96\x91A\x01\x7f\x0c\xba\x0e\x07\xc2\x13\x01\x1f\xae\xff\xb2Q\xc7\xa5\xcc\xa6\x07r\xce@W\x97\xb8\x7fpgNd\xe9\xed\xbcyp\x00\xc1Q\xe3\x15\x0bum\xc2\x96]B&lt;y\xfb~n\xb1_wE\xa8;\xbc\xdd\xeb\xde7\x83Z\xe5\xc0z\xe8\xc1\xbfR\xff\xfc\xf3\x8b\xd4\x1dH\xcf\xbb\x81,\xa1\x9fO\xf3\xb1b\xf2\x96\xcf\xbf\x1e\x1b\x10\xf7\xeb\xfa\xfa\x04\x82\xc1\xc1\xdbQo@u@\x926\xae\xd7;\xd0\xa6\x13\xeaR-Z\xf2w\xdfN\x1b\x1d\xa1~\xa1\xf0\x85 |\xfd\xaa[\xa2\'\xc9R"\xba5\xf2\xfe??\xbe\xfe\xa3\xe0\x97\xc1\x9d\xdd\x88\xc7O\x83\xcdq.\x80?\x1d\xbf\xc5\xb1\xeb\xe7\xe1\xf0\x9dT\xea\x0f\xa97o&gt;\xee\x84b\xbb\tU\x1c\xb8d#\xe2K\xf0\xb6O}\xdf\x92&amp;\xb6\x7f\xf8\x94\xc5]\x9e\xd0!4l\xf1[\x15\t#\x1d\x97{"\xeb\x8f\xdf\xff\xfa&amp;\x95J\r&gt;\xd8\x89E-,\xee\xc4x\xb3\xa5u\xfe\xc5\x89\xb2\x9e\xe8\xe2\xc3\xfbw\x04\xdf\xa4^\xff\xf0\xeb_\xa3\xbb\xbb\xa7~\x0e\xb0:E\x03\x1d\xbc\xbf\xfd\xef\xdb\x16\xfc\x0f\xbb\xfd\xc9\xe7\x1b\\1\xc8\xcc\x84\xfa\x84\xe2\xd8\x90\n\xdf\xd0\xdbTc~\xbfr\xf4\xd1\xef&gt;\xfe&lt;8\xf8`+\xb4\x18\x8b\xf8I\xa9V[XY\xc9@\xbe\xa0X\xcfn8\xfc\xf0N\x9f\xe0\xfe\xcf\xff\xfb\xf7w\x8eukB\xce\xe1\x12R5\xd3\xd5\xd1!&gt;\\\xf4\xbez\xff\xf9C\xd3\x8d&lt;I\xee\xa1\xe949;r_8\x10\x1a\x8d\x83\xa1I\xc2[\x0e\xb7\xa9T\xe5w\x8f\xe7v\xb6`\r\\D\xfc6\xa96S(\x14\xc0\x9a.P0[\xe1\xf0\xe2\xe0\xe2\xc3\x07?}|5j7\xfaX\x1f\x89+p\xd9p\xb8\xe3\x9a8\x1cQ\xfal\xee\xfd\x93&amp;\xb9\xfet\xa6\xaeL\xa6\xd3&amp;\xf5R\x7f\x87xb\xd6\xa60L\xed\xaf\xae\xba\xdd8\x01\xdf\xd5C3\xeb\x91\xe8n\xa4\xea\xe7\xbe`\x152Z\x1e\xeb\x02\x86+\x16\x8bz\x9f\xfe\xd6\xed\x8egI\x1b\tVV\xa2\x1a\n_\xeb\x08O\xb0\xce\xe2\x8a\x8b\xf9t\xd2\xdc\x8b\xf1\xeer\r\xeb\xc9\xa5_&amp;=\x87]a\x08\xd4\n\x13\xed&gt;88p\xbb\xb3n\xf7A\xe7\xec\x92g\x1dj\xd3gsb\xb9\x0c\x80\xadd\x9c\x94\xbfzq~\x1e\xdb\x9d\x18\xb6kJ\xd9,\x89\xbbq\x1c,aP\xa5\x0c\r\\\x0b[\xb1t:wT=Znn\xa9&gt;\xd9\xaf\x13&amp;,\xbd\x9ct\x1cv\xc5,2\x9b\x84\xa6\x89l\x99\x01/\xe8&gt;\x98\xbel\x0c,Y\x1dV\xa5\x8f#\x83\xb9\x1c\xcf\x95\xd1:!Ox"\xd1h\xc4c\xb5\xabq\x9c\xc0\t\x02\x97\x06\xc7\xf5AN\x1e\x11w\xc4\xc6\x0c=\xe9t\xa6~q|\xd2\xdc\x85[\xde%\xc1\xb04\xc2D\xc2\xe1\xa8Rf#h$\x8fR\x0c\xe3\xb3\xc5\xe3\xf1Ne\xc0bI\x189\x9b\xd4\x89e\xbe\xa8\xa5]\x90J\xa9\xca6\x88\xe8\xb0(\x8d\x0cG\xf2V^\xcb\x9fPN\xee\x08\x8bcc&amp;\xc0*\xd6/\xeagMu\xf1o\x04j\x92\x12\x86t\xc9\x1a\x89y\x8c\x1c\x89\xd0\x08\x81c\xa8\x8feX\x99l\xccn\x0f\xd8Y\x1bI\xe2\x18?W&lt;\xd7\x9aV\x8aIQy\xc2j\x05^\x06\x1c\xa0\xf4K9\x9d\x1c\x0b\xd1:\x96\xd0\x16\xf3\xc5t\xe5\xfc\xb4Y,\x8a\xc0\x96_\xf6\xd0h`)\xc0p8BC!8\xcaT6\x13P\x9bJ8f\x983\xd8\xc0\x826\x16\xd6\xd6\xb4\x98\x16e\\5x\xe6\xf7\xb3&gt;\x0eJ\xda\x88\x92\x1c\xa3\x84uW[\x01Y\x8b.\xc0jon\xb6\\y\x10\xab\xe8\xaa[5{\x8c\x8d@h\x93\xd9`\x02.Wb\xdbj\xddN\xf8\x19\xd4\x19\xd4\x171P*\xf7\x15\xcb\xb9\xc0G\xfe\x8a?Q\xf3\xb3,K\xa1$\x1e\x84\xf1\x92\xfaX\xbfR\xc9\x04\xd3\xc5b\xa1\xe0:\xaf\x9e4}\x12i:\xbfvtT*\xed\xf9l8b2\x81\x877\xd08\xe7\xf2CU\\\x14\x1a\xd4\xa7\x83Z,\x97\xcf\xe7\x81k\xa5\xb0\x92+.|\xb9\x88\xa8T\xfc\x15\x86\x93\xc2v\x00}\xa5\x94K\x9e\xa8V+\xda\xf1tf\xadv\x9e\xf8\xd0\xdc\x96?;f\xe94Z\xa9\xb9L\xea\x04c\xe3\x93\x05`\x99h\xbc\xc4\xc0_f\x18\x86\xa7rj1\x0c\x03((\xc0Z(\x16A/\x97\x8b\x85\xe7\x14\x89\x13&amp;(\x84 }\xaeJ\xa2zzT\xa1\xc6\x8b\x85\xfay\xb9\xb9\x1b\xd4\xf6\x13u\xa5X\xac\xd4*yZc\xf1\xc5q\xba\x91w\xcc\x08\x81\xa1\x14E1\x14\x8a\x11\x06\x04E\x81*\xdf\x90\x8b\xd2\xae\xaci\x8bA\x0cm\\\xdd0\xa8\x94@L\x908x,\xd6o\xdd\xaeVk\xb5\xb5b\xe6\xf4\xe2S\x93k\xfeyr/\x9f\xab\x1d\xb9\x88\xe4U\x87&lt;\xee\xde\x98\xe2\xcbL\x13y\x0cC\x81\x0c\x0350\x14\x96\x13b\xe2\x8fX\x1a\xc3\xb4k\x14Vt6\xa8)\xa0\xc6\xe9\r&gt;\x08IH\x8e\xdd\xb4&amp;\x12\xd5\xa3z-\x939]?k2\xfe\xdc\xfd|\x9c\xcb\x1d\xd5+\x84yZ4\xdc\xe9\x86t\xc8s\xd1\x08B\xe4\xf3\x18EI1\x02\xc9\x13\x08\x82\x18^\x9a\xe8\xb4!\r\x92a\xbcxN\x8c\xbf\xc6A\xb1 Ao\x98\xcc&amp;\x93\x02\xe7dJk\x829\xaaW\xab\xaeL\xf5\xf8C\xb3\xef\xea\x0f\xe5|\x06&gt;b~jZ\xe4\xe8v\xefC\x13\xa7L\xbc^\xc8\xd7Ff\x118\x064A/\x1b\xe0\x07hH\xc0\xef1\x00\x93b8&amp;\xc5\t\xfe!Mo(p\xdf\x98e=P\xaa\xd4OO+\x85z\xb2iC\xff\xe4\x13`U\xeb\xef\x927\xd7E\xdd\xd3\xfbf&gt;J\x83d\xe6}X\xac\x18\xec\xfb,\x8dd\xf7\xf6J\x04m\x02P\x94I\x1c1\r\xc1PX\x0c\x8d-\x07\xf3\x8e \n\x89Tf\xbc&gt;\x11\xc82\xd5\x8b\xd3\xdaZ\xed\xacig\xd3~\x06rU\x98\xe3\xbd\x80\xc8\xfb\xe8F\x92\xc72\xf3A\x7f\xca@\x13\x18\xe3\xa2\x08\x9a`O\xab\xc7\xe5,\x8e\xa3(\xe39?\xafS\x18t\x17\x95\x06y$(\xd0\x15\x91(H\x99R\x14\xd5d+\xa7\x17\xd5\xb5\x02\xd3t\x0f\xf9\xa1G\xd3=\x08eu8\xe6\xbe\xbb\xb9j\x06\xb1\xf6\x1b[b\xcaD\xa0.\x17\n\x1a\x95\xd9\x12AdK\x0c[.\xa9\xc1\x1d\xc0\xa0c`T\xa1}\x06\xfe\x8b\xc7\xda\xd7\xdbd\xc3\x13\xd1D\xed\xa8^\xaf\xe4*\x9fZ\xe0\xe7\xdb\xcf\x0ep\x83A\xcf\x19\x97\xe6~\xba\xb7\n\xc3\xf5\x15\x0b\xd4B]\x0c\x06\x0e![*\x95\xb2\r\xaf\x93ug\x19\x17?\xf2\xa8\xd6\xa9\xd0\x9b\xf8\x1b\x12\xe85A\xd0\x90\x1e\x1d\xde\xc8\xe96\x85\xe6r\x85w\'\xbfiA\xdd\xfd\xdc\x995\xf5\x18\xdc\x81\xb9\xb9G\xab\xfcp5\x9a\xb8l\x96\x90&gt;\xc6F\x82J&gt;\xf6\xf8xL\xadV\x97\xd5\xe51u\xa9\\FKZ \x93(\x14\xd0\xc2\xf9\rx\xb7\xe3\x88\x84\xfb?\xed\xe6\xfb\xd2F\x9e\xc7\xf1\x82O#\xe601\xa3\t\x07\xcdf\xcd\xb7\xe3\xdc\x11-\xc1d\x98\x99$\x98\x90\xf5\x81\xd9p\x16ngL\xe6\x81\xa93\xc3\xddd\x12\xafH\x99\xe4Xt\xb0\x1bv\xccJ\xf4`\xe2(\x18R|`\xa5\xb4 B\xba\xbdxp\x85\xca\xdac\xa1\xd0\xaeO\xae\x85=\xba\x14V\xb9-\x0b&gt;\xe8=9\xee3v\xef?p&gt;\x1a\'\xd1\'/\xde\x9f\x1f\xdf\xcf\xd7\xef\xf7\x13\xaeV\xcb\xdb\xb3c\x9f\xfd\xfd\xaf\xdf\x9e_\xceV\xf1\xacu4\xf2\xebO;\t\x9eVn\x80\\\xbf\xfb\x05+j\x9d\x7fE\xe2\xf3Z\xa1\\(\x94\xcbyA+\x97\xc5\xc2\xc1\t\xb4=\x8b\xd7oNGa\xd5\x19\x01\xac\xcf&amp;&amp;\x86a\xb1\xca\xaf\xa6\xc3\xd0\xa6\x8e]\xff\xf6\xe8\xecr\xb6\xfb\x93\xef\xa00|\xfa\xfb8o\xa2\xa9Rk\xc6\xc2\x02W~\x11\xbd5\x1b\x1b\r\x87\xf3\\\x1a\xba\xbe\xd5tY\xc4VW\xcb@\xb8-,eg\xaf?\x9d\x1e\xfb\xe2\x13\xeb\xfb\x93\xb1\xe1\x91\x91\xe9Yn\xbd\x9a\x05\xaa\x89\xd9\xa5w\x97\xf5\x9f\xa4\xbb\xe7-\xa8\x07G\xbc\xc93\x91\xd2\x8ce Ytzq\xa9\x96\'\xa5\xe5\xd54\xf4\xf3\xab\xe9e\xbe\xc9\xa7\xe1\x91N/\x97\xcb\xdb\x07\xf3\xb7\xa6\x81h\xecNt\xcc\xca\xc4\xe9\xd1\xf2:\xb656\x06\xf1\xd8\xb9\xb4\x03\xc5\xfe\xb3\xf7\xe7\x9d\xd6!\xa2\x11\xe9\x8fT:\x1d+\xe6!\xb4B5\xd1:\xabNWWA\xadU*\xcd\xf3\xd6\xa7\xb4\xd5\xde\x8b\x85\xed\xecb\x140\xeeD\x87G\x86\x87\xa3\x91,V\xe5"\xbf\x89\x96*3\xaf.\xef\xb0\xba\x7f\xe3\xdd\xf9yKA\xbc\x9a\x18\xf8\x805\xd3im\xd5D\xac\x8a\xf1H\xe4$N,C\x9f|z\xf1\x00\xc5\xd2\xcbX\xba\\\xa8E\x86G&amp;\x86\xa3\xc3\x90\x8b\x87\xa3P\x1e\x88\xd2D\xa7\xf3\xfe\xecRozN\x9e\xbd\x7f\xa6\xd0\xb4\xcaLUZ-+\xbe:\x95\x98\x88!\x1e\xf1\x12!\x08\'\'\x07\x07/NO\xb7\xb7\xd7.\xb6B\xd5\xaa(b\xa2\x98\x0fM\x8c\xdc\x99\x8e\x8e\xb4\xa2\x11\x81[\xaf\xab\xe7\x7fzwv\xc9W\x89\xfb\x176\xdeo\x9a\xfa&amp;\xe1\xaft*-\x08\xaeN\x85\x14\x11\xa7\xaa$\x91\x88\'\xdeXvb\xbd\xb4\xed\xbcX\x06_\x8a\xe0\xdb\xe5\xed[\x13Q\xc0\xea\x94"aq}\xff\xe7w\x1b6\\U\xef?{n\x18]e\xaaT\xaaXjU\x86$\x11\xe3T%\x97\x15N\x0e^\x80\x1d\x80b`\'\x02\t&gt;\xc5DU\xc4$!2=}s\xafR\x8a\x0c\x84\xb1\x06\xbbk\xcf5\xf5\xdbo\r\xa3\xad2\x03\x87\x95Je\xa6S\xcaI\x08\x91\x84\xc4q\xe5S\xb0o.~|c=D\xf8\x1d\x87$\t\xe3\xc2\x91\xe9\x9b\xb7nV\x0e\x13Y\x12\x19\xc7;6]\x87}i\xe0\xfa\xa6/7^*A\xf5\xaa$T\x15T\x81\x92\xb5|j\xa9\xf4\xe2\xffl\xa7\xcb\xb0}Mc\x08\xfe*\xc5\xf6nF\xb6\x0e\x0f\xfd\x9aH\xe1O^\xd9Bue\xe1\xde\x13VW\t\xe6Fe&lt;\xd2\x9a\xb9\x91#Q\x15\xab\x96\x85\x83\x937\xbf\xd8\x89e\x07\x07\xdb\x05H\xc7\xf5t\x13I$`\xc5B\xb1\x84_\xe0\xcc\xcc\x93\x876a\xed&lt;\xc1M^\x19*\xddH\x84*\xad\x92\x0f\xb0D2qt\xb4\xb7W\x9a\x98(\xed\x1d\xed\xc1r\xf8\x14^Go\xe2q\x01"\xbe\xca\x91\x89\xbdR$\x12\xca2y\xcc\xc4\x1fo\xd8\x84\xf5\xfa\x89,\xd3\xca\xd4o}\xb1H\xa92\xce\xa8\x08\xc3H&amp;\x0e$O\xf7\x8e\x84&lt;\xa7\x91\x1aD\xfc&lt;l\x87\xde\xc4\x84\xbc\x98^GLlk+\x12\x0f\t\x84Tm\xc8\xf7\xef\xda\x83ue\xa3\xcb\xb2\xb4\xba\xd2\xd7\xe7\xf7\xdf(\x8d\xfb\x14\x1a\x93r~\x7f\xfc\xe8(\x12\xd7\xaa\xfb\xfbPF\xcb\x05mi\x146\xad\xf3ZX\xc2\xd2\x183\xb0\xb5\x15\x1a\x1d%\xf2\x12VO=\xb7i^\xa4\xff\xf6w,N\xa1\xcd\xab\xbe\x9c\x1f\xe2+\xa74\xc1KC\xfe\xf8\xf8V$\xa6a\xab\xfb\xfb\xf5\xfdtA\xcb\xce\xcf\xce\xcfg\xb7I\xeb\x14\x83\x8c\x85B\xb1\x1a\x01o\xabs\xa9\x97v]\xe4_\xd8\xfd^n\xd0mu\x85 |}Sj\x13\x89\x84oh`\xe0p+\x14c$\xccl4V1)\x1c[\\\\\x1c\x1d\r\x0by\x89\xc3\xf2\xfe\x90?\x97\xe7\xa0\xba\xee\xff\r\xbfg\xd7\xa8\xc8\xc2\xce1\x9b1\xdb]U!V\x1e\x10\x085\x91\xba\xc2L\xf5\x1d\x1en\r$\x08\x15*;G\x86\xb3\xd0l\x1d\x85B\x02CH\xcb\xeb"\x13\xf3\x91R\x13C\xd8_&lt;\xec\xce\x15\xbb\xec\xd5\xe3\xe3\x8c\xacw\xbb+\xaaZ$T\x9a\x07\xac\x15f\x00\x9c\x18\x174\x01\xd6\xe9\x82&amp;d\xe7\x17\x9fn\xc5b\x1aTSHF"\xee\x930\xa4\xeb\xd4\x9c\xe7\xf8\xb5]T\xfd\x1b\xf7\x01\xcbh\xebHi6M\x8an\xa3fS)\xf6\r\r\x1c\x8e\'4R\x84U\xbaP\xab-\x85B\xf1\x04IJ|\xbaJ!"\xc7p\x18m\xb2\xb2\'\xf3\xf8\x95mj\xdd}t\x8cgpC\xef6y\xca\xa4\xa86\x84WS\xf5M%\x12\tA*|\xb0\xb5Zv4\x06\xe5\x13\xab\xae\x9a\x14RU\x84x\x9a\xc5=^\xf9\xfeC\xdb\xb0n\x7f\xf7=\x1eL\xb1z\x9bj\xb7\xa9FC\xe7i\xbe\xa9\xf8\xaeBx\xe7\x0b\x85\xfc\x1aXa\xad\x90\x17\x12&gt;\x02Ui\x9e\xaa\x9b\xf4z\x95\xa6\r6\xe5\x0e\xb2\xf77l\xc3\x9a\xfc\xf1\x98\x95\x03\xa9cJ\xd7u\x835t\xeaCxA]\xcaK\x05\x80z\xb1\x06O\x92 \x18X\x00L\xc8\xccz\xbd\xdeh\x00\x95\xd3!\x1b\x8f\xec\xc3Zxi\x98\xa6\x1c\xc4Y\xd6\xa0\x0c\x96\x85*\xd6n\xf3\x88d\x08R\xd3\xb4pV\xd0\xb6\xd7`}&amp;\tUj\x82\xef\x1a\xf2Wu\xb3A\x19\xb8\xd3\xed\x91\x8d\xe76b\xed\x02F#\xe8\x08\xe0\x06\x8b\xa7R8\xce\x9a\xa0\xd7\xe6\nC\x08\x8c\xa0e\xb3\x9a\x06\xd5\x8a\x93\x08\x84\xd14m\xd6\x01\xab\x0eb\x05\xbcI\x83\xa2\xec\xc5B\x1c\x8d\x07=\x19\x16\x0fXs\x188\xab\xf3\xbcj\x99f\x19$\xa0\xb8\x8cq\xa0\x14MQ\r\xb9&gt;\'\xe32\x9e\xf2\xba\xbf\xd2i\xd3^,\x89lRx\xd0\x1b\xc8\xa4,\xc3\r\n\xf4\xe2y\x85\xd4HH\xbe*/\xf1\xb0\xe9\x00\xa9h\xc8\x88\xb9\xb9L&amp;\x95\tz{\x82\x14\xc2\x1a\xcf\xef\xda\x87\xf5\x93\x02\x81\xd4\xa4\xe4\xa4\xc3\xeb\x0c\x04\x02\x17~\xb4\xe2\xbf\xddT\x10\r1n\xf2\xb4U\x11((\x1fuY\x0e\x06\x03N\xa7\xe3\x9a\xa7AW\xc5\xea3;\xb1 \x8e\x8a\xc5\xae\x91q\xb9\x07]\xc9\x803\x00n4\x0c]g\xa9\xb6NA\xe25,\xef\x81P\x865\xd1\xe2L:]\x0eG\x8f\xb7\x8e\x10&amp;"\x1b\xb1\xae\xec\x14\t&amp;WTh\x03r\xde5\xe8r8\x93\xa0X\xca\x80b\x01_\xb2\xdc\xa0\xda4e\x80N\xa9T\xd0c\x9d\xe3\x0f~\xe4\xf0\xce\xd1H"\xb8\xe6[\xfb\xe6`\xfb_\xfd\xbc\xc2\xf8\x89M\x9ebY\xa7+\x99\xecu8z\x1dN\xa7\xe5J\x1cOe\x02\x90\x01:\x14\x84T\xc0\xe3\x01\x99\x1c\xd6tl\x8flr$\x945\xf4\xa3\x8d\x93\x93g\xcf\x8bL\x02\xe4\xd2)6\x05.t\r:\x06{{]\x10f\x19\xeb\xc4&lt;\t\\\xc0\x17\x0c&amp;\x1dnkl\xeb\xf3\xde^\x87\xc7\xe4I2_#\x9bvb\xdd}\xb6\xc2d\x19\xdf\x83n\xdb\xaa\xdd\xc9\xa4\xcb5h\x8dz[3\x92Nx\x0b\x80\x10R.\x87\xfbb\x9a\xac\xf7\xf3\xde\x9e@\x83\xe7\xc8\xb5Z-\xdf\xdc\xb5s\x9c\xf3m\x91\xc9\x86}\x17\\\x94\xecIB\xa2\xf5\x80b\x83\xe01\xa0\x02\xa7Y\xe3Z\x16Q\xcf \xf0~\xe4\x0e\xe2&lt;\x92jkk\x80u\xcf&gt;,X\x14A\xad\x9a\x9fyP\x84\xd5\xbaQ\xb7\xd2\xcd2\xcb\x8dV\xde\xb9\xc0\xa7\xe0&lt;\xf7\x85\x82\xee\x9ek\x19\xc8LD\x08\xe1Z\xad\xa6\xfcd\'\xd6n\xd1\x97\x083\xbe\xe2\xe6f\xb7\xabS\xa9@0#C$\x01U*\x00\xd29\x1dN\x87%\x18X\x8f\xdb\xeb\xcd4(\xda\xacBd--\xd5\xba\xbb\x93\xb6b\xc5B9\x1fx\xb1\xb8\xa9t\xa1\x18@\x84\xcb\x99@\x12B\xcb\n+\xd0\xcc\xe5v\x80X\x83\x0e\xef5\xcf\\\x83\xc2\xd4\xa6J\xe6\xc3\xe1\xb5\xb5\xf6\xa3\xd7\xb6qM&gt;\xfc\xc7\xca|\xcc\xe7\xcb\xf9\xae\xfejEU\xda&lt;\x14R\x16*\x82\x95\x86\x81\x0b?:\x06{\xdc\x10a.\x8f\'\x03\xdd\x16R\x15\x95dr\xe1|-O\x07\xbe\xde\xb1\x85\xab\x7f\xf2\xe1\xbf\xfe\xf3u\xf1\x8f!\x9foj\xea\xea\xc7_\x16\x8bJ\xb7\xdb\xa6\xa190.\xfa\x89\x0fb\x81\xff\x92\x0e\x0f,\xd1\xd0TCoA\x80\x85k\x80\x85&lt;\x7f\xf8\xf7?\x1f^~|-l\xec\xfc\xf7\x87\x1f\xfe\xac\xcc\x0eL\r\xf5\xf5\xf5}&lt;\xf5\xe5\x03Emv\xdbP@i]?6p\x99\xb5*\xaa\'\x98\x82\xe6\xe2\x7f\xac\x9coh\x1ai\x1e\xc7\xeb\xdc\x15\xd3\xf1:\xaev\xf1\xae\x83\xc1*\x17\xae/\x82\xd1\x17j\tw\x1a_v\x88\x90\x17\x99\x17]\xb2E6\xe0\x96\xe1\x0cW\xb0\xd4rc\x86\x94\x83`\xb3w^\xa1!\xb9`J\xda\x04\xd9\xa0X\x84Fb(X4\x1c\xb41\xb1J\xb3\x89q7\xff0 \x1c)4%)\r\xc9\xde}\x9f1\xbb{\xc7-w{\xb7}\x1ctB2y&gt;~\xbf\xbf?\xcf#\xc9\\\xf95\xa0\xae\x8e`\x81\xd8\x0e*\xdb\xfd\xdb\xf7{?\xeb?~\xbb\xf6\xbe\x8d\xbc\xf1\xf0\xab\xa7[\x87\xb5Z\xb6\xfd\xba\xce\xa1S\xabY\x8f\xde3\xd47vkl\xac\xaf\x0fd\xd8\r=xp\x87D\xda\x95+\x7f&amp;\xeb\xd6\xdf`9M\xfex\xab\xb5\xddi\xf5\xd9\x1e?^\xec\xfd\xfd/\x8f\n\xe9R\xf4\xd1\xc3\xf7w\xff\x8a\x1b\xa3_\xbd\x8a\x96w\n\x85Z\xae\xd5J\xb0\x1cjOO\xcf\xd0\xd8\xd0\xd8\xc5\xbe\xb1$\xc8\x90\x97\xd0\xed\x01\x92\x93\xec&lt;\x9e\xe0qu\xa4\x15a\xe5\xf4\xd9l\xb6\xae\xae/\x80\xf5\xe9_\x8e\n\x91\xf4N5:\xf5\xe8\xbd|Py\xee\xc6\xe8|l\xf2it+m(\xec?h\xb5Zt:\x87Cm\xf2xz\xfc\xfe0vd\xc9\xe4\x18\x06\xc8\xfa\xfcc\xd0\xec\xc9\x9d\xab\x0f\x9e\x8c\\\xfc\xc5H{;\xb6c\xa8\x0e\xbe.\x9foq\xb1\xf7\xe2\xd5\xa3Z\x88\x8a\xecT\xc7c\xcbS\x0f\x7fl\x90]\x1e\x9dZ\xce\xa5b\xdeht-\x92/T&gt;\x1e\xb4\xba,\x96K\x0e\x9d\x89e\xe5:\x91\xf4\xfb\xfd\xaf\xf1\x18\xf3\x8f\xc9t##\xb7n\xf5\xf5\x8d`\xd5\x00\xaa\x1e\xa7\xcd\xd7\xd55\xf8\xb1m`\xb1w\xe4\xda\x075*o8\\\xe3\x16\xe6\xb2+\xd3?\xe6c\xd4s\x0f\x1f\xbd|&amp;1|\x86\x8bvFKT\xbe\x96\x1b\xb4\xb9\xad\xc0RC/\xb5\x03\xe9\x18\x0e\'\tO\x92\x9c\x80p\xc8O\x1c\x1d\xc3\xee\xb0\x9d\xfc?\x97\t{Fk\x17b~`\xf1\xa3\x91\xde?\x1e\x07\xf2m\xf5\xd5\xe8|l\x82\x8f\xcf\xcd\xff_7c8w\xf9\xe6\xa3W\xb1\xb9\xb8\xc03\x8c\xb0\xe2\x8d&gt;\x8d\xee\xa8\x80\xd5\xea\xc3\xe6\xd4r\xe9\x92\xd9l\xee\xee\xee6\x1b=\xfapr\xc8\x9f\x0c\xb7\x10\xc2\xb0\xd1\xa8\x1f\xf2\xeb\xfdC\xb7\xae!\xd6\xb12\xb3v\xb9]V\xabu\xa0\xcbf\xc3N\xf2\xe7\xc7T&gt;P\xdf(k\'3\x02\xc3\xc7\x9f-\xbf\x1a\xfd\x1f\xa3\x0c\x89\xb70\'\x12$\x86Q(\xa4\x99(\xb0V\r\xf9Z\xc5\xef\xb4\xba\\rt9\xc0e6\x1b\x8d\xc6\xb0\x7f(\x99\x0c\x1b\xc3\xd0\xae\x05\\\xa0\xc2\xce\xb1\xd5\xe9\x84\x87n\x97\xdbu\xddz}`\xc0\xd7z\xed\xee\xa7\x1f\x1e\x87\xf2\x81\xc8\xdb\xb2\x96[\x91\x18\x06\xbf\xfb\x83\xdc\xc2\x97?\xf8\xb6\x07\xe7\x10N\x0b\xb9\x0f\x19\x86\xc6A+\x94J\x85\x08\xach\xb4\x14\xfa{\xa1\xf2\x85O\xdf\x03,\xc7_\x81%siZ \x14\xb04\x1ar\xd6\x02\xb9Z\x1bT\xce\x1e`\xb9e\xb5\xba\x06l\xedw\xef\xfe\xeegG\x91|&gt;R\xd8\xe2\x823"O\xb8\x14\xb4\xb09;\xfd\x83\xcc\xbc\x89\x10\x7f&amp;\xf1\xb4RA\xa8\x00\xd5\xc0z\x8a\x90\x0f\x00\xcb\xd7\xd5\xd3c2\xe9Hl\x11\xb9\xba\x9b\x9b\t\x0f\xfck\x01\x95F\r\xb5\x90\x02C@r\xa2s\x82\xcaz\x9d\x9880\xd8~\xb7\xf7\x0f?9\xaa\xe7\xf3\xa1\xda\x1boP\x9b\x15\xf0\x8e\x954\x9ex)\xb70z\xf9\xbf\xb5\x97W\xb3)\x81V0J\x9a\x0c \x9d\x06\x15\xb0\xbc\xd1`t=\r\xac\xc7&gt;\xa7\xde\xc4\xeaX\x9dC\x8e\xae\xe6\xc6\xf8F*\xa3\xc7\x83\x86\xe9\xf7\xeb\xf5\xa6\xc6p\x11\xb1\xc0e\x1b\x04\xd6\xd9\x06\xd66\x17\xf4b\x12Z\xa1\xa0\x1bCx\xb6\xf0\x1fn\xdf\x02\xef\xa6\x977\xe5\x9fo\\`W\x9e\x06\x95\x1dj\xc5:\x91\x89\xd5\xbd@d\xbfo\xa8\x07S\xb2&amp;\x0f\x0b,sss\xb7|\xc8h\xa02\x120\x8f\xde\xa47\xe9t\x1d8:\x1aX(\\\xc0\xfaS\xffQA\xc6\xf2\x06\xbd\x15AA\xfc\x90\'\x82\'\xc2\xe6\xf2\xf7\xdf\xf3\x035sz..fV\xb2\x8c\x02AN$n@\xe1U\x11\x8f!\xe4\xcb\xd5\x03*T{\xd2\xc0b=&amp;\x8fZ\xad\xd147\x04\xc3\x89\x1cd\x0e5\xba\xb8\x07T\x9e\xef\xc1\xfa\x8c9n\x98\xa8\xe5\xbc\x19AaW\x929h\xbcm%\xf0\xa4\xe2\xc2\xbf\x83\x9d\xbb\xf9h!\x85\xa4\x15*\xb1L"3\x11gN\x94R\xda\xed$\xb6\xa4\x15/\\\x0c~\x1d\t\x14\xe6\xfcI\x0f\xb0&lt;,\xb1\xb1\xbb\xbb\xfb[\x1f\xcd\xea\x96\x16\xd2*Y\x96\xed\x80\xcb\x0e\xdd\xa5K\x1d\x1d\x1d\x16\x97\xbb\x81u\xfb\xfeG\xbf\xe5\xe5L&lt;\x9c\xd4rZ`\x11\x1fN\x06QMLd\x12\x9f\xffk\xf1\xbf&lt;\x15[ADIs\xb9\xac \xf0b1\xc5+\xbf\xbd\x02C!\x14\x83Zo0\xf8f/_\xdf\x1f\x0b\xbb!\x16\xab3\xaa\xd5\r,s\xc3B\xb3\xc6\xa1A\x89U\xab\x8d\x0e\x87,\x15\x11\xcb\xe2\x92\xb1|&gt;\xe7\xed\xfb\x17\x7f\xc5\xd7N\xeaV\x90`\xc9\xd9\xa4l"Ov\xccA\x8b+\x19\xf1\xd9\xf4w\x9b\xc9\x9bS\x89\x89\xe2\\\\\x9a\xc8d$\xb8\xc7\x88)\\\xa3P6\x0cT*\xfa\xcfK\xd9b0\xa8\rr\xe5\xd5\xb6\xd0~Bo\x01\x96\x9a\x10 \xe6\xe5d\xec\x96\xc3K\xa31\x93\xca\x8f\x0c\x05\x14\x84\xea0\x99:L.\xab\xbb\xcb\xea&amp;\x1d{\xf0\x8et\\o\xcb\x87\xd2k\xdea\xad6%4\xac\xb0\xdb\xedD6\xdan\xa7\xcf\x9e\xbc\xb2\x00\x00\x07\x9dIDAT\x99\xb9\x85\x8a8\xf7\xf2\xcb\x9b\r\xc5F\x97\xe3|\xbc\x98I\x89\x92\x88\xc0b\xceOl\n\x0c#\xbf\x07\x0c\x9a\x17s\xb3\xb17of8o\x90\xd3\xae\xed\x05\n\xbb\xc9\x0e\x96`iH\x858\xb1Qv\xd2L\xb0Peuj\xd6$k\x05,b\xa2\x1b\xf5k\xc8\xb9\xe8\xdb&lt;.Py\xaa\xbeS\x05\xd6d\\@\xb6\x03\t&lt;\x90\xc0no:\xd3o\x8f//\xc4ff^\xce7n\xce\x90;KK9\xb9\xa0\xa7\x96\'\xe2\xd9\x94\xc8+H*\xa2\xbc\x0b\xe2\xfe\xbb\xed-n\xda[\xdeF\xaf\x0er\xc3\xe5R:rX\xf4`bV\xadQ\x13\xac\x7f*\x12f\xc8ev\x10\xb5`\xa2\x1a\\\x1e\x88\xe5r\x93\n\xd6\xe3\xec\x1a\xe8\xcb\xd6\xa8\x00\x159X/\x0f\x0f{g\xb2\x12\xcf\xd0M\x84\xe8\x0c-\xa7\xbd\x82\xd8\x98X)f\xe3q11\x85rA+\xcf\xe7\xe2&lt;j.$K\xa4\xe22\x14\xa8\xa4Tq{\xad\xb4sP\x8aN?\x8d\x16\x85\xd4d\xb0\xec\xf5\x96W\x0b\x85\xdd\x17X\x9c\xb2F\xa3\xec"\xe1jn\xd4\x08\xb3\x86|\r&amp;"\x98\xac\x96,\x96\x9e\xd4z\xeb\x80s\xaeV\xa7\xa8\xc8\xdez\xd9;&lt;\x1c\\\x1a\x8f\x15S\xf1\xf3hl\xca&amp;y:\x05\xaa\xa3\x02)\xc7\xf34\xdd\x7f67\xfd\xb7S\n&gt;Q\x91xA\xaa\xcc\xa6x\xd2\x0fp\x9a\xad\xbc+\xad\xad\xad\xeeE"\x86\xfaF\xb5\xcc\x8d\xa7h\xa18\xe9\xc5XZ\x8d\x1cf\xc2\x1a\xb5&amp;\xac\x03\x98\xc6\x8cP\xff\xae\xa2j\x1cD,\x10\x91r\x0b.\x8b\xcbdr\xbb\xf4&amp;\xd7u\x973\xb3_\xa0\xa8\xfa\xdb5B\xa5]\xc9~\xcdi\x87?\x7f\xb9}\xb0/JG\xa4\x0f\xd1$\xba\x14D4\xa0\xf2\xe2\xf2&lt;\xb0\xc4J"S\xa9L\xa0\x1f\xf0Rv\xf7\xdd\xf6\xf6\xf6\xce^:\x9d\xa6.\xa8Tm\xaa\x8duniFT2RL\x0b\xb9\x82\xd5\xd5\xb7\x95\xd7h4\xa4\xcf\xa0\xdb\x90\x016\xd9B\xd41\x92\t\xac&lt;\xc0\xd6aA\x01\xd3\xa3\xb1[\xdc\xfe\xc4~!\x04\xaaR\xb5&lt;&lt;??+J+\xe3\x93\xf3\xda`iccg\xe7`\xb7\x92\x121\xb7\xbd\xa9\xc9.;\x05J\xb1x\x8a\xbc\x08\x02jm\xbf\xb0Y\x9c\xa9\xae\x976\xd2\x06\x15\x05"y\xdc\xdb\x03\xd6\xb8hW\xf2\xb01\xe8\xed\xd4V\xd7v+/Z\x9a\xc3\xcdF\xd2n\xc0\x87\xd2\xa0\x91\x9b\x0f\xb1\xd5qB\xc5\xc2G\xd6\x84u\xa2\xc7b\xf9\xc4\xf5:\xb1_\xa7\xb0v\x80VZm\xe7\x8a\xc8K\xb1IN\xcbU7"\xa1P$\x94\xdeX-\x95v\xf7\xe3\xfc\x19ro#\xb9\xbf0\xc2)\x12\xdct?/d3\xb1\xad50E\x0c\x86\x90\x8ajk\xc3\xd1f0\xd4\xf7\xd6\x97\xb8q\x11\xa5B\xca,q\xd1`\xe7py\xab\x98x\xf1\xfc\xb9Fcl\x91;!\xc1"gF\xe3\t\x17\xa9\xa8,\xa8X\x8f\'\x1c\x06\x16\xfb:sX\x08\x05"{\xdb\x1c\x0c\x9c_\x99\xe0\x15\xf1\x99I\xce[]\xdf\x08\xe4\x03T\x1b\x15\n\xa5\xd3\x90\xed\xddnjB\x12x\xda\xde\xffS\x9a&gt;\xc5\x10\xb9\xe2\x99\xed\xf5\xf5\xd5\xbd\xb4Ju\xe1\x82!D\x86JEQ\x86{\xf7\n\x07U/\xf7F$\xcb\x1b\xa9\x88\x1e\xab\x1d\xee\x8cr\x0b\x89\xd7\xcf\x9b\x9b[4\xcd2\x16A\x82V\x1e\x19\x8bl\x89\xd0{X\x12^,V`,\x1b\x9e\xdd=\xacGB\x05\xe4\xa0vX\xcbae\xaaT\x8a\x04\xab\xbc\xbe\xd7\x96\'\x8e\x04\xda\xa8\x0b\x14\x95\xde[E@o\xbf\xab\xa0\xc7\xd0\x0cL\x14&amp;\x8aKU\xe8\xa4\n\x04(\x02\x042U\x1bEQ\x17\x0c\x86{\x91UN;\xb9\r\xb5N+\xf8\x89e\xce\xdb\x89\x11\x9c|\xb9\xfcBs\x12\xe6dA\x03\xa5\xbe\xc1\xd2\x93\xe1!;I"\x17\xbeC\xa8\xe0\x15\xa1\xf2j;\x833YP1\xd9\xf1%\x84\xc4ZZ\x95W\x91\x00n\xfbG\xd5\xe5\xef\xda8\x16EaK\x8d!\x02\x87Q1\x85Y\xd0\x9bbk\xb7S\xed\x1f \x94\xd2\xbd\xeb\x14[\xb9p\x11\xe3:L\xa1F\xea"\x18\x10\x18ywXp!3\xa9"\x18Ua\x91\xed`\xf0\x8f\x80\x17\x07\x1c\x9c\xc2E&amp;0![\x84\xfd\xee\x933\xb0\x0fb\t%D\x9f\xcf=\xf7\xdd\xf3\xbe}\x13\xcd\xa8(\x05]\xad\xef\xf6W\xbdJo\xd9/p\xf2\xae\x8b\x9c\x14\x8f\xbf\x02\x07\xa9\xf8\n\xca\tp|\x1c\xf5\xcfd\x7f5N?\x7fu\xed,\x14\xb2\xc1\xc3\xf5DW\xb2\\ex@\xb3_~\xff\xedD\xe7\x88\xe3\xe3\x13\xb2\xf5\xfb_\'\xe3\xfd\xdf\xbe\xd5\x1dMo]\x1a\xc6\x9d\x0b\x95a\x0c\xa3\xa8(\x8a\xa9\x98\x857\x99m\x96iZ\n\xe5\xba\xbe?\xfa\xb1\xdd\xa4\x95&gt;\xe6\xbb\xb8X\xf8&lt;\xb3\x14VW\x96\xe3(\xb1\x96\n\x9c`7\xbd\x89\xa34\xed\x19\x8c\xd3*[\xfe\xd8ny\x99\x97e\xd9 \xcc\xef\xafei\xc9hKR3Y\xf0\xfc\x93\xc4\xfa\x0fu9\x16\xd5\xeb\x1f\xff\x98\xec\x9fwXg\xbb\xe9\xb8-\xd7\xd5T$\x80\xa3a\x1aEn\xb1\x80\x88\x17\x99\r,\x06\x16x  \x89\xd3]t*\xcb\xd4\xe6{\x80E\xf1,YJ\xb0\x80\x0f\x82\xc0\xd9\xad\x8b(\x8d\xfa=\xd9`\x99\xf3x0j\xb5\xb20\xcb\xe8\xc9&lt;\x7f\x80\x8cb\xbec\xbb?\x96\x9cur\x10\xed\x1d\x0e\x93\xcb\xe4\xe5\x87Oa\xb6\xab\xa2\xe32\xbb\xe2\xf1Y\x99\x01j\xcb4\x8aiD\x8d%@\r\xb0\xda\r\r\x85\xcb,s\x11U\xfe\xec#\xaf;\xf5\x85\x07\xa9D/G\xf8\xf0\xbbc\xf9\xeb(}r/\x9bF\x99\xeae\x8eG6r]\xa0\x99\x9d\x0c\x92D\x93}`\xec \x18\xf9\x8f\x18V\x07\xf2}\x9dN\xb8\x9e\xef\x9f}s4\xddln;\x9d\x8e\xeb\xa5\x97\xbd#C\'\xa5\xa3\xa5V\xeb\xbbivE-\x01\x116\xa0\xd0\xaa\xd1U\xce6\xaa\xc8\x1e\xe2\n\x16\xd5S\x82\xa5D5\xf1\x95`M\x9fD,r\x05aR\xe2d\xed\xf4j\x9cz@\xe95\x08\xc3$\x99\t\xda\x84S\xc6yy\x00\xd2\r:\x99&lt;~\xd9?\xb3#\x15\x12\x89\x90\xca\x9e\x0fO\xcb,c\x94E\x8c7#\xa57"z\xeb\xf0F\xde/\x0f\xac\xe0\x9f\xa8rz\x17\xb7n\xecUW?\x16*1\xbch\x15\x04V\xc3_\x805\xd4\xa7\x94\xaa&gt;tP\xc8\xde\xe7q\x8cb\xde \xcb&lt;*\xca\'\x05\x9d\xdd\xd3\x03\x8f\x8f\x8f\xe7\x7f\x9d\xd3\n\xdc\x7f%x`\xebN\x92\xe0\x11\xd7N/\x99\xb6U\x1d\x97\xb0\xfc\x15X\x9b\'\xb0\x0ej)iHGW\xb0mr\xd9\x16\x95\xe6k\xec\x825\x12,\x9ek:S\xb4B,\xce\xc0O\xf1\x9c\xd8zT\xd3%\xac\xc9T\x95\x115\x8e=/\x14\xd1\xec0\x0c\x07t\xa7\xc8\x96\xe43\x94\xbb\x7f`\xcdf\xb9\xed\xb1!\xd8\xb6\xfc\xe4\xe9\x983\x85\x08E\xba\x12\xac\xb3&gt;Xw\x1a\xcb\xd4ED/\xfd^1Z\x89U{\x8d\x99\x04\xab\x91\x14V\xab\x05\x8fRB\xa5\x1aj7\x8d\xdce\xb3\xa9\xc5\xaa\xea\x03\x9a\xce&lt;\xcd\xb3~\x1e\xb6.HN@\xb1\xc2,d\xac\xb0\xd52\x80\x13\x08\x81\xf1(]\xc6\xdd\xcd\x8d\xdb\xff\xc2\xc1E\x8f;1\x82p\xf5\xfa)X~\x89%\xbb\x83\xf8\x99\x97KCJE\xdf\xb0\xf2\xf5\x08\x0e\xc1\xd2\x9e*?L3\xf8wU\xc4W\x8cx\xfdUE,C\xff\xffZo\x9e\xdb\xec\xf9.\xef\xceC\x8db\x97n\x13 \xe0\xca[~\x7f\x1b\xcd/\t\x01?\x99\xe4d\x81\xdes\xb0^}\xa5\x0eX\xed\xd2\xd1fyC\'\x82\xf5\xf2\x13\x0b\x11\xdbe\xf9\xf8\xe0\xb7\xdd\xdd\xf3\x869\x8dX\xd57gi\xb0\x1aX\xd2\'\x9b\x97\xedt}+~\xfe\xff\n\xf3P.&lt;\x8f\xc7C\x02_\xadt\x95Q\x16\x91Q|\xc0r\x14\x1b\xaa\xc6\x02\xc7\xb2\xcc\xb7+X\xff\x01Y\x92"\xa7\x1f\x97\xc6\x87\x00\x00\x00\x00IEND\xaeB`\x82'</t>
        </is>
      </c>
      <c r="M96" s="3" t="n">
        <v>45492.67873842592</v>
      </c>
    </row>
    <row r="97">
      <c r="A97" t="n">
        <v>249893</v>
      </c>
      <c r="B97" t="n">
        <v>1966</v>
      </c>
      <c r="C97" t="inlineStr">
        <is>
          <t>Lucas Alario</t>
        </is>
      </c>
      <c r="D97" t="inlineStr">
        <is>
          <t>L. Alario</t>
        </is>
      </c>
      <c r="E97" t="inlineStr">
        <is>
          <t>CA</t>
        </is>
      </c>
      <c r="F97" t="inlineStr">
        <is>
          <t>ATA</t>
        </is>
      </c>
      <c r="G97" t="inlineStr">
        <is>
          <t>CA</t>
        </is>
      </c>
      <c r="H97" t="n">
        <v>184</v>
      </c>
      <c r="I97" t="n">
        <v>31</v>
      </c>
      <c r="J97" s="2" t="n">
        <v>33884</v>
      </c>
      <c r="K97" t="inlineStr">
        <is>
          <t>Right</t>
        </is>
      </c>
      <c r="L9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9e2036e-6174-4a15-8dbb-09847f636f2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S?T\x00\x00\x00\tpHYs\x00\x00\x0e\xc4\x00\x00\x0e\xc4\x01\x95+\x0e\x1b\x00\x00\x03\x00PLTE\xff\xff\xff\xc5\x8ao\xe7\x1e\x02\xc4\x8br\xdd\xdc\xe8\xe1\xe4\xf3( \x1d\xff\xfe\xfe\xfe\xfd\xfd\xe3\x19\x041($\xc6\x8et\xe1\xe3\xf1\xd9\xd7\xe4\xdf\xe2\xf1\xba\x7fe\xe6\x1c\x05\xcc\x95~,# \xb4z_\xe1\x18\x04\xb0r]\xc8\x96\x80/%!\xdd\xe0\xf0\xdb\xd9\xe2\xdb\xda\xe6\xb6|c\xec#\x10\xacqY\xc2\x89n\xcb\x99\x83\x98jX\xc4\x88l\xca\x8ft\xdc\xdd\xee\xe1\xe0\xee\xfb\xfa\xf9\xb0w^\xc7\x90w\xb6}h\xbb\x81i\xb9\x8bt7,\'\xca\x91x\xa8lZ\xc7\x94|\xbf\x84i:0+\xde\xdd\xe5\xb4xc\xcb\x93z\xbd\x84o\xaf\x81m\\A7\xc1\x86k3*\'\xad}e\xc1\x93}\xbf\x81j\xc7\x8dq\xe2\xe1\xea\xbc\x8fxdH=\xa3pX\x9do\\\xdf\xdf\xea\xe0\xdf\xe7\x92fV\xe3\xe6\xf4\xc6\x90|dB5\x84]K\xea \x0b\xb1\x85p\x9aucwSE\xb1|a\x8ceS~YI\xe9\x1f\x06\xb7\x82h\x8a`N\xa5u^\x91dQ\xc1\x8fv\xad\x80i\x98p^\xb0\x8av\xa3iV\xb7\x88s\xb9yf\xdd\xd9\xe5&lt;-$\xb1\x80g\xd6\xd5\xe1\xa1p_qSF\x9dlW\xf8\xf5\xf5sN&gt;\xa2vcT;2\x82`R\xbb}i\xaby_\xabq`\x98gR\x92kYuYL\xba\x88m\xd9\xd6\xde\xdb\xdb\xea&gt;4/\x9f|l\xa9xe\xe5\x1d\x0c$\x1d\x1aM7-\xb8\x82n\xbe\x88t\xafxd\xe8\x1f\r\xa7~kOC&lt;\xcd\x95\x83\xa3zfmM?{]P\xbe\x8bo\xbf\x8ds\xb5\x86mD1(\xed(\x17\x86eW\xdePK\\;0\x85UE\xc2\x8ax\xe4\xe4\xed\xf1\xee\xed\xf1.\x1a\xc8\x8bxkH9\x93n^\xe0G@\xd7\xcf\xd5\x90_O\xc1~p\xe0\xbe\xc5\xc2\x84r\xb7s_\xaa\x84q\xafiY\xee.\x1c\xf24!\x8ciZ\xbf}g\xc7\x86t}R@\xe3.!\xe2\x93\x97\xdbkj\xa1dQF&lt;6E6.\x9dTU\xc0\x95\x83\x88na\xeb5&amp;\xd1\xca\xcc\xdd\xd1\xdaUJD\xe6$\x14\xda\xb4\xba\xc4\x9b\x89\xb2nc\xe3&lt;2\xb6\x90}[G=\xe3\x9f\xa2\xd6\xc3\xbf\xdd\xc8\xd1\xde^[\xb2yi\xcc\x8f\x7f\xd8\x9e\xa4\xce\x9e\x87\xe0%\x17\xd5\x91\x96\xe9\xda\xd7\xe9\xe7\xe7\x8fvi\xdf\xd5\xe1\xb9qq\xec&lt;-\xe9`W\x90\x85\x7f\x8cYI~vq\xd1\xbb\xb9\xe6\x7f~\xbc\xb7\xb4\x96yk\xe4\xb3\xb9\xcb\xb0\xab\xebQF\xe5\xc8\xd2sjd\xe4\xe2\xe1\x9a^N\xadcQ\xc8\xa1\x8f\xe4vs\xd6\xc2\xc9\x9f\x98\x92}dX|J?\x8fID\xf0\xe5\xe3\xedF8fOE\xdf\xa9\xb0\xc6\xc2\xc1\xa2\x84t\xd8\x85\x87\x9eRC\xcf\xa3\x95\xe4\x89\x8a\\RM\xd5\\W\xac\xa5\xa1\xe9le\xde\xdc\xda\xd1\x9b\x8edWO\xae`d\xd8z|\xfb\xed\xecuB7\xb9\x98\x86\xc0\xa3\x9b\xe3\xd4\xde\xf1\xab\xa6maY\xf8\xe0\xdf\xf3\xc2\xbf\xe0\xd0\xcag]W\xcc\x83\x84\xce\xaa\xa2\xf5\xd6\xd5\xee\x9b\x96\xd582\xd7\x1a\x0e\xd1nn\x17\xcf\xb7\xdc\x00\x00 \x00IDATx\xda\xc4\x98OLZ{\x16\xc7KH\x84\\\x16D\xc8\xcc]\x18\x19k\x82\x1d\xb9L\xbc\x89E/}D11\xd5`\xd5(&gt;jM \x15\x14\xc3XH\xae\x06\xa6\rw\xa8\x7f\x88\xd1\x17\x12\x8d\xdd\xb8p\xe2\xe2\xdd\x9bG\x0c\xc9$e5\x99\x05nx$\xb8\x81\xb7\xc1.\x0coC\x88a\xd1\r\x0b\x97\xf3\xfd\xfd\xa83\xb3\x9e\xcc\xf5\x9d\x9a\xab4M\xf8\xf4{\xbe\xe7{\x0e&gt;y\xf2\xbf\x96\xee\x89N\xa7\xd7\xebuzk&amp;\xa4\xffV\xba\xff\xd4\x93\xdf\xa4\xe8[\x13\x0ck\xb5\\+WC\x99B\xc6j\xb5&gt; \xfdVl\x14*T\xbd\xbc&lt;=m\x96Z\x8dR\xadY\xac\x95\xcb\xa7!*\x18d\xb3\xea\x1f\x9f\xab\xa3\x865sZ\xab\xb4\xdb\x95VN\x1291\'I\xa5J\xa5L4\xd3[C\x99P&amp;\x13\xea\xa0=r\xff\n\xe5Z)\'\xc9\xa2"\xf2&lt;\xc7\xb0\xbc(6*r\xaeT\xab\xa3\xa1w\x85\xc2e\xad\xd8\xbc\xb3&gt;\x1eW\xa79V(\x05\x99$\x9e\xe3\x05F`X\x93\xc0\xb1bN\xe6x\xa9],7\xcb\xd5B\xadr\x0f\xc4\xd0\xa3y\x0cBY\xad\x85z\xb1\x02\xa8FC&amp;J\t&amp;S\x17\xcb\x98\x18?\xc3\xb0~\xbf\x92\xcf\xb7k\xcdR\xe9\xfe\xbeR\xbc\xb4~3\xd9#`\x85\x00\xd5\xc8\xe5r\xa2(K2\xcf\xb0\x8c\xd0\xd5\x15\xef2\x99\x04\xc6d21\x9c_I\'\xf2\xad\xf6}#\xd7j\x95\xaa\xa1P\xc8\xfa\x08X\xd4U\xa5\x8a$\xca9\x99G\xb1\x04\x05juu\x99\x18\xa6\xf3\xf4\xa7\x95D8\x9fk5*\xf7\xadr\xc8\x9a)\xa8\xceEc\xa1\\*\x95$\x18]\x14\x05\x01$&amp;\x08\x85\x07\x9e\x1c\x1b\xc77\x96\xf3\xfb\xd3\xe9\x84T\xba/U\xda\xa5\xaa5T(\xe8i\x96\xa9\x8a\x15\xaa\x97r\xb2,\x8b\xbc\xc8\t\xb4m\xa6\x0e\x99\x89\x00\x11\xd5X\xd6\x0f0\xbf\xd2hT*\xed|\xf3\xae\x1a\xaa\x86\xd4\xb6\x17B\xfd\xae\x9e\x13yF\x10\x15\x98\x1dV\xa7Xq|\x87\xc78\x8e\x05\x17\xe3\xa7\x05\xc10\x15\xed\xda\xe5\xdde\x81f\x98\x9ajeN\xab5Y\xe1\x05A\xe4M&amp;\x96Z\x1d\\\xf18\x08\x19\x8e\x83\xd7\xba\xe2,\xa5\xe2\xd0IE\x96\xa5V\xb1T\xc2v\xb2\xaa\x8a\xf5$Th\xde#D9\x86\xe7\x19 \xc5\xe3q\xd0\xb1\xf18i$/p\xbc\xc8\xc4\xe3\\\x9a\xe38p\x81R\x91\xf2\xb9\x86\xd4\xaa\xdd\xa9\xac\x96\xdeZ\xce\xc9\xd86\xac\xc0\x90\x1e\xc6\x89^\xf8\x89\xaa\xc6p\x0chMq\x13\xcf\x01\x90\xc4\x18\xc7\xc9R^R\xe4J\x1d\xcbR\xd5\xd0\n\xd5[\xa2\xac\x08,\xc9+`Q\xabw1x\xcd\xb0,\x1e \xe9\x8a\x0b\xd0M\x148\xf2\x97\xc86\x85\x17[\x97Vu\xb1\xac\x99\xfa=\'\x88xG|\xc1U\x98&gt;\xbc\xb9\x89\xd8\x9d\xe1\xa8\xa7D4\x97\xc3k\xec%\xfc$\x88\xc0\xe2[uu\xbd\xa5\xb3Z\xabE\xae\x8b%\x8b\xd0DB\x0b\x0e\x82*@#\x16G)i\x7f\x9a\x83nH\x0b\x80\xc51\x07\n6e\xae\xac2\x16N\xa9\xa6H2\x81ei\x8c2p9\xe6\xb2\x93\xed\x89D8\x91\x00\x9b\xdf\xcf\x92A`\x04L(\x92\x84\xe7\xa5ZFm\xcbg\x8a\x1cMP\xb2i\x88J&lt;18G7\xce\xd4\xf1\xf1\xf1\xd4\x03\x19\xd8\xc8\x84\xe2\xe4\x01V\xa9\xaa.V\xa8Znwv \xd9\xcf\xf0\x0e\xaf\x90\xdeA\xa7\x91\xf1\xe3\xb5\x8b\xe9\xc5\xa3\xb5\xa9\xa9C\x14\xe0\xfc\x0c\x02\x04\xff\x82\x17\xe5\xf6\x9d\x8aXd\xf7\x14\x8a"\xe6\x8d\xeeg\xb4I\x19\x99\x9a:^#\xf5j~~zi3\xe8~\xf3\xcb\xd1\x05\xa9\xb5\xe3\xc3\x84\x9f\xe4-\x8b\xa9\x14\x1b\x97z5\xb1\xf4\x18D\x9eP\xa1{\x89\x91\xa9\xe3\x8b\xa3O@q\xbb\x83\x9b}\xc1\xa0{v\xd6l\x1e\xe8u\xff\xe8~\xb3\xf9#\xe8\xa6\xc2i?=*8N\xaa\xab\x86E\xcf\x87\xa6\xc4a\x04\xb1\x0b\xfdS\xf3\x8bD\x9d\xdf\r\x98{z\x8c\xc6\x9e\xd9\xd9\xd9\x85\xa1\xd1\xd1\xd1!c\x8f\xb9\xc7l6Gz\xdf\xfc\xbcv\x98\xa6}4\xb12FQE\xbf\xd7\x1bD*L`\xfa\xe3R\xd0\xeb\xfd\xf3\xc0\x1f\x8d\xc6\xc1\xa1!\x8b\xc6\x82r\xb9\xfa\xfb\xfb]\x9a\xd1!\x14@\xcd\xee\xcd\x8b\xc3\xb4\x1f\xbe\x8fw\x89e\xbd^\xbd\xd0\xaa\xb7\x90I\x88+6q\x11\xf4:\x03\x0b\x83\x83\xcf\x87F\x01\xa4qQ$Z.\xcd\xd3\xa7O\x81fD?\x83\xd3\xc7\t?\x03\x83\xf1M\xabjX\xfajE\xa0\x1d\xe4\xc6\x97\x08T,f\x19\xb5h4Z\x97VCx\xec\xf8C\xb1,\x04\xcbh\x84\xcf"\xde\xa5\xb5\xb0\x1f\xff\x15\xa1\x18RkY\xeb\xf5M\x04\'b\x94Y\x9d\x88t\xa8\xb4Z\x83\xc1\xe0\xfa/\xa9(\x16\xe1"\x163\xcf\xce:#\xc1\xa30\xd9\xd9-\xd5n\x08]\xa8\x84\x95\x83\xaf\xfckg \x10\xa0TZC?\xa5\xb2w\x90\x86\t\x14\x8a\xa8\x05\xb1\x06\xc0\xe5\xf4\xce\xa7\x19\x96\x13\x9bj\xc9\xa5\xcfT\xc8\x89\xc0(\x07\xbe\xfd\xc0\xc2B\xccB\xb1\\\xf0\x95\x866\xd1\xf5\xcdY\x1do\xc1Z\x94+\x10\xf0\x1e\xe3:\x13r\x97*a\xe9BE\xac9\x81\x1b\x9f\xf1\xec/\xec\xc7v-\x94K\xab!\x1e\'l\x0f\x83\x08(\xeax3\xd5\x0b\xba\xce)8rD\xb5\xb6\xb5&gt;Td\xb0I\xe4hr%\x16\x8b\xed\x02K\x03\xcbkI\xcfP\x1a:\x8d.\xfa\x02X\x83\xb0\xd6\xbf\xe5\x1a\xc1\xd6\x14*\x05\x95\xd4\xca\x94\xe0\x11Q\xda9[\x01\x14r\x81\xe8Ej\x14\x1cO;h\x94\x10/G\x07\x8dT\xac\x01\xf3l`\xdf7\x9f\xe6\x04F\xbeT%\xbat\xba\xc2\xbd\x80\xad\x9b?\xa0X\xbb\x94J\x83&amp;\xe2\x1b\xe5\xd2P\xb0\x0e\xd6\x10\x9dD\x80!\xfc\x03\x9e\xb90/0*E\x17b\xab\xc1\xf1r.\x9a%X\xb0\x96VK\xb94\x9d\xea\x10u\xb0\x1eb\x9e6\x11X3\xe3\xf8P\xc9\x96T\xb9\xb9\x08\x16\xa8nw\xce\xcf\x88\xb3\xf6\xb4\xda=@\xb9\xbe\xc5\x16x\\\x0fXD\xacoXf\xe2-O*\x9a\x10y\xb6]P\x07\xeb\xae\x81\x8f};\x07\'g+\xa0\xfa\x9e\x92i\xfb\r\xfd\xf6N\xb8\x93\x9c\xd0t\x9e\xd4\xf3p\xd7\xc0,Q\xcb\xe9KE\xf3a\x85\x93T9nt\xba\xbb\x86\x94\x8b\xdedg|6Xk\x8f@i\xb5/\xbb\x87iu\xc0\x08\x9f\xc1E\xec\xf6|\x90\\\x15f\xd2C\xa7o}\xe36/\xf3R]%\xb5\xees\xad\x9b\x83\x93\xd4\xbe\xcd\xb6\x87\xda\xb5\xbc\xdf{\xf9\xfb?\xa0\xba\xbb\x01\x87\x95h\xc7\xd3n\x7ff0h\x9f\x03\xab\x87\x1c;\x84\xcb\x97:_\x1d\xcf+rY\x15,]\xb5r{\x93\x85X\x1d\xac\xdd]\x9b\xc7\xe1\xf9\xfc\xd3O\x7f\x7f\x00\x1b\xee\xfek\xf7p\xb7\xfd\xd9\xf7?\xbc\x7f\xbf\xf2\x97\x85\x0f\x1f\xc0\x14!M\xdc~\xbds;.I*a\x9dV\xda\xd9\xecI\xca\x17\xb3\xed\xdal\xb1\x98\xe3\xfc6\x7f\xbb\xbas\xfe:\xb92\xf6r\x18@\xff\xb0\x03k\xf8\x87\x15\x8f\xc3\x91L%\xb7\xd7\xd7\xb7\x01\x15q\xa2\xd6\xe7\xa2\xd1|\xae\xac\x86\xb7\xf4\xc0z\x10\x0b\xe5xw\x9b \xbfwK\xa7G\xd6&amp;\xdf:\x9f\x1b\xec\xdd\xcf\x0c\xc3v\xc3\xfb\x0f\x13\'s\x1b\xab\x1fWWW_\xcd\xcf\xb9#\x11\xa7\xcf\xe9L\xbd\xde\x88\xde\xe6\x9a*\\\xa8\xb8M\xeb\x95l6\xbb\xb5\x1f\x03\xd4\xcaL4\xac$FFF\xc2\x89t\xe2\xf0\xd5\xdcD\x8f\xe5\xd9\xb0\xc1\xf0\xac\xdf\xd2\x13\\\x9c\x1f\x0f\xa7\xf1qG\xc1\xe7\x8f\xd5I\xaf\xd3\x87Z?\xdf\x89\xe6k\xaa`Y\xcb\xd9\xec\xd5\xc9\xd6\x8a\xcd6\xb6\xf2.\x9f\x08\x8fG\x0f\xde\xf5M.\xce\xaf\x1d_,\xf6\xcdZ\x86\x87\r\x98\xcc\xa1\x81\xcd\xf9\xb5)\xd0\xa2\x14\x05\xe4\xf3\xeb\xa0r\xa4Nn\xa2\xb75\x15~\x11\x81C\xbe\x99\xbd\xba\xbaN\x8e\x8d\xd9l\xaf\xc7GVO\xb6\xce\x96=\x1e\x8f/\xe2&amp;\x1f}\x8c\xaen4Q\xab\x1d\xec\xdd\\\x9c\x9e^\\\x9c\x9b\x9c\x9c&lt;\xd8\x19O\xa4\x95\xd5\x94\xc7\xe7\xf0\xcd\x1c\xdc\xb4\xc8\x85\xfa\xff\xc7\xca\xd4\xb2\xd7[[\xcbccc\xc9\xe9\xe9\xd4\xf2\xe7\xcf/\x00h\xf3\xf8\x9c^w\xef\x80\xd1\xd2\xfdO;\xd4Z\xe8\xddD\x05\xd7}\x0e\x87\xc3s6\xb3\xf11\x1c\x8e\xa6\x1c&gt;\xc7V\xf6&amp;Z\xcc\xa8\x80\xa5+\x14\xaf\xb6~\xddZ\x06\xcc\xbb\xa5m\xc0\x8d\xbd\x18[ql{\xdd\xde\xe0/\x9b\xde\xd9!{\xb7]c\x194\xf7\x06\x97&gt;m\xbeM\xf9\x1c\x1e\xcf\xb2g{{}\xf2\xd5\xc7\xf33\x87\x07X;\xaa`\xe9\x0b\xc5\xec\xf5\xafD\xad\x15\x9f3\x80q\xf4$\x933\xe7\x1b\x07\'s\x17_\x8e\x96\xbc=\xa3\xb8\x9fG{z\xddKGGG\x8bK}oS\xc9dr\xdb\xfbv\xa2oi2\xe9Y\xa6X*,E\xa4\xe95i\xe2\xe7\x17/\xc6b\x0b8\xe6\xbd\'\xd9\xdbp:\x9do\xef\\|\xf92\xdd\xf7\xc1\x88==\xd4\xf3\'8\xfe\xeb\xd7\xe9\x83\x8dh\xf4\x06\x13\x11\x9c\x08NLx}\x9e\xe5\xa4ZXO\xee\xae\xae\xb6\xae\t\xd6^l!\x10pO\xdf&amp;X\x8e\xe5\xa5R\xf4\xf8\xeb\xd1\xa7`\xc4\x88\x05=\xd8\xd3\xfbi\xfe\xd5\xd7\xaf\x1fo\xd3\xac\x89\x15\xf3\xd1\xa3\xa5`\xd0\x1dq\x12\xac\x83\x9bbU\r\xb5\xee\xae!\x16\xc1\xfa~7\x16p_\x1c\x8e\xdfH9A\xce]\x1d|\xf9\xf2\xf3\'w\xe4o\xdf}\x87Sy`\xf3_\xb4\x9a\xdfK\x1b\xe9\x1a\xc7\x0f\xe4B\xa1\x17\xa1\x94\xb9\nY\xa6\x07\x9a\xc6\xd2i!\xc6#i\x966\x03\x83\x06\xa3\x132\xf9e\x0c\x841f:\x93d\xf4\xc2\x81c\x82\x1b\x8d\n\xa1\t\x12\x03\xc9N\x0c$\x93\x8b\xb0*\xcb\xa1\x1bZ\n\x91\x05W\n\x1b\xca\xca^\x9c\xe4\xc0\xa9\x8a \xf1b\xc1\xb3\x1c\xcf^\x95\xf6\xea&lt;o\xea\xf6/\x18\x1f\x88&amp;"\xf8\xf1\xfb&lt;\xf3\xfcx\xdf\xc7\x9e\xbd\x1a\x9f\xff\xcf7\xe8t\xf2\xf9w\xe3u\x18\xbe\xa3\xd1\x89\xe9\xed\xc3\xbd\xf7\x877pl\x03\x95\xfag\xc8\x0f}\xac\xf5\x85\xa9xv\xd2\xb9w\xf6\xcd\xf3\xe7\xcf\xf8\xe3\xab\xe3l\xd1\xa6\xaf\x8dj\xb55\xad\xae\x91=\xbe\xda\x9a&lt;\xfb\x0e\xd2\xe9?\xd2\xe3\x7f\xdfj#,\xdf\xf4\xf4\xde{\xc0R\xf9*\xa3\x7f\xcb\x05XGG\xe7\x10Zk\xde5\xa8)\x12N\xf1\xefy\xde\x0e\x11\xde.\xe2\x01\xac6Z\xd3\xc2(\x1dh\xd7\x8f\xaf\xae"\xcf^\xbf~=\xcf;\x9d\xd9v\xdc\xe6\x8eZ\xae\xb1\x06T\xbd/\xeb_K\x0f\xfe\xf3\xe7\xa3\xa3\xc3i\x10\xcb\xeb]\x0bm\x80\x8d\xf8 =\x84q\x9c\xa2\xe2\x01\xc2\xa4\xb5\x82\x1b\xb5\x86@\xa7\x8d\x0e\xb8\xb2L\xb5Z\xc5Y\x92\r\xf7\xb1&amp;\xa6\x8f\xf6\xaa\xe7?]_\xb3\xabG\xb5y:\xb7\xf9o\xc7!\xc2\x82\xa6fa\x03\xd5\xeb\x99~6\x958\xd6\xa6\xd7cAm\xad\x06\xad2F4:\xed6\xc30q\x92\x93\xdc\xc8\xc2\xa8\\\x8f@\x86\xc8\x9con\xbeyw:\xa8\x1e\xd6\xe0\xc1\xbf\x96\xfe\xf8\xf0?\xff\xde\xd1+\x08\xf8\xb55(\xd7O\xbd(\xa3&gt;\x18\x91X\xb7\x1e3`\xe5\xa0`\xadAxaD\xa0\xd1\xe8x(\x9cD\xc6\xba\xa5\x15\xb7\xcd\x86\x82\xeb\xfc}\xfa\xfc\xcd\xae\x01\xfb\xe1T=\xac\xcd\x0b\xa1\\6\x86\xa2\x85\xc5]\x08\xad\xb5\x05\x17\xcc\xaf\x0b\xae!\x97n\xca\x00B\x99\x0ce\x93)\x18\xac\x81\\\x08+\xd0\x084:\xf10\t\xa1\x0e:ME\xa3\xfah?\xb8(\xbd\xbeR)\x9b^\xaa\xd5G\x80X2\xfa\xa35W\x01E\xfc\xfa\xda\xc2B\x02:\xf9\xc7\xa8/6\xe9\xd0&lt;\xa8\x13\x84 \xe2\xb2\xd60\x82 \x02\x04\x92,@\x18\xee\xe8\x8c\xc0\x1e\x82V\x10\x12\xaa#\x0cT\x95J/\xf7\xdfA\xb52\xe9\xb7\x95\n8i\xf4+\xc7v\x1f\x0b\x06\x8c\x9c\xd9,\x08Zm\x10\x1e&gt;\x9dn\xc8\x8a\xa8\x04kI\xb9k\x8a\xe9\x01\x8c\xd0\xeb\xf5\x84\x1eai\x87\x8c\xc6\x90\xe53\x16\x86\xb0\xba\xe5S\xb5\xb0\x06?\x04\xdf\x06\x15yt\x94\x9b\xdeEO\xe2\xfaz\xc2,\x98\xadV\xd9\n6\xa4\xf5\xe6\x8c\x98\xc9((\x8a\x92W\x84\x18x\x11\xa0 \xdc0PRk4\xba\x8c\x96&gt;\xd6"\x89%[15\xb1\x06\x0e\x94\x9a\xb0\x9f\x92\x1f\x93\x9f\xb1\xbc\xde\x84Y\x96e\x05\x99\xac\xc9\x8f\t\x98I()\xfb\xc8J\xf0(6\x88\xa4\xc9t\x07\xc2M\x18z\x0cb]\xab\xb5\xe8\xc7Zoc\x10]\xaaa\xfd\xe54U*\x01\x96\x15\x9f\xde\xdd}\xb2\x0er%4J\xfe\xda\xac\xb29X+\xc9\xf2\xfe\xc5ej?U2a\x15"\xd02\x82S\x01K\xb0\n\x80\xe5\n\xf5\xb1(\xa2\xd2\x8c5+A\xf5\xd4\xda\xbc\x041\xf2\xa35\x12\xc5\x16RK\x93\xcf\xef\xa7R\xa0\x8eR+C\xac\x03\xa3\x92\xbf\x84\x1f\xc8\xa6f\xb3\\\xae\xc4L\xe0T\x086+\x04 \xa8\x05m\xe0\xf4\xf6"M4\xcbM5\xb1\x06O\xf7A\xac\xfc(\x86/\xbe\xda\xed;1\x07T\x97\x97\x97)%X1\x08 V0i\x94A9%\x88\xa1T\xd1$b\x90_\x05\xb3\\\x92\xcd_\xb0\x1c\xd9\x93.HX)m\xaa\x17[%E\xa9\xd5\xba]\xbf\xe3sp\x8di\xf2\x97\x97\xe0\xb4|\xad\xa2_\xcb\t\xe5\xee\xc9\xd51\x01\xb1fNv\xb2\xd9\x06V\xae\x10D\x17\x0b\x96r\xb9\x9c\x0cX-\xc0\xda^\xac2\xbd^\xa5\xd2\xac\xec\xcf\xa9\x87%+\xe5J\xb7k\\\xa9^{\xd1,\x83V?\xe6\xadXwh,g65z\x9dN\xc3$X\x8d\x9d\xab\x17/\xaez\xdd\x06\x11kt1A\xce\x8d\xe5J\xc6V\x0bF\x9fmG\x86\x8c\xc1/5\x9b\x17\xaa\xa5\xd3\x81\xd3|\xa9\x0b\xff\xabw;\xc3M\xbfBX\x1a\xcd\xedT\xea\xe1\xddr\xd7\x00\x0e5\x1bc\x81\x00\x11K\xb6\x8c\xad\xce\tX\xaf\x03\x9f\x02\x9d\n\xc85&amp;\x83\x7faR\x1cY\xf6W\xb9dc\xa7\xd7\x15^\xaaV|\x06!\xe4\x01\xcb\xfch"\xe3\xdfFX\xeb\x9a[\xb7o\x0f\x7fm\xc5\xf4\x0f\x12KK\xad\x18\x0b\xe3\x17\x1ek%!i\x15\xdbmD\x15\x8b\x06\x1a \x97\x02NL&amp;}\xbem\xe8\xfa\xdd:\xa2w\xd2\x95\x0f\xd4\xab\x89\xf7&gt;!\xac\xd2\xfd\x8d\xaa\xe8\xd8~\n\xe9Ts\x1f\xa6\xd5\xbbw\x02Q\x9f\xc4\xb2,N\xd1\x85\x02EJ\xc9X\xb8x\x0c\xbdj\x1cq\xb9\xe3\x8d\xb2U.\t\xa6)\x90kY\xe4\xf9\xa8\xa9qr\xd2\xddUm\xfc\x81\x0e\xe2\xdbR\xb9\xd7kj62\x19\xc7\xf2\x0c:C\xba\xf5\xf0\xd6\xd7\xa3\x8d"\x8e{\x18\x86\xa2i\x8a\xaeB\xd3\xe0&amp;=\xceI0g\xbb\x18\xf7PT\xbb\xa1\x93\xad:\x93!jY\xe6h\x9e\x8e\x06:\'=\xec\xd3\x9czX\xe8Q\x84\x98\xafldxqe\x02\x1d"i\xfe:\xac\xd1\xd7\xedv\xa7\xd3I\x8b\xe0\xc1b\xd1\x13\x86\x96\xaf\x98u\xda\x11Y\xbd\x1e\x89\xc0WbhH\x07-\x84\xb4\xe2\xc8\xa4\xa9xO\x0f\xd9\xf4\xe5\xc0\xa0z\xdd\xe9\xe9~M\xc9\t\xd8L\xd5\xef\xe0&amp;\xfaG\xa7\x0f\x87]\xd9U\xde9\tT8\x9bL\xc6bMH\x95\xd0\x03\x16\x8b4pE\xb6\xc6\xc7\xb7f\xc7\xebw\xb4\xba\xa8\xdb-q~z^\x8caCK\x84\xe9`@\xb5\xf3\xe6\x81\x81\xb9O\xe5R*\x9f\xf7\xfa\x11\x164\x81\xeb\x9a\xe1a\xdb\xf8$o\xb7{HVj\xc9%do\xc1 \x95\x86\x8b\xd05G\x00ku\xebE`\xc8\xa0\x87\xb9\xdb/\xd2\xf3\xb8)h4\xb7~P\xf1\xb8\x19\xb5\xa7c\xf9\xdbJ\xfe+N,\xf8\x97}3\x0f\xd6\xbc\xc3\xf7=[\x0c\xe3\tK\xc9&amp;\xb2\xdf\xbfX\xb3\x894C\r}d\xf5\x05\xe32\xe8ma\xd2O\xf3\xf6p\xa5b\x12\x12\xef\xee\xa9\x89\x05\xfd)t-\xa3\x8f9\x1a\xf4Z\xf1\xf9f\xbc\x8f\xee{&amp;\xc9x1\x1eh\xec\xf4\xed\x04^\xdd\x9dk\xeb@{\xca\xd8\xeb\xf5\xad\xe2\xc2\x94\x9b\xc4I1\xc3\xdb\x03\x04\x14\xa6\xc4\x81\x9a\x17R\x90"^*%h\xb8,\x80U\xe0\x96W,3O\x1e\xb1uw\x1cf\xaf\xe3\x93/X\xfd\xef\x9f\xed\xf88\xb2UoG\xc8\x99\xe45\x16\rT\xc6\xe0\xc5\x9c\x9a\x13,\xc8uz\xa9(\x9a\xfc\x92\x08X+\xcb\xcb&gt;\xdf\xc6\x93\r\xc6c\x0b\xb0\x92\xd4j\xbd\xbd\xb6\xbe\x13w~\xdf\xd9ig\x8f#0\xd3f\x9d#\x1bn\x122\x87H\xf3q\x82\xc0\x9a9U\xc5B{\xb9\x83\x07\x17\xa9\xd4\x8f\xbb\x0e\xc0\x02/J\xee\x91\xa7\x0fH&amp;\x1c\x9dr-\x99\x13c\xbb\xb9\x8f\x1f?\xfe\t\xf7V\x8a\xb1,:\x8b\x8b3\xe4\x8c\x8f\xa4hJ\xa42&lt;\xfbdw\xf7\xe2\xe0\x9e\xba;\x82\xfde\x83\xd3\x83\xd3\x83W\x05\xce\xe1\xe7\x96%\xce\xb71\xc3\xe1\xb6\xa9;\x86h\xc8\xe52\'\x12\tx\x12\x9b\x08\xaa\xd5j\xc5\x08\x1ba\x03,\x0f7B\xd2\x0cC\x8bt\xa6\xfa\xeb\xe6\xdc\xe6\xdc\xa0\xca;\x82\xfd\x05j\xb4q\xf0\xab\x9f[qp&gt;\xdf\x8aEZY\x11\xd1B\xc6T(d\x91|\xe0K\xc8]P\xae[\xad\x11\t\x90`\xa2\xb5y\x18\x9c\xc5=vZ\x14\xe9\xf4\xf9\xe6\x9f{\xebj\x9f\xd8\xf4\xd1&gt;\x1c\x15\x1c\x80ea%\xd2\xef\xe0)wtj\xca\xb5\x90\x98\x19\xe1(\x8a\xe1\xab\x05\x1cwK\x12\xdb\xa7\xd2\x87\x81(\x8ej\x13E\xf3\xe9\xdfnri\x11\xfa\xd4\xf3\x8cX-pn\x92\xf4\x8b\x85*\x8d\xb3\xe0\xc3\x05\xef\x93\x07#,=9;\x9b\xa6=\xa4d\x91\xdcz\xbd\xc1`\xf3@\x19\xb2C\xbe\x8d{\xe8t\xe6\xfb\x1b[\xcf\xf8\x9c\xee\xff\xa8\x8a|F\x0c\xe3\x14\x83\x9cC\x8b\x9c%\x14r\xcd,%I&amp;;\x19\x99dX)4\x12\xb2D\r\xd1h\x98\x81"Tw2\x1e\x0f\x93\x9e?\xfc\xe9\x86\xb7\xdd\xde\x15D&gt;\x9d\xc1)\xf0\x0e\xcd\xf3|\xc6\xcfZ\xa26\xd6\x16/\x16\xa1\xe6d\xb3\xc5\xb0$Y`\xbew\x83X\x91\xd5H\xc4Y,2\x99\xf9\xd9\xdf\xe6nv7p\xf0{G53\x9f\x06\xa1\xec439;_\x15\x0b\xa2H1\x1e\xbc\x88\x07(\x86\x82\xa2\xd3\x8eChE\xdd\xb8\xc7\xb9\xba\x05\xf2\x81V\xb3\xb3\xf3\xbf\xdc\xf0\xca"\xc4|&amp;\x93\x9e\xe7q\xc6i\xb7\xf3\xb3&lt;\x9fN\x83f&lt;\xc5\xb2$\t\xfd\r\x89\xb7\xb3\xd9v;\x8e\xe3\x0c\x88\x85\x9cH;W\xcf\xce\xd2ont\xef\x14\xb8&gt;l\xfb\x01+M\xd3\x10\xcd\xab\xb3ix\x0b\x9e\x84\x87`\xd9\xe1\xaf\x16\x1c\x1c\x87\xdb#\x91\xba\xddi\x9f\\}\xf67p\xe2\xec\xfc\xea\xb3\xb3\xd9\xbd77\x19\xf1\xfd!h\xc2_\xe5\xc1-N\x84u\x06o\x00,\x03\x89\x7f\xb1P\xe5\xff\xcf\xcb\xb9\xc6\xa4\x99fq|\x1bM\xda\x84q\r\x99\x85\x8cZ\x84M\xe5\x1a.\x89\x02M\xe9\x0c\x14J\xb0\x01F\xe2\x15J\x9b\n*\xdax)F6\x05\xc2\n\x9d5\x88kf\xbc\xb0\xa1ql3A7\r\xabF\x8dxk\x1dl:\xd1lt:\xba\x99D\xcd&amp;3\xb665\xa4_\xa6\xd1m\xb4i\xbdt\xcfy\xe9\xee\xa7\xbdt\xa7\xb2\x075\xf0\xc9_\xfe\xff\xf3\x9c\xe7\xf2\x9e\x87\xdbM6\xaf\xb1@\xef\xd3\xdfh\xb0*\x14R)\xf6\xc1)\x14\xe3\xeb\r\xba\xe4c\x99-\xc6\xdb\r\xeb\xd6\x06\xc0\xd2\xe3\xbf\xc4\x03x]S\x93\xae\xbe\xf5F+\xa8\x05{\t\x90p]!\xad\xae\x96\xfa|&gt;&lt;C]\xbf\xe1M&gt;\x96\xdc\xa1\xac\xaf\xb1\xae[A\xae"E58\xd4\x00.vu1`\x82\xb9\xdde\xec2\xb664X\xad\x8a\xf1\xea\xeb\xd7\x15\x9d\x9d\x9d\x8aq\xe9\xba\xb5\xde6\xc9L6\x96\xec\x8c\xad\xb8\x1e\x9fc\x1a\x0c%z\xa9Ta\xb5\xd6\xc0\x10\xa81\x18n ]\x81\xda\xa0\x07\x07\xf1\xc9\x9dTA\xa8\xa5\xb0\x16\x18\xbd\x93\xcc\xe4\xf6\xcb\xff\xe2\xbe\x1c\xa6@G=\x8cz}\x95A\xaf\xa8&amp;\xf4\xb2B\x85\x87tk\xa8iU\x17!\x168x\xa7Z!\xed\x04\xeaqk\x8dZ\xf9\x7fP\x8bw\x05\xea\xba\xa3\x00\x9c\x82\xba\xe4\x93VK\x15\xd2q0\x0b\x94\xb1\xfa\x1a\xf4\x90oR\xdf\xba\xf4\xce\xf5\xeb\x80\x95/\xfd\xed\xf8\xba\x01\xcaF\x92\xb1\xb0n\x99\xddW\n[\xaeX\n\x0cV\x9f\x0f\xb00\xda\x00\rB\x01\xb6U\xe5WW\x83\x81w\xe0c\xbe\x14\x99\xadPj\x95\x96\x85$\xabu\xe2\xa5\x13\xb0\n\xaf\x143\x88}\x97\xbe\nX\xb0\x16\xe4\xb7U\xb7\x01\x11\xb6\xe7&amp;Zv\x91\t\xa0\xf4\x17J\xd4\x0cK\xf1B\xb2\xab\xfc\xa4\x93S\x08q\xc6\xa6.\xb8P\x03\xa3Q\x9f/\xcd\x87\xcdW&gt;\x11mD\x10\n\x82h\x8a*=\xce\xd4\xb0NM:\x16s\xc1\xc9M\x87\xb5L\xe1\x19FQMAAAI\x91\x01\x8cl\xc3\x16\xe2N\x84C\xaa6d\x02\xc1\xf4EE\xa8\x95\xf2\x9c\xa5x)\xc9X\x95\xaf\xb9\xe9\x85\x85\xd7\xae\xb58t\xf5x\xf8\xc0P_\xb8P\x95P*!V&gt;\x98\x99\x8fP&gt;+L\xe6\xb0\xaa\xa9\xab\xa88W\xfc\xba2\xc97WV\xb8\xe9\xe9\xdc\xd3\xd7Z\xca\xbcF\\o\x19\x8d\x05\x89\xcd}\'r\xa1\x9dm\x9d\xb0\x9dV\xc04\r\xab\x075\xbc\xea.^\xbc(XIr\xbf\xfc\xe7\x91t.\xf7\xf4g\xd7Z$^\xd8\x02\x19o\xeb&lt;F\xc0\x83M\xbf\x01\xea\x98\xcf\xf7\xe7\xdfWA\xd5\xf0Y\xf5\xb8.\xfd\x03\x83\xa1f0\x18\x17\x05\x82\xe2Hr\xb1N\xdc\x97\xa5sE\xdclW\x8b\xc4\xa3\xeb\xea\xd2\xd5\xeb&lt;\xb0kl\xd2\xe9t\x0f\xba\xban\xb7\xfe\xb5U\t\xbbi\x03NL\x17\x8aJ\xea\x80\xaa\xae\xa4\x02\xc4\x12\x98\x7fH&amp;\x16l1\\W\xd3\xcf^\xcdn\xe7\xb5x\xbcH\xa3\xd35\xf5`l4ml4=|\xf0\'\x9dG\xe2\xb0\xa0Hju\x9d\x1a\xb5b\xd4\xfd\x11\xb8\xb4\xc9\xc5bN\x8a\xaf^\xe5r\xb9b\xb9\\\xeb\xf1\xf4x\xbc^\x8fI\xeb1E{L\x10\x1b\x0f\x1f&gt;|\xf0\xb0\xa9G\xe2q8\x1c\x15%%\xf5\x04\x17`\t\x04\x92\xa4b\x1dg.q\xb9g\xcfr\xb9N\x9eY\xdb\xd3\x13\x95x=Z-\xcf\x14\x8dF\xb7\xb6\xb6\xa2\xd1\r\x13\x08\xf6\xa0K\xd7\xe4\xb5Y\x80\x08\xf6FF\x06&gt;\xc7\x03\xac\xfb\xc7\x93\xd8\xc6\x8f\xf5\xe1\xec\xe9\x9bN\xb1Y+\x01yz\xca\xbc\xde\x96\x16\xad\xc9\xb45\x1a\x19\xddB2tRg\xd4\xe9\xba\x94@\xc5\xa8g0,8\x0e\x05\x82\xbb\xf7\x93U\xb7\x88\xfd+\xd4\x07\xd1\xe9\x14\x97\xd8i\x96\xf4\x98\xe4&lt;\xad\xc4SVfF\xacDDM\x1bM\x10:\x1d\x1e\xf3\xd6\x03U\x85\x052\x1e\xc0\xdc/\x93\xb3\x98\xc7-5\xf39\xf3\x87\x08\xa8\x95-\x16\x97\x96\xcay&lt;9\xafE+\x91\xb4\xf0\xcc\xd1\xad\xd1\x15\x88\xd1\xad\xa8\tr\xdf\xeb\xd5Y\x8a-\x8c:\x86Q\xa9T\x9e#\xa8\x10+)\xd7\x99\x91jw\xe6\xfb%\x97H\x94\rX.\x17\x95*\xe3\x99y\xe6\x16\xad\xd6l6E#\xa3+O\x9f\x8eF\xa2`\xac\xa7\xc7\xab\xb4\xd8\x94\xea\x92\nX9X\x04D\xd0\xdc/\x99G\x7f\xcd\x9a\xb8\xee^\xf9\xa2?\x14\xdc\x10\x8b@\xad\x9b\xaeR\x19\x95N\x95\x9b\xc1F\x08\x9e\\\x1e\x89\xac&lt;]\x19\x8d\xc8\xb5=\x1e\x8f\xc4c\xb3\xd9 \xb7,@E`}I\xa3\xb9_\x0f\x9d\'.u\x1e\xf5\xa1He(\xdew\xfe\xb1D\x0c\xb9\x95\x9d\xd2^*\xd3\x08A.\xb9\xdcl\x062\xb9L\x16\x19%\xb0\xb0]\x11\xb0j\x8b-\xca\n\x8b\xcd\xe6\xa8\xad\x15\x08j\xf1\tq\xd7\xe3\xf2\x85GGz\xd9\x94\xa0\xfa\xfc\xfb\xbe\xfe)\xd5\xb7\x12\xb1H\x94B"\xb5k\xdae\xd4\x08\xc0\xc8\xe4\x88\x06XT\xfa(R\x99\xb5Z\x89\xb6\x0ch\x8a\x95\xcab\xc7\x99\xbbwY\xb5\xb5\x14\x1a\x8d"0\x0e\x96\x0f\xbe\xda\xaf&lt;\xb2\xee\x8c\x84T\xf7\x1f\xf5-\xf7]N]\xe2\x88\xce\x8a\xb2Il\rU\x03$T0R&amp;\x83\xe4\x97G\xf0=]\x03P(W\x99\xc3Ql\xc1GSw9\x1c\xb7\x1b\xa9(4\xcf`y\xf9B\xfc\x05\xf3\x88\xb0\x88b\xb571}\x10^\x0e\xa5\xa6ng\x89D\xa2_\x93\xf8\x1a\xb2\x06LD\x16\xa1FV\xca\x93\xd1\xe9T\xaa&amp;\xaf\x1d\xea\x06\xa4\x9aD\xe2\x00\xb9jY\x00\xe5\xe4\xdc\xcd\x05&amp;\n\x8b\xa6\x05,\xfb\xab\xee\x17\xcf\x8f\x84\x8b\xa8U\xfb\xcbs\xb1\xc3\x93\xf3\xdf \x16W\x94}\xecc~\x1e\x19\xa8\xe8\xcdt\xc0\xd1@\x80p\x11\xa1\x86\x04\x03\x14R\x8dg\x96\xe0\xb9 \xc5\xcdq:\x9d \x17P\x01\x96d\xb0\xdcn_8\x08\xaf\xee\x1d\x7fo0\xe2\xfcogqn`\xec\xe0\xf0\xe4\xeayU\xea\xf6\xa7\x80\x95\xc2\xe6\x93\xef\x91\x9b\x9b\xe9\xcd\xcdT\x82K(\x04\xe5\x84\x9aR\x97\xd8E\x0c\x02\x89\x9b\x95\xa0\xe2p\xdeb\xe5R\x00\x0b\xe2M,\x16\x00\xc1\xde\x0b\x8c\xc8*\xe6\xde\xea\\\xe0\xd5\xc8l\xf8\xe4\xa6J\xa5Zb\xa5\x8b\xb2?\x06,2`5#\x1c!\x17\xa9\x83\r\x7f\xd9\xed.\x1763\x83s`\xe1\xa7N1r\xe5\xb2(\x10,\x8av0\xad\xbc&lt;\xf3i,\x1c\xef^\xdcc\xbe\xc7!*\x91\xea{\xfb\xcb\xddO\x16\x862f\x87\xfd}\xaaOT\xdf\xba\xd31\xb5\xf8yy\xf7\xee\x91\xef\xddC\xc5@&amp;MJ\x07(\xa6\xe9p\xb5\xb7\xbb\xe4\xe8\x9c\xbb\x96\x95\xcb!\xb0r!P.\x1ak\xc9\x9epqb)\x1eOd\xd8\xf1\x9f;\xd9\xec\xf4\xcdw\xf7\xbf\x0e\x0e\xd9\xa7V\xfd\xfe\tUN\xce\xe32T\x8b\xcf\xd7\xe4\xa1ZT|Q\x85D\xeeC\xca\x03\x14\xfc\xe0\xd3X\x16\x0b-\x14\x8b\t,\x161\x12!\xe7\xedA\xfb` \xb684\xf9*\xbe\xb8[\xf93\xc0\x12\x87\xca\x95\xbb\xcf\xba\xa7g\xa7\xec\xc1P_\xff\x01b\xa9&gt;\t\x9a\xb2\x10\x8bL\xe6#\xd6\xd7t2!\x96\x10\x07"p\x01X;\xcfe\x06\xe3\x08\xb1\x10\x8bB\xfb\xf0-\xd6\x99\xc1\x8c\x0c{0\x1e;X\xfd.\xb8\xf4&amp;\xbe\xbf\xf3?\x9f\x87\x13\xcdm\xcc\x9d\xcd\x1f\x03\xb3\x83\x19C\x8fV\xbb\x07\x0e\x0f\x13Xi[Y\xa2c\xa4&lt;29\x0f\xb3\x0b\xd0\xc8t\xba\x90*$\xd3\xbf\xa6#\x9f\xe6\xadZnJ\xaeS\xfc\x99X\xcc\xe1\xd0(\x84\x89\x80\x16\xb5g\xa6e\x00\xd6alls*\xf8:&gt;\x8dN\xbe{\xee\'\xa6\x1a\xe6\xce\x8b\xf9\xb1\xfe\x91\xe0\xd4\xc4\xf4Xo\xef\xf0\xaf\x00\xab/\'\'G\xb5T\x98\xc0\xfag\x00\x0e\xa4\x15\xde1\xc0J\xa1i\x875\x0f\xd4*\x10\xcb%\x16s!\xe3s\xb3@;P\xcb\xbd\xd0\x98\x96\x96\x16\x0c\xc4\x0e\x87\x87\xc3\xd3\x13\xc1\xc1\xd9x\xff\xee\xf3w\x15\xec\xed\xfc\xb7\xf7\xe2Yw|v-\xd47?\xd7\xdb\xdb\xeb\x0f\x1f\xc4\xfc\xfeM\xc0\xca\x19\xe4\x89\x8e\xa5\xb0\x91\x0b\x7f!\xf7\x85B\xb2P\xc3\xd6\xc0\x07\x8d\xa6\xa3\xa3\xa3\x1d\xbbWr\xdd\xb9\x1c\xb0\x90\xcb\xbdt)\x17\xaf\xaf\x80\x8b\xb4\xed\xcc\xcc\xb4\xb4\xf2\xb5\x83X \x10\x1e\x1e\x1e[\x0ca\x8a\xad\xee&gt;?\xfe.9\x96\x80\xda\xdd\x84L\x9f\xf9\x07\xd4\x00\xbc\x1fy\xe3\xf7\xaf"V\xda6L\x89\xec&lt;\xa8\xa7y\xf0\x03X\x08\xc8f\xf3\xf1\n\x06\xbb\x83\xf4\x15P]\x854\xcf*D\xad\xb0\xfd\x07\xef\xfa\xd0h\xach\xf0TfZy\xe3Lxlf\xedU7\x08\xb6\xdc75\xb4@\x80\xfdw\xc5\x88\xdb\xdcP\x13\xe6\xe23k#\x9b\xcb\x03\x08\x15x22\xa4R\xcd\x84\xfd\xf3\x7fC\xae\x85\xdf\x1d#\xf1Q&amp;\x08\xc0!4\x13\xb2!H\xa4\x94\x8e\x94\x9b\x80u\t\xa88\\\xc0\xba\x84\xef&gt;D\x07iW\x16\x1aO\xa1\x89o~\x13\x08\xd9!\xe3\xc7\xfc\xfe\x81\xf9\t\x04\x9bF\xb0\xff\x90b\x89ov9\xb1\xb3\xbf&lt;\x06\xf6\x8d,.\xdf\xfa\xe2\x8b\xde\xb1\xe9\x99)\x95*\xf5\xf2\xe5\x91n\xff\xf2_rr&gt;\xc8\xb1o\xa7\xb0\xd9@\xd4\x01\xfe\xe1\x1b\x82\x8eM"\xb0\xbe\x12\xc3\xee\x03[\x90\xb2\xb2`s\xc4M4\xe8\xb10\xdf\xb7S?jl\xcc\xcc\\\xeb\x1e\x0e\x842\xca\xcb\x833\xf10\x016\x94\xb1\x96\xb0\xf2\xdf%\xff\xdbD\xdf\x9f\x0f\xbc\x99\t="\xa0\x06\xba\x7fz\x04B\xa5f\xd8\xed\xf6`\x7f\xef\xdcw9\xc8\xb5&amp;c\xb3\x85\xc8B"%\xbc\xe3\xf3Ih+)%\x05\x9b\xdf\xb0I0\x8b\xc3\xe1\xe25\x1f\x08([`\xa29\xf8\xcb\x8fN56^~\x12\x8e\xc5\xc0=\x98\x85\xd6f\xe3\xe1\xde\xde\xb9g\x13S\xf6\xc9\xd9\xfe\xc5\xdd\x7fY_\x13_\xc3\x04%}&gt;\xf0\xd3Hh\xe2\xd9\x8f\xb7n\xdd\x9a\x9b~\x12\xba\x9c\xa3J\x85T\x05\xacof\x07\x06\xfaTPP?H]\xfa{\x19\xe7\x13\x9aH\x9e\xc5q\x13Kv$\xa5V\xe8\x10\xb4"\t\xac\xee$\x19\x86\x0e6\xb3\x04\xa6\xdb\x1cJ\\pa!9\xf4i\x8b\x9d\xc3\\\xf6\xd4z\xa8C\xd6cB\x10VrPp\x1b\xe2\xa5\xf4\xd2$R\t\x82Q\xc8\x9f\x83\x98\x83\x01\x13/\x89\xa7 H\xcb\xd2\x17\x97\xe94;\xb03l\xf7~\xdf\xfb\x95I7\xfb0vB\x87\xce\xa7\xbf\xdf\xef{\xbfW\xc1r\x91bN\xea8_\x08\xb4\xa9)R\xcb9AZ\x01\x07}\xb8D/\x19\\\xda\xa0[}\x90\xad\xbf\xb5\xc3\x84\x15\xaag\xac\x8f\x16D\xeaW\x18,\x83\x90\xb4.j\x85d\xef\xfc\xd3\xf0\xff\xe7\xab\xfd&gt;&gt;\xb0/\xf7I@\xed\x16\x11\xf3: \x88\n\x1d\x94\x0c\xe8\x87\xd5\xe2m\x8c\xe4r%o0\x128M\xce\t\xba\xf5u\x8a\x00!\xd5&lt;\xb4Zy\xfe\xdcG\xde--/\xcd\xf966\xc0\xf5\xecO_\x7f\xfd^\x92ep\xa9\xe7\xa6\xf5\xd1\xdc\xdb\xd9i\xddv\x00\x06\x9a\x7f\xee\xef\xed\xb6.J\x85f\xefd\x84\xf9\xfa%\x17\xbf\x05\x14\xe6\x14P:h\xbe\xe2.\xc5\xbc\x19\x8bEt\x95\n\xc39\x10\x90\xea\x99"g^\x96\xe5&lt;q\x11\xda\xd4\xfc\xc4\xd4o\x05\x94\xf3\x85\xd39\xff\x8f\xd5\x95\x95e\xdf\xb3\'0\xcf\xb7\x81\x87oncci\x0e](\x13\x96\xbf\x90\xb3\xccO\xa3\x1c\xb8\xf6\xee\x18\x0c\x8aa*\xee\xb6\xae\x87\x85J\xef|\xf03\xef\xae\x0f\xbf\xed@\xf7\xfd\xeb\xc3;d\x8a"E\xee\x9d\xd7\xa3YM\x8aD\x02T\x1eO\xc0\x13\x08\xe8\xcdr\xf1\xba+\xb3\\\xf2\xc1\x11\x9d\x84\xdf\x93\x91S\xd0\xcb\xb9\xba:Aw\x05:\xe7\xe7WW}O\x08k\t8\x10k{\x19O\xbfo\xc7A\xe5\xf5\xab#\xd3*\xeb\xd2a\x19m\x08\xb0\xcbN%I\xe1/\x03\xacH_\xb5\xffS\xfb\xf7\xe3\xd5\x11u\xdf\x87\x0b\xe8S\xbb\xa5H\xe5\xca\xfdJ6\x1b\x8dI\x92\x1ax,\x8f\x14-\xed\xdfu\xe2,W\\&gt;&gt;\xa23P\x80-.:\xe7W\x08\xe8\xbbU\xfb\xde\xd2\xd7s&gt;\xdf2y\xf8\n\xdb\xc4\xf6\x1f\xdfK.\x17\xb4\xf2\xf7\xab;\xd5CI\nWN\x1a\xfb\x0cv\xdb\xaf\xd0\xe0\xefC\xc0\xdd\xbd\xbbw\xb5\xc2\xd5y\xe7\xc7qK\xd21s]&gt;\xe1\x9c\xb7\xc8\xbdl\x16RI\x12\xfb\xa7\xeb:c\xe9\x95~\x03\xad\xe8\x92\xe5\xb0\x17\\\xd1c\xbaolADl\x91\xe4B\xa8\xe85\xba\xbe?\x83\xea\xb5\x8f\xdb\x10X\xb4\xab\xfe\x94\'\xa9\xfc\xfef\xd94GM\x8f\xaai\xa9:y\xb7\xb7W\xbc\xa3F\xf4\xfc\x90?\x1cdZ{\xc5\xd6\xc5\xf0\xe4\xbc\xf6\xab\xbd\xed\xc3\xbe\xf29C\xdd\x91{q\x99\xa0T\xa6RA\x15\x89D\xa4f\xb7\xd60\x8d4c\xe1g\xc8\xf1x\xb8}\xca\\\x8b\x00{\n\x1bW\xfe\xcaL&gt;\xdf\xeb\'O\xe6|\xcb\xf4\xaa\xe2\xbflocU\xfd\xe6\xa7\x03\xaf\xd7\xfb \x16&amp;}@U%\xbd~R\xce\xedc.R\xde\x93t(\x9d\xd3\xd7\xc5\xeb\xcb\xc1\xa0#\xb6\xfd\xc6\xa0_"\xa8\xdc\xe8\xf0&gt;\n\xf7b\xea\xb8$\xd2L\x8a\xdeC\xe53CQ\x80%\xcb.\x17\xd0\\\xf1\xb8\xdc^\x98}C\t{JS\xd5\x89\xf3oe\xf59\xe1&lt;\xf3\xad\xac\xd2M\x80K\xdb\xf4\xb2\xf5\xb57\xbd0\x07\xcb\xdfl\xec\x98\xb7Ml\xa8I4\x10\xd0*\x90\x88\xc0\xf6\xaf/;M\xcc H\xd6\x00\xd8\xdd\xbb\xd1\xe0\xe7\xdf\xfd\xe6+\xc7!)\xd5\xca\x9c\xf7\xa2\x14)\x88\x13\x88\x90s\x82K\x8buK\x10J1\xdcnE\xd9\xef@) \x01-\x1e\xd7\xda\x94/\xc2\xe2\xe0\xd3;\n\xacr#b\xd7w.\x7f\xf7\x8a\xa8\xd6\xd6\x8e\x0e\xc2^V\xcb\xdb7\x83\x99\x02t\xc1\x0cD\xd2=jJmbr\xb5\xb8-\xe1e\x00\x7f\xd3#\t\x8b\xd7\xe5Q\xe9\xd7\x1f\x1d\xefZp\xef\xa4\x12\x8f#R1\xb4\x9f]\x01\x98\xa7\xc5\n\xc3\xdc\x99\x1bP\x8a\x1b\\\xc0\xf2{]\x0c\x85\x8a\xb5E\xee\x17\xbf\xe5n\xc4\x88x1\x8f\x8e\x9c\xc7I\xfers\xf3\x159\xb8\xf6&gt;\xef\x95\x05V\xb3\x114K1\x9d\x99\xb8\xd0\xe0\x81\x00y\xb9\xb7\x87\xf3\x04^V E\xf2\x10\xf1\xdf\xbf\x18\x8d&gt;8\xd8=\xc4&lt;\x8acFc0=\x12\xa3\x8a\xdewn\xab\x96\x82\x9a$*\xb7b\xd5\xc2!\xc6\xfd\xc6;\x00\x00\x04!IDAT\xbf-\x18q\x1d\xdf\xd0\xf67;M\xb7o\xd2l\x9d\xe0\xd1J\x87\xd1\xd6\xe6\xab\xad\xb5\xb57W\xc9\xb0,\x92\x15\xeaW\x83V\xa6t/\xfd\xf0P0\x93\x06\x04y\t0\x8a\x7fW\x87\x99\x87\x83\x1c\xe4\x1b8\x06\x85\x08\xb9G\xf6E\xa4XL\xa2.$.\xc4\xbcj\xadO\x8ab.\xe3\xba\xeb\x0f!\xbc\xb2\xad\x97v\xf0\xf6\xf4\x94\xa2?\xcd\xd1\xa7\x19\x86\xc5bz\xfa\xe9\xcb\xad\xcd\xcd\xad\xb5\xf7=\xc9\xcbb\x81\xaaY\xb6\x0c\xb7a6:\x94.*\xee\xef$\xab\xc6\xdeav\xa1\x13\x0b\x15,\xb0\x18l\xfb\xd7\x8el\\D*\x12QUz&amp;0\x8aT\xe6LY_\x17XnQ\x8aq\x19\r\x81\xcbkc\xb9\xe4\xfc/\xa7\x046-\xae\x13\x17\xf9Bmaz\xd1\xb9\xb5\xf5\xf2\x08Ry\xed&amp;\x0c\x85\nU\xa4\xd3=\xf3\xf1\xbf\x97]4#BOsg\xec&amp;\xc7\xbfE\x92]_\x16\x9a\xaa\x9a\xc7`s0TL\x8b\t\xbd\xa0\x93\x16\xcdv\x879\x0bHc\xad\xc6`\x8a9\x94B\x00\xf3\xba\x84`\xb2\x9c\xbc\xe2;r\xc5\xa5\x0f1-\x80\xf2[\xe7\xdf\x8f\xae\xf2R8\xecG\x16\xc1\x84\xdd\xe1\xe4\x8c\xa8f\xdc3g\x99\xda}\x84\xa0&lt;\xe0A\x07P\xc6@\xe9\xa9\xf3\xb4\xa7q_\x80\x95\xf5\x81C\xd2T5\xc6X\x00\x03S4JJ\xa5I)E\x18\xf8(W\xda,5C\x0c&amp;\x14sy=\xed#\xac\xf34\xf0g\x17\xe8J\x83j\xf6\xa6\x9d\x97B\xa0b\xa1\x00\x95\xd2\xcb\x04%\n\x8b|W\x17V\x02-`\xbb\xe9\xf1T\x0eG41X1O\xd2\x11\xa30\xc5\x18\x0cH\xd9,A%\x12\t`\xad+\x0c\xa5(\xeeIjEz@/\xc1\xe5\xf7\xd2\x08\xc3\xa9\x92\xea\xdd\x90R\xdf\xf3oG\x08\xeb\xed/\xc7I\xcdo\x17C\xa5\xa4\x93\xea#\x96\xdb}\xd6\xe8Wh\xb1\xa7\x80Q\xcf\x07X7O\xca\xd3\x1b\n\xb0a\xa1\xe9\x80w\x12y\'E\xc3B)3\x9d\xb0\xb1&amp;m,\x1e\x0fB/\xc5\xbc\xedbs".\xb6\xd2%k\xf9+\n\x16\xdf_\xbdp\xfa\xb6}\x10\xd0\xc2\xde\xcf\x94J\xa5\x9a%AE.\xba\x91\xfc\x19\xc3,w`\x95M\xe5y(U\xa7%\x8c\x15sD\xec\x16\x8c\x91R\xc3\x8c\x99\x08\xa2\x12\xe3\xb43\x95\xf2\xc0\xa6(\x86\x95\xa95C6\x17\xcf|\xaf\xde\xbe\xf9\x03\xb0f\x17n\xae\x8e+X\xd2\xc2\x9c\xf31U\xa8&gt;2\r\xe3A,*\xc30p\xe9\xa3G\x1e\xa1\xb0\xd4\xe1\x04&amp;0\x9c\x97\x04\xe6\x88P\xd6\x19\xea\xbe\x94\xb1\x00\x05\xa9\xd2\t\x9bJ@)\x93\xe9\xf4:\xfd\xe96\x8ct\xda0o\x0b!;ad%\x8e\xef\xfc\xd5\xc2\xec[b\xa23S\xfe\x92\xaa\xd083\x0c;\xf0\x02\xca\x8d\xcf\x8c\x99\xeaeW\xd3\xc8K\xc0xRb\n\xc0PUc0\x87\x18\x9dQ\xca\x94\x19\xe4b\x0b\xc7=\x08\x180\xa5\xc9\xd8u\xc5 \xacD\xc2\xca\x95*\xa4\x17sQ\x85\xf5\x83^R#\x99\xe41\x12\x9c&amp;(\xfd$g1\x95\xc0""\x9a\x8038\xcf\xce\xf0\xafH*c\t\xa8\x00\xcd(q\x907\x1c\x02\xea\xbe\x06(\xf2\x8f\xe5z\xa4\x9a\x9cd\xa24+\x08\xa5(v\xf8.\xf3\xa2\xaf\xfb\xd9H{61\x9e\xf7A\'\xc1\x15\xd2\x0b\xb7\xc2\xc0\x87l\xd1g"\xa9\xf8?"\xfb\xf7\x123\xf1xR\xb1\rK\xf4HIu\x87\x08U\xd9L\x07\xc7\x95x\x9cX$\x95p5\xcd\xb5\xbe\xce\\;\xc1 \xc2\x11\xe6\x99O\xc7\x91L\x1b\x8f\xebs\xa1\x08*\\\x1f\n\xa9X$\xd1\x85\xfc\t\xa7\x94&gt;(\x0f&lt;\x9b\xec\xfdN\xe5\xbeEi\x0e\xa2\xead\xacG\xa8\xcf\xb4\x82&gt;AK\xd8\n4J\x1c\x9e\x83A+\r\xb0\x9d\x1c\xc0\xbc$\x93\xcb.&gt;f8t\xe4p\xb8\x8eT\x18\x86a\xfb6\xf38 \x84\x8f\xd4&gt;\x86aU\x87\xdd\xa8f/RH\x18AabE\x1c\xd1l\xac\x9f\x0bb\x8b\xdd\x19SMN\xf2\x03\x0cA\xfa\xf16\x16\x99\xb9\xae\x90dA|\x90bV\xf5\xb2\xd3\xbdoFe1)d\xef\xb8\xc2z\xa5\xdb\xb9\xccY0\xdd@\x8c\xbe\xa0\x9a\xb1m\x84\x8f\xd4D\xf8\x8e\x1c\xb6\x07Ic\x91\xb0\xde\x89\xb1\x1e\xf9\x1f\xfc\x0f\xac \xba_\xa0\xe2\x00\x00\x00\x00IEND\xaeB`\x82'</t>
        </is>
      </c>
      <c r="M97" s="3" t="n">
        <v>45492.67600694444</v>
      </c>
    </row>
    <row r="98">
      <c r="A98" t="n">
        <v>250351</v>
      </c>
      <c r="B98" t="n">
        <v>1931</v>
      </c>
      <c r="C98" t="inlineStr">
        <is>
          <t>Luan Garcia</t>
        </is>
      </c>
      <c r="D98" t="inlineStr">
        <is>
          <t>L. Garcia</t>
        </is>
      </c>
      <c r="E98" t="inlineStr">
        <is>
          <t>ZAG</t>
        </is>
      </c>
      <c r="F98" t="inlineStr">
        <is>
          <t>ZAG</t>
        </is>
      </c>
      <c r="G98" t="inlineStr">
        <is>
          <t>ZAG</t>
        </is>
      </c>
      <c r="H98" t="n">
        <v>186</v>
      </c>
      <c r="I98" t="n">
        <v>13</v>
      </c>
      <c r="J98" s="2" t="n">
        <v>34098</v>
      </c>
      <c r="K98" t="inlineStr">
        <is>
          <t>Right</t>
        </is>
      </c>
      <c r="L9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aa9bc97c-a90f-409e-a459-1f4ffb1a93f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a7y\x1f\x00\x00\x00&gt;tEXtComment\x00xr:d:DAEewil2SDw:3479,j:8640573334177784359,t:24020218X\xa8\x8b\x83\x00\x00\x00\tpHYs\x00\x00\x0e\xc4\x00\x00\x0e\xc4\x01\x95+\x0e\x1b\x00\x00\x03\x00PLTE\xff\xff\xff\x00=*\x00H2\x06\x02\x01\x00@,\x00L6\x0e\x07\x04\xff\xfe\xfe\n\x05\x03\x00K3\x10\n\x07\x00:(\x14\x0b\x07\xee\x9bx\xf3\xf4\xf8\xfd\xfd\xfd\x16\x0f\x0b\x1b\x10\n\x00O:\x01T@\x1b\x14\x10\x19\x0b\x06\x00B.\xeb\xed\xf2\x00E1l9%\xea\x9cx: \x13C#\x150\x1a\x0f)\x18\x10\xe9\x93o\x005$\xec\x98ue?/\xda\x91pt?)!\x18\x13\xe8\x99uL2$"\x14\r\xec\x9f|\x83H0`:)\xf2\xa7\x88\xde\x89g\xdc\x8dl\xe5\x8ch\xf0\x9e|K%\x16!\x0f\x07\xc4nK5\' \xe3\x97s\xd3}[\xea\x8dk*\x1d\x17U0\x1f[6%\xef\xf1\xf4T5&amp;\\?02\x1f\x16\xd0xT\xdf\x93s{A+\xe4\x91mtP?)\x12\tW;+\x85O9lF4\x93O4\xf8\xab\x8faD4|UB\xd4\x85e\xdd\x82^\xbehF\xd7\x8ai\xee\xa4\x83\xacfKM9.N+\x1c\xa5pUf;(\xe7\xa0\x7f\x8fV&gt;zH4\x86ZD-#\x1f:-\'E*\x1dd6"\xd9\x85amA-\xf8\xf6\xf6\xe2\x87cB6/\xf9\xa3\x85fH:\xb3hK\xa4cI7\x17\x0b\xdc\x96v\xbc}_\x97W=tF5\x92eN\x9bgP\xf1\xa1\x82\xe7\xea\xefD1&amp;mL;^3 T(\x18\xe4\x9bx\xdf\xd8\xd7=(\x1d\xd3\x91rD\x1c\x0e\x8aK1\xd9}Ys[O\xc4z[\xa1U6\xf6\x9c~\xd0\x8bl\xe8\x94u\xa3]A\xcd\x83d\xbdrU\x9c_F\xb4a?\xab]&gt;$\x1e\x1b\xf1\x93s\xa1\x82s\xaeuZ\xaf\xb9\xbe\xcc}`\xcbqM\xc9\x88j\xb5oRSA7\xb5y\\\x02]I\xc4\x84g\x05, \xe3\xac\x94\xf2\x98w~]M\xfb\xfa\xfa\\-\x1c\xa7v^jSGe.\x1f\'M+\xef\xef\xee\xe1\x9a}]LB\x91^F\xe4\xe4\xe9\x10C,\xab\x897\xc1\xcd\xd1\x13N0\x88bPA[1Wo:fi3\xa9\x8b~\x98|m\xb9\x81h\x97\x839\xcc\xd7\xdb\x95rb\xa3\x879\x15bR\xe6\xe2\xe1\xa5\xa3\xa2\xd7\xd0\xd2\xae~g\xb6\xb3\xb2\xe4\xa5\x89Pe5\xcb\xc7\xc8*Y4\x92\x8c\x8a\xa9\xac\xae\xd5\xe0\xe3\xf7\xec\xe9\xe6\xb6\xa4\x86l`\xb8\xc6\xc9\xc8\xbd\xbb\xca\xb1\xad\xde\xe7\xeb\x8dvj\x80eX\x86\xa9\xa6\x8a{9\x98\xb6\xb5w5\'\xb0\x84rd\x90\x8d|r3\xa0\x97\x94\xd8\xa1\x89\xfa\xb3\x9b o_\xe8zb\xc8uTa^\\\xf0\xca\xbe\xb7\x97\x8dy\x81Ah}B\x01\x1f\x17\x8a;2\x13VGq\x9d\x98|wu\x8a\x8dGQ\x1a\x0e_\x1a\x11\xbc\x8czQLI\x84\x83\x81\x9eI?;f8Q\x8a\x7f\x00\x17\x10\xd1\xa9A\xc5\xa4\x99\xb5SF\xc8aT7sgpjg\xdc\xc6\xc2\xd3\x99\x80\xd6m\\FA&gt;\xf7\xdd\xd7&amp;KE\x9d\x87\x80L}w\xed\xa7\x8fz$\x15\xa9\x99E\xbc\x9fA\xc7\xa4@Ftn\rM?\xb7\xab\xa6:]^K\x07H\x06\x00\x00 \x00IDATx\xda\xcc\x99\xdbOZ\xe9\x1a\xc6\x9b4\x01B\x96\x05\x92\xc5\x85\x95C\x00WA\x19@\x0e\x83`\xe5 R!@u\x14\xd8\xca\x02\x11\tJ=uk;\x1eG\x03\x1e\nc\xe3a\x0c\xc9xj\xac\xed\x8d\x17\xd3I\x9ahcb\xecE\xd3\xa4\xbd\xe8E\xbd\x90[\xd3\x04\xafM\xe3\x1f\xb0\xb3\xdfo\x81{\xff\x01\xdbe\xf7+|\x18o\xfc\xe5y\x9e\xef\xf9\xbe\xa5\xb7n\xfdo\xc3\xbc\xc5\xe4p8\xb1\x18\'v\x07\x16&amp;\xf3\xd6\xff\xc5pb\xf7\xdf\x1d|=&gt;?;\xbb\xc8\xe7\xf3\xc7\xef\x8fFw8\x1b\x1b?\x16\x8ey\x8b3\xfa\xf5\xec2\x8b\xe3\xf0\xc2q\x02&gt;\xc3\x97g\xef\x0f\x0e\xdf\xfd\xf3\x07\xca\xc6\x8c\xed\xbf/d\xb38\x17\x80\xb8h\x10\x1b\x97\xc8f\xb3\xf1\xfc\xf1Q\xecGa\xdd9\xc8\x93\x08\x04\xbd\xd9l\xf6\x15\x17\x8f\xc7\xc5\xd8x\xe1\xe3\x9d\x1f\xc1\x14\xdby}L\x82L\xf0Ep1\x8c\xc5b\x14\xc9(\xe9\xd8\x18\x17\xbf&lt;\xd8\xe1\xdc&lt;\xd5\xe1\xc1y\x16\x19F\xe0Y.\x83\xcd\xb8\r\xc3b\xb3X,\x00B\xd2\x01"y\xfe\xfa\x86\x03\xb6\xb1\x7fP(d\xb9\x18P\x01\x05\xc2\xa1\xb0X\xf0b\xb3\xd1\x1b\xe9\xc6\xcb^\xbc\xdb\xb8\xd1V\x18=\x8e#\xab\xb8\x04\x0e\xbf\x1f`nS\x83\xa8(@d(\xf2\x93(\x1c\xdd\xa0\x8f\x9c\xfd\xf38\xec?\xf0\nc3\x18\x8c\x12\x14\x12\xab\x08\xc8b\x80\x9f\x0c6d\x1f\xbfI\xae\x1d\xa0\x82\x9cs\xd9\x0c\xd6\x7f\x04\xfa\xef\xb0(#\x81\x96\x81A\xfe\xf3\xa37\xc5\xb5\xf1\xf1\xd2D\x80}\x18\xfcv\x8a\x02\x18\xd0\\\xf1\xb10\x06\x03\x03$\x8c\r+q1z3\xb9g\xde?#Q\xb0X\x14\x08h\xc2w\n\x85V\xa1H\xa8\xe0\x97\x0c\x05\x07!\\\x18\x1a.\x8f8\xdb\xb9\t.&amp;\xe7(n"0V\x91\x89\xafK\n\xb4~\xb3\xb9\xae\xce\xef7\x0b\x84N\x1d\x9f"\xa3\xcce\xa0.\xc3\xb8\xd9\x83\xd8MP\xed\xe7I\x82KA\x01\xd3\xc4\x93\x8e\xea\xeaJ\x98\xf2\xf2\xe0\x93`\xb0\xce\xac\x9dH:1\xd6U\xc8\x18(_\xf1#\xda\xe5b\xde\x1a\xcd\x87M&lt;D\xc5\xd0%\xb5\x9d\x95\xee\x194\xee\xc9\xea\xc9\xc9\xeajx5\x94\xbfx:\xe1\xe4\x97z\x8c\x81R\xc6;\x8b\xd1\xce\xb5sA\x1a\xc0\xc2\xdb,\xbe\xf0iy\xb5{&amp;\xf3\x8c\x9aL&amp;s\xc5\xd7\xf0\x05\xc0\x92|FQ.\xd8\x18&lt;\xc3!\xcd7\x1df\xec\x984\x90\x10w\x16\x7f\xa2\xbc\xc1=\xf3\xac\x19\x06\x16\xbd\x1e}\x02\xdd\x8c\xfb\n\x0cYI\xed\x086\x86\xc7\x8fh\xf6p\xf4\x92$M\x90w\x9d\xa0\xb2\x1a\xa0\xf4\xcb0z\xb4\xea\xe1\xa3\x19q\x15\xc1\xca7\xbf\x95\x04\x03,\x1e\x91\xdfg\xd2\x9a\xf7\xc30i\xc2\xd9@\x05R5\x03\x8d\xcd6e\x83\x05\xad\x80\x06\x8aQf\xba\'!b\xdf\x92:\x06:\x86 \\\n\xc3!\x87I\xa7\x87\xe7a2\x8b1t\xda\xca\x99gz\x80\x99\x9az\xf8\x10\x96)\xc0\x02\xba\xe5\xa2\x95\x19*b`$pA\xe8\xd9\x0c\xba\xe5\xe2\x1c]\x86!\xf0\xd8D\xc3\xcc3$\xd4\xc3n4E\xb2)J\xb0R\xc42nwiKb\xa8\xff1^\xf6\x9c\xbe\xdd\xc8\xdc\xf8\x1a&amp;I\x1cK~\xc94/\x83T\x0f\xbb5\xb5bq\xad\x06\xc8\x8alH/J\xb1\x0c\xe5c\xa7Y\xe0T .\x8c\xab\x08\x1f\xd2v\xc7a\xee\x9c\x19HR!,\xcf\xe8mF\xb0\xaf\xbbV,)\x93H\x8a`\xc0\xf5\x10q\xa1A\\(\xf7\xca:\x7f\xd2\xc9g\xa3\xee"\xf2\xb4\x9dA\xcc\xd1\x02I\x8a\x84\x9d\xb3\xa76#\xf8\x07R\xfd^V\xf3\xf8qYZ\xacA^\x02\xa8\xd1V\xda\x92\x94\\]A\xa5\xb2^+\xd4a\x18\x9b\x8b\x87?2\xe9\x8b\x16)\x12\xf9\xfbO\x8d\xd1(ph\xc4\xbf\xffY\xf3\xf8\x17\x84\xe5\xa0\xf4\x8aN\x19\x8d6\xbd\xfe\x14a\xcd"\x17\x83\xc1\xa0TY7\xa6\xe01\xf88qFW\xa7r\x0e\xe1\x9e%\x1c\xe8Y\xf2\xa9T\xdd\xe0\xa0\xb8\xec\xf1O?UU\xa5\xef\x89\x1d\xf0\x03\xb01j\xd3\xdb\xf4\xcd\xa7\xa7WX\x9d\x80%u\x8dD\x14P\xa9x\x81\xa6\x1b\x0e\xe7\xce\xb1\xc1j\x12\xf4O\x03\x95J\x03\x16J\x80\xea\x97\xc7U\xe9\xb4\xc3\xa1\xd2\x00\x96\xd1h\\\x06.\xfdr\xd1D8\xbeA/\xa9\xab11\xc6g\xe38y@Ow1__@\xc5\x9b[\x97Z\x10\x95\xa6VRVSUSVU\x05b\x81Z\xa0\x15`\xd9\xa8\xbe/a\x01\x17\xe8\xe5jl\xb4\x880\x1e\xb8x\x9f\x16,\xb8\xd2\x10Y\x93ruN]\xc4\x12\x97\xd5\xc0&gt;\xbc{\x17\xc4\xd2\xa8\xa2S\x08\xcbV\xaa\x88\x12Veyg\'\xc2J\x8c\xc1\xcd\x9f\xb8\x1c\xa5\xc7\xc4w\x97\x04a\x1d\x98O\xc9\x8aTb\x89D\x92\x86~\x00(\x15J\xfb\x142q\x99:\xb5{\x9ee [\x14WP\nX\xc3"\x1eF\x97\x8b\x1b\x87a\x82\x18\xeb\x98oQ#,1L\x1a\x98\xc4b\rUZ6jN\x97\x8br\xf5d\xdc\xd5\r\rE\xac\x91\x91\x84\xdc\xaa\x00\xb9\xceh9\x81b\xc7Y\x9c\x88x\xfb|E\x0fkk\x11\x19pi\xa8\x8a\x07$d\xa2\xad\xd8\xa7\xcd\xa8O\xab)\x17\xa5.W\xa2\xde\n\x0fJx\xfc\x1d\rX\xf0h\x91\xc5E\xc3\xa1&gt;_1\xf20\x0eqm\xf1\xf4\xb9Rk\xaa\xd4\xf3\xf3\xfaV\xeaF\x08XO\x94.i\xe2\x81\xc1\x84sy\xe1C\x0e\x1dGO\x1e\xa2%\x0f\xad\xcd\x01V7\xa2\xaauP\xf9\x92\xa0\x96\x87\x82\x87h\xc1\xd98e;=\x85Bm\x9d\xed\x07\xae+,\x8b\xc1J\xf0\xb8\xc4y\x8c\x8e\x8dX\xc0\x8bX&gt;(yMw-\xca\x97\x04\x9d\x8ae\xb0\x19Q;D\xa3*\xd8\x92\xf0\xcd\xf4\xf4|O\xefB\x7f{\x11K*\xb5X\x86\xad\xf0\xbc\x8b\x17\xf6i\xb8&gt;\xbc\'q\xc2\xf0\xa0\x84\xd5\xadq\x14S\x9f\xbe+I\xdfK;T\xc0\xa4R\xd9\x1djU\xd4\xb7\x84\xb0\x16\x00\xab\xa9\xa3+\xd8\xa9\xb4x\x00\x0b\\\xe4\xf1\xe2\xd7_\x11p\x05$p\xd3\x98%\xb4\x96\x9b\x8b"]\x1c\x0e\x88{:\x9d\xbew\x17\xa8\x00\x076\xa8\xca\xfe\xab]\xed\xf3\xcd-M\xf7,\xb4\xc34u\x0ct)\x11\x96\xa7\xcd`"p\x85\xe1\xe3\xf5W\xc4\x9d\x0b\x820\xc8-\xa1@\xdf\x15\x96Zm\xb7\xcb\xecv\xfb#\xbbL\xa6ni\xb1\xab[\xd4/\x1f\xc9Rssk\xad\xedM\x03\x03.xuuI\xa5R\x8f\xc7\xd3\x06\x97mBa\xba\xfe\xe6b\xc6\x10V\x9b\x07a\xf9\x90cQ\xdf\xdc\xcaJj\x1cf%\xb7\x92J\xa5Z^\xca|&gt;\xd9\xa3T\xeey \xe4\xaa\x8f\x8cE\xe4\xf5\xf2\x88\xbf^)u%F&lt;m\xc3\x06\x03\x88\xfd\xf5\xfa\xd5\x82\x8dh\x1a\xb6$\x00k\xc5\xe7S\xa9\x97\xfa\x9eomm\xbd\xdd[\xdf\xdb\x1b\x1c\n\xf4\xe5r\xa9\x97\xea\xb9\xe9\xdcx.\xe0\xb5DD\n\x1e\x8f\xa7\xb3\x1a**\x04r8\xab\xbd\xdb\x7f\xb4\x85\xc1F\xe2\xf8\xfa/7;\x05\xc2\xd4\xe6\x19\t\x05\xfeN\xf9ZZ\xfa^y\xf7\xf6\xd6\x13m\x06\xeb\x98\\:\x10\x1a\xea\xebK\xbd\xb4/\xf5\xac\xe6\x02!eD\xa8\xe3\xf3y|&gt;_!\x14\n+\xe4\x9e\xc6\xbd\xf5\xed\xdd8\xd8h\xa2\x03+O\x18,\x89\xc6\xd0`.\xd5"\x9b\x1b\nyG\x12mcV\xa7\xb0\xa2^:\xe0\x05\xbdR\x8fd\xd3\xad\xb3\x81\xc1\xc6z\xbf )T8EB\x91\xc2\xe9\x149\x85\xf2\xc4\xe7\x0f\x1f\xb6\xc1F\x84u\xfd%\x9f7\x8dy\x1a\xbd\x83\x81\xf1q\xd9\xf8\xda`h\xc4"\x1f\x13V\x08\xb4u\xc1\x8e\xa6\xf6\xde\xd5\xe9\x94]\xb6\xd4\xebn\xf7J\xeb\xfcZ\x81@k\x86\xbe2\x0b\xacN\xa7\xb3\xe2\xc1\xfa\xdb7`#`}\xdd\xa0a\'\x9a\xc2\x89\xf5\xf5\xc1\xb5\xef\xe3\xe3}\x83\xde\x11\x97\xb4\xae\xae\xb3\xb2\x03\xce\xe3\x86\xc9\xfe\xde\xf9%\xf5\xcf\xbf\xfaZ\'\x1b\x82~\xc1\x84@\xfb\xa4\x12X\x9b\x06\x00\xb1B\xe8\x8c\x8c\xbc}\xf3yw7l"\xe9\xd8\x89\xc7\xa4!\xe1\xdd\x0b\xac\x9c\x8c\xe7\x86\x06\x1b\x07\xbc\xa1W0\xedMpS\xa8v\xcf\xea\x8d\x8e{\xff\x90\xcd\xbb;\xb5\xc9\xe4\x84?\xd8\xf4jaa\x01\xd5\xa9\xd2,HZ\x1f\xbcY\xfc\xb4\xbd\x0b\x0fs\xf4`\x85\x13\xde\xa1\xb5\xf1\x93\xf1\xb5\xa1\x10\xa4&lt;\xf0\xfc\xf9P{Gygy%`\xcd\x1b\x7f\xbe[\xe5\x98\xee\xdfL:\x93\xda\']\xa0U\xb1M\x83J\xb3\xb6B\xfevq\xf1\xf3n\x9c$\xffu\xfd\x05\x11;6\xc4w\xf7\xb6r\xdfO\xc6\x03\xaf\xda\xdb\x87\xd6\xd6\x86^\x85\x1a\x95\xe6\xcd\xcd\xce\x06\xc0\x8a:$Ui\xe3\xecfR\xe7\x9c\xd8t\r\x0e\xeey=\xca:\xb3\xb9\x0e\x16A\xe4\xc3\xe2\xe2\xa7\xdd\xb8!|\xfd-\xcf\x84\xe7\x9e\xf8\xf6\xde\xd6\xca\xc9Inhh\xa17\x10h\x0f%\x86M\ngr\xe2\xc5\x17\xf7\xeaRT#\xa9\x91\x18g_8\x01\xab\xcb\x9bh\xb3\x9a\xa0!\x9c\xc9d\xc4l\xf6\x0b~\xfbk\xf1\r`\xc5\x8fh\xf8\xc7\xd9\xd1e|w}+ur\xf2w\xa0\xb7uu\xa1\xd2\x15\xe1\x19\x08\x06?"\xf8\xd60\x0bOCE\xacrP\xcbo\xd6\xca\xb7w\xcf\xb9\xe8\x0f#:\xa7\xd6l\xd6z\xde,.Bs\xfdA\xc7m~\xb4\x00X\xcf\x1f\x9d|\xcf\xf5\xad\xae\xb6V*+\xdaD\x05\x92\xef\xb4H7\xab{\x8cpH\x8a\xcb\xc4\xb6L\xe5\x04\xc8\x97\xd4z?\xc7\xe3\x0c\xe8S\x1d_\x97|j6?\xf8\xb4\xf8\xd7o\xf1\x7f\xd3n6?i\xa7[\x1c_LR\xee\xa2M\xc3\xc2\x05\xe5\xa5\x11Iy\xad\xe3\x8fT)\x04\x08V@A;\xf2V\xc4\x0c\x16+\x88\xf2\x1a\x11+\xb48`\x85\xdb\x00\xe1\xf2\x12"\x14$\xa3\xde\x8d\x0b%1\x99\xb9\x8c\x8bI\x90\xd4\xe8B\x93\xd6\xd08\x0b\x93\x89\x9a\xb8\x19MS\xd3\x18\xba\xbc\xe7\x873\xff\x01\x1c_\xd6\x9f\x9c\xf3=\xe7\xf9\x9e\xe7\x81\xa9\x95f\xb8\xe6\x9f?\xabV\xb2\xa5/\x8b_\xd2ss\x89W#^\xf5\x1a\x15/$\xf0l\xdd\xaf\xc6c\xed\x0f\x9f\xc2\x92}\xbf\xeb\xdf\x0c7tb\xce\xa0\xcb\x9a\xa8p\xf2\xe8\xf5b\xf6\x04z\x11]\xd9\x00\xac\xb1\xcfMx3\xc3\x8c\xfe\tX\xc5\x8f\x8b\x9e\x85\x85\xd8x\x1f\x83"u8\x1ckRi_\x9f5\x01\x87\xf7\x0b\x0e\'\x9cy\xfaC\xdf\x88\x17\xb0l\xd2\xa1\xe1~\x1b4!ab\x82\xe0\x9e\xe6\xf2}\xbb\xeb{Sc\x7f\x8e6\xc35\x7f\xf8\x07k`!\x98\x08\x06\xe7\xe6\xe2\xe9h\x02\xb6zep\xaeN\xd5z\xe7\xfb\xff\xfc\x84C\xbc^dZ7\x046PJ\x19\xe1\xc2d\x9d\x06,S%R\x19K\xfe\xde\x8c\x8d\x0c\xf3[r\xc9WZ\\\xf4\x0c\x0e\x0e\xc6\x06D\xcf\x9f\x0f\x0c\xc4\x12o\x7fz\x1b\x9c\x8b=\x85=(\x13\x0e\xb7r\xba\xdeR\xdc\xc8\x89;\x87\xd3I\xa5\xe8\r\xaa\x9b;b0\x8c\xf0x\x82ldW\x95\xfc\xd0\x94\xf7\x9f\xff\xad\xf8\xb2\x805)\x12\xb5\xb7\x83\t\x1c\x1c\x88}\x02\xa4\x85\x054UPA\xe0z\xd25\xce\xc8!\x88\xbb@aH\xa5\xb0\x911\x80N\x07\xa3^ pmDVV~o\xca\xa5\xcd\xcf\x9f}\xd9\x03\xc0\xea\xbc\x89\xb6A4\xc0{q\xc2\xe1L\xd8\xef\xcfp8/\xba@\\n\x04\x06\xec\x90\xd5\x1a\xb2\xc2\x01\x14ZE\x8f \xb2\xdc\xb4\x19YiN\xb6\xe0\xf8\xf1\xf9\x0e\x16\xb7fff\x1e\xc0_\xe7\xe4$\xd8\xe4\x1b\xa8L\xc6o\xf4\x879\x9c\xef\xbb~x\xd3\x9ds\xbb\xd1\xb9o6+\x95J\xb3\xd9\x0cX\xbd\x10{\x11_\xf2CS\xb4\xf5\xee\xd7\xa5\xbf\xb1\xee\xd1\xb53Z-\xfd\xc1&lt;\xec&gt;\xe1\xfb\x00\xe5\xf7\x1b\x9d\xe10d+\xa8\x94\xe2n\xb0\xc6!\x12Jsh\x15\xb0\\.W6RI~x\xf7n\xb4\xe1\xcd\x88\xb9\xfb\x1e\xb2\xb5\xbd\x08&lt;t\x85\x82\xa5P8;\xeedn\xc2\x08\xe1\x87\xacq\xba&gt;)\xa5\x06.\x92\xa3\xbc\xaac\x8d+\xcdVt\xdbp\xf5\xf4d#\x1b\xc9\x0f/\x7f\xdd\xbdn\xf8\xfb5\xe6e%\x0bX[Z\xad\x82\xc5\xaa\xb1XN\x7f\x87?\xd3\x81f\x8ae\x04\xc2\x8e\x8e\x8e\xf9\x87\x9f\xde2z\x99\x08\x82cX\xc7\x13\x89\xf1q\xf3\x1b+\xf8\x08p\xf3\xd9l\xe4:iZ\x12\x90\xb3\x9b\r\x1e\xf5\x18\xcc\x7f\xafo\xb0 W\x10N\xa7\xdf\xe9\xf7\xa3\xff\x9c\xac\x0e\x0eh\xde)\xab\xb5\xc7\x94 p\xb57\xd7=\xa4D\x93\x05TR\x8a\xc1\xe0\xca\xee\xad\xad\xafK\xb8\xdc\xe9\x1e)e\xa7\x81X\x98\xf2\xcb\xa3_\xca\x7f9n\xb0P*\x96\xd1\xe8D\x7f\x9dF\xf4\x12&lt;l\x94\xc9\x8c\x87\xdb\xa2\xd8\x1b\n\x99\xcc\x83t\xbd\n)\xeb5d\x00&amp;\xd9\x05n~\xfd\x9a\x8f\xe4l\xb8o\xdf\xfeh\xa0\xba\xca\xdb\xda\xf9\xc9\xe5\xc9\xd4\xd9\xf6\xf6?\xd9b\xa1$,\xa3\xb3\xe3\xfe\x0bN\xc6(\x83\xf4\xd5j\x9e\xa0\x15(\x98&lt;o\x81a5\xd7\xb3\xc5\x00Lr\xef\xde&amp;x\x08&gt;2\xd2\x7f\xfa\xed\xdbY\xe3\xb0\xee\x1e\xcdg\xfc\xe1\xcc\x9d\xc0\xd9"h^\x01\\N\x16K\xc6\x92\xc9d5g+\xe75\xc7\xe8\x9c\t,\xcf\x88\x06\xe7\xcc\xbai5\xe2\x9e\xf6\x9eP\x86`@\x98CC:0\xa8\x02\xd3\x1ePmP\xbd\x06\\\x01\xb0\x1aW\xc4\xf2\xd6\xc5E\x174\xdc`\x11\xc5B\xb9\x9cN\x14J&amp;cu\xcc?}=\x7f\'Q\xc03\xa3\xb1\xa0Y\xa7&amp;\xb5\xb0\tj\xaf\x17W\xc7\xb2\xa2v\x9e\'0e7\xd6\xd77\xf4^Cn\x1f\x8a\xd80,\xcc\xd7\xa7\x17\x97\xd5\xb0\xd1(*.\xa2\x9dX\xefE\xc0:\x84d\xcd?\xecj\x17\r\xf4\x9dN\xe4\xa4\xa1U\x9d\x9a\xfd\xddw\xb7&amp;\x10\xb0\xac(Vh\x88ax\xc6\x93H\xe4{\x1b\x7f\xacoP\x91g9\xca\xf1\xf1N\x03\xb1\xaeP*\x99QT\xfa\x88r\xd1\xeb\xf2\xaa\xa1\xc9\x02\xac\x87\xf7`\x9f\x1e7G\xd3))\x8f\x06Tl\xef\xc4\x04B\xb1\xa25\xac\'\x0b\xb0|\x91\xf5\xeb\nU\rg\xb8\xf5\xfc\x97\x06bU\xab~\xbf\xec\xd0)\x02\x1bX\xdb\x82\x11O\xd7\xa2E\xac\xc9X\xf4\'\x0f\xe7\x9d\xda\x81\xf1\x84cs\xb3d\xe7\xb6\xdc\xfa\xd7m\xb6x\xc2\x8d\x93\x9a\xc1\xc2\x86\xa4@\xc5\xe3\xd7\xb1\xd6+&amp;\xae\xf7$\'=h\xdc\x13\x1e\xa6\x9c\xa9\x1a\xe1\xd8k\xed,}\xd9\xda\x82\xe3\x07UW]\xf1,\xfa\xfc&lt;\xddI\xefL\xd9\xd1I\x9e\x95\x93Zn\xddj!\xaaq\x0cX\xb4\x83\x89:\x16\x9f*\x91,\x81\xb6v}\xcf\xbc\'n\xcaN\xe3l\x04f\xf4\xb0\x8aNsz\x1b`i\xb5u,V\x9dJ\xe1l}@\xbf\xd79\x18\x1d\x16\xb8$T\xb9\x8a\x84\xbd}\x9b\x86W?\xd3\x81\xb4\x82\t\xb3\x14U\x16\x9f\x8fbE*K\xb6\x93\x93\x93\xc2_\r\xc4\xba\xfb\xd5\x0f\x827v=/\x9em-ON\xb6\x01\x17]\xc1B\xa5E\xa7k\x97\x03\xf1\xa8\xdde\x92\'gg\xa7H\xb7o\xb5\xd0\xf0z.S7\xb4jV\x9a\xa5\x86\x1b,S\xe5zwo\xc9vzr\x92[o\xe0;,\xa6,\x03,\xce\xc5\xebb\xe9\xe32j\xb8\xd0\x84A\xae\x14\n\xfar\xc0\x12\xd5\x0c\x03\xd5\x94\x90F\xa4\n\xd9\xb7[\xd8b\x82\x9e\xcfc\xdat\xab\xabR\x1bS\x00\\h+\xee\xfa\x96(\xa7\xa7\'\xb9\xcdFb\xbd;2\xca\xfc\xd5K\x8e\xa7\xf4e\xb2\r\xb8\xc0\xd7\xb0\xa0\x8e\n\xadG\xe3\xd0\xac\x0e\xf7\xcb\xe5\x12\xaa\x9aHT\xf1\x11q\x0bVL$\x12\xf5z\x1e\xf3\x198S2`I$&amp;\xdfne\xc9U\xf8vzZh$\x16\xf4\xa2\xcc\xc8\xa9^\xb5j5g\x01\x8f\x08\xa5B\xb1\x14\nX\xfc\x1d=\x02\x97\xcb\xc4\xd4\x85B8.\xcf&amp;\xc5y\xd9X\x1a\x8dM\xc2\xcf\xce\x12\xd4\x06\x83A \xa1J\x04\xf2\xbd\xdd\x8a\xcft\nQ\x884\x14\xab|\x18\xae\xc2\x94\xd0\x96JqO[\xa7hrY\xab\x80\x1fO\xca\x9e\x95\x0b\xf4\x02A\x8f2\x16\x8b\x05\x95\xe3\xe6W\xc7\xdd\xb9\x89\x16,\x96&amp;|,\x14\xe2\xb9L\xa6\x1cj(\x10\xf8\xf6*Krw\xc1P\xb0\xed4\xd2\xd0C/\x02\x16\xc7\xd8Q,\x15\xe3m\xa26\xc0\x9ai\xd3.\xc7\xd7zLz\x15UB^]\xb8\xba\xba\xbc\x0c\xbe9&gt;\xee\xde\x07.1\xb6\x05K"\xd1HxXzP,\xf9\xca\x92\xcf\'\xe0\x8e\xac\xf5l\x94\x1bi\xb70\x98#\x7f\xf5\xaa\x1a\xbew\x96\xcf[\x02m\x93\xe0&amp;\x02"m\xc0\xee\x12\xc8\xf9|\xb2.\xa4\xbc\xb8\xb8\xbc\xb88?\xde\xdf/\x14\n97A\x8c\xc5bIl,\x1b\xe1\t\xa0\x8a\x82dreeI\x82Lon\xee4\xd6\xcf\x83\xb8\xaaW\x9c\xf0\x93x)_L\xb7\xb5y&amp;=\x81\x19Oj\xb8G !\xdbV\x95\xcas4\x8e\x8f\xf7O\x0bn7\x82 ^"\x8dM{L\xc3\x8a\xf1\\&gt;\x0c\x08U2\xa9J\xfa\x04\xee\xe9\xcdH\xa3_\xc9F\x8f\x8cF8\x9b=g\xa5R:\x10\x0fx\x02qO:j\xef\x91\xf3\xc9\x06i\xdf\xfe\xfe1\x1a\xfb i\xf4cRbq\x0b\x1b\xba\x91\xc6&amp;\xe2\xd5j\t\x95\xfa7\xd6\xf4\x88\xfd}\xa3WE\xcc\xd7Z\xed\xf0\xf0\xf0\xcbA\xa9dI\xc7\x8b\xd1T&lt;\x9d\xd2\xd8\xe5.&amp;\xd7]\xd8\xdf?\xbf\xb8\xbc\xbc\xba\xbc8?G\x0bY@\xbc\x13^\x02\x81H"\x11\xf1z=\x95\xaaG\xb1T&gt;\xf9\xb4m\xad\xd1\xcf\xfb\x18\xcc\xe8Q\xedP&amp;[.\xe55\xd1\x94%\x1aMA\xd8\xfb\x05&amp;2\xd3\xf6&amp;xyuuUm\x1f\x00\xd5\xa3\x02\xeb\xde\xc7Ms\t\xf8:\x16\x1e?\x8b\x9fU%US*\x9f\x899\xbc^n\xf8\xa6\x88)\x1f\x01\xd6L1\x9f\x8f\xa6\xa2\x9a&lt;\xe0i4\xfd \xada\x8d% \x9a\x87X\x16\r\xc0\x8c@\x1d).\x87\x10\xf0x"QL\xc4\x0b!\x1e\x8d\xa9~\x9c\x9d\xf2\xedm\xbe/7\xe1&amp;\tf\x97\xec\xb0V\xcc\x17\xa3\xd1&lt;0\xe55v\xc7p\xaf\xc4\x1e\xb5X,\xf1x:]L9B!\x9d\xc1f#s\x11\x02\x1aD"\t\x8f\'\x91\x1e\x0b\x1f\xa9\x92S\x80\xb53\x8ai\xca\xa7\xfb\xdf}=\x94iK\x07\xc5\xbc\xdd\xae\xd18\xb2\xf65\xbb\x86\xdc\xefH\xa5\xd3\x16Kt\xb5G.\xd1\xcfR\xf1$\xe1\xec,\x11$E \xe8\xf1B\xa2P\x88\xa5\x91H\xc2\xb1\xe4\x18\x14\xf1\xb7\xe6|\xe5\x00\x83\xb9[&gt;\xda&gt;8\xc8\xe7\xed\x0e\x87}\xadgmxx\xb8\xb7\xdf^\xb4X\xe6\xd2\xd1\xd5^&gt;^L\x12\xd2\xb0l6\tjG\xc0\xd7\xabH#\xc1\xbc\x7f\xfchj\xecG\xc0z\xdf\xa4oB@\r\xee\x8e\xee\x1c\xfc\x9f\x97\xf3\x8bi*\xcf\xe28\xce"eK\xa1\xb7c\x91\xa1@\x91\x96\xf6\x9666\x8a-i\xa1\xed"W\xa8i\xc92\xb40\xf4\x9f@\x1a\xc0\x820\x14,\x10B\x93\x8a\xb8\x12\xe8\xa4\xe0\xc0D\x84\x04\x85\r\xf1AM\x89\xc0\xb0!\xc2h\xf9#1c0\xc6\x0c\x89\xd1\x173\xc9\x18\x13\xe3\xc3\xa0O\x13\xddsn\xd9\xcd\xee\xdb\xce\x0e\x97\x13\xda\x04\x9e&gt;|\xcf\xf9\x9d\xdf\xefw{\xbe\x1doi6\x03\x11E\xd9\xedf\x8a\x1al\xf4\xfb\xe1dS\xd1B\xe5wv\xa6\te\xb2\x8c\xb4\xe3i\x00\x05\r\xc2`\x80\x8e\nr\xa9,\x16\x95\xd3\xf2p\x819\x83\x06\x8b\xfb\xee\xd5\x9d\n;e6SF\xaay\x8a\xd2\xdb\x1a\x1bK\xc5]\x81+W\x06\xcdpoUX\x81\xc8\xaa\xd0\xa6\xa7\x1bd\x90=\xfa\x03\xbc~\xa1\xc3\xedU9\x877\xe6b\x98\x0bV\xc7\xab\xef\xc7\xcdu\xd4U\x8a:g\xa6\xf4:\xfb \x96&lt;\xbc\x1aZ\xceQF\xa3Q\xe1\xb2ju\xf9:k\x1a\x10\xc9x\x1c\x82G\xf05*\xa7J\xe5\xbd\xf1\x9e\xd1\xe1\xe6\xb9[\xe3\xe3\xf6:}\x1be\xa2\x8c\xc5d~\x9b\xd9\xdeRQ\xd1\x10j\xac\x18l6\x1bADE\xbeH\xa1\xc8\xb7\xa6\xc1\xf199\x99\x9e\xd2\xd58U\x0e\xa7e\xe2#\x93C\xb1\xac\x82\xed\xd9\xf1f\x93E_l2\xea\xf1&lt;\xac\xa7\xa6`Y\xdei\xb6O\xd9E\n\xa3&gt;_\xa4\xd3\x8a\x8c\xd6t\xc4b\xc7\xc5\xc5\xb3i,\x95{x\x83\xd9\tu\xee\xdalsK\x9d\xc5K\xea\xf5$\xa9#\xf5\xa6\xb6\xb6\xe6\x16\x14\xcan\x16\xe9\xe0\xb4\xe0\x82\xc6nu\xa5e\xf0x8\xe6\x0fX|\xc0r\xbbol1\xeb\xcb`u\x0c\xdc4\xeb-\xa4\x97$\xbd\xb8\xdfu\xba\x8c7\xed\x94\xc8(\x82\x9c\x16\xebL\xc8\x85\x9f\x05\xcb8\x1c\x82\x83s\xf3D\xbf\xc3\xe9p\xba\'\x18\x9e\x03gMn\xcfR\xb0\xf3B\x83\x84\xf6\xe95\x18\xc863\xa4\xb3Mg\xa4H\x90OO\xba\\\x19\xb8\x06\xd9\xe8\xd3\x88b\xf5k\x9c\xee\x8d\xc9\x18f\xb1\xb8\x0b\x1b\x13\x16\x8b\xc5\xa9\x826\xd5\xa9\xd1t\xbaLm&amp;=\xa9\xaf+.\x06\x01I\x13\xa92h\x80*\x19-I\xec\xf88\x0e\xbf\xdf\xe1P\xa9\x86\xdf3=\x9d\xce\xaa\xdd\x9a(\xb6\xb8U*\x87Ae\x80\xbd\x864\x99H\x8b\x8b4\x99M\x9di W\'4\xabd\x1e\xc1\xa6=\x11q\x1c\xb6\xa4\x1f\xb8\x9c=[\x8c\x0f\xcd\xb3\xd6\x1eL\xb8q\xb0A#\xd4\x08%B\'(\xd7\xa9\xea$\xdbL\x9d\x19\x06\x10\xcc #\xa0/\xd0\xfe\x83xv?\xd1/\xe9\x97hnl\xacr\x99\xc6\xe2\xbe\xbb\xddc\xf1\xba\xdd\x1a\x89L(!x\x1a\xaf\xd3\xa0R\x19\xbc\xdeN\x83\x107j\x83\x0c\x96 \x11u\xb4\xb0\t&gt;\x1fK\xabg\xe0\x1d\xe3X\xd0\xe8\x1f\xde\xf0:\x9d\x80\xd5/\xe1p\xf8\x12\x8d\xc6\xa1\x11B\xf1\xc3\xe1]\x06\x02\xf2\xd8\xf1\xf1\x04\xe6\x90\xa0=\x82\x90Dw\xcf\xc0\x02\xe3\xc6\x07\xee\xafO\xbe\xefq\xab\x9c\xfd|\x1eZ\x00\t\x02`$2\xa8~\xa1\x84\xc3\xe3\x11\x04z~\xa2V2&gt;\x9b\xcf\xe7\x83X\xc3=\x03\x1d1\x8c\xc7\xafOB\xe3u^\x95\x83\xcf\xe7\xf18\x1c\x0e4\x01\x99D(\xe4\x11&lt;~\x1c\x8e\xed\xa3\x97\x06\xb0\x08\x82\x1d5/:\x00\xeb\xf6&gt;`\xcd}\xe7\t5\x0f{\x1d\x1a\tA\x10\x80\x05%D\xc8\xd0\xff\x17\x17\x1f\x17u%E-[q|&gt;\x16\x97\x066\xc4\xfdP\xeb\x87\xef\xaew5\x1aI\xa7J\x02Y\xe4\xf1\xd1\x9f\x88\xc6,x\xa7\x97\x1fB\xfd)\x8e\xcdG\xe3\x1dT\x1e\x1fVi\xdd&gt;a\x89C\x15z\xafJB\xdb7\t\xday\xc7\xe6\xa0N\xd1vE\xafB\x02\x17"\xe4\x17[[\xdd\xc0\xdc&gt;`\xdd\xbf\xee\x13_1\x9b\\\xc2d6\x1c\xa8\x08\x0e\xba7i.\x0e\x7fW1\x0eAg\x11}+\x19i\xd0\xd3n\xcd1o\x8d\xaa\xbd\xef\xf3y\x02#-\xc5\x068\xbd\x10\x1c\x1e\xd4\x17\x07\x07\xb6\xe0\x8dGk\x86\x9ba\x1c\xaa\x08\xc7@\x19bQ\xb7\xf6A-\xc4\xf2y@/\x1d\x1c\x8d\x01\x0bh\x08\xc4\x82\x132\xed\t\xa1mm\xf1h\xba\x83\x13*\xdc7\\:j\xfb\x07\xe6\xd5\x1a\xbb\xff\x95O\\\x16\x80\xbb\xbe\xc8\x057.\x1e\xb6\x89d\x1cp\xe3\xe5b6\xa3\xd5\x85\xab\x00\xfeF\x8b\xb5/X1\xb5?}\xe5+,\x14\x8bC#\x15v\x003d\xe0\xe6\x0c\x04\xb9\xb9\xb9PNQ\xb9\xe2 \xbb\xc9\xbbb\x91\xc5\xe6\xed\xc9\x18\xe6k\xeb\xa7\xeb&gt;i\xa1\xd8\xe3\x11\x07\x1a+\xa6\xe0P\xaa\x83+\xf4)8\xfb\t\xd1\x0eB[;Q\xbd\xe4\xe4\xdcS\xf0\xd7t\x17\xa9\xbf\xba\x0fX1c\xa0\x16\xfd\xe1\xbe\xa7+\xd4\xd8\x08w\xfe\xa9\xa9\x12[\xa5"_\xe7J;\x05\x8a\xd1\xc5\x0fJ\xe5\xe6\xe2\xb3\xdd\xb4t\x97\xcet\xf3M\xed\xbe`\xa9\x8b\x04j\xa9Z\x0c7\xc4\xd0\xc8\xe0\xe0\x15|\x86S15E\x0f\x06Z\xcf\x9e\x028\x99\x0c\xa5:\x8b\x836V]\xdd\x83\xfd\xc1\xfa\x87Z\n!\x80\xfa\x82\xf07\x8e\x8c\x84B\xa1\x91\xc6\x11\xb8\x93\x99\x8d\xc6J-&gt;\xda\x12\n\x11*-=\xdd\xaa-n\x9b\xdd\x0f\xac\x18\xc0\xcaT\xab\x0599\x02\xb5\x1a\xd0\xca\x02]\x81.O\x17d\xb4\xa2\xe5\x92\xbd\xc4V\xa3\xa5\xef\xfag\x81)\xfd\xf8q\xabNA\x01\x16\xe3_\xc5\xc0\x02\xb5|Ri\x16`\xe5\x08|9\xea\xc2\xb221\xd4\xbf\xc7\x13\x08A*/U\x95\xd4\xb4\xc3=\x11\x84:\x0ea\xb5Z\xf3\x15\xe6\xd97\x93\xb5cL;\xac\xb9\x98\xc4\xac\xacD\xa0\x92\n\xe0\xa5T\xe2#q\x0f\xd4\xd9E?~Z\x97\x8dX\x00u\xfe\xfcy\xed5\xad6_d\x9e\xdd\xfe\xb8\xb8\xdaQ\xcb\xa8V\x93s\xefh,\x94\x8bV\x0cJ\x9f\xae\xb2@\xe0\xe27}\xe5M%\xa9\xed\xe7\x8f\xa7\x03\xd4\xb5\xf6\xf6v\xc0R\x88\xa8\x9b\xb776n\xbf_d\xee)\x04\xb7\xa0cu\xed\xcdu\xa8\xf7,\xf4\x1fa\xf8\x8a\x94Xb\xd0\xc6\xc4\x80\xd5Pe\xabl\xd7Z\xad\xdak\xedg\xce\x9c\x01\xb0|\x85\xa8\xed\xea\xc3\x89\x89\x9e\x8d{\x8bI\x0cq\x8d\xa5\xac\xac\xbe\xd9~r]-\x15$&amp;"\x16\xfc\xf8\xa4\xeaB\xc4\x82\xc6\x1f\xb88\xd4d\xcb\x06,\x84J\x85\x000\xc42_5\xe9\x8a\x1f\xdc\xdbZb\xe6\xc6\xcfM\x9a^X\xfb\xf1\x8e\x07\xd5\x12@m\x1dC\xbd\x04\xd2\xa2"5$\x12\xc0.\xfa\x1b\xe4\'\xb3+A\xa43\xa9\xd9\xd9\'\xd1\xae\x15\xc5j\xd3Y]\x0f\xb6\xe6\x97\x99\xf9\xe6\x8a\xda\x94\xe9\xa5\xed)\xbf\xd2\x87m\x8b\xc6:&amp;\x80\xc8&lt;J70q\xe0\x9b\xfa&amp;\xf9I\x1b\xd0d\x9f\x94\xcb\xd1\x80\x04r)\x14"\xa3\xd1D\xa6\xbb~\x9e_\x9eg\xe4\x9bQ\xc6\x92R\xa6W_\xc9\x9f\x95\x16"\x95@\x90\x83y\x84\xd5(U+\xd1\xf7\x10\xb8\xe8/\xaf\xaa*\x91\xcbmryw7\x1a}\x90\x0b\xb0D"\x855\xdd\xb2\x15\\\\^\xec\xd8\xfb\xfb"\xab6\xa9\xa0u\xe1\xc7\xec\xbf\xe6)wk\xebX\x16\xc0\xd1\\PX\xca2\xba?\\j\xaa\xea\xee\x96\x9fnj:}\x9aN\xa8\x02\xb8\xf09\xdcDp&amp;\xb8\xbc\xb8:\xbd\xe7\\\xdc\xa4\xa4\x82\x94\x8e[\xa9\xbd\xcf\x94\x17\xb0o\x01V"b%\n\xa4\xb8?\xa2i\xa5o\xa8\xbc\xa1\xb7\xa9\xaa\xaa\xa9\xb7\xb7\xb7\xa9\xbb\x1b\xb0*\x15\nx\xe5\x93\xae{3\x88\xb5\xb8\xd8\xb1\xd7\xcbq\xac\x00\xb8\xa6\xd7j\xe4}G3\xb1o!\x16\xb4SAV\xa2T\x00r!\x96\xbf\xafo\xa8\x01\x90\x1a.#\x16\xadV%\xad\x96vx)\x0cX\xc1\xe5\xf9\xf9\xe0\xdc\x9e\n6\x06P\x98\xc5\xd9\xd4\xfa\xa3EY\x17\x12\xe9\x80\x14J\xe9D\x02VY\x19r\r\xd5\x97\x97\x97\xd7\xa3hh\x06DC\'\xd6\x96\xf6\xfdt8\x12D\xaa\xf9\xe5\xa5\x8e=\xdb!Y\x98B\x0c\x90\xeb\\ou\x11\xf4xHb\xe21\xc4\x92JA2\x1f\xfa|\xa2\\CC\xc0V\x7f\xb9\xe9\xb4&lt;\x9b\xb6\xe5"V\xcf\xc2\n\x8d\x05\x11\x9c\x99\x0fF&amp;\xf7\xe6\x83\x16nA\x01j\x05X\xad\x1d\x03\xdd\x80%\xa0\xb1P-\xfa\xc7\x07\rUIc\xf9\xfb\xfc~\xff\xb3!\xc0\x8a\x8aUYc\x84\x06\xf1qze&amp;\x08\xb1\x1c\x0c\x86\x97\x7f~\xb9\xf3\xdb\xe6J\xd2\x1f\xfd^,\x16+)\x12\x8cj\x85r-5\xf7E\xb10\xb0\xb1\xc2/R\xc4*E\xa7\x16D^\xde\xb3\xbe\xfa\xde]\xac\x1a\xe39\xa3\xe8\xfd\xf4\xfa\n\x88\x15\x8cD"\xe1\xc8\xe3O;\xb1\xb1\x9f=}\x1ci\xe5\xfe\x11\xcdXI\xe1\xc7O\x83Q(\x88\xd6\xb9\xb5\n%t\x06,z\xc4\xc2\x03\xa1T\xad\x8e\x16\x17\x82\xe5U\xe7=;\xf17\x9ctK=SYs\x0e\xe2\xe1B\xeb:\xe4023\x13\x0eG&gt;\xec\x8c\x8e&amp;$$\x1c&gt;\xf8\xe2\xedfx\xf2\xff{Z\x0f\xff\xceX\xf8\xe5\xd3o\xef\xce\xfcK\xad\xa4\x94\xd6\x8e7~(\xa7,:\x12\xb3\xb2\xa4\xd2\xccL\xb4\x94\x01VY5\x80U\x1f\xad\xfe\xcb\x89\xfa\xde\xd3r\x9a\xcaf\xa3\xa8\xd5\xd6\xd6\xf5\x950@\xad\x847wF\x9f??\x92p\xe4H\xc2\x81\xd8\xc3\x07\xef\xfe\xf2h\x1d\xc0~/\x1a\x8b;9\x03P\xdf\x1e\xda\xc5\xa2\xd1R\xa6\x17\xb6\xbbr\xbeN\xcc\xfa\xf7bD(,\xad\xea\xd2\xb22\x1cxF,\xc8!\xec\xd5\xd96\x9b\xcd\xb8\xbd\x0e\x85\xf5hss\xf3\xf1o;\xcf_\xbf~\xfe\x1c\xd4:\x02\x91\x10\xfb\xc5\x9f_\xbc}\x19I\x19\xfb=\xb9\x04\xa5Z\x83\xbf\xdc\x05\xa8C\x87\xee\x86\x93\xfe\x8b\xeb\x95\xe7k\xd8\xa4\xe9\xa2\x97\n\xd0X\x8db\x95\x96\x96)q\xdb.:\x9aw\xe22\xec\x8e\xb85\x96\x94\xd8n\xcf\x00\xcf\xa7\x9d\xd1\xd7\xaf\xe3_c\x00\x16ju \x01\xdeb\xbf8\xf8\xf9\x8b\x0f\x8fV\xc6\xfe\xd7*c\xb1\xb8\xad\x8f&gt;\xdcE&amp;\x88\xb7\xeb\x05\xff\x81\x05;\xf6+\xdf\x979\x82]\xb12\x8b\x90\n=\x8aJ\xac\xb4\x0b\x88U^%\xcfF\x13R\xd5\xcd\x81\xa5G\x8f?\xfd\x1dR\x87@\x18\xa3\xa3 T\xc2\xe1\xcf\x0e\xc7\xc6\x1e\x80L\xfe\xb3\x91\xf3ym\xdb\x0c\xe3x$$\x8a0\xdd@\x02I\xb7\xa4\x0c\x029\xb4\xdbi\x17_F\xff\x82\x9c\xda[\xd9e;\x0cV_\x96\xdb\x0e\xa3\x87\xed\x90[\x96^\x06Z\xc0\xb2\x85$\xa8\x8c\\\n\x15\x02\x13\xd2\x08,\x83M\xc9e\x12\xd8\x18vpP!x\x87\x90b;\x81}\x9f\xf7\x95\x92\xb4\xb0\x1f\x8f-\xeb\x07\x92\xde\xcf\xfb}\xbe\xef#\x89\xc46Ey|2i\xd7\xff\x87\xcb\xc8R\xc9\xee\xe9\xde^I\xd5\xed\x1bF\xc9E\x83\xd1h4\xdf\xbcx\xc4\xb8\xe8\xce\x86}\xb7\xfa&gt;\x84z\xb8\x89\x9b\x8a\xbb\x0c\xeb\xe7\xc7\x10\xea\xf1\xf7\xbf\xfd\xf1\xaa3\xb8\xb8\xda\xd8G\x80g\xff\x17Z\x80V\xe01\x11\xa2$I:\x81\xa9\xdd\xd3\xdd\xc6\x7fU\x8c;\x9f~\xdd\xeb\x9fq\xa5T\xc4U?i6\x19\x17jWo0\x9c\xf4w\xdb\xc7\xe0\xda\xde\xda\xdaF27\x1f2.\xd4\xd8\xad\xa7O\xbf\xb8\xb7\xbe~\xff\xcb\x1f\xbf\xf9\xf6;0\xbdy\xd5\x1b\x9c\xd9\x1b\x90g\x9f^\xae?\x1a\xf9\xbek#y\x12t\x92tQ4M\x9d\x04\x13Uu|\xc9r\xf9/J\x19\xcc\xe7\xd7T8d\xd8N\x1a\xc4e\xb4\x874\xbe\xc7\x93\x8e1?~\xfe\x9a\xfe\xebm{ks\x13\xe6z\xf2\xf9:\xfby\x88\xbb\xf7~Z\x7f\xf0\xec\xd9\xaf\x7f\xbe{\xf3\xaa\x99\x1c]\xe8\xdc\xde\x04f\xa5D\x15\x04Qd\xd9\x02\xa1\x01\x08J\x89&amp;\x13LV\xf7N&amp;\x9d\x7f\xf8\xf1A\xca\xde\xe0\xf4\xa4\xcb\xa88\x93\x8a#d\xf2e\xd2\xdb\xbd\xb0)\x07\xba\xac\xc1\rp\xfe\xe1\xf3\xf7\x8c\x0b.\x7fr\x1fXtOqw\xeb\x87\x83\xb7\xf3\x9df3I:\xc3\xabZE\x05.k\x94\x8e\xac\r\xcb\xf2\xc20\x8d\x98d\xbaN\xa6\xc7\xe9YFeU;\x19\xb6?\xf9\xf8JN\x7f\x8c\xaew\xfag\'\xdd\x92\x89\x0e`\x81\xe3\x04\xfb\xfc\xfc\xdc\xb2\xac\x1a\xf5S7Um|\xba\x9b\x18\xcd\x9d\xf9\xfc\xf0\xf9\xc1\x01\xee\x1f\x1e&lt;D\xc5\xa0\xc7\xa1\xd7\x87;\xcd\x06"\x19tu\x0c\xb7\x1b\xae\r\x0bI\xb40\x0bZ\xad \xf5\x1d:\x13y^\x17\xa9\t\x11\xa9\x04X\xf7\xf4\xe8\x83/\xde\x10\xd4\xef\xbbC\xce\xa4\x952\xc9\xb2\x82\xb7\x02\xa1\xa5\x9a\x1d\x8d\xc2e\xcezH`\x8a\xaa\x9d\xf5\x13\x03\xed\xbf\xdc\x99\x1f\xbf\xfb\xeb\xb3\xaf\xd6\xf1\xec\xb8\xfd\xfep\xa7a`\xab\x91\x0c\xafh\xac1\xaek2\xdb\xaam\xb8i\xd8\xca]\xd7\x8f`3K\x10p&gt;\x1d\x81\xae\xab2\x81\x91\xfbo\xd7\x03\xa3\xd3\xbf\xe8\x96\x8e\xaa\xb0\x14\x85\xb0dE\xb4c/\xf7\xbc\xe5*G\xe7(\xb8\xeaWg\x83\x1e\xb8\x0cp\xbc\x9c\x1f\xbf=8x\xc4\xa0h\xfd\xe8R\xd6Y\t\x10\x18\x19G\xa3\xc9\xf6\xd3 \xb2kn\x10\xb6\xd2Q\x90\xba\x92m\xc7\xfe\x08\x84:\xd2)khT\x1bW:\xdd\xa9w\xe0(^\x0e\xd42\x81\n\x0b\x08l\x8a\xb17\x9d\xce\x1cs\xb6\\y\x84\x85\xe1CT4\x8e\xb4\xcbv\x83\x05P\xf0X4\xe7PF\xd2\x1f\x83\x89t\x15j\x02\x83b`\x0c\xb0FN\xb0\xd3V\x18\xa4\xa3\xb0\x15\x82\t\x9fi\xea\xd9VlK\x18\x92h\x9f\x97\x03\xe8D.\xe75\xaa\x94I\x04\x91Hs\'\xf6\xb2\xc5j\xe5\x89\x8a\x18\xad\x16\xb1\xc9\x03L\xb4\x07R\xd9\x1d$\x15W\xa3\xc9\x952\xda\x17Wz\x85U\xeaU"U!DA\x98\xfa&gt;\xe5\x11Nk\x85\x91e\xc5i\x90\xc5\xd4_Y\xa5\xe4\xf5H\xa7R(.\x12Z\xa4F\t\rL\xf9\xcc\xc9\x8a\xd5LT\xccY\x1e\x8b\x9c\x88S15Q=z\x06\xd9\x89^uF\x05\xaf\x9b\xdc\x82\x8c\xabV%\xf26\x96`E\xa34u\x05!\x82V\x9e\xe7\xa6\xa8\x1e#\xcf\xd1E\xea\xf4\xdaM\xdddL\xa4\x80\xc2G\x1fA9\xd9r\x11;\xa28-\x961\xa1V@\x15\x93\xc2\xcc\xa7\x9d\r\x12\x9e;\x83\xb0\x92\xc9\x98\xce\xadWT&lt;j7ht5\xa4u\xdb\x89m;\nZ\xa1+I\xb6O\x92\xb9\xaek9\xa6"\xaf\xf5O\xaa\x81t\xd2\xaa\x16\x00\x00\x01RIDATG\xce\x96\xab\xe0\xb9\xcbg\xabb\xea`yQ,\x1c\x0esK\'\xceD\x93\xaa\x9d\xb6\xebF\x1dL\xf5z\xbd1TY\xf1\xd6%\x0e&amp;\x94z\xdd\xc0\xf1\tay\xae\x1f\x84a\x84=]\xd2\x8c\xd0\x82\xcc\xd1\xcd\xb5\xee^\xa9\xd3M\xa0!g\x96O\xa7\xcb\xa2\xc8VEN\xab\x99w#\x96RQUh\xf4\xd6\xba\x93\x1e\xc0\x80\x85\xba\x80]*\xb5\xf4\xdb\x82q\xc0\x9ap\x8d\t7\x05a\x00\xad$\x17\x9ayv\x84z\xe6\xc6\x96\xeb\xafi\x1fQ\x91LQ&gt;\xcd\xbc\x99\xb7(\x96YQx\x0cG\x17?p\x94\xcc\xea\x06\xaf\x1e\\b\xdcd\x1c\xd5\tk\xc8\xbc`\xa2\xd0\t\xa5\xb9t\xae\x98\xc0?K\xd1\xd8\x86\x9am\xb9\xaeS\xc3.H\x8d\xe7\x8e\xfc\xb0\xb5\x88@\xd8Z\xabF\x9e\xcc|\xe581\x90\xf2\x08`\xd3lY,\xa6\xc5b\xa6(\x1f \xf1Ls8\xbe\xc4j.\x13\x0c\x0e\x9bh\xbcs\xe8\x89P\xaaUy\x9f\x0bW\x8a\xc79\xe9\xaeK\xa0\x8a*\xa0zEY\x10\x04\x19Fh\xcb_\xbb\xbe\xec9\xf1\xcc\xcb\xa7y&lt;\x9by\xd9\x14s\xc7Z\x16S\xcfsh\xb0U\xe5\xa0J\x99,W:\xf1\xc2&amp;\x8b\\\xb0\xcb\xa3&gt;I\xcf\xba\t\xb9\xd8E\x8f\xd7p\xfdZ\xb8\n\xeb\x96vB\xb9]\xb2\x1dG\x8a\x91N\xffo\x01@\x9a\xde\xd1Kl\x84\x00\x00\x00\x00IEND\xaeB`\x82'</t>
        </is>
      </c>
      <c r="M98" s="3" t="n">
        <v>45492.67674768518</v>
      </c>
    </row>
    <row r="99">
      <c r="A99" t="n">
        <v>252781</v>
      </c>
      <c r="B99" t="n">
        <v>1974</v>
      </c>
      <c r="C99" t="inlineStr">
        <is>
          <t>Victor Luis</t>
        </is>
      </c>
      <c r="D99" t="inlineStr">
        <is>
          <t>Victor Luis</t>
        </is>
      </c>
      <c r="E99" t="inlineStr">
        <is>
          <t>LE</t>
        </is>
      </c>
      <c r="F99" t="inlineStr">
        <is>
          <t>LAT</t>
        </is>
      </c>
      <c r="G99" t="inlineStr">
        <is>
          <t>LE</t>
        </is>
      </c>
      <c r="H99" t="n">
        <v>180</v>
      </c>
      <c r="I99" t="n">
        <v>12</v>
      </c>
      <c r="J99" s="2" t="n">
        <v>34142</v>
      </c>
      <c r="K99" t="inlineStr">
        <is>
          <t>Left</t>
        </is>
      </c>
      <c r="L9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179db59-3bf1-4eef-a11f-03589926769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6i\x90A\x00\x00\x00\tpHYs\x00\x00\x0e\xc4\x00\x00\x0e\xc4\x01\x95+\x0e\x1b\x00\x00\x03\x00PLTE\xff\xff\xff\xff\xff\xfe\xf3\xf5\xf8\xf2\xf3\xf7\xf1\xf2\xf6\xf4\xf5\xf9\xf6\xf7\xfa\x00\x00\x00\x01\x01\x01\x04\x03\x02\x0f\x13\x19\xef\xf0\xf5\xe2\xe4\xea\xea\xec\xf0\r\x10\x16\x0b\x0e\x13\x05\x05\x07\x17\x1b"\xe7\xe9\xef\x08\t\n\t\x0b\x0f\xe5\xe7\xed\xec\xed\xf2\xb5\x82t\xb1}n\xed\xee\xf3\xee\xef\xf4\x15\x18\x1e\x12\x15\x1b\xb3\x80p\xa7uf\xd1\x9a\x8e\x1a\x1e%\xb8\x85u\xd8\x9e\x94\xd1\x97\x87\xdf\xe2\xe8\xafzk\xa3pb\xbb\x84r\xa7qc\xc3\x8e}\xb8\x82q\xcc\x98\x8e\n\x05\x04\xbe\x89x\xcd\x95\x88\xc7\x91\x85\xa0n`\xdc\xdf\xe5\xaauf\xde\xa6\x9b\x10\x08\x07\xc7\x91\x7f\x1d!)\xf9\xfa\xfb\xbb\x89}\xdc\xa3\x95\xc2\x8ax\xcc\x93\x83\xbc\x86v\xc7\x95\x86\xd3\x9e\x93\xc3\x8f\x83\xbe\x8e\x82\xadxi\xa2l]\xd4\x98\x8biD?\xa3uh\xd5\x9c\x8f\xfc\xfd\xfc\xbf\x86t\xd7\xda\xe0\x97bT\xc6\x8dz\xb0\x80s\xd4\x92\x84\xb6\x84y\x99l`\x8e\\P\xad|m\x10\x0e\r\xba\x89\x84\xf8\xf8\xf7\xda\xdd\xe3\x9ehYO0,8\'\'\xd7\xa2\x98\x97h[6\x1f\x1c\xd4\xd7\xdd%\x1a\x1b\xbf\x8c|\xdf\xaa\xa2.\x1b\x18\x92g]\x18\x0b\t\xa8xk\xb4\x87~\x9dqf\x17\x14\x13\xb4}l\xdc\x9d\x90\x94ng\xc7\x93\x8d^DB\xd1\x8e\x80M76 \x11\x0e\xc8\x8d\x81\x90cW\xa2yq\xf3\xf3\xf2\'\x15\x13A&amp;#Y73\xcd\xcf\xd4\xd9\x96\x89\xa9~t\xc1\x88}\xd1\xd3\xdb\xb2od+$$\xe6\xb0\xa8\xcd\x85v~VM\xe4\xe7\xe7\xe3\xac\x9f\xc7\x80r\xe9\xea\xeb\xee\xef\xef\x89haC/.~OG\x86WP\xce\x8b}j;4"&amp;.\xc1\x91\x88\xab\x81}\xc3\xc7\xcd\xbc\x8f\x89\xa2b[T&lt;;lMI`&gt;9\xb7\x7fp\xdf\x9e\x98\x9arp\xabeYH*%\xd6\x97\x93\xbd\xc0\xc6\xa4]RwXTeJJ\x7fZW(,4\x89`V\xb0i_6;&gt;\x95RI\xa2im\xbcyp\x83\x89\x8duHA\x87[^w?8\xc3\x82\x83\xd9z\x8c\xa8wxsNG\x8bNE\x9aYP\x7fb`\xce\x90\x8d\xdf\xd6\xd5\xd7\xa5\x9f\xc5\x9a\x8f?DG\x80`Y\xc5\x89\x8b\xbe~{wNPrvx\xb3\xb6\xba\xc9\x89~\xb4~\x7fFJQ\xe2\xe0\xe0\\^]\\cj\xc8\x84w\xb9th\xcb\x83\x87\x99ceoRR\xe3\xa6\xa2\xdc\x97\x91\xb2tv\xb3ukP%\x1f\xcd\x9c\x95\xe9\xb6\xb1\xc9\xb2\xaf\xc5zm\xd4\x8e\x8f\xcd\xcb\xcaPSU\x90\x96\x9dhmr\xc3\xa9\xa9\xef\xe3\xe0\xacpq\x8e\x8f\x8b\xc3wz\xd0\xbf\xbdy~\x85\xa6\xa7\xab\xec\xbf\xbd\x90eg\x93\\\\\xba\x99\x91\xdd\xc5\xbe\xbf\xba\xbc\x7f\x80}246\xbb\xa1\x9e\xde\xb1\xaa\x82G=\xe6\xcd\xc9\xaf\x99\x9b\x9a\x9b\x98\xa1\x8f\x92\xae\xb0\xb1\x8cnm\xf4\xee\xeb\x9e\xa2\xa3\xda\x90\x9d\xd1k\x84\xcf\x9e\x9c\x91@9\x9cJW\xae\x8a\x87]+$\x8eMS\xb7hZw/\'\xa1PF\xe3\xa0\xaf\xb9bn\xc2hw\x98\x83\x80\xaaWf&amp;\r\'b\x00\x00 \x00IDATx\xda\xc4\x99\xd1O\x1ak\x1a\xc6\xa17\xcc\xdc\xcd\xc9l\xa2\xc9\x89R%E\x11\x04Ri@\xa9@\x15\x84V\n8\xb0\xa2 - \x8e)]\xd1\n\x18\xdd\xd0\xd0D\x8fPc\x8f\xb1\xb8\r\xdbxz\x8c\x17\xdaMjwO\x88\xdd\x1cm\x0b{\xd3\x9b\xf6F\xd3d\xb98\xe9&amp;\xc5\xf4$n\x13\x93\xfe\x01\x9b}\xbf\x19\xd0\xf6\xb4\xbbW\xa3}\x03\x16\x86\xea\xfc|\xde\xe7{\xbe\xf7\x8b&lt;\x1egeV\x9b\xcd.5\xdf\xcc\xe3\xaby|&gt;\xefk\x16{{\xb5k|f\xe6\xd6\xce\xfb\xb7\x03\x7f\xcc\xcf\x8c\xcf\x9c\x9a\x9e\x81\x0b\xe6\xaf\xc7\xc47\xab\xc7]\xae\x81\xfd\xe2V\xa9\xb8\xb6\x9b\xd8+l\xad\x1d\xec\xec\x7f\xbf\xbd=&gt;1\xf05\xf52\xef\x94\xf6\x8b\xbb\xdfRP4)\xc0H\x9aN\x14V\x0b\x9b\xa5\xe9\xb7\xbfW\xabO^\'D43\x90\xcf\xdf/\x90\x14\x85c\x02\x0c=\xe0\x0b\x14N\x10\xf8\xee\xc1\xc1\xf6\xce\xb8\xf9\x84\x053\xbb\\\xae\x89\xfd\xad\xe7\x85\xdd\x04\x81hp\xec\xd3\xc2\xe9\xcd\xcd\x1f_\xe7\xd5\'\x8c\xa5\x9e\x9e\xd8~\x0eM\x13\x94%\x02\xa9p\xe2\x90\r\xde\xe3$)\xd8\xdb\x81\xb5y\xa2\x1d\x9c(\xbe.\x945\x12\xb0\x85\xe1\xa8\x93x\x05\x0b}H\xbe\xce\xe7\xa7\xd5\'\xb7\x1e\xc7w\n\xdfRtE\x99Ja\x02\x9c\xc4\x05\xe5+\xc8j\x02z\xb7P\xccO\x9f:)\xadv\n\x14{g\x01v(\x15\xf8\x9cP\x918AQ\x04\xbc)K\x86\x13\xab\xfb\xfb\x03\'c|\xd7N\xe1w\x82O\xa5\x82\xfb\xcbT*\x8a\xf6\xf9\x12\t\x1fE\x92$^^\x98\x18\x95\xf8qm\xfa$\x12\x7f\xfc\x97=\xb2\xe2\x1f\x01\x8b\x86\xbe\xe0*\x99\x8cN@\xf9h\x9a"\x89J+A\xb1\xd3\xbf\x98\x8f\xdb`|\xdet1q\x08\x85dBh\xb8\x0c\xc7\x00\x0b\xc7!L)\x1a\x8a"\x8e\x84\xc4\xf0\xe7\xdb\xd3\xc7,\x17\xff\xe2\xd67\xc4\x11\x15[\xb8L\x05vBX8d=\t6#U8\xfb\x9f\x18.\xd9j\xe9\xed\xf8\xf1\xfa\xaaH\x0b\x0e\xfbV.\xe4t(\x19*\x00\x93a\x8c|\x10cG+\x94Z\xdd\x9f\xe1\x1d\x9fb\xea\x83\xc4\'\x99\xc0HE\xaa\x08f)\xaa\x90f\x18\xb3\x0c\x99\xf7$^Y\xae\x80\xb9\xb9slX|\xde\xc0jY\xa6\xc3l@\xc9\xc0\xb0 \xb5\xd8}\x88\x8dT\x94\x18X\x05\x0b\x13\x90[y\xfeqQ\xdd*Q\x02\xd6\xe8\x04\xcb\x851\x96\x078$\x08\x811Wq6\x1a\xca\xd9U\xb1=\x9e\xd8\xca\x1f\x8b^|\xde\xcc\x16\xc5\xdc\nG\xb9T\t\x00F2\x84C\xe0\x15\xd7\x1dz\xaf\xc2\xc5P\xd2\xa5[\xc7#\xd6{\x9aQ\x08\x16\x1a\xf1\x1b\x7f\xb1*\x1d\x89#\xf8\xb4\xd8\x11\x83.M\x1f\x03\xd6\xa9\xb7\xbbx\x99\n\xff\xec\xc6lrb_b:b\xa5\x8b\xdc\xc7\x84\x19\xc2\x9dm\x16I~\xbc=\x7f|\xdf\xb2\x8f\xb0\xcf\x80\xca\xfb\xe6\xea\xf7\x1c\xdb\x8b\xcf\xbb\xb8)\xa8\x18\x8b\xf8_r\x94o\x8f}\xf1\x13\xc0:\rrq\xcc\xb5\xcf\xe6(FR\x1f\xab%\xf8b3\x7f{\t\xc7\xd9\x98H\x14oq:\xafB6\xec\xe2\xacVh&gt;\xc0\xfe\x1f\x15\xfe\x99Z\x02L\xc6\x0cb\x18\xb9\xf9~\x86S\xb5\xf8;\x9b8\xdbA\x92\xa0&gt;\xc3b\xa7f6\xc7\x98\xfa4r\xe1\xfb(\x12}H$\x8a\\n\xda|\xb3\xeb\xfe*\xba3\x047FP\xe5C\xc5\xc7nf\xb6C\x9c\r{\x95\xaa\xfc\xe6p$\x83\xb1\x8b\xc2\x19\xae\xc2E\x0e\xcd\x05Xk\x94\xa0\x9c\xdcL&gt;\x1cm1\xc0 SE\xfc\xfeh0\xa8B\x15\x0c\x06#\x91 *\x15\x00\xe22\x96\x9e\xa4IF\xcf\xd3\xef\xb9\xc4\x02k\x95]\x83f\xe32\x91\xac\x0c\xe4\x8de\xddq\xa3\xd1\x1d\xf3\xa3\xf2f\xb3\xf0\xd6\xed\x8e\xc7\xdd\xd9\x987\x1aQ\xb1\xfb\x00E\x13\x0c\xde\x1a\x87k\x11\x02&gt;!`\xbbB@\x7f\xd0\xd0\x87\x9a\x15\x8cD\xbd#F\xe3z:\x9dL\xae\x8c%\x8d\x19\xa31\x931\xae\xaf\xaf\x8f\xd9\x03c\x01O\xc0\x91N\xae\xc7\xfd*\xe6wP\xd1\x14\xda8\xb1\xe7\x13\x9ca\xa1\xdd\x90\xc4\x8e\xa8\xd0S\x15\x8cz\xb3\xf1\xcc\xc6\x8a\xddnW\x9a\xc4b\xb1\xc9~-\x10\x18K\xa7\xff\xe5\xf1(\xabmUU\xd6j\xab\xb5gp0\x1d\xf7\xcb\xd0\xb8#\xa3h\xc6r\xd4\xbe\x9a+.&gt;\xef\xfe\x9e\x80\xe9\x1c\xcc.0V\xc1\xcf\x0fz\xdd\xc6t\xc03d\xaa\xb6\xd5\xd5---\x9do\xd6\xd8\x06MCv\xf1\xe0\xa0\xd5vE\xa2\xd7+\xf4z\x83\xc6f\xd3\x98R\xf1\xa8\x0c\xbeAE\x05#A\x04X\xe0p\x90\xd8\xa7Y\x97#\x0f#?{\xdd\xeb\x0e%\x10\xd4\xd55OMI\xa6\xa6,\x12E\xbb\xdeVes.\x184\x06\x05T\xbbT*\rK\xc3\n\x83U\x99\x8aA\xb3\x83&gt;_\xd4\x1f\x01\xb9\xb0=\xae6 &gt;O\xbd\x86&amp;\x1a\x19\xb3\xb4"\xd1H$\xbb\x9e\x1a3\xf5X\xad\x1a\x83\x1ejt\xf4\xe9\xa8V!\x97*\x14\xd2\xfe\x9cN*\x95+\x14\xa3@\x16\x96\xbez\xf5*\xac\xa9\xea\x9d\x8b\xfa\xb3^\x7f\x9f;\x1b\x81\xf1\x15\xa3\x0f\xd4\\\xf5P]"P\x14 \x9dT^o4\x9bt\x8cM\xdaB\xa1\xd0B8&lt;\x0f\x0c\xa3@\xa5\x95\x0b\xa1t:\xa1P.\x94\n\xe5r-`\x81`a\x83\xad\xc7\xf1\xd2\x1fs{\xfb\x8c\x19o\x10\x8d\xd2%\x177r\x81\xe3\xff\x81\xd6R0\x1a\x81F\xc4b\xb1\x94gl2\x14r.,\xcc\x03\x16RK\xab\x05\xaa\xae\xae.![:TB\xd0\n\xf5\xd1P\xa5\x9c\x8by_zc\x1b\x1bY\xe4~\xb2t\x8a3\xac\x02:t\x81Eb\xd9l\xdcm\x1c\x0b\x0c9\x9d\x805?\x0fM\x94\x00\x95\\\x0eZuu\xe9\xea\xeb\xbb\x10S?T.\x97\xeb\xcf}\x00\xc1\x14\x86\x0b\xa9\xb9\x97/\xb3\xd9d:\x13\x83C\x1b\xb5\xe6\xe2\x14\x0b\xa8\xfcnc29\x97\xf2\xd8\'\xcbX\xe1\xb0~J\x02X"\x11@\xe9\xea\x01\x87UJ\x07X:\xdd\x070Z\xb8\xbd]s\xe9W\xe0z\x99\x1e3\xc6`-\xd2\x07f\xae\xbcuj\x0b\x92*\x08\tn\x1c3\r\xad\xa4=\xf6;N\xa7\xd3`00XmO\xb5"$\x15\xd2\xa8\x1f\x99K(\x87\x96\xc2\x0b\x90J\xde\xae\xd0+\xda\xcf\xfc\xf5\xf1\xdc\xdc\x9c\xc3c\x8cEd\xb8o\x9b\xbb&lt;-\x92\x08\xcb\xebN\x0eY\xad\x83\x10\x9fH\xaa\x05\xc4\xa5g\xb0\x10\x17\x08\xd4\xdf_\x0ff\x07\xbbC_\x85\xcc+X\x90\x12\x89B\xd2\xd8\xe1\xf8\xf5\xf1%e*\x1b\x95\xe1{\x13\xdc\xc5\xe9\x01\r)\x1a\x89\xba\xd3&amp;[\xc8f\xb5\xda\x9c\x86\x85y\xa0\x9a\xd2@\x0b\x9f&gt;\xbd}\xfb\x0f"\xe8\xa1\xae\xbe\xabS$\x97\xc3\x83Y\x02PR\x00\xd3C\x88]i\x1a\xee\xed\xed8s\xc9\x1dU\xe1\xab\x17\xb9\xc3z\x9b\xc0\xa9`0\x1aO+\xad6\x9b-d\xd0h\xe0\x01\xd5,\x81|\xb8}{\xf4rg\',\xc3N(\x91Ht\x19\x9e\xa2Nva\xca\x99l\xd5J\xceY\x86\x87\x1b\x1a\x8d\xfe\xa0l3\xcf\x1d\xd6\xc4*\x06\xe3\x8a7\x93V\x0e\x82V\x9a\x10\x10\xc1\xc6\x02i\ni\xae\x1d\xd5\x8a\x10\x0fC\xd5)d\xc0\xe4p\x050\xcb\x1dU\x80|\xe7,\r\x96\xa5t,\xa2\xda\xbd\xc5\x1d\x16\x8c\xcc\x11\x9f?\xbb\xe1Q\xd6B\xb8\xdb\x10\x92f\xca\xa0WH\x85\xaftB\xad\x16\xb4BH]\x10\x10]\x9d\xda\xcb\xa2\xcb\x97\x19\xb1\x18,Ew[[\xf79\xed\xb9\xee\xe6\xb6fe\xc6\x1f,Ls\x87\xe5z\xad\xf2\xf9\xfa\xee\xda\x95\xca\xc6\x9ej+l~\x1a$\x15`IQ\xa2C:\x00Q\xa5\xba\xd8\'J\x08\xe4{E\xb7\xc5b\x010\xa0k\xb6\xfe\xdc\x17\xd9\x9a\xe1p\xb2)\xf9\xbc\xde\xc5\x80\t\xb0\xce\x9e\xa9\xa9\xaa\xa9aZ8\xaf\x90\xfe$E\xd6\xaeommmiiiE\xff\xb4\xb6\\E\x95\xfb\x80R\x0b"\xe2\\\x9b\xa5\x19\x1a\xd8\xdd\xddfY\xaa\x0b\xccF9\xc5\xdaO\xf4\xcd\xbe01X\x17\xaa\xad=g\xaaQ#\r\xf3\xb0\xe9I!\xdb\xeb[\x18\x96\x16TWo\xde|w\xf3\x1d\x04|8\xbc\x00\xe1\xa6\xd0\x9foh:\xdf\xd4`ikk:s\xfe\xc6\xa2\xbf4\xce!\xd6A_\xdf\xc8\x93A\xb1\xb8\xb1\xb6\xf6\xec\xd9\x0b\x17\xce\x9e\xed\x01\x87\x85\x9c\xce\x05\xe7|X\xf8g\x1d\xd0\xbcC\\W\x11\x16\xbc\xcaI\xff\xee|\xf6\xe8\xde\xbd\x1b\x93w&amp;\x87\xec\x83MMK\rm\xcd\x80g\xbd\xdb\xc7)\xd6\xfb\x91\xd9\xeb\xdf\xc1\x10Z[+\xee\xe8\x10\xd76*\x87n\xdc\xb8\xf1\x08\x9e\xf7\xee=\ni\x0c\xd2~V.$X.\xf7!\xbcp\xe7\xcd\xdd\xc5\x91\x91\x91\x1f\x96\x97\x1fl\x18\x93C\xd5\xd5\xc3\x16KCS\x93uy\xb6\xc8%\xd6\xfd\xeb#/\xae\xd5\xd666\x8a{/]\xea\x10\xdb\xd3\x0f\x1e&lt;x\xb8|}qd\xd6\xbd\x08c\xea#E}?\xd3\xc2\xd6\xdc\x9fr\xe1go\x1e\xc2&gt;\x83NA\xfe\xbe\x18\x9c5\xe2\x1b+\xca\x0b\r\x96&amp;\x84\xb5\xc8)\xd6Dad\xd9\x0eR\x89\x11\x96\'\xbda\x8c\x8f\xb8g}h.\x84\x99\x1e6\xf0\x7f\x86u\xc8\xf7hW\x94\x86\xde\xfcl\xcc\xc2\x99\x07\x0eh\x10vQ/\x90\x19\x93\x9e\xe1\x86\x86\x86\x9a\x9e\'\xd7\x8b\\Z&gt;\xff\xb7\xc5\x17\x01q\xa3X\xdc\xe1q$\xe1\xec\x85\xceZ0\xa5\xc8\xe0P\x08\xb7\xcd$\x87\x14(\x17\x00J(\r?\xbb\xf6p\xe3n\xc6\rg2\xe6(\x14w\xa3\x03[\xaaq\xa9\xf9|\xcd\xe0\x93\xbb\xff\x1e\xe7q\xf7\xe7\xa9\x99\xff\\_\x0e(\x81\xab\xd7\x91\x8a{\xa3Q8\xaeF"~\xaf7\x16\x83\xe3\x8fqc\xc5$A\xe1\x05\xf1\xd5%\xd7\xdbL\x01\x87#\x9dz\xec\xe8m\x84#\xd0\xa4\xc9\x91\xcad\xdd)\xf1p\xf3\x95\x9a\xc1\xef\x96\x01\x8b\xbb\xbf\x1d\xb8\x8a/\x9e\\\x83x\x10w82\xfe\x08{\x16K\xae8V\xd2\xa9\xf5\xbf\xac\xaf\xa7\x1c\xe2\xbaQf\x1b\xac\xff/\xadf\xfb\x93V\x9a\x86q\xfc\x0b6\x9b\xddD\xbf\x08\x91\x13\x04e\x00#K\xca;\xf8\x825\x08\x02\x1dS\x0bMa]J=\x8e\xa7\xc1vk(9\x03\x8dd\xacb\x9c,\xa3P\xda\xd0\x9a\x12$\x88\xb10\xad\xa6\x8b\x1b\x9cl\xa0TD-n\xb2\xd1t\x13u\xddm\xc5f\xb2~\x18S\xab&amp;m\xf6&gt;l\xb3\xff\xc0\x9c\xb9r\xa2_L\xce\x8f\xeb\xbe\x9e\xe7\xb9\xef\x07\xdb$\xcej(\xb4&gt;\x91\xd0\xab\x9bYMpR\xf9\x9b\x9a\xf5\xb1\xb1Xm\xbd\xd4\\\xad\x1a\x1e~G\xe6]\xd2\xb9w\x0f\x9f\xf7\xe9jY\r\r\xa3\xdd01L\xde\xd1\xa9\x08\xd9L\xa3\xb1x|l\xac\xa4nt"\xe5=\x95\xce\x95\xf6\xb2.\xeaK0\xc4\xb6\x82\xee@\xe5\x19\x8c\xc6\x06\xfd\xc8\xc5j\xa9\xb9F5\xdc\xf7\x96L\xac\x8aw\xdf\x7f?\xacc\x01\xd6H\xf7\xfd\xd6;z\x93n\xe0\xf1\x9dVb\xa6\x87\x06o\xec8\xaeof\xd2\x86\x08\x89\x10\xbb\xb4Q\x1f\x1f\x8b\x8f]\xbf|\xed\xda\x95\xbb\x8f\x9e\x8c\xaa\x19\xbdM\x8d\xb5\x0c)\xc7\\c\xeb\xb9\xfd\xcf\xbd\x83g7I\xcb\xfc\xbf\xfe\xf3|\xd8TK%\xb252\xaaV\xc7\xc6&amp;\x07/]\xb9p\xe1\xeb\xefZ\x81`\xf5x\xb4\xa1\x97\xcb\x1f\xe2\x03\x16\x8d[\xc7J\x1c\xaf\x1e\xbf\xfc\xe1\xcdo\x7f\xfd\xe6\xeb\xbf^\x1f\x8c\'\x9a\xea\x99u\\\x89\x99ScS)\x15\\\x84\xb6\xd7E\n\xd47{\xaf\xde\xde\x18~\xdeC\xb5R\xa9T\x93^\xaf\x8e\xaf\xde\xbfu\xe9\xca\xb5\xdf\xfc\xea\x87\xbf\x7fZ\x1c\x8b\xaf\x1e\xeb\xa9\x0c\'\x1dEE"h%x\x95\xc9\xf8\xf1\xe0\x8f\x7f\xb9\xf4\xbb\x0bW\xde\xfc8\xb5z\\J\xb2\x98\x02D\xc2\xe1\xd4\xa842\xba\xc8\x81\x197\x7f~!+(\x87\xaf*\xab\xac\x06\xdbT\x8f\xd5J5\x18jM\xea\xd8\xea\xea\xe5\xbb/\xaf\xff\xe1\x8b/.\xfd\xfb\xd5\xb7P\xb1Dsc!jG\x1c\x8e\x16-\x86\xf0d\xfed&lt;\xfe\xfe\xd3-\xd8\xd2\x1e\xbd\xcf\xc5\xe3\x115\xcb\x0fXbN=\xb5\x8eF\x13G\xce0\x12\xb0(\x15\xcf\xfc\xd9ho\xb5f`\x00\xbcj\xaaj\x84\xc6|\xecx5\xb63u\xff\xf2\xe5\xc9O\xdfN\'#\t5\x8b\x85\xe3Q\xaf\xd6\xa1\xf5f\xbc\x1d\x12q2^\xca\xe5Fb#;sK[,_\x10\xef\xed@\xda\x90\x0eNu\x15[n|zt\xaa%\x03\xeb\xfc^\xb8\x94`\xd4\x08U\x03,\x16\x15\xe2\xdb\x0c\xcb\xbf\x94\xd0\xbd\xffSn\xf4\xc3\xee\xf4\xd6\n\xebb\\\x7f1\x18\x0cf=\x98\x16\xcbx&lt;\x9e\x0eN\xe44\x9e\x88D\x92\xd3p\x94;\xfdx\xc1/\x16 -\x80\xd5[\xcd\x96[\xf8\xa1\xa3\xb6\x9f\x8fUQ\xd1\xb5\x9f\\Mt\n\xcd\x1aS-t[\xfezFc\xb3:\xa9\xb6^\xfd\xb2\xd0\xec\x0b\xf9@#\xf1d(\xf4\x7f\xacb\xb1\xe8d\x95NO\x13\xc9$\xcb_](\xe0x\x16\xba-\x01\x82t0\x19\x952\xe3P x\xc4\'\x01\x8b\xd2\xb5\x7ft\xcc\xfaJ!\xd4\x94\x9b@&amp;\xb3\xb7\x97\xd1\xcbR\xeb\xd5\x00\x14JF"\xbef}"T\xc6*\x17\xd1\x03\\\x19\xc5V\xa4TJD\x08Z&lt;\x1bm\x87\x9eY\x82I\x00\xabZ\xc6\xe7\xe7\xc3g.2\x8a\xd8\xb5wv\xca\xe2\xf1\x84\x1a\xe8k\x1a{\x99\xf5~\x7f\xbb\x98\xd9\x08NE\xa0N!\xbc\xb3\xca\x07L\xc1`8\x8a\x01\x96\xdbC\x94\xd1k\xaf/\xb0|&gt;\xbc\x10\xcd`\x08L m\x08")c\xd1D\xa8\xf6\xe4d\xfd\x90\x8c\xfd\xe1 t\xeas\xb6;\r\xb5\rT("\x93)\x16\x8b\xa1\xd9l\x8ff\xb3Y\xb1\xbd\xc3\xce,\x84\xc3Ax\xcaX\xde\x8c\x9b\x10\x96vJ\xa5\x1c8\x90\x1c(\ncG\x1b\x8aB\xb6\xea\x195\\\x91\x08\x0b\x16\xc9\xc0\xaa\xa0&lt;\xc3O\x93\xa9\xf6\xde\x8b\xaa\x06X\x89\xf5\x9c:\x81@\xd0!A\xb4\x98\xd7[\x1e\t\x9d\x05\x9c\xc0*\xbb\xe5\x00,\xaf\xdb\xed\xc50\x89\xc4.\x16\xdb1\x04\x15\xfdO("\xa8oR\xc8EC\xee3\xf7\xf6M2\xb069G\x91\x948\xe4\xd3\xe8\xa8,F\x8dT\x01\xb3\x0e\xcc\x81\x08\x06/\xc7\xb4m\x80\x05TP\xc5(\x06\xd6`n\x8f\x9bx0p\'S\xf4`\x0e\xd1\x90\x8b8\x93\xf8"\x02K\xb6oqy\x01\xab\x8b\x0c\xac\xc3\xb5HI\x98\x8d8\x85\r\xb5\x8d\x8cz\x0e\x8fK#\x9a+\xd4\xa1\x059\x1c\xf6(N\x940\x18\xf6\x10X\x10.\x8f\xdbS\xf4x\xb5\xda\xb4\xa7\x98\xd1\xa2Ce,\x98\x8aZ\x04L\xc3\xf8&gt;\x7f\xbd-\xe4&gt;8O\x06V\xd7\xfe\xd9\x914\x98\\S64P\xabj\xcc\x02\xae\x9c&amp;\x87\x8f\x8f\xa2\x0e\x14\xaa\xe6\x89\xe2ee3\xda&lt;\x1ap`\xder\xb8\xdc\xde4d\x1fs\xf0\x87\\.\xe0\xb2\xf0\xe9-\x02\xa9Ai\xa1\xb9D\'\xd8\x01)G"d\xfe\x8cy\x16\xfai\\\xa5\xa3V\xd7\x98yl\xf9\x9a\xd1HL\x85\x00\xa6ug\x98\x90\xadp\x186\xf9| \x10\xc8\xe7\xb5\xc0\xa5E[0/\x81\x85\x12T.\x97\x05\xfe\x9a&amp;\xe1X\x95\xec\x8c\x08-\xd27\xc9i\x1f6\xf1P\xe1(\xb2\xb0`\xfd\x8c\xb5&amp;7\x1a\xcbv\xa1Z\x0cK\xe3!b\xdb\nG7\x08\xac@\x1e\xfc+f\xb0r\xf6\xbcPC\xd7\xfa\xf6\xba\xcb"2\xb6\xc1Ym\xbd\x9a.:\x1cE\xcbM\x92\xb0\xfc\xa1\xf0Qd|\xed\xb6\xceZU)T.\xac\xad\xcd\xc3\xe8E`\xc1\x8e\x80\x1fE\x00\xcb\x17N=\x08\xf0\x97]\x80\x85\x11\xd9\x82\xb4#\x98\x16\x01\xac\xed\xedm\x17\x9fN\xa7\x95\xb1$n\xd4\xe1\xd9\'\xa7\xaf\xa1\x1cv\x9e\x01V\xd5W\x1a\x13U\x03X\xe3\x0bF\x98\x9d\x97\x03(a\x17\x1e\x8f\x87\xc28\x1e\xc6\x01\x0b\xacY\xce;\x00\x15\xb0N\xb2\x9e\x8c\xb6\x85&gt;\xb4\xbe\rn\xf1\xe5r\x9aD\xc0Qi\xf8\xfc!\x07\xb6w\x8e$\xac\xf1\x10\xbc\xb7\xe0\xec\xecQ\x11\xf75J\xf6&lt;\x0c\xd1\xfc@\x00\r\x042G\xa7\x89 \x1e}\x1d-\xa4\xe8\xcb\xae\xf5\xf5\xf5|&gt;\x0f\x81+z\x8b\'\'\xb0\x08\xe8\x96\xcfX4\xaeD \xb5v\x0e\xb9DZ\x11)\x89\'\xb0~\n\xe3N\xae\x9dwUg3T\x02\x96L\x0e\\\xcb\xfc@&gt;\xd0\xe2;-EB\xd9h*\x8a\xa7\x96]\x90\xa3\xed\x80\x83X\x07\x9e\r\xba\x87\xe0B\xf8\x10-\x0b\xdf\xc8\x96\x01\x16\xc7 \xe4\x0f\xd1\xd1}R\x12O\x0c\x18\xfb\xd1,\x8f\xc6\xe3)m&amp;\xab\x86\xb8\x13\xe1\xb1\xe7\xc1\xae\xbc#\x9fN\x94\x92\xc9d\x888\xfef\x97A.W^\x9b\xce\xe2\xd1t\xc0\x05\\\xe1h\x9afY\xb7\xcc\x1b\x8d4\x19\x88S\xa5$\xd6/9-3\xa1\x03\x85\x93\xcbs:\x15\xb6\x01\x9bASY#u*\xa0o\x12\xc1~\x9aM$Y[\xbed"\x9e\xf0E\x9f&gt;\x00m\xa4S\xbeD$\x1aX^\xb6\xd0\xa3A\xbc\xddn\x04*\xb9\x9c\xad\x1c\x97\x81[\x0b.\x14\xb5\x90e\x16\x85rs\xdf\x9eN9y\n\xd3\x80Ne0\x18\x18R\x1eq\x7f\xe4\xc0\xd2\xbe\x08keii+\xf7ad4WH\xa5R+\x85\x95-\x1f\xfez#\x10\xa0\xf3\x03\x08\xec+i\xae\x1c\xe6\x7f\x99BhV\xc8\xccV\xa5K\x14\xd8&amp;\xcd,\n\xe5p&gt;\x93\xb1\xb3\xfd\xfa\x01\x93\xcd\x06sFe\x9d\x82\xdb\xd6\xa6\xcd\x04#\xb9\xad\x95\x95\xb9\xb9\xdc\xcc\xe2bl\xe4\xc3\xee\x87\x0f\xb9\xe9\xe9\xdc\xca\xec\x9f\x9f\x82u-r\x9e/\x12\x95\xd0\xe4r\x99Ri\x06,\x8d\xca`\xb4l\x1fRH\xd4\xe6\xfc\xec\xac\xb3\xf3FO\x8f\xcd\xa6\x82N\xa2R\xc8C\x90L2\x01\x94};;\x00\xf5hr\xb0;\x96\xcb\xcd\xec\xee\xce\xec\xdc\xbb777\xb7\xb4\xb4\xf4\xe5\xd5\xdb\x91\x08\x0c\x154\xc0\x12J\x95J\x8d\xea\xfd\xc1f\x17\x85T\x1d\xee\xad-\xec\xbd\xea1\xe9T\xba\x1e\x13t\x12u\\\xbb/65&lt;\xb5811\xf1r\xa2\xbf\x7f\xb2uqfnnfwg\x86\xd0\xd4\x0c\xfc\xee\xeb\xeb\x1b\x88\xfb\xb8\x12\x1a[(\x14\x9a\x95\x9d\x1a\xd5\xdb.\xd2\xffY\xea\xdc\xe1!\xe5\x1f}:\xc0\xd2\x9bj/R\xeb\x90B\xac\xff\xd1\xa3\xfe\xfe\xef\xba\x81ip\xf2\xc9hn\x06|\x03\xc3f\xa6\x16\x17g\x1eNL,&gt;|\xf8|x2^\'\xe3\x02\x96B6\xae1\xd8\xde\x91\xec\xd5g\xfd\xed\x9e\xbe\xe7\x86\xca\x04\x02,}\xf7\xdd[\xd7\xaf\x13\x17F\x83\x83\xb1\xdd\xe9\x95\xd4\xd6\xf4\xf4V\n~\xee\x8e\xcc\xec,\xb6.N\xb4\xb6\xf6?o\x1d\xab\x94\x11\xdf\x0f\xcb\xd82\xa5\xb5\xe7\x17\xc1\x82&gt;\xf5\xde\xe3\x01\x95j@oR\xd7\xd69\x9f\xdc\xba\xfc\xfb\xf2\x1d\xd6\x88~\xb70\xfbt\xe3\xc1\xc6\x8b\x17\x1b\xf9\x8d\x8d\x17\xb3\xa9B\xed\xe8\xee\xee\xe8\xe2d\xf7\xc3;c\x9dl\xb3\x10\xb6\xe0\x05\x99\xd0\xd6\xf3\xf6\xfc/\x82\xf5\xcd\xa7\xc7&amp;\x9b\xd5\x04X\xac:\xf3\xe8\xe0\xfd?v\xc7\xe0\xfd\xbe\xe9B4\xfa\xf1\xe3\xc7\xd7\xff\xe5\xdd\xec~\xd2\xcc\xb38.\xa0\xde\x087&amp;\nm\x02\x06\xcb\xabF\x0b\xce\x92Z\x05\x15\x07[\xdf2H\x11E\x94\x06\nh\x1e\x08-\xf8B\x9e\xba&amp;\x98\xe8C\x9b\x89\xd4\x01[R\x0c\x10&amp;a\xd2\xc4\x96]\xb4Fm\x1c\xd3\x8bm\xd91u\x1b\xbd0nM\xa7/nL\xa6\xe38q\x9av\xf7B\xa7\xdd\xf3\xa3\xbb\x7f\xc0\xec\xf8\xec7\x88\xc6\xabO\xbe\xe7&lt;\xe7w\x0e\x9c\x1f\xe8\xd3\xfb_\xfe\xf8\xd5W/\xaf\xdf\x19\xeaL\xc6\xaf\xd5u\xd52[\x11\x15n#6I\x89!\xe5\xcc^\xdc`\xb6\x19\xa0NH\xae*lI\xd5\xd4\x93\xc1\xc1\xce;\xff\xca\xe8\xdd\x7f\xf4\x11)\x91\x089LO\xbe\xbc\x13\x8b\xab\xdf\xd6\xd4\x01\xd5Z]\xe5\x176b\x87\x9cuJ\xca\x9b\x05s\\-\x91\x18\\\x06n\xa9\x163\xe3\xcd\xff\xbc\xfc\x87\xe8\xde\xde\xde\xfe\xde\x9b\xbd7H\xbb\xbbO\xdfl\xeel\xee\xec&lt;w&lt;\xf9\xd3\x9f]f\xb3\xff\xfe\xbc\x15\x9f\x98\x9f\xaf\xacl\x8d\xefo\x90\xe3\x16\xe5\xa7X\xdc\xdc\xa0imp\x99-u\xf3V7~\xf5f\xdb\x97\x0f\xf6\x96w\xf6\x96=7&lt;===\x1e\x9d\x8e7\xed\x19\xde\xd9\xd4&amp;\xde}\xfd\xed\x95V\xb5\xdb\xba6\x89\xe3\nE]e\xab{\xe1\xc3X\x169\\s\xc4u\xb3\x05o\x85\xdae\xc6\'\xb4~\xbc\xb6\xe8\xdb\xaf\xdf}L\xac~\\]\xdc\xdd\xdd\xdc\xde\xde|\xba\xf9v\xf1\x97_\x8f\x8e&gt;~&lt;\x9a-.\xae\xb5X\'\'q\x1b&gt;\x01\x05\x15\xc7\x16~$k\xf5\xb4}o\xc1l\xb3\xe0\r\xb6\xb8\x17\xd3Z\xadZ{\x91}\xf1\x9b\xa3\xa3\xa3_\x7fA\xba{\x17~\xe07`\x1d=\x03\xaa\xb3\xa5\x95\x93\xf3\xb8\xcd\x86+\xe6\'*C\xb1\xd4\x0eY\x9b\xba\x94\x8d\x94W\xdd\xe0\xc6\xb1\xb87\x1e\xb2Z\xe7\xa17\xb0/\xce,\xcd\x1c\x1c\x1e\xdc\x05\xa2\xbb\xe8u\xf8\xb7\x83G\xcf\x1e\xad\x17\x87\x8b\xcfvMNN\xfa\xdd\xb8\xb5n\xbe\xcej\x0e\xfec&lt;\x8b$*\xca\xcf\x1f\x82^\x9bMmV\x9b]6+&gt;\xb9VSd\x07\xae\xd9\xc3\xef\x81\xeb\x93\x0e\xbf\xff\xe1\xf0`=\xdcU\xfcyqq\xa9\x15\xf7\x03\x96\x1b\x87\xe31\x12]\xce"M\x94\x8d\x88*fV\xdbl\xe68\xe6\xc6\xfc\x13E\xe1Y\xfb\xe2\xe2b\xf8\xfe\x7f\xa9\xee\x1e\x1c\x1e\x1e\xde\n\x87\xef\x17\x87\xbbj&amp;p,\x84an7\x90a\xe9\xbf\x8f\x93\xb8m=\xba?\x15\x84\xfcR\xbb\xbc\x11\x02s[K\xcf\x15\xd5j\xb5Z \x9b\x01=\x02\xad\xaf\x1f\xbc\xb5\xcf\x86\xd1w-\xa5V7\xb1\xb0\xe0\xf6\xbb\xdd!l!5G\xdej:\xf4\xf5\x1f\xa6\x1c\xc9\xb8\xcb\xac\x8e\'c\x805Q^tei\xe5^"\xb4\x15J\xbcx\xbc\xb5\x95\xd8\x82\x8ef\xe5\xde\xd2l\xf1\xd9\xe2"-\xee\xc7b\x048E\xa4"\x8e\x1f\xdb\xc9\xc4\xea\x7f\xe5\r\x04\x92q\x00{\xf0 \x06~iO\x97_\xad\\YM@\xfbw\xfd\xc1\xe3\xc7/_&amp;\x12++K\xb3\xe1s\xc55uV\xab\x1f#\x08\x0c#\x16\xd2\x8e\xe4v\x16\x89\xa9\x95\xd5\xfeT\xe0\xf5\xf9\xbc^o\x1c\x1a\xad\x05\x02\xc3\xeb\xa0\xcb\x87\xf8A\xc3\x9cx\x99\xd8\xda\xdaZ\x9d\x81\xce\xf4V\xf1\xb9\xd2\t+\xa4;\x81\x11\xb1\x10\x11\t\xa8$\xaf\xc9\xbc&amp;Bi\xdf\xe6\x08\x82\xdd\x8e`\xcc\x1b\x0cF#\x84\xdb\xfd\xc5\xe9\xf2\xd3\xb3\xa0G\x08\r\xe5V\x18&amp;\xa0[g\xcf\xd9\xb5~\x0c\x0b\x11Dj\x81X\x08\x06\xcc%\xafI\xbd&amp;r~[`\x91\x0c\xe9\x1d\x847\xe8\x08\x04SP\x94&amp;J\xcb?\xcf\x0c=\xeb\x99\x8c\xbf\x85\x06\xb3\xcf&gt;\xebZ\x9b\x84\x08\xa6b\xd0\x0bF\x1c\x01o\x19\xb9X\x14\xcak\x01\x9f\xa5\xeet\xc6b\xc1\x80\xd3\x11%\xf0I\xc8\xaeSE\xe1\xef\xc2\xdf\xad\xcf\xc2\xb38\x1b\xbe\xf5\xd7[]E5]k~,\x95\x8aD\xd2\xc1t\xd4\x19\xe4\xcaHv\x8b\xf2C\x03\x8b\xc5\x8fw\xaa"\xe0V \xb0\x80[\xfd\xda\xda\xabW@Kh [\x9a\x81\xb1\xc7nG;T\xfe\x17\x00\x15M\x07\xa3\x81\xa9\x06\x99\xac\x8ft,&gt;_\xa3\x89OA\x07\x1fp:\xd3\xfb\xfb!\xb7\xfb\x9e\x05R}u\xf5\x19\xa4&gt;\x14\xb0\xccr\x97\xd6\xef\x0f\xa5RQ\xe8\xf6\x9dN\xb5\x0c\xb0\xb6IM\xf9\xac\xb9\x86\n&gt;\x9b\xad\xf4\xfa\x9c\xceA\x9f\xd3\x91N\xa7\xb0\x17X\x08M`h&lt;\\\\\xb4\xaf\xd9\'\xad\xf7\xde\xfbC!"\x1du\x00\x95\xcf{QQ\xdd\xd2\xf7\x94\\\xac\x87\x16\x11`\xb1\x04\xc9N\x9f\xcf\xa7\xf7\x05\x1c\x11\x82\x80\xd9\xd0\xbf\x02\xa5\x1e\xa8\x16\xedo\xdf\xbez\xef\x0e\xed\xefCY\xf0\xf9\x02@UV^\x8e\xb0H,\xa7\xe838\xbc^\xc9b\xb3\xf9\x92\xe4\xa0/0b\xd4;\xa3\xe9T,\x15\xf2\xdf[\xd1\xcehaf\x85\xa6\x01\xac\xda\xdf\x87\x08\xeaG\x80&lt;\xc9.\xad)\x97U\xf5m\x92\x8c\xe5\xef\xa8\xe0\xb3X,\xa5$\xa9\xd7\xfb\xf4\xc0\xe5\x80\xa7\x8d\xc8\x042#\x08_(\x15I\xa5\x1dz#`\xa94\xb55\xe7\xaa\xab\x84}\xf3?\x93\x8d%R\xf2\xf9|%_\xa2\xea\xd6\xfb\x90_N\x87\xc3\x11\x81Y\x1a\x839\x1ff\xff\x14\x18\x05I\xa5\xef\x1d\xd1\xeb\x87\xcc\x17\xcb\x8bN\xc9\xfe\x0fXx\x87\xa8\x02\xa8\x94\x16\xa5\xfa\xcem\x93\xf1B\xaf\x11\\sF\x83\xe9\x08Z%\x81\xfa\tLQ\xc8)\xe3\xc8\x88~(\xce\x94\x9d:U\x8d\xd6\x91\xea\xe6H\xbc\xa5\x08X\xee\x0e\x81\xa8\x02\x89cQ{\x07\x07\x8c\xbd\x17\x8c\xc6\x11\xbd3\x10\x88\xa6\xd3\xd1h\x10!9\x9d\xfa\x11#\xd0\xaalLY\xf9\xa9j\xb4\xbcUb\x9d\x1b\x1f\x1d\'\x8d\x8c2g3HD \xc0\xe2p\xd4\xd7:\xbb/\xa3\x0b\xe8\xe8z\xa9\x0f\xd0\x9c\xce@\x06\t@\x8d#*5\xb3\xac\xba\xbc\\&amp;ki,\x13Z\xe7\xa8y\'\x19\xa3\xe3\xed\xa4L\xd6\xb4\r\xcc \x10\xd4\xd7#2\x01p\xb9T\xdd\xbd\x97z{/\\\xf8t\xf5\x15\xbdz{Q\\G\x8cCj\rS,\xab\x06\xb3\x1a\x1b/\x96q\xb7i\xb9\xb9\xd4\xecQ\x1d\xe3\xf8?\x888\xdf/}\x1e\xef\x10\x89\xea3\xea\x90p8\r\x86d\xa7i@o\xba\xdc{\xe9\x12\xa0!\xba\x81n\xbd\xc9d4\r\xc5\x05\x16yKU\x0b\xa8\xb1J\\\xc6\xde\x1d\xa3\xe6\x02\xd8\t:\xefx\xaf4\x9f\x1f\x1f}(\xf5\xec\xb75\x83K"A\x86K \xe24HP$\x8d\x03\xa6n\xd3\x80q`\xc0\x08O\'\x94\rS\xa7\xca%\xe0\xf0\xab\xd0\xc2bKK\x95X,\xe7[7\xf2\xc0\xaf\xdc\xdc\xec|\xde1\xfaufl\xd8\xe3\xe9\xe1\xedD\xda\x9a\xeb+,\x99\xfd2\xe0\xaa\x07,\x81\xc4\xa5\x1a4]FD\xa6n\xbd^\xdf\xdd=8\x14\xf4\xc6\xd5\x1a\x16\xfaF\x14\xa8\xe0H\x14\x0b\xfb4\xbb\'\xb2srrsiy\xa3\xa3\xc7\x94_g\xa8\xe3M\xd37\x9axt\xdeso[s\x07\xd8\xc5\xe1\x00SGG\xbd\x00$\x91\x18\xae\xa9\x86\xf4&amp;#Z]7u\xdf\x1eJ\xbaljC\x03[\xde\xd8\xd8\x98\xa1R(.\x96\x94(\xdf\xe7gS\x81+\'\xfb\xc4\xe8\xf1\xac\xb3\xf4\xeb&lt;\x9e\xe9i\x80\xa2K\x9f_okn\xae\xe7\xa0\xcd\xb7\x0e$\xe0B\xab\x8c\x06W\x1b\x90\xdd\xbe=\xd89\xa5\xba\xe6\xb2\xe1\xad\r\rL\xae\x1c\xadv"\xaf\x14\xe2\xb2\x92\x12\xfe{\x1e\x8d\x9aC\xa5R\x19\x85&lt;\xc6qP\xd1t7\xa6=\xd3\xba\x02:\x9d\xce\xfb\t\xdcj\xee\x90\x88\x00L\x90\xc1\x92d\xa46\xb8@m.\x97A\x02\xcf\x81\xa6\xd5\xa2a\xc9\xb9B\xc0\xaaj\x11\xcb\x142(\xa7%}\xef\x1f\xd2h9T\x1a\x8d\x91_ \x1do\xff\xdd%\xac_\xd74&lt;|\xc3C\xcfh\'\x06X\xc0\xc5\xb1p$\x92\xfa\x0cX\x87$\x13H\x88\xac\x05\xcep\x16\x93\xcbd2Y\xadL\xb9\x10a\xb5\x88\xc5\n\x85\xb8JX"d\xbf\xa2\xd3h\xb99\x08\xebd~\x01]:\xda\xff;J\x18\x85:\xae\xeb\x91\xea&lt;\xd3\xc3\x9f\xb06\xf6\x11Vs\xbd\xc0bA\xab\x82\x99B!\xe1hXl\r\x08Np6\x93\x8b\xb0\x98\x10B!\xda\xcfE\x89%CTB\xe6.\x83F\xfd\x84\x95\x97W\x08\xd6Kyc\xfd\xfd\xff\x13\x19\xa5\x7f\xac\xa9\xa7I\nX\xcb=\x08\x8a\xc7\xeb\xd9kkFa\x14q*XJ\x0e:\x1c+\xe0,b\xb1\xb9\\`b\xf1\x01\x8b\xc9f\xb5\xb6r\xb9\\!\xb8U\x06V)d\xe2\xc6\xbe&gt;\xf8\xc7f\x1e\xc2\xa2"\xac\xec\xc2\x82|\x06#\x9f.\x952\xfa\xcf\xfc\xf6\xe29\xa6\xebi\xd2I\x01kxy\x18\x98\xe8&lt;)o\x07\xcb\xb8\xc5Q*\xf9r.XS\xd2W!B+\xc5\xe0\x11\x97\xc9b\x81O\x1a\xa5\x86\xcd\x95\x83?Ba\xd9\xe9R\x85X\\U\x05\x7fr+\xb7s\xb2\xa9\xb9T*-\xbf\x00\xdc*\xcc\xcb\xce+\x84,\xe3\xf1\xc6\x18\xfd\xbf\xa9\xb5h\x1f\xed\xf1\xf445\xe9t\x00\xd6\xb3&lt;\xcc\xcb`\xd1\x9b\xde\xa0\xdc\x12\xa0\x9eK.\xae\xbd\x08\\\xac\nQ\x852\xe3\x138\xc5\xcex\xc8\x96\xcbo\xde,\x91\xcbkKQbU5\n\x85r\xee\xab\xd1\xdcl\xc8-j6\x9d~2\x8fq\x82F\xcd&gt;\xc1(\xcc/`\xe4\xf3x\xa3\xfff\xe4ZZ\x1b\xb9\xd2\xa8\xa9\xd7\xa2\xaa\xae\xcaUV\x95U\x0f\x852T?\xd4 \x9a2Dj\x06\x05\xc7\x81\xe0\x08\xcc@C\xd7Nh\xd3\x1d\xbcN\x16"\xd1\xca\xa0\xdei\xa2\xdex\xa5\x8d@\x0b\xfd\x00\x13ol\xb0[\x7f\xc0\x10\xcb\xdeX^t\xa0\x1b\xb2h\xc8j\xf6s\xce\x95{\x98a&amp;3\xb9\xd0\xea\x92\x8d\xaaN\x9d\xef\x9c\xf3}WXR\xfe4\xb0\xbdA\xd1\xef\x8d\xf8\xd6c\x9bU\x1cIm\x01\x96\xe8\xff\x04X_m\xef\xee\x1e\x1c\xb5v\x9e\xd6ZO\xaa\x95\xed\xed\xddJ\xe5\x00\xc2\xaa\xf2x{\xb7\xba\xc5\xbfyy\xd2\xaa\xb1\x82\xb5\xbf\xd4AV\xeb\xd9\xad\xaaX\x84\x15\xe5v\x08\xb2\x14\xc0\x8a4\xcd\n\x830+2\x0c\x17\x7fN\xe9\x87\xc4\xd3\xe9\xf0=\xd1"\x87\xa6\xda\xbe\xe7\xb1\x88\x9eu\xfb\x1d`\x91\xa0\xa3\xa3-\xf0\xd5\xaaV\x9f\xa3\xa2\x04Uy\xbe_\x81\xf2YZ\xac\xee\xd3\xa7\xb2\x82u\x90U\'Y\x96\xa5\xea\xaa\x12dZ\xe4\x05\x9a\x8a\xa8\xd0\xb1\xf0_\x9b\xb7\x9c\r\xfe\x7ff\xec\xbd.\xfa\xfd\xdc\xb6\xe1c\x84\x03\xd2\xdd\xf6\xfd \x0c\xa0\xd1\x02\xb7z\xf9-\x9a!p\xc1u\xadn\xb7\xd6\x85\x0b\x89\x8ab\xc7\x11\x84\x05X[\xfc@\x04*X\xab\xb7\xeaX\xddW\xbf(\xaa\xa5\xe9\x86\xaa\xd8\xe3\x9e\xc0\xa1\x8a`%,\xc3\x08z\x9d0\xf2q\x85C\xa1\xfc/`{/\x06\x00\x93yH\x17\xdb\xc7CA\xda\xed@\xb3"/+\n?\x127\xdf&gt;\x94\x13We\xb3\xde\xc5%\x9fm\xcah\x905\xdc\xaf\xc8\x84\xd8z\xb6\xb3SC+\x04U\xadz\xadV\xfb\xf26T"8Q\xd1\xf4\xd1\xc9\xc9\xacP$,\x95\xc0D\xbb\xe3iZ\xe8y\x9e\x18\xe4\x83?L\x8c\x17\xaf\x0f\x8bN\xbfo\x07\x026\xf1E\x10\x04\xc07Z,\xef&lt;\x08\xc1/\xda(\xe3\xe0\xe6\xe5\xb6\x1c\x05\x0fZ\xb5Z\xf7Y}\xab\xba\xcf%\xe3j\x95[[\xddz\x97\xa8Z\x8fZ\xf5n\xed\xf3\x9d\x9b\x81aE\x84\xa2Y\x8b8i\x9cf\x86\xaaj\xa0LWE\x91\x87\x90\x19\x96\x10\xbc\xe4\x1f|\x93\xcb\x8b\xbc\xd7\x07W\xe0\xc7\xcb\xdbv`E\xa1\xe7\xb7\x17\'fy:\x86@E\xd6ngB\x13\x97?\x00\xd7\xc3\xaf\xb6+[\xb8jw\xabZ\xdd\x7f\xbe\xd2U\xe5ye\x1f\xf1\xb0\xb9U\xff\x9cj\xff\x06\xb0\x80\xea\xc3\x85\xa1AYp\x9f\x9a]\x9bq:Y\x08\x1d\xa8t]\r}\xa1\x18M\xdd\n\xf1[ZS\x1c\x1e\xfe\x979q/B*\xb4;\xfd,\x8cD\xd6\xb1C\x0bK+\x96\r\xc7)\'\xd7\x99\n\xb1\xde\xe3\xba}\xf5\xd9\xf6C\xc6\xc4#jgk\xb3\xca\x0fo\xa2Q\xbe\x94\x9cU7\x01\x06\x15\xac\xb7Z\xad\xee\x17;\xef\x8e\x91\x0b\x94\x93\xaa\xa9\xe3i\xe26\x1a\xd3\xdf\x85\xa2s*T\xfd^;R\x8d\xa6\xc1\x82\xaa\xf0e\x14\x1c\xfe\x87-_\x1cf6\x0cHT\x91\xdf\xce\x91\xc4\x81%\xc6s\x17\xa8\xca\x1b\xe9B\xe0\x86|\x89K\xd5\x8e\xdf}\xb6\xcd\x8f\x1aT\x1f!\r\xaa\xb2\xe7\x80)\xf4B\x1c\xe0\x19\x04\xd5\x05\xaco\x80\xea\x0b\xa2\xb2\xa4\xc85\xdd;u]\xb71lL\xe6\xb3\xb3v\x10\x88\xd1l\xd1\xf7\x85\x88\xf4&amp;\x97a\xe8\xba\xa6\x01\xd8\x8b\x7fk5y\x0e6\xd0\x03=\x11\xf8E\x91\xc1\xc7a\x7f657\xca\x1b\x1bN\xa9\xfc\xfe#\xdc$e\x0f\\\xfa\xc5\xcdw\x8f\x1f#\x19\x8e\x90\x05\x07\x0f\x18\x0f\x95\n\x03\x1ek\x93\x1f\xbe\xa8\xd1\x85\xad\xee\x0e\xb9\xa2\x8e\x08K5H\x96\x9b6R\xd3lL\xcf\xe7\xf3\xb7\xe7\xd7#/\xa0\xae4\x89k\x0f\xff\xac\xc8\xf2\x0e\xff\x85*\xbf\xc8\x85\xc8\x8aN\x01\xb3\xa2]\xd9\xe0$\xbf\xbb\x8a\xf9\xd1\xf3\xf5\r\xc7tJ\xe7#t\xda{\\\x9a.n\xff\xfe\xf5c\xe0y\xc2\xa4\xc7\x86\xb6\xb2\x0b\xbd\xc9"\xa2\xf1\xb4$,p\xf6\xec\xdd\xb1\x82=\x0f`i\x8ab\xd8\xd7i\x1c\xbb\xa9\x9b$ql\x96\xcc\xc4\x9d\x8f|\x01&amp;-\xe1\xa1\x1d\xa1\x98X\x8a\x08\xb5`%\xa9\xbd\xa6\xf2}\xd6)&lt;\xea\xbc\xc8\x10\xe6\xbe\x08-\xdd&gt;\x9b\x0f\xcb\x04\xb5^.;\xa6\xe9\x98\xf3\x0e\x1cd1\xbe2?P\xb4\x8b\xcb\x9f^&gt;88\xfa\x84\xeb\xc1.\xff^\x96d=\x81\xe2~\xac\xc1\x8d\xf5\xfd\x0f\x17\xa0\x98%dF)\xbfO\x80\x07\xa8J\x80d\x9a\xa6;\x1f\xdb^D\x8fZA\x08w\x05\x16ai"\xd0\x08\xca\xf8\x1e$\x15\x9d\x8e\x8d G\xabA\xf5"\xc8\xd3\x1b\x9f\x0e!)0\x05\xaa\xcc$1KN\xe9\xb4\x00_\x9a`\xdc\xfb\x81\xa6\xab!.\xb5\xff\x00\x00\x05\xf9IDAT\xc7\x1f^=8@\xc3{\xc4\x12b\xab\xbd\x9an\x0e\x0e\xd0\x0f\xc1T\xeb\xafo.\x99\x0c\x11QA7\xc6\xe8\xc4\x8c\xa1-\xd3qJ\\\xe0\x8a\xa8@$\xaa\x0c\xca\xa2@hF\x13\xb5\x16\x82A\x85\xdb\xb7}\x08]\x08\x1f#C\xeeGjdw\xc6\xb3\x93\x12Pm\x94\x1d\x87\xe7"\xe9%\'^fx\x15\xc2\x0f\x03\xb4/"K\t\x8fo\xdel&gt;i\x91\xae]X`\xf7\xc1.\x93\xf5\xa8\xf5#\x03\xed\xdd\xe5\x05B%\x8a"M\x91\xa8:s\xd7\xbdGe\x9a+T~\x08\xd9)$T#\xa9\x96\x9ae\x8afX\xde\x9a2@\x8c\xfba\xde/\x82H\xe4\x9dN\x16\xfa\xa3\xbb\xd9\xe9\xfc\xc4-c9\xa5$N@;p%\x10\x84;\x99e\xe4\xcb\x12\xb2\x03\xb0\xd2\xd1\xf1\xed\xcd\x9b\xadGG\x80\xb5\x0b\x81q\xb4a\x98}\xf9\xf3\xe5-\xa6d\xb6b6\x1d\xa0j\xfa\xcbT\x16\x90\x8a\x00\xf9+T,!\x03\x1f\x9c\xe104\xceN\xcf\n\xc5\x08\xd6\x04\x00\x890\xeb\xb7\x03M\x14\x9dL\x14w\xd7\'\xc3\x98\x15C\xf5Wh\xc8\x15\x81!\x08\x93\xc6\xb2`{E\xf4\x11\x98\xef\x01\x9828\xfe\xf5\xe6\x15\'BR\xc5\xce\xf3\xb7\x9f/\x7f=\x1e`d@YBN\x7fXMo6\xe4i\x1c\xa9S\xd3\x8c\xdf\x8e2p\x05:\x15\x84\xc2\xaa\x8e\x81\x08f\xe9\xf4j\xd61\xd6\x88*\x80\xdc\x03\x8bI\xd5^\\\rK\xe5\xb8\xd1pMV_:\x06|\xf1\t\xc3\x0bP\xdd\xeb\x91F\\\x16\x86%6XXH54\xfb\x97\xcb\xcb\x9b\x0f\xef\xb0n.o\x7f;\xbe\x10\xe8\xca\x04ET\xec\xc7F3\x9bM\x1a\ry&amp;\x87\xb0\xd29\xb6Rx\xa9\x16E\x84\xc5J\xf2\x94\xd92I\x1cw\xde[\xeb\xe4\x98\xc4\xda\xb6\x15\xd8\xb9\x80\xf5\xd2r\x19w2\x9c4\x12\x87\xa2\x02W%\x87\xba\x97\xdf\xfc\x05\xa1\x95\xcb\xc9\xf9\x9d\x8fB"*\xd0\xc3\x80\x8b\x8cE\x01\xa2g08&lt;\x1c\x0c\x06\xafq\x1d\xa4zDP\x82\x8d\x90\xb2j\xf6O\'\x8da\x8a\x94IhAsx=\xcalOHX\x00\x05Q\x01\x15&lt;n\x9f\x9a(\xb3;_\xcb}*&gt;\xf2s\xdf\x1e/\xdf\xc3\xb9P\xa3\x93\xb8\x84\xe3\x00\xd1\xa7oZ\xe0W.\xac\xd3\x95\xa8\xc1p\xd9\xd3\xd0\xdePI\x00\xc3\x8c\x81\x86\xeeyA\xc4\x1c\xd0d\xbbBNE\x98\xd5E\x10\xa9+T\xfah\xdeH\x87)m\x03S\xc7\xa5\xc9r\x849\x00\xdaD\xed\x08\x0b\xa1F\xcap\x97K\xc02\x93\xe1\x9a\x8d\xd1\xc5\x0f\xb2&lt;\xe8\xcf\xde;e"\x91\xa9\xb0Z\xabocZ\xbf\xe7\t\xa2(\xc9r&amp;Ww\x9c\x01\xa0h^\x9e#\xc6\xca\x01ra0\xe3\xdcAT\x9a\x8c+\xbd\x19\x9d\x9dC\xa4\xf1J\x0cf)\x99.z9\xac\x8cY\x06c*&lt;\x88 5T\x8d\x1b\x8fhi\xa6.\x14\xb8\xe6\xb3\x0c\x88\xa1\xb3\xabD^\x1a\xf1\xb9qO\xccFy\xb5@\x1be\x0f\xf6Y\x00\x9c\x1b3\xc0\xf58 a\xa0&amp;B{\xf5$i\xb8\x8co\x0b"\n\x88\r\xd7\xe3^G7\xb2\xc54Mc&amp;(A9\xe9\xdb\x8fm\x89\x8a\xb7\xc0!\x0c\x1d\x13U\x87\xbdEh,\xdc4\x050\xc2\xb2\x0b\xdf_LH\x14\x98(}Z\x12\t\x9f\xd36\xae\x9bH\x1e\xe5*\xb9iR\x9a\xcez\x0cB\xae\x88g\x94\xfcD\x02\xed!\x12\x1eZ}\x80]\x04w\xf7F8\xbe\x9e4\xd2\xd8\x85\x8b\x98\xca\xf1t6\x02\x0b\x1c\xfb\xc0id\xf1\r\x13\x95\x16\x02\xf1\x91e\xdc\r\x81+&amp;\xac,\xf7\xec\xd9\x847#CAJ\x92\xf8\xf8\x03\x90\'\xe5$E\xc6.\x84\x9f\xe2\n)N\xdf8_\xb4\xc1?\'\x16\x8d\xdb+\xec\xfe\xa8}&lt;\x80(*L\xe1.Z\xe9\xcfN01\x80\xdf\xf7C\x17ut\xaf\xce2\xcc\x97\x1e\xfc\x00\x96\xb1\x90\\\x88-d.R\x0b\tw6\xc5\xd9\xd3t\x8d\xaa\x18\x9d\x0e)\xc5\x12\xeaW^uf\xeaj\xfd\x9f\xab,\xd1m0 \x90_)[-\xe83\x1bW\x8b6\xfc\xcf\xec\x81/\xa5\xde1\xfeZj\x04%\xd3\xf1\xba\x11\x8cf\xe7C\\\xc7mL\xa6\xd3\xc9p8\x99\xcc\xc7!\xb7\xd4h\xd0h\x81\xab\x15\xb2\xd5\xd1+\x11^5&gt;\xc1|\xd1\x98\xac\xc1\xe2\x1f\xcf]\x96\xbd\xbc~\x9f\x03+\xeb\xad"A\n\xcc\xf9\x14\x16q\xccG\xe8\x03e\xc53\x02\xeb\xd9\xe8\x8d\xaa\xa4\x8c\xae\x02&lt;\xa4(\x8e\xf4\xa6\x05k\x9fOb\xce1 xHT\xefOG\xa8\x1e@\xd1\x0e\xe0\x98\xf3(\xe6\x1a\xf9j\xce\xa7\x815:G\x8e4\x1ak\x02\x82\x94\r\x0f\\\x95\x9d\rF\xc0\xc6=7\xb4\x1e\x81\xb0\xa0%3\xbe\x8f\x0c\x89\x12\xf2\x8ac\xd42\x1e\x9e\\\xdf\xf5|\xc3\xb0\xd0g@\xd5\x8a-\xcbhb\xec\xbc\xbb\x9e\xf2\nR+\xb8\x07\x1cN\x97\xe87\xb2\x9dj\x9a\xe7q\xaf\x08d!\x0bH{p&lt;\xd5zW\xa9,b&gt;\x1b\xae\x86\x9f\x92\x1c^\xa4\xe8\x137\xe6\xe8\x11\xa3\xfb\xa4\xb2I;+C\xca\xd6\xcd\x10)\xc96\x89j\xa2@\x10\xd9\xec\xac\xefk\x88\'\x03s9\xcc\'\xec\xf6\xe8\xe3\xf2\n\xa9\x8e\x95\x12\x95Kn\xff\xd1r\x19\xa40\x08CAT\xaata\x88!\x85\nR\x17\xb9B7\xde\xa1\x17\xea\xa2W\x10z\x80l\x02]\xf4\x06n\x83\xbdB\xe3\xce\x1e\xa1\xe0\x15:\xf3S\\\x18D\xf09?\x7f2\xbf\x0f\tQ\xae\xd3\x14\xab\xa3d\xd2\x87R&gt;\xc5`\xcf\xe4\xa3\xae3\x8b\xe8\x8a\xd5\x99Z\x18\x1a\xe9\xc3lx\xd0B\x1c\x06+I\x0e\x7f\xa3\xc8-\xca\xa0\xc4\xdd\x8bPnO\xfc\xe80\x84\xf7\xba\xf9;.\xef\xbf\x9f-\xadKD\xc92\x13\xe1\xc5\x8a\xfa\xf0\xbc\x1c\x18\xfa4\xcc]\x1f[\xc5S\x00S\xbft\xa1\x12\xdf\xc5 r{\xa1\x88\xce\x16\x03i\x8c\xa1\xab3\xe9\t\x04\x05\xab\xf9\x14[\xaao\xf2\x82\x19\x89\x19\xc2\xf1\xf4\x06,m\x83r\x01\x0f\x7fg\xdd8\xc5)\xc68\x05\xb4\x9d\x1d\x01\xe5\x84\n\xd8\x94\x15o&gt;\x12\xe6`\x8c\xc1([\xb9\xd3\xba\xdc\xf3\xf8j\xc9\x88;\x86\x19`Umu^B@!~\x99S\x83;\xafZ\xc1\x01\x00\x00\x00\x00IEND\xaeB`\x82'</t>
        </is>
      </c>
      <c r="M99" s="3" t="n">
        <v>45492.67734953704</v>
      </c>
    </row>
    <row r="100">
      <c r="A100" t="n">
        <v>254561</v>
      </c>
      <c r="B100" t="n">
        <v>49202</v>
      </c>
      <c r="C100" t="inlineStr">
        <is>
          <t>Filipe Augusto</t>
        </is>
      </c>
      <c r="D100" t="inlineStr">
        <is>
          <t>Filipe Augusto</t>
        </is>
      </c>
      <c r="E100" t="inlineStr">
        <is>
          <t>VOL</t>
        </is>
      </c>
      <c r="F100" t="inlineStr">
        <is>
          <t>VOL</t>
        </is>
      </c>
      <c r="G100" t="inlineStr">
        <is>
          <t>VOL/MC</t>
        </is>
      </c>
      <c r="H100" t="n">
        <v>182</v>
      </c>
      <c r="I100" t="n">
        <v>5</v>
      </c>
      <c r="J100" s="2" t="n">
        <v>34192</v>
      </c>
      <c r="K100" t="inlineStr">
        <is>
          <t>Left</t>
        </is>
      </c>
      <c r="L100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61c71cc1-1d37-42ff-b81f-1e2a29f972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l\xedO5\x00\x00\x03\x00PLTE\xff\xff\xff\xf5\xe35\xb1}I\xbc\x8aR\xfa\xe89\xff\xf0?\xfc\xea:\xfe\xfe\xfd\x1b\x18\x17\x18\x15\x13\xfe\xed@\xfc\xea&gt;\xa4oB\xb4\x80L\x14\x11\x10\xb9\x87O \x1c\x1b\x98d?\xa2sG$ \x1f\xfe\xec&lt;\xfc\xe9B\xf8\xe66\x9bh&gt;\xfc\xecF\x96b;\x1c\x81R\xb7\x82N\xbb\x87V\xb3\x82S\x97_6\xae{E\xa0kC\xadyM\xbe\x8d[\xacvI\x91_;\xff\xff\xfe\xbe\x8cU\xa9tE\xb8\x83S\xf4\xe4=\x1a~P\x97iA\x17{MyO-\xfc\xe97\xfc\xefK\xfe\xefC\xb5\x85X\x9doB\xf7\xe7;\xb0|Q\xf8\xe9A\x9akF\x17vH\x92\\4\xacwC`A\'\x14f&gt;\xf6\xe9I\x85S9\x16oD\xa0h=\xfa\xfa\xf9\xa6qI\x1b\x84U\x87\\8\x7fP-\x85X1\xf2\xdf6\xc5\x93]\xc2\x90W\xc2\x8f]\x91f@\xac~NvS7iG3\xc0\x90b\x13Z8\x8a_A\xc6\x97i\xfa\xe2:nL/\x8c\\8\xbb\x88]\x80X8(%%~T2\x93`B\xc6\x94c\x8eV&lt;\xa3l&lt;\xfa\xe5?\x9dqO|X?\xa8xH\xbc\x8dd\xa8q@\x9de8sH(\xce\xa1xkB&amp;\xa6zNV&gt;0`D2\xad\x81W\x8cY2\xef\xec\xeb\xca\xbeC\xfe\xf3H\x0f\x0c\x0b\xc1\x94e\xcb\x99d\xa2mI\x85Q-2.-\xd2\xa6\x82\x8cc;X;#\xdd\xd4I\x84[@\x9ceDtH4\xec\xdfBH4!\x8bS2\xf8\xeeT\xf6\xf5\xf3\x8dgH\xef\xe3J\xb8\x8b[|L8\xc9\x9bp\xe9\xe1R\xf0\xeaR\xc1\xb4@3#\x19_9!\xa9tP\xda\xd9\xd6\xa6yV\xb5\xa9?\xd4\xc9B\xd5\xad\x8b\xcf\xcb\xca\xe4\xd9C@*\x1a\xed\xd94\x9d\x95=U4\x1d\xfb\xe45\xfd\xf5QnP&gt;\x8f\x871R9(\xb3\x85a\xce\x9cn9,"\xe7\xe8\xe5;98M/\x1c`G@SQR\xd0\x9dg\xa5eR\x1d\x8bY\xaa\x9fG\xaet]\x84|C8\x87J|J+I6+\xbe\x92n\xe0\xe0Q\xd0\xd9R\x80^&lt;\xc2\xcfK\xb7xi\xd3\xcbS\xe6\xdf\xdd\xe7\xd30wp&gt;\xb3\xacS\x91kQ\x82aJ\xc7\xbc\xba\xd8\xb2\x97%\x16\x0f\x98n]%gC[T)vvsjgc\x98\x91\x8fECC\xda\xce8\xdd\xbc\xa5&amp;vJ\xc5\x9e}\xc1\xb7Y\x8f\x88F\xa6\xa3\xa3ed=\xcc\xc4W\x84\x81\x82JE&amp;\x80\xa2F\xa5\xc2?\xdc\xd9_\x97VL\xb3\xb2\xb2\xf8\xf7\xd9\xcb\xab\x94\xbb\xc07\x97\x90L\xec\xe4hAkC\xb6\x9e\x94\x13=&amp;,t&lt;ke(\xc3\xd5\xbf\xa2\x80o\x92\xafFn\xa0R\x9c\x94[\xa0\xbdT+Z7\xa9\x9f0S\x81:\xbb\x84p\x84pf\xa8\xb4?_[U\xf5\xed\x93HV0S\x92II\x8de\xd4\xd9\x99\xe5\xc8\xb5\xb4\x95\x87\xab\xa7e\x9e\xbe\xad\xb2\xc1W\xef\xee\xbe\xc7\xb2\xa8\xbf\xcdra\xa1\x804E$k\x93&gt;qZP\x86\x84a\x90\xb8y\xb9\x8cJ\x82\xb2\x95\x9b\x05\x05Y\x00\x00 \x00IDATx\xda\xcc\x98\xcdO\x1a\xed\x1a\xc6M\xdf\xc5\x0c\t\xf0\x0e\xcc\xc2\x18\xc0\xf2\xd5BB\\\xd0\x10bI\x08\x104\x14\x0b\x04\xc2\xc7\x08\x18(-\xe0\x0c\x9aH-\xd4\x80\xb1\x91\xa8\x0b\x10\x13\r\x89\x89A\xf1\x83e!q\xe1\xa2V\x17\x021$&amp;\xae\x8c\xeb\xb3}\xe3\xaags6\xdd\x9c\xfb\x19\xec9\x7f\xc09c\xdf\x1b\x06G!\xf1\xe7u\xdd\xcf\xf5\xdc\x8fCC\xff[a\xbfjp7\xf4\xb7(\x00Y\xad\xeeT\xab\xd5C+f\x9d_\xfd\x9b\x90\x01D\xf5\xaa\t\xf5\xd09\xb3\xde]\xdd\xee\x1c\xce\xff~.\x0c\x04\xbak\x1e\x1d\xe5P5\xafzG=\x00\xec\x82n\xbf\x93\x0c\xd9wwuD\xe5(\x8a\x84\xa2(`C\x88\x9d\x9b\xeao\xb4\x12\x1b\x9a\xbfi\xe6(\x82 x8*\x82$\xe1\x9e\xa4rG\xb9\xe6\xcd\xce\xea\xef\x01\x03\xff\xaa\xa0\x14\x81\x0bq\x9c\x87\xf3\x84\x80\xc6CEP\xac\xa3\xbd\xce\xdd\xeao\xe0\x02\x03\xef\x9a\x14I\x00\x0b\tXB\xc0\xe2\xf1\x84B\xf4\x15\x04\x03S\xa9\xa3\xdb\xea\xd3\x83a\x877G\x14\t\xce\x11&lt;\x12L\x1c\x88\x85\xa8\xe0\xc2\t\x1c\xac\xcc\x11\x00\xf6\xb4Nb\xd8N\'G\x92\xe8\xf7\x938H\x86/\x80\x95\xf0\xc2Chp\xc17\xec\x1ah\xeeX\x9f\x90\x0b\xa8\x9a\x14r\x90@\xfdN\x80\x93\x08\x86\xc7\xfa\xb8 \x14.\xb0\xea\x11\xd0\xfaT\xaf;\xfft\\\x98\xf56\xc7\xf6\x15Z\x80\xc8&gt;!+\x14\xce\xde-\xc0=&lt;@\xae\x1cJ\x8e\xab\xa7\xe3\xc2\xaa=D\xc5\xa6\x02\xbb\xfe\x84\x83\xe2=b!2\xf4\x1e\xdb\xfa\xb7U\xeb\xd3pa\xab]\nE\x14\x8a\x85\xff"\xf1\x06|\x0bl\xb1o\xf0\xa0\xf3)\x82\xec\xdd=\r\x17f\xbdA\xa9\x0e\\8\xea\xa7G\xa8\x81\x9b\x8fX\x00&amp;Dr\xc1\xa7p\xe1\xd1\xce\xd3\xf8\x88\xdd\xc12$\x90`\xbf\x96\x1et8\x81\xb3\xd7%\x8f\'|\xe4b\x7f\x8e\xaay\xf8\x14\\\xac\x89\xd05\xe4 \xd8\x85\xf0J\x90\xe5F\x19Um\xa5V._\xfer\xf6\xb1\xc9\x9e\xa6\xef\xc1\xc4\x1cr\x91\x1c\x98\x88#\xa6\x16\xc3\xd0u\x9af\\c\xe9t\xe5\xb8V\xbeD\xc5\xf6?\xfa\x10u\xcb=\x17\x86\xcd\xdfR\xd0\xcb\x10[h\xb9\x01T\xcb\xed\x8f\x97J^o\xe9\xdb?\xb6b\xea\xb9O_\x93\x95\xddc\xa4\xda%\x1b\x1dh\x83\xe2\x9c\x0b\xc3\x0e\xc1Cp\x10\x05\x15\x01\xb6-\xf9]v\x9d\xf8\x9d"\xb3\xdf\xbe\xff\xd7}\x7f\x7f\xd32:\xfe)\t\xa2!4\xa4\x18\xe2\xa2\xba\xdcn\x90\xa0\xd5\x15\xea,\xe8v\xfc\xb2\xbc\xb2\x94\x1e\x9b\x0c\x8c\xc8U\x06\xc3~\xbb\x7f\xf1\xe3\xc7\xf5\xfd}[\xaf\x02\xb0/_\x93\xc9\x81\x9d\x83\xed;\xc7mL`\xd6.\xc5f\x16\x0f/\xd7L\xcbf\xf5\xc80\x9f\x0fT\xfaD\xff\xfe\x1a\xb0.\xee\xfb\xed\xa0B%\xb7\x8c\xce}\x01\xcd*\xbb\xb5K\xb4y\x13x\xaf\x8aq)\xd6N\x8fD\x06\x02U}lZ-\x12\r\xcbU\n\x85,\xd8\xee\xf7/\xae\xaf\xaf/X\xac\xfd\xa0L\xc3\xe7[\xc6\xbfL$M\xff\xe1\xba\xe1P.hw|\xb05\x97\x99\x907\\\x14\r/\xda\x14 Uv\xa3\x9f\xbf\xbf\x00\xa8|\xbe\xdfN\xb4\xdb\t\x83\xca\xa0\xe0\x8b\xa2\xd3IS\x1d\xb8\xc0E\xe2v\x15\xe3P\xac\xdc \xd8IS!\xac3\x16\x8b6\x85L\xafO\x00I?\xbf\rb\xe5\xfb\xa9\r_\xd6\x97\xcd&amp;\x12z\x83b\xb1\x186/\x9bL5\x1e\x1a3\x8e\xaa\x9c5=D\x16\x1b\xa18\xd1\x8a\x87\xc3\xc6\xe2H\xd8f\xd0\xca\xd6@\x9d\x8dT*\x7fq\xb1\x9dGTY\x9f\xc7\x93\xf0\x04\xa5z\x83mQd_v\x9bjh\x04"o\xb8\xc2\x82Ca\x8f\x9d`\x88\x96\xab\xe05\xcaE\xa2\xc5M\x83L\xabO$\x82Y\x9fo#\x95O\xf9|&gt;\x8f\xd2\xe9t*\xa5Ri0\x08\x82\xd9@\xafew\x03Mf\x1d+gXw\x14;e5\xf6\xbc\x05oQ.\x17C\xb7\x0b\x04\x12\x81,\xe8I .\xd0*\x12Qz&lt;J\xa9V\nO\xbdL\xb5\xb9h_\x8f\xc7\x99\x06DJ\xef\x8c#\xb90\xac\x0b\xab\x10Fe:\x0eXF\x9bM\xacQh,\x9ag\x12\xa9\'\xa1d\xb1R\x1f#\xbe\x88\xc7\xe3\tj\xb5\x12\x89D+S!\xb9\xcc^\xd7\nl\xec9\xee\\\xbcb\x8f\x15\xacXa\xa3\x98o\xd3h\xf83\xef\x01\xcb\xe9\t*#\xacZ\xa8\xb2\xbe\x84T\xab\xd5\n$2\x85\xcaV\x0c{\xbdqS\x19\xfe\x98[\x8e\\\xc4V\x1f\xd8\xceZ\x89\x17\xbc\xde\xb0\xdc\xc6\xe7\xbf\x9f\xe1\xbf\x7f\xfd\\\xf2\xd2\xe9q*#\x91\x83\r\xa8\x14&lt;| \x97\x80\x95Ka\x93\x87\xd5\xde\x02t\x17N&lt;\xccs\xa4\x96\xb5\xc3\x06)x\xe8\r\x8b\xe4\x1a\xbe\xc523\xf3^!\xd3J\x9d\x1b\x1bY\xa7\x03)\x05P\xb0\x18=\x1e\xa9\x00u\x9d\xc1\xc0\xcaU\xf0\x83\x8b$\xcc]\x1c\xf5\xd6-\xec\x85\xc4\x8a;\xee\r\xab\x8d6\xa0\xe2\xf35\xaag\xd25d \xca+(\x08\x8a|\xaa\xbf\xe1\x94J\xb4\x12\x81@\xf0\x16\xe4\x82\xf4\xf2\xd7\xa1\xe9\x01\xeb\x057X7\x14Lu-w\x08\xd4*\xca\x11\x15`\t\x82\x1b\xfd\xd46\xc0@AH\xe4\xf3(\xbd"\xca\xa0T\x02k\xd4`\xb0\x15\x01k}\xa9A\x12\xcd3\x8c\xb3\x90\x87a\xa6\x0eXj\xb5h\xd8\x02r\xc9\xf9\n\xa9\xc7\xc7F\xe9\xf66BB\xaf)\xdf\xc7\x8f\x11\xa7C*\x91\xc8 \xeaE"u\xc0\xcc4\xcad\x8f\xa3\xa1\x1e\x1b\x02,\xb2A\xbb`;\x1c\x11Y@.9\xa4\xbcT\xe98H\x01\x0fBB\x95?\xf8\x08T\xc0\xf5R\xab\x95\xe9\r\x08+ZX^iPp\xd6\xe0H\xad\xb3#b\x80\x85\xd4\x92\xf3\xe5|\x9b\xe1O\xed\x1fo\x1c\x07\x07\xa9G\xa9R\xa9\x03\xc0\x8aD \xbd\x12\xc15\xd807\x01\xcb\x1cu\xd5\x1b\r\xce\xb0\x86\x0e{$\x85\xb0\xec,\x96M\xf3\x0e\xd4\x12H\x95J\x87#r\x005@\x82\xbdgM\x99\xc8f=\xd9DP/3\xc8\xd5Q\xb3\xd9\xecn5\x9a\\\x8d\\\xd8a\x8fj\xb4\x00+\x14\x80\xf9O\xceW\xbd\x95\xc9\xf42\x99V\x0b;\x8d\xd3\xe1p\xbc\x81\'x\'\x13\xcff2\xfb\t\x18,\xf6a\xf4\xe2\x8fG\xbfD\xa3fS\xab\xc9\xd9\x0c\xb1\xda\xc9\xb5Z\xcc\xa9\xd9l\x0f\xe8\xe4r\xdblF\xbf\xb55\xfbv\xf6\x9d\xc1 \xfb\xe3\xa5\xe3\r`)\xb5\x06\x9b\xb1\x14\x8f\x9f\x9f\xc7\x00\r\xd5\xe6H\x14\xa8\xcc\xee:W-\x0f1\x7f\x95\x03\xb1\n\xd3\xd3\xf6\xcf\xc6W\xb1\xd8\xd6V&amp;\xf6\xadT\xf0\xc2\x9d&gt;\x08;\xb4\x03Z*\xf36V*\xc5\xf7hz/\x1e\xdf;\xff\x06pF\xa0Z7/\xd3\';\\\x99h\xed\xb6Z\xeexh\x1a\x96\xa21V:\x8f\xbb\xe2{p@d\xe2\xa5o\xb1\xfd\x84G\n\xb1\x9a\xc8db%\xef)S\xaf\xd3\xad\x16\xcd\xec\xb9\x80,\x8c\x9ak\x99\xe1\x10\xeb\xa6E\x03V(\xe4\x05E\xdc\xec\x91\x15\x95\xdb\x1f\xd2\xcd\xae!,_vmv\xea\xf3T\xc8\xe5f\x98z\x8bq\xbb\xf6\xf6\\\x05\x18"\xcc\xe6u\x0e\xb1\xb0\xef\xf4\x00\xabPp\xd3u\x90\x83\xa6O\xe2\xa7.W(0\xc2\x7f\xad\xd5\x07\xb3Y\xe7\x9f\xcfg&gt;\xcc\x88\xc5\xc6R\xe9\xfc\xbc\xf4\xad\xe4\xf2\xfb\xdd\x05\xef#\x16w\xb3\xfc\t(\x00+\xb1\xc0\xd4i\x86\xd9\x83\xce.\xc5fgg_\r\x8f\x8eZT\xda \xda\xa2\x9f\xcf\xcc\xbc\x96\xe9\xd7&lt;\xd9l\xbb\x9d\x89}\x0e\xb9\xfc\xaex!\x8a\xb0\xbesv\xf49{\xa0\xdd.\xd0*N\xd7M\xae\x12\xf4\xf3\xda\x1a$TB/\x1e\xff\xf4eT\xa0\x8c(%\xaf-#\xaf\xf8\xaftS\xba\xd8\x16dDF&lt;e\x0f\xadC+F\xd7\xe9\x93\xef\x9c\x9d}\xce~\x02V\x01\x06(\x93\xff\xf3\x948\xd3\x86#\xce\xfeVL\xa7S\x07&amp;\xbe\x8e?\x8b|T\xbe\xfe0\x1e\x98HW*K\xf5\xba\xc9}j|5;\x1c\xb0O\x17\xc2\xa2\xb0\x99\xe1\x16\x8b\x81i\xeb\x94qO\x07F\xc4\x99\xadsfe\xa5E/\x1d\x1f\xa7\xc7\x92\xe3\x92\x8dT\xe4\xf9\xf8dhw\xb7\xf2\xf3\x01\x17\xf2\x88\x16\x13\xb7\xebD#\x01{\xd8\x18\x86f\xe4\x0c\xeb\xc5\xe1_4S\x98\x9a\n\xf9\xa7\'\'u:\xffJY\xb8\xb0@tN\x8ek\xc7\xa6\xb4E\x9a\xdf&gt;x&gt;\x9e\xac\xecV\x98n\x07\xe7\xe5\xc8Ng\xc541&lt;&lt;\x1c..\x86\xa3n\xee\xd4\xc2\xe6\x11V\xa9\xe4\x1a\x9b\x9c\x9c\x0b\xed6:M\xf4\xff\xf7\xabN\xad\\;N\xab|\xd7\x17\x07\xcfF\x93\x95\xe3Z\xfd\xaf\x07\n\xef\xe5\xba\xddV\xb92\x07\x9b\xe7\xe2f1\xba\x0cX\xd8\x107\x83\xe0\xfc-}\x02X\xa7\xf6\xcf\x93\x93\xc7\x97\'\xff\xbc\xa2H\x9c|\xa0\xcb\xe5\xe3\xdd\xb1g\xf9\x1f\xdb\x07\x82\x0f\x13\x13\xa0W\x9d\xae\xd5\x1a\xad\x9fnw:\x19\x18\x16\xbf\xb3)\x16\xd5\xeb\x08\x0b\xc3^\xbc\xe0b\xf7\xe9\xd2{%\xe3\xd4\xd4\x94:\x90\x04\xe7\x98\xbdF\xadV_\xda=6\xf9\xd3j\xfd6`I5\xa3\x93\x93c\xe9\x8a\xc9_\x80\xe8\x8f\x19\x8b:\xb9X\xfcN\xf1vSd&gt;\xb9\xb3b\xab\x87\xf3\xff\xff\xc9\x19\xc3\xacw,\x96N\xa7\x9b\x9bX\x1e\x83\xa8(\x15\x80a\xb7\xe2ON\x88=\x17\x80\xe5\xd1jF\xe7\xa6\x97\xd3\xc9\t5\xc4\xc7\xa6X&lt;\xfbo^\xcd\xe5\xb5mm\x0b\xe3E\x1d\x98\x0b2E\x9a\x08a+\xd6+\x91Ax !D\x12\x10\x89PBj\xf9\x81\x83\xa5\xe0G\xf1#\xd7\xb5o\x9d\xc2m\x14\xeaR\x19B\x82\x9d\xc1\x89kh\'\x81P\x87\xd2\xd0\x82\xc1\x04B\xc8 \xc9i&amp;\x85p\xe0\x0c{\xe8$\x93\x0cs\x867\x93\x8e\xef\x92{\xfe\x04\xa5\x02\xc7\x1e\x18\xf2\xe3[k\xef\xfd}{9\xd1L$(E\xa1\xb5g_O\xdf|\x1f\xdc\x9d\xfa\xab\xd7\xe4x\x10\xfd\xee\xb0\xbc\xad\x8a\xaaH\x9a\x86a\x9a\xa2\xaa\x9a+\xb5z\xbd\x96\xdb\x98\xe0\xd2o\xff\xf7\xfb\xd3e[\x11\x04\xd2\xd2\xd6,^T\xf1^\xb3)5\xc7\xee\x87\xa1\x8b\xa9\xf2\xcd\xed\x80\x9b\xb8\x9b\x9f\xf4\x95\xea\xdd\xdd\xf5\xe9\x96\x87\x85\xcb\xb2(\xc2\xc9\x07P\xaa*Z\x0b9\xcd\xb2\xa6i\xa5\xfar\x8c\x15e\xa2\x8a\x8c\x91\x04\xde\x04o*u\xa4&amp;\xa0\xa5m\xc0\xeaf\x14\x89\xd17\x86\xbe\xde(\x05\xde\\\xba\xa5\x9b\xeb\xbf\x9f\x95M\x1c\xc7euL\x05\x1fD\xcc\xb2x\x82$\x1di\xf9\xe5\xd5\xd5\xdb\xa7\x85(C\xd9\x94@\xd3\x8e\x02GPG\xf2\xd4\x92^T\x15\xc0rB\x08*M\x0f\xfd\xed\xae\xeb:\xe6\x8a|.5\xc6\xc2\xbd\xfeR\x1d\xbcR\xc1i(\x96&gt;\x87\xf5\xec\x9d\xb7\xbf_]\xbd\xdc\xb1\x19&amp;l\x87!O3\xc1h\xd4\xbb\'\xe9\xb0l\xba\xf3\x13ku\xae:\xe13\xd6\xdd\xc8\x9d\xc0\x1c2V6\xd5F\x03\xea(\xe3\r\x85\xa2\x12\x15X\xfd\x0c\xe7\xd2\xf6\x8b\xa7o\xaf&lt;\xb9v(.\x18\xb6Y[\x92(6\xbe\xb4\xbe\xfeiyg\xd9\x1ec\xb9\xc8\xaasT\xf4\x15kr\xfef\xe4\xacM\xcbD\xee\xb5\x87\xd5\x80\x05\x06\x8d\x13\xa2\xa2\x14\xa3(\xcc\x1c\xd1L/\x1f\x8c/\xde^&gt;\xadRT\x18\xbc\xc4\x8b4\x1b/,\xad\x7f\xfa\xf4i\x99\x85o\xb9\xc5n~f\xce\xbd\xd5J\xbe\xaa\xb5u\xa9\xf57!\x1d.\x82Z%X\xf6\x00\xc5\xb2\xd1hG\xea\x81Xts`\xbf8\x800\xe6e\xd7\xc2r\xda\xb38\xcb\x85\x02\x04F\xa0*&lt;\x0eE\x15\x0e\xb06\x9f$\xf4\xde\xe8\xccO\xac\xc0\xd6\x99VZ\xc3\xc8\xb9\\2c\x96d!!u\xa6\xa6X6\xce\xda\x14\xc3\x08JU\x92l\x8f\xe9\xe5\xdb\xc2\xd4\xfa\xc1A\xd8\xb6m\xa0\xfa\xe4Q\xad\x17\x1e\x86\x82\x88\x0e\x89\xbfK"\x94^\xbf\xf4\x15\xeb\xf9\xf9(\xcf\x8b\xc4D,\xf9\xda\x94Q!\x11\x8c\x86\xa7\xd8)\xc8\x84\x14\xc3q\x9d8[\x91\xd9\xa7^xu\xb2\x99\xe5\x830\xc8\xb5|p\x00X\xeb\xebKKS\x8f\x10\x0eZ\xab[D;/\xaa\xc5\x1b?\xaf\xb9\x02[\xe75\x9e@\xa7G\xb5v9#\xd2(\x83\x00W\x18\xb0\xc2QF\xe0\xec\xa5\xd6o_f\x19\xa8\x9b\xf3\xdb\x7f\xbf\x18\xeb^n,\x1cxR\xc1\x13\x9f\n"\xdc\\\xb1\xdb.Q\xd5?\x8ezw\xben[\xf37\xbb\xf9^\x03\x1b\xc5\xda \x97\x88V\x98\x08\x12\x8a\xc6\x1f?\x8e\xb3\xc0\x15f\xeb_\xfe\xf5j\x93bml\xf7\xcb\xde\xf4T\xb8j\xc7\xc7\xdd\x0eb\xc5=\xb1V\xe76\xdb\xedR\xba:\xa0{\xd7\xbe\xda\x9b\xc0u\x1dr\xa1\xca\xf3p\x12\x9a \x17*\x00\xd6\x14\x04V\xd0K\xa1\n\xdc\xc8h*\x80%\xe9$M\t\xbde\x88\xfcc,(\xe1\xc3\xd0\x0c\xf2\x0f\x16\xb3\xb9\xd1\xff\xee\xabZ\x81\x8br)\x8f\x898\x11k\xe7\x0c\x92\x90e\x01AB\x8f\xa6\n\xa0F\xd8vH\x9a\xc4z\x8a\x9d\x0e+\xb4\xeb\xe67]X\x87c\xb9\xd6\x0bK\x0f\xc3!af\x15\xd3\xa0\x88\xd1\x8d\xdd\xda\xd0g\xacw\xaf\xc5\x8d\x91\x85\xd3\xb1lR\xe3\t\x19\xc5\x05$\xfa\xf0q\xdc\x0e\x87Y;?\xda\xc8-\x92:\x9cy(\xc1\x1b\x16OWw\xbc\x1b\xaeq\xbf\x87\x82\xa1\x08\x87\x92Z;\xd5\xe7\xf7\xf6H\xfb\x87\xcf\xa3\x82\xd7\xf9Q\xbd&amp;\xca\xb9l2g\x892\xacF\x0fk*\x1a\r\xb3\x12\xbf\x99\x8b\xc5\xd6PJ\x97\xe9\xe9\xb5E\x8b\xc7l\x0f+\xbc\xb4\xbe\xf48\x1cD\xa0\xe3iol\xd0\xdf\xad\x13\xe9\xe6\x0f?o"&amp;\x03\xcf\xcf\xf2\x0b{{I\xd1He\x93\x06A\xd0\xa8\x10\t\xc1&amp;\x11\rEY\xc5Z\x88\x8d\x16\xd6h\x8e\xc6x\x92\xe65K\x95\xd2\xe98,\xd4\xc2\x12\x1bE\x90 #\x10\xc5n\xaa\xed\xd4x\xa9\x97\xbf\xf0\xf7\x82d\xfe\xc6"\xea\x1f?\xb6[\xd9T{E\x84*\n\x11\xd8#\xe0\xbf\x86\xa2\x0c\x9f\xabi&lt;IB*\xdb\xa0\x95\x9e*b\x8e\xa2x\x83\x0c\xd8?B\x11\x84AA\xacn\xbb\xed0\xd5j\xff\xd2\xdf\xeb\xa4@\xe0\xba\xa6\xaa\xc6n\xddJ\xa6\xb2+-\xaf\x8a\x95H\x08J\x840\x15\x19\xbc\x8d\xaa\xeb\x0e\xafiyh\xfc\x81\xddP\x9d\x1eC\x85AM\xd8\x1c\x04\xddu-\xc0\xea2T\'=\xb8\xf9\xe03\xd6\xbbT\xbd4P\xf9\xcd\x1aT\xf1\xd8\x04\x07Q\x99\tF\xb9\x19A\xc6x\xcb\xe9)\xc3a\xcf\xe9\r?\x7f\x1e\x0e M\xf7\x1b\xe0y*\xb0\xe5\x069\x01\xa5\x89\xbc\x91k\xa7V\xa4\xb0TU\xee\xb6|v\xf2\x1f.\xb7\x07\x03\\\xdc\xac\xcfB\xde\xcf\x98\xa2\xfcdFQ\x04T\xb6\x0c\x11gz@\x04L\xf0\x0c\x87\'\xc3\xc1PQ\x9a\t\x19\x87n\x17Vip\xb0\x1a,D\x8d]b\xd3\xd2\x0f\x7fG,\x93\x81\xad\xeb\xe6\xa0\xd9\x10\xf9\xfa\xfbg\xfb\x10\xf8M\x91\x10\xc0;\x98\xe0\x9e\x1d\xbd\xe7|\x1e\x9exP\xdf\x00\xcb{wzR\xa7!r\n\xb3\x8a\x9a"\xe4$\xa3\xbd\x7fw\xb4\x14g\x8fN}N&gt;\x81\xf9\x8b&amp;X\xf3\x86&lt;:\x84*\x963-\x91\xc09\x94\xb7T\\\xc5\\\xd7\xfd\xfc\xcd-\x16\xbf}\xfb\xf9\xda\xdc,j\x99\x84\x842\n,B\xa3\x95\x17\xb1L\xfb\xe6\xc1\xe9\xf7?\xbe\x9f\xfa=\x8f\n\x04No\xa9p\x87\x92\xaf/\xce\xf7\x93\xe5\x16\x98yz\x956\xccf\xc3\xd0\x8a\xe0Z\xba\x00\xe4=\x9edZ{\xf7\xe3\xabLBa\x10D\xc7Z-Lt3\xdd\xeb\xc0\xcf\xdf\xf1\xfa~\x011\xff\xe6\x8fj\xe7\xe8jk\xeb\xef\x14\xa8u\xdcRq\x94n5\x9a\xc6\xfb\x8f{\xbbm\xa8\xde\xc9\xed\xed\xc9\xed\t&lt;\xb7\'\xdf\xba\xc9\x15\xb5\xc2p\x0c\xa7C0S\xf3\xa2\xd5\x86mt\xf2~\xa6\x18\x81\xad\xd3\xd3\xe7\xf3\x81\xc0\xd7C\xe8\xad\x95c\x13\xb0\xb0\x06\xbe\xf2\xea}J\xcbC\xaf\x03\x90\xf7\xf2\x9ea\xa9\xd4O$*\x0c\x83\xba&amp;\x86a\xf9\xbc\x96\xba\xb8\xbf\x11:4\xbe\x97\x89\xbf\x1e\x96\x01k\x05|\x17M\xe0:\x84 \x13\xf6\xa9\xa1\xa7\xd4\xed\xed\xed\xceQ\xb5\xda\x91\x14\xb0\xaf\x14\xc8\x85Z\x10\x910\x95\xef\xa6\xee\xf3g\\\xe32L\xfey\x98,\x1f\xbf&gt;n\x99^\xfe\xa9x9\x08\xafx\xa3\x03\xc6\xf3\xcfv\xb8#\x05\x83!\x8azD\x81A\xa4\xdd\xbc\xa8\xd2\xa2u\xbfX?\x9f?\x0f\xa1\xb9\x8e\r\xc3\x10\t\x02O0\x15\x01\xdc\x970\x93H@L3e\x81\x8bD&lt;\xeb\x1a\r*\n\x87:\x8e\x8a\xa9*\xaf\xb5\x0f\xef\x1bk2\xf0\x97\x87e\x18\xc7p4b8S\xc1+B%2\x13\x89\xcc\xcc@\xca\xf6&gt;y\x03aDQ\x10F\xa7\xa1\xcc^oi\xed\xfd7\xf7\xfe[\xa9\x8b}oC\xfd\xa9\x96\x8c\xa3hE\x98\x01\x9f\x00\xc7\xa30\x1e\xc7\x06C\x8fB\x88\xc0q\x88N\x13.\x86\xb9X\x9e\xcf\xcd\xfe\x02\xacw\xe5Y8\xaeW\x8cL\x1e# w&lt;AWW#\xc0\xf4d\x8e\x9c\x98\xf87\n\\\xf0p\x0c\xc2\xc1iHb.MZ\xc5\xf6l\xf9\xfe\xb1\xde\x9c\xcf\xfe\'\x9b\\\xc9\x19\xe0\x9e\xa7Io4\xbc*T\x04\x17\x9b\xc0&amp;\\Z\xe0\x82Q\x89R`\xcfbP\x14\xbc\xb47O\xd4R\xa9\xf3\xd3{o\xf9\xd3\xf3\xd4\xabT,\x97[Y\xb4H\x92\x98{\x82B\xf1\xc0\xd784\xfc\xd1\x15\x8a\x92l)\xc8\xe8\x1c\xee\xe8s\xa4\xd7X\xb1v\xaa\xbb}\xefX\x81\x0f\xe7Y\xa8b,\xb68\xc6\x02\xa7\x8a\xe3\xb0\xb3\xea\xbd^\xcf\xe9;\xbd&gt;8\x1b[\xe1t]Uu(\xa2e\xe5b\xb3)\xed\xec\xc3\x83\xfb\xc6z~V\xcb\xd6\xb3\xd9l,g\x81\'%\xbdA\xac\x8e\x03O\xaf\xafBh\x1b\xf6\x9b\xfd\xa6\xc2\xe8\xdee\x93\x83Y9#7;\xab\x15/\x9f\xdfs\t!a_\xc6b\xb5\xd9W\xf5\xda\x82\xa7\x17O\xd0\xb4\xe3\xe0\x00T\xea\x972}\xef]-\xf5\xa0\xb1D\xc3\x94\xb1\xc5\\\xac&gt;\xdb\xb5~\x01\xd6\x83\xc0\xcd?X\xb1\\,\xd72\xc67\x96\xa6\xba]*\xa9\xea\xf9\x997\xfdTU\x11WE\xd30\xcd\xc5\x85\xdan}\xa1\xc8\xff\n\xac\x07\x80\x15\xab\xd5w\xeb\xb5\x1a\x942\xd7Z\xb4\x8c\xe4\xf1v\xe6\xac_\xda.\xef\x9f\x81f\xa6i\x18y\x03\xb6\xdc\xff\xf3r\xee1Mfi\x18_\xdb\xc9v"\xedv\xc0%\xbdA;\x03\xa5\xd0Z\x82\x960\xf46\x14K\x8b0\xc0\x94\xa4\x86\xedjq\xd8\xd6\xc0`\x85\xb8aC\x99\xdd\x96*k\x00\t\xa1\x19\xa8\x84K\x02\xb2\x93`\x16\x13\x95\xb8xK\x06\xe6B\x88\xbb\x1a\x88\x19\xfe\x80AX\x88bt\x1c!\xbb\x88\xe2\x1au\x9f\xf7\xebl2\xc9\xdefF\xe9+~\xf0W\xfb\xcb\xf3&lt;\xe7=\xe7\xf4;_KR\xcb[ZR="m}\x04L\xe4\xfc\xcda\xb1XR[\xbc-z\xbd\xd7\xaf/,\xb1\x82\xee\xc3\xe2K\xfb/]z\xff\xdc\xd1\xfdG\x8bK\n\x0bsJ\xca+\xed\xf6\x03\xe5\x9d\xfaT\x8fV*\xf5D\x02\xeb\xabT\x8b\xa5\xc6\x92Z\xee\xed\xec\xec\x1c\xf0\xdb\x0b\xed^{Qaqq\xf1\xd1\xa3%\xb5\xe7\n\x1d\x85z\xbd\xdd\xee\x1d\xd0\xeb[Z\xbcz\x87V+\x92F\xc2D\xc2\x02\x17\xf4:\x807\xee\x1c\xe8\xf5\xfb\xbd\x00)\xb4cmh/\xd2W\xea\x07\xfc\xde^\x7fG\xaf^\xaf/\xb7\xe7\xc8ER\xadV\x1b9\xac\x1a\xe8E\t\xf3v\x0et\xf8;\xfc^ooee\x91\xde\xef\xf7\x1f?\xee\x07i\xafWo/\xa7\x0e\x12\r\xae}\x11\xc9\xd6#\x06\xcbj\xb5B0(\xe6\xed\xf4w\x1c\xef\xe8\xe8\xf0\xfb\xf1\x07\xfd\xfa\x00\xfay\xf5\xe5\xa9V\x0fM&gt;$WD\xd4z\xe4`\xb0&lt;\xc0J\xa5\xbe\xd49\xe0\xed\x18\x18\x00\x95w\xc0\xab\xaf\xb4\xeb\xbd\xdeNh\xe5\xf0\xc8i\x0e\x88\x06U}D\xd4\xbar,\x15\x1e\xd6\xd4\x80\xcb\x92j\xb1"\xfb\x08\xbf\x17\x83\x92\xb2\x8e\xd1\x89\xb2\xe7Xs\xf6D\x03\x8a112X\x1f\x1d;\r\xac\xfaz\x0fl\xb4X\x1c\xe8\xe4%\xa9H}\xa7\x9e\xca[^nw\xe4\xd4\xe6\xec\xa1\\1\x1e\x12\x16\xe6\xc4M\xc7j-\xa1\xc4\xd7x0\xc4\xc8G\xccA\xb5\x9a\xed\xb5\xb59V\xab\x83\x0e\xba\xd4\xa2\xc3\xd7b\xb6$&amp;\x91I B7\xad\x8f\xc0\n\x82\xd3\xfa&gt;a\xd5\xa3Mj\xad\xa7)_9\xb5\x9a\x18\xba\xe1\xa2\xd1l\xc7\xae#\xa6B\xf3n-\xc3\x04\x0f\x05&amp;7\xc9U\xdc\xba\xf9X\x7f\xfa\x90L\xf4hE\xa2z\xb4\t,%\xac\x84U\x16\x13\xb3\x0b\x8byMEY\x8c\xe6]\xd1v\xd1\x1e9\xa2\x15-\x17\xb8\xa5Z\xf9\xbe}\x11x\xae\xa6\xff\x12\xb0\xea\xeb\xb5"\xad\xc7\xea\xa99p\xe0\x80\x03X\xd8\xae\x96\x81\xac\xa0\xa2\x02[\xa0\xe8\xe8\x1c\xa2\xc2\x06CdrGc\xf2y\'\x02X\x87\x18,\xccuZ\x8fg\x8f\xf54\xb8\xb0\x86)\x88/\xa8(\xc0O\xfc\xc1\x82\x18\x81@\x9e\xc3\x9c&lt;\xc3\xba\xd9\xc4\xb8\xb8\xefJ\x04\xb0&gt;\t\xab%\xd5JEr\x8f\x85\x91k{Y\x01\xc0\xc0UQ\xb1K#\x10\xc9\xe5\x02\x13\xb6A\xc9th\x16.\xee\x8b\x08\xd6_S\xa9?\xc0\x1b-tq`\x99\x83t\t\xc0\x85-,\x02\x86\xb52\xe6g\x017yWr\x19\x97+\x90B-\xe9\xe6cq8\xfd\x9f\xa0\x9dz\xf0fZ\x91\xdb$\xf2X\x08\x8b\x19\x8c C\xde\xdf\x8e\x16\xc9\xa3\xa3\xb1\x07\xc2^\x91\xd4\x82\\\xa2_^\xd9\xe4g\xc1\xf1\xe2\x7f\xe9vXj\xb4\xa4\x82\xdb\r\xbf\xac\xb4\xdb\xc0\xe6L\xc0e\x01\x8b\xab\x89~S#\x10\x98\\:\x1dK\x96\xcc}\x93\xebt\xbb\xa5n\xf9#\xce\xe6rq\xb2\xbf&lt;Yd\xb5z\x08+\xda\x84n)\xc7\x1cd\xdd\xe3\x11\x98L\\\x99\x0cj\xc5\xbc\x89}\x90\xc0\x99\xc8bQ\xb4\xb8.\xae\xdb\xed\xfe\xad\xe8+\xce\x91\xfe+\x1fm\xde\x93\x0fG\xd6~s\xb2\xdbaE/u\xc3\x1f\xae\xd3$\x90[\xadZt\x03\xa7+Y&amp;\x93\x95%\xef\x8aa&gt;,\x01\xd5[\x89\x00s\xba\x9cN\x93It\xf9\xf3\xcfN\xfe\xe2\x8b\x85W\x7fh&gt;)\x89\xc3P\x8dn\xfb\xb8\x08bA\x03:m\xedt\xba\xd1\xbe&lt;r\r\x17\xaea\xcf\xcf"#u0\x90\'\xa1\x0f\xed\x13\x13]TN\xf9\xef\x9e\xfe\xa1\xef\xf5\x9f\xcd.\xbcr#\x938G\xb29\xfdk\xa3\xb6\xb9\xaf+\x19\x0f\xdd\xce\xf0[\xba1"E\\\xfa\x1c\x9e\xc7g\xf3\xf9q;\xe3Y:\x19=\xa4A\xb7{d@t\xb9L\xdacO\x9fV\xf6\xbea\xdbh}\xb5\x11KJ\xca^\xfd\xec\xd3\x8d\x95Q\x9bm\xeed%\x02/\x95b\x9b\xcf\x85M\\\xf4%\xa9 \xb9\x80\xc5\xe3\xf3\xd9y\x8a\xbc\x04\xbe\x84\'c\x85\xb1x\x84\xa6s9M\xd2c\xddw\x8b*\xfbF\xc5+\xf0\xf1\xd5\x9dKJ\xe2L\xdfo~2gC\x19\xe6\xb6U~\x1b-\'\x17\xc1f\x81\xcb\xedd\xa5\xc4\xa7\xf0\xd9\x8a\xfc\xbc\xfc|\x05\x1f\xf6I$|\xaax\t\x0bjAPK\xf7\xddn\xfd\x13\x95X5\xf8bm\xa15;\xe9\xe5\xc9\xf0\x12\x9c#\xeb3#\xe3cs6\x83\xc1`\xb3\xbd\x0e\x13\xc9C\xa7\xd3\x05,\x1e+\xd9\xed\xe6\xb2\xe2\xe2\xe2\x12\xe8\xfc\xf0\xde\x04\xc2\x02\x94B\xc1\x86\xa5|R\x0b\x9d\xab\xa6\xfbn\xa1\xdff\x16\xab\xd4*\xd5\xe8\x9d\xd5\xe9\xec\x97\x94\x8c\xa0\xa6\xd7g\xdaGFB=s\xc4e\xb3\xbd\xa1\x07\x16\x14rbzI\x84_2\x97\xd3\xa5\xe3\xd1\x1d\xf5\xdd\xa8\x046_"\x91\xb0Q\xfc\x14\x12\x8c\xf7/,\xfb\x13\xb1X\xacBe\xdd9\x13\xb8\xbf\xfe2`\x88g\xf6\xf4\xfd\x19\xdf\x08*T\x05\x17\r\xe4\xe2\x07L\xe4!\x96N\x87N\x0e9\\N\x1d\x0b\xc1\xca\xcf\xa3\x9b\xd3$\x12\xfd\xb0\x15\xa4\x96\x84\xc5\x98X\xd3}yr\xd4l6\xab@\x96\xb5h\xcc\x88\r\xdc\x9f\xce\xfeq\x9f\xd4s\xc2P\x8d\xbeP(DX\xa1\xf9\xb0Z\xb6I\xab\x96\xb0\\.\xb4\x04\x8c\xb5d\x1d\x15\x8f\xad\xd8\xbd;\x0f$\x04\x16Gp\x8c\x8b\xc0\x02\x95\xf6\x9d\xbb\xdd\xb7\xc5b`\xa9T\xea\xd9\xb3\xc2\xa8\xa8R#\x81\xfd\x88A\x99D_\xfb\xb0\xb645u/HX\xa1\x90o\x19\x99\'\xac\xdb\x0e\x0f\x89E82\xf4*\\h\xe8A\x1dF\x1fE^^\x82\x82\x92\xc5PIx\xe8\xa7n\xe9\xd1\xcf\xbf\x98`\xa8\xd4\xea\xcc\xc5\x80\xf0\xe7\xb1Q\x19\x19i\x8f\xd7\xe8;@~\x98\x95\x9c\x9f\x1c\xfarc\xc5`3\xdc\xb9\xd7\x9e\x1b\x02U\xc87\xfeMX\xae\xd11\x8f\x94,\x94\x11\x96\x8c\xc7"*\xcax\x1e\x8a\x8d+\xc9DTl\t\x9f\xc7`9\xa5\x97?\x1dU\xa9(\xf1\x99\xea\x07\r\xc2\xd8\xa8\xa8\xa8Xa`J\xbc\xb1\xd6\xcfI\xfa\x01`P\xaa\x7f\xf5\xefS\xffXZ\x1cnW\xe6\xe6\x02\n\xff}=\xdf\x8e\xc5\xd1B\xa9\x80\xcb0Qc\xc7E\xc6#\x1cz\xc4 \x8f\x91)\x8e\xa1\xa2\xec\xf3x\xbad\xa7S~w6S-6C+\xf5\xd0\xb00#*\xea\xa7QBa\xdd\x90\xd9&lt;\xb8\xb1\x00\xc5\xbe\x1f\x17\xc6Hv\xff\xda\xca\x83\xa5[g\x9b\x8c\xe9\xca- \xcaU\x02\xce\x17\xfc\x86\xb0\xa0\xe0\xec9\r\x83\xc5b\xb4"\xb5\xd8$\xd5\xaf\xf72\x91\x0f\x17\x1c\xe4\xf3\xd0[i!qnE\xadV\x11\x95\xca|\x0by\x87X[\xb7\n}\x8b\x0f\x86\xc4+++/Z\xb3\xbf\xc7}*:\x9d8\xbd\xb01qshj\xd8(,M\'\xb1\xc6\x83U\xc1`H\xd9\xd0c3d\xe1\x9f-k\xb6\x96\x9a\x83,\xac\x17.\xd4\x11\xf2v3&amp;2\r\x8bb\xc6\xe3\xa5\xf0SR\xe2\x11\xbe\x92Yu\xa6\xcal&amp;\xaa\xa5&amp;\xa52\x8c\xb5\xa3:\xadqx\xf1\xc6\x94\xca\xbc\xb1&gt;\xfd\xff\xbeg\x06\x11\xccn}\xf1\xec\xe1\xc3\xe1\xb3g2\x84\xc2\xd8\xd7\xd2\xb7l\t-\x9fXn;1?\xd6\x16\xa8\x9a5d\x1a\xb22\r\xb6\x89YMA\x01A\xe9(\\:\x96\x84F\x1e=\x8f\x91\xc7\xf4\x06\x1a\x8f\xc8\x15\x1a\x05\xdal\xfc\xb9Yqff\x98jh\xb84\xb4eG5S]\xd5]\xa8\xba\xa9\xa1\xc1g\x8f\x9f-\xfc\xafQI\xa3\x8f\xec[&lt;\xdb \xccP\xc6\nwd\xa4\xa7+\xc7\x97\x9b\xdb}\r\xedU=\x93m\xc6\x9e\xd1\xac\xac\xac\xccL\x83a\xe2ZE&lt;\xa3\x13\xad\x1bd:\t\x83B\xa9G\xa20\x1c\xa1\x16\xe6\x1f\x05;.\xff\xbd\x9d\x17&amp;\x06\xd5j3Yh\x1e\xbagT\xe66\xd4\x91\xf6\xc1\xba`]]]cSS\xe3\xf0\xd4\x83\xa1\xc1\x95\x8d\x85C\xff%d4\xcb\xb4\xae&gt;\x1e&gt;\xdb\x94\x96FTt\xf5\xd55/\x8f+s\xd3c\xa3\x94\xa1\x9e\xc9\xc6\xf1;\x80\xcaR\xa9\xb3\xb2T\xe0\x8ag\xc9\xc2-B\xc7\xe3?\xe7\xf3\x9f\xa3\x85*\x98\xae@`h\xf5\t\t\xf9\x87\x0f^\x9b\x184\x8b\x19\xad\xc4CS\xbe\xb4\xf6\xe6SmU\xc1\xe66\x80\x05\xab\x9aQUu\x8d\x8d\xc3\xb7\x96\x96\x9e=^?\xf2\x1f:?\xa08\x87V\x1f\x9e1\xa6\t\xb7\xc2=ezu\xb5\xb1\xae\xaa\x99^\xc2\x97\x1b[Z\xaa\xccm\xf6_oX\xbeIX\xaa\xcc,5\xf4\xda\x19_PFc\x11s\xf3svx\x01\x81\xa1\x88P\xf1\xe3\xf8\xec\xb8xE\xc2\xde\xc3\xfbgU\x83(P\x91V#M\xcd=m\x8d\x81\xae\xf3cc7``\xe3\xf9@S;^\xbf\xeaLW\xa0\xa9\xabifu\xe1\xdf\xc0\xe8\xeb\xa1\xd6g\x1a\x8dB\x14\xf2X\xfaZZ\xe3\xf5\xabW\xeb\x1a\x8c\r\xf3}\xa7\x8c\xc2\xdc\\enp\xf2\xbcq\xa4\xe7&amp;\x90\xa8\x01\xa9\xc8\xc7\x02\xdaH\xd0\n\x86\xcf\xb4*\x05\x93.fJT\xc4%$\x1c\xfe\xfd\x85\xdb\xe2\xefP54\x9d\x9a\xbfn\x14\xa6\x05\xc7\xfa\xb6\xfd1\x10h\xbcp\xed&lt;\xe0\xd2\x1a\x82\xcb\xcd0\xa8:\xad\xe9\x06&amp;\xf1\xefr%1s\x9f1\x16%\xdcA\xbd.\xe3\xcc\xd5\xab7.\xce\x9f\x0f\x18\x9b\x8fo\xebk3*K\x95\x19U\x93uJ\xdf\xc8\x89\x9b\xc0\xa2\xa5\x80xbLs\xf0\xad\xc40\x14[\xc1g\xa8\x08+%\x85N\x0e&amp;\xbc\xf7\xab\xb7\xc7F\xcda*t\xad\xa1{\xbe\xdc\xe0\xd8\xd5@ZWp\xfe\xe2\xc5\xbe\xbe\x8b3\x7f\xfe\xfa\xe3\x0b7\xba\x10\xfe4_\xcf\x89\xc0?\xab6\xa3\x906\xf2&lt;\x8e\x1b\x18\xc32y(\xf42a\xf0\xda\x87\x93\xe3 \xb68\xe3M\x87\xc0:\x84;{g\xb9\xf6\xb04\xc7\xed.B`\x0f\x8e\x13\x16&amp;\xe4\xa1\x94y\x98%0\xe5&amp;\xb9}\x98\xc0\xc0\x10\x99\x87=\xa1\xb0a|\x88+\x81\xe4\xcdX\x10I0\xab\xf5\xc5X\xa8\xc5F+tQ\x16\xc4\xa3T|\xd8\xef\xef?\xd1\xed\xfdq\xa2h\x92\xf9\xcc\xf7\xf7\xfd\x7f\x7f?a\x82o\x92T`\xbd\xf2\x17\xa7C)\x82\x8a\t\xbc,\xf3\x9cju\xdb\xdb\x05\xa3\xf5\xb8\xb1]k|\xfb\xf9\xe7\x9b\xf5\x02\x9a\x85\xb7g!\xbfL\xd4\x11F\xc1\x1aYi\xdd\x9f\xfb\xcd\x1d\x84\xe65\x16\xee\xbf\x1b\xc5#\xddYs\x8dn\x1b|\xfa\xe0\xb3\x0f\xe9K\xaa\xd4\x18\xa8L\xe9m\xcbJ\xaa\xb5\xbdF\xb7\xbe\xf7\xc9f\xef\xf4\xf4\xf9\x8f\xfd]pI\xf3n\xab\xce\xf8\x90\x1a\x00\xbb\x8cOHU\xd4(N\x10(\xb2,\xc4\xca^]\x93\x8c\xc6\xf1\xb3\xe7\xfdf\xcf\xf9\xf6\xf1\xc2\xc5\xae\xaa\x9a{\x8e:\x8dbZ\xefB.\xcc)+\x9b\x7f\x9e\xbby\xed\xd7P\xe7\xde=\x90\xc0\xe2\xf7\xf2\xa37\xc8\xeb\xf9\xa7\xf7?=D*\xd0\xd4\x90J\xa7n\x83\xca\xd24\xa7e\'\xdd\xbd\xa0]\xd2\xbd\xcdOZ\xdb\xbb\xfd\xd5\xd5\xd3]\n\x8bb\xab9/\xcbr\x0e\x07$\x1b\xf4\x99\xff\xfdDR\xc5\xe21\x1e]\x81\x97%\xc3\xafk\x9c\xe57\xbb\x17\xab\xcf\x1au\x7f\xf3\xf1\xc2\xf3\xbe\xad\xf9A1i\x9any\xf9\xc59\xe3\xc2\x19\xc1\xf5\xd9\x83\t\xba\x8bk\xf6\xd1\xec\xecl&gt;?\x9b\x9f\x19\xa5\x9b\x19\xf3O\xefn\x1e\xa2\xdd0\xa8tj\xe4d\x191\x8aX\xde\xab\x16]\xc7F\xb5\x8a\xfa\x7f~\xd5\xa8\xf6V\x7f\xf8\xe1\xb4\x90\x93sNk;\'\x0f\x0f\xcbt\x0c\xf3\xccT\xff\xfd\xc9\xd6\xd0\xa6bq\x1e\x0b\\r1p$Ulw\xba\xdd\xfe\xb3\x85\x85\r\xaf\xdbx\xfc\xe3\xc5Ys\xe3l\xf9\x05\xad\xe5%\xe3\xddG\\w\x1fL\xdc\x18\x9d\x99}\xf4\xefG\x8f\xf2\xf7fP&lt;x}t\xee\xaf\x1f&amp;\xe1&gt;dU\x1a\x8dadq\x7f\'\\\xfb{\xder\xadV,\x16\n\xc5\xb7\xadMo\xbb}\xb1\xfa\x1cv\x83\xdb\xe6e\x00\r\x16\xdd0\xf6\xfa}-\x9b\x8dE\xa3q\x00\xc9|&lt;\x1e\xe7\xf5\xc0\xe2r\xfa\xc5\x85_}\xdfXXX\xe8m\x9fm\x1d\xbc\xdfj \xf8\r\xd74a\xaf\xa4\xf6\xee\x15\xe5\xd0\xc8\x14\xd5\xf1\xc9\xcd\xa7\xa3\xec\x93\xc2\xf9|~t\xf4\x06\xdd\xf9\xfd\xfb\xd6a\x1ae\xbe\x9dB\xa3z\x98\x1e9\xd7\xdd5Z\xa6i\xea\xbe\xb7\xbcD\xab\xb6[[*\x17\n\xf5f\xb5i\x97\x1a\xcd\x82|\x05\x05\xac?\xbc~\xbfde\x85X4\x1e\x8fr\\(\x97\xd0&lt;\xd58#h\xd7\xccB\xf1\xec\xe8|\xeb`\xa9f\x17\xbd\xc0pu\xdd\xa5\x8e=M\x8d{\xe7\x15\xb9\x1er\x8d\xad\x1c?\x99\x18\xfd\xcb\x0c\x98\xf23\xff\xf8\xfb\xcd;w\x1e|\xf9\xe4\xf8!\xd4\xc4hE\xd3Yjqk\x8dM\xb7\xd3\x8a\xa2\x8a\xda\x9a\xe3\x18\x16\xb2\xbdV\xab\x01\xceB@\xd4\xfdN\x1dT\xbf`\xc9C\xaf\xb7-M\xe5\xa2X\xb1X\xa5R\x19\x8f\xc2\xf7R\xfb\xb4\xc8\x1b\xf5\x82T\xb0j5\xdb.j\x9af\xfb~M\xd4\xbdj\x99a\x91\xef\x93;G\xa1\xebGF\xd6_\xde\x87^33\x13\xf49\x82\xeb\x7f\xbc~k\xe3p\x12T)&amp;\xd5\xc3\xc5\xfde\x13\xe3\xdatDQU\x01\x99\xa8\xba\x8e\xa3#\x0e%\t\x11\n\xbc\xba\xe7wq\x0e)7(b&lt;\x0e\xb5\xb6\xb5,\x86\x1f,\x01:\x8dG"\x1c\x1f\x97\xe7\xed^\xbb \x8b\x9aV\xc0k5MU-(o\xab\xea\x9aS2\x93\x03\xaeHF\xbd\xe4\x9a\x1aI\xbd\x0c\xbe\x9a\x98\xf8j\x8en\xf0\xbfu\xeb\xfbc4s\x94\x8fA\xad\xbcY\xd2H\xddl\x0c\xee\x15T\x13\\9\xad\xec\xbcu\xd0=\xcau\xbd\xe4T\x11D\x92\xa6\xeb\x86\x94cJ\xc5Y\x11UU%*\x8ec\xb3\x06\x07\xc1*\xbc\xa8\x95\xfam7+H\xf3\x12\xdeE\x92\xca\x1e\xe2\x02OT\xb3\xaa\x9aLF"\x8c,\x92T\xcbG\xa9P\xae\xb1\xb1\xf5\xc6\xdc\xf5\'_\xfc\xe9\x8b\xbb\xbf\xfd\xfe\xf8\x10]\x93\x94bR\x1d\x14\xf1\x92l\x8c\xc3\x82uu\xbf\xee\x18\x86\x86\\7t\xf4C]\xaf\xa3\xd5\xe1,\x9a\x8e+\x1e\x1e\xce\xd1.$\xb0!\xd4,:\x1e..&amp;\xf2qnz:\x93\xcd\x9az\xb5\xda\xae\xdb\xb6\xa5\x15m\xdd\xf3uKU\xb5$\xa67\x9cB!\xae\x08q%\x92\xc6yjP\xc7\xb1\xf5\x97\x1b\xff\xfc\xe6\x9b\x7f\xfd\x8dA\xa5\x07RMB*\x8c \x8a\xc2qx\xffhL\xf5\x1b\x12q\x81\x95\x00\x00\x03\xa6IDAT\xbdf3\xa8V\xf5\x82d\xa1\x889JP\xb1\x80\xb8\xb0\\\x1b\x93\xb4L\x82\x91\xbf\x81\x15eXP)\xc1qqYHf\x81\x05\xaef\xb5\xdal7\xab\xbd\x8eGP\xaaT\xd2\xedr\xa9\xe4\x97T\x80\x81,2\x1d\x89(\x11wk\x9d\x95q\x8a\x1cv\xfc\xf5\xd7\x1f\x98R\x18}H\xaaI\x92J%&amp;\x05T\xe4\xde\xa4\xe3y^g\xa3w\xea\xd9H\xc6\xb7%\xc3p5\xbbX6\xe0bb\x13\x051\xac$?\x14C D\x89,QI$*\x15\x11H\x99\x0c\xc04Ww\xaa\x1eF\x10{&gt;\xa7\x99f\xa9\xeb\xf5\x82\x8d \x08|K\x89$"\x0c\x0b&amp;\xe6\x92\xfb\x8bL-"K\x1d\xae\x84FO\xd3`=\xf9\xea\xcd\xb6\xa4*\x1c.\x96\x1b\'\xb1P\xc4hN4\xcb\xe4\xa7\x8e\xad\x07\xa7\x1b\x1b\xa7A\xb5\xebw\xbdnw\x1b\x95\xb1%\x11\x9e!.\xa8\x15\'.&gt;F\xb6\xe7\x12\x15N\xc80(,\x90\xa3\xb7k\xb6\xa1;]\xdf\xf0\xfbAg\xe3\xb8\x11t&lt;W\x89(\t&amp;\x16\x8e\x8c\x92\xdc9\xa1\xf8\xc28\x95\x0e\x83*\xd4jr\xf2\xe4\xac(\xa8*A\x11\x16\xf3\x16\xedv\xb46QsMm\xad\xe48\xedj\xd0\xeb\xf4\x9b\xfd\x1e\xde\xb7Yu \x98&amp;\n\x02\xb3|\x9c\xa8\xe8\x01\x9a\x8dW\xb2\x03\xac\xa4\xe5\xba\xba\xe1\x94\xb4\xb2Wmm\xf4\x1b\xbdF\xd3\xef`\xef\xb8f\x92\xacB\xfe\x1a,E1\xce\xd7\xa1Vz\x92M\x15\xa1T\xe9\xf4:\xb9J\xe5\x12\t&amp;\x16a)\xb4\xdd\xa3q\xea%\xd4Mdlq\xcd\xac\x19%\xbd\xee5\xab\x9dN?\xf0 \x97\x08\xaeK,\xe8\x15\xa5\xd2G\xf1j\xaa`&amp;\x83+\xf1\xab\x8dN\xdf\xaf9\xb8\x9ef\xc7\xf3\x90\x80pX\x0cNI@\xabD\x88D\x8aE\x92Y\x17\x85L\xa7)\xf0/\xa9R\xa1\xab\x12!\xd5\x80k\x80\xc5$\xe0e~\x985f\xcc2"r\xc8rQ[K\xa4*\n&lt;Bb\x08\x9d\x99I5\x8e$\x1dOp\x99J\x05jyA\xd0\xef4z=\xafF#\xadfa\xdc\xc0\x0c\xa6(\xb4\xcf\xb3\x89+\xacK\xc1\x90\xac\xa9\xa9+\xa9R\xb7\xc7\xde,Il\x03\x02+\xdc\x87!\x13\x151\xa4\xe2AE\\hv\xbc\xac\xd2\xe0)2\xc7\x0b!\xd6\xf0P\x14\xaf@`Q\xe7!se@\x95Iz\x8d\x00f4\x0c\x84\x9f\x8c\'\x8aP\x89\x99\x0f\xfeMPa\x12\x1f\t6M9\xe6\xee\xbfbI\x85Yajj\xf1\xc0\xd6B\xa6K,\xec\xc4\x01W\xf4\n\x8b\x1ft\x1bY\xc6?\xb2\xb0\x14\x1d\xb4bL-\xb2c\x94\'.l\x96D\x84J\x18\xc9\xac\x19\xae\x8b\\\x91y\x91\xfe@C\x18\x9e\xc4\xa2\x8d\xa0\xe8\x84\x99+\xc1\xc2JZ;Gi\x82\x1a\xfbn\xe4\xcd\x92\x85V@\xa5\xa6\x1a\x12\x13\xae|\xc0E5\xa4\\\x8a\xe3\xdc&lt;\xcb(:D\xa6\x930\xc0Bx\x12V"\xc1\xf6\x07Z4e&lt;\xf3\x169,\x9cT\x19-\xbd!\xb4$n\x02\x03\x96\xf2Q\x1d\x99`\x8af`\x06K\x8d|w\xc2b\x9d\xf6\xc4\x80\x8b\xb0\xe8\xa2P\x14\xd2*\xca\xb0\x08I\x1e\x0e\xc7\xaba\x9e\x904!+\xa8tJf\xaa!\xba~\x8ea\xf1q\xcaT\xc6E\xfe\x12\xb2\xf1(\xfd.\xc4\xc2\x03\xdb\xe6\xa1^a\x193\x1f\xc9\xc5)b\xf1\xc5\xd1\xd8\xe2\xd6R\r\x19I\x1b\x96y\x9d\xa3"r\xb1Ks\x91[.\xa9\x06\xb3B\x88\x05\xae,}\xe1A\xb8\xc2\x8a\x84\\\xc0\xca\x84;\x91\xb0\xb2\n]\x1cp\x06X\x8478\x15\xa3bz\x85?&amp;Mwm\x19\xeb\xe0d\xeb\xe0\xc5\xe5\xdaY^6\\+\xec\xb8\xe4\x01\x8e\xc4\x8a\xf1\xfc\xffc\xb1BB"\x04e\x8c\xb8\xd0\xceiW\xfc\x0c d%\xcc\xbb=s\x85\x00\x00\x00\x00IEND\xaeB`\x82'</t>
        </is>
      </c>
      <c r="M100" s="3" t="n">
        <v>45492.67694444444</v>
      </c>
    </row>
    <row r="101">
      <c r="A101" t="n">
        <v>255873</v>
      </c>
      <c r="B101" t="n">
        <v>1955</v>
      </c>
      <c r="C101" t="inlineStr">
        <is>
          <t>Cauly</t>
        </is>
      </c>
      <c r="D101" t="inlineStr">
        <is>
          <t>Cauly</t>
        </is>
      </c>
      <c r="E101" t="inlineStr">
        <is>
          <t>MEI</t>
        </is>
      </c>
      <c r="F101" t="inlineStr">
        <is>
          <t>MC</t>
        </is>
      </c>
      <c r="G101" t="inlineStr">
        <is>
          <t>MEI</t>
        </is>
      </c>
      <c r="H101" t="n">
        <v>175</v>
      </c>
      <c r="I101" t="n">
        <v>8</v>
      </c>
      <c r="J101" s="2" t="n">
        <v>34956</v>
      </c>
      <c r="K101" t="inlineStr">
        <is>
          <t>Both</t>
        </is>
      </c>
      <c r="L10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9bb50383-430e-4f32-86f6-c98b03e9be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5\x17O\x13\x00\x00\x00\tpHYs\x00\x00\x0e\xc4\x00\x00\x0e\xc4\x01\x95+\x0e\x1b\x00\x00\x03\x00PLTE\xff\xff\xff\x07\x08\x07\x03\x04\x03\x05\x06\x05\xf4\xf6\xff\xff\xff\xff\xf8\xf9\xff\xfa\xfa\xff\xfc\xfd\xff\xfb\xfb\xff\x01\x02\x00\xf6\xf7\xff\xee\xf1\xff\t\t\t\xf7\xf8\xff\xfb\xfb\xfe\x0b\x0b\x0b\xf9\xfa\xfe\x0f\x0c\x0b\xf1\xf4\xff\x0f\x0f\x0f\xf0\xf3\xff\xf3\xf5\xff\xe9\xed\xfe\xec\xf0\xfe\xdc\xb6\xa5\x13\x13\x13\xe6\xea\xfd\x97rc\xf7\xf9\xfe\xe2\xe7\xf9\xfd\xfe\xfeiI&lt;\x13\x0f\rnL&gt;\xde\xe3\xf5\x81\\MN8+"\x19\x14cI:\xd9\xb2\xaa\xe0\xb5\xaa`E&lt;\x1b\x19\x19\xdd\xba\xb0\xa0wi\x17\x16\x16\xd9\xde\xf0\x1d\x15\x11(\x1f\x1a\x94n_\xdd\xb4\xa2qO@S&gt;0uRC[C5\xf3\xf5\xfe\xc5\x96\x81\xa3}o%\x1b\x17\x85aR\xe3\xba\xb2\x18\x12\x0f\xe2\xb7\xadW&gt;3\xcd\xa0\x8a\xd5\xda\xeb\xdc\xb5\xb0\xae\x86s\xc0\x8e\x82\xf7\xf9\xfcC/%\xd7\xaa\x94L:7\x9cuf\x91rg,$"D63G6(;*!vVJ\xd5\xad\x9a{WJ\x97uh\xce\xa9\x9e\x9cn`\xcc\x9c\x8f\xde\xb9\xa9:.*\xe5\xbe\xb7}YM\xca\x9a\x87\xdb\xb7\xab\xcc\xa2\x93\x82eZ\xad\x88{\xa8xi\x1f\x1d\x1cqTJRA=\x89j_\xdb\xb2\x9ecLE\xd5\xab\xa0\xc3\x9a\x8biMC5%\x1eI3+mPCZJE\xdd\xb3\xa8{\\R\xde\xb9\xb6\xa7\x84u\x8dfXjRL\xd9\xae\xa6\xfc\xfd\xfc\xb3~q\xe6\xc2\xbe%#!\xd2\xa5\x8e\x88dV\x9d{m\xa3sf\xbe\x92|\xc9\xa3\x99\x95hZ\xba\x8a|\xd4\xa6\x9c\xbd\x95\x86\xda\xad\xa1YC=\xda\xaf\x9aySF\xb6\x8bx&gt;2.4)&amp;\x8fj[\x8dnd\xfa\xfb\xfa\xe9\xc8\xc5N=,\xd4\xb1\xa5\xb7\x91\x83\xae{m\xd0\xab\xa5\xdc\xa8\x98\xc5\x94\x88.\x1b\x15\xd0\xd4\xe4\xcb\xd0\xdeK@:\xab\x7fx\xf1\xf3\xf1\xe0\xbe\xb3\xd3\xa4\x94\xe0\xbe\xba\xca\xa6\xa0&gt;!\x19\xb4\x8d~\xa8\x81n\xd0\xa8\x96V7+b@4\xd8\xa0\x901"\x1a\x7f_W\x82id^80\xc8\xa0\x8e\xbf\x9a\x91R1\'kYT\xf4\xf6\xf4\x8b`S\xe0\xc5\xc1\xb5\x83vE\'\x1f\xfa\xfd\xfetWQv`ZaPM\xc3\x9f\x93\xbc\x82t\x98vr\xde\xae\xa7\xc0\x89y\xa1~z\x9amk\xae\x8c\x87\xf8\xf9\xf7\xc4\xc9\xd5\xd7\xb7\xaf\xe1\xe5\xe4i&lt;6\xe7\xcf\xcb++)\x87a\\\xd9\xa2\x9bYaY\xa8qq\xcb\x90}\x91ca\xd1\x99\x86\xc0\xc2\xb9\xb4\xb6\xb6\xee\xee\xed\xe0\xad\xa0\xf3\xf5\xf9\xcf\x9c\x99\xec\xe5\xe4\xa1\x88\x81\x86YQM("u~u\x9b\xa3\x9b\xe8\xec\xe940/|IL\x94\x7fz\x9ced\xab\xaf\xa7\xec\xdd\xdd\xd9\xdd\xda\xd5\xd7\xd1\xe8\xd8\xd4\xb9\x93\x91&gt;D&gt;\xdb\xa1\xa8\xc2\xc8\xc6zde\x8b\x95\x8c\xce\xd2\xcb\x84\x87\x81\x91wp\xbf\xa0\xa1\x8apqw&gt;=PXPltm\xd0\xc3\xba\xc9\xab\xa8\xd0\xb0\xb3\xb5\x88\x86\xa0\x93\x8f\x92YQ\xc5\x81\x84\xca\x8e\x90\xa5fYdkd594GME\xac\xa2\x9a\xe1\xa9\xb2\xe8\xec\xf5\x17\x1ft\x11\x00\x00 \x00IDATx\xda\xcc\x97\x7fL\x13\t\x16\xc7\x9dN.\xb94\x99d2\x99\xbf&amp;&amp;\xd36\xb6\x94\x0eL\x8a\x0b\x12\xecZ0\x85tYZ\xbb\xbb\x08AQ\xee\n\x04\xb0,\xa5+-\xf6\x0e\x11{\x10\xda.\x8d\x17\x94&amp;B\xa8hpA/\x1e\n\xab{\x8a\x9c\x8dl0\xdd\xdb(\x1b\xb2\x1e?\xfe \x10\tA7\x17\x88w\x7f\xa1\x7f\xdc{S\xbc\xdd\xdc\xdfS\xdc\x97\xd2L\x08\t\x9f|\xdf\xf7}\xdf\x9b={d(\x9e\xe7}\xbc/\x02\x0f\xf8\xb8\xe7\xd7Q@4\x16\x89G\xc6\xc6x\x1fT\xc4\xf7k\x00C\xa1\x06\x96\x13\xdb\x89\xf9\xad\x8d\xe5\xd5\xc5\xd9\x81\x95\xc5\xf7\x0e\xc6c\xf9f\x17fh\x9a$Y\xd1\xbf\xb6\x99\xd8~\xfbv\xe1\xe9J\xe4}r\xf1\xbex\xfc\xd9vb\xcdO\xb34AR\x14A\x11\xf0\xa18a\xe6\xd54t\xf6=\xa1\xf1\xf1g\xf3\xf3~\x9a&amp;\x80\x8a"\t(\x9a\x82"@::\xb1\xbc\x1a\xf1\xf9\xde\x87\xff\xf9\xf8\x82\x13 \x80\x02\x98\x00\x87T\xe0\x0f\x14\t\xdf\x14\xb7\xb4\xbd\xb02\x16\xf1\xedz\x03\xa7\xe7g\x08\xe0Q@\xe3h\x96\xa2\xb1\x87\xa4R\xa9L\x92\xe1\x87]\xdbX\x8d\xc7w\xb5\x97\xbcoq\x8b\x05\x9fS,\x05_\x04\x9d\xd4K\xa9P*\x14J\xa5b\x87\x8c\xe2\xde\xbc\x02\xfb\xef"Ud`A\x04}\x00\x8b\x84\xa6\xd1(\x16C)P-\xa4J\x82\x01\x1a!\xce\xaf\xee\x9e\\\xbcoe\xdeIB\xeb\xc0\xe8\xe8$\xcc\x07x"H\xe4A0\xa5\xa4\x1b\xf4\x97\xe4\xe6W"\xbb\x05\x16Y\xdc\xa6A%\x18B\xc4\xa1\x19\x12\x8a\x92&gt;\x8a$\x97rG6D^[X\x8c\xefN\x86\xaens4\xb4\x0c\xa5\xc2\x7f\xcc\xb0\xf8\x80\xf9@*\xd0\xf2\xca_\x80\x01\x9a\xb0\xbd\xee\xdb\x8d`\x98N\xb0\x10\x9b\xd0#\x9af!H\tF2?\xc4\x17\xc5\xd1\xe4\xffaI\xd6{\xf34\xe5}\xe4\xf9\xf5\xb7,6\r\xbc\xc4\xd0\x14\xcbq\x82\x93\xa3!$(\x8e\x83\xfd\xc3bx\x01\x1b\xf9K\xbd\xa8\xb7\xd3)\x0eV&gt;\xf2r\x8d\xc2\x96A\x90b:\x91,\xcb\x89\x90\xf24C\x8b3\x02&lt;\xb2"\x8bI\x8fj*\xa4\x99T\xe2\x1fm-\xa6\x14\xcb7\xb6\xbe\x86Q%\x81a\xb0\x93\x8c@c\x01\x0f\xeb\xe4X@\xe2X\xc8}h\xaed32\x99c$\xb7\x91R\xdb\xc7\xd7\xd1W\xc8\x03\xb2\x08,\xcd1\xb4 \x00\x11\xcbQ\x14\x8d\xceBD\x12s\x9f\x868\x05\xfb)\xa4\xb4 \x89\xc4l*}5\xbd\xc9\x92\x04\xc7\x10\x94S\xf0\xcf\x08\x82\xe0w\n\xa2S\x14\x04\x91\xa3\x15\x84S\x04\xcba\xc8\xe2&gt;\x02{I+RIJr\xf9\x9f\xa5\xee\xd8\xe1#\xafhBA\x0b\x1c\xc1r~\'K\x89\xa2\x08~\x17E\x16\xd0\xe0\x90\x10\x05\xe9\x90\xd8IV\xa5\x02\xa3V\xb9\x83E&amp;\x16S\xc6\xe5\x9b~\x93\xbc_hV\x101\x14(\x86SClQ,\xce$\x08\xc7\xc0:"p\x10q\x1c\xa0\x83\xd0Crg\x7f\xcf&lt;\x8b\xf3\xa9\x12kY\xc4\\\xa7!\x15X\x984\xca\x9c\xe5r\xb9FLF3\x03\xb3\x07\x8a\xb1xI\x90\xc9\xfbA\x89\x96\x97\xb6Qry\xb3\x1b\xb3)\xe2\xf2M\'p\xdd\xd0\x8c B\xae3Q\xed\xdd\x92\x07?\xf5\xf4\xd4V\xb5\xd8\xc3\xa6\xacpE\xd8\xa43\xea\x8cF\xa3Ng6\xab\x192\xb9\xb1IE2\xbe\x88\xcd\x95\xd9\xd4`E\x16`\xe7\x80\xad\xa4\x0e\x1a\x0b\xf6\xff\xae\xe1\xdc\xd1+\x17\xaf\\\xb9\xf2\xe2\xd1\x83\'U?\xfdk\xb4\xba\xab\xcb`\xc85\x9c\xfa\xfc\xd4)C\x815jdP-r\'\xee\xd9\x8d\xb1\xd4\xec\xa0\xb1W0\xf7,8\x1eR}\xa49\xd8P^\xaf\xb7X2&lt;\x9e\x98\xe7\xf1\xbf_\xbf~}\xee\xc5\xa3\xfe\xa9\xa9\xfe\xa9~\xac\x83\x99_\x1eW\xe58\x8c\x18\\RD\xc00\xbeL\x89Z\xfc\xe2&amp;\x85\x91\xae\xe68\xb5uo{\xe5\xe1\x80Wo\x01\xa8;X1\x8f\xe5\xf1\x9f\x8f\x9e\xfb[C\xc3_\x1a\x1a\xfa\xfa\x8a\xce\x07\xaf}|\xfaxv\xae\x8b\xf9\xdfiHo\xa4\xc4\\p\xbb\xd3\x9c \nf\xb5\xad\xba0\xaf\xb2r\xb0\xdeb\x89\xc5bw\xf0s\xc7c\xd1{\xeb\x03\'O\x96c\x01V\xd1\xf9\xd6\xdf\x97\xdd&gt;\xde\x9d\xa6\x8d\x12;G\x98bk \x05]\xe4\x07\xe6iF\xe4DgV\xb8\xf6|^^\xe5\xc9z\xaf\xc5\x03LP\x9eXL\xa2\n$\xa9\x1a*\x81*X\x08X\xfb&gt;;\xa0\x02\xc1\xc8\xe4\xad\xba9\xedKA:\xac\xbc\x85\x1e2\x9c\xb3\xb86\x98\x87bu\x9e\x80\x0e\xc6&lt;\x1e\x0b\x94\'\x03\xb0v\xd4\xea\xeb\x03\xac\xa2\xf3\xe3I,\x8d*\xadQ\x87\xf9\xaaPp\xcb\xf2\'*?\xb0\xc1\x11\x9c 8C\xb5\x85\xed@ux\xd0\x9b\x91\x01\xd6\x02,\xbd^\x0fbIX\xc9\x16\xa2\xb7\xdeaek4\x86#f\xe9\xb8V&amp;RpG,&amp;hX2\xce\xcb7\x0eJb\x1d\x06\xb5\xa49\x94\xb0\x92T\x83\'A\xae\xca\xca\xbe&lt;\x14\xab\xf7lR-MvZ\xce\x08\x8dK\x89\x14\x17\xc6\xe4\xa6\xfa\xfa\xe5\x1aP\tY-\xa5_Hb\xfda\xb0\x13\xe3\x01\xfa\x87ZY,z\xb4\xd6\xc9r\xc0\x92\x0c\x0f\x8e?\xdb\x01X\xdd\xd9\x9alU\xaeU\x8dKKAl\r\xc8-\x97\xef\xe9\x0c\x8a\x15\xba\xd1V\xb8\x83U\xef\xd5?\xb6Hd\xa8\x178~p\xb0\xbc\x1c\xdb\x08r=D\xb1:N\x7f\xb8\xaf\x1b\xe4R\x19r\xa2\xb04\t\xdc\xd7rc}\xbd\x0c\xb7\x82\xe0\xbf\\\xf2E0i\xadO;\xf5n\xfd\tK\x86\xfbD\xba\xdb\xed\xb6\xb8\xbd\xf5\x83\x01,\x80\xab\xcc+z\x08\xf9\xd0\xb1#\x97F\x95\xeb\xc0\xb5I*\x96^\xca=\x8b\x91y\xce)8m5\xa5?c\xb9\xdd\x1f\xb8\xd3\xf3\xf3\xd3\xe1+=\xdd\xe2\xae\x0f\xd4{;\xbd\x9d\x00V^\x8er\x01\xd7\xed\xa4\xbbT\x06\xab\x91\x81u\x8a\xb3(3\xd6@\x02Z\xe8\x0f7\x95\xa0\xe3\xf3\xf2\x92X\xe9\xef\xca=\xe9v{;;\xe1\x17\x93\x97.\r~U\xdew\xff~ko\xaf\xe4.\xc0\xd2\xa4iu\x0c\x03\xa6\xa7\xe7e6\x17?\xbd&amp;8\xfd\xb6p]\xe95\x10\x0b\xb0&gt;\xaa\x07\x86\xfcw\x05\x8a\xb9;\'\xdd\xf9\x87\xf2\xd3;/A\x1b\xfb\x1e\xde\x1f\x1f\xc7\x9c\xdf\x87M\xd4\xa4]0\xa9Q.b[n\xac\x973p\x89\xfa\xc3-\x88\x05\x01q\xf8#\x10\xebP\xec\xd8\xb1CP\x80599\xd99\x99\x8e\xcfnh#\xae\x9f\xf3\xe3\xad\xa8\x16\xe4\xa9J\x03\x11\x01\xa7\x0e`%\xe4\xc6Z\x9f\x81\xab\xddV\xd1RR\xd8.5\x11\xb0Nx\xce\x9c9\x13;\x13\xf3\x1c\x02*hagF\xec\xd8!\x8f\xc5\x1b\x98\x83L\xc5\x8c\xc0\xe4:\x90\xadR\xc1(:\x8cj\x06\xde\x986g\xe5\xf5&lt;\xbf\xfa\x06\x12\xde\x16\xaa+)D\xaa\xbc\xc1O\xbdn\x8bt&lt;\x00\x16f&lt;`Y&lt;\xd2cR,)P\xf7\x9f\x86&amp;"\x96\xd6ad #\xa8\xadx*\xbc\x15\xb67\xb5\x05\xdb\xdb\xdb\xc1\xf1\xf5z\xbcj\x00\x04b\xde\x8bC\xe8\xf5J;(\x80T\xc0\x047Wf\xe6\xc7\xc0\x05Xii9\x0e\x93\x19\xb0\xe8y\x99\xdf\xfa\x7f\xb3\xf2F\xf0\xdb*\xec\x86\xb6`P\xc2\n\\\x84z}Q\xaa\xc0\xdc\\\x00\xc8\x02^\xec\xdf\\9@\x1d\xcc\xcc,-\xdd\xbbw\xef\x97\x7f\xfc\xb0\x1b\xa8\xe0V\x1d\xc1.Rrc\xf1\x8bk\x82\xcd\x16\xb2W\x1f\x0cbn5\\}\xf4\xe2\xd1\xa3\x1f\xa7\xa6~\x9cz\xd0\xdf\xff\x9f\xa2\xbe\xb9\xb9\x9f/\xad\xef\xbeo\x1e\x1dmn\xbe[\xd7e\xa83|\xfe\x89&amp;--7G\x8b\xe6\xa2\xe5\xc7\x1a\xdb\xf4\x87\xc3\x15\xc5U\x07\x0b\x01+Xz\xe3\xde\xbd\xbf~SSSSloj\x19\xfd\xfbw\xe3\xc8S\x94\xdc\x85\xfb[jB\xe1\xb0\xab\xa2\xb8\xa6\xc2d\x1aq\x18\x0e\xa8\xae\x17\xe4h\xadY\xd0EzC\xe6\xe5#aU\x84jj\x11+X\xd5t\xb9\xd8\xbe\xb4d\x83\x97jS\x85\xbd\xeb\xee\x93\xcc\xd6\xd6\xd6\xf1\xf1\xde^\x88\xf6\'uV\x97\xc9(2\x8c9+\x1c\xce2\xabM\xda\xb4\xdc\x82\x02\xad\xd5eT\x03\x96\xecW`\xc2\tXM\xa5\xd7\n\x83\xc1{\xa0\x86\r\x99\x9cF\xa3)\xcb\xd5XW\xfd\xbc\xecl/\xa4gY\xd9\xf7\xcfO5f\xe9`\x03b\xd1j\xb5\x9aa\x8cGr\xa1\x89\x88\xc50\x1b\xb2\x1f\\[\xfe\xa5\x90\xbd\xae\r\xb0\xaa*\x00\n\xca\x84/\x85\xa6\x11\x97\xa3\xc0p\xe0v\xc7Y\xdc5\xcf\xbbU\xc3\xd6\xa8I\x07\x04\x14\xc30\x12\x16c\xd2b\x13]\xf0KvAn,\xfe\x95?\x14\n\xc1\xee)l\xebr\xd9\xc2v{qWWA\xe3\xc4\xd0\xd0\xc4\xad[\xc3\xd75\xdd\x1d\xfdW\xc7\xcf&gt;\xd7|{\xf3\xd6\x84c\xc8\x155E\x01\xd7\xe1\x08\x8f\xe8\xccj\xb3+\'\xe7\xc2\x91\x11\x9d\x9ae\x97e\xbe x~\x03\xe6\xd0\xde\x04\xdej\xab\xab)\xeej\xa9\xea\xe9\xa9j\xaeV]\xbf9\x0cX7\xbf\xed.+:\xd7\xd0\xda\x91\x8dT\x8e!\x87\xc3\xda\xa8\xcd)\xe8BO\x8d\xe8\x8c\x80\xa5=\x82\x80\xdc3\xd9\xb1\x16l\x15\x97k\x9az@\xad\xe6{wGK\x1e\xb4=(\xa9\xaa\xbe\x8eP\xc3\xc37\xaf\x7f\xd6\x7f4f)o=&gt;&lt;1\x01P\xa0\x97\xa31\'\xd7`\xe8*\xc8itDG.Hj\x01\xd6S\xd9\xb1\x96\x11\x0b\x9b\xb8\xbfy\xb4\xaa\xa4\xad\xad\xa7\xd9`\x1d\x81N\xb9\x86\xfe9l85z\xd5},\xff\xab\x87\xcf\xb1\x85C\xd1\xa8#\x14\xb2\x17\x1776\xa2\xab\x1a\xad\x0e\xc0\xb2f\xe9\x8cf\xa7\xec/\xd6\xbf}\xba\x14\xba\xdc\xf4M\xe9\xb5k\xa5\xb5\xa3\xb5=\xb5*\xc8G\x81\xa3\x18\x93):4l\xf8\xa4\xe4O?|\xf0\xc3\xa5\x7f\x94\rO\x0c\x81\xafL&amp;A\x80\x19\r;\xacV-`\x1dA,\x9dN\x97\x02,~\xfd\xbf\xb4\x9b\xebO\x9ay\x16\xc7;\x93\xf4\xe5&amp;M\xdfuc\x025\x02\x85\xad\t\xe0\x85x\x03\x8c\x18A\x14\xd1\x11#\x10\x81\x82e\xab\x82Vt \x08\x88\x15\xc5V[\xaa\xa5&amp;\xb5\xb5\xf5\x06\xde\x8aep\xd5\xa2HM\x17+\xcbef\x88[\xcd\xcc\xa8\x9di\xddn\xb3\xb3\xeaLgZG33\x9b=\x8fNv\xff\x81g\x8eA^\xf0\xe6\x93\xef9\xbfs\xce\xf7\xf7\xc0\xcf\x85\nu\x03wh\xc8P\xd9\xc4\x95\xe0\xce\xd2\x0b\xce~\xf5\xa7S\x17\xaer\xf0\xbdL\xb9\xa6O\xec\x8c\xc5\x9c\xe1\x9e\xc0\xf4\xc0h/\x9d\xfe\xd5\xb3g\x7f8\xf5\xc1\x87\xa7\xc9\xd5E8\x1c\x8e\x97r\x8cE\xfe\xf9\xaf\xa87\x88\x97\xff\xb8\xd3\xa6\x9e\xeab\xb1\xd2\r\x86\xb8\x11:Y1G\xa7\x9f\xfa \xa3p&amp;\xaf\xb7\x86\x9f\xd8\x12\xb6\xc7\xec\x80eu\xe5\xf5\x92\xf1\x9c\xb9\x0b\x7f\xfc\x10\xbc.\xe5\xf4\xe9\xd1iH$`\x15A7\xa1\xffr\x17u\xfb\xfa\r\x82\xd5 au\xb0\xa4\xe9\xc9\xd35\x1c\xe5\x9br\xf2Yz\xaf\x82T\xc3\x94S=\xe1\xa8\x1d"\xac\xdd\x87\x93\x99\x97W\xa3\xbe\x8a\xb4\xae\x8cr\xfcizQ\n\x93Fc\xda\xaa\x11\xb5\xbe{\x84A\x1fK\xa1V\x00\x96ip\x90\x95(5\x8c\xcd\x8e\xef\xceN54\xc8K\xd6\x0c\xd2\x96p\xd4i\x07\xb9\xa2\xda\xfdx\x07V\x85\xc5V5\xa8\xdb`&gt;\x15A\xef\xca\xa3A\xa4\xd8(x\xe8\xbe\xdf/\xa1\x8f\xf5\xcb\x9d\xb6;s\x12d9\x15\x97\rw\xc4\xc5}\xc4\x1d\xe3\xf3K2\xfd\xd2\x87e\xd1\xa8\xd3\t\xb5\x15sz\xf7S\xe3\x93\xebD`\xc3\x90\x9b78\x86)\xc0D \x91h6J\x06\x85B\xff\x16\xf5K\x08\xcc\x97\xdf)\x94j\xb5\xa4\xc3$\xce\x06\xefZ\xd6*M\xf7k25\x89\xdb\xcd\xa5W\x9c\x08Up\x81\xb8\x10\xf4\x9a\xad\xa9Vw\xdcGq\x9aT\x07\xf4\xb3\x11\x17\x93\x00\xcb)\x96\xc0\xb4Q(\x94\xd1\x8c/\xd0\xc7\xfa\xfcoJXe$\x1di\xd9z=\x9b\xdd\xdf\xdf_\xd1\xdc\\Z\xfa\xe7s\xe7k\xed\x00\xd5\xbf\x1ac0\x00+b\xb5Z\xdd\x02\xe4:0\xae\x89\x0fF?55Y\xa5\xaa" j\x8dR.|\x86\xf6#)\x0c\xe6\xd1\xf7\xcaYe[%\x82\xc5\xb6\xc7\xc0\x8dee\x9d?\x7f\xfe\xbeN\x98\x15s:-\xc1\xe0B\x96p!\x98\xbbUb-Y3k[Z:\xfa\xd2\x13\xa9fMS\x82\xf57,&lt;\x85R\xf0)\xbaO\xa40K\xaf\xde\xbe\xdd$\xcc\xc8\xdb\xa8&amp;\x04\xab=\xc6\x00\xef\xa5\xd3\tu7n\x08\x191\'\xdb\x1e\x0c\xe6\xe8\x96\x85\x96\xdb!\xb7H\x94`\x96\xb5 \x16\x83\x95.3&amp;R3\xf9\x08W\n\x85L\xc1?\xfb\xe7]4k\x1es\xf7\x07S8\x1c\xf6%6)\xf3\xa1\xb4\xf4\xf6$\x060\x01\x12\x84PH\x8c\xd9\xd9 \xd6\xe5\xe5\xafu\x0b\x07Z\xc1\xdaZ\x89Y\xa6\xf5!\xab*\xe2~\x12;ErD\xaeQ\xfch\x11N&gt;\xfb\x1e\xc5[p\xcc[\xd9\xa1V\x1c\x8dF\x87\xf8C&amp;\xb1\x9e}\x91\x98%\xbcq\x1c\x90C\xc0\xb2\x07-99:]\xe3j\xae1\xe2\xd6\xb852\xad7\xd7\xe7\xf3\x1d\x9b\xb2\xa6\x12\x95\x8a@+\xaa\xc69\x90\xd8D\xcf\xc0~\xfcxobb\rtJ\xebd\x99\xc4\xec\xf6$\x86\xf0X*H\xa3\x90\x01X\xb1\x05\xcb\x95\xd5+\xab\xb9\x1e\xc1Z\x89\xc8mF\xb0|^\xe0j\xd1\xf6\x08\xcc\x9a\x049\xa8\xc5\xc3\x11\x08\xb0\x05\x8d8&gt;\xc5\x9cD\xab\xb2\xa4\x81@ \x95\x9a\x96\x1d\x95\xb1L\xd9\xff\x17\x0b\xa1\x02{o\x89-\\\xb9\xddz;\xb7O\xe0\xb6\xc6W\xa9Dn\xb7Q\xab\xf5z\x80\xca\x0b\x8bt\xa7&amp;\x93\x0f=\x0cG\xc3ba\x8e\x0f\x0c&lt;G\x0b\xeb\xc4\xf5\xd6\xbd\r\x8d \x1dZ\x16k\xc8\xa4/&gt;\xc3\xc8\x12\xea\x96\x97\x97o\x1cQ\t\xb3\x82A\xb1\xb6s\xa5\xcb_)Ra\x995#Xk\x89\xb9G\xeb\xf5z\xbc\x88\xe9\x00g\rE\x7f\x84\x05\x9d\x0c\xb06\xd1Kb\xf3\xbe\xac\xc7s\xa9\xd9\xd31\xf4\x1b\x96\xee\x7f)dd]^\xcd\xdd_\'\xe3\xa7Ir\x12)\xaf\xf7\xf4\xd9\x01G\xfc\x9a\xb1\xc7\xe3\xd1j{&lt;Z\x99\x8c\xda\xd9\xc4W\x11RlL\xc7\x04\x93\xe4\x9a\x9e\xdeDM-\xcc\xcdC\x8f\xd7\xd7_\xd6\xd2\x91\x8e`%!j!\x01b\x11\xa1\xd6s\x0f\x03\x03\xae\x8d\x95\x159\x89\xe9Z\x1f\xed\xedu9\xac[=\x00\x85\xbcdFj\'\xa2V\n\x0f7\x01K,,\xaf\xe8%\xf1\xc4\xd3\x9e\\_\xd8\xc9\xf6\xb0\xf2\r\x83\xd9\xc5Hme\x01\x1aP1b1\xe1\xfd+[{\x1b}\xdb\xef\x16E$\x87\x03\xc0\xa6]X\x91\xdb\xe8\xd1\x1ae`\x1b\x8d\xf9\x02\x04\x8b\x06XL\x87#0\xb1\xbe\x8e\x1e\xd6_\x96}\xab@\x95\xb6\xdf\xd1\x99?\x98\xdd\xdf\x9eT\xcb \x12\x116\xe2\x02\xfc\xd7]^\r\xbd\xfb\xe1\xc7\x1fwB+\x1b\xf1X\x87k}"\x1e\x1a\xbd\xd1\xbco\x04*\x01r;\xc2\xaf\xa2\xd9x\xb8\x01Gj2|\x8a\x1e\x16\xe6\xeb\xb4\xd5hR\xf4\xf0POM\xec\xc8\xeeg\xb3\x8b\xdb\xdb-\xb5G\\G\x9a\xe5\x9c\xdb\xd9\x01\xae\x87\xef\xfck\x1bX\x12\t\x9b\x0cX\xe65\xb7@&amp;K4\x9b5\x99"9\x8cj\x1es`\xc0\x91\x1c?\xb2\xfe\x1e5\xac\x93\x7f\x8f\x86\xed\x8c\xf0\xa1w\x98\x9a\xcf\x12\xeb\xf5\x08Y{\x12Q\xc8\xb0[\x90D\x9ek^\x1c\x7f\xb3\xb9\xb3\xb3\xfd|q~\xacJYU%\x17i\x04F\x81\xc0(\x93\xe5C\xc1g\x96@\x0em&lt;\x9a\xabw=\x90:\xe1z\x81^m\xdd\x05,\xa7\xf6\xb0b8\x8e:\x94\x96\r\x01c\xf1"\xc3\xe2+\x83a}\xee\xe1\xfc\x0cG17\xbb\xfb\xfc\xc9\xfc\xee\xee\x94\x82\xa3P\xca\xc74\x02\x99\x11\xfe\x04\x02\xc0J@\xb0p&lt;\x1av`z"5@x\x89\xde\xf4y\xa4\x0f\x07\xbd\x87\x87e\x15q\x95\x06S\xf6\xa4\x18\xd9m.\xf6kso&gt;\xe8~b\xa8Ss\xca\xcb\xaf\x16\xce\xbd\xd9|37\xa7\xe6\\+\xa8I\x91\xaf\xc4\xc9\xa0\xb0\x8c\x02$\x87Hi\x01\x16\xc1\xba&gt;\xe0\n\xc4KP\x1c\x8aK\xc3\xe1\xda\xb0\xf6 g2N\xc2\x95Nf\x03\x16l\\\xb2\xee\x07O\xc6\x1b\x1a\xda\x14\x9c\x82\x82\x02\xca5\x05`)\n\xcb\x0b\x0b\xf0\xf8\xd1\x1a\xa5\x9c*\xeb\x11\x1c\x89\x05X\x84\x94\x14\x1e\x0f\x1b\xef\x02\xb9\x92\xff\x8d\xde:\xff\xf1\x92%Lt\xfa\x1au\x93\xdc\xba\xae\xfaK\x15\x93zP\xcb\xc7z\xbc9w\x87\xa3\xa8\xe1\x14\x16P\x00\xab\xf0\xcd\xfb\xcd\xb9\xab\x94\x0c&lt;\x9d\x8e\xa7\x94s\xaa:\x13\x8dT\xaa@sTZ8\xc0"`I\xebpH7\xd1[mN^\x7f\xea\xedw\x86-Bq~\x9d\xa4\xbeur\xb2\x82\xad\xef7=\xdeT\x17\x96s\xda8\rm\x1c\xe6\xcc\xd8\xee\xfc\xe2\xf6\xf6nCM/\x99N\'\x933\xaa\x8b\x94\x92\xb8N3\xd5\x9d\x99)R\xd1l\xd0\xb6\x08\xd8\xc0\xfaz\x00\xfb\x1e\xc5\xbd\x19\xf3\xca\xe7\xb3\xdb\x89\xf6\xb4\xc4\xb1\xae\xf4\xee\xc9\xd6\xc9v6\xfb\xf1\x13uy\xc15\x8er|q\xde\x1f\xea{\xb7\xfa\xfa\xd6\xeaA(\xb2A\xaa)\xea\xc5\xd3\xc1R\x17(\xea\x9a2a;\x15\xa9\x086^\n\x0e\x19\xd5\xf1\x81d\xc7\x0b4\xf7\xc0\xa5\no\x14\x16\xae\xb4\xfc\xca\xfat\xe9\xa5\xd6\xe1vvq\xf3n\xe1\xb5\xea&lt;%7\x14\xda\x8aD\xb6\xb6\xb6B\xa1\xfd\x8d\xbd\xbd=,\x96\xc4,"\xd3\xc1}\x95+\xc1\x175\x89T`{p6\x9b\x8d\x86MN\x06\xb7\xf6\x12\xcd\xb5\x19\xf3J\x1c\xce\xd5\xeb\xd3\xe0$\xd6\x0f\xb6\xb6\x16\xb7\xb3-\xa5\xbb\xe5\xd5\x9c6\xd2\x06\xc2\xb2\xb1\x81\xbc\xc1\xf6\x13\x98@\xc2U\x04\x15F\xa6pT\xfc\x04\xe8\x0e \x96\r\xa9-\x82\x8392\xf1\x1c\xddgQ\xd7?\x81V\xe5\xcc6H\xb8\xf5\xd2\xee\xd6\xe1b\xf6\x99[\xe3\x85m\xe3\xf3\xf3\x91\xb5\x88\xdf\x1f\x02\xc9\xf6\x8f\xd8`\xeaMOO\xe7\x15U\x83\xb7\xbfFJ\x15%\xc0\xf6\xc0\xc4A\xc9\xdb\x080\x98\x08\x92o\xd0k\xa6GU\xbft\xcf\xe9\x14\x9b\x0c\\\x83A\xda\xda}ir\xf8\xcc\xcdq\xc5\xee\xce\xad\x9c\x9c\xd7\x10\xffA\x02\xdeW\x0f~\xea\xf3\xaf\xc1&lt;\x9eFn\x96)$&gt;T\xd6\x91\x8b\x05\xc1\x98\x90\xc4\xba\xb7h?O\xc4\xdc\xbdib\xfdZ\xcf\xe5\xa6K\x07\xbb\xa5\xad\xc3\x96\xa7\xbbS\xdbO\xcfg\xe5,,\xbc~}Yw\xff\x98\x0b\x01\x0b\x19\xfd\x91\xba\x19\x12.#\x83\xc6\x17Aw`2\xa1\xb8xS\xefU\xc9\xa2\x17\xe8\x7fe\xf7\xe4\xf5/?\xbf\xfekee\xfd`\xbd\xb4\xbe\xbb\xa2\xf8\xe6\xe6\xec\x83\xfb\xf7\x18\xc4\xda\xc6\xc6`p\xf5\xe0\xe0\xa7\xe3\xd0\x86\xb6\xb6\xfc~\x7f$s\xa6\xb0\x00\xb0\x90Vzt\xd1\xfc-\xe6_\x9f\xbd\xfc]\xbe\xc2u\x12\x83y+\x91\x18\xa4\xf5\x86y\xe9dq\xe9b\xdd\x83{Y\xc4\xda\xda\xc6\xd2\xed\'}!?r\x1a\xb7\xb6"++\x91\x08\xd5\xef\x17\x08*\x95\xe5\xa4\x12Q\x15\xd3\xc6\xa41y&lt;\xde\x17\x18\xe4\x87\x1a\'~\x97\xc0\xbc\xec\x82\xa3(\xad\xe7\xa6\xb7V&lt;\xec\xe2\xde\xba\'d,X\x1a\x9b\xe7\xc7\xc7\xa7\xe6\xd4S\r\x10J\xe5\x7fy9\xf7\x98\xb6\xee+\x8e/\x9b\x1a\x83Z\x84m\xb9J\xec\x84\x1a\x13\x83\x11\x06\x83c\xc0\xada\x8cG\x05q\xfd\xe0a$\xbb\xcc\xb2\x03~$\x06\x0c5\x06\xc9\x81\x8cN\xccD\x06\xa3\x99!\x85\x18\xd0&lt;F&amp;\xec\xc63\x8dR?\x84\x06\x0cPA\x95\xaa\x10Q\x90\x9a\xa2(m\x17)QB"-\x8f\xfe\xb5E\xd99\xf7\x02\xab6m\xeb\xd6\xdc}\xaf\xef\xb5\xff\xfc\xe8{\xce\xfd=\xee=\xc7\xd1\xf5\xae\xf7a\xda9\xffN0\xc7\xd6P\x97\x8e\x8fv33\xd5\xea\r*K&lt;\xb7v\xcd\n\x87\xc3\xa1p\x0c\x0c(\xa2K\x81\\\x0cbG\xb7Q\xe1\x94\xcbMN\x93\\%o\x93\xe3\xa2\xe6\xfc\xe9\xbc&lt;\x8d\xa2\xb3\xa5\xa1X\x90\x99\x99\xd9\x06\x19\xaf\xbaO!U\xcf\xe4v\xcc\xeb0\xca4\x8e\x01G4\xb6}ge\n_\xbd\xfe8;\x10r\x9b\xdcV\xb7\xc9#o+*]\x84u\xd6\xf9\xbc&lt;\x85\xc2\\WW(\xc8T\xe3\xb3S\xf5_W)\xc4ze\xeey,\xa40\xca\x1co\x8f\xca\x9c\xb1\xddm\xdf\x14p\xbd\xfb\xeb\xf7\xaa\x96\xa2\xd6\x16\xab\xd5*w\xdb\x9a\xde?=\xf1\xab\xdf\x02U0\x02\x0bB\x814\xb3\r\xb0\xd45\x9fPY\x0f\xcb\x1d\xb9\x1d3\x98\xfb4}\x0e\x99&amp;\x1e\x89-\x8c\xe5NM\x01\xd5{\xd9\x81\xa5\xc5\xc5\xa8\xd3\x19]\xff4O611\xd1\'\xd3x#v\xb9\xbbH m\xcb\xacQ\xd7\xd4\xd6~&gt;Ge\x99n\xcf\xf5\x10\xd8\xa5\xd0\xc8d!\xbb=~\xeba\x7f`%\xb7\xaa1\x90=\xd6\x1f~\xe6]__\x94!\xd4\xcf\xa7\x1d}\x86\x98\xdd\xa3\xf4\xd4\x14\x95\xb7\xb5!\x95\xee&amp;\xb55\xcd\xf7\xefE"\n\x85\xa2O\x11\xf1\xeb\xec\xa1\xed\xed\xd1p8l|\x16\x0e\x07\x02\x89\x89\xf3\x8b\xeb\x8b\x8b2\xaf\xd7\xa11\x1b\x9c&amp;\x9dR,n\xadU\xd7\xb4\xc1L\xd4\xea\xff\x9aR,\xee\xd7\xa1\xb8?n\xf0*\x9c`\x86?\x12z\xb4\xbb;\xaf0\xcf+\x9e\x85?\xfbl\xe0\xd9\xc4\xa7\xebA\xb3\xd3\xda\t\xe14\xe9\x86\xc4\x05e\xc0\xd5Z\xd3:+\xae\x8d\xccQ\x8b\xb5u+\xe27\xc5\xbd\x06\xabi\xa7Y\x15\x8fD"\xf7\xee\xc5b\xb1\xd0\xc2\x9d\xfe\xf0\x84q\xc1\xec\xb4\xc10\x91cr\xdbUJW\x19\x0f\x96]\xb3\xb55\xb3b\xb1\xfa\x01\xb5\x85\xe9\xdc\xb9\xed\xb8\xdfo\x8aE\x9d\xa6!\xce\x9a\xdfn\x8a\xc3\xae"b\x8a&lt;Zzvgia&gt;\xe4v\xcb=*\x18\xbeL\x9ef\x1e\x93\xce\xe3\x15\x88\xd5\xb5\xe2\x02q\xd1s\x8a\xeb\xe5\xe7Fc~\xbf\xdfn\xb7\xab\\B\xe5\x0e\x10\xf8\xed*\x8f\xdc\x14\x99_XX\xb8\x17\x8b\xcb\xe5*\x1dH\xe5Q\x8a\x98t&amp;\xbe\x18\xae-\x81\x15\x8e\xf4\xf6\xcb]\xcf\xfc3VX\x16Wy\xfc&amp;\x9dX\xc8\x11\xba\xd6vt;\x7f\xd9\xd1\x81=\xd1\x90\xf7\x9e\xdd$\xf7\xc8=\xf8f\xd6\xa3\x14\xb2\x0e\x91Xb\xd8q\xa8\x05\x1b\xd4\x9a\xd53\x99\x98V\xa8\xd6v\xfc\xba\x02\x0eK\x88\\;k.\x17l\x13M\xd18\xd8\x06&gt;\xe9\\\xaef\xa1K\xc8K9\x84\xaf\xaa\x0b\xb0\x96\xb8V*\xb8Nq\xcf\xc3\x8d\xc4[o[\xd7\\\xaa!\x11\x87Cg\x89\\\xae5\xd7Z\xf3\x1al5\xe2rO\x89X\xacT\x96\x089&lt;\x0e\x87IT\xcd31\xe9\x0bZ\xcb\x05Tc\xbd\xf2\xc5\xd9\x8a\x01\xb3\xce5\xa4\xe4\xb08),Q3\xa7Y$\x125\x0b\x95:\xd5\x90RT&amp;\x14\x8aEB\x16V\xd3`\x83\xcd!&amp;\x93\x97\x95U\x92)\x10\xd8\xa8vk\xebJE\x85\xcc\xaaT6\x0b9"l\xb9`q8\xe0\x8e\xa8\xd9\xa5l.\x03R\x1e\x8f\xc3b\xd1\xb1}\x04;\x1f\xe0^,+QK\x05\xd4\xbb\xb5u\xa5~\xe6\xac\x06nC,\xb8\xc6\x8e\x15l\xf5\xa13y\xe0\x1a\x9d\xe8_\xa1\x93%\xf3d\xfb\x03\x93\'\xae\x91\n\xd2\xd3\xa9\xc6\xfa\xc1\xd6\x95S\x96\x99\xb3\x86!\xa1\x90\x85\xbe\xd0\xb1K\x05QX\xd8\xa0\x81\x1dnXa\xfaC\xa2I\n\xb8x\x05m@\x95\xf1\x7f\xc0\x9a9%a\xcf8\x9cC\xe0\x16pq\x10\x8c\x83\x01\xa33\xb1/\xe4G\xfb\xdd6\x87\xb0M\x84\'\xf6\x80U\x19\x85\x19\x94c}9s\xca\xa2e_1F&lt;\xcd\x1c\xcc+\x0e\x93E\xe7\x00T\xca!\xa2\xc14\x85(/%\xb0RXY\x1ew\x0eb\x81[\x8f)N\xf9/a\x17\xcb\x9eZ\xe97\x86T:\x11D\x11\xdb2\xc8~#\x92\x8d(^&amp;\xfaHxb9\xac\x03\xd1\xac\xc2\xf4\xf6\xfb\x14c\xfd\xa9\xe2\xdc)\x0b[\xdf\x98X\xda\x8d\xf9].\x0e\x93#B0\xa4\x83\xb4J!\x82\x87\x1d\xb1\xcc\x92!\xb7\xd5\xd6\xden\xcb \xb1\xa8\x8d!\xf7c|&gt;\xc9\xd6\xfb\x1a\xc3\xc6yX\t\xaa\x84&lt;\x16\x8f\xc7b\xf2Ded\xff+\xe4\x18=\x05\xc6+\x9d\xdf\xealioo\xcf@\xac\x8c\xf6\xeb\x93\x94\xce\xd5=W\x11K\xa2\xdf\xe3\x8aE\xec\xfe!|\xd0VVV@T\x1f!!\x9dYP\xa2\x02(P{!0A\xca\xa7\x7f~\xf3\xee$u\\\xdc\x91\xc7\x15\xf8\x90\xb9[_\xe5\x0b\x00\x977\x14s\xc2~\xa7U\x9c\x05TL\x1e\xaf,K\\RR2\xa4r\x13T\xc5\xc0T\x88\xaf\x853\xd2\xfd\xf2\x07w)k\x06\xe4\xf6\xcc\xf9*N\rZ\xd8\xec\x8e\xaa\x95\x95\xc6\xf0\xd2\xc2.\x01\x86\xeb\xe2\xd9\x8b\x17/\xce^\x9c\x85e_\x9b4\xc7jC\xaf\n\xdb\xf7\xb12~\xd9j\xbf}w\x95\xa2\xe6\xc9\x91\xea\xd5D\xc5\xb9A6H\xbf\xb22\xd6\x9f\xb8c\\X\x98\xf7\x1a\x9cVwQ\x11l\xbc\xae]\xabi\xcb\xcc\x94\xe6\xd8l-u--u\xe0\x16@]@\xd3\xd4b\xdd\x83\x8dej6e#\xd5/\x9eO\xff\xf4\xdc\xa0V\xcb\x96\xe8\xb3}g\xfa\x13\x89\xf0\xe8(,Jw\xbd\x86h\x8b-GZ^^.\xcd\x11\xe0\r\x08T\xc5u\xc5\xf8!T\xa8.\x11\xffyc\xf9\x12\x15\x89\xdfS\xfd\xe6\xe3\xd04\xa4\xbcD\x9b;\x95\x9b\xdd\xdd\x8d}=\x890Y\xe89o\xee\x8c\xb6\xb4\xdblN\x1b@\xb5\xd7\xd5\xd5u6\xc0\xa5\xf8\xc2\x05\x84*.,\xaf\xcd\xfadcy\xf9\xd2\xcbo\x8c\xe2\x8eTo~\x13$\xde\xebK~2\xf5\xeeT\xf7\x99\xee3\xc0\x15\x08\x04\x1e\x86\x97\x96\x8c}\n\xaf\xd9\x10\x04\xb6h\x1dB\x05\x83\x04\x16\x08\xc9\n\xa5\xbf\xbfh\x07\xac\xe5\xe5\xd5\xc9\x97\xd9\xc7\x8f\xff\xfbP\xcd\x98\xbcu\x9a\xa8\xcd\xb0\x00\xd7\xd4TU\xf6\x99\xc6\xc6~\xc0z\xf2\xe4a\x18\xb2\x0c\xcb\xdf:\xa3H\xd5\xd9\xd4\xd9\x89n5\\ \xd5P,\xbd\xfc\x9b8\xba\x05\x9f\xf1\xaf^V\xb95\xf7\xa3jP\x1acs\xe9\x0f{X\xda\x0e\x00\xcb\x05\xae\xfe\xc6\xb11\x82,1=!\xd3\x98\x83\x9d{\xe2wv65\xa0.\xe0\xa5\xfdw\x97\xafE\x08\xacK\x97\xe0\\}\x19\x7f\xc9\x00&gt;\xbd\x99\x96\xc6Hc0\xd2\x9e\xfe\x0c\xa0\x06\x07\x07%\x12l,\xc8\xcd\xcd\xf6\x11\\cO\x9e&gt;}\x1a\x9e\x96\x9d4\x1b \x8e\xc1`\xd0`\x00\xaa\xa6&amp;`jj\xe27\xf0\x9b\x8a\x05\x1f\\{\x84H\x84\xc6\xc7Wo\xfc\xf1{?\x18\xfc\x88\xf1j\x1a#\x15\xb1\xaa\xbfzk\xe6\\\xfd \xc1%\xe9\xd0\xe7\xe6\xe6\xc2h\x0f\n\x04\xc6\x9e&gt;\t\x8f\x92X\xc0d(\r\xf2\xf9M\xf0i\xc2+\xa8.\xfd\x83\xb6\x9b\xcb$\xd2\xf8xe%^V\xbfW\x05\td:\xe3\xd5TFr2\x8dFc\xdc\x08\xd7\x83[\x96AbD\xed\xe8\xd0\xeb\xabV\xb2}\x10\xc5~H\xb1\xc4t\xde0`\xa1z\r\xa5\xa5|~\x90\x7f\xa0\xba\xf4\xcb\xf1\xbb\xcb\xfbT\xf9\xf9\xe3\x95\xc0VY\x99\xff\xc5\xe4\xff\xf6\x7f\x11\x00U\r\xc1KNF,\xb0\xebq}}\xfd\xa0E2h\x01.Iw\xb6&gt;;{\x05\xc6U\xe0J$\x06\x8cy\n3\xca`6\xf7\x96\xe2\xc1\x076\x08!\x9f\xdf\xc9O\xbf\xfc\xe0\xc0\xaa\xca\xfc\x13x!\x8f\xfc\x13/\xe6\xfe\xbbxr{0\xd3\xd3\xd2RS\x0f\'\x93Jel\xf9,\x88e\xb1H$\xbf\x800\xc2\x94\x8d\\0\xe0\x87\xc3\xa3\x13\x1a\x18#\xbcf\xf3\xb0\xb9\x97\x10:\xc6/%\xc4\xcf\x90n\x10T\x84G\'N\x00\x0e\x00\x1d\xe8\xc5fu\xcfw\x1d\x11F\x08&amp;\xc8\xa8\xa4d\x12\x8bFKel^\x95@f\x01\x15\x1cl"\xb9\xb0\x81\xcc\x07\x99\x7fv\xda\xd1\xa7Qh\x10\r\x90\xbaP\xbd\xa5\x1f\x92T\xbd\xa5\x19\x91\xe5=*\x82\xa7\x92dz\xe3@/^l~\x07\xcf\xe0\xe6#\x98\x00*\x95\x96\x94t\x98Fr%3\xd2\xb6\xf4\x12\x0bb\x81\xd8l-`\xe9\xf5+&gt;\xdfX\x7f\xff\xd9Qc\x9f\x86\xa42\xf4v\x99\x87\xbb\xba\x86\x87\xbbz?$\xc2\xd9\xdbk\xfb\xe6[To\xbcQ\xb9\xcft\x0ct\x04\x0e\xd0\x7f\xb2\x8c\xcb\xddcJc@\x9a\x03L\x12\x8d\xb6\x1f\xc5\xd4\xcd\xabZ\xb6\x05\xc0$l\xadV\xab\x87)[\x0f\xb3\xe3\x18\x8c\xf6\x03\xe8\x16\xea\xe40\xea$\x08\xd0\xc06\xb0n\xb87\x04fU\x92T\xf9@\x93\xbf\x0fu\x84\xd4Q\x10~m\xa6r\xffM\x92\x93\xc1K\xa3\xd1\x0e\x93X\xc9{X4H\xb3-\x9c\xa8-x+j\xb5\xe0\x15D\x12\x07\t\x02KFp)N\x92Lx\xee\xcb\xf0\xfc\xd2\x9eU\x10\xbdc\xc7N\xe4\xff\x1d\n\x89\x8e\xbev\xf45\x10\xfe\xda\xac\xe6\xfe\x0b(\x82\x89@"\x94L#\x92+i/\xe97?\xd6\xc2\xba\x06\xc2\x88\\`\x18iW\x00\xd6\x12F\x87C\x86d\xc7\x01\x08\xce\xe3\xf8M\x02\x0e\xdfZ\x1e\xdf\x87:\x018\x84Y\x04\xd5Q\x82\x07\xf4:\x88$\xdb\xdc\xfc\xc71\xe3\x00\x8aA\x00\x1dF\xd1\x92\x0f\'\x11QL"\xb2+\x95qc\nh\xd8\x98]l@c\xfb\xd8{Q\x0c\x8fN\x1bI\xc3\x8e\x1f\x7f\x07D\xd0\xa1\x14\'\xcd\x1b\xdf\xa6:r,\x1fs\xea\x00\xea\xf5\xbfum\xc6\xaem$a\x14W1\xecJ\xcc2F,\xab]a\xad\x1a5.d\x04I3\xb8\x14:\x15\xeeL\xc2]cqi\x82\xf5\x1f\xa4\x08\x81 8R\x84 sE\n\x9b@\xec\xd2EPw\x1c\x1c\x1c\x01\xb5w\xc6\xe8zq*\xaeJsE\xca\xc0\xbd\xf7\xcd\xccJ\xba\x91\x89\x95\xf5F\xf3\xd3\xfb\xde\xf7\xbe\x118\xb2\xd24\xcd\xd2@6\xfe\xdf\xe4\xa3\xa3\xe2\xb0"\x80\x89\xadB/\x8a\xbb\x9a\xeb\x1f\xda\xa8#\x91d\xcd\xdb\xa0b\x15/\xa1\xd7\xc9\xc9\xf1\xe9\x93SY\x80\xebt\xc0\xf8\xa4\xf3\xf6\xdb\xfb\xa1\x0f\x04\x88\x94\xe7\xdd\xde\x96\xca\x13\xb5d\xa9V+%ZQ\xecPy\xa5\x1a\x01*\xdab\xd5\x83\xb9\x885\xde&lt;&amp;\x18\xd7\xe3\xe7g\xcf\xe7\xf3\x8b\xb3\xb9`A\xad\x1b`\x81\xe7\xf8\xd8\x81u\x08\xf6\xe8+\xa9B"\x80g\xd0E\xf3\xc1\xe2BE\x91\x84H\xc9j\xb5\xacM\xb3l\xbf~\xbez;%\x8c\xb7\xa6\xaf\xbb\x01\xd4\xa4\xbd\x84\n\xa5\xfc\t\xa9\x7fv{\xcb\x1a\x12kt\x03 PA\xb4\xe3\n\xeb\xeb\xfbmJ\x1d\x8aXb\xf5\xc4i\xe5\xa4\x02\x8f\xd2Zi%\x92Y\xbb\x0f\xd5\xdc\x87\xf2X0\xbd\x97\x8b\x7f\xc5\xd4~\xd8\xf4\xe9.F\x05\xa1&amp;ww\xd3)j\xf8\xf1\xc7\x9b\x97dyy|rSa=\xfa6\xac\x84b\xed\x8a\xbc\xe7\xfa/qZ\xa5J\xa8@\xe4\xd5\x12\xd9BxJp\xeeBU\x9d(v\xaf{kU\\\xf0}{\x0e\xd3;\xac\xe9\x94R=\x93\nvNOn\xa8\xda1m\xd5y\xfb\xa7\xcf(\x81\x82VE\xaf\xbb\xf5\xba7\x95\x03\xd2\x84rpJ\xce\xe8\xfbJy\x99\xb6\x01\xd1\xf0\\\xf5\xc0\x85\x99\xbd\xbe\x06\xd8\xf33\xa9!\xb1flC\x16\x10\x15\x1ca\xdd\xc8\xd3\xce\xdb?\xc0\xe2\x88\xc4\xe4I\xde\xed\x16\x81\xca[\xdd\x89\xa4\xe4!\xba\xa1\x9a\xec\xbfrO*\xa12Q`b\r\x85\xab\x1e\xd7\x83`\x88\xda\xf1j\xd1\x87`\xa4\x12.`\x91\x0b\xae\xe2\xffO\x12\xb5\x00\xf9\xeb?`9\xf4TE\xe1\xbe\x8aJ+0\xa5\x1e\x07\xcf\xf0\xc03m\x8c\xd1\xba&amp;\xf5\xdb- \xc1\x8c6\xc1Y\x8e\xccw\xe3\x8e^\xe6~\xc1\x90o_8\xb9f\x97o&gt;\xa2\x8e\xa3\x9b\xd1\xe8\x12\xe6\x1fIK\xfe\xf5w\xc2\x99\x12\xd2\\\x00\xf3$\xb3\x96\xfd\x97\xed\x07\xa9\x14\x14J\x19b\xa9Z\xc9\x93\xa7\xb7v\xb5b\x80\xf1\x86\xca\xf5u\x96\xd1M\xec\xd8\xf7c\xf9iy\xdeg\xb2\xce\xcf\x04\x0b\x96\'\xd7\x9b\xd9/\x93\xe9\xeb\x11\xa8N\xbf\xdc\xa7\x82\x15\x82\x13\xdb\x13-/R\x86@B\xe9|D$\x898\xbf\xa5\x08Uj\x9b\xd4\x9a\x07N\x00_\xa9\x86{4\xaa^\xf4Q\xefe\xf2\xe9\x85\x07\xf4z\xd8|\xee\xe3\x83F\x9b\xae\x17\xaeW\xaf/gwO\x9f\xdeN_\x8d\x9e\x9d\xfe\xf6\xef\x95\x95\xbd}n\xa6\x80q\nA\xb8,Mr\x17\\\xcc\x86$q\xf6B\x8d@U\xa6y^;p\x1bJpV\xe6\xa9Tk\xc4"\x9a\xd1T\xb0Q\x8dl.\x9c\xeeK\x18\xec\xfa\xba\r\xb5\x10\x11\xb3)\xd6\xdd\xe4)\xe2u2\x1b=\xfb\xb2\x1a;I\x9c\x97X!EY\xf0\x95w\xf34\xc9p5k\xb1&amp;:\xcb\x18\x0f\x9aT\x11\xa8\xeca7\xaf\xf9]\\\xb5&lt;\x8d\xd7\x07\x8a\xe0]\x18\x86\x856\x82\x14o\xe3\x0b\\\x08\xfc\x87\xcd\xe2E\x1fU\x9c\n\xd5\x1d\xa8\x8ep\xa2\x98|7[\\\x95\xca\x06\xfb@*I\xa4\x16\xab\x95\x15\xd8\xd6\xda\x84,T\x07\x11\xca\xde\xa3\xad"\xc1Jz\xbd\xa4\x16\xea\x15"\xca\xed\x8b;\x0e\x0eJ\x9be\xc6]\x8c\xc4g\xfe\x8e\xaa7\x98\x14\xf7\x8b\xf3\xf9\x85\xcb\x88\xbb\xefI\xf5\xe1\xba=\xf9y\xd5\x1cc;o\xeb\x0c\x95\xd2\x9c1\xb7\xd5\x9bs\x00\x00\x02\x9fIDAT\x90\x0b\xab\xe8\x1e\x16\xd6\xaa\xcc*ZI[o\xffTi\'Vw\xd0\xb55\x0e\x161x\xb0\x90\xf4\x1b\xe4i\x96I\xc2\x83\xa0\xd7\x87\xa1\x11\x91.\xc8\xeb\xb8"s\xb5&lt;\x82\xb9n\'\x93\xc9\xed\xed\xc5Q\x7f\xf1\xeeE\x7f\xf9\t\xa1\x03}R\xb7\x00\xa5\xac\xe5\x9f\n\x06K\xe0\xfa\x04\xf2\xb0\xacVi\xf1\x1f\xf5\xd4(\x8a\xc1\xae\xf9`\x90\x975\xf1w\x04\r#\x13\xa4p\x97\xca,C\xbbE!#\\n(-A\xb6\xa3W\x19\x8d\xd7\xe7g\xb7\xf8\xb4x1\xff|\xcd\xdf\xc0^\xae8\xf3\xb5+\x9b\xf4\x97Fs!\x16\xc0\xd2\x82\xbd\x04\x8b?\x07+\x16z"\xb1\xad\x96+a\xd4\xb4\xbda/)kN\x0c\xcd\xe6\x8cD\xb9H\x86M\xbd^\xe2\xd3!\xed\xee\xc7\xa2`)\xe3cl{\xf2\x01Xy\xbf\xc0!\xe2\xe8\xfc\xfa\xc3\xbb\xe5f\xb3\xfe\xc4KF\xeb0\xe04[&gt;C\\i\xfa(cF\x14\xf8).1*T\xc1\xc4\x90\xed\xb1P\xa2\xc1\xb0k\x9b5or\x85\xae0&lt;XE\x91\x9b5\xa6\x04\x95\xd6\x81\xca\x83E\xf1\x8e\xbf\\x\x94\x80xX\x7fn\xf7\t\xb5^\xaf\xc6\x07\x8e\xca\xcf^:\xa6\xb4\x92Lp\x8a\x92"\xe6\x85Ui"xl\x0c+](\xafW\xea\xc3\xe1 \xd7\x0e\x0b\xfb\xa0KSM\xb5\xa8\x01\xbe\xeb\xa8\xc1\x9a\x19?{\xb69\x06\xd2J0\x1fj0~\xf3~\xf9a\xb1\\\xaf\xd7W\x94\xaatQ\xed\x96\x89\x8dN\xa5\x19y\r-\xc8\xc0\xb2b\xb1\x14\xb5\xb6\x1a\xf7\xfb)\x1cI\r\x07I\x19\xd7d\x07T\x03*+\x9a\xcaE\xa9\x8e\x19\x13B\x15\x84a/\x1a\x8d!\x16o?r\x84\xc3\x0f\x0fa\xebw\xcb\xf5\xca\x15P\xc6\x9a\xf6Z\xc1\xc8,!k\xc87\x9a\x05,d(\x0c\x9e\x81\n\xaf na\r\x8b\xc1\xb0g\x89E=\xf0\x8f\x15\xc2\xcd8\xb3G\xb1\xe1\xa1\xbd\xa4\xbf\xab\xc3\x8d\xf3\x16zY\xc7\x8d\xfd\\u\\p\xd8f\xf5;\x0b\x18y*q;^K\x03\x0b\xb5\xb0LN\xd4L\xc6u\x06\xd94\xee\xd5\x9a\xef"\x8a\x19ax\xa5\xa6\xcei\xad\xb2\xacI\xe3i\xdd0\xac~\xdc\x08N\xc2&gt;V\xf93sUEtu\xd6\x8a\xc2\x00\xa8\x0ea~zG\x0f\xb0U3rZ\xf1X\x9e\xf1\xe6\xd8\xc0\xf6\x90\x0b\xd6\xe2\xb8\xc0\xa4a\xeag\xe2&amp;im^\xc5;v\xa3\xd6v\x87t&lt;\xb1P\x14\xd3\x8aP\xc5D9(\xb1K\x13E7\xd16`\x85\ng\x0f]\xb9\x9e\\\xf50\xaf\x1a&lt;\x86@+\x9a\xcf3\xe1}r^\x19\xb6cF_\x1bZ\x9a9\x95\x10\x8b,\x86\r\x11\xbb!\xc2\x1d\x90\xf0\xc0R\xcd\xf2?a\x97M_:\xe0\\e\x00\x00\x00\x00IEND\xaeB`\x82'</t>
        </is>
      </c>
      <c r="M101" s="3" t="n">
        <v>45492.67883101852</v>
      </c>
    </row>
    <row r="102">
      <c r="A102" t="n">
        <v>260077</v>
      </c>
      <c r="B102" t="n">
        <v>1954</v>
      </c>
      <c r="C102" t="inlineStr">
        <is>
          <t>Lucas Villalba</t>
        </is>
      </c>
      <c r="D102" t="inlineStr">
        <is>
          <t>L. Villalba</t>
        </is>
      </c>
      <c r="E102" t="inlineStr">
        <is>
          <t>ZAG</t>
        </is>
      </c>
      <c r="F102" t="inlineStr">
        <is>
          <t>ZAG</t>
        </is>
      </c>
      <c r="G102" t="inlineStr">
        <is>
          <t>ZAG/LE/LD</t>
        </is>
      </c>
      <c r="H102" t="n">
        <v>177</v>
      </c>
      <c r="I102" t="n">
        <v>25</v>
      </c>
      <c r="J102" s="2" t="n">
        <v>34564</v>
      </c>
      <c r="K102" t="inlineStr">
        <is>
          <t>Left</t>
        </is>
      </c>
      <c r="L10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44bc5471-0b76-4b9f-a2ea-2cce0d3e98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d8\xa2\xac\x00\x00\x00&gt;tEXtComment\x00xr:d:DAEewil2SDw:3796,j:1497870925631122622,t:24040619\x85uW\x81\x00\x00\x00\tpHYs\x00\x00\x0e\xc4\x00\x00\x0e\xc4\x01\x95+\x0e\x1b\x00\x00\x03\x00PLTE\xff\xff\xff\x013\xb4\x002\xb8\n\x0c\r\x03\x04\x04\x00-\xb0\x00/\xb5\x01\x00\x00\xfe\xfe\xff\x000\xb2\xff\xff\xff\x06\x08\t\x004\xbc\x006\xc1\x00;\xc7\x00=\xce\x08\x04\x03\xfc\xfd\xfd\x007\xc4\x018\xbe\x0b\x11\x13%\x0e\x0c\xcd\x86\x7f\xb9\x9a\x94\x01*\xa9\x12\x19\x1c/\x14\x10\x12\x13\x14\x00H\xdb\x00\x1c\x92\xca\xaf\xa7\xcb\x92\x8a\xadxs\xd1\x97\x90\xca\x81z\xb3\x82z\x1a\x0c\n\x00?\xd2\xb4\x89\x81`6-\x00D\xd6\xd0\x8b\x846\x18\x14\xbb\x82{\xf8\xfa\xfa\x01&lt;\xc4V1)\x00@\xca\x0f\x07\x06pA8\xadqg\x00R\xe8\x18 "\x8aMD\x00 \x99\x01+\xb5K-)\x86UKA&amp;#\xb1c\\\x00.\xbb\x9bUK\x00&amp;\xa3\xc3wp\xae\x8d\x88\xf2\xf6\xf7\xaftm\xb8\x8f\x88\x84MC\xd3\x9b\x99\xbb\x94\x8d\xc9\x8b\x85\xb0ie\x00P\xe2\x92MG\xba{y\xb1|w\xb4yp\xd3\x8f\x8a\x1e\x17\x16\xa5\x84\x7f\xca\x96\x93\xbcyp\xa5yq\xa8aX\xb6pgh&gt;7\xc6\x87\x80\xb4\x93\x8e\x00K\xe1\xa4XO\x99NI\xce\x9d\x94?\x1e\x16\xd9\xa2\x9f\x01$\x9d\x9drk\xc1\x85|pMH\xbb\x89\x83\xa9\x80z\x000\xc0\xc9\xa2\x9aV95\xa5ofa&lt;5\x9ef]rF?\x8fTH\x86[T\x8dYM\xc2\x7fw|QI\xc4~\x81\xa7j^\xc6\xa8\xa0\x8ba[8!\x1e\xa6rm\x96d]\x83E&gt;{J@zC9\xc2\x9d\x96)/3R(\x1e\x9djd\x8f^S\xa0~y\x1d\'+|VQ\xcb\xb5\xad\x9azu\xdd\x9a\x9b\xc2\x8c\x83hD?\x00\x19\x88\xb1WU\xf1\xf0\xf0\x9faV\xc3\x90\x88\xe3\xe7\xe9\xb8hb\x91ga\x00$\xae\xbcqk\x00[\xed,\x1a\x18\xe8\xed\xf0I!\x19\xb5nq\xac\x87\x80\xd8\x95\x93\xcbrr\xa6NL\x005\xc8\xcf\xe1\xec\xd1{z\xc2\x98\x90\xc3jj\x8fC?\xd7\xa9\xaa\x84b^oUQ\xd3\xa1\x9e\xbd\xd5\xe3\x96`S\xbc\xc5\xc9\xc3\x88\x87\xbd`_\x99mi\x9bD@\x90up\xa7dd\xc8\x8f\x8d\xa3ZZ\xdb\xe1\xe3z^Z\xc2zy\xc0\xa2\x9b\xb7\xce\xdd_/%\xc6\xda\xe7\xce\xa9\xa3ZB?\x9bVT\xa5\x8d\x87\xc7\xd1\xd5\xd4\x82\x81x8/\xa7\xc1\xdbl9-\xd3\xda\xdd\x8blg\xd0\x8f\x94\xd0\xba\xb4\xa5\xb3\xb70:&gt;\x99\xb5\xd6\x167\xac\xc2q|\xdb\xe8\xf2j*\x1fGOT\x89\x92\x98fKGjrvFn\xc9\xc9\x81\x90\x96\x9c\xa1\xb6\xbb\xba\x96\xa4\xaaZ\x81\xceL75\x9782\x89\xa9\xdb5_\xc7\xb0\xc9\xe32W\xb9)$%\xb2\xa9\xa7\xe2\xda\xda~\x9f\xd1p~\x83\x1fF\xb9@//\x01\x15{\x7f\x84\x8b&lt;DI0I\xac[msY\\a\x03M\xd1k\x88\xc0\x19H\xc5\x9b\x84\x82\xac\x99\x90Rg\xadk\x96\xd7\x0f\x14YFY\xa07M\x9d\x890)\xd3\xce\xcc\x82#\x1bK`h\x0e\n&lt;\x8d\xa6\xcbvw\xa5\x1e/\x81\xb8F@\xcd\xc3\xc3v\x8d\x95\x00u\xf9{\x93\xb7WX\x80\x92M\xa9\x96\x00\x00 \x00IDATx\xda\xbc\x97\xcdk\x1b\xf9\x19\xc7\x033\xa0\x81\xb9\x8c`d\x18\xcdAkG\xac\x91&lt;\x98\xb1\x19\x83\xe3\x10\xc2\x04\xbb\n\xc9\xca\x83\xbdv\x04\xde(\xac\x93\x928\x9b\x17\x99P;\xb1:i;\x87:\xacc\x19\x8cdp\x0f\xdd6M\xc8\xd0R\x82.\xa6\x0b\x93\xe2)H\x97J+\x90EO&gt;\x88`!\xff\x05\xba\x99\xd2\xef3\x92\xcd\xde;\xcec\xbd\x8c&lt;\x06}\xfc}\xbe\xcf\xcb\xef\xc2\x85\xff\'8D\x90\xfb\xd9\xb5^\xc8\xe9\xc1\x0b\xc1 .\xbd\xe0.|\xce\xe0\xbc\xef\xc5C\x01\x88\xee]s\x8a\xae\xe8\xaem\xe7\x94 \xa7\xe7te#W,\xe66\x82\x9f\x95J/(zQ\xe7\x94\\!\xe7\x16\x94\x8dBaC\xd1s\xae{P\xb2\x8b\xc5\xa2{Pm\xd7\xeb\xcd\xe3V\xa5V/~.\xbd8\xeeBPq\\\xfd\xa0\xa4\x04\xc1\xd0\xb0m\xd7)\x16\x9dF\xb5T?\xae\x1c\x1f\x1fWZeM\x94%\xf3\xb8Y\xad7Jn\x90r{\xeeh\xc1\x9c\xab(\x85B\xa9\xe8T\x0b\\\xd1q\x9b\xedf\xb3Q\xad\x1d\x97-\xcd\xd4d\x86\xe5\x19\x9e\x97\x19^\xaa\xd9\xc5\r\x059\xd6\x95\xcf\xe10\xaepr\x10,:\xb9\x83\xdc\x89\xcd\xe9\x8eS3\xcb\xe5\x96\xa9i\x9a$\xc9\xa2$\xf2^\x80\xaa\\i\x1f\x95\x1c\xbb~tR\xb7\x1d\x17U\xc0\x9d\xaf\xa7\xdc\x8e}\xc1q\x8bv\xa9\xed\x06\x9dR\xcd*[\x90\x87ax6\xc0\xf2&lt;\xcb\xd2%#\xf2\x8cLOKb\xcc6\xb0\x1c\xc7=_\xeb+9\xbbm\xebv\xc1=h\x9e\x14s\xb5\x8a\t\x81\x88E\x14\xe9\xc1\x13Y\x00|\x1e\x1epEQ\xb6*u\xdb.\xe6\xf4sUK)\x96\xda\x07\xb9R\xc19i\x9fT\x8fM\t\xf9b\x19\xca\x9e\xa4Y]B\x19\xf9$\xc5p\xcd\xf2\xa0\x12Y\xa9Rk\xd8\x05\x85;_\xacN\xc9\xb57J\x9d\x96\x89ogY\x86\x91\x80\xc302\xde\x18$R\xb2,M\x96eI\x14\xbd\x8f\xacw\xcf&lt;\xb6a\xffs\xacG=\xd7h\x97\x1c\xb7P\x95\x18r\x12\x04\xf1t\xe1E\xa6k/V\x96Q\x88\x86!\x8a\x9a\xa5\x89\xde\r\x91\xd74\xb9rt@\x85ynX\x85z\xa7\xe48U\x93\xf7\xa8\x02\x14\xf4\xd5b\x0fRF\x8f`4\x8d\xa1_K\x9a&amp;\x92\x96\xa2&amp;\xf1\xb2\xd59p\x8a\xe7\xe4{\x8e+8\xa5\xce\x7f\xab\x15\x89\xa4\xe9\x06\x95\x1e\xf2\xc5zvg\x0cY\x00\x8e\xe8\xc9\xc8\x8b\x96IP\x1a\xddf\xe5J\xc3u\x0b\xe7\xd4\x1f\x8a\x8dR\xa7#!1DE(\x8c\x81k\x9e8\x90AV\x95\xf9\x00\x83\xa7w\x93\x17%\xcb4-I\xb24&gt;\xc0\x06\x04\xad~.\x13\x92\xc3 ,4\x1be\x99\x97\xbc/\x0e\xc0\xf2\x0c\xfa:\x8b\xbcy ,+\x08\x01\x9e\xa8x\x86\xed\xfe\x82\x91\xc0\x852%\xbd\x04\xed\xe8&lt;\x06$V\x96\xe2F\xb3#Syy\x18"\x92\xc6\x80C\xee\x9a\x8c\'*\x16T\xdd\xee\xd5\x95\x13\x7fli(W\xea\xff\x8cv\xec\xf8\xde\'\x14\xdd.\xe5\xf4\xb6D\xfd\x92\xe9\x8a\xc5h2\xbduM\xc6z%\xc0\xf7&gt;\x05X\x81a\xbc\xf2\x84d"U#\n\xc3\xaa\x1c\xdb&gt;sq\x05\xdb&gt;j:m\xc9\xab2\x00\x08\x0c\xb2\x87\xb7\x9e\xf7\x85\x00\xb4"8\xef\x03\x135\x10\xb2GE\x8a\xa1$15\xc5J\xe3\xc8g\xae`\xc1i\xd4\xca\x15\xb3\xe7\x9a\x00/\x08*Q\tgZyWtW@\xe3\x92\xc1$\xd0\x9c\xf40Y$\x91\x1a\xac\\\xb3\x1b\xae\xaf\xfeR\x9cR\xbdZ\xd1N]C`Q\xe1\x8c\x8a\xc4\xf2\xde\xf0\xaa\x1a\x86*\xf0=\x15\xc9U$/i%1\xacTw\x1d\xc5\xd7$:\xb5J\xf3\xa4\xcc\x07\xba\xff&gt;\x84\x10\x88J8K\xa2\x07&amp;\xa0IDU"\x14TU\x85^\xa8U*\x02\x96\xa6\x92$\xf1\xbcY\xda\xf0\x17\xcbmV\xca\x9d\xb6\xd5\xa3@\x1fR\x91F t\x05c\x05/X\xd0\xb0\x1e.Q\xc9xbj\x83\x0e\xcdL\xa4a\xce\x8a\x15_\xcd\xc5\xe9\xc5*\xb6=Kc\xcf*M\xa5\xaf\xee\x05\x01\x9e]v\tOay\xdc\xe2YI\xa3\xee\x8a\x01 \xb7s\xfe\x8dlNq\x1b-\xaf)\xf6\xa8\x02\xd1h4\x14\n\x87\xa2!\xef=\x1c\x8f\xc7\xc3!\x8a\xa8\x17\x84G\x8a\x91\xeb\xd5\xa8L[\xc4!\xcb\xa3\xdf[\x92\xd5\xf0Q\xae`\xaeQ\xb1d\xe6\x94J\x88\x86\xe3;iD&lt;\x8e\x97\xf1\x07\x0f\x1e\x0c?\x18\x1e\x1f\x9fHO\xacLL\xac \xf2\xf9\x1e$Tce\x83a\x0e\xcb\x12\n\x12\'\x0f\xadu\xe0\x9f\xbb\x94b\xa3bZ\x16\x7fJ\x15\n\xa5_\xee!\x86\x87\x1f&gt;\xbc\xb5\xfc\xe4\xb7\x97\x96\x9f&lt;Y\xbe\xfb\xea\xd5O\xaf\xee\xde}\xfb\xf6\xedO?\xfe\xf8\x9f\x898\xb4\x0c\x87a?\xac;\x86l\x961\x15$\x99\x11\xcd\x9a\xeb\xe3q\xd5mb\x9b\xe9Q\x85\xa0\xd1\xce\xcb\x97{\xfb#\x8f\x96\x9f&gt;}\xff\xdd\xfc\xec\xb5\xd1\xd1/V\xbf]]\xfa\xcd\xb7_\x7fu\xf1\xe2/\xbf^z\xbe\xfcj8My\r\xc7\xc3Q\x01C\xdc\xb0,\xda\x19y\xec\x12~\xba&gt;Wm\x89\xbd\x14\xaa\xa1\x9d\x7f\xef\xff3\x9b\x1d\xd9\xcf\x8e\xbd\x7fv}~~v\xfb\xea\xec\xeclfq=\xb5\x8eG*\x95Z\xcc$G__\x1a\x19N\x93\xd7B\xf1\xbc\x1a\xa0Y$c,\xf2\xe8\xf7M\xff\\\xaf\xd8\x15\xb3\x87%\xa8\xe1=@\xdd\xb8\x82x=GT\xb3W\xaff\x062\x03}\xb1X\xa2/\x96J$\xfa\x16\x173\x99\xa1k\xcf\x9e\xee\xef\xc4C\xaa\x1aZY\x91\x05F\x85\xe7\xc1\xc4\x98Z\xb9\xa4\xfb\xb5\xe1p\xb9\xa6\xc9\x9c:+\xbd\x9f\xcdN.,,\xcc\xcd\xcd\xcfo\xcd\xcf^\xcd\x00\xc9\x8bD,\x16\xebKD"\xb1D"\xb1\xb9&gt;t\xed\xfd\xa3\xbd\xae`yp\xb1\xe8\xf9\x92\xc5\xe0\xdcQ\xcbq\xbea\xb5\x7f&amp;V6\x9b\xbdr\x05X\x97\xb7\xb6\xb6g3\xa9\x14\xe9\x04 \x8aX,\x02\xac\xe9\xfeH"\x91\x1aJ\xbe_\x1b\xdc\x89\x87\xd1H\x0eQ\x8dtr\xd34V4\xdb\xb6_\x83\x91+\x1c\xc9\xa7b\xc5\xf7\xbc\x14.\xcc}\x7f\x19\t\xcc\xacoB\x9f\xfe\xc84\xb0b\x1f\x01\xd4\x8b\xc8\xe6\xfa\xe2b\xf2\xd9\xe4\xe0N\x9a\xb8\xccCZt$F\xb3D\xbef\xfb\xe5.N\xafv\x07\x0fZ\xd6\xce\xde\x08\xb0\x90\xc4\xef\xb7\xb6o\xc2\xe9\xa0BLO#\x83\xa0\x9a\x9a\xea\xef\xbf\xdd?\xd5\x1f!\xae\x0cq\xbd\x8c\xa3W\x18-M\xd2p\xd0\xc6\x835\x1d\xdf\xd6g\xbdT\xf6v\x1a5\x14\x7f98\xb2\xf6\xd8\xcb!j\x109L$"H\x1da}\x9c\xde\xdd\x05\x16Q\x11\x96\xc7\xf5zmo\'\x1cV\xa3f\xcb4\xe1x^*Kr\xc9\xaf\xc3\x19\x17\xd4\xdb\xd4\xb6\xd4\xa8\x875F9\xbc\x0egmogR}\xb0\x11\xc8\x12\xf8\x99\xde\xedf\xf0v?\xdcE\xf6Z\x84\xefGH.\xd5(\xb7\xcaP* \x9a\xa6\\\xf3\xad\xd1s\xdc\x11CbE\xd1\xdf\x07\xb3\xc0\x9a\x83\xe1\xb7g\xa9\x0c3\x8b\x03\x03\x03\xa9&gt;Tcl\x1a\x9a\xf5\x91|\xd0k\xe6C$\xb1\x99\x18J\x8e^\xba\x05\xdb\x0b\xd1\xc3O8\x8a\xd3r\xdf\xd2\xca\xae\x7f\x9d\xab\x83\x1d\x10c\'\xbe\xf3r\x1f9\xbc\xe2\xe5pvv{~k\xfb\xaa\x17\x03\xd4\xb8@\x05D\\E(\x89\x9b\x9b\x91u4\xd6\xc9\xc1xHP\xf3\x86\xd9\xd2p\xe8\x96\xca\xa6V\xf5oGm\xf3\xb4\xe4\x85\xd3;\xc3\x0f\'\xd1I\x17@\x95D\xdf\xba\xbc\xf5\xa73\xaciR+\x05\xed\x06\xfa\xf0\x9aB\xd3\x87\xbf.\x8e\xbe_K\x87T\xc1\xd0\xe42\x06\x18#k\xadr\xdb\xaf\xdd\x99\x92\xc8B,\xc2\x1a\x99|\xfc\xcd\x95\xd7[\xf3\x80\xda\xda\xfa+\xc4B?\x05U,\xe6a\r\x0c,R\x03\x03[\x06\\\xeb\xeb\xf7\x92\xcf\x9e\x0e\x13\xd6!\xf6\x08\x1c\xcc4\xa9\xd5l\x94|;\xc9\x1e1\x82\x8a\xc9\x9b\xde\x19|\xb4\x06,\xea\xa5\x00C)\x928}\xde\xcbt\xfft\xec\x8f\x7f\xb8J\xd9\x8c$R\x03p\x1d\xa8\xee]\\\xfa\xeeQX\x85\xb9d\xf9\x93\xaa\xf2\x96d\xda9\xbb\xe0\x97ZUQ\x8d\xe6\xe3XhF\xd6&amp;\xc7n\x00\xeb\xf2u2Wf \x11!\x9c^\x97\xef\xfbH\x0e\xdb\xdd\xed\x9fN\xd0\xcc^\\\x1c\x1a\xfajui9\x1d\x05\x96!\x7f\xc2\xeee\x96-[)\xfa\x85\x15\x04\x96\x91O\xa7\x87o=\x9a\x1c\xf3\xb0\xe6\x08\x8b\xba\xe9\x14\xc5\xaeG\x86&lt;\xa2sM\xdd\xb9\x83\xf6\x05\xc1&lt;\xac\xe4\xe8\xea\x93\xf1\x90\x1a=&lt;\x94\xcb8\xabi\x9dr]\t\xfa\xd5\xb8\xb8\xaa\x1c5V\xd2;\xfbp\xd6\xe3\xb1\x1b\xdf,,\xa0\x18G\x937S\x1ff\x88\xea\xdd\xbb)H\xd4\xbf;\xf5\xfb;o\xbc\x98\xba?\x13A;\x05Urt\xf4W\xe3\xf9\xa8\x91?\x94\x0f\xf3\x86!5\xeb\r\xdfV\x1b\x0f+\xbf2\xb1\x9f\x05\xd5\xe3\xb1\xb1?\x7fs\xe3Ev\xf2\xf9\xd2\xb5\x9b\xf7&gt;D\xfao\x13\xd6\x1d/&lt;\xa6wo\xdeM\xdd\xfe\xe1\xc3\xbd\xa1\x9b\xc9d\xf2\xda\xb5\xd1\xe7\x0f\xc1c\x1c\x1a\x9a\x81Gc\xc3\xf5\x15\xcbXY\x19\xceN\xde\x00\xd6\xe4\x8b\x17k\xb7\xf6\x1e\xde\xfd\xcb\xbf\xfe\xf6\xf7\xdf}yo\xe6\x87\x99\xa9\xdb\xef\xee\xdcy\xd7\x15\xea\xcd?\xee\xdf\x9f\xf9\xf5/\xbe\xbc\xf8\xc5\xea\xea*\xa0FG\x97\x1eaZ\x1b!C\xc3\x02-\x1e\xe9\\\xd0\xbf._7\xa2\xf9\x89\x87p;\xc4Z\xcb\x0e\x8eO\xfc\x8f5\xf3}Il\xcf\xe3\xf8\xc2^\xb8\xc1}\x14l\x0e\xeb\xc2fvI\xea\x84\x90\xac\xd0x\x10\x07\xd3\x12\x7f5\xeaIC\x9b\xc1R&amp;5\xcb\xd1\x19\xcdj\xad\xb91S\xd8i\x0c\xf1fu\xc0\xb4)\xbaG\x1d\x8f\xdb\x19\xa2\\\x92\xe1:wa\xe8R\xb0,\xf9\xe4\xde\xb8\xc4]\x98\x07\xfb\xac\xe9Q\xbb\x0f\xf6\xf3u\xe6\xfe\x07\xe7\xfb\xe0\x80\x07\x1f\xbc\xf8\xfc|\xbf\xbfGvq||\x06\xca}\xf7\xd5\xf3gn\x97\t\x02\xf6\xf0\xe1\xd1\xd1\xce\xd1\xd1\x93\'s\xc3\xc3\xc3\xf7\x9e\xbf^\x9b\\\xbc\xeb\xf3\x84B\x12\xc9bWKK\xea\xeb\xd4 \xba\x81\xfb\xf5[\xeeD3\xc2\x1aL\xc9\xacQ\xc0\xd2\xaa&amp;D]\xfcT\xb8\x0b,\x0e\x98\x9c\xb0\xac\xf7xlMoz\x84*l\xef\xd1\xb6\xfb\xf5\xf7\xdf\xef\x1e\x1c\x1c \xaf1&gt;\xbe\xfc\xd4\xe7\x93H\x16d\xfc\xd4 \x8c\x88/\xbf\xf8\x03\x97\xd6\x07%q0\x05\xd1\x8aB\x17\xfaU\x13\xbd]\xa9\x14\xbf\xe5\x937\x84a\xd6u\xf1\xca\xdd\xdfok\x1d\x19\x99\x9b\xbb\x7f0\xde+K\xb5\xa4\xc2WW\x17\x17\x10\xd3\xde\xb1i\x89a^\xd4x\xf7\xa7/\xbe\xfa\xc7\xbf\xb8\xbc\xa4GX-a\x99\x08aIg\xbc]]\xe0\x08{\xc7\x8f\xcf\x96\xbd^q\xac\xf7\xc2\xfb\xf4Y\x9fk\x941\x99\xe6\xee\xdc\x7fu|\x15\xe6\x83\xf4k\xe1\xa7\xba\x80-,[T\xc2\xbe^\xf4^\xa5R\xa0k\xfe\xf7\x92\xdb+\xae_\x06S\x9f\xb0\xa4\xaa\xc7\xa2\xf5q\xef\xd9\xc1\xebg\xf7\x86\xe7\xe6\xfa\xda#\xd3SS\xd3\x96v\xcc\xd66b\xda\x1ev\xbfZ\x1e\x17{\x97\xc14\x1e\x1f\x8f\xf7^\xa1pE\x0c\xcai\xe7\xe4U8\xf5\xfbo\xce\xbf\xe3\xf8~\xfe\xfc\xeb\x96\xf0\x03\x84\x059\x14\x8b\xc6&amp;\xa7\xdd}\xdb\xdb#p\xb6W1%Iz$I\xd6\xc60\xab\x1dn\xa7\xc7\xa2\xc7\\\xfd\xfd\xfd\xc3\x7f\xff\xcf\xeb\xdd\x8b^\xefYAi\x98w.\x02\xd6W\xe7\x7f\xe32\x85\xe8\xdb\xdby\x0b\xd8V\x84\xa5R\xa9zTS\xbe\x88\xc5\xe9t\x16\nN\x0f\x19RJ|\xfb$\x81g\x15\xac\x82\xc5\xf4\x06l\t\xc4\xfd\xc8\xde\xde\xd1\x937\xc3\xcf_\x8d-\xef:\x05\x86\x88s\xf7"&lt;\xf8\xcd\x0f\xdd\\vawws\xd39\xda\xd3\xa8\xe4U\xd2)\xf0\xd2\xfb\x93\x8f\x97\xa1\xb6\xaf\x8e\x17\x9f\xfa\xb504\xe4\xf2x&gt;\xbb\x95M\x1a\x94\x12\x98\xeb\x9e\xf9\xb5\x82\xbb\xff\xd1\xdc\x9d&gt;wa\xf1\xa9E \x88\xcc\xef^\xc9\x06?\xbc\xe4Nh55_\xfe\xfc\xe6\xe3\xca/)&gt;\xff\x81h\x06Q\xed\xef\xef\xfb\xdf\xcaR\xa9\x16\xfe_\x06\xaf.&amp;\xa4\xa4T5\xe5/R\x08+\xa1\x8c\x10!\xdf\xcc\xb2\x0c\xa6\x94\xec\xf8\xe0Y_\x9f\xdb\xf9\xb4`\xd1\x0b\ngWW\x83\xbfr\x98\xc2\xa6\x8fk\xd7\xd7\xd2\x8d\x0f\x08\xcb\x1aUI\xefN\x91&gt;R\x15\xe3?\xe8}\x10\x93\x85\xc7?\x1c\x9cV\xa5~\x7f\xae\x18\xcff\xb7\x92\x1a\xa5\x12\x07\xaa\xf3\x8b\x1f\xff\xf8\xef\xd4_S)\xabe\xc3\xed,\x08\x04\x82\xc2qX\xf6\xd3?\xb9\xfb\x12\xdb\xbcr\xff\xba^,^\x9f\x82\x81Y\xef\x89\xa2`\x85Bd\xf5\xadjA:;\xd3S\x8dJ\xa3\xd5jT.EX[\xd9lBc0\xa8\xaa3\x07VQ\x978\xe6\x15\xad\xafW=\x1b\x1b\xee\x06\x96,\xfc\xd3\x0f\xa8\x1a\xb8Ja\xe5\xe6\xdaN\x15\xeb\xd5\x07\xfc\x18\xc2\x92\x87$!\xb9\xdfO*]\xfd\x1d:\x83RS\x96W\xf6\xf7s\r\xac\xad&lt;\xae1\xb8#&gt;t\x11@\xfa|\x1e\xa5r\xdfO\x18\xda\x05\x02K\x04E\xeb\xe2\xe7\x8d{\x1f\xb9)\xfa\xa6\xe6\x8f\xf5\x1b\x8a\x8a\xc7\xed\x8e\x18_\xdc\xc0"I\x12\xd6\x9cD3\xa43\'\x13\xb8]\xeep\xc8\xb5\xb9\x1c\x95\xdf\x82\x93\xd0h\x04\x96\x12\x9e0\xdbZ\xdb\x8e\x8eL\xab\x06\x89ai\tC%\xef\xed\x92\x1d\x16)*\xfd\x91\x93x5u\xbf\xab\x17\xe3q\r\x8e\xdb\xdf\xf2\xc5\xb3Q\x95_N\x86&lt;\x1el\xd5e\x18\x82\x978Q*\x11\x95\xcfX\x99\x0c\x14\x97F\xa2\x94\x84ppk\x81\x81\xd5\xa5\xa5\xfe\x0e\x0c\xd9\x0cKd\xfe8,\xa2\xe2\xd9|\xfe\r\'\xf75\xcd\xdd\x7f\xae\xc7\xa9&lt;F\xd8\x89hW\x03\x8b\x04I\xd0\xb1\x04\x8e\x95\xa1\x91\xfa\xd4\x1b4v\x876W\xa4\xb2\x19\x84\x95N\x0f\x991\xcc\xe5\xd2%\x1b7^\xa69\xf0\xd6\x18\xc2\xf2\xae\x93\xd9,\x1b\xaf\xd3\x9c8\xfd\xa6\x95;u\xaa\x98\xcfSr2\xba.\xfa\x84e\x18\r\x8c\xb6\x82yf\x06\xe8%L7D\xd8\x1dp\xe2[\'\'\x08K\x99\x0e\xd0\xab\xdb\xdb&amp;8#;G\xf0h]\xc5t\x90\xc4q\xaf9\xc0\x06\xf3\xf5\x81\x95&amp;N\x1a\xb1\xbd\x8e\xb2Hi\xb5Q\xf0\xd33R?)\x19\r\x04\x80\xca\xc8\xd0\xf4h\xc0&lt;\x84\xdb\x1bXy\xc0:\xc9d5\xe94K3\x0c\x18\xeb\xd6V5h\xd5\x11\xd3\x88\xc9\x86E\x9c\xf3\xe33\xa3X0\x98\xbd\xadq\x82\xf5\xbb\x97\xa5\xebk{"\x1e\x97K\xa3\x87\xc8\xf5h\ts \xb0\xd4\n\x96\x10\x1c\x17\xab\x80\xa2\'\xa0\xea\xb50L3F\xe3\x89\xa2\x81e2\xb5\xd5 \x9a\xeaM\xf5\xc3=\xd8\x9a\x8cK0?o\xad\x8c\xeaL,WXM0\x1f\x8a\x89d2\x042\xeb\xf0pvV\xea\xc0\xcd\xe6\xd1\x81\x01#\xb2\x86BV\x91\x00c\r\xb5\x053&gt;cT?l\x0b\xa6\xd3z\x84\xd5pC\xea\x87/@I\xabM&amp;Z\xe0\x9c\x9f!\r\x065/\x7f\xbb\xc9\x15\xd6u&lt;\x99$nnT*\x11\x8a\x96\x1c\\\xfe\xa8m\x00\x1c\xa10#\xdcR$\xcdI\x1c\xfa\x10Jk\x13\x0c\x86\x9aI\xa7\x05\xa0\xbbj5uCD\xef\xec ,\x06a-z$,/\x13\xe7\x08\xab\xf9\xd2Q\xc7\x13\x1a\xc7MN:e\x8d\x81I\x94\x13CI6\x18\x14f2\'\x19\xa1\x82\r\x9aq\nf)\x95\xe7\xd5\x90=\xac\xb1ie\x10\xe4 \xe2z\xf1\x02\x82\x05Xm\x0c\xad/\xccOZ$\xcc\x88\x11\x92\xf8\x92\x9bhA\x82p\xa2^\xd7\xee/Xc`\xf4\xe5\x84&amp;\x99T\xb0@\x05XB\x1e\x8bS\xc5b\xd1aO\x0el\xeeApj\xc1\xb4F\xc70\x0c\xd8\xd8\xcd\x17\xe8@q1\xab.\xbdsz\xd2m\xcf\xb7\xed\r\xe49*\xf9\xcb\x85z\x9d\xa2\xeae_h\x7fF\x0cX\xda2\xa1I\xc0\x9e\xc9\xa0\xc3\x13\xe2\xd0\x84\x14E\xe1\xe6\x1a\xea\xbb\x1d5\xc3j\xd24C\x0f\x00W\x03\x0bL\xb6\t\xb0\n\x93k\x1d\xa1\xb8P\xbd\x97Us\xd4\x89\x85:\xac\xeaz\xc2\x17\xf2\xdd=\x14/\xcfh+e&lt;\x9fGX\'B\x9e0Q,\x96\xede{E\xb3z\x04T\xefvL\xb4.\x9d\x0e\xda\x82\xbc\xce\xcd\xcf\xe1\xaa\xd5\x18\x1a\xb0\xc6\n\xab\x86\x84\xb0s3\xb8\xc7\x8d\xb8\xf9\xf6Y\xf1\xe6\xe6\xa6\x98\'|\xa1)\x11\x84K+\xb7\xc7\xf3h\xd1@\x12\xd9,u\xed(9\xaa\xa7\xd12\rf\x0crH\x07u\xba\xf7l@!\xec\xfc-\x8b5#\xed\xc2\x04\x8bg\x96m,\xcbne\x82;\x9c\xf81\x98\xf2\xb9:\xe2"}\x9e\x05\x84%\x05\xac\xf8g\xac-\xbc~m\xc7\xe5\xa7\xd5\\NB\xd3\x8c\xda\x14,I\xb5i\x9d\xce\x9cUd:?e\xb1f&lt;\t\x061\xe7\xd9\xe3\xf6~,\xab\xc8\xe6\xd9w\xdcH\x9b\xeewZ9\xe1\xa8\xde\x9c\xfa\xdb\xa7\xad1q\x8fJ\xeb\xa0\x10Vc\xa6S\xd79\x02\x86|\xaeX\xd4\x96J\x1a\x9d\x12E.\x97\x1e\r$\x14\xbc\xcfX\x9bF[0\xa8_\xb3N\xba\\\xe6x\xfe\xf66\xfb_N\xacOS\xd3\xa5\xafX\x0e\xc9\x89\\\xae}\xbe\'&amp;\xb2\xce\xfc\x86\xd5\xc9\x13f\xa9\\\x99\x90;r\xda\x9c\x03=\xcb%M\xba\x9c+\xebhZ\xb1\x85\x8a\x0ba\xa9\x8dAV\xa7\x9f\\\x9e^u\xc5o\xa9\xfa-W\xc2\xa6ye\xa3\xe8\x90\x93\x1a8&gt;\xeb:L.)\xc2R@\xb4P\xc1WB\xf2\xe8l\xb5\xfav\xb6\x02H\x98\x0b\xd3\xc3\xf2I\x06i\x1b\x14\xd7&amp;\xcc\xd7\x17\x9bm&lt;\xc0\x8a\x8cY#\x8f\x04E\xdcN%\x82\x97\x1c\x19\xc5\xe6w \xf4\xca\xf8Pr\xc87\x11\x8bY{\xa2\xda\x06\x16\x8f\'T\xc4\xe5\xa4?z\xfa\xf6\x10\xd4&lt;P\xb1A]\xc9\xe3+\xc3_\x036sRhDc\x7f\xd3\xc8cu:\xcb\xb2U\xbf\x8d\x99i\x8c~O\xafpe1V\xee\xe7\xe4e&lt;\x81\'&lt;\x13bq\xcfDT\xea\xb0\' \x1a&lt;\xde\x90\x9d\xf4WO\xe1\xcc\xfa+%\xa5\x9eM\x974\x91\x05m\xa5b\xd7\x80\xae\xc0\x85m\r,\x1b\xe402\xd1\xa3\x1fe\x18\x93\xeb}\xf6\x88\xb3\x8fvM\x97\xd3\x0e;\xe8\xd08\xd1\x13\x13[\'f\xa5Z;*i^\x80hP\x81\xc3\xd0\xdaC:];fN\x0e\x19&lt;\xbe\x8a\xd6\x0f\x9b@O\x12&lt;\x84\xd5i\x0b\xe8\x04\xce\x89\x9e\x8e\x01\x93\x89\x81^\xbc\xe4\xcc\xec7w\xdfA\x8a\x0b\x14\xf2l,\xd631\x01\x14\xb8\x82g\x1c \xf6\x17\x10\x15lD\xf4{\x0b&lt;\xf5\xffi7\xdb\x97\xb6\xf2,\x8ew\x97\x85\t,\xfbBfg\n\xbe\xd8\xdc\x90%a\x12{w\x13\x10\xeeMq\xab1\xc5\xe0\xbd\x194O\x961\x96x\x13zs\x13\x93\xc6l\xcc5\x81&lt;l\x1a\xbc\xad\x0f\r\xddi\x94\x1dvmI\x8au\xb2\x89Q\x19\xa7\x89}p\xe2\x94\xe2t\xb0\xb8\x0e2\xb0\x9b\xeen\xbb/\xf6A\x19g\x10\\\x8a0\xec\xf9\xe9\xfe\t\xde#D\xc17\x1f\xbe\xbf\xef=\xe7wr\xcfy\xf7\xdd\xab\x94\xbeR\xeb\x1emm\x9b\xf3$B\xd2\xcb\x97e]\x08\xabh_3_\x9d\xef]X\xbe\xf9\xe0\xf4\xdaj\x90\xab\xf6\xc7\x1b7m\xb7\xbcP\x145p\x8a\xddm\xe7/\xbc\xe7\xe8\n\x05b\x8fc\xa3\xe8\xc1\x04\xf1\xba\xa0\x14=z_\xb6\xbep\xd5X\xfe\xa0\xad{\x88L\x14\x87\xcc\x08\x0b\xf2+\x96\x15\xd6\xcc\x17\xee\x0c\xf7]\xa0^\x9e\xe2\x8cMS\xcbQ\x19\xd4\xb2\xb6\xe2\x80eG)\x02a]\r\x91\x01h\xf2km\xb5Jez\x03\xe2\x0f\x8f\xd6\xdf_G\xd5\xc7h\xb4\xce\x05\xe6\xbc\xbcIvY\xd6G\xd14\x16\xe6\xd6\xd4\xb2\xe5\x8f\x7fw\xa7\xf7T\'\xde\xa0Y&lt;kI\x14K/\x08\xa5}E\t\x19\xd5zA\xe60\x87\xa0\xe9o\xab\xf5\x8f&gt;\x1e\xbd[\x83d\xba\xb11\x8c\x02\x1e\xbc[z\x93\xde\xe3\xb5\xc8\x07\x01\xab\x8b\x8a`\xfa,\xf7\\\x7f\xb1\x0b\xea\xfb\xe7\xa7;(%\x914\xdd^\x9c\xeax\xbacW*\xed\xf6X\xabuY\xe60M\x84\xbcs\xb5\xbb\xa3\x90\x1d\xf8\xdaD\xb1r\xe3|9R.\x97+\xb5Jy\x9a\xa6\xe5\x8aN\x85\xe2\xdd\xcb\x8e\xbe\xe9\xb2\x1e\x0eQ\xf0\xc0\x1dm\xf8\xe2\xf8\x99\xd3\r\xc9\xf1\xac\xfe\x9fv\xec\x1aA\t\xfd\x0fR\xcb\x04\xdd\xf5D7P\xb9g\x1a\x97\xce\x1e\x1c\xb5\x9f\xfd\xd9v\xcf\xd9=\x8b\xbbut\xb4uBkr\xa9\xd5}\xf7\x1c}\xa6r9\x92\xe5^\x1c}\xfe\xeb\x07G\xe3\xa7?\x13\x8b\xc0\xbe\xaa\xda\x05(\xd7k\xa3\x1f\xdc\x92:(\xbd\xc9f\xeb\x8fs\xd9\xbd\xbdk\x8d\xed\xc5\xa9\xfb\x0f\x17\x17\xb7\x0f\xb6\xb7\xaf\xadfvrV\xf4\xbeG\xea\xb8\'Uc\xe5D9\xcb\x95n\xb7\x8c\x8f\xb7\x883\xa9\xdb\xf4\xd5\x97\xf8\x8aR\x89\xaf\xc4\xba\x8d}\xf7f\xa1w\x1d\x9c^\xa9f\xda\xf7\x1a\x8d\xed\xcf\x0e\xb6\x8f\x0e\x1e6\x8e\xb6\x1b\xd7\x1a\xbbl\xffB\xaf\xc3!u&lt;p\xcc\xcb\xe1`\xf9\xb0\xb2\xd4\x81\x16#\xc4\x80\x02\xbd\x1e\xfe\x13\xe7\x94+\xf1\xb5X\xeb\xf9\xab\x17\x1f\xccN\x8e\xa9\xd5\x15M\xd8\x92\xcf\x07\xb3\xbb\x99\xd4\xea^\xa3\xdb\xbf\x1bLej\x1fu\xa1o/\x1d\xf7\xae\xcc\xca#\x89D\x82O\xb3\xff\x18\x17mf^"\x99z\x81skJ\xdc\x1e3X\xa9\xde{@e\xd3V\xee\xde\xadAB\xad\xf4\xec6V3\xf4\x8d\n4\xba\x1f\xdd0\x83X2\x19\xe8\xe5\xa2y\x9e\x0f\xf0\x0c\xfbT\xbcI~\xc0\xfa\x1b\x81\xd4Z\xd1\x18jZ\xa9cl\xd0|\xcbX\xe9\xee\xafT&gt;\xbe\x83\xf2\xd6\x9d\xe3\xcf\x8d\xe9\xf2\xf4\xe0\xe4\x02\x12\xcb1\xa9\x8e\xf0|"\x19\xd6T\xef\x8b\xb8`\xd0\xd4\xf2tG\xe0\xe28\x07ri\xa5\xb3&amp;\xcal\x0bA\xa9\xe9\xafllA\x1c\x7flmMOOS\xf3\x93R\xf0\xd6\x95+\x93\xf2\x04\xcfg\xb3~e\xf5\xa1\x88{"\x92\xa6\xfb\xc4\n\x8eC\xea\xd2D\xbdj\xd7 e6Z\xad\x15HT\'D\xeb[\xeb\xeb[\x1b\x1b\x14\xfcg^*s\xf4N\xcevZ\xbc&lt;\xefO\x07\x95\xf5)1\xd7W$\x8b\xd5\x1c\x0e\\v\xbb\xcf\xabV\x0f\x9amF\xeb\x845d\xbc\t\x878\xbc1|\xa2\xd6\xc2\x02JX`\xae\x05\x97B\xee\xe4=\t?\xc3\xc6\x1b\xe2.\x89\xdc.\x0c\xb0\xc7X\xd1\t\xad\xde\xa45\x1a\'\xa0\xf30Q\xcb\xc7\x85\xe7\xd1\xd6{\xeb\xbd\xbd\xb3\xd0\xe8\xa8\xc7\xba&amp;\'\'\x15\xb4\xc5\xc2\'x\xbf\x80+\xc5\xc5\x92\x8c\x97rD.\xceq\x9c\x8f\x9c\xf3j\xb5Z[\x08\xbd\xbf\xa0(5\xc4\xfc\xbc\x0b\r\x18\xa8\xd54=6\x06\xbf]ng\xb6\xc8\'\xfdie\\s$*VSK\x03\xcf\xe5\xc0\\\xd0]\xfb\xbdZ\xbd\x1ea\x85Bz\x13\x16\xf1D,\x96\x08\x86\xa9\xcd6\xcadR\xf7\xa9\xf5zz\xc6\xc2\x87\xc3dP\x88\xe3\xe4A\x93\x98+5\x92\x96m.\x9e\x8b\xa3AEM0\x89\xbeI\x0e\x85\x10\x95\xde\xdb:\x1a\r\x06\x87\xe6\xb4\xae\xc1[\xd4\xe0\xe0\xe0X\x97\xc9\x83Y\x12\x89\xa4/\r\xce\xd2$^\x8a{\x88M\x07AMN\x95\xc3\x05\x86\x11\xa2\xe8\xcd\xaa5\xa4\xb5\x99MZ\xef\xe8\xda\xf3\xe7k\x8f\xdbLc\xd2\xbe&gt;\xa9\x14\x9c\xa5\xc60g&gt;L\xfa\xd2 V\x00\x13\x19K\xf22oXS\xa9\x08N\x00\xbd4I\x8f\xd7\x0bTj\x93\xb1\x16\x88=\x7f\xbe\xf2\xb8F\xf5\xf6\xf6Je2\xa9K\x81\xc91g=\xcd\xa4\x97\xb8\x01\xa5Wd\xac3MS\xf5V2\xde&lt;\x80\xb3\x1c\xdc\x9e\xfd\x89\xe4\x9c\xcd\x0c\xd9+d\x9c@\xef\xa3\xfa\x8d\xcb\xf3\x0bR\xa9\xd4\xe1\xe8\x94G\xdcng\x9d),1q&lt;l\xb2\xbc\x94\x88\x8c\x951\x044\x03\xcd\x03\x04+h\xecQ\x7f0\xa05\xd9 QX+e\xd32e\xa6\xba\xcc\xd4\xe0\x18\x9aEjO9\xb3\xfet\xba\xb0I\xe4\xfc\xb4\xde=%2\xd6\xf8\xea\xe8P@\x93{GG\xd8!\xa7\nQ\xbf\xc7d3\xda\xce\x97\xcb\x94\x8b\xa2\xe6\x87\xe7\xa7\xcbZ\xda\xa5\x888-\xc5b\x90)0\x9b\xac\xce\xe7\xa40\xb1\xb1$\x1d{\xd1\xa1\x00\xa9Q\x8d\x10,\xe4\t6\x1a\xe0=\xde\t\xafU\x8b\xd1\xb4\xabOM\xcb\xd5F\x8f\x17R\x85?\xbd\x94\x17X\xa1\xba\x93\x8bg\xdd\x98\xbeGl\xac\x96\x86\x81\x0c\x04\x82x\xb3\x8a\xc0\t\\\xf0\x91\xa4\x9fL\xf2s\xde\x84E?O%\xe0\n/O$\xb3\xcez~\xa9P`Y\x96\xc8\xe5\x82\x197\xa6m\x1f?#\xee\xea\xa4\xe4\x88DX&gt;\x16\xb8t\x04\xce\xf9\xa2\xbe \xd4\xbdd\rS\xbb0&gt;\x82\xb9\xdb\x9d\xe1z=\x9b/lV\x81\x8a\xc8\xd9\x81\xea\x18K\xdc\x90\x1c\xf8\x01\x8b\x0c2\x04\xa4\x89\x1dB\xa7\xf4i4\xe9\xac\xc7\x99\xf4\xd2t\xd6\xcf;\x8bNg8_\xc8on\xb2;\x04A\xe8\xb8\xb0\xdb\x82EB\x97\xc6E\xde3\x95|\x967\x04\x86H\x7fT\xd0\xc1\xe3\xa8\x1b 8\xb0&gt;\t5\xc6\x1f\x0e3\xc1l\x98\x0c\xe7\xd3i\x04\xa5{\xa5#\x086oq\xbb\xb1HYt\xb5\xce,\xd6\xc1\xf3\x06\x90\x8b\xcb\xa9\x06T`}\xce\xae\xe4\x04\xc8\xadi&amp;\x98f|L\x9a\x116Y\xa0B!\xe43\xee\x19\xb0\x96\xf8XM\xb7K\xd1\xa1$i \xc9\xb4@\xe8T\xcd*\x95\x0ey\x1f\xe7\x04F`6\xb9*[\xdda_\x8d\xbc\x1a\xd1\x8d\xe8\xd8j\xbe\x08bY0\xadG|\xb5\xc6w\xa3d2\t\xee"}\x1c1\xa0j~\xa7ydd\x00n\x15,\xce\x9e\xd8id\x04\xadf\x00\xd5\xe6R&amp;e\xc1\xe4\xb4^\x1f\x11\x17\x0bmnw\xecF\r\xe0y\x08\x9f\xcf\x0e\x10\xaa\x91f4\xfb\xf3\xff5\x8c\x0f\x9b!T\x1f\x8e\x00U!]L\xb9g\xe4r\x1a\x9e\xc4K\xe2\xad\nKN\xa2e7\x86\x98\x00,\x1dd\xaa,\xa1\xd3\xa9\xd0\x0e\xcb\xf1pR\xf3\xc9\x9a\x03\x18\xaeZ(\xd4\x8b\x11\x8bB!\xa7M\x18\xe6\xd9\xfdD\xac\x9d\xdcc\xa5&gt;y\xf6\xe4S\x84\x15$\xe1\x18\xe1\xde\xc9\x08Up\xf7\xf1\xd2\x05Z\xadAt \x96\x0e\xaf\x16\xea\xf9\x12h\x05Xr\x9a\xc6\xb4\xf9o\xbfn\x11\xe7\x0e\xd1\xf4\xfbg\xdf\x7f\xfbf\xff\xcd\x9b/c\x00D\x06\x92@\x95\xf6\xfb8\xa1\xbaY\x05\x8f\xa9\x9a\x8f\x8fo@5@T\x19\xa6\x90\xaf\x17\x9dn\xb7\x02a\x81\xb9B\xfe7\x7f\x7f"\x06\x97\xa4\xe5\xc9w\xfb\xfb\x87?=\xdc\xdf\x7f\x153$\xc3\'X\xc1 \xc30\x9b\x854\xa8\xc6\xe2q\x1c\x0c\x8f\xa3yA\x88R)eI)\\\x9d.\xc0\xc2\xf4\x9e\xf0\xfe\xaf\xfe\xf3\xf5\xedS\xe7\x92H\x16\xbf{\x8d\xd6\\\x0f\xf7\x0f\x89\x98\x011%\x93\xe10\xc2J/-\xe5\xb3\xd9l8\xec\xf7\xa3?K\x10\x99L\xa9T\xcf\xb8-\x8aN\x17\x92\x0ba\xfd\xe6\xfa\xb9_|\xf3\xc5i\xfb^\xd2\xf1\xfd\xf5\xd7\x87o\xbd\xf5\xe3\xc3C\\\xa91\x04\xe6\xa0w\xe0\x91^\x80U(,\x95R\xa9T\x0f\xfcd2\xa9"@\xf5\xa4\x00-e\x999Q\x8b\xa6\xf5\x9e\xec_^\xbf\xfd\xf6\xb9o\xbe8s\xba\x15\xbb\xe3\xbfo^_\x07\xac_\xea\xd6\xd6\x00k(\x99\x85\x16~.\xec\x0f3\xbe\xf4Ra\xa9^\xcfdV\xdb\xdb/\xcd\xb4\xf7\x00\x19\xd0!\xb4\x1e\x84\xd5)\xa7\xc1[\x1e\x1e\xb0\xce\xfd\xe0_\x88\xeb\x14\xc1:\xfe\nT\xd7\xf7\x7f\xd4\xbc\xa2\x89i\x00\x0b\xae2\xd9b6\xe1\xe4\xfdA\x06n\xa0\xe8\xecv\xdb\xf7\xda\xdb\xdd==\xa9\xd4\xea\xee\xee.\x88\x07T\x8a\xceN\xf4$\x9a\x8e\xb1~r\xee\x87\xe7~\xfb\xe7\x7f\x7f\xdaqZ\xdb!\x92\x8eg@\xf5\xfa\xfa\xfe\xcf\x95Q\x83!\xc6\x81Zs&lt;\xdc\x15\x12\xce\xff\xb1r~\xa1m\xa4W\x14\xb7\x06f\xf0\xc0\xcc\x08\xcf&lt;h\x1e,\x13\x082\x82x*\x82Aj@\x0cr]\x0c\x82,U\x11,2\x14\x14\x1aK,\x9b?\x98\xcaM\x08*\x8eY\x1b*J\xc1B\x18\xf4 a\xa8\xa9\xf2`\xf6\xa5H(\xa0\x07\x81\t\x95\x10M\x10\x01\x17Kj\xd0\n\xa7b%\xc7v\xec\x97\xb5\xf7\xa5\xe9\xb9\xdf8\xde,\xb4\xb4\xfb\xe7\xc6V\x90\xc1\x93\xdf\x9cs\xee\xbd\x9f\x12G\xcb\x8f\x17\x7f\xff\xe2\xc5\xaf\x19W\xe8\x10\\\x81@\xe8\xcd\x9bJ\x00\x9e\xaed\xb3\xa0\x9aE\xe2\xafbW/\xffn_V5[\xa6~zt\xd6\xf8\x91~\xf6g\xa6\xd6\x87V\xa9\xd4\xfe/\xae\xdf\xb8{\xf7\xd1\xc7\x94\xadO\x1f.?\xb8uk\xf9!F\xea\x8b\xcf\x18\xd7Z\xa8\x12pD\x02\x87\x95J\x804\x0b-dg\xe7\xa0\x16E\x9e\xb0R\xaa,\xf1\xd3\xad\xb3\xdapXm\xfc\x08-9\x96\xef\xf6\xa2)\x86\xf5\xd5\x9d\xc7\xf7\x81u\x07\xc3\xf4\xd3\xe5O\xc2\xe1\xf0\xf2\xc3\xf5{K\xc8&lt;\xb5\xe0\xceZ(\x1b\x89@\xaeP\xa8\x82\xcf\x85\xc9\xc0\x1c\xc3\xba\x86\xed\x03,/\xb0\xf4\xe9A\xad\\\xa8v\xbb\xed\x8d\xd1\x1f\x18\xb1\x99\xdaI\xdd\x88\xa6\x9cN\'\xc2u\xfd\xc9\xe3\xfb\x17X\xbf\xa1\x17\xf7\xe1\xf06&amp;\xc3\x16\xa8\xfe\xb2\xb5\xb5\xb5\x96\x05\xd0B6\x8b\x8e\\\tM\xce\xce\x11\xd6\xec\xb5k\x90\xeb\xc1\xf2_uU\x16\xf8\xcc\xe0hX+\x14\xaa\xb5Z\xe1\x07\xfd\x83\xf5\xd8\xd8Fy\xa8yt\'U\xea\xedO\x9e&lt;\xb9{\xc7\xc2\xfa\xe4\xc1\x95\x9b\xe1\x85\xec\xadu\xb4\xe3\xd6\xd6\x0eam\xaf\xad-\x04\xc8H\x88\x15\x08\xc0\xc2\xb9\xcd\xcd\xd9\xdb\x96Zo99\xc6k\x99\x813Zou\xdb\x85v\xb5\xd4\xf8\xdeo@2:653\xd3\xe8j\x1e\x9b\xd3\x8b_\xce\xfd\xdf\xdex\xfc\xf3\xeb\x1f/.\xde\xa7\xbf~\xa0\xff\x888\x99\r\xaf\xc3\xc7\x9d\xcf\xd9d_\x0b-\x80\xa7\x12\xa8dA\x05\xa8dr\xf3\xf6\xedk\xd7p\x84\xd8\xfaZ\x96biOF\xf1\xea\xbc \xb4\xf6\xda\x85R\xa9\xf0\xfd\xc0\x0055\x93?;\xea\x18\x1e\x03T(\xe7W\xd7\xef?\xba\x03\xb1\xee=dX\x93Ta\xb4\xe4\xce\xf6\xf6\n&amp;V(0\x8bpE\x02\x91\xd9\x08,\xdc\x8c\xc77\xff\xf8\x11[\xd6W\xbe\xd45\xbf\x9f\x0ff\x0eN\xfb\xfd:\x9f6\x9a{\xedR\xa1Pn\xd0\xb4\x18\xfd\x8ePcS\xf9\xbd\x8e\xeeuj\x9e\x81\t\xac\xa8\xd7\xfb\xf6\xa7\x8b\x8fp,\xbe\xb7\xb4\xbe\xfc\xc9\xcf&gt;\xba\x8a\xfc`0\xd1O\xc5\xb29\x95\r!\xe5\x80\x8a8\x1cs\x91\xb9d&lt;\x1e\xff\xe5&amp;\xdb&gt;W\xb7\xbf\x96\x05\x9f\x8f\xcbd\x9a\xa5B\xa96&lt;\xeaI\xeaA\xf3\xb8\xd6.\xe7\xbf\x93b\xa3\x96R\xddN\xdd\x8c\x9e\x1e\xf5&lt;\x03\x9b3J\xe5\xfc\xc7\x9d\xc5G\x8b\xf7\x80u\xebA\xf8\xe6U\n\xcf\xdc\xe4\x95px%\x14 \x99 \x11\x90\xa8"\x11P\xfd\n&amp;\xce\x81+{\xf5\x9d\xe4O\xfbtOf\xfa8\x9f/\xe3\xa3\xddmj&gt;_\xafu\\+1\xb2\xff\x07m\x14A\x1f\x9bi\xb4\x87\x80\xaa\x1f\x9d\x95J\xbb\x9e\x81\'\x1a5M3j\xee\xff}q\xf1\xb3\xa5%`\x85\xaf\xdc\x9c$\xac\xcd\xcd\xc9\x85\x95\x85@d\xce\xc1Tr\x14\x8bEP1\xad\xc0\xb5\xc9f\xc4\xe7u\x99O\xa7\xe1apw\x0f\n\x11Z\xb9\x8a\xcb\xeb\xdcA\xb3[m\x17\xf2\x1b\xff\xeb\xd0\xc3\xde\xb8jj\xa3\\k\xd6\xf5z\x7f\x881S*\xed\r\x06\x03\x9b\xd7\xa4\x8a\xbe}\x04\xad\x96v\x80\x85\xd3\xd4\xec\\r\x93\xf4Z\x00\x96\xc3\xb1\t\x95\x8a\xc58\xb0\xa0U2\x19\xff3\xc0\x18\xd7\x9b\xd3\x9c\x90N#\xf0\xd3\n\xcf\x1d\xb4\x80\x06\xb2|\xa3\\\x1bv\xfa=\x83\xbeP%/G\xff;\x12\xd9\xd7(\xec\xed\xf6\xea\xf5\xfe\xd1Y\xb5\x00\xa8Z\xb7y\x00.\xd3\xd4Q\xa6\xf3\x9f7\x96\xd6w\xd6\xb7\x81E\xa3)I&gt;\xcdNf\xb3\x01&amp;\x95\xa5\xd5a$\xe9H\xc6\x9f&gt;}\x9a\x88\'!\\\xe54\x17K3\xb1\xdc:\xcfIRLF\xae\xaa\xf9F\x03\xaa\xe1\xea\xc3f\xab\xd3i\xee\x156\xc6\xfe\xe3R\x1ae\xef\x15\xd5h\x1f7{z\xfddxV-\xa1\x87\xab]&lt;3y\xcf`\\#,\x9e\xe7\x9d\x7f\x03\x16\x9d[V\xa0\x16\xfetK\x10,\xc3H$B\\\x0eJW\x92\xa8&amp;\x12\x13\t@\xce\x9e\xa8D\x95V2\x19{\x9a\xe38\xcdc\xa8\x06\x12\xdfm\x83\x8c\xd0\xca\xd4\x05\x9d\x83\xe6^y\xe3\x0fS\xdfnL&lt;\x9b\x9ai\x14j\xbb\xad\x1ed\x1a\xd6JTmR\r,\xba\xae\r\xc6\xc7m\x8cJ\x14\xa3_\xd29\x8f\xed\xe2\x00a\xc5\x8b\xa4\xd7$Q\xcd9.\xaa\x18O\x00k\xe2)\xb0*\'\xb2\x0c(\x9f\x10\xcc\xcc\xcb\x1c\xc3\xf2\x18\x86\xe2QTfg\x99\xa9\x96\xcf\x97\xce\x9a=f\xef\x07n\x8e\xb24\xed\xb6:\xfd~\xc7\x92\xa9T\xaavw;u\x9e@x^\xe7=\xe3\xc1\x01\xcf\xb0lB\xfd\x1d\x8eS\x18\x08\x98\x08\x11G&lt;\x9eH\xc4\xc1\x85\x89\x85\xa1\x80N\xa4\xe0\'\x8b\x8cjb\xa2X&lt;&lt;\xc1t\x07\x95\x0fb\xb95\x89\x13\x08K\xff\xca\x10\x12\x00\x00\x06)IDATQ\x15&lt;(~\xbf\x06\x94\xee^\xb5]\xa6\xf6\xac\xeev\x0e`o\xbba\x1d}\x00\x95\xaf\xedv:\x1dR\xa9@\x19\xaf\xd6\xe0\xa4-\r\x06\x91a\xf1\xba\xcd=\x1e\xf4\x10\x16\x9es\xfc\xbb\xb5\xd0\x1b\x86\x15\x88$\x13(D\x08\xf3\n\x0b\x90\xb1\xc1\xc1D\x02T\xab\x13\x13\xa4\x95\xea\x83X\x9c\x1fm\xa8\xc8\x12\xd4\x92\xdfc\xa9\x1cg\xa81\xbf\x8f\x93\xb4\xcen\xb7Z\x80d\xddf\xeb\x80\xdc\xc4\xc2D\xc6\xbb\x9d&gt;\x89T(\xc3\xe7\xea\xdeq\xb3\xd3\x13\x04\x81\xb3\xd9l\xe0B\xc19^\x0e\x06\x83\x06\xe3\x12EA&lt;}]\xa9TB\xd81\x91b1\x81\x08%(\xe9\xb4\x99\xc9GP\xc5\x13\xa0Z\x9dH&lt;?U\x19\x95\xdf\xaff\xa6\xed\x8a\xa1\x91\x89d\xa0\xaaXX(Y\xf2\xfb\xa0\x9bei\x99\\j\xb5\x8e\xdb#3\xd5\x93\xd3\x7f\xa1\xe7\xa0S\x9b!\x01\x87{\xffa\x95(\xdal\x1epq\xba\xc8\xb8D\xa1~T\xc1\xc1\n\'\x19G\x11\x04\x13$Y2\x89\x111\xc7\x1c\x04\xe9*j\xe2y_\x8e\x11\x95/\x16sO\xfbL]$*YQ\x14C\x86\\\x06\xb0\x14E\xd5$Q\x17%\x03R\x82\x0c\xa2\x95\xf3\xa5\xdansdx2$\xa8\x023\x8e\x94a$\x9c\r\x97\xb8\xc4\xe2u\xaf\x17\\\xe3L;*\x81?}}\x88cU\xc0AjQ%\x90\xfdb1IP\x14+\xa2:\xef)\xb2\xc0\xa8T5\xe8\xc2Ju:\xbdQ]\xa4p\xc9\x06\x1e$\x89\x0c\x959\xde\xd49\xc3#K\x92\xaa\x18\x16Z\xa14r^-P\xd35{\x94g&amp;\x8dh\xfbv\xe9:\xce[i\xbf+\x18\xf4\xf0p\xd0J\x98\xaf~\xf2\x1a&gt;F\x8a\x8cb\x02\x8f\x89\x8bbL\xab\xcf^\x1d\xc5\xec\x86\xe4\xc3*\x94UU\x9d\xcf\xe5d\x01\xfb\x15`Q^S\x0c\xc2\x92%&amp;\x9a\xc4\x9b\xa6MV\x0cI\xd2\x98\xa5\xcc\xcf\x11J\xf8n\xc7\xc6\xf3\x96Y\x14\xa8\x0b\x99\xd83LP\'\x16\xb5?\xe6\xf7\x1b\xf3A|\r\\i\xe2\x12\x18X\xc0r\xd1\xaa\x04\xd9IR={\xb6\xfa\xbc\x1f\xb3+2\xbeK\x06\x95\xa2\xbaXa\xae\xf2v\xc9\xe9\xd4\xa9\x1f=\x86|\x89%h\n(!\x1f\x9a\x95\x93\xfc1m\xa4z\xdc\xaa\x8bV\xd3Yrq\xdf$J\xd4\xbd)gT7\xa3\x08\xa5?\x9a\xd2\x07\x86\x88f\xb0\x04CP\x84\xfa\xe9\x17\x87\x16\x15\xda\xeeO\x97x\xcf \x15\x97Cnb`R\xa8\xf8t\xce\x9eK\xfbr.{LrKQ\x88\xa6\xc3@\xc2\xb2+\xc8\x96)j\xb2a\x00I\xd24N@~\xa4\x91\x1eA]\x84F$5.\xcd\x13M@\xe9~41n\xda\xf4zS)S\x03\x96\xef\x82\x0b\xcd\xca\xf9\xeb\xa7\xe7\xafV\x9f\xadZ5a\x85j5q\xde\xa7`\xe7`\x1e1\xa9\n\x07\xf7\xfc\xb9\xa83\xe6\xb2\xbb\\\xeeq\x97\x84I\xa8\xf1\x9a\xa12,\xa4D\x94\xa88V4\x05\xa4\x91\x8b)\xc0\xb8\xc4\x0f\x82\xc5\xc3=\xa7)\xe5p\xf1X,\xe6\xf7\x9a:^e\xd0\xe1\xd2G\\\xe8F\x81\x1a\x0b`\xfd\x0f\xc0\x88\xed\xd5y_B\xb3\x11\x90ai\xc5Eq\xb6\x8d\xe2"9;\xc3\x9a\x0f\xba]\xf3n\xddL\x0b\x86\x07\xf9\x13x\xd6\xa3\x16\x91 ZX\xe2\x07%X\xbf\x81\x13\x91J\x01\xca\xee\xc9a\xc8\xc8\xe02\xe95F\xca\xe95y\xe6\xa3 \xd8\xe8\xdb\x05J\x82\xaf~\xf4\x12q\xa2ZM\xbc&lt;\xef\xfbb\x80\xb2\x80\x98\\P\x1aIw\x9a\xb1\\\xceN\tS\xe5\xf1\xe9\xf9q\xb7&amp;b\x9d\xa9\xe8D\x81\xa4\xe7\xac\xab2\xaao\xb0l\xef\xa1X\xcat\xe6\xbej\xb7{(\x89\xaa\x92\x93\xfd\x04\x95\xa2\xc3\xa0\xc9C-R\x8cLd%I~\x1b$\x03\xd4\xcb\xf3\x93:\xc6\x01B\xce\xc4"\xb9T\x99\xf3\xf1\xac\x05\xbd\xe9t\xcc\xeer\xbb\xc7e]\x9e\x9f\x9e\xceL\x8f{0_e\x97\xe2\xb7\xd6\x07\xdd\xaf\xc8n\x9a{\x8fu9\x19D2/E\xee)vV\x92\xd7\xab\x01O\xa4W&gt;\xb8g\xf4\xb2G\x15|\x17\xb7F\xe9\xc45H2L\xd8\xa3~]@\xe3Q\xa9\x06\x80\xa8d\x90\xd8y\x1e\xc9tz\x91Q\x97\xdb\xe5&amp;\x0b\x83\xd3\xe0\xcad0qxwf\x1a\x01\xc3\x12".\xa2\xa2\xfb\x04\x96\xed\xd2C\x9bM\x80N\xfb\xfb\xff\xae\xb9\x8cU]\x87\x81 z-\x90@ Y 5.tK\xc16\xc6\x85!i\x8c{}\x82\xaaT\xf9\x97\x94\x0f\xb7\xf7[\x03oFJ\x14H\x84\x93\xd8\xc7\xb3\xbb\xb3\xeb\x17\xa2\'\xa5\x84-\x84y\xb9i\x00n\'\x9f0\x1e\x98O\r\x8e\x96\x95\\\xf7\x11\xc4\xbep\xce\xbb9\x9e&gt;\xa5\xe4:\x16\x15\xebl\xa5\xb5V\x90=x\x12\xd0&amp;\xe6]\xac\xecc]\\-o\xb3T\x84T$\xfc\xdd\x97/\x15S\xfe\x13?\x06X\xe3\xda\x8bB\x12(\xed\xa5P-\xef\x01U\x12\\\xf0\xc11P\x850\xa1o;\x16\xe2\x17\xab;\x19k{,p=\x87d\xd1\x85\x0c\xaa\xdc\xe4\xf8wr\x8e\xd4\xb2g\x95\xea^;\xd6\xde*\xd9d\x13P\xe5\x9c\x9bG\xe6pP\x84{}S^\x9b#F};U\xc9\x19\xb6\xf7\xfb\xb2,fpu\xb8\xa5cM\xda\x17\xe8g%\'\xdb\x1d\xc2\xb0x\xb8\x83C;ry\xe8\x85\xf1\x13{\xec\x9cU\xad\x92\n\xaf\xa88\x13Y\x07\xa4\rH\x15@\xbb\x18\x1d\xaek\xa7V\x85XeasR\x94\xdb\xfd\xe8\xe1\r\x1e83\xba\xc1\x8c\xa4\x94\x12\xcf\xf3\xf9I\xae!\x16\xb0`\x80j\x06\xe9\x1aD\xd02\xa7\x91\x9ew\xf8\xaa\x1b\x0b$\x9e\\\xf8\x80\x07\xb9\t\xc7\xa5cq\x95\xa4\xacQ6v\xa1\xf6\xba\xca~5\xe7\n\xb6\xf9C\x95\xe1\x147Uk\xe4\x1d\x11K/J\xf0wH\xe9\xce\x9b\xe7od\xfeC5w\xa6!\x16\xb1\xd4\x1cY\xe0\xc0\xde\xac\x86\xedRb\x9a=}\xd0\r\x81\x18\xbb\xc4\xc6f\xa8\x9d3\x1b\x80d\x16re\x85\xdbO"\x83\xab\x18\x9f/hVG^u,,_\xdf\xef\x8b\x8a\xffp\xce\x8b\xb9\xf2{\x00\xff\xbe\x1e\xb1s\x85x\x1c\xe1\x13CG\xdfY\x167\x1a\x1b\xaa)\xad\xbdaZ\x87kb\xe2D,S\xcf\x88\x1eEe\x8eY\xb6&gt;[M\x89X\xca\xe1\xf4\xadfo\xb5\xdbs\x1e\t\xbf.v\xc5\x96j~\xa8\xf0\xd6\xae\xf7\x9b\\.\xfd\x07\x8d\x89\xe2\xa0\x0e\xedg/\x00\x00\x00\x00IEND\xaeB`\x82'</t>
        </is>
      </c>
      <c r="M102" s="3" t="n">
        <v>45492.67898148148</v>
      </c>
    </row>
    <row r="103">
      <c r="A103" t="n">
        <v>261687</v>
      </c>
      <c r="B103" t="n">
        <v>1955</v>
      </c>
      <c r="C103" t="inlineStr">
        <is>
          <t>Gilberto</t>
        </is>
      </c>
      <c r="D103" t="inlineStr">
        <is>
          <t>Gilberto</t>
        </is>
      </c>
      <c r="E103" t="inlineStr">
        <is>
          <t>LD</t>
        </is>
      </c>
      <c r="F103" t="inlineStr">
        <is>
          <t>LAT</t>
        </is>
      </c>
      <c r="G103" t="inlineStr">
        <is>
          <t>LD</t>
        </is>
      </c>
      <c r="H103" t="n">
        <v>181</v>
      </c>
      <c r="I103" t="n">
        <v>2</v>
      </c>
      <c r="J103" s="2" t="n">
        <v>34034</v>
      </c>
      <c r="K103" t="inlineStr">
        <is>
          <t>Right</t>
        </is>
      </c>
      <c r="L10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b54613b-8ae9-44b4-9ef7-f64f8f676f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ad\x17\xfc\x00\x00\x00\tpHYs\x00\x00\x0e\xc4\x00\x00\x0e\xc4\x01\x95+\x0e\x1b\x00\x00\x03\x00PLTE\xff\xff\xff\xf7\xf9\xfc\xda\xdd\xea\xf1\xf3\xf9\xf3\xf5\xfa\xf9\xf9\xfc\xf5\xf6\xfb\xff\xfe\xfe\xf9\xfa\xfd\x03\x03\x02\xd8\xdb\xe8\xf0\xf1\xf8\xea\xec\xf5\xeb\xed\xf6\n\t\x07\x06\x05\x04\xf2\xf3\xf9\x1d\x19\x10\xe0\xe3\xef\xf4\xf5\xfa;+!\xe2\xe4\xf0\xe7\xea\xf3A/%\xee\xf0\xf8\'\x19\x102#\x18\x1c\x13\x0c&gt;,"\x0e\x0c\n)\x1d\x13\xfd\xfe\xfd\xe5\xe8\xf2\xf6\xf6\xfb\x12\x10\x0c\xe8\xeb\xf5\xde\xe1\xed6&amp;\x1c\xc2\x99|\xdc\xde\xea9(\x1e\xb3\x88n\xe3\xe6\xf1\x17\x14\x10"\x15\r\xc9\xa0\x84\xb6\x8cq\xd0\xd4\xe3\xbf\x97z\xcd\xd1\xe0\xed\xef\xf6\xd3\xd6\xe5\x19\x0f\n\xca\x9f~\xca\xce\xde#\x1a\x101 \x16-\x1d\x13. \x16\x1f\x19\x16\xcc\xa2\x81\xdc\xdf\xecE2(\xce\xa3\x83\xf7\xf8\xfb\xb8\x91wO8,\xcb\xa4\x87\xa8\x82h\xb0\x84jH80\xd1\xab\x8d\xce\xa8\x8b3$\x1a\x7f^K\x9fv^\x88fS\xc5\x9d\x80G0#\xd4\xd8\xe6&amp;\x1d\x18\xcf\xa6\x85\xa1{bJ5*uYH\xd6\xda\xe8\xac~eU=/gL&lt;\x84bN\xbc\x94w\xed\xef\xf8\xd2\xa9\x92\xd1\xa9\x88cI:\x8diTU@4\xc2\xc7\xd8^F8\x97qZ\xc5\x99\x81\xb9\x90sZA4\xa5}dA3,{ZG\xce\xa3\x89\xc7\xcb\xdb\xc7\x9by\xa7y^\x8bdN4)#\x92nW\xd7\xda\xe6\xad\x87loP@\x99t^&lt;.&amp;yUB\x92jSO=3M3$jPA\xbc\x95}uQ&gt;\xab|a\x85]HV9)\x91fM\x9epWC, sUD,#\x1d\x9axc\x81[F\xa4\x7fm\xc4\x91y\xaf\x81emUE\xc6\x9e\x86\xb2\x8ct\x98kR\xd4\xb0\x929$\x19&gt;(\x1d\xcc\x9b\x86\xc2\x96v\xee\xed\xec\xfb\xfc\xfb\x89aI\x7fXB\x13\t\x05\x89\x8f\x9b\xf7\xf8\xf7nK9\x92tf\xb6\x83ecB2\xc9\xa1\x8b\xbe\x8fx\xd6\xac\x99\x9c|i\xba\x8bk\xbf\x8as\xe5\xe6\xe5\xbd\xc2\xd2\xa9\x85ocOE\xc8\x94~\xb2\x8e\x7f\xc0\x90o\xa3tY\xd0\xa2\x8dVD:\x82i\\\x94\x9b\xaa\x9c\xa2\xb2\xbc\x85m\xd9\xb4\xa5\xbf\x9d\x8d]&gt;-\xd3\xd2\xd1\xb0\xb6\xc5\xaa\xb0\xc0z_K\xae\x89t\xb8\x96\x85NB;\x8al]\x91q_\xba\xbe\xcc\xa3\xa9\xb9iF5}bT\xbe\x92\x83\xb4\xba\xca\xf3\xf3\xf2\xd7\xb4\x99\xca\xaf\xa2s]R\xc2\xc7\xd3\xc1\x9a\x84\xbf\xa4\x96\xa0\xa1\x9d~\x84\x8dfjj\xca\xcb\xc9\xa5zh\\KAmruu{\x82\xa9qjiWN\x9f\x81s\xe1\xdf\xdd\xd9\xd9\xd872-`cb\xc9\xa6\x95\xa5\x88zxe\\Y\\X\x99f^@94\x90]S\xb1{t"#\x1e\x88sg\xd2\xc4\xbb\x90\x90\x8c\xbc\xbd\xb9\xb1\xb3\xb3\x9ehM\xec\xe6\xe3\x93{q\xd2\xbd\xb1\xe4\xd8\xd1\xbe\xb1\xaa9=8*,\'CGB\xdb\xdd\xe1QQK\x98\x9a\x97\x80PI\xdc\xcd\xc5tG@\xc5\xbe\xba\xac\xa9\xa6\xc4\x96\x90\xb7\x82{\x81\x85\x80\xe0\xc0\xaa\x9c\x8c\x83\xb4\x9b\x93xvne\xe5\x81\x83\x00\x00 \x00IDATx\xda\xcc\x98]Hb\xeb\x1a\xc7\xbb\x19\x16\xdd(\x0b\x06Bm),p\x93\xacF\xba\x084\x85\xc0v\xca)=!*~t1JV\xda\x065\x9a\xca\x8f\xd4\xd4\x1c\x1b\x9b\xa2\xa0\xf4P\xed&amp;:;jw\xc2n\x9a \xfb\x80\xda\xc4\xc4\x143S\x9bi\x9a\x8f\x86\xa09\x15\x0c\x9c\x8c=\x17{ \xf6\xde\xe7y\x973\x9b9\x9c\xcb\xa3\xcdy\xd0\xb5D/\xfc\xf1\x7f\xfe\xef\xff}\xdeUP\xf0?\x16\x86a\xf4\x05\x15}/\xf8?(\x0c\x1b\xd9\x9a&gt;|\xfaqw\xf7\xc3\xd5\xfe\xee\xd2\x8b\xad\x11\x1e\xf6\xf5\x99\xb0\x91\xa5\xdd\xfd\xcb\x13)\xb3\xb0\xb0\x90\xc9d\x9e\\&lt;9\xfdp\xf8u\x15\xc3x\xa3OO_eH\x06\x00\x15~\xe2b2\t\xf2\xe2\x8f\x8f[_\x8d\x0c\x84\x9a\xfe\x90a"\xa4\xff*\xe9\xcf\xe7\x87_\xa7\x97\x18o\xfa\xf4\x82bfu\xa2e\xfa\x02\x8b\xc9\xa0.\xceF\xbf\x82`\xd8\xe8\xd2[\x82\x99-\x06z3\xbe@C\xac\xcc\x93\xd3\xe9k\x17\x8c7}\x95!\x10\x0c]p\'\x08t\xff\x8f~\x12o\x9f\xde\xc0\xae\xd7VK\xbf\x90H"\x82$(\x92$\t\x92\xa2(\x92\xc8"\xfe\x89\xc6,\xcc|\xd8\xbaF\xc10\xde\xe1%\x13I\xc4 \x00\x87*\x97\xe2j\x97]awI\xcbI\x06\xc1\xf8\xc2eLj\xff\xfa\x9c\x8f\x8d\xeef\x902\x04\x88\x84\xab\xd5\xd1\xa8\xc2\xd2l\xbc\xe3364W\xd6\xa8q\x9c\xa4%\xfb\x84\xc6\xb8xzM\\X\xc1\xaf\x19\x04E\xe2\x1cQMU\x83\xd1\xd7S\x1bK&amp;\x93\x9dcc\x1b\x1b\x13\x06CU\x91\x84\x8bs\x88O\xcdd2/\x97\xaeeAb\xbc\xb3\x0b\xa0")u\x91\xd6\xe0\x0f&amp;\x82\xb1`,\x16K\x06\x93\x9d\xfe\xb1\x89\x87\xdd\x0f\x1fvw{#\xc55R\x92\xc8\n\xc6\xbc8\x1b\xb9\x0e\xac\xe1K0\x10\x81\xd7h{\x9cP\x89`\xb6\x9c\x89d\xd2?\xb61\x01d\xc0U\x17\x19\xe2s!\xfdi\xae\xcba\xec\x1a\xa8\xf6\xc1\xd7\xe5\xea\xa2;\xa6Vk\xc8\x99\x80\n\xa1\x1a\x08%\x92~?4\x92\xe6B`\xc5l&lt;+\x18u5\x9co\x7fa7v)\xa0\xaa1\xd6:\x9dn+\xb0$B\x03\xd9\n\x85b\x9d\x9d\xd0\xc8\x8d\rZ/\xe0\xe2KJI\xdab\xc4\x93\x17X\x9e\x8d\xf54\xc3 \xd5Z_,\x96p\xba\xc3a\x80\x01\xa2\xb0r&gt;\x0c\x9f\xa1\x8dI\xe40Z0\xe0*\x11s9\xe5t\'\x19O\xa6yy\r\xf7\xe1W\x04\xa1\xf6\xf4\x80\xc9A\xad\x810 A\xcd;\x1c\xf3\x8e\xf0\x80\x13y,\x06\\\xc8\xfa\xddu\x11v\x05\x97\x8b\x8b(&amp;\x1d\xf8y\xd5k\xebg\x92\x946\xb7$cAp\xd4@x~\xde1\x0fe\xd3\xeb\x03\x01G8D{?\x86\xb2\x02\xb8\xbcC\xe2\n.\x9b%\xc2I\xc4\xc5\xd8\xcf\xdf&gt;\x84\x8d\x9cS\x04\xb7\xa1\xa53IS\xcd;\x02\xfa@&lt;\xeep\xe8\xe3q\xbd^o\x0b\xa3e\x99\x84\x1f\x83\xfe\x8d\tH\tvE\x05\x9b\xcb\xc2)\x9a\xeb\xe4\xfcF\xde\xb0\x0e/\t\x8e\xa1\xf3\x0b*\xb9P&amp;\x90\xc7\xe3r\x81\x1e\xc0\x94n\xa79\x11\x03\xae\x18\x92\xcb\x1b\x19\x14K$\x12\xae\x88\x93M\xb0\x93\xf3&lt;\xc5*6zJ\x92EF\xf8[\xb4\xfc\xc2\x8e\xf8\xf7\xc2\xa6\xfa&amp;\xa1@ \x10\xc2%\x1e\x98\x0f\x85\xdcN\xc4\x05A\xb1\xf1\x10\x96\xe2\xe0 [\x0cX\x1c\x1a\x8by\x91\'\xdbcK\x17\x0c\xbcy\x0cQ\x81\xaf\x1cz\xb9\xac\xac\xacL\xd6\xd5%\x94\x0b\x04ry\\\xef\xb0\xb6\xb6B\x1fc\xc9\xac\xe9\xbduCC\x83\xe0/\x90\x8b\xc6"OG\xf3#\xd7\x15A\xd64\xf8\x91\xdd\xc1\xed\x01\xb9\xb0I(l\x92\x81P\x08K \xd7\xdb\x94\xadn\'\xbd\x18\xe9\x8c\xf0".6\x8d\xc5\xa0c\xf5\xe2E&gt;\xe4\xc2\xa6/\t\xbc\xc8\xd8\x12L8C\xb0\x06\x03\xfa\xb8@\xd8/@B\xa1.\n\x01Kcu\x9b\x831S,\xbb;\xa2D\x1d\x1a\x94\xb0J9\xd9Pe\x12\xbb#y\x90\x8bw~B\xa9\xab|-\xb1 \x12\xcb\xe1\x08\xc8\xe5\xa8uz\xbd\x1c\xa8d2\x01\xa8\xa5l\x05\xcf\xb7\xd0YOc\xd5\r\rV\x80\xb7\xca\tz\x9c\xc8\xcb\xe6\x88\r\xbf\xa2\x00\xebNK\xd09@G\xa8\x1e\xa5U \x8b\xd549)\x94\xdb\x94H.\'\x9a%6`\x90\xa8\x02\xac\xc8 \x88\x85&lt;O\xd7\xc9R\x1e\xd4:\xbc\x90\xaa\xa3\x96\x9eZ\'\x88\xa5t  \x88Q\xe8\xa4@(\xab\xaf\xaf\x975\t\xabm\x0eM{+\x02\xa3\xf3\xb4\xaa\x0e\xd4bs\x11\x16\x99=\x7f\x10W9\x1fq0\xecL*\x8d\xba,:\x93\x93\xee!`A\x0f\xf5\xe00\xf0\x96\xac\xbe\xa9\xa9IPm\xd3h4\xb0\x1aQ\'\xefL \xb5"%\x9f\xb1\xb2\x87\xa3\xb7[X\xce\xb1\xf6\xa9\xa8\xcb\xde\xbc\xac\xfa\xa4\x164/\x0e!\x0f\x97\xf8g\xcf;\x94P\xedJ\xa5\xd5lj\xd90\xa0\x95\xc8\x97\xd0X\xe50c\xc3i\x9bq\x99\xfb\xe8\xc2\x9eH\xe1\x1c\xd1`2\x9bi,\xba{(F\x85\xe8F\x7fBkQ\xa3\x01\xb0\xf6VU\xed\x98\x019\x1e\xf2\xe13\x16\x1c\x92\x18\x99\x9c\x9b\x8b\xb7u\xa9v)\x14\r*\xb3;d\x85m\x10)4YV6I\x97lR&amp;\xeb\xefO\xb7\xa5g\x9eAi\xee\x02W\xcfm\xe0*f\xa3\xcd\x87\xee"\x81N\x1e\xd4Y\xce\xb1\x0e_\xba:\x14v\x9f\xca\xedv+?Q5&gt;xp\xbf\xb1\xf1\xf1O?uA\x01X:\x9d\xeeEuw}]\xa5\xf3\xdd6ha\x12\xac`qh.\x92\x16\xec&lt;\xd7c\xea\xc8\xd2qGG\xa5\xa7\xc5l6\xbb\x956=dB\xd9\xfd\xd7P\x8b\x0f\x16\x1f/B\xad@\xf5\xcf\xcd!\xae\x83\xa9\xf5\xb5\xcde\x9f\xb1\xb9J[\xcc\xcfz\x1e\xb8\xe0\xf8F\x92\x1fs\x1d\xa8\xbc\xb3\xe3\x8eJ\xadQ\xe5v:\xad6[\x9bP\xd6\xf5\xf8\xf5#(\x00\x83z\xfdzg\x07\xd0\xe6\xe6\xde\xf4\xf6N\x8d\xaf-l\xf7\xcd\xa6,U\x95\x95E\xc5|\t\xddE\x18S\xe1\xd8M\xee\xe6\x01\xcb\xae@b\x99\xdcJe\xb5\x00\x84Y\xd9y\xb4\xf3\xfb\xef;H\xa7\xc5\x9dG\x88nen\x06\x90\x8e\xb6S\n{\xc7\xcd\x0e\x17\x9f-\x91\xd4\x94\xf0\xe1\xd4\xc8A/\xf4P \xe7\xbb5\xf6Q\xa1\xf0\x18Mn\xa7\xa9\xb5\xbd\xba\xad\xb7w|\xfc\xfd\xfbwGG\xef\x0e\xde\x1c\x1c\x1c\xa4WvvVV\xe6\xd23S\xe3\x9b\xb3)\x85K\x8a\x1eL\xc0\x91[JqD\x12\x90\xab\x1c\x87B\xdf\\\xe5|\x88\xf8\xe0\xf1Xz\x9c!\xd4C\xcd\xa6n\xd6\xb3\xba\xba\xaa8^\xdd\xdb&gt;ZX[\x1b\xef\x9d[AX\xbdSk:\xa0RK\xa5\x14\xb2\x12\x81\x1e\x07p`\xa0\xe7\xe0"\x1c\xa6T\x8a\xccy\x9eb\xbb\xa9TCm(d2k\xda\x8d\x1e\x8f\xfd%\xaa\x8c\xcb\xa5\xd8{\xbe\xb0\xb99\x95\xeeZ\x99\xeb\x07\xb5\xd6\xfa,vW4*EZ!3QRu\r\xca\x08\x9a\x8b\xa2r\xbeYc\xbb{{F\x93\x13z\xa8\xda\x03\xa1\x8e\x81\xcb\xf5\xd2e_\xf54\xf4-\xac\x8d\xa7\xbbd\x02\xdb3\xdb\xb3v\x95\xcfS\xc4\xe7G\xd5R\\\xaa\x86\x9d\x1d\xf6+\xfbM\x11\xf5\'\xd6\xcb\xe1\\\xe7\xd6\xc7\xbdY\x9f\xc9\xa9\x82\xff\xb5\xacB\xf3V\x8fa\t(R\xb3}\xdb\x0b\xe3SiX\x97\xdf4\xc1dc\xaem\xa8\xd2*&lt;\xa9\x94\xc5\xb2\xe7\xf3\xf5\xf9n[R\x16\x17\x0e\xca\xe1"\x11\x0e\xfae^\xe4|%\xce\xee\xf5\x99\x12*\x9fbU\xe1\x99=z\xff\xdb\xc1\xfb\xf7\xe3\x9b\xe0\xab\xf5\xf6\xa9\x99\xfe\xae\xfb\x0f\xfe\xd2(p\xb4\x9b\x97\x01\xab\xd9\xb7\xbc\xa9\x82\xef\xad\xb0\x07\xe9\xfa\xaajp\x9aJ\x84l\x9f9\xcc5\xd6\xaf\xcf}\x80e\xb2XR}\xebo\x16wv\x1e\xaf\xc8\xd2\xbd\xb0\xcfX\xad\x9a6Y\xe3\xb7\xf7\x1f4\xea\x07b\xc6foD{[\xa7jm\xb7UW\xdb\xda\xcd&amp;\x9d\xd1P\xc4\x8f\x8a(\x9c\xc6\xa2N\x96r\x1d\xf3K\xdb}\xbaZS\xcf\xde\xecBo\x7f\xd7\xe2\xce"\x1c-\xda40\xbd\xbb\xdd\xd6\xea\xfa\xbf~\xf7\xed\xfdI\xbd\xdb\xdf]WR\xa25\x9aL-w\xfc\xb5p\xed\xe9\xe91\x1a*\x8b\xf9,\n\xa7\xc5\xc2Or\xfd\x10\x8e7}\x84\xb0\x8c}k\xd5\xfd\xb2.H\x83\x19\x8d\xd3?1\xb1\xe1O\x06CJ\xe17\xb7n\xdd\x9a\xd4[;\xbd\x83bq\xc48\xe6\xad\xf3\x8d\x1fL\x99;\'\xba\xb5\xda\xaa\xba\x92\x1a.\x9e\xc5\xe2\xe4\x1c\xab`\xe4\x1d`\xe9t\xebwg\xd2\xfd3\x9a\xbb\x10Q&gt;8:\xd7uO\x8c\x05\xc3\x81\x7f\xdc\xfb\xb1\xf1\x07G\xb8\xd3+f\xb1\xc4C\xe2\xaa\xf17\x07\xef\xb6\xf7\x0c\x06C\x84-\xbeY"\x96p\xb3M\xcc\xbdZ\x05\x05\xbf\xf5\xe9\x96\x97US3m\xd5ns\xfb\xfa\xc2\xac=*\x19\x8a\xd4u?\x9c\xf0\x0f\x04\xfe\xfe\xc3=\xc0r\xfb\xbdb\xd8\x98K=\xe3kF{\xf4\x17\x82A\x8a$\x15"\x16\xbf\xa6\x02\xe6\x9b\xac\xe5s\xed-\x8c\xf7/\xc0Ri\x80*\xd6\xa2\xea))\x97\x92\x85\x84\xfa\xa6x\xe8\xa1?1\xe0\x10\x00\xd6d 4\x06X\xe5\x7fc\x15G\x8a\x8e\xfe8\xc90\t\nf\x99\xf2\xd2\n\xbeD\xc2V\xe7\t\x0b\xfb\xa7N\xb7|7\x9d\xaeN\xb4\xe8\xb4\\\xbb\x1a\xe6\'\x8e=U4\xe4\x1d\x83\x13\xf6\xf7?\xdc\xfb\xf1^ \xb4\x11\x11\xb3\xca\xa1X\xa9\x85w{\xc7\xd2R\xa9+J\x11d\xa9\x04\x15\x8d\xf5\xf2E\xee\xe7\xc0m\x84\xd5\xa64MT\xb0\xbc\xbe\xe7\xfff\xd5\xec~\xd2J\xb70~\xee\xb8\xd3LBB\x10\x8aI\x13v\xb6)\xbb\xf1\x02\xc3G\x1b\x8d\x08TP\t\x01\xa3`(\x1aD,D\xad\x01\x8b\x88\xa8\xf5\x1b\xc5\x0e\xee\xda\x96\xa8(T&amp;\x8a\x8a&amp;X\x9b\xf43Q\xd3j\xb4\x99\xd2\xa4\xb5s\xc6\x1a\xc7N\x9d\x1e\xac:\x17s\xb4\xb6=\xed\xf4\xac\x8d\xf3\'\xec\xf7\x02\x12\xae~Yk\xbd\xcfZ\xcfz\x99x\xe10\xcd\xcf\xcf/\xb8n\x82\x95\xf5O\xb9\xdd\xa1\xea\xed\x85~\xbe\x80\xc3\xe0\x08\x14\x85\xc3\xc3\xb3\xbd&amp;\x93\xa8\re1\xb8\\\x0e\x9d\xc5:\x89\xd6\x9f?\x91n\xc9v\xdf\x01\x96UU{\xd35\xe42\xcb\x1f\xe5\xcb\xdb\x17\x16\x86\\\xf6\xe6kMM=cS\xee\x90\xff\x04\x8b\xce\xe1\x08\xda\x0c\xf2\xfcR\xfb\xc2\x88\xa9X\xd1/\x83\x1f\x00\x8b\x95\xc0\xfa\x8b|\x03\xfb\xe4[/`\x89U\x95`p*c\xb1\xceZ\xad\xdd\xdeUs\xf5ju\x8f\x7fl*\x14\x8aF\x9b\xb6G\x00K \xe0\xf3\xfb\x8b56\xbb\xd95\xa47\xb5\x80\xb1F\xc1\xff\xfc\x83\xf5\x9d\xfc\xedH\xea\xc1\xca=\x955\xcd*\xb1\xa6I$\xd6\xf1\x18\x08&lt;\xd8\x9c\xea\xb4htjj\n\xa8\xa2\xfe8\xd4\x96@\xe0mS(\x1a\xf4\xa0\xa4.\x9bFo2\x99\xca\x1c"*\x81\x05\\\xbf?\xbb\x91J\xfa\x96k\xf7\xdd\xbd\xca\xb41\xb18-;\xbb\xb1q)\xbb/\x1b\xac\xa1$\x00\xb5&gt;5\x15%\xce\xdb\xb8\xbd\x05\xe4\xd4\xdbVlj\x99\xd7\xb4\xdb\xe5\xcdr\xb9\xb9\xb0\xbd\x17\x84^v"\x10\xbf\xbfO%\xff\x89=\xf5`QlM\x03\xaa\xc6U8\x8d\x8d%\xe0~\xdcF&lt;\x0c\xd5\xee\xf7GCQ\x7fk\xf3\x82\x82\x0f\xd1j\x19\xd1\x8c\xcc\x0f\x01\x97V+\x97\x03\x97^\x84\n\x13\xbd\xfa\xcf\xbb\xaf\xdf\xff\xe7\x17\xd2\x12y\xf2G\x82\xd4\xa3G\x95=E\x92\x12\xcc3\nN,\x9d0\x89\x88\x07\xc7\xab\xc2\xee(P\x01\\\xd3\xb6\xab\xc5+\xe0\xb7\x15\x8f\xd8\xda\x87\x86l6\xb3\\\x9b\xaf\xbdW\xd8\xee,\xa3\xa5\x10\xe1b\xfc\xfb\xe7\xdf\xce0.=#\x8b\xeb\xc6\xfe\xf2\xde\xfe\x93\x1b\xbb\xebbI\xd1\xd9\x82\xdc\x8d\x8dQ\x0f\x82\xa4\xbb\x8d\xa3\x168Y\x19\xeeh4\x14\x0e\xbbC=\xad]\xf3\xfd\x02\x96W\x04\x19t\xd9\xecv\x97\x0b\xae\xac\xdc\xdc\xee,\xceD\x85t\x1e(\xad\x0f\xc4B(}O\x8a\xe5\xa7\xdc\xd8!6\r\x8d\xcbk\x9dVIZz\x81E\xb7a4"\xee0\x1e\xd1\xe9\x82\xc1\x08\xf0\x10T\xe1p\x08\xee"d\x91C\xef\x1f17w\x99\xcdr;T}\xbb\xd9\xec"\xa6\x88\x14:\x8fpf\xf4\x94\x14\xba`s\x80\x14\xae]\xeb\xad[\xd5\x15\x88[\xa2\x02+\x8d`\xb9\xb9\xa3F\x0fn\x04\xaa\xe0S\x1d\x1e\x86P\x11\x888\x1e\x0e\x15\xd5\x0f5x\xe9\x1c\xba\xc2VSS\xd3\xac5\xdb\xed\xed68N=\xa1\xab&lt;\x1e\x9d%`\xf7{Y\x0c)\x19\xc3 \x04\xeb\xeaM\xc9u\xa4\xe0\xc7Fq\x1ab\xc4,:\x9d\xc7\xe8\x19%B5\xa73\x1a\x13\xa1\xc2\x83G_!n\x92z\x9b\x08\xa4\x8b\xcf\x17\x99\xeb\xcbKk\xb4\x90@\x9bS\xa3q\x1a\x1c\x90E\x1e](\xe3S\xd9|\x16W\xf8\x9e\x84\xdbH\x19\xdc\x88\x8fe\x9d\xbf\xf8\xf4\x02"&gt;\x8ba\x96\x0b:\xa8\xf8H0\x18\x9c\x9b\xd3\xb9\xdd\x81P(\x8c\xe3\x80u4\xb7\xe1\x96l\r\xa9\x99h\x7f\xbf\xd7;\x92_W\x0e\x06\x1c&amp;A\x9b^\xa3\'\xb0RX,\xbeP\x00]\x80\xee\xe3&lt;#\xa1a\xa7\x0e\xde\xa9\xbe~\xbe\xea\xe2\xd7\xa7\x15\xd6\x12\x8c\x08Vn\xae\x8e\xa0\xfa\x1a\x0c\x85\x8c\x017\x1e\x89\xe0\x10.\x1dn\x0cH\xf2[\x14\xc4\xe0\xe7\xe5{\x87\xca\xf3\xca\xebK\xb5\xdaB\x9b^o\x00\xdf\x8f\xa6\x08YDc\x82\xe3c\xfc\x8f\x0c\xcf\xffdu\xfaz\xd5TFV\xc6X_:\xe40\xa2\x8b@U\xcd\xc1\xc1\xfd\x810QV\xe1\x00\xc0\xe1\xee@Z\xde\x90"S]f\x10\xf5{\xe9\x8a\xae\xc4\xfe-_\xee\xd4\x1bL"5\r\x95\xa5\xb0\xe8\'\\&gt;\xeew\x12\xb0(\xbb\xd9qdj\xac*\xe3"\xd6\x97^\x80Y,\xb9\x16\xa8u\xa0\x8a\x84\xa2a#\xa41\xe6j\xc8,\xbc\xbf\x14H\x8b\xe5\x9bd\x0c._T\xac\xf0r\xf8#\xa5y\xb1\xbc\xbaZ\xadMo0\x88`\x9eOIaq9B\x16\x1dd\x82$\xac\xb3q\xa3\x7fLw\xf1|\x915\x81e\xb1$\x82\xa5\x0b\x87\x028\x1e(\xba6\xefm\x18\xb1\xd5vw\xd7i5\xfd M&gt;\x81\xa2\x8d\xce\x10\xb4\xc8;\xbbcu\xe5\xf9\x85\x90C5\x8d\xca\x86hq\xb8\x0cN\x02\xeb\x0f2\x86A\x88\xd6\xaa\xdf\xf25\xcb?m-A2\xb2,P^\x10\xac \x1e\x08\x85#A\xdd\xd2\x96]\x1b\xfb\xb2\xba\xd4\x9do3\xb5AAC\x96\xe8t\xba\xa0\xbf\xb8\xbd6\x16S\x01\x96\x06\xac#\x15e\xb3\xa1\xe6\x19&gt;\x18\xbe\x18&gt;\x1e\x19\xdb7\xca\xe0Z|5:\x17\xbc\xdeST\x99]\x80\xe5daD\xb4\x82:w\xc8m!J\x7f\x83Xk\xad\xbfy3\xaci\xf0\x12C \x9d\xc5\'f\xfc\x05WM\x9e*F`\x99\xd4\x99\'XB\x06\xc4\x92\xc1\xf0]!c\x85J\x19\\\x8eW\xb8\xe7\xdcc==\xaa&gt;$\xc7\x82e\xe4\x00\x8d\x0e\x8f\x86\xe0\x0e\xeat\xba\xd1\x07\x93\xc3\xb3\xafz\x17\x87\x87\x17\xf5\x99\x1d&lt;%\x9bJ\xa5\x89L\x1a\xbb\xb9\xab&lt;OU\x97\xc0\xa2QQb\xe8\x122\x92\x92\x08\xac\xbf~"EN\xf7\xe2\xd3F\xcb\x98\xbf\xa7\'o\x1c\xc1r0\xe8&gt;?\xea"n\xd0\xab\x08\x1c\xfc\xf3\xfalo\x99C]\xd6;;\xbc\xf8\x82)\x13\xb2Q\x9a\xba\xd8`\xd3\xd64\x97\xd6\x97\x03\x96\xd3\xa4f\x12\xd1\x82r\xf7%\'\'q\xb9\xbe\xefd\xac\x93(\xff\xda/\x8a\xbb\xa7\x9a\x9a\xaa\x8bT\xaaF\x0c+ \xa4+b\x84\xc2\x02\x19\xc5\x97&amp;\xbbW&amp;f.]a\xb33\x9d\xb3\x8be4\xb4\xa3\x83\x8a\xd2D\x06\x8d\xbc\xa6\xbe\x1e&lt;R)\xd8}\x02K&amp;\x13\xb2\xb8I\xc9\xc9P]\xe7\x9e\x91b\x7f(\x03\x8dq\x89\x7fz\xba\xb5Z\xd5Y\xe1\xc1\n&lt;\x16\xdd\x05K8l\x89x\x96\x96&amp;\x87\x17\x0b\x1d\xeaL)M(\xa3M\xcc.J\xd92\xe59%\x8b\xc5\x96\x1a\x9c\xf2\xda\xbc\xd2!\x9b\xbcP\x0f\xf2\x00\xc1\x82I\x10\x82\x95\xec\xe3\xf8:\x9e\x934Al\xb4J\xfc\xf1x|ZUg\x05[\xef\xc9\xb9p\x11t\x1d7.M\x12k6\x87CM\xa5\xd1d\xa8\xa8wq\xd1\xc1g+y\xe7\xb8\x8c\x1f\x94W\x1c\x86{\xb7;\xbbZ\xf4\xbd\x84j\xa12\x02+)\x19*\x9e\xe3\xfb\x8d$\x9fA\xd9im\x1a\xab\xbez\xebZe\x9d\xb8\x04\xcb\xf1`P\xf78\xbe\xda\xf7fve\xe6\x85\xda13\xc3d\x96\xb5\xe7om\xd5\x95\xb6\x83\xd3aq\x18gN\x9f\xf9\xa1C:1|\xbb\xd4\xa40\x95\xa9\t,\x90-\x1e\xc8\x16\x07D\xe2W\x92\x1e\xa4(\xbb\x95\xd30 K$M\x04V.\x86\x9d\xcf2b\x9e\xfb\xeb\x9b\x8e\x19\xc7L\xd9\x84a\xe5\xd1\xfa\xe4\xdb\xb7/_\xbel\xddj\xb6\xeb\x99\xcas\xc4\xbf\xcc\xb8J\xe9\xec\x9bGz4\x93\xd8\x83\x9f$\x91\xc3\x03Y\xf31\xfe k\x9a\x1f|0\xdd\x93\x1e\t"=y\xe2\x8a\x02\xb8\x8a\x19UF\xcf\x9dw+34\x87\xf4\xc5\xca\xf0\xfa\xe4\xe7\xcf_\xb6\xb6\xb6\xb6\xb7\x0f\x89c\x13\xa1\x0c\xe29\xff\xb4\xf2\xe1\xec;\r\x8af\xd2\xfe\xc1\xe2\x80\x96\xc2\x88z\xf99IX\x94\xc1\x83\xa64\xa3.+T\xa1\x12g\x17X\n\x90\xf3U\xe9w\xde\xbc\x92R/e\xd2\x9c\xb7\'\xbf|\xe9~\xb9}\xf8\xf1\xf0\xf0c\xe2,\x8c\x14S9\xdcSI\xa7\xcet8V&amp;\x98l&amp;3\x93\x06T2\xa2\x1d\x12Y\xfc\xfe\x84\xacg2\xca\xfex\x05f1"\xa3\x95\xe2\xec\xf4\x1c\x0c\xc1\xaegO\xaeH\xa5\x97\xd9)\x86\xee\xf1X\x1e0},}\xbc\xbd]*_\x18\x19iiP+h(\xefTr\xd2i\xe5\xe5\xb2\x19\x1a\xa8+4j\xe0\x12\xd2YD\x0f\xb8\xf4\x9c\xb4\x97\x8c\xd4\xc1\xb5\x8a\x0c\x04\xb1\x18+\xc5}\xa0\\HFz\xdfp\xd9\xa5\xcbB\xa1\xe2q\xe7\xd6\xd6\xe1\xe1\xe3\xf5\x07{;\xcbk\xcbk\xeb\xeb\x1f\x9c\x130\xd7\xc8\x84\x1c\x88\x96RIU3\xd9(\n\x8d\x1a\xb0:\x123\xa0\xe0W\x12W\xf3\x94\xa3\x92*\xa3\xc5\x12P\x89\xcf\x96 9\x08\x12\xb8?\xeb\xb8"\x14p\xa8N\x9b\xf9\xf1\xdf\x93G\xfb;\xbb\xfb{{G{k\x07k\xdf&gt;\xbd\xa3\xa1PFI\xa7\x18J\xe5\xe5DU%D^\xf6\xf3+6|K\x8f\xc9t\xaf\x83\xcb%\x9e\\c\xf6\xf2x_v:V\x80 \xe3\xc3\x0e\x14\x9a\x89\x8f\xb5y\xb0\xf3\xfa\xee\xeb\x81\xfd\x81\xfd\x9d\xe3\xfd\x9d\x83\x83O\xdf&gt;}{\xf8Py:\x89\x81:\xa4\x1d,&amp;4C\xa8.\xf8\x94=\xbb\xfb\xea\xe1\x8b\xef\xcfI\xddBP\x06\xf6\xee\xdcY&gt;\x1a\x98\xeck\\\xcd\xc1\xd2\x91\xbe\xdbe(\x8f#\xe4_\xf9\xef\xdd\xbb\xbf\x1c\x1f\x1f\x1c\x1f\x1f\xaf\x1d\x1c\xfc\xfda\xf3\xc3\xab\xcdM\xe9C*S\xfd\x7fZ\xce5\xa6\xc94\x8b\xe3Sa\xda\xcd\x80\x13.\x1d\nl-\xa0\xf0\x8a\xb2%\rI\x83Rlm)\xa5\\JZ\xdaL/\x91\xd2-\x02\xc5h\xca\x02\x1d+]g\xb3\xd0n\x03m\x90 \x93@\xc84[cht\xb7@\xd6\xb8\x82\xd01\xb8*A\xa8\n\xa2#\x83\x8c\x19q\xd6x\xcb\x8c\xb07\x98\x8c\xd9s\xde\xba\xdf6\xbb3\x19\xde\xc3-|\xfb\xe5\x7f\xce\xfb\x7f\x9e\xf3\xbc\xe7\xa9\xb6m\xb2"\x98\x8d@LX\xa9\xe1\xeb\x9f\x8c\xb3\xb7&gt;\xbf\xb6\xc5\xad&gt;c\xe0\xd9\xb3k}\x037\xbd\x0eOQ\x11\x8f\xc8\xf5\x9bJ\xb3Ohj\x7f7\xf8\xe6\xcd\x9bs\xee\xbbh[\xee\xdb\xe8\x11\xff\xf8\xb4\xb2\xe7T\xa5\xf67\xda\xb1P\xeb\x94I\x08bE\xb0&amp;\xee\xbf\x1d\xf4\xdf\xe2\xb7+\xe4p\xfc\x93!\xc0\xf2\xcd\x10\x06\x17\xf8w\x99T\x0c$_\x02\xd3\xe6\xe6\xe6]\x0c0\xaf\xbf}\xda~*\x9b\xd5\xde#\xd1\x84\xdc!#`e\xb3\x11\x8b\xb9B\xe5\xc0\xdb\xcbq\xf1\x0cl"\x08\x83\xb4QS\x03\xf5/.\xbe{\xf7\xab\xcd\xab_\xdc\xd8\xd8\xfc\n\x15\x03,\xb3\x9a\x05Ks\xb6\x04\xf6\xd15F6\x8a%d3\x99\xcc\xad\xb3\xab\xff\xb6\x0c\x9d\xf3\x12\x1e,.\xc3PE\x95\x98\xd7K8\xc6\x81j\xe3\xc6\x8b?m\\E.\xc02\x9a\x84L&amp;`\x19\xf5\xfe\n-\xec\xffXj\x0bP\xd9\xbe\xee\xa3n\x0c\x8f1\xf0f\xc8\xc1S\x14\xc1\xb3\xe8\rA\xc3A\x10\xc4\xe1\x99\x99\x8d\rh96\xaen\xa2Z\xfa\x96z\t\x8b\xc9\xcebJLc\x93:Vv6[(\x142\xd9l\xdb,\x95C\x8bi\xaf\xa4\x0eh\x16\xc1\xba\xc4\xd2b\xb1\x87\x0bX\x9e\x19\x04\xdb\xb8\xfdeMYK\x8b\xb1^"\xb3\x00\x0c&lt;\x8a\xa6.\x8d\x04\xa9\xd4B\x16\x89E\xe9\x8c\xe7\x13\xbf\xd7A(\x8a\x08\x9e\xc1\xeb\x15\xfb|\nB\xe1\xf1]8\xe7\x0ei\x02\xc1\t\xbb\xcc.\x93\x818P\xe2,\x16\xcbn\x86\xe7\x10\nK\xa6f\xb1\xd8L\xeb:\x95j1^\xba\xa4u&lt;\x82\xaf0\x00\x96\xc3\xe3\xf3(\xb8\\\x9f\xef\xf2\xbdac\xd0n\xb1Xd2\x96P\r=4\x1b\xbe\xecv\x1b\xd4\x14S\xa8\x86\x7f\xd9\xd9\xce\xf5&gt;*\xe5z\xe6w5\x8b\t\x85\xc2\x00\x96\xea &lt;\x1e\xee\x91\x12\xf9\xa1/f\xfc\x9a\x80\x0c\xb2\'4I\xb4fP\t\xc4b\xc9lN\xa0b\x0beB\x10+\xd5Ie\xc9\x83\xdb\xfb\x9b\xaa\x9asy\\\xc2 v{\x0f+\xa0o,\xe9\xfe\xfd!\x9f\xc7\xad1\xa9e\x12\xad\xd1\xa8\xeb\xe80J\xc0\x13X\x16l6 \x89\x91i\x08\xcew\x03Tb=s\xe1\xc0A\x1d\xa1\x10\x8f\xfb\x9b\x1d\x04\x94\x99\xfcP7\xb4\x8d3\xb7\xa7\xeaMZ\xf3\x98\x1e_&amp;j\x85j\xb6\xc5&amp;\xc8\'M\x0bS\x98Z\xc0\xa1\xd2\xb7\xdea\xdcom\n\xb9\xa4{\xea\xc0!\xdcn1\xe1P\xe0\x81\x17tB\x87\x1d\xeeF\xb3\xb1\xac\xa9\xb5\xf6\xb8\xbe\xa3^-cY\x9d9\xca\xd2,&amp;f\x90\x89\xef\x0b\xc2\xa7\xa9\xc4z\xd9Z[\x0b\\\xcd\x06\xc2\xe0\x0e\xb9\x1d\x06\xf2\x08\xe7\xd0\x1f\x8b\xb8&gt;EC\x85\xbe\xb6\xbc\xbc\xf5\xb8\xfe\xa3\x16\xad\x9aeU\xbe\xc5\x02*\x10\x8b\xb3D)\xd6\xdf\xcb\xcb\xcbk]\xb0\xef"x\xee\xa9I\xafC\xc1\x17\x15\x8a\xf0\x14\x87{\xb8\xb8\xa1\xb6\xb6\xea\xb7\xc7?\xf9\xb8\xb1\xc5\xacf:\x05;\xe3Sa=\xc4\xd6u\x1f\'\x85\xb3B)\xd6\x93\xf2c\xc7\x1aZ]UCb\xc78N\x1a(\xa0\r\xe2s\x8fx&lt;\x1e\xef\x90\xab\xb6\xa6\xa6\xa9F\xffqc\x9b\x89\xc5T\xe6\xec\x8c/\xcd\xc2\xd5\x10\xc5\x02,*\x97j\xc6\x8b\xf2\x93\x1fv\x96\x87\x06\xfdC\xe3\xee\xe1a\xbfW|\x98{D\x04{\x8a\xab^W\xc5T\x85\xbe\xac\xa2l\xac\xb1\xcb\x0c\xe6 \xd8\t{y\xb0w\xe8\x11\xf7\xed\x07\xac5j\xb1\xfep\xb2\xb8\xf8\xc3\xf2\x90\xcb\xef\xf6/.\x0e\x9fs\xcc\xf8\xe4&gt;\xc7\x85\x0b\x97\xefM\x0eN\xb5\xb5\xb5\xb5\xb4h\xba\x02A\x9bU\x90\x03\x9d\x8f\xd5\xc6d3\xa1\xb9\x00\xac\x14J\xb1\xdey\x81\xef\xe9\xcetV\rB\x04d\xd3\xfe\xe5\xe5\xcb8\xb7\xf5\xfd\xf2rh\xf2\xe1b0\x184\xdf\t\xca,Vhaw\xee\xb4\xdal,\x1b\xe4\x10\xa8\xf2\xa9U+\xed\xc61\xa0\x02.\x97kp5`\t&lt;\\]}\xbe|oyuz\xf59v\xfev\x0b\x1b\xcc\xde\x86}\xf5\xfb\xef\xe7\x00\x16\x16&lt;&lt;\x86)\xf9\x94\xaa\xc5\xe8\xbby\xac\xf3\xccyC]]\xb1\xdf?8\xfd`"\x00\x89|8&lt;&lt;\xb5\x18X\x0c\x04`I\xb4Y\x9dN%\xd4\x15\xdet\x13\x00\x16\x88\x85\x95\x95\x9f\xc2\x99\xa0\xf0\xda\xc3[\xac\xde\xf3\xe7\rC\xfe\xc1\x87\x8f\x1e&lt;zt\'pgqq\xf1\x8el\x02\x98l6\xa5R)\xc8\x81\xba\xc2\x0bJN\xa4\xca\x8eTV&gt;\xb5X\x03\x97!\x89\xe7{\x8f\xf6\xf6\xd6I\xfd\xa1\xc0\x83\xc7\xceG\xb2`\xd0"\x9b\xb0\xc0\x12h-E&amp;\x1c\xb6C,%P\xc1\xeey\xdf~hZSR8\xdfRyI\xe4\xda\xe5\x93$\xd6\xd1^C\xee\x90k\xcanuZ\xad\xb2\xa0\xcc\n\xc9\x13\x08P)\x12j\xc7\xfb;v\xfc\'\x85\xa4X\xa0\xd6\xa3\xcf\xa9\xdc@\x8cG\xb0\xf8G\tC\xae{rZfu&gt;\xb6ZmPONe|N\x0e9|\x87Z\xe58m\x16\xd8\xfdA\n\xb1\xe0Q-\xebE\xea\xd4J\xbb\xef\x8e`\x15\xf2\xf9\x84\xc3\xebvM\x07,\x02\xc17(\x15DN\x0e)\x15h%\xb0\xc2\x9e\xd0b\x8b\xac\x86)$\x96\xf3\xaf\x94\xdd\xbcK\x8b\xbb\xd5\x10\xc1\x12\x01\x17O\xbc\xc7\xed\x1f\xd6\xc8\x04\xf1\xca\xc7\x82\x08\x17\xce(\xe6\x08\x94V\x1bR\xb1\x98\xa4X\xc8\x04\xdf\x9cY\xaa\xb0\x18\x03\xdb_UuF\xd4R\xa9@/\x83w\xc8=\xe4\xba#\xb3\x83\x7f*\xe3\x058\xfe\xf7\xf3xx\x00-$\x95-\xbb\x14WC\x9c\xcd\xc0\xf8\x9a*\xac\xbe\x98\xd7\xcf\xcb;\xcf\x90\xb5U]]\xad\xe2+xb\xb1\xd8 \xcem\xae\xaah\xd3V\xf6\xc0F!\xe5\x17\xf9\x9c\xd4,6T;\xf6\xb0\xe8\xa4\x1c\xce~\x08\xf8\x13\xa6\xe8BsZT\xf4\xd3@U\xf1\x99\xf3\x88%"\xb9\x08\x1e\x8fG@\x97\x01\xedY\xd3GF\xed\x89\xf6\x9eS\xa9\xa9\xb0\xcbb\x93gGY\x05\xfb\x0b\np\x8a\x04L\xa2\x80\xf3`\xf64\x05\\\x8c\x9fEG%\xce\x9a\x1b:I\x7f\xe0\xf3E*\x92\x0b\xba\r.\xb7H.Wx[\xf5\xbf\xd6\x99\xb5\xea\xcav\xec/`C\x03b\xedKM\x05\xa6T\xfc]\xc0q\xae\xac\x9f\xddb\xc1\xd2\x06\x0e&amp;\xc6DE\xd3\x9f\xea\x1a\x8a\xcf\x00\x15p\x15\x8a\xaaU\xd5*\xae\x02\xbb\x8c"yI\x89\xdc\xd0p\x1c\xb6\xf1f\xadD\xad&amp;\xdb\n\xc0\x82 \xa9 \n8\xca\xb5\xf0w\xff\xbau\xbfo\xcb\xc8\x18\x03\xb1Iy\xc9Q\xd1\x89\xf4\xcf\xa6\xa5$\x16\x9f_\xc8/T\x89T\xaa".R\x01\xd6\xf5\xebr\x9e\xb4\xaa\xb6\x0c\xfaj\xadD\xa2\x16F\xf4\xca\xca:\x05h\x11.\xe5\xb7\xe1\xf0\xd2\xd2\xd2\xfaV\r%1\xa2\xd3\x13\x92c\xa2\xa3\xe9t\xfa\xc5\x08\x16PA\x00\x15`\x15"\x15b]/\xe2\xe5J\x9b4:s\xbd\x89\x14\x0c\xdd\x94\x0cP-\xb5\xb4\x14\xb0\xe6\xc3K++k\xeb[\xd1\x991\xd2\xde\x8d\xcb\xfb \x89\x84\xa2\xd3_\xafB\xd3\x83j\x89 \x80KTX\x88\x85\x05X%\xdd\xd7K\xb8\x84\xb7\x96|7m\xb2KH\xaevv{{O\x0f\x93Lg\x81re~\x1e\xb0V\x96\x9e\xfe\xd4#AF\xdf@LzflLzr\x84\x8a\x9e\xf4\xbd4\xb7\xae\xb7\xf7\xa8\x02\x0b\x1e\xd4\xc2}|D-y\xf7\xf5n\xb9"\xb7i\xacK\xa73\xd6\x9bP0\xb5\xba\x12\xa3\x87M\x96Y\xc17\xf3\x0b \xd7Rxi~\xf6\xd6O\xf8\xb8\x08F\xda@l\xc2\x81\xdd\x99\xe91Q\xbbP,\xdaAZF\xcc\xab\xa1=\x88\x05\x85U\x8d\x0e\x01\x92\x15\xa2Z*\x00\xeb\xee\x96\x13\xcd5\x9a\xae\xb66\x1d\x08\x06\x05\x06%&amp;\x91\x9c\x10VVb\xf9g\x15\xac\xcd\xcd-\x84\x97\xc2\xf3@\xb7\xb2~\x1a\x07\xb9~\xfc\xfb;F_bR\xe6\xee\xdd\x072\xf7&amp;%\'F\xc7\x02U\x06\x8dF\xcbH\xbcx\xae\xae\xce\x80\xb6\xa5B\xae\x12\x95\nS\xa9"\x05\xeb\xee.\xe25\xe8;\xba \xf0\xa2\xbc\xb6\xbe\x1e~\xb0\xfc#\\\x0f\xe6\xfa\x01+&lt;\xbf\x00tkKsO?{}\xf6\xf4\x8f&lt;\x96\xe8\xbb\x96\x9e\xb9mw\xe6\x07\t\t\xe9I\xb1qt\xfav\x14\x0b\x83~\xf6\xa6\xd8` k^U]R\x12\xd1\x0b\xe5B.\xb9\'\xb7I\xd3\xa1\xd1\x8cu\xa1^f\xb3\x8eTM+\x11V\xe2\xd1Rx\x14\xb1\x80\xaa\xbf\x7fn\x05\xfe\x00^\xff\xd3\xd7\x03?4\x9b`\x9bI\x99\xefm\xdb\x9d\xb07}WR:be\xd0\x92\xa3\xe8\x19\x07\x11+#\xe6\x89\x83G\x10\xe8Z\xa0\x16`\xa1VP\xfd*.\x84\xc2 \xad\xd0@\x8cA"u:]KG\x07\xb8E=\xfa\x98Z\xc8^\xbb2\xda\xdf\xbf\x80T#\xfds\xe1\x85~2\x00\xec\xe2\x0f:\x9a`\x1c\xccK\xd8\x06L\xa0Szzl^^l\xec\xf68\x1a-.&amp;#\x83\x16\x91\xeb\xfeM0P\xd2!D\x80\x05`rR2\xb0{\x9ea\x8fK\x8fTc\x1dP_m\x9a\xb2\xc6FMKD/\xb5zb\xf4/#\x80\x81T\xa3#s\xf3\xfd#\x91\x00\xb4K8\xfd\xc6\xf8?f\x0e\x05\xf5^ff\xe6^\x08\xe0\xda\xb5=/99\x8e\xf6.=9\x92C\x1a\xed`\xcc\x13_\x11\x97\xcfG.\xe0\x81(A\x7f\x90\xab\x14\xbc\xba=\rM\xfa2\x0c\x9c\xfcn$\'\xf0\x1a\xd1]\xb5Z{p\xf6\x97\x97\x10\x0b\xa8\xae\\\x19YX\x18\x19\x1d\xbd\x02q\xe9\xca\xe8\xe8\xc8\xe8\x9f_\xff\xcf\x0f\xb3\xe8\x8bK\xdf\xf6\xabm\x07\x0e\x80T\xfff\xe3\x0cB\xe3F\xcf0lK\xb2:H\xfaAHH\xe8(!1\x83\x05\xb1,\t\xebdQ\x99$\xb8$\x1eD\xcc\n\x1a\'\xc1\x1d\xc2`\x8ar\xc8L}\xda=\x06Sh\x8d\x0fI\x0f\xe9=\xb3=\xb56\x81\xcc\xa4e3f\x99:\x1dh\xc9\xa1\xd0\x04\xdacw[6\xd9=\xf8`v\x0fI\xe9\xfb\xfd\xe3t\xb7\xb4\xbf\xc7\x19\x8d\xc3\x8c\x1f\xbd\xdf\xfb\xbd\xff\'\xc7\x13#0\x0c8\xcbB!\x13\xd1[\x98\x17\xa5s\xacy\xcf}\x0e#Q\x07\xae\xf2\x98\xbf\x86m\x87\xc8.\xb4\x97\x97\xfa\xbbw\xb7\xb7\xb776\x9eB\xb2+\xd7q\x80\xcd\x88R\xecG\xbf\xfe&lt;\x1d\x1c\x13\x16\xa8\x86\xa3\xc3??&lt;\x1a\x1d\x8fF\xa3\xe1h8\x1c\x8e\x807y\xf5`\xe1\xff{\xec{\xbfH\x82\xb2\'\xa0\xf9r\xa8e\x9c/\xcee6\xe6%\x91\x8a\xd8h@.\xf3%\xb8~@A\xbaz\x8dG*\xac\xbf\x0e\xd2v\x13rm\xee\xed&gt;\xa3\xf7\x14|pec\x1b\x88\xd7\x7f\xcc\xcd\xff\xab\xcf{\xd9\xf0\x88Jvx&lt;\x19\x0f\x1f\xfe\xe9\x10D\x13\xac\xf1d&lt;\x18O&amp;\x847=\xfd\xe5\xffJ\x86]O(K\x05R\xe5\x84da\xa1\x88\xb6m\xbb\xa1\xab\xa9\xf3\x8dB\x959\x16qIO\x0eP4\x9e\xf2`\xa3-{\x9d\xc0.`\xb8\xef_\xda\xd9\xbb}w\xe3\xfa\xd3+\x1bwo\xdf\xdd\xde\xb8r\x0fX?\xfc\xd9\xe7A98\x06\xd6\xe1\xd1\xf1\xa4\x1e\x8c\x1e\x1e\x12\xd3`&lt;\x1e\x0c\xa6\x83ig:\xc0\xe1x2\x1c\x9f\xfe\xb7\xc9\x90\x9b\xb6\x95+\xbdR\x01\x13\xe1\xb86\x11\xd1\xf2\x19c\x9a\xe35\x1a:\xaa\xd8Xhp{%g7\x0f\xd6oq\xbdV\xce\xbd\xcf\x05\xc3P\xb8\xdf\xc7v\r\xae\xeb\xc0\xa2\xb7b\xdc\xfb\xc9\x87\x1f\xfe\xe1\x8fVP\x0f\xe1\xa2\xa3\xe3\xd1$\x8b\x06G\x87\xc3\xf1`\n\x98i=\xed\xd4\xd3\xba\xae;\x84Fl\xa7\xdfm\xcb\xc4\r\x19\xb3\xad\xa0\x8c\xd2*7\xc2\x90\xf3\xf0?|\xd7\xd7\x18K$\xf0\xa8\xf3\xef\xe5\x9a/\x9c\xb3\x83\x83\xf5up\xad\xdcYi\xf3\x08\xa3\xe0"\xac\xee\xe2\xa5\xcd]`ml\xdf\x9e\xbdC\xe4\x83{\x9f~c[\xd1\x80\x1c4\x9at2!\x1e\x1e\x0e;|\x11O\x96\xd5Y\\\xc7u\x9d\x11\xe1`&lt;\xfd\x0e\x98\xe1;\xaa\xca\x98\x1f*Y\x16\x01\xccr\xdds\xb5|\xdf\xb7\x01\x86*.\x88*\xc7Z\xe0\xbeO\xceN\x00v\xeb\xfb+\xb3\xc9\x8b\xb6!L8\xcbkK\xfb\xbf\xfdx\x07\xbe\'\xaa]\xfa\x9d\xb2\xa7O\x7f\xf3\x8f$,;C\x18|\xd2\x89+#\xaf\x8f\x8e\xb38\xe3+\x8ec\xfa\x8c\xe34\xae#\xa0\xc5\xf5t\n0\xf3\xbc\x90\xccQu\xd5QE\x95\x05Q\x9d\xa5B\x8ep\xb0gu\xf45,\x9fI\x8d\x86\xc9\xa4\xf9\x06\x97\x8b\xfc\xa5\x12\x17\xf2\x81\xaa\xc8\xb3u\xb5\xddl\xae--\xed\xef\xf7wv\xe9\x87oW7\xafR1?}\xfd\xb5\x06\xaa\xf1p8\x19dU\xe0\xfb\xf9\xf8\xa8\x8e\xb0\xe2\xd9\x8a\xde\xaf\x14\xb72\xce\xa2x:\x9d\x9e&amp;|SJT\xdd\x14U\xc7\x9c\x97\xd5\xb0\xcc\xea\x98*\xe9r&amp;8+\xc1\x87\xc6\xbc\x05O\xd4\xde\xbb\xbeAi\xff\xe4\xf1\t\x19\x0c\x19\xd6\x86`\x17\xda\x98\xea\xd7\xbaK\x8b0=xno^\xa2bno\xfc\xe5\x89\x1aV\xf5`&lt;\xe8de\x0eG\x84\xd1h\xaa\xa4e9\x03\x89R\xac\xb2,{\x95\xa2(\xbd\x1e\x8e\xf0\x984{\xf2\x08`\x89jJ\xba\x9aH\x85\'\xabn\x05qK!\xb7\xb8b\xfel\xd9.\xa3\xe9\x81\xcdB\x82\xfbk^|\xf5\x18\xfe\x02\xd8\xeaJ\xf3~\x13#=\xc7\xeas\xac\xdb\x9bt\xbf\xfb\xec\x93w/\x13\xbc |\x84\x974\\\x96\x048\x16\xaa\x127\x05d\xf0rIX=@)U\xc5\xe1\x14A)\xe3z2z\xf1h\x8e\x89\xa6l\xaaHs\xd9\xf3\xd4\xb0\x17\x93\xc1xr\x85\xb6\x0b\xa8\x1b\x89f[z\x03\\\xefm?\xcb\x89\x97o\x0e\x0e\xa8\x92\xabw\xee/C\xab\xad\xad\xad.%\xc4\xe6\xd5\xab\x9b}z\x93\xf5\xde\xb3\x7f=P]!\xae\xe9\xf5\xac\xd0\xf7NU\xbd\x00\x00\x06\xafIDATg7\xdc\xbc\x8e,\xf8(\x0f\xf2\xbc\x8c\xd3\x14`\x11\xc1\x08\x90\x8a\xc0\x80\x88Ge\x94\xd5\xd3\xf1pNSM\xcf\x14o\x88\x85\x0c\xbc\xc4\xaa\xb285 \x11*\xe8\xbb\xe4.\xd7\n\x02\xd7\xd5M\x9d9\xff\xd1\x0b7\xf3\xd1\x9b\x13\xe2Zmnm\x11\xd7\xf2Vw\xf12\xbd\xb7zgq\x19\x89\xbf\xb3\xf7U\x92\xb8y\x1a\xa5\x02\xed\xfap\x84\x1d\x08U\x9a\xe7\xd3H\x08\xc3\xa0GR\x95i\xaf\xa5\xe4\xad\x1c\xbb0h\xc8\xfc\x95 \xf0\xa3\xac\x9e\x0b\x13I\xf6D\xc7\x91=\xc9\xf4\xa4\xc4\x88\xb2\xcaUu\xdd\xf1\xb1\xfd\xd8\xaa\x98\xf8n\xdek\t\xb6\xea$\xf6\xb71\x81O\xd9\xfe\xec&amp;\x1a\xf2\xe2\xfdnw\xb9\xddn~\xb4\xd5\xed\xc3R;\xfd\xa5\xe6\xc5\xf6Z\xff\xe3\xcf\xf4\x84@P=2\xa9O\x11d\xe4B\xd9\n*\xc55\xd2,\x8e\xaa\xaaRZFn@;\xa1\x82D\xc8\n\xfcm\x90\xb7\x94\x14`s\xb9\xad{\xb2\x0e\x87\x15\xb2$\x17\xba&amp;\xa4\x8a-\x99,7p~\xb9\x0f\x95\x12;\xef)\x06y\xdf&gt;\x1f%\xb8b\x85\x9c\x9c\xfd\xf5\x04\xc3\xdf\xd2b\xb7\x8d|\xa0\xff\xb2\xa2\x7fyqi\xf9\xe2\xfa\x85\xad\xdf\xbd\xa2\xf3\n\x02\x0b\xaa;\x0e\xd3p\x8e\x01_F\xd0\xcam\xa1\x86\xdb*\xec*|\xfb\xcd\t\nA\x96\xa5\n\xf2\xdc2r\xe8\x15\xcd)\x16\xe4\x12\x13G_(L\xb9\xf0t-\xb4\xd8\x8d\xa0\xb4!\xa1\xdb\n4\xce\x15(\x8a\xa1i\xb6k1\x93O\x84\x94\xf8\xd0K|\xf5|\x1dX\x97\x97\x96\xd1\x8a[k\xddn\x17\xa3\xfe\x05\x84\xeb\xf3/$\xc7\xc7\xceE3\x88\xea8\xa0\x82P\x15\xfcC\x8b\x02"7\x942\xad@\x11\xe4U\x9a\xf1x\xcd"%\xa0FC\x85Q\xcf\xb92\xf0utb\xa2\xa3\x15id7u\xc7-[\x0c\xeay\xbam\x848\x00\x17\x9d8\x7f\x0e\xbf\x08\x9aI\x86\xa0\x90N\x9f\xb7\x97\x17w\xfa\xcbm\xf2\x16\xad\xfb\xedk\x07\x07o\x1eH*C\xbb\x80\ty\xe8$&gt;\xaa\xc9\xdb\x9f\xe7\x02\xf2*\x8e\xca8Br[\x01/_\xa7\x83\x08\x01\x15\xea\x8dS\x0fz\x08\xff\xb9Tp\x1d\x11Xp&gt;a5\xa8\x1d-\\\xb0\x9aEQ\xe8p=\xe2Vu\x18\xb6#\x1a\x0c\x99\xeb\x8a\x12.d\xcf\xc7\xc2Bz\xf4\xd5&gt;\x0c\xb5Fc \xad\xfb+\xd7\x0eN\xce~\x8f\xcef\x8cCq*C8\x8f\xaa\x94/\xba\xcbjR\xaa\xe4\xe5\xc3B\x9f\t\x06\xb5\x19\xda^\x89\xf1x.\xaa\xc2\x04\xcf\xc5\xc0\xe7\x81\xab(\x1c+H\x1c\xc8\xa2z\xc4\x95h\x0cy\x0b5\x99\x86=)Q!\x9c*\xe9\x00\x93\xf9\x18-K\xf6\xd7{w\xaf\xee\xb7I\xae\xad\xe6\x9d;\xb7N\xde~iJ\x80\xe1L"a\xd9\xb0\xba\x02\xb5J\x9eLU\x8fV%D5:1\xe6Rao\x8c\xab \xd4\xe0\xc2\x04\x86\x8e:\x83\x01\xb0R\x8b\xe1!^\x06e\x93\x17\xf4\xd0\xd2e\x1d\xaa0\x1d!\x8af\xc02M\xe2\xb21\xe4\xe8\xa6\xeaC\\Q\x94\xce/;\n\xd9y\xf1z\xfb\xd2G0=\xfd\x9b\xe7\xc9\xdb\xb7_\x98\x88gq\xc6\x84;\xc7\x0f\xd1l-\xa1% \x07\xf8\x9d\xc2sJ\x88\x061/ \xf6l$\x03\xa4\x828j\xa2\xb9Jg&lt;\xeeD\xc02\xd8\x8d\x84\xbeh\xce\x17^\xe1\x87\xa2cz"\x834\x90\xce\xf3p\xc3\x92a0\r\x05UMt\x87\xcdD\xec\xa1"r\x85ji\x8a\xa7\xef6.\xd1/\xb9\xe0\x1a\xf6\xed\xd9\x03Y\x92$Q\x9fQ\xa1\t\xdd\x90\x8f\xbb\xe8\xfc&lt;o\x11\x9b2[\xad*\x9b\xd6\x14\x0b\xd8\xaf\xd3&lt;D!\xb0\xa8\xe01f\xaf\xba\x9c\x8b\xa2\\s\xb8\x15L\xfa&amp;\x9a\xaa\xc2W\xa6\xaa\xd9L\xf7x\x17xTM$.#w\xa9\xba\xa4;\x1a\xe3%B)\xb9^\xba\xf5\xcd\'?]\xfb\xf9\xfa\xc9\xe3\xb7_&gt;\x90M`\xa1\xcc\x92(\x89\xf8.nh\xd1\x08&gt;\xe3\xe2X=\xa57\xdbez\xe5\xa0\xa6\xb4\x8a\x10n\x1a\xce\x13VQ\x99\xab\x0cF\xa3N\x94\xcf\xa5Q\xe5\xf2\xd1\x06\xbd\x88\xab\x1c4\xa2\xed\xc2N\xb8\xeaq\xe0zO\xc6GA\xcbT\xc1e\':J\xa4\xab\x98\xf1\xf1B\xe7W\xdb\xb2\xa8\xfd\xf3\xef{\xcd\x9b\xb0\x15\xae*9\x16\xa8\xc8Vt&amp;$\x17\x8f\xacV&gt;\x13\x0b\xbb2\xc9\x15\xf5\xac\x14\\\x88{2;\xceV\xa7\'X\xf1\xf0x\x18\x05\x16aY\x0c}\x9c0\x91\xb2\x08\xfb#\xafV\x02N4\'\xc0\x8a\x19\x96g\xa2\xf2\xe8Kn6\x9c\x85\xea\xcc\x04\xa3\x12\xeb\xc9\x8b\xd7\xbb\xcd\xc7/\xd1\t\xa6i\xbe\x87\xa2\xfeuq\x11e\x91Zd/&gt;)\xf4\xaa\x1em\xcf\xbdT\t\xdd\x94r!\x0f\\\xa6\xc2\xb5h\x14f\xe7\x9d\xe3\xa3A\xee\xbas\xd8\x9b\x02\xdf\xa1f\x13\xf90\x05\xbfC\x15FX\x8e\xce\xb9\xf8".\x9d\xa6\x1c(\xabJ\xb2\x94h\xb3BR\x8cy\xb2\xe4\x9c\xbe\xfb\xdb\xcb\x82~~B\\t\xe6\x94*.\xa6p\\\x18\x90Z(\xa02\x1b`\x88\x8c\x8e\x84\xd0\xf6\xd3\x1a\x1bNh\xf3\x12R\x11\xact|t\x1c\xdb&gt;aU\x01UM\xd7\xa5\xa2\xe1\xd1\xc5\r\xc9E\x13 E\x83\\|\xbb&lt;j\xc8\x84{\x13\xb2\xa8\x1a\xb5\x0e\xfd\x90\x10`\xb2)\xba\x8f(`\xfe]\x84\x19\xab8\x08\x84A\xd8h\x92\xc2(Hd\xc3\x96\x1e\n\x0b\xdb\x1c$p\x9d\xe0\x1bX]eu\x8f\xb0ofu\xe9rE^\xec\xbe\xd95dIe\xb3\xe3\xcc\xfc\xf3OL\xb0dv\x14\xf4\x83\xf6\x8b\x91\x88.\xdfP\x85\x84J#i\xba\xaa\xbe\xddF\x83#t;\xd6\xaa\xdc\xd7}\xbd\xcf4\x85\x8cB1\xfa\xa5)\x96f:\xc4\x98&lt;F\x13\x81K|\x15m\xfbRq\x03\x96N\x83\xd8=Acmdl\'\x07\xee\x12\xae\x98Z\x96\x98\x07U\x08N{P\x1b8O}*\xa4A\x94\xfd\xe3\xc6dE&amp;cpd\xf8\xbf\xf5w T\xb3q\x9es\x7fB\xba\xe5xl\xf4\xadaB \x95\xe6\xaa\x16_\xbcH\x9b\x86q\xc3\xd5$d&lt;\xdd\xd7\x97\x98\xe5\x910\xa5\xab`\xb5\x1a@\x94Fo\xe3x\xe5Pbu\xc1r\tUd\xcd\xf1\x90&gt;3\x1a\\\xc5?\x1c]\xa2A\xec\xcf\x9f\xcfu}\x1a&lt;\x99\r\xe5w\xee\x8b\xc3\xc4m\x8c\xd9t\x90\x8a\xc0\x05\x96\xe8B2\xc5\xe9KKI\xb4\xe1R{\xbcv\xf1\x9b\x80-R\xb4\xca[{\x16AW\x17\xa0\xaa(6\x81=\x13P\x0cT.\xba\x0b@\x1a\xc7\x18\xab\xa1\x1c$`o*$\xb4\x95]\xba\xef\x9f\xfb\xba&gt;&lt;\xacd,,`QVl\xaf\xa0\xd7K+\x1d\xe2\x89\xb0No\xbe\xb0\xfe\x1bW\x03IEE\x86\x9f\xbd\x9dD\xd5\x87\x04\xbc^\xfc\xe8\x99)\xd6[\xdd\r\x94:Va(S\xc6\xbb&lt;\xfd\xb6H\x9d\x83;3\\\x14\xcd+$\x9f.t}4\\\x1f\x86\x01\xfe\x07\xe1\x8e3x@\r\xf5D\x00\x00\x00\x00IEND\xaeB`\x82'</t>
        </is>
      </c>
      <c r="M103" s="3" t="n">
        <v>45492.67837962963</v>
      </c>
    </row>
    <row r="104">
      <c r="A104" t="n">
        <v>263477</v>
      </c>
      <c r="B104" t="n">
        <v>1954</v>
      </c>
      <c r="C104" t="inlineStr">
        <is>
          <t>Lucas Romero</t>
        </is>
      </c>
      <c r="D104" t="inlineStr">
        <is>
          <t>L. Romero</t>
        </is>
      </c>
      <c r="E104" t="inlineStr">
        <is>
          <t>VOL</t>
        </is>
      </c>
      <c r="F104" t="inlineStr">
        <is>
          <t>VOL</t>
        </is>
      </c>
      <c r="G104" t="inlineStr">
        <is>
          <t>VOL/MC</t>
        </is>
      </c>
      <c r="H104" t="n">
        <v>167</v>
      </c>
      <c r="I104" t="n">
        <v>29</v>
      </c>
      <c r="J104" s="2" t="n">
        <v>34441</v>
      </c>
      <c r="K104" t="inlineStr">
        <is>
          <t>Right</t>
        </is>
      </c>
      <c r="L104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2d2a1a4-507a-4e29-b4a6-7f9209ac23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6\x9a\xc7\xca\x00\x00\x03\x00PLTE\xff\xff\xff\x00=\xcc\x07\n\r\x00:\xc9\xfd\xfd\xfd\x007\xc4\x04\x07\t\xfe\xff\xff\x00\x01\x01\x03\x03\x04\x00?\xd6\n\x0f\x13\x00C\xd8\x00&lt;\xcf\x00&lt;\xd2\x00A\xd4\xbam]\x00T\xf0\x013\xbf\x10\x16\x1a\x00@\xce\x00\'\xaf\x01/\xbb\x004\xc3\x00Y\xf3\x84A5\xb9hV\x00^\xf6x?5\xaaYI\xbfn[\xa4WH\x01+\xb6\xbcs_\xf0\xf3\xf5\x015\xc9\x83E&lt;\xf8\xf9\xfa\x99OD\xc1xe\xb4YHyD;\xc1sa\xa1PA\xb4aT\xc9\x89y\x8dG;\x00U\xec\x9fSG\x00C\xdf\xaf_M\xcf\x93\x82\xc5{i\xaa]O\xaaRC\xa5ZN\x92LA\x00I\xe5\x8dOF\xd7yn\xb3gW\xc8|m\r\x06\x05\x9aL=\xa6M&gt;\xadbU\xb8aN\xcb\x8f}&gt;\x1e\x1do;1\x89I@\x018\xcf\xc9we\xd6\xe4\xf04\x15\x11\xcfp_mB=\xc1iV\x93SG\xa1I9|:,\xc6\x83o\x00L\xe0\xdf\x8c\x80+\x10\x0e\xd0\x7fm\xdd\xe6\xf0\xcfyp\x00S\xe5\xd9\x8c\x82\xdb{f\x84:(\xc0|m\x00[\xf0\xb3k`\xd1\x87}\x8c=,\x18\x1f$\x94G9\xd9\x87|\xda\x81vg3\'A\x16\x0f\xa6cU\xack[\xb5O?[4.q4%\x9aE5\xd4\x8d~F&amp;%\\+"\xb7yj\xcc\x86s\x9eYM\x00O\xeb\xc5p[\xd5p]\x96?/\xd3\x80v\xbf_N\xe0\xa5\x9b\x1e\t\x07\xe0\x85y\xb3uf\x8d@7R$\x1b\xc2\x82w\xe0\xdf\xe1\xe1\x9e\x95\x00j\xfaO\x1b\x10\xcb\x80uwIE\xd4\x87u\xc8]K\x01$\xa3\xbfrh\xd8\x93\x86\x99UJ\xd6te\xc1TC\xbebY\xde}p\xceri\xe0\x91\x87\xd1\x99\x89\x9b_T,\x19\x1ac92\xd9\x9f\x92h(\x18\xe3\xeb\xf3\x00c\xf8\x00I\xd9\x81LC\xb6ZP\xd0wf\x85TN\xb9\x7fp\x15\x0c\x0c$+0\x1e\x11\x12\xe1\x94\x90\xde\x9a\x8a_&gt;=\xc8eU\x01-\xc0\xd0jX\xeb\xeb\xec\xd3`P\xc7h^\xcf\xdb\xea\xd1\xd4\xd7\xafRMO00DJQ19@\xc7le{OL\x8e$\x18\xc3\xc9\xcd\x8eZU\xa5\xb2\xd3\xderh)M\xcb\x1e&lt;\xc1\x08&lt;\xc5\xbe\xce\xea\xb8\xc0\xc4\xaf\xbf\xe1\xab?4:b\xd2\xbf\xcc\xe0\xcf\xdb\xe2\x8a\xa4\xdd\xa1j`\xd6ns{0%\xc9qrw\x8f\xd3\xa190\x7f\x1c\x10\x9a}}\xd1[c\x9d@C\x00q\xfc\xd8y\x87\xad\x93\x94G`\xc3\x00e\xf3\x98\x9f\xa7PX_\xbaPY\x902+\xb2ECn\x81\xc3\xc4^f\x15A\xcd\xc6\xb3\xb5`ip\xa2/ .G\xba\xdf\xab\xa5\x8eb_\xc3\x91\x87\xab\x83\x83e\x85\xd9\xaa\xb2\xb8\xbf\xa4\xa4x\x80\x84\x88\x91\x99\x9f\xb4\xe3\xd4\xc9\xc9Xr\xc4Ow\xd805\x8c\x16\x1ej\x8d\x9b\xca\x07#\x8d\xcd\xdf\xf1\xa5xojt|\x1b0\xa4\x8fnk/\x19;n\x0b\x06ZEw7B\xa6XL\x92\x8cl\x8a\x14V\xd7__\xa8\x08\r7zZn.|\xe6\xd7\xa4\xbdU\x00\x00 \x00IDATx\xda\xc4\x99\xdfO\x1a\xf9\x1a\xc6\x9b\t\x19\x98\xccM\x93\xb9b\xa3k$B\xe1X\x8c\xb1GK\xb0\x8bh\xb1\xd9\x00*\x8d\xb8\'\xad\xa6uX\xc1\x1f\xa8\xd4\xa6l\x11\x155\xd4%\xabUWD\xb8\xf0\x17c\x95\xa0\x8d+\x1cc\xef\xb8\xd9\x18\xef\xce\x95\\\x92\xb4\x9ep\xe4\xba\xfe\x05\xe7}\xbfh\xdb\xbd&gt;\xa3\xe7\x8dufH\x0c\x1f\x9f\xf7\xf9&gt;\xef\x8b\xbdu\xeb\x7f.i\xb1\x8a7\xc5o\xff\xf7*"I\x94J\x00\x92@I\x95p\xf9\x16\xed\xe6)\x91D*UL\xed\xe7\x0b\xe7\xe7\xa7X\xf9|\xbep\x9a\xf9\xe9+\x97\xf4\xa6\xc5\x93\x92\xf7\x96(2\x17\xa9\xb4\xc0\xb1,\xc7C\t\x82\xc0\xf3\xe9\xdcif_\x89\x9aI@9\xa5bWr\x93\xbd\x93(\xa6\xa6\x8e\xf2\xb94"\xb1\x14\xc7\xd2\x0c\xcd`\xd1\x14\xcb\x0b\xa9\xd3]\xc0R\xee\x1e\xe5O\x0b\x19\xe5\r\t\x06^\xda\x9d::\xcd\xa5\x04\x9e\xa5H\x01\x0bB\xc9d2F\x06W \xbb8\x9a\x9a\xca_\xa4R\xa9\xc2\xd4\r\xa9%U\xee\xe7\xcf\x01\x89\xa3X,\x9af\x11\x0b\xb8d\x04\x0c\n\x1f\x85lJ\x10\xd2i!\x97\xdf\xbd\x19\xb5\x14\x99,\xcfq\x1c"q\x00\xc4\xd0p\xa1\xe0\x99a\xae\xb0d4\xd22&lt;\x88\x95\xba(\x1c)o\x00J\xa2\xcc\xa48\xd28\x19\xf8\x08\nD\xa2i\x1a\xb8\xa8/T\x08\x06M\xa5\xe0\x0cd3S\n\xe5\rx]y\x94\xe5)\xe0\xc0\xf7F}\x10\x0f\xc0X\x14\x08\x1c\xf6\x15\x0c\x18i8\x97\x85?o\xc0\xf2\x90\x08Y8x4q8\x11\x87\xe18ZF\xc3k\x14\xf9\xfaF0b2.]8R\\3\x17Hu\x8e\x89\x00P\x14\xc2\x11\x06\x96\xa7d\x0cO\xce$z\xff/` &amp;\x97\xbe\xc8+\xae\x17K\x89f\'\xef\x0e\xfd\xe1.;I\x0b\x9c\x8c\xc1\xd7\xc0\xfa,\xfbW,\xb4\x1d\x9cI\x88\xaek\xd5*+\x08x\xfeX\xf4\r\xb1=\xe6\xa7\xc0c\x17\x91\x97D\xeb\xb7\xc6\x87[ \xe6RG\xd7\xe7/\xa92\x03\x99\x8em"\x820\x97\xe7\x8f\xe7X&lt;\x84,\x8f\xf2Q\x14\xcf\x7f\xebz\x86\xe8EqY\x98F\xd7\xc4%\xdd\xbd\xc0\x08\x05\x18"\x07\x8d\xf3\x06b\x13\x03\x8c#\x8e\x07\xeb\xcb\x18\x16;\xfc\x05\x8b\xa2\x90\x8b\xa1\x81KrMzI~:\x17P\x91\xcb&amp;1D\'\x1c\x85x\x03\xaf\x16i\xaf\xae\x97\xce\x82vC\x84\x80\xf1\xb3G\x92k\xea\xe1\x9f\x17\x1c9~\x97r@Pa\xe7(\x06\xbb\xca\x90Am \xb3\x9a\xf9\xdaC\x12"\xf0\x03\x14\xc7\xe7\xf6\xafC-\xd8\x18N\x05&lt;j`\x95b\x1b\xf1\x1f\xce\x1cx\xc1`0\xc4\xe3q\xbf\xdd\x1e\x87;\xc3\x97\x19\x04W\x9aB8\x1a\x14\x15\n\xd7\x11\x13RI&gt;\xcd\x92\xc0\xc4Y\xc8\\\x16\xf2\xb0\\\xdc\x00H&amp;\x93\xcb\xe52\xdb\xedv?\x94\xe1kl!$\xc3\xb0\\:\xb7/\xbe\xeb\xa5\xd2\xa9\x1cO\x02\x13\x05\xc2\xec\xa2e\x14k0lA\x99\xecfW0\x10sz\x02\x81a`\x0b\x02\x9d\xdfp\xe5@&lt;\x17\xa0.M\xf1\xe0.\xa9\xf8-\xccdY&lt;\x84d\x0c\xb2\x14Y \xe2\xc0\x14\x89\x98\x82A\x8f\xb3\xbb\xbb\xbb\xd3\xed\xf6@\x05\x82P.\xe0\xba\xda%pX\x92\x15\xac\xa0\x90\\\x87\xb3(\xfa\xcb[\x91L@\xad\xa0y\x9e\x98[&gt;a4\xb6\r\x0ev\x9e\xb8\x9dn\xe7\x80\xd3\x03\x82]\xe9E\x17g\x15:2-z\xd8\x03\xd69w9V\x8a\xcb1m\x00\x87\x9b\xa1{\xb1\x13\x9b\xdc\xd1?\xef\x0b\xcd\xab\xdb@0\xa7\xb3\xb9\xd9\x03r\xd9\xfd\xe8}\x03M\xc6\x12\x8cv\xdc`sb/\xaaRI&amp;\xcd\x12\xb1h\xc8+|?\x7f0\x10\xf08c\xb1\xd8\xc9\x89\xad\xbb?\xe1}\xfa\xd4\x9b\xf0\xf5\x1b\xdb\xba;m`2\xc4\x82\x82&amp;\xa3\x1f\xd9\xe2\xf2\xca\xa4\xc5v\x97t\xf7\xfc\xf2C\x04\x05I`\xf0\xfb]1g\xc0\xe3\xb6\xc9\xdb\xd4Mju(\xf9\x94\x94\xd7\x9bL\xbcjQ\x1b\x1bNb\xd0F\xf0\xbe)\x12\xd9\x82=\x96\xbb\x1c\x9f|F"\x11W\xac\xa34{\xe5x\x83\xc1\x0fo\x19\x0c\x9eL\xb4\xa9[,\xf5=O\xdf&gt;\xbd*\x8b\xf7\xed[\xaf\xc5b\xf1\xa9\xdb\x1c\x13\x9d6\xb7\xc7\x15\xe1#[q\x8e\xf4\x91\xa1\xf9\x8cRT,0&lt;O]\x0e;\x83\xdf\x1c\x84\xde\xc5\x1cjuK\x8b\xc5\xb2^\xbf\xbe\x8eD\x8b\x8b\xf0m\xdd\xe2\xf5\x02V2iy\xdfr\xb7\xd2\xd1`\x0b\x9a#D0\xfc\x95X*-rrI\x14\x05\x0c+\x92\xed\xfe`\xac\xb3\xfb\x97\xb6:\xe8^\x93\x0f\x00,^\x8b\xf7\x92\xea\xad\x05\xa5\xf2&amp;\xa0ZZ\x16\xfe\xa8\xab\x9ep{L\x11\x08\x91\xad\xe2pH\xef\x8b;\xae\xc1Zp\xcc\x11\x0b\xac\xee\x06\xaaAc]?\x98\xca\x97\xb4$\x13\xa1\x84\x05\xf4B,/\xe8\x84H\t\x1fT\xd3ZiY\x83C\xee\x04\xf7G\xb6\x0c\xc4\\\xa9)\x91\xcf\xe1n\xeer\xefD*\x14\xcbXW\x07T--\xa1\xd0\xfc\xfc|(I\xec\x05\xb6J\x84B&gt;\xdf|\x93oa\xc1\xb7VSZZ\xe9\xa8\xaa:q\x07\\\xf68\x85\x0b\x8f \xeeI\x84\xc9\x93B\xb1\xc0\xeev\x825h4\x02W\xbf\xda7_\xacP\xd2\x8bT\xded\x081!\xc4\x16\x16\xee\xde\xbd[[V\xadkP\xe9\xe4\xee\x989\x8e\xb9E\xd3\xe2Nk\x82\x05\xd6\xa2\rq3q\x96\xb1\xb2\xb2\r\xc0\xd4E\xa6\xbdPh/\t^O&amp;\xe1\x0e\x9fB\xf3&gt;\xdfZi)`\xa9T\xaa\x7f\x01\x97+\x1eG,&amp;\xa7\x10yNg\xc9\x1f?\x0cq;`M8\x8c\x95m\x83mF\xb5/\x91\x08\xed\x01\x11\xe4\x82\xb7\xc8\x05\x17\x14-\xf9\xfe\xfd\x82\xba\xac\xba\x1a\xb1T*\x9d\xdb\x15\xd9\xa2\xb1\xb2\xbb"c\xa50x\x8a\xe1\xd09\xd1\x00b\r\x1a\xfb}\xe0\xf5\xb7\xe0\xaa\xc5\xfaz\xe8 $\x96\x17\x1f\x16\x17{z\xea\xff\xf1\xfb\xfb\x85?\xaa+\x8bT\xbaf\xc0"\x1bbjW\xcc&amp;J$\xfbi\xdc\xe5\x18\xc3\x16b9T\x95\r\x84j\xbd\xe3u\xcf\x93\xf6\xb11\xe4*F\xc4\x18&lt;\xb5\xbf{\xf7\xe4\xc9\xeb\xdf\xff\xb9\xa0.%j\xe9\xaa\xdc\xc3&amp;{\x1c\x97mA\xd4\x84\x90\x12,\x86*b\xc9\x1d*UCe\x9d:a\xe9x&gt;;\xfb\xee\xdd\xd2R{\xfb\xcfc=\xed\xed\x8b@\xb5\xbd\xb4==:\x1d}7\xfb\xbc\xeb\xb7\xdb\x8d\xf7\xabU:T+`"r\xd1\xdc\xa9D\\,\x01\xe7!X\xcb\x1ct\xcb\x1d\r\xaaJ\xa3\xbae\xbd\xe3\xd7\xe8htttzzz{{ii{\xa9}\xac}\t\x1eF?~\x1c\x8dF\xc3\x0f\'\x7f{V[\xad\xd3\xe9\xab\x1ei\x02\xb0\xb6\xc6\xe1\x17c\xcf\xc5\xfc\xbc\x08#Q \xd3\x10\xb6\xab\xa0\xad\xa2JWi\xac\xf3\xfd\xd8\xf1\xebl4\x8a\x0c\x1fG\t\x1b\xd2M\xc3\xedG\xac\xffD\xc3\xda\xc9\xaeg\xf7U:\xfd\xa3\x8a\n\x8f\x0b\xa2\xcb 6\x96D\x92\xe1edF\xdb]1[\x85\xdcQYW\xdax\xbb\xfc\xc5\xf8\xe6Y\x18\xe4B\xac\xd1\xe9/\xdf\x80+\x1a&gt;;;\xd3Nn\x8e?\xb8\xdf\xaa\xd7W\xac\xae\x04Lf\xec"u!\xe6_I$\xca\x0cO\xc4\xf2C\x9a\x96\x94\xc8\'\x1cUz\xbd~\xc3j\xd5\xac.\xbf\xd0FA3\xa2\x17\xc1\x9a\x0e\x87\xc3\x93\xe3\xc7\x1b\x1b\x1f&gt;\x1d\x1f//\xcf\xe9W\xf5\xab\xab\x1a\x0f\x9a\x9ea\xb8\x82\xf2\x96\xd8\x96\x07\xb1`\xf4\xb8K4r[I\x89fe\x00je\xa0Y\xdf\xfbbd(\nP\xdbQ\xf4\xd5\xf4\xec\x90vsy\xc3\xbas0|\xb0c\x9d\xd98\x9c\xb1\xae\x1e\xaejV\x02f&lt;\x8b\\AT\xcbCn\x11\xb1\xcc1\x1b 5\xc3^\xbcr0\x1c\x00\xac\x15\xa7F\xbf|{dh\x1b|\x85\x15\xdd\x06\xaa\xe3\x0f\xd6\x81a\xd30\x14\x90YW\xac\x873\x9a\x12\x0fn\xd1\xd0D\xb1\xd5\x92\xe1g\xc1\xa0\x1b\xa8\x9cN\xdc\xd8\x9dN\xcd\xaa^\xbf*\x97\xb7\xbel\xbc32\x0bHK\xdbQ\xa0\x1a\xe9\xea[n\xb5\x12%\xf1k\x00\xb9f4\x9a\x95a4\x17\x95S\x88z\x12\xa1\x89dS\x06\xacf\xa7\xbb\xd9-\x9f\xeb\xeb\x9a\x9c|\xfc\xb8\xab\xbc\xa6\xb4\xac\xf4\xbb\x8e\xa1%\xc4\x9a\x8e\xde\x1by|\xbbwy\xae\xf5e_\xdf\xf8\xf8\xf8\x8b\xbe\xe5\xd5\x92\x95\x95\x95\x99\x19M\xb3\xc7\x1c10\xdc\xa9\xa8\x01\x81M$\xc7\x10\xb0\xe0\xa3\x8d\xad\xaa\xf6o#C\xb3a0{X{\xa7\xfcA\xd3\xab\x8e1\xc8\xd4\xf6\xed\xd9\x91\x1f\xca\x1b{{\xfb\xba\x1e\x82|\xe1\xf0=mW\xef\xdc#\x8d\xd5:3c=0E\xe2\x0c\x9f\x177N!\xb7 \xe1\x03N\xe8a\x89\xdbVU\xb9\xf6\xe3\xf3{\xe1h8\xfcP\xab\xd5n\x9675\xbdZ\xef\x19\xeb\xe9\xf9\xf9\xf5\x0fw\x1e4\x02\xd5\x10P!\xf3\xd0\x9b\xdb\xb5/\xf5\xab\x87 \xd7\x00b\t\x19\xd1S&gt;n7\x05\x9am%\x15U\x9d\xdd\x0e\xe3\xf7\xda{\xf7\xce&amp;7?\x7f\xfe\xdc\xbb\xdc\xd7XS\xda\x14J\xd6\xc3d|\xff\xfd\x83\xc6\xfbe\xcf\x1e?~\xa3}H\xb4|\xf8\xf7\x07/[[7\x0e\x0fgV\x86\x11\xebH"\xf6L\x8c\x9b\x11K\xf3\xa8\xba\xac\xa1\xe1\xbb7\xda\x17\xc7\x9f\x0ew\x0eR;\x87\x15r\x1dL\xc8\xf9=\xd8!,\x89\x85\x9aZ\x95\xae\xac\xb6\x17x?\xff\xfb\xec\x0c#\xac\xf7\xfe\xcb9\xc8\x89\x1d\xc4JOI\xc5\x0e\x08\xc0\xf2\xd8J4\xad55\xa55w\x9e\xe9\xad\xc3\x91\x14/d\x85sk\xc06\x08\xfb\xc4\x1elY\xc9\xc4\x1a\xec\xc9\x8fl\xee\xc3\x9dl*\x95;\xfct\xbc9\xb9\xd9\xd7\xdb\xd7\xf7\x81\xa8\xb5\x05\x8b\x8d\xb8\xffq8\x95e\xfcf\x17`\xad\xce\xd5\xd4\xd4\x94\x97y\xccv\xbb?\xb2\x159\x18\xf8Tqr\xf2K[[?\xec\x83{!\xdfZ]\x9d\xf1$8p\x9eN\x0b\xffe\xd5|\x7f\xd2\xc8\xf38\xde\\L\xc8=#\xb9G\x10\x06bC\x11a\xd6\x10Of\x0c#\xe7`\xd4p\xb2\x8a\x1bJ&amp;\x84\x06\\!\n\xadn-\xb1\x0c\xbbHkS\xac\xc1\xe28\xc4\xb6&gt;\xb8A\xf7JKl\'\x92\xdd)5&gt;i\xc8\x1a\x7f\x04,Y\x93\x8d\x10\xe3\x99\xb4f\xed\xa6\x0f\xbbi|\xbc\x9f\xd1\xdb\xbb\x7f`&gt;\xcf\xc0o\x98W&gt;\xbf\xdf\xdf\xf1o_\x7f\xff\xe8\x9b\xc7\x16(G\x1f4}\xd1[O\xff*\xed\x1ax\t$\x06l\x80#w\x06U\xbd\x9a\x0e\xa4u\xf4\xc6\x08\xccFU\xb3J\x9c\x8e\x1a3\xd2J\x96.\xb08\x0eC:p]\x8b\x05\xdag_w_\xf7\xd5\xefF\x06G\'&amp;&amp;&gt;\xad\xcf&lt;\x06\x85\xfd\x0fi\x97f\xc0\xfa\xfd\x02\xab\xd9\xa2A0M\xfb\xa0\xd7\xd4\xd5\xa5nj\xb2[\x05\x0e\xd3\xe0\xb83&lt;\x7f\x81\xa5/\x90\xa3!s\x01\x95C\x05\x0e\x80\xea\xb9y\x7fi(\x12\x9a\x82&lt;|\xdc\xdd\xfd\xe8/\x1f\xa4\xbd\x10\xfc\x13\xabG\xdb\x0b\xe9M\x0e\x0f;\x91\xfeI\xbb\xd5mU\xeb1\x04\x83\xb5&gt;\x1c\x9e\x17\xb1\xf4\x05\xae`4\xe1HAi\x1d\x1f\xbf\xd5f@u\no\x02\x1c\xfap}\xf99`A7\x95X\xec\xff\xf6\xfdS\xa8D\x95Vkl\xd5\x1b;\xf5\xf2\xfe.F\xadV3\x1c*\xef\xc0\x9c\xe1\xf0\x05\xd6\xcb0V\xe0\xf4H\xab\xaf\xa3\xc0\x19\xac\xb7\x92mJX\x9b;\x11%\x8a/_`\xfd*-\x96\xec\xca\xaf\xb0\x98\xf6\xddQ5k;1\xa3Qi\xb7;&amp;\xed`Vk\x9bZ\x1f\x0e\xff\x0f\x8b#E\xae.y\xaa\xc9\xa0V\x0b\x93\xf6\xb6&amp;\xd8\x9c5\xad\x1d\x1d\x8b\xeb_vw_\x85\xb6%-\x96\xec\xf5\xd7\xe7XZ-\xa8\x9e\xfe~\xde\x91%\x88\x05\xfa\x81;;)\xaa\xeas\xacYh\x11\xb1\x02\x88G.\xc6\xa4\xacI\xf7\xad\x07\xf0g;\x95l\xea@\x10\xdb\xe8\xbbW\xb0q\xfd\xb8&amp;k\x90r$^\x92\xad\xfd(b5+Z:\x8d\xfa~\x9e\xca\xa676\xd2D\xda!\xaa\xfb|\xec\xc2[ \x14\xf3h\x01\xc38\x86\xe7\x1d,E?\x08\x04\x02\x0f(\xca\xda\x84B\x7f]\\\x86\xa1\xf8\xc3\xb4\x84X\xb2\x86\xcb/.\xaf\xfd\xd0\xd7\xd7w]\xec\xe8H\x97\x9a"\xc0W\xc0u{\xf5\xe5\xaa#\xeb\x10\xbd\xa5\x9f\x7f\xb9\xb1\xb1\x9ag\x18\xae\xa0\x8f\xf1\x82Cp\xc0\x91`\xc0\xe3\xf1\'\x93)\x1b`\xad?\x7f\xf4\xf4\xc3\xf4\xc7\xa35\x89\xeeOeW\xd6N\xd6\xf7\x8e\xfes\xb5o\xa4\xa7\xb7EgB\x94V:\x18\x8c/\x00\x17\xe8U\x82\xc8\xe6g/\xbc\x05\x9fg9\x14-\x14\x00\x8be\x1d\xe9t\x1a\x86\xb7g\xdc\xff\xc55\xb9\x885\xd3=\xf2\xee\xf3\xa0w\xfdH\x12.Y\xc3\xf4\x96\xb7X\xdc\x19\\\x1a\x19i\xeem\xd7iP\x83\x95\x0e\xb8\x82\x1b\xa2\x81\x80\x0e\xb2\x8e|\xbdD\x86g7\xe2\xf1\xf8[\xae\x00\xd9\xc5\xd8Y\x96\x00*`\x0ez\xe6\xfe\xee\x07e\x06X\xafn\xde\x18\x8a:\xabC\x8b\xd3\x92`]9\xaaU\xa2\xa5R9\xbat\xbfY\xdbb2+\r\x14\x1d$D&amp;\xd1\x82\xb4;\xab/\x97\xea\xb3D\x0e$\x8fG\xe0\xea\xf5:\'\x17\xc40\x03\x19\xc1\xd2~\xc0\xba\x96\xb2\x01V\xcfp\x01-T+\xb5\x8fRT\xa3\xec\xf2\xfb\xe2YY\xbc\xcf\xf2\xdei\xd6\xb6\x9bP\xb5\xc1\n\x0f]X\x88\x9fc\x11nw\x7f\xbd&gt;\xcf;\x88{\xa0\x18=\xbb\xbbB&gt;V(\'\xe4\xe0\xc6\xe0v\x9a\xd8\xa6\xa8\xe4\xdd\xbb\xe0.\xc0\xfa\xd2\x84\xa2X\xa9X\x96$\x8a\r/\xee\x16+\xa5\x92\x93\xd4;\x97T\xbd\x038\xaa4\xd8Yb\x01"\x16_\x88\x07\x17\xe8,;?\x7f\x9b\xa0\xf2\x8e`.\xe7by\xc1\xef\xa1y\xb2\x86\x06\xfc\x018\x10\xa4ij7)b\x8d\x02\x16n+\x94J\xc5\x92DX+\xc5\xe2q\x89\xb1!\xd8\x8d\x9e\xde\x01\x04E\x05\x96 @\xd6\xbb\\qXH\t\x96\x9fM\x07)T\x1fc\x03\x01\x96\xe1p\x1fp1\xe8.\xed\xf7\xc0\x16\r\x07h\xca\nA\xf4\x85\xd6gT&amp;3S*\x1d\x03\x96\x14Q\x9c\x9e\x02\xac\xe3y\x8eD\xbc=\xda\x01Mk\x81a\x83\x81\x9cx#\x92q\xc5\t\x87\x83\xe7\x83\xc2\x8d\x91%\x0c\xba\x15\xc7\r\xdd\xbf?\xc8\xfb\x85]\x8a\xa5=\x19\xf1P @\xef^\xbb\xc0\xd2v\x96Ke\xc0:\x95\xe4\xd5\xcft\xa8X\x01\xae\xe3\xb2Qq\x03\x16\x08\xb3&gt;O\x04\xe39\x90\xaa\xf0\xd0x\xda\xc1\xf2&lt;\xe5\xbc\xbfTe8\x92,\x08Lug\t\xb3\x1e\xee&amp;Y*\x90\xc9\x89g\x02\x9ed*\x95\xf2\xd9\x00\x0bw\xc2\xaf\x14\xcb\x12a\xf9\x8ag\x95\xe3\xe3\xb0&gt;\xa1\xe8Q\xf5\x1a\x11\x94\xcf\x063\xa2\xaa\xbf\x97\x03o\xb1\xac\xc03\xcehl;H1\x9c@\xfb)\x81\xacs\x8c5I\xfd\x89\xe5\x81\xafR&gt;\xc8\xad\x99\x9dh\x8a;\xaeI\x89U,\xc5\xd4d\xc5\xab\xea\xe9\xd5!\\\xfe6\xe1:\x7f\xa2K\xcc\x1c\x8a\x15\xe6\xeb\x0c\x1b\xc8@\xbc\xc4\x9e\xbe\xcb\xd4\xb9]*IC\xca\x03W.7GS\x82\\\xc4z\xb5S)1h\xb9(U\x10W\x8ag\xc7\x02\x1b.V\x14\xaa\x1em\xbbF\x9fw\x88X\xb9\x8c+\x08\xdd\x81\x86\xf6\xe4`\x1d\xd4\xb8g\xce\xe3\xf2\x04\x02\xc0%\x08\x14E\xf9\xfdtp!\x9e\xc9\xe4&lt;\x01\xc0\x02\x95\xb6&lt;\xd3[&lt;\x0e\'Wj\x12y\xeb\xc5\xfb\xda\x19\xc9\xcc\x97\x8a\xc5aEO3`\xc5V\x17\\\x19\xc8+\xc2aw\x8b=\x93\xe5\xf3\x02\x05s\x19J/\x1e\xa0S)\x9ea\xa1[\xd1v*\x18w\xe52\x1e\x9a\xe5\x19\x9bmqyF\x17-\xd7\xe7ScQi\x1a\xc4\x95\xd3Z\x85&lt;.\x97\x8f\x9d\xa4\x88e\xc4b\xab\x84X\xfbT,f\xcff\xb3\x8eU\xd8\x05\rn\x18\x93\xd0\xa8 \xa8)\xb9\x0f\x95\xa7\xa0\xe7&amp;\x93n\x02\xdc\x05X\xfd\xa8m4\xb2&lt;\xf3\x90\x84Y\x116\x1a%\xe9\xf2\x97\x1a&gt;F*cP\x8c\xe5\x02\x99\xe8i\x86\xc5&amp;&lt;\x9b\x8eC\xb2w\xe9\rv\xfb\xe4d\xac\x0bEP\xb5\x1b\xaa\x13\xba\xd4\x02A\xb5\xc9}6\xdc\x8c\xa3\x8dm\xb7\xbe2d\x03"\x96\xd2\x8c\xe3\x11\xcb\x8c\xae^.\x16\xcb\xd5Qifb\xc3\x8bO\x95Z\xed\xec\xac\x16&amp;\xdb{T-\x9dN\x0c\xb0\xe2A\x1eklkTv\xe9\x11s+\xc7\xd8\xb3i\xe2|\nn\xa4YAT\xd6\x0fu\xb8\xbcie\xaa\x0b\xfcJ\xdbQ\x04\x8f\x98,\xaf4%(\xe9Z\xe2\x934\x97\xe0\xb2\x86\xd3Z1Z9\xabD[\xf1fU\xcb\xb0\x93\x8c\xdd\x8e\xbb(M\xa8\xb1\x11\xf6N\xf1\xcdO\xdeq\xbe~\x9d\xdb6\xb1\r\x1d\x03E4\x9aQ\xd0\x87!f\xc1\x15\xb0\xa3f\x10\xd6\x96W-5\xf1G\x12\xfb\xd2\xa8\x9f\x06\xd9\xc7\x96J-Z\xa9T\xbc\x1a\xc0\x1a\x03\xa9\xca\xbb2\xe8\xc0T(\xd4\x01T\xb1\xd8\xec\xec[\xb0m\xd1\xde\xf2\x87\x02{x\xc80\x0cj6\x8f\x86\xa6\xa6l\xd9\x8c\x87Eq\x8d\xe9\xa1eF\x85\xe1CF\x9d\xe2T\x9a=P&amp;\xbb\xbcU)bN#2f\xd4\x8aAtbzW@3:\x15\x1amUv\x812\x84U\xe6\xe0\x00\xb8\xde\xbe=\x14\xed\xe0\xe0\xa0p\x80\xa26[(4\xb1\xe2S\xbb&lt;\x14\xaa\xd1h\x00k\xe6\xda\x04nJX&gt;J\xa42 \x8aC\xb51#\xaa\xc4H-\xa4&lt;\xe9\xc4\xd8g\x01\xa4q%\x84\x9b\x11\xb2Z\x8b\xd6j\xb5\xb2Hva\x85j\xb5\x9a\x00\xabF"\xa1\x95\x95)\xa5\xcb\xe5\xee\x00\x81\x0bA\x8c\xc8}\xa6DbkZ\xa2u^&amp;\x9b^\x8c\x0e\r#\x98\xd3\xd9\xde\xac\x18#I,\xfbl\x0e\xbd\xf6U\x87fhG|\xb3\xef\xb5X\x16\xb7\xb6N\xde\xef\x83\x9d\x9c\x9c\xec\xef\xed\xed\xfdKu\xfd\xce\xcd\xa5v|B\xc4\xb2\xdap\x1c\x82\xb8\x1c\xd1\x98\x86\x13-\xfbR\tkYC\xc3\xa9\xc2\xebM\x88\xef\xeb\xb4\nHy\x92\xbf\xf7\xad\xfa\xd6\x17\x86\xc9\xc4\xc8w\xdf|\xfe|\xf2\xe6\xf4\xcd\xeb\xd7\x9b\x9b\xff\\\xdb\x04\xfb\xe9\xa77o\xde\xfc\xf2\xdb\x87\x7f_U\xd8Z\xdb\xee\xda\x9f\xb9\xdaD,\x9de\xd9\xa4kI\xb4|\x96\xee*\t\xd6\xf9=\x15\xec\xe1\xe1\x18\xda\xab\x1dv\x1a\x8d]s\xdf\xba\xa9q7\xd5\xaf\xe8~\xbe\xb7\xbf\x7f\xba\x0f\\\x9b\x9bk`\x9b\xaf\x8f\x8e~\xd9\x07\x87}\xbe\xbe\xd3a\xb0\x8e\xfb\xe9g\xe3)\x91j\xc0\xf2.\xc5u&amp;\xdeIy\xef&amp;r\r\x87\xf3\xfc\xa4\x885Fvb\xee\'s\xee\x07n\xbb]\xad\xf3\x0e\xb6W\xab\xf5\x83\xc3\xc3\x9fw\xcf\xed\xf0\xa0^.W\xab\xb5\x9d\x04\x9a2\xd0s\xe3sO\xfc\xbeH\xc4\xf4p`y=%\x14\x16\x8f$\xfdw\x16\xd9\x95\xe9}3\xa7\xd7l\x9d,C\x87\xe8\xecT&gt;{2\x0e\xa2\xd9\xaeVb\x90\xe1%\xb1\x10\xffo\x87u1\xedq_\xca@\xcdy\x9e&lt;\xb9k\xfb/V\xc4\xb6u\xf4\x07-g\x1b\x9bT\x9a\xc5q;\xe2\x92M\xd6H\x1a\xda\r\x0c/-\xb9@)\x05\xc9-\x94\x1b\x02\x83\xb0\x85\xd0\x16\x90\xae\x82%V0\xd4J\xd3J_H#\x9b\x8dH\xe3PBib\xa2Xe\x86\xb4n\xdc\xed\x07\xb3U7cFb\xdb4\xadU\xc7\xa4\xbbc\xeb\xc6\xa4\x8eIc\xc6\x9dD\xeb\xd6\x9a\x8c&amp;\xb3\xa9\xc6=\xe7^\';_v\xe3\xac\xe5$\xb4\xf0\xa5\xfc\xf2?\xff\xe7&lt;/=\xcf\xdd\xec\xe6\x1f\x96\xe4\xe9\xe2\xb7\xdf\r\\z\xa4\x0e\x99\x95\x14\x199\x9bIE\x00\xcbe\xbd\xfc\xb7\xcb\xf7\x1f\xdc\xba{\xf7\xee-\xfc\x01\xf1\xc7\xbb\x0f\xee_\xbe\xac\xe3\x1b9C\xfb@\xac\xd3\xadz\x1a\xeb\xd1\xc3\x87\x0f\x07\xa4\x9b\xde\x88\x877\x1aX[..\xa8\x81\xcb,vd\xceF\xdab\x8e~\x97\x8b\x7f\xf9\xfe\xc9\x07\x7f}\x87D\x07\xd4\xae\x93\x1c\xceI\x1a\xebOg3C\x805\xec6\xbc\x1c\xa0\xff\xc0\xa6\x07\x9eD\xb0$\x8b\x84:\x04zYS W\xcc\xd4\xdf\x0f`\xae?\x7f\xf1\xc5\xad[\xb1[L\xd0\x0e\x83U2Pi\x93m\x8c\xb5\xb2\x80\xb5 a\x17\xado\x9e-]\xcc\xd3r\t\x1d\x91L\xca\xebmB\xac~\x07\xec\xa21`\xa5\xbao\xdfW_\x99\x92\xa6\xd6!\x0eG4\x94L\x063\xb5Z\x0bh\xe56\x8c-\xb2XE\xeb\xd4eK\x16\x15\xbcx\x1c\xe4\xe2{\xfd\x80\x05\x0b\x9b\xfe~\x87\xd7k29\xb4\xdaV\x08\x93\xc9\x94T\x05\x93\xdaj\x91H\xa4U%\x83\xb5\xc9@\x18\xa42\x18\xc6\x1e\x16\x91\x8auqA!\xe0\xf1\xe2fe\x95#eB,GS\xd3\xa87\x05\xd1\xd7\xdcz&gt;\x91H\x06#\x11\x7f$\xa6\xad\x860\xa9\x92*\xd5\x90%\x8aT\xf6\xb1K\xec\xa2b\t\x00\x8b\x17R\n\xf9Z\x07h\xe4\xa0\xb1\x0e\xb5\xed\xc9\xf8#}\xc9`0\x939\x85\xefL\x8ej9\xaeO\x93\xad\x01=-V~\xe1\xe2\x96\xa2\x05,&amp;\xbe\x15\x08l\x02&lt;|\x13r\xe8\xc5)@yc\xa9=\xa7Ne2~\xdc\xfa\xf8\xfd\x99L$\x859\xd5jM\xa6\xc4P8*\xa3\xec\x06\x83s\xb1\x88\xbd\xe9\x8cZ6\x81\x07\xcf\xe3I\xbe\xa8\xdf%\xea\xa7S\x18\x81\xed\x85\xdf\xbf\xa7\xed\x10\x92e2)\x87\xc3\xd4\xac\x95k\x13\xbd \x16`\xd9\x07\x01kKQ\xb1&lt;\x1e\x9b\xcd\x83r\xc9\x84|\xb0\xbb\x03\xd4B\xb06\x04:\xd5v(\x16\x84H\x82\xf3a4\xb6\x9e\xbf\x99\x85e\xa9\x9dP8\x9d\x0b\xc5\xc6\xe2\xd9F\x90\x8b\xa7\xd6\x90\xfcj\x13b5\x8d\x8ezc\xc0\x05\xdb\x9c\xb6T,\x06[Z/b\xf5\xf6vd\xc7\xa06\xd0X\x8f.\x16\x15\xeb\xa5\x87\x87\\\xe8{JC\x8a@\xadQ\xefh\xd3h,\xd5\x16\t\xfa\xfdm\xfe`,\x98J&amp;\xf7\x99\xb4\x80\x15\xc8\x8e\xe5a\x10\xe6\x81J16PLo\r\xbc\xf4\x1c&lt;\xca\x1bi\xb7\t\x04\x84\xc2\xad\xe7Wk\x1dZ\x14\xac/\xe5\xcfD\xfc~\xa8\x0e\x90C(\\\xa6\xa1\xa1c\xb0\xc1\xcf\x8f\xe5\xf3y\xa7s\\A\\\xfd\xb2\x98uk\xe0\x91\xe7\xe0\x91\x90\xad\x13\xf4R(\xf2n\r\xa7\x12*\x81\xc3\xe4\rF2\xb5\x88T{\xfat\xe67\x89\xa4*\xd1z\xecf6\x8bP\x83@\xe5$\x14\x83\x0fY\xc5\x9b{X\x97\xaeac \xaf\xa7sd\xc4\xa6P\xd8\xed\xd9\x0e\x8e\x88#oV\xd5f2PHA\xa9\xcc\xe9ZU"\x91\xe8\xed\x05\xac\xb1A\x8c\xf1\xf1\x11\x01A\x0c~W&lt;\xac-\xacKc\x88\x15\xf2\xf4tv\x8e8A/C8\xdc\xc1\xa9\xecMD\x82P\xd2\x83*U_2\x918\x7f&gt;q\xbe7p\x13OK\xc7A\xaa\xceN\x1b\xc1#\x88EV\x11/\xaf&lt;e\xb0\x0e\xb6\xf7\x80`6\xb0\xb2\xdb\r`\x1d\x01\x9c\x11\xb50G\x9b\x86\x02\xd8h\x80Z]\x1b\x03\xa1\xc6\xc7\xaf\\\x01*\x1e/\xbfP\xc4\xbbQl\x06\xebH|\x7f{Ow7\n\x967d\xdd\xd1p\xd8\xc8\xa9\xac\xac\x94\xc3T\xc8\t\x84\xb3\xc0y\xf3\xda\xd5\xab\x83N\x84\x02*u\x9cG(\x16\x8ay5\n\xb0\xf6\x03\xd6\xd1\x83\xd8O\xdd\x8d\x99t\x0e\x0e\xe6\xddn@\xeb\x08\x04\x02F\xa3%\x9cug\xc1\xec\xc84\x8e\x8d6#\x84\x1a\xb0x\x82\x97\x17\x8b\xa9V\x1e\xd4B\xb9x\xc8U_\xdf\x8d\r@\xe3\xe02\x18\x96P\xd1\xdd\xc3\xb0h\xcf\xe7\x7f\x14\xaa\x1b\xa8\x14v\x8a\xc6\xba6P\xbc\x0bH4\x16f\xf1H(N\xeb\x05`\xdd\xf0\xf5tw\x12(\x871&gt;\xd2y\xe5\n\xcdT\x0fT\x02;EQ\x80\xc5\xbb\xfa\x94]\xb4\x0bH\xef\xb0\xc0\xf4\xa1\x10O\x00\xbeG\xb0zd\xeb~\xf7\xeb\xdd\xbb\xfa3\xf8\x11\xa9\x0c\xd8\xb3\x08j\r\xfe\xbd\xa1X\xa6g\xb3h,Z.3\xea\x85`\xc7\x0f76\xeeml&lt;\xd3\xc8\xc4\x19\x88\xbdg\xf6\xa2\x8a0V\t\xb7L\xc3`)\xfe\xf2\xc3|\xae(\xb5\x8b\xcd\x92\xfeC\xc1\xa8\xb5{\xb7RF\x11\xa0\x17MV\x0f8{\x7f\x12\x8d\xf5\xc71\xab6\x85\xdd\x1d\xd5 V\x1c\xb0\xae\xbcY_\x9d.\xc2M2\xa0\x9a\xf9\x97m?m\xae\xdd\xbb\xea423\x85\xedI6\xec\xe5\x02\xd1 &gt;\x85WO\x0f\xa0\xc2\x0c\xa0\x10\x08\x14\xc4p4\x1a\x15\xcb\xcc\x0c\xd6Go\xd6\xaf\xcfl&gt;\x17K:\xbd\xb2\x86XGi\xac:\xa1X\xa3\x16\xc0\x1a\x9a \x08:M&lt;X\\\xd8\xed\x94\xccM1\xab\x19\xa8i\x1a\xbd^,\xd6\xc8B\x80%\x18\xbf\xf0\xcb7\xe9\xeb\xd3\xacMn\x02g\xfb\nK\xe9\xb5.&amp;\x89\xbbv\xd5a+5E(xj\x8ar\x8bI\x9dN\x07U5l\x0c\xeb,\x1d\x16\x8b\xde\x8dXvJ#\xd6\x8b\xf5 \xab\x1a\xb0\x9c\xdd\x9f\xfcb\xadtvZ\xb2\x89W\xef`p\xbfX\xfd\xbe,\xfd\x8a\xee\x96\x07k\xed\xaa\xab"\x85:\r\xa8\x04\x0bU1\xc9\xe7@\x99\xd7\xca\x8f\xc9\xe5P\xec\xe5\x1c\xcb\xb0]\xa1 \xec2\xb1\x1e\xe4\xd2h\x00\x8b\xa7pv\x1e\xfe\xe4M\x9a;\xfbx\x1a\x1f;\xb0YG\\/\x9e\xa5\xcb*\xd6_uy\xf63\xd6\xaa\xaa\xb2\n\x85\xa4,\xaeV\x9b\xc5B\x92_Y\xadm\xee\xeb\xeb\xc3W_k%\x83E\xc9\xc4B\x1d`)\xcdj;O`\xeb\xeci\xfch}\x8a;u}\xfe\xc5&amp;\t\x06\xb6z;\x95.+\x03\xac\xdb4V]]\x95\xd5j%Ie(\xae\x86/7\x1a+\xe5\x0e/\x10\xd1;F-G\x87I$\xa8a\xbdNG\x9b\x8bR\x13\x88\xf5\xe9\x1f\xd6\xb6q\xb9\xa5\xdf\xbc}"\xfd\xf0\x07\x1f\xb0\xd9\xac\xdc\xdc\xb3\x8d\xf4O\xd5\xaa\x13VU\x91Vk\x95X\xa6\xc6\xcd\x99\x91\xc3\x91kM\xcd\xcd&amp;\xa0\n\xaaZ\x8dQ\x03\xace\xd0Z:\x9d\x90n\x9b\xa7h\xb5\xce\xfd~\xed\xd7%\xdc\x92\xb2\x96\xb7\xf3\r9)\xeb\x83R\xc9fK\'\x96\xff\xb9\xd1\x02bU\xfcG-\x86\xca*4\xabC2%&amp;\x91\xc6\xf2\xa6"\x91T\x9f\xdc\x18\xb5\xc3\xf0Dk\xe9\x84\x88%\x93\x81\xe7\xa1\x90\x9c\xbb\xb0\xb6\xad\xa4\x84[\xc6=\xb1\xf1\xc3\xea\x8c\xefC\x8e\xe0`\xcbZX~\xbd\xb2\xf3s\xc4J\xbf:\xd7\xe5\xa1\xbdU\x85I\xb4\x92U\xcaP\xc8,\xd6\xd5\xf09\xd5\xb0_mn\xee\x83%j\xa27\xecF,J\xa3\x17\xd2X2&amp;\x89\xed\xed]\x17\xd6\x11\xab|\xeaD\xcb\xd2\xfc|\xe1\x86\x84\xb5\xe5\xff\xcb%$\xd0W(\xdc\xf0\xcd\xb6\xfc\x88u\xfb\xf6~\xc6\xf2V&gt;\x1f\xf4R\x9a\xcd\x90\xc4\x1a\x0e\xa8\xa5\x85\xed\x06`\xa9\x12\xc7\xc2\x06;pQ\x90B:\x892\x8a\xc1\xeaj\xbf\xb0\xbe\xb5\xa4\xa4\xa4|\xea\xde\xbd\xc79\xa9\xef\xc6\x1c\x80\xfd\xfc\t\x9c~\x16Ea\xf9K\t+7\xdb\xf2[\xf4V\xc5\xdaq0W\x9c\x19\x89|\x97\x0b\xcc\xa5D,!X\x9e\x8e\xd6\xe6d2\x11\x88b3\xbaA&amp;&amp;-\x16\x0b\xa9\xc7\x91Hc\xd9\xda\xdf\xa4K\x18\xb5\xee=\x9b\x9en\x90\xe4n\xcc\xcda\x19c\xffL\xa5$\xd3\xcb\xcb\x97$\x13\xcf\x97gw\xb6\x94\x01V\xf9z7$\x91\xc1\xb2\xfe\xce\xe5\x12Y\x85\x1a\xb3\x19\x86b\rGT]-\x12A\xf5\x92\x0f\x05\xc2\xb8\x93F\xc3\x0b-F#bQ\x88%\xb0\t\x8e\x83\xe3\x01\xab\x94{\xe2\xde\xc6\xca\xca\xec\xe3\'\r\xb9\xb9\x02x\xec\xbdgp|\x8e\x8847\xb7\xfc\xfayN2\xb3T\x9e\x9e:\xd0R\x8eXe0\x14y!3\x83\x05\\.\xab\x0e\xb8\xc4$\xd4\xd3j\\1\x1b-\xf8o\'7e\xb7\xdb\xa1:XjjjH!S @.\xc1\xe1\xf5\x12\xeev\x1a\xeb\xc4\x8e\xefWV&amp;\xbf\x99\x9d\x9f\xf0\x15\x9e\x17&amp;\xde\xaf\xf2\xd3P\r3\xcb\xab\xcf\'\xa4\x92\'+\xe5\xa5\xe9\x8a\x9d;\xb1nU\x94\xae\xf5x\xe2!3^\xc5\xc0;Q\x10\xfc\xb0F)\xd6\x91F\xbe\x08\xc42Z\x84\x1a\x99\x1b\xa8\x0c\x14\x15\xb5\x18\xf9F+\t\xe6R*e\xa0\x1e!\xe8zU\xb1\x83[\xb2\x95[\xfa\xf9\xd7\x9fm\x14n\xcc\x15\xee,M\xce&gt;ixO0\x84\x92L\xcf//\x17\x06X\xd2\x89;\x93\xe5\x93+\xaf\x97Z\x0e\xec\xa0\xb1\xca^!\x96R\xc9$\x11\x8ftktb\x18\x8aF&gt;\xcc?FF\x1b\x98\xa9\r\xeeaK\r\x9f\x0f\x9f\x85\xf4X\x04\xf5\xecD\xcf\xda\xf6\x1d\\n\xc9\xf6\xd2\x96\xaf?~\xd6\x90\xcb\xe5|\x13\x85\xd5\xc9g3\x12\x04\x9b\xcb\xa1\xf7\xd9\xff\xd3\xe73wV\xef@\xce\xa5\r\xf3\xb3S\x15+\xcf\xe7|3\x1b\x07Z\xca \xca\xb7\xae\xdb\xa0~\xd2XV\x17\x1eQ\xba\xac07\x92$\t5\x82oD.\xbdx\x18BO\x93\xd6\x90\xa4N/\xd4\xeb5\x06\xca`\xb0w\xa7\x7f\xb5\x03\x92\xb8u\xdb\xbd\x13\x1f?~23\xe1\xcb\xf9\x1a&amp;\nK\x93\x8f\xa7%\xe0\xb1\xc2\x9cO\xfa\xdf\xb0\xfeM\xc7\xf9\x846\x8e\x9ea\xdcB\x88\x82\x90&gt;Y\xc2\x96\xdc\x98f\x94|L\x03\xd9M\x85\x92\xe9A\x909d|P\r\x9d\x85\xe8`t\x88\xa6\xd0\xcb\xeee!S\xef1\x100\x14Rz\xcb\\l\xb74\xa7E,\xf8\xd0R\xda`;\x04\'\x99\x83\xa10\xe0\x9cB\x0e\xa1\x99\\B&amp;\x1b\xb2d!\x7f\xba\x0c}\xdeO\xc9tJ\xe9\x1b\xfcg\x9c(\xfa\xf9y\x9e\xef}?90\xf4irs\xef\xec\xecb\xab\xf9\xf8\x9b\xad\xbd\xc1azu\xb0S\xabV;\x83zb\x13\x97\xe2\xfc\xe5g?\xfd\xe4\xd1\xa3G\xb3\xcf\xc6\x9e\x8f\x13\xd7\xb3?\xce\xce\xce#Dcc\xf3y$|\x96\x96\x1f\x1a\xc3\xec\x03\x16\x8a\xe2\xf6\xd9g?\xfeV\xd2TC/(F\xa3\x91\xf4z\xdd\xc1\xc9^\xa7Y\xbd\xec\\\x1cu\x016Y\xdb\xf9\x1b\x1a\xc6\x8f\xfe\xcf\xda\xab\x02j\xb369Y\xdd&gt;\xe9\x1e\xca\xf6h\x13P\xb5f\xf5$(\x1bB.\xfd\xea\x97\x9f`\x8d\xfd\x84\xb0\xbe\x02\xd78\xe4\x82TcX\x8a\xb8T\x9c\xc8\xe7\xc7\xc0\x07.zi\xecS4\x88\x9f/,|N\x1f\xcd\xff\xfe\xeb5M3\x0c\xa6;q\xa3\x11\xbb)\x97B\x8a|\xf5\xb2\xbas\xd0\xed\x9el\xe3\x9c\xb5Nm\xf2\x7f\xda\x18\xad\xbd\xad\xe1\xd9\xc1fs\xb2\xb65\x1c\x1cr\xde;\xba\xd8\x05Tmk\xef\xac\xeb{B.W\t\xcf\x7f\x8d\xa12\xfb\xe9\xb31\x12kz\x9cl|\x06*t\x88\x89\tt\x89\xfc\x18\x92\xbf\xb0\x8019\x9e\xa7\xbfv.|\x81\xfa\xfc\xd5\xab?|\xcb4MeL\xd7\xf7\x1b\xad\xb6\xc4\xd0X\x0bz\x7f\xb0w\t\xb0\xed\xb3^\xf7\xdd\xdeV\xb599)\xfe\xbb\xa0\x8f#\x85\x86pqp\xb139yy\xfa\xae\x1b\xf2~ot\xb1\xdb\xecTk;\xc3#\xdb-\xf2(i\x93\\.\xb3\xbeF\xfb\xa6@c\xedM\x7f5Nr=\x03#\xc0P\x13\x13h^\xf3(zJi[\xc0e\xed\n\xc0^\xfd\xd9\xf6\xa1\x16+H\x11&lt;\xe4\x08\xbf\x8c\xa9]\xe0|p\xda\xb9\xacV\x91\xfd\xc3\xee\xbb\xe1\xe9\x16\xf4\xfa\xf0\xd7\x0e\x91\xf3\xdd\xcd\xcd\xed&amp;\t6\x90 \xd4\xe8`\x1b\xceW\xab\x80JSK\xb1\\\x16$\x16q9\xc6\xd5_\x91\x9fy\xb2\r\x05.\x0c!\xc1\xf8\\`M\xc3\xc8&lt;.\xfe\xa7\xe9\xc9\xfc\xfc\x0b\xfaP\x02\\\xbf\xbd\xf2\xdb$\x16\x0b=x\xc8\r\xb4\n\x94,\xcb\xfc\xf0\xdd\xe9V\xb5\xd6\xd9\x1e\x8e\xba\x87\xc6\xbf\x06{[\xcd\xc7\x1f\xb0&amp;;\xbb\xbbp\xb7\x03\xa1x\xda\x1b\r1\x07k\xc8\xd4\xd6\xb0\xeb8\x8a\xe28\x96+\xc5\xfb\x11\xa9\xe5\xca\xfa\xf9o\xe6\xbf\x00\xd6\xc44\xc6\r\xce&gt;&gt;6\xf6&lt;\xd3N\xd8\x08\x9a\x89&lt;}\x8b\xa2\xf6beB|T\xf2\xa7s\x1fb\xa9*\xd3\x8d\xfdF"\xc9\x06\xb8\xd0,dE\x91\x91\xb1wh\xabX\x95\xdb{\'\xa3\x01D;\xadfX\x18\x9bX\xadx\xb5\xdb\xeb\x1d\x9d]\xect\x04\x13A\xf59\x8e\x04\x96c\xa5\xcc\xf7\xe4\xa2\x8b\xd4K\xfdk8\x93\x17X\xbfx\x02\xb0\xbc\xe0\xca\xe7E\xe8a\xe3\x84\x00\x9e\x9a\xfa\xdd\xd4\xf2\xc4\xf2\n\xbe\x96\xff~\x8e`Q\xe0\x99\x1e7Z\xaaU (]\x97\x14\x07X\x92\xae#\xfc\x97M2\xa7\x03\xd5\xba\x87\x83\xecB\xab\x89X\x9f\x0c\xb0hG\x07\x9b\xbbU\xb1\xf6\x9a\x9d\xd3\x93n_&amp;(E\x80\xa5\xa1\x9f\xc4\xaeX\x8d\x92\x05\xae\xfc\x0b\x9c\xfc\xc9Sl\x1c\xa6\xe0\xa3\x90\x8br\x95\xa7]}~\x8a6\x14O\xa6\x96\xa6\x96E\xfd\xf3&lt;\x04\x95j\x18*\xd3 \x16~\x85"A+I\x86\x15\xb2,\xe9\xe8\xb1\x87\x83\xe1)\xa9Q\xad^n\x1fti\x9b\xfe\xf8q\r\xde\x91s;\xd5f\xd6\x0f\xc0\x8c\xa5(S)\x0f`i\xa8y\xba\x8b\xf4\x17]\x1dz\xad\x08\xb5\xb0\xf9{\n\xc1&amp;\xa6\xd1\x19h\xfc\x10\xd5\xf4\x84\xd8\xe6\x88?\x02\x91T\x1bD\xa5\xc2A*$\xabMQp\x15\x8a\x96\x95\xa9\x85\xa7z\x88~q\xb2\xb7\xbduI\x81\xce\x81\xaaz:\xe8\x1da\xd4|#d$\x8b\xdf\xc1&lt;\x9e%\xf2\x03\x96\x92r-\xf0xJ\\\xb6q\x15\x808\x00\x00\x06&gt;IDAT\xce\xaf_\xe3\xe4\xcbK\xd8\xfa-\n\xc5\xa6(by\xba\x02\x9a\x9e\x16;U\xd4\xc6\xc62\x05\xeb^+\x94\xc1\xb4V#\xf1\x03M+X\xae\xed\xc8\x8ae\xd1\x06L\x14L\xe5\\?\xec\x0e\x86 \xcba\xfa\x8d\x8eF\xc3\x9d\x1aU\xb5\xb3\x83\xd4\x1d*\\\x16\x1a\xff\x17\x96\x1c\x86\x1a~\xa1e\t\xbd$\xf9\xfc\xf5\xd4\xf2\xd4\xd2S\xba\xd4\x01\xc1\xd4\xd2\xd2\xf4\xf8\x18i\x85L\x89\x17W\x17W\x97\x80\xb5\xb1\xfc\xfe\x8a\xb5E\xac\x18\xc0\xe2F\xa2y\xadF+\x89\x99\xed\xda\x99X\x92,\xf4"\xb2\x82n\xb0\xb0;\xdc\xce\x9d\x8cF\xc3m\xe4\ts\xf3tx6"\x99\xe4\xc2\xfd\x0f\xfd\x87\xcb\xb2\xb5\xb8\x1e\xa8\x81\xe7\x85\x0e\xb7a\x81\xcd\xd9\xcd\xfb\xe5%\xec\xfbf2\xae\xa5\xc5%J9\xd9\xb7\xf8r\xe6\xe5\xcc\x0c^\xda@\xad\\_\xa9\x94vf\x90\\HV\xc1\x8d[\xa8\xb2\x17\xc9\xae\r\xc5\x00%\xcb\x02\xe9\xa1\x0c\xd6\xcd\xa1=Q\x9a:\xa7\x07\xdd\x1e\x16\\\x96\'QB-\n=\x04*r?\xf0Ju5n\xc5&lt;\xe4N\n.G\xef]\xaf,m,\xceP\xbd\x9c\x11\xae!O\x8bOAU\x99\xa9TfV\x97\xc0\xf5\xfa\xdaV\xc9@CP\xa9Q\xa3m\xbb\xa1i\x9a~\\.\'\x9a\n\xcd\x14\x89\x8b\xc6Z(dj`\xe7S\xd0s\xc8\x12\x05|\xd4\x83\xa0p\n\xd5\xcf\xf8\xe5\xec\x86\x17Y;j\x07\x81\xcfB\xab\xe8\x06e&amp;\xeb2\xb7l\xdbVX\xff\xf6\xbbE`\xfd\x8a \xa8\x88\xec%\x84\xaa\xcc\x11\xd5*\xb4\xfa\xfe\xdcB\xd63$\xe0\xb1(\x82B\xb6o\x06\x8e\x13\x95\xcb\x9e\x11\xc7\xb6\xeb\xdc\'F\x14\x9a\x069\x9a\xa38\x8dz)5\xcd,B\xa2\xfa\xf7P2\x97\x8d\xb8T&amp;\xcd\r\xc7^[[K\x93H\xc6\xa1\xdc\xb1\xed\xd4\x91\xc2\x9b\xbbUP|Y\xc9\xb8\xc4=\x94\x9a\xfbr\x8e\xb0V7\xde\x9fsM\xf4+\xf2\x91:\x84l\xdb\xd0\x9e\x9b\xa6\xca\xa3V\xb9\x1c\xc7^\x01\x91\xb0\xc4\xd92\xac\xec.\xb7yp\xe4\xa6\x8eb}\x0c\xa5p\x9e\xe9\xc4C-\x08\x023i5\xde\xec\x17"\xcf)\xae\xad\x85\x1e\xb2\xab\xcb2\xfa\xab\xe5Hj\xff\xf6m\xa527\x07y*\xe4\x9c\xb8e\xff\x9e\x99Y\xbe\xbe\n\xc9\xc0\xec\x86\x16\xa1)V\x9f\xb0R\xbf\x94$x\xabTI$\xb9\x8e\xcf(\xfb\xa4\x14\t\xa7\xebz\xce\x12\x13\xcfr2\xb9\xc0\xc3\xef\xe3\xc5C\xe6\x07u\xb3\x1e\xf8\xbe_O\xf6\x1b\xf1~\x8c\x0bu7UU\x1d\xbb\x00\x9dZ\xa1\xe3\xc8\x8c\xdf\xdc\xcd\x10EFFL$\xd6\\\xe5\xb8\xf2\xddu\x91i\x19N\xa6\x96\x1arC\x02\x96e;^\xb9\x0c\xaa\x12\xca4\xbd Nb\xc5\xb5\xd0a\xb3\x91\x84[\x0e}\xd2r,\xeb\xdeCN\\\x0e\x1a\x04\xd3\xa2:\x8e0\xcd\xbaQP}?\x08\x92\xc8h\xb7\xdbx/\x8e\x13\x92^P\x8cs\xc5\xe1:\xeb\xfd\xf0\x16\x18Ph\xeex\x8e\xa0\xb2\xe7\x95\xef\xcfmf\xdc\x0b\x05,Uc)\x8b4C\xb6\x88\xcb\x08J\xa0B\xf45\xe6\x9b%\xcf\x8b\xdb\x05\x05\x19q\x15\x83\xaa`\xe4\xfab\x10[\xf7\xd9"\xffx\xa8F\x91\x97\xd0a\x9eY\x97\x8a\xb6O\x821\xd7\xee\x17\x8cvD\xf1\x90\x19\x15$\x87\xa4a\xc8\xc2\xa3\xbb\xe3u\xd4\xdc\x03\xd1\xdc\xfa\xfa\xcc\xfb+\xc7\xd0\xb2\xa0\x8b^\x8a\x16\xd1\x8e"f\xe8\x84%G,JH)3\xb4\x9d\xc8,\xb7\x1a\xfb\x89a#"E\x0b-\x15r\xe5\x1eF^\xf6\xc0\x85u\xe6~$Q"qX\x90ZQ\x1dF2\\&amp;\x16m\xab\x10\xc5Q[\nC=\xe3\x82\x97\xc4\xa5\xf6o\xee\x08\x8b\xc0\xe86\xb7\xfe\xf6\xb6\xc8U\xed#,\x83\xa9&amp;L\x8b!2\xb0\x14/\x0e\xcc\xcc\x8cH,\xa9F\xab\x14\xa8&gt;T\x93\x90\x12\xdfWs\x0f\x13\x0f_x\x17\xcc\x832A\xdd\xb7\xec\x88\xac\xa7\xe3\xe8\xf8z\xe0\xaeQ\xd9J\xa1\xdd\x8e&lt;S\xd3C\x110\x1d\x8f c\x069yL`\xeb\x04V\xb9\xbbI\xe5B\xd6?i\xe4\x18p\xd17E\xc2c!\x97\x82\x8c\x98f\xac\x1b&amp;\xb2\x9f$\xe02q\xdez\xe3M\xcbW\x11\x18\xb3\xf4\x80\xa5X\xdc\x8f,K\xdao\x10\x98\xaf\x18u\x88\x9c\x887\x84;\x0f\xfbx\xc2\xc2\xd4\xb11\x19\xb5\xc8g\x02\x8b\t.\xca\x9a\x1a\xf6~\xf8\xc71i\xb5^!\xa9\xc4\xa4\xc9\xc4Ri\x91\xd4\xcb\xf7\x15\x17(4\x08\x82W\nl;\xa2\xd4\x83\xcb\xac\xb345\x1a-H\x16\xd4K\xad7\xb9\xcc=\xcbaq)6,\x05\xdb\xffr\x9d\x04\xf3\xe8\xc7\x01DdI\x84\xe6".\xf6\xdd4T\xfd0U\xbd:\x93\x18\x88\x18\xddIx\xc0,\xe3\xbd\xdb\xbb\xb7\x95\xe3\xbb\xdb\xab\x14\xfa\xa1WA.\xa1\x98\xc1S\x8a\x84\xe8\x08\xa5RdX\xb4\xc6l-\xf1\xda\xb2\xc0*\x95\xcd\xba\x9f\x16\xad\xa8l\xd2\x99\x93\xd6\x1b`\x11\x97#\xab\x82$j\xa3C5J\xf5\x00\x9d\xa1d\x12V\xbd\x8e\x05ibza\xdc\x144M\x0f@\xaa\x19^\xb9\xa4\xd2"\x14.\x86zV\xa4\xd8\xcd\xed\r\xc8\xa1\xde\xfd\xb0A\xa4\xd4\xd0\x91\xff]s\xd9\xe3:\x0c\x02AX\x11Jc\x81\x11V\x02H4\x96|\x00\xe4\x92\x13\xbc\xde\x15\x8dO\xe1\x1b\xe4\x16\x8f\x0b\xe46.|\xa2\xcc,\t\xddJ\x96\xf9\xbc?3\xebG\xfd\xaaT\x8a)\x96&gt;\x8c\xbe\xa1\xd5\x1c\xa0\x8e\x9a(CC\x96J\x16\x07\x84\x9e\xad\xe9\x91Y\xba\xc3\xed\x1c\x8a\xf3\x95\x18\x8d\x85\x9a\xe2\xc8\xa5=\xcf\xdd\xac\xad9\xd4\x16)\x8c\xd9b\x0c\x05F2\xc6\t\xb0&amp;\xbc\xe1\xbd\x80"\xcc\xcfq \x94\xf8\x9c\xad+g!\x06\xb8(^\xcan\x12\xc5\x03/F\xe5\x12\xba\x1e\xed\xe3\x12\xa8\x04k\xba\xef\xffBRp_:_W5\xd3\xfc\x0c\xa0\xcc\xf9@\xdeXB\x1a\x84-\x92:\xc7\xc1\xae\x18c\x13\x16\xce\xa3T\xd1\x98%\xcc\xf8\xf93=S\xdf\xfd\nn\xf3V\xba\xb5\x8e\x95\xed\x88\xdb\x85\x0b\xd9\xda\xb2f\xa3 \xd4\xf3s\x0e\xb6\x82`\x18\xd6H*\x16q\xf2h\xa8k\xdb\x0b6\xda\xadQ3o\xc1\xc3\x94\x1dzJ\xdd\xd7|(n\x93^\xe9\xbc\xbb\xdf\xc1sXU\xac\n\xd0\n\x9a\xc5m\xe1\xf6D\xff\x18)\xd5\xba\xab\xc2\xf8\xb7,\x14\xe1f[$\xd7\xa1\x8b`\xc5l\xbc\xb7\x94\x06905\xd9W\xb9\x90Oz?\xafz}\x00SwOw\xaf\xb2\xb32\x00\x00\x00\x00IEND\xaeB`\x82'</t>
        </is>
      </c>
      <c r="M104" s="3" t="n">
        <v>45492.67797453704</v>
      </c>
    </row>
    <row r="105">
      <c r="A105" t="n">
        <v>270287</v>
      </c>
      <c r="B105" t="n">
        <v>49202</v>
      </c>
      <c r="C105" t="inlineStr">
        <is>
          <t>Deyverson</t>
        </is>
      </c>
      <c r="D105" t="inlineStr">
        <is>
          <t>Deyverson</t>
        </is>
      </c>
      <c r="E105" t="inlineStr">
        <is>
          <t>CA</t>
        </is>
      </c>
      <c r="F105" t="inlineStr">
        <is>
          <t>ATA</t>
        </is>
      </c>
      <c r="G105" t="inlineStr">
        <is>
          <t>CA</t>
        </is>
      </c>
      <c r="H105" t="n">
        <v>185</v>
      </c>
      <c r="I105" t="n">
        <v>16</v>
      </c>
      <c r="J105" s="2" t="n">
        <v>33365</v>
      </c>
      <c r="K105" t="inlineStr">
        <is>
          <t>Left</t>
        </is>
      </c>
      <c r="L10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c11a8bd-f6d3-43d9-88b4-9ea3c66b27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5@\'N\x00\x00\x00&gt;tEXtComment\x00xr:d:DAEewil2SDw:3197,j:2859061571337059036,t:23090301\x03\xa6\xfc\x13\x00\x00\x00\tpHYs\x00\x00\x0e\xc4\x00\x00\x0e\xc4\x01\x95+\x0e\x1b\x00\x00\x03\x00PLTE\xff\xff\xff\xfd\xeb8\xff\xf4A\xff\xf5E\xfa\xe75\xfe\xec8\xfe\xee?\xff\xff\xfe\xff\xee;\xfe\xec=\x1b\x8dZ\xb7\x85T\xfd\xeeD\x1d\x8aX\xb9\x88U\xa0lA\x9cj?\x1a\x86U\xa6tG\xff\xf2&gt;\x8c[3\xb3\x83U\x81T2\x9bcB\xc4\x93f\xb2\x7fP\xaf\x80U\xb7\x87Z\xfd\xe48sM&lt;\xfe\xf2D\x90YC\xfe\xebC\x98f;\x1a\x7fP\xfd\xe98\xa3pC\xb4\x82P\xcd\x98m\xb2\x83^}Q&gt;\xa2hH\xd1\x9cr\xfe\xe7=\xac|L\xbb\x8aa\xba\x8aY\xb7\x82P!\x90[\xa9xL\xd4\xa0v\x92^9\x87Y5\xb7\x81Z\xb3\x7fL\x9ff@\x84S=\xfd\xfd\xfc\xa4mH\x1bxJ}P3\x8cX&lt;\x9akG\xca\x95g\xaa|S\xb0zL\x8f_&gt;\x96`&gt;\xfc\xf3L\xae~O\x94d&lt;\xaaqN\xa0pK\xbb\x85\\vK0\xc3\x8ee\xacwH\xfe\xf6L\x85W.oG0\xbc\x8d[\xb1|Z\xf9\xebI\x94gD\xb5}U\x86S4\xafxS\x8f_6\xb6\x88c\x95\\C\x88UC\xbd\x8ed\x9cdH\xfb\xe9A\xf9\xf9\xf8\x89`I\xa9tU\xfd\xefJ\xf6\xecP\xcb\x9br\x1f\x84T\xa5uN\xf9\xe5&lt;zO+\xc5\x98k\x97`G\xd2\xa1~\xa9pF\x7fZI\xd2\xa5\x87\xf0\xe6N\xa5lA\xf7\xe13\x85\\?\xbe\x91k\x1bmDgE:\xc6\x92nvSE\xe8\xdfL\xc4\xba\xaeh@*!\x96`\xa5lO\xd0\xca\xc3\xf2\xe2D\xc2\x8f_\xe6\xe3\xe0\xed\xec\xe8\x93gO\xf3\xf2\xf1\xcc\x9c{\xc0\x88\\\x9f~s\xbd\x87j\xacyZ\xb2\xa3@\xdc\xae\x8f\xc5\x96u\x9bkS\xda\xd1\xcb\x85hX\xa2pT\xaf\xa2\x94\xc3\xb2\x9f\xa8\x99\x8b\xdf\xd8\xd2\xe3\xd7X\xf3\xebD\xfc\xe10\xae\x8ez\xb7\xab\x9f\xcd\xbf\xb0H2$\xa5\x96=\xcb\xc5\xb8\xbd\x9d\x85\x16a=\xfb\xf5V\xf6\xed]3zMZ?4\xb8\xa5\x96\xd9\xa7\x80W7$\xc8\xb6A\xbc\xaeF\xd4\xc7Y\xe6\xd8E\xa9\x82Y\xdb\xbb\xa8\xcd\xaa\x94\xc6\xd9Yp`X\xde\xd1B\x9esbN\x9bV\xd6\xc8J2("\xd5\xddM8\x8aR~uEiPE\xcc\xbcQ\xbf\xac3?k?\xa1yT\xbc\xb2\xaa\xa6\x85i:7/\xa0\x8e\x80\xee\xd94\xdf\xc2\xaf\x91wj\xb7\x90l\xd8\xc69`J1\xe1\xb7\x99\xb3\x9f/#\x16\x12\xcc\xc1D\xea\xe2Z7\x96\\\x98\x8a?\x93xR\xfb\xfa\xe7\xb5\xc9X\xc7\xd0G\xd9\xe3[\xc1\x89z\xe9\xedY\\\x8c7\xb7\xc8E\xb4\xa6R\xa2\x98S\x82wo\x18W7}\xabQ[tK\xc4\xb5U\xd2\xb4\xa2\xa6\xc1R\x91\xb4N\x8d{,j\xa0I\x8c\x8b\x86\xb3wh\xa0\x8d\'B\x8bB\x8a\x86Y\xdf\xe0\xdd\xf5\xeas^\x9cp\xd0\xbb1\xf2\xef\xb0\xa5\xb09\xaa\xc9\xb2oh@\xf6\xf5\xcetf%\xeb\xc8\xafpt_\xbd\xb7_INEZ^N*L-\xf7\xef\x97\xcc\xdd\xd5\xe0\xe4t\x7f\xaes\x8b\xa4:\xc5\xd0t\x83\xb5\x9d\xa6\xc9|\xb9\xb1p\xd8\xcfurw-)\x00\x00 \x00IDATx\xda\xdc\x98\xcdk"\xe9\x1a\xc5\xb3\xab\xc5\xc0\xe4\x12\xa6\xa3\xb1)\xa4\xa1GK\xb9v\x88\xddvT\x12K\r\x1d?*\\\xafh\xd7U#\x96 aZ-i\xd2\xa8(-\x89_IPc\xabYX\t\xbaQ\xb3ID\x84,\\D[\xda\x90\x90Mo\xee*\x9blf\x93\xf5\xc0\xfc\x03\xf7y\x9d\xb9\xff\xc1T\xba\x99G\\\x98M\xfd8\xe7\xbc\xcf{*33\x7f\xeb\xc1`\xbe;$\r\x8c\x0f\xbe\xdf\r\x1a\x06P\xbe\xf4\xee\xc3\xd1a\xea\xe8\xe8!\x9d\xf5}\x17h\x98&amp;\x9bN5\x12\xc7\xc7\x1c\xc7%\x12\xc3D\xa3\x91:J\x03\xda76/\xfb\x90J\x0c+\xb5j\xbbV\xa9T\x13\x95Z\xad\x9dH\xa4\x8ev\xd3\xdfR3M\xf6\x08\x94\x1ar\x95vm\xccU\x01\xa9\xcaU\x80l\x988N\x1d~+0L\xe3\x03\xa5\x1a` W\x19\xd7\xaa\x89v\x8d\xabV\xdb\xedJ\xad\xc2q\xc3D"q\x94\xfd\x16Vb\x9at*\x95:n\x1c\x1f\x03\x02d\xab\ns\\\xa9\x1eW\xb9Z\xa56\x1e\x8fk\\\xe3(\xfd\xf8\\S\xff\x00\x07\x01}9\xae\xde\x1f\xdf\x03W\xb3Y\xaf7\xeb#$\x1a\xcc0\x91\xd6&lt;\xb2VY\x80\xaaV\xb9j\xbb\xd9l^5\x9b\xddn\xb7\xda\xed6\xbbM\xc5\xd5\xbeTz\xd5\xac7\xdb\\\x85K\xa4\x1e|\x8f\x9a\xf5t\n\x12U\x1f\xd5G\x9f`\x0e\\\xc5H\xb7{\x7f~~\xdf\x8d\xec\xabTv\xda\xe4?8\x18\x8d\x80\xac\x01\xd1\x7f\xc4\xe4\xa7S\x89v\xbd\xcf0A\xf1j\xf0\xd3\xa7Q\xb3{\x7f\x7f\x7f\xfe\xe5\xfc\xfc\xbc\x1b)\xeeKi\x93\xd6\xf4QV\xea\xd7\x9bU\xd8\x16\xe9\xc7J&gt;88l\xf7Kb\xa3X\xec\x16\xf8]\xffEB\x9d\x03\x16\x0cpE\x8a.:l2\xc9\xbc^oi\xd4\xac6R\xbb\xbeG\xe1\xc2|\x87\xdc\xb8\x9f\xf1x\xc4n\xaf\xcc/\xfd\x90\xeb\xde#\xa0)\xd5\x14K\xe8\xa4i\x93L\xe6u\x8b\x99~\xbd\x9dh\xec&gt;J\xf0\xb1\xdd\xca\x1e\xc3 *\x81\xcc$\xb5\x7f(6\x91Z\xe7\x88\xec\xfc\xfe&gt;\x12\x12\xe6-*\'p\t\xdc\xa0f\xa6?\x1e\xa6\x1e\x85\xcb\x97\xd8+\x13\xc4\x94JkW\xb9\xf6s\x91H\xf7\x06\x19ysS(DBE*o\x01.\xbbI\x80\xb8\xc4L\xa9\r\xf9\xe2\xff\x10j\x8eje\x96\x05\xb1\x04Z\x93\xc9\xa9\xdaW\xe4c\x91H\xa4\xd0-\x14\n\xe0 X8\xc5R\xd9\x0f&gt;N\xb1\xc4L\x9d\x1b\xa6\xb2|\xc7\x0bK\x0f\',K\xa8=n\xefG\xd3\x86\xc1\x89\x10b9\x98\x08@\x85r1\x8a\xca\xe7\x11\x97\xdd~\xf0\t\xd2%\xf60\xa5q;q\xc83\x17\xe6k\x80X\x04\xa1\x16\x07e\xb2p\x18\xb8T\xc0E\x91T,W\x00\xac@\x8cR\xc0o\x95\xd3\xe9\xb4\x1f\xf8?\x06\xc5n\x0f\x91\xd9k\xb7\x1bG\xfc\x1eG\xcd\x03\xb7\xc7\xe2\x10-H\x96,l\n\xd3\xc0\xa0\xb2P\xc2X,\xd0\tuB\x90,\x85b\xd3\xa2\xa2\x81\n\xb0\xbcA\xb7X\xad\xde\xabT\xf8=\x8e\x18\x96N\xd4&amp;q\x1c\x07\xb1\x04\x028\x88&amp;\x83\xd3i\xc9+(!)\x94\x84:\x80\x95+\xc66\x15y\x8b\x9d\xa6\xed\xb4\x1fvW0\xe8!\xfa5h\x15\r&gt;m\xf4\xa5\xb8q\x19\xc7\t\xf5\xea\x9a@\xb0,3\x01\x94\xca\x99\xa7\x84B\x8a\x92\x03\x13\xe2\x020J\xa1\xa2i\xbf\xe9#\xa8\x05r\x11\xfdz\xbd\xc6q\x87\xfcm{lwX\x99\xc4\xa3\x7f`-/\xcb\xc2\x06\x0bdI\x11\x0bH$\xa4D\xa9T\x86BJe \x00\\(\xf1~\xc0r\xbb\x83b"3\xaa\xd7*\xed!o5\x07\x03\xb1*\x13|\x8ae\\\x9b\xaae\x89\x15\xd11\xcc\x01\x98\\)\x070\xb9\x1c~\xc46aC\xf8Q\xb6\x82A\xb1\x9a\x19\xd5\xeb\xe3q%\xc5[\xba\xd2\xc3\xca\xf8O\xb5^\xaeye&amp;\xfb~\x11\x16\x03l\xacPH.\x01\xc5\x10\x17\xf21\xb6iy\xaa\x02\x1beA7d\xdeS\x1a\xd5\'\xb5\x1a\xc7S\xba0\xcdCe&lt;.C\xe2\xad\x80%\xf0\x9ah\xd8X\x91B\x04v{D\tj\xc1\x80\x91\x9dHHNR\x16H\xfd\x92I+@G\xd1\x93\xe9\x8f&amp;{\x93\xda._=\xf9\xb0v\xb7W\x06\x13qb\xd5(\xd0\xd2*K,\x10\n\x01V!"\xff\xd3DP\xab\xa3\x94KHH\xbd\x93\xde\x92\xc1\xc5\xe8V\xab\xc5\xa5\xfe\xa4&lt;\xb9;\xc4\xf8Z\xa5\xe3\xbb\t\xc2\xb2\x11j\xa3WF;-TLB\xc5:\x85B\'\xa4\x0c\x01\r|\x00M\x0e\x8c$EY\xec&amp;-\xd4\x08\xf7*\xc8U*\x97\xcb\x93\x04?+\x15\xf3\r\xef\xcae\x16\xa9\xb5\x02XZ\xc3\xcf\x16J"\xa1(\x89\x12\xad\xac\x0eh\x04\x1fD&amp;\x0f\x04\x02\xef\xdeQ*(]p_\x03V0\xc3\xb0\xe5r%\xcb\x13\x16\xd7\xeb\xa1hA\xe4\xb7\x8d\x829\xc3\x82E(!I\x12\xc2\xae\x04.9\x89\x06y)\x0f 0\xa1\n\xda\x8dw\xcd-^]\x153,\xcb\xf6~\xe5\x0bk\xd8\xeb\xb1\xff\xc7\xd2-\xd1*E,\xf6.F\x91\xd3\xb0#\xe7H\x12\xae\xeaX1\x90\x0b\xe5\x02\xb9\xe2\xa6\x9d\x86\xcd\x85z\x84\xc7\xa3\x8e\xc7{wi\xde\xb0\x10\x94\x95 \xb6\x8d\xe6-\xbdH*u\xb9\\R\xbd}?\x80\x12\x0f\xdf@L!\xf5g2l\xb9?\xba\x82q\xb9\x0e\xa6j\x01\x96\x87\x88\xc7\xefvy\xc1\xd2h\x86\x83\x01\x8e\xc4"\x18\x87\xce\\\xca0x\x9ca\x19\x86\xf9$\xfd\x10\x90+C\x01XX\xd2K\x06\xbf&gt;99i\xb1e\xb6|u\x96)A\xe6\x91ZD|0\xe8\xf1\x83\x85i\x1a\x83A\x1c\xa0\x08\x86a\x898\x1em\xa1\xe7\xe3\x0c\xe1\xf0\xbbb\xe0b,\x10\xd8&lt;\xbbd\x08\xdc\x86_\xb7NZ\x83\xfe\xa8D\xe0\x1eh\x82n\xe0\xc2\xa3Q\x9e\xb0f4)\xa4\x16`\xb1\xd1V\xeb\xbau\x1d\xbd\xbeNZ\xe7\x1d\x0e\xc7\x96H!\x843)|GI\xcf\xcc\xebF\x87\xe3\xeb\xd7ry\xd4\x1c9\x08b\x05q\xc1J\xc5q\xfe\xb0\x0e\xff\xc0b\xf1\xd3\xd3\xd3h\x14g3\x8e\xf5\xf5\x97\xcf\xcc\xcf\xe7\xde8UB\x89pS(|*\x9a{n^\xd2\x8b\\W\xf0\xae}u\xa6w\x18\xe1\xb5M\xec\x01\xac\xe8\x807\xac#\x84\x15\'X\x9b-\x89g.G\xd2\xa7\xa2\xa5-\x9dq}\xf6\xf9\xdc\x86a\x87\x94\x08\x85\x9b/6\xfe\xb1\x05\x7f2\x9a\x9f\\\x15s\x1f\xa4"\x91Y\x16\x04\xbd\xd4j\x1eM\x9cy\xe8E\x07@\x05\xf9\xda\xd6]J]g[\xc6\x95y\xb5q~~}9\xfc\x83P\xae\x94\xec\xbcXx\xb6\xeeX\xb5\xda\x926\xe2\xeb\x99\xeb\xea\xa9HO\x9b\xbcb7tA&gt;\xb3\xb5;\xc5\x821:\xcc\x97\x97\x19\xfc\xb4\xd5J&amp;mx\xf2\x97\x9f\xde[\x02\x9d\x8e\xe4\xc5\xeb\xe5\xf9WVk\xb2ur{{2\x80\xdd\xa6\x17\x89\xdeh\x83\xde \xbf\x91O\xf7\xa2\xf18\xcbn\x1b\x1d:\xc7\xfc5&lt;\xfb\xf6s\x0bbv\x9a|\xfb&gt;\xdf)(\xc9\xc5\xf7\xffJ\xda\xacV\xa2?\xf9|\xf1\xfb\xed\xc5i\xd2j\x16-\xc1\xc5\x18\x14\x03V\xab\xc7S\x85\x98I\xf7Z@\xc5n;\x8c\xd6\xd3\x0bx\xf2\xef\xb7\xbd8,\t\xc0\n\xe7\x0b7r\xf25`%\xd1q`[\x17\x9fO\x90d6\x87~\xe9\xb9\xc0\xebFX&lt;m\xf9\x19M\xf6.\x1ag\x99\xed\xedW\xa7\x17\xb7\xb7\xad\xd6\xc5\xc5\xc5\xe9)\xa2\xb2\xbe\xdc\xa0n\x00k1\xfc\xf2\x17\x9b\xcd\nw\x93\x9a)g2D\xeb\xe4\xd4j\xd4\xcdB\xeb\xf2\x10\xd1\xe88\xcbO?\xc5|\xbf\x0e\x90\x87\xf3\xb6\x93\x8b\x93\xa4\x15g\x98m\x02\x0ee\xd2\xfa\xd3\xec"\xf9\x1b`\xfdh\x08\xff\xc7j\x83\x92\xb8\xa6\xd3_\x15]"\xb3\xce\xb1\xb2b\x14\x08\xc0E\xc0\xaa\xf9\xf8\xaa\xa7c$\xd6\n\xc4\x1cnE\x9d\xae\x94\xd9\xc6m6\xdb\xca\xcb\xd9\x8dE\xf9o7Jr\'\xbf\xf8O\xc1\n\xa8\x05]_\'\xd3-\x0bt\xfaK\xc7\x9av\x16\xb0\xd4\x80\x95\xf5\xf1\x01\x86a\x9aZ\x9ca\x1c\xb0\x15\x1c\xd3\t\x1a\xd5+\xd6\x15\xe3l\xd8\xf0:\xdfAX\xe4\xce\xbf-\x96\x05\xc1\xdbWo\x8d\xb0G\x8dk\xda\xb9\xad3\xbd9&lt;\x0b-\x02\xb0\x88\xbdf\x97\x87xa\x18\xc6Ab\xc0\x19\x9dy\xcbl\x86\xa5i|\xf5vUf\xda\xd80\xbc\xde\x99b\xed\x90d~\x87R\x88\xb4kk\xcbk\xcf\x042\xfa\xcd\x1b\xbd]\xaf}/p\x07\x99(.\xf6\xdb\xed_\xb0\xbf~\xc7\'\x86wP\x18\x80I\xaf_\x9a\x9b\xd59\x9e\xad\xaf\x0b\xb4Nza\xc1`\xd8)@\xb6v\xf2\xd0\xb8(RH\xe5\x17\xd1?\'\x14p\x19m\x8a\xf4\xa2\xa5\xe72w0\x83\xab\xb5v{\xb8\xfbW\xa7\x1e\xcb\xd6\xc5\xb6\x16`9\xb6\xf4O\xde,\x99\xb5\xdae\xed\xdc\x1c\xedTY~\xf8\xd9\xb0@\x16\x90Z\xf9\xfc\x0e\xaa\xcdP\x08\x85\x14\te\x10Z\xaa\xf0\x89\x88\x867 w\x90p\xd3\xff\xe3\xdd|~\xd3\xd6\xb28\xbe\xcc\xa2\xd2\xc3B`\x83\x11BH4\x8e\xab\xb8\x91\x03\x8e\x89e;\xc6Vm\xf3C \x048N@\x89%\x84(!\x15\x025Q#\xa2\xa6i\x13P\x02\x8f\x97\xc9"M\xd5\xae\xdan:\xa3Q\xa4\xb7\x98E\xdfS\xf5Z\xe9\xa9\xeb\xaef\xf3VY\xccz\xfe\x849\x97v\xfe\x03\xe0\x06%\x91\x88\x92\x8f\xbe\xe7\xf8\x9c\xf3\xbd\xf7\xc6\xa6\x16\xdfL&lt;\xbb\x9e\xddl\xb7\x1fC\xc6\x17L\x92\xf4Zf\x9e\xf4sI\x8e\x01+\xf1S"\x91\xac\x02\xd6\x19\xca\xf9\x134\xac"\x9b\x81&lt;\xe3\xf2\xbd\xea\xc32\x07V\xc3\x84\xe4\xaa0L\x9e\x9c\x82Z\xbf\x17\n\x0b\xbb\xed\xb6\\#\xbd\x81\x00\x03\xab\x8cvj\xc0I\x18E\xdf\xbd\xb3?\x81\xeb\xdd&lt;\xda~(\xae-\x8f\xbd\x19`\xc1l\x08\\\x96\xd0mH\x9b#\xf8\xc6\xf8\xc7\xa4\xd5Z}\xfe\xbbl\xb6\xf7\xdb\xdb\xd0\xe8\xbc\x01\x12\xf2\xc6\xf7po~\xdeg\x0b\x82\xc3\xad-\xbfC[\x94\xd0\x16\xe7\xf7,\xbe8\xf6e`&lt;\x90\xf3\xa8\xa6\x93\xc5Z\x17\xda\xcf\xc0\xb2\x0cm\xe2A\x84\xdcBX\xbb\xc7\xa6\xe3\rp\\\xdaWE9\xb4\x974\x08\x8b\xe2N\xd6\x10\xc2\xbbw\xcb`|\x9e\nFz\r\xd92\xb4Y\x02X\xbe$\xe9\xd0\xc8\xf2{}\xc5\xe8\xd5\x14\xd4R\xd5\xf6\xc2\xee\xf6\xa8\x96\x87&lt;g\xd6\x10\xd6|\xda\xe2\x05&amp;\tC B8\x03\x97?\xbf\xec\x13\x8c\x13d\x17\x97\x91\x1b\xaaV!\xdf,\xc3\x04\xac\x8a\xf5\xf0E\xedj\xf2j\x9dJj\x1c&amp;\xadAM\xf1\xfb\xfd0\x8d\x82"U\x9fU1\xca\x01\x7f"\xb9s\xb6sv\xe6\xcbX{U\x0e\xb9m\xf0\x89`jw\xee\xf9\x9e\x9e$9\xa3+H\x0b\xdb#\xd2\xb7\xd3y3y\xb5N\x1b\xfd\xc1\x18\x8b]t\x1bE\xf0\xf9\xc8?3#:\xc9\xc8u=\t\x94\xf3\x99(a4\x8d^\x8f;\xf1A\xda\xbd{\xf4hg\xefdi\xa9(\xd0\xdd\x90\xb8\x99\xa7\xecr\xf5\xaf)\xd4\xad~g\x04\x16l\xe0\xb0\x89\xa6\xc1\xa5\xf7\xaa\xcbP\x97\xd2\\\xa5b\x95\x0eR\x04\x94\xf7d\xcd\xa9\x10t\xbe\xd7Kr\'\xe9tz~\xe7\xd1\xce|ri%C\x03V&lt;dS\x82\x90\xbe\x9e\xf8\x10\xf1\xfc\x8dM\xc9\xc1\xe0\xf6q\xad\xe6nZ\x81\xf2y\x15m:\xa4\xbd\xb4\x04\x1d\xa8o\x18^.\xdf\xef\x0f\x06]\x87\xe2\x8aV\xf1\xa7$\x94\xd6\x17/\xd6N`\xaa\xe0+r(\xde\xb0\xfb\xa5Rr\xe2Xs[\x7f)ay!\x08\xce\xb5\x80\xb52\\\xa7Z\xdd\x83"\x01EI*\x89R7\x9f\xcf\xdbT\x7ft|&lt;\x82\xceg4\x05h\xdf\xc5\xe4^\xd5w\'\xd1l\xf2\x1a\x01\xd5\x94\xac\x1c\x94\x98\xc9\x07q\xebZ\xaeo\xb4\x91\xa1\xc6\xb0\x08\xebe|\x10\'\xa6h\x80\x87\x90p1Dw\x9d\xbceu\x01\xabO\xf5i\x02m\xad6WN|\'+\x99V\x8b\xd7\xe8\x8dx%Z*\xb1\x0f\xdfN\xfcI\xdc\xfa\xc3\x849k\x1f\xb0\\\xc0\x95\xf02\x81\xa5;\x16\xaf\xf1\xc6\xa8\xb1)Uh\x82v\x9c\xae3\x1a\x81Z\x8a\xc1G\xd1\xe2W\xeeC\x08[\xbc\x00s`\xbcQ\xc7\xd2&gt;\xe5\xed\xc4sk\xeb\x9a:xu\x10\xdc\xd6\x0bX\x18\xc3\x16\x03\xf7\x972\x91\xa8\xc7\xa3uG\x83\n,\x9a\xa6+\xb4\xd3\xef\xf7\xa9\xbce\xd0\xbc\xa6E5\xc9\x93Yj\xb6Z\xad.]\xd9\x887\x84\xf2C%z1\xf9\xd1\xf4\x9a2S\xef\x01K\xd7\xd7\xc3\x98\xdb\xef\xcf\xb4\xb4R]\xd2\xe8\x91\xd3\xed\xd2]t\xaeI;\x14\xac\xbcA\x13\x84\\\x91e9\x16M\xb4\xf8V\x93\x16P\x10\xfd\xbet\xbf\x7f8\xf91\xf0\xf5\xc0\xa6\xda\xc1vA\x0f\xaf\xaf\x87[\x19\x17\xaf\x95R\xa2\xa4U\xba\x82\t\xf1\xebv\x8dn\xff\xf6\xb6?B\xc2\x11\x04&amp;\xc3\xcf\xe9z\xb1\xc5g\x9a\x82\t\xcd\xc7\xf0\xfb\xd6\x02\x9d\xc9\x9f\xb1\xcc]n\x0f\xa0B\xecB\x0c\xa3\x1e\xad\xd9\xf4\xf0\xaa(\xe2h\x83\x9ehtG\xa3\xcaF\xa3;h4\xb6\xd1^V\xa9$\xa6Rb[\xf2\xb8\xfd&lt;\xeb\x87g\x11\xd4\xcaC!{\xfah\xf2\xc3&lt;\xd4\xd3\x91R\t.\x140L\xd7\xa3n\xb7T3\x0b1\xbc\x04\x08\xf1\x85\xcdMt\x1c;\xb8\xbazs\xfd\xf6\xe2\xc9/\x9f\xfe\xf9\xf5kN\x95KR \xc1[\xa4\x91q\xd3\xa1\x81\xed[[\xabNa\xb3yn\xf5\xc2q\xcc\xed`!\xe2\xc2t\x8f\x9b\x15\xcc\xb0\x9e{\xffx\xff\xe7\xd3O\x7f\xfb\xed\xed\xc5\xf5\xf5\xc5\xe1\xe5\xf0\xf5\xe5\xe1p\xf8\xe4\xd3\xab\xaf\x07\x85\x9a\xe01\xcb\x82PL\xb0\x8b\xac|st\xf4\xc7\xdf\xff;\x8dS\xfe\xb9\xb9\xa3/,+\x07\x0b&amp;`E]\xa4\xa2\xe8\xf5\xf7_\x7f\xfd\xf7\xcb\xeb\xc3\xd7\xc3\xe1\xf0\xf2rx\xf9\xech\x08X\xd7\xa7\xfb\xefS\xa6\xe2eY\x86\xe3\xd9\xa2\x9f$\r\x02&amp;\x87\xd5)\xdd\x9f\x9a[\xbd|\xf3\xe5\xeagUpc\xf0\x94)\x14Eb\xe2\xc1\xaf\xaf&gt;\xff\xf2\xe4\xe5\xeb\xd7\x97G\x97\x80v\xf8\xf2\xed\xa7\xcf\xc7\x0b\x0b\xa1\x1a\xc9x\xfd\x81\xb4[\xf0\x16\x17\xbdd\xadr\xb1:\xb5Kz\xf0\x8b\x9f?{&gt;\xbc\x91k2&amp;cf \xe0e\xf5X\xee\xfdApw\x7f\x7f\xff\xf3\xe9)\xbcNo`\x8d\x06#\x85d\x00\x8b)\xb6\xfcwa\x08\xb2\xcc\xca\xe14/i\x00\xd8\xea\xd6[\xe8\xd5\x18\x14zo\x00d(\xa8\xf1\xd4\xe6\xe0\xe6\x16\xd6\xb7\xef\xabw\xeb\xf4\xf3$\x15\x08\xf8\xef\xdeq\xbb\xef\xfaW\xe0I\x94\x07G\xd3&lt;\x13\x868\xcc\xad\x0e\x07\xb5\x1a\xa4\x97\x8b%IR1e\xb9\x11\xda\xe8\xde\xf6\x00\xe8\x16&gt;\xbf\xf8v\xeb\xe4)x\'\xc0=\xf0&amp;\\\x0fV2Pv\x05\xedf\xeaw\x93\xe6\xb6`\xa6\x8f\xb8\xc2\xc0\xa5\xf8\x1f(&amp;X\xecJ\xc3\x19S\x01W\xef\x96\xea1^\x05,\x1bWL\x08\xc2b"\x93\xc94\t\xe9j\xfa7\x0e\xe6\xaeUW$\x82\x85u\xd9t\xb3J\r\xac?tB(\xf34m8J\x9e*wlp\xd2\x16Y\xb4\xc0\xdf\nF\x13\xcd5\xa1\xdfV\xa7\x8fu4(\xb8\x00\xcb\xa3\x03\x9d\xc2\x9aD\xc1\xa4l\x1bZ\xe1\x07t\xa8a36\x95\xf7\x82Z\xa4\xc1\xf3\x02\xdbl\xb6h"t\xfc\x9f\xe9_g\x81j\xdf\x86J\x1f\xf6\xackr\xc4\xcd\xd6L\xc1\xac)\xd4\x8f\x05|\xb6\xdd\'\xbdv\xc0\xdf%\x08\xa1\x19\xe1y"*\xdd\xcc\xe0R\xd2\xdc\xea\x93\x05U\x0f\x87=1U\xc3P\x18a\x01\x08I\xe6\xf3\x80\xc5\xd8e\x86"9\xc6V*\x1a\xe1\x8a\x10a"Z\x8a\x9f\xce\xe4\x0e\xd7\xe1&gt;\x1e\xf3\xe8*\x1e\x8b\x86#\x8a\xc2*\xe8P\x8a\np(\x86\xe5/v\xb9\x9c,\x06\x18\xaa\xa6E1\x1824M\xc2\x17N\xb7f\x83\x95\x02$5\x16Su\x17i\x93\x0f@(\x94T\x9d\xce\xde^\xa7\xd3)\x97\xefp\xe5\xef{\\\x10\xc0\xa8\xa7$\x06?\xcfF\xad\x7f\xe5Rb,\x16\xc3c\x05Y\xb19%\xdf\x07\x0f\x98d\xf6\xce\xcf\xcf\x11X\x92\x0c&lt;\xf5\xb2\x95\xa8\x06\xf3b\x0c\xfcG08\x9b \x0e\xf7\x0fr)\x1c-U6\xbd\x9ca\x01\x15\xd3\xeb\xf5:\xe7\x08\xac\x977\xb8\xfb\x8b\xe6\xc6\x86\xa6\xc6J%&lt;\x95\x0b\xce,\x88\x8fs\xa0\x17`\x81\\\xac\xdf@\\\xbd\xf1:?\x7f\xd1\xe1\xacf\xb1\x08v(\xa4\x96\xc6T\xa9\x85\xf8l\xb0\x86\xfb\xb9\x03\xe0B`\xaa,X\x16m\xf4\x01\xeb\xffz\xd9\xc5"G\xd6TI-\xe1\xe3)u3$\xcd\x04ku\x88\x8e\xc8\x00\xab."\xb9L\xc7\x10\x9co\xe7\xe0\xf0\x93I\x1b\xb8 \xf9)\xa5 \xa9\x12\x1a\\S\xa2(I\x9b3Rk7\x95\x1b\xebU\x87?*\x9b]\xe8=\xbd/\x14\xb8i\x8b\xb2\xf3\x8eC\xd9\x94\xa2\xaa\x12\x8e\x97bx*.I\xa1\xf6L\xb0\xe6\xc6X\xb9\xefX\xf5\x98\\3\x15\x00\x83\x8f\xd1\xc8\x94MS`?|,\xe8\x1eDUBZi\x1b\xa1Ya\x89\x90\xc9\xb9\\}\xbc\xb2\x05\xd34G\xce\xc7\x8f\xa3\x8f\xc7\xc7\x05\xb3f\xca\xeaz\x14\xa8b@\x85\x8c\x91\xb6!\xcd*\x88"\xa4r\xae\xfe\x83\xab\xde\x96\x81l\x04\\\xed\xf6\xf6\x87\x8f*\xbe\xbe\xee\xc9f\xb3%\xa4\x17\xb85\xa8\xf33Rk[\xc4\xc5T\xbd\x9e\xfa!W\xd6\xb3\xbe^\x90eSn\xb7\xdb\xb8\xa8C\x17\x07\xaa,\xa2R\t\xc0\x8a\xceJ-\xc0\x8a\xe1?\xa4\xca\xc2+\x0c^H\x8f\xe1\xb8x\x80\xeb\xeeH\x148=\x9e,^\x924\xad\xc2\xa3\x03\x9f\x99\xa9%\x96\x10\xc5X\xaa,R\xcb\xe5v/\xb2\x98\x8e\xb9# \x15\xee\xf1\xc4@,\xd0\n\xc3\xc6\x83\xcd\xac\xd4\xc2E&lt;\x8b\x9a\xa2X\xc7A\x19$\xcez\xd8\x15\xc9D\xc2\xebYT\xfb=\xf0\x16DP\xa7]\xbc\x8b\'\xb4\x8d\x9b\xe7\xb3\xca-\xc0\x02M\x80\x01E,\xfb}\xa1\xaf\x80\xe4Y\x87\xb9\xc1\x13\xd5\xb0H\xa4\xe5\xe2A\xae\x8d\xc1,\xfe\xfba\xf5rW\x8c\x8fq\x10\xd7\xffx9\xf7\x98\xb6\xce3\x8cW\xa1\x82\x9a\xe3\x0b\xf6p\xb2c/\x168\xb6\xe8\x14_\xe5\xd4\xc18T\\\x8eQZ\x99\xc5:(rUf\xdac\x19+U$\x9b\xd4Qi\xd1\xdc\\\xa4IH]5\xad\xe4\x9f$\n8RI@b\xc8Ph \x12B\x13(\x03\x96\x10\x14\x92\x14RA\x88\x92\x95{\xa6(!\x90\xe5\xb2=\xefq\xba\xad\xda\xba\xb5K\xc2\x8bq\x0c\x7f\xc0\x8f\xe7}\xbe\xe7{\xbf\xc3! \xf1\xc3_\xd9\xfel\xb1\xfc~\x7fnn\xae\xc3Q\x96\xa5((\xd8\x1b\x05\x15\xcc\xf5\xc9z\xdc\x03\x9e\xf1\xcd\xa7;6\xeeF\x13\x89\x0b\xe5w\xa4XR\x85q:\x8b\x9e\x15\n\x85\x01\x93&lt;\xe4\xdaT\xba.X\xae\x03\x84E=$*t\xd3_\x96\x9be\xc8B\x19P*\x83\x02g[E\x01&gt;a\xd8\x1b\x8d\x16\x10\xd6\xa1\xcf\xd6C\xad\xa7X\xdf\x82\x89~WU\x1bT&amp;O\x91\xddd\xb2\xab\x88LQ\xa0\xd8\x1e\x8d\xa6,_r\xe87\xeb\xa5\xd6\xb6\xec\xa7\xe5/\x81\xc7\xcb\x14\xd5\xad\x1e\xa3\xc5\xa2\xd5\xaa\xd5\x1e\x80\x01\'\xaa\x88\x02+\x9a\xc2:\xbe&gt;jmLa\xf9\xfd\xa9\'\x7fY\x96=O\xc3j\xcd\xe6&lt;\xadZc"\xb5p\x16\x83\xb9\x0c\x06\x9c2\x1c\xa5\xef}\xb8\x1e\x7fQ\x06\xac\xddH\x00\x87\xdfQ\xe6\xa74\xa0eg\xd7\xa8\xd5\x96J\xb3\x16z\x99\xbcvX\xccK\xcdTESX\xbf&gt;PU\xe5z\xc1\x7f\xefIjm\xa3\xceQ\x81\xad4\xb7,\x0b\xe7X\xa3U\xc4B\x13\xe9\xc2\x83\x89eM^\x95*Z\xa0\xd8\xe4(y\xef\xed?\xfc\xee\xc6\x8d\xdf\xfe\xea\xf0\x0b\x04\xcbp}\xf6i&gt;R\xc1Q\x96+&amp;\x94#W\\\x82v\xad\xc5W\xa9U\xb3F5\x0b,\xd6\xe8a\x8bQ^\xef\xde,\x0c\x82o\xef?y\xb2\xaf\xb3\xf3\xde\xea\x0b;\x02e\xb8\x0e~\xb59\x7f_\x89\xa3\x0c\xb1\x80\xa2\xa8RD\r\x06\xafQ\xeecX#\xcai\xf2z\x9d\xac\x13\xaf\xe9V\x04\xaf\x01X\xf9\xfb\xf7\x7f\xb4\x7f\xff\xd1?\xde]\xcdxQ7\xb4T\xdd8\xb9\x19\x8ew\x10\xd5N\x83\x82~\xa5\xa10\xa8T*\xaf\xd1\xeat\x16;=&amp;4\xb1\xd8h%@\x16\x1fxU\x9b\xf2\x0b\xf3w\xd1}^\x1fl\xee\xbc\xb6Z\xe5z\xe9y\x93\xd1\xd5\xc0on\xf4\x01\xab\x10V\xc7|@\xe1\x89=\x1a\x91\x85\xef/:\n\n\x19Y\xfccd\x8c\xc5\x1epy\xbc\xaa\x9f\x17\xe6\xe7\xef\xc2\x11\xee\xd5W\xdf\x19\\\x19Y:\xecz\xbe\xe6\xcfp\xb9\xaaV\x1f%&amp;\x08k\x9b\xdf\xef@\x86\xaa\x90\x00\x04\x87\x14\xf5\x80\xab\xd8\xc80b\x17Y\xad\\\xab\xa6WN\xa7\xc7\x1b-\xcd\xcf\xc7\x90\xfd\xe6\xc6}\x87&gt;X\xd1\x87\xe6\x1e-\xad&gt;\xbf\x8b\xce\xf8\t/|8\x17;11\xd17\xf8&amp;\xb0\xd0D\x05A\xd1NCX\xac\xc9\t\x0eF\xce\xc8\xe5\x0c\xde\xad\x04\x08*\x18mona\xeadV\xf1\xc9;w\xf5!T\xe2\xc1\xed\xe7\x13d\x04\xb5\xf0\xf5\xca\xc4\t`u\x0e\xee\xdaX\xe8G&gt;d\xa5\xb0\x14\xc0\xf2\xa8\x19\xb5\x9aa\x18+#\xf7\xf9,xA\xaaY\x19\xa3\tX\xaa\xac\x92\xfc\x1d;\xe8\xa6\xf1\xea\x8a\xde\x902\x14\xd2\xbb\x13\x0f\xef_x\x0e\x82e\xb8.,\xcc\xc6o\xae\x9c8!\xaa\xb5\x8b\xd4"\xabGI0`\x994j\xadEn\xc1\xc3\xe7\xfb\xd8\'g\xac\x10\x8by\xc3"g\x8c\x1e\x8fI\x95\xe5\x00V~\xe1\xa6\x9dE\xdd\t\x19J\xa9wO\x05g\x17.&lt;\xa3b\x19/\x01\xaa?\x1e\xbf\t\xb1\xc0\xb5\x82&amp;\xfe"\x1bX\nq{\xa1\xcc\xf2z\x8c\x8c\x85d\xb2|\xec\xf3\x81\xc7\x074\xf5kF\x16\xf29M\xaa\xd2B\x9c\x82\xe8\xbe\xca\xd6\xe5Df\xa6,33\x14\x9a\xe2\xc3\xfc\xec\xb3u2\xc3u{6\xde\xdf\x1f\x0e\x9c\x9b\x88\x89X\x1f\xd1\xe5\xad2\xca+\xe4\x82\x9d\xde\xed&amp;\x8f\xda\'\x87\xa3\xe4&gt;\x8b\x05\xce\xb2\xc8\xd5p?C\x9fq\x9a\x0c\x9b\x1c\xbbq`\xfc\xe5\xbb\x9a\xb3\xd7\xc0\x040\xd9H\x1b\x1f\xce\t4=C\'a\xaa\xfb\x91\x9a\x9a\xfe\x9a@\xa0\xa77\x16\x03\xd8\xca\xc9\x1dt!P\x1c\xf50\xcc\xd0\x12D&gt;\xb0\x0c:H`\x16\xb2;\xc8\xa0\x9bE.\xc7\xb2Tmwl\xc3)hgQkw\x82\xa82m\x993\x11\xe9\xd6\xad\x12\x9e\xbf|\xfc\xff\xeb$\xd2\xf3\xf6,\x1f\x0e\xd7@\xac@{\nk\xe2(\xce=~\x8axJ,\xd8\xbd\xc8CUl\x15e\x82\xe5}b;}\x96\x14V\xb1j{nvaa\xc5\xbbyg\xaf\x85l\xa0\xaa\xab\xb3M\xf19[%\x12i\xedx\xe2\xc1\xf1\x1f\xffk3\xa4\xe7\x81\xa5\x07m\xc1pM\r\xa8\xc2\xf1q\xc2\x9a8\xb1\xb2cw\xb6_\xdcz\xb0\x06\xedO{\x88\xaeY\xad\x14\x0f\x94\x0f\x16\x8b\xda"\xc2\xa9Y\xa7W\x15\xcdu\x94\x94\x16\x14\xe5-\x8bb\xd9\xea\xea\x92\xb5\xd2\xf4-\x12\xa9p\xf1\x96R\x99\x98[\xfaq`\x14\xe9\x8fF\xb0\x9a\'/\xa2\x85\x92@\x98_\x8c\xa5\xba\xb8\x0b\xf3\x838\xb4g\x19@\xa4\xc1P\x8af&gt;\r-`A&amp;\x8b\xd9GC!C\xfb\xb6\xaa@\x91[\xf1zu\xde\xf9^e\n\xcb6%\x00k\x8b\x84_\x0ce\xca\x92\x0f\xa7E\xb0\x8c\x1f\xdc\xbe\x83\x0b\x93\t7j\xfcr\x7fX\x02\xac\xf0P\xaf\x9b\xb0N\x0c"\xe4E\xb1(\xe0=\x00\xd3h\x90[\xac\x91Iu\x102\xc1\xf8j\x06S\x0e\x83&amp;\x9aT\xaa\x82\x9d\xd5\xadg\xef\xb9\xc9\xf06\x9b\rbIs$\x92\xf4\xc8L\xc8f\x1by\xfc8\x19\x9a[\xfaa\x1e\x83R\xab\x8f\xe6\xa6\xd7\xdaff\xa6/\xc6\xc3/K\xa5\x84U;\xee&amp;\xae\xd8\xdd}e4?\xe0,\x01w\xd9\xc9Xj4\xd1h%c\xa1\x81\xc8/-"K-\x97\x03\x0cC\x84\xddn\xaf.*Z\x8eA\x1b\x99,\xd362\xc5K\xd3\xd3%\x12\xf4PF\xda\xd9lJ\xfd\xad\xb5\x85\x0b\xffs\xa7\x04\xd4\xc1G#!\xe84Z\x1b9\x12\x88\xc7[\x1a\x1a"\xc0\xe2\xff\n\xed W\xec\xcb2tPaH%\xbcI\xc4\xd2\x88X(\x9f\xd8HD\xbe\x16&amp;c@k\xf2\xb0\x1eM+\xa8\xc0\x04\x0e\xdb\x0c\x9cEX\xbaEx-\xf9x\xa4\xce\xf6`\xb4mx\xf4\xc1\xd2\x81\xaa\xff\n\x06\xa8\xe3k\xd3]\xb7&amp;G\xc7"\x81@`\xa0\xa7\xfe\xd8\x95+W\xaf\xb4\x07\xf8\xa1^=q\xb9{+R\xcbP&lt;\x81\xa1\x8d&amp;V\x8d\r\xd0J\xa6\xa7\xd5\xc8\x10\x8dZ\xcbh\t\x8b\x05\xb3V\xdb\xdd\xab\xa7\x80\x97\xd5\xd5\x8d\\\x14\xd2\t+=\xa7vj\xa6kz-YgK\xae\x8dMv\xc9ds4\xbef|/\xd4\xe1\xa5\xb9\xe4\xf4\xd8Xm\x90\x13x&gt;&gt;?\xdf\xd2\x12\x8ft\x9c\xea&gt;Z\x1f\x8c\x8c\x93\\\xb1\x98\xfb\xcb\n\xd2\xe9\x9fX\x1e\x96\xc5\xb6l\xb5\x1aE,l\x8f\x18phaj\xc9\xf6\x8c\xd9|\xbe\xd7\xadD\xc9lu#\xd3A)\xa9\xf5\xca+\xe9:]p,\xd2\xb8\xd8e\xb3\xcd%\xd1J(\xf7\xf8\xfb\xcc\x8f\xfe\xdd~8\xd56v)\x12\x96rB\xbc}`h .H\xa5:.\xde~\xfd\xe8pp1Fr\xc5\xdc\xbd\xfb^\xaf\xb6\xd3\x91\x10\xc7\x88\xa2"Sq1\xa6,\x91K\xec\xa0\x11\xe7\r\xb4\xf55\xadEK{\x92\xf9\xad\xa7TJ\x885\xd3\xc2KQ9\xe9\xe9\xf8\xaa:]\x1a\x17\xfcbj29\x02\xef\'\x93]#\xb6\xb9\xa5\xff\xf4\xdf[\xb8\\\xb7\xef7556r\xd2\x80\x94\x8b\x0c\x0c\xb4\x1c\xe1\xdb\xafw\x08\x82 \xcd\t\x0f|\xfe5\xdf2\xae\xd7\xebiu\xde;[\x04\x91\x8a\x08\x0c\xa3\x16\x8b\xe1\x8f\xa6\x98Tn\x19!\x10\xde\xb4Z3\x16\x80\xaf\xb2\xb2\x12T\x18g\x94z\xa5\xad.y\x99\x17\x04\x1d\xc7qR\x91\x8a\xc3\x83+o\xbc4\xd66\xdav\xe9\xd2\xd8dHf\xc3\xd0\xe3\xfa\xf7\xe9e8(p\xe5\x9c4\xcc\x0f74\xdf\x1c\x16\x84\xf8\xf5\xbe\xe5a!G\xba\xa5\xa6\xff/\xa7x~1!b\xe9c\xdd\xad\xad\x1aD\x96\xdd^\xa4Q\x8b\x1dL\xa9eeX\xa4\xbdV,\xb3\xb9\xd2\xec\xab\xdc\xf3\xfe\xf9^=\x8d3z\xbd\x0c-\x8c\x07k;\x86\xce\x9ci\xeeh\x88D"A&lt;\x1a\xcb\xcb9\x1dW\x8eg\x8e\x8b@\xb8\xae\x87\x0b\xdf\xb9!;#\x03\x1bMP\x10\xb84\x9dN\x12\xef8=\xdcs\xb4{8\xd8\xf3\xf9\xdd{O\x1a\xd3\xa5/\x03\xab\x1d\x1b\x10\xc9\x050}\xefy`\x99\x10\xf0\x1a\xca\x06\xf1h\xe1\x84f\xd0\n\xd6\xd7\xaa\x91\x0c,c1W\xeeIQ)1d\xb9\x95uu\x93\xc3\x1d=\xcd\x1d\x1d-\rC\xa7\x87:\x86N57\xd7_9u\xe6t\x13\xa7KK+/O\xe3\xd2\xca\xb9K\x17\xc7F\xe7V\xbfc\xaa\xd9`\x0e)\xab\x13\xf8\x81\xf9\x96\xe0\xfc`_\xdf\x9fO\x0f\xd4\xdf\xbds\xe7o\x82\xf0\xb3\xf0\xfc\xcdH8\xc0/\xba\xf5b\xb9\xaf\xb5\xe6i4\xd4HMjZ`\xb0\xcd\xd8=t\xce\x80\xf3\xc9\xf2\xc8S\xf3O\xf7\xa0\x83!\xa5\x92~\x92P\xa6mr\xb8\xe7\\m\xa3 \x1c96x\xba\x11\xea\x04\x1b\x83\xb5\xedC\xf5W\xcf4\x01\thii\x10\x8e\x0bN\'\xffuPh\xe2\xc5~\xeb8a~&gt;\x9e\xd3\xdf\xf3\xa7\xbe\xbe\xbe\xabM\xb5\xcbw~\x7f\xb5I\x08\xc4o\xce\x1f\t\x87\x03-\xe3\xdfru\xe7\xb5\xc2\xd7\x1a\x8f\x07\x00F\xa4\x94\xd1\xa4\xf2\x16\xd3\x19\x0c\x99\xc0"\xaa\xc8\\\xef\xe7u\'B2\xa5\x12\xebD\x9fi\x9bi\xa8?\x15\xc47\x8e_\xef\xec\xbc\xde\xc4q\xb5\xf5\xc3\xe5\x90\xe9H\xc7\xb1\xabM\xc4\xa4\xdb\xb0a\xc3Ot\x1b8\xee\x8b\x7f@-\xcc\xf2\x01h%\x00\x8b\xef\x99\xe7\x85\xfes\rk\xcb\x9d}w\x9e4_\xb9s\xef\xab\'\xc1\xf0\xfc\xb9x\x98j\xe0\x16\x98\xc8)\x89\xf3o\xfd\xbdM\xf3\tm#=\xc3\xb8%K\xc3\x8c=*\x88\xa1\xe0\xd4b\x18&lt;\x84\x1c\x06\xc7\xbe\xd4\x97\x1c\xd2\xc0\\r\x10\x84a)\x063\x87\x99\x08\xe1\xd3 \xdc\xc3\x9c\xe4k\xe7Z\xc6\xbe\xccA\xf6\xa1\x1a)\xe0\x15\xd1\xcaB\xdae\xdd@\xbc\x089\n\xb1q,\x07[$\x8e\xf1\x9a\xd2.[\x13w)%\x85\xb6\xcf\xfb\x8d,/\xb4oPH\xac\xe8\xd3O\xcf\xf3\xfe\xfbD\xee\x11\xd7\x9d\x05\x9a\x86\x93\x93\x0bs\x0b\x8f\xe8\x9a\x81\xa2\xfc\xed\x1d\x9aG\xd3\xd3\x8bX\xfc\xd2XGQ\xbc3\xa9\xf9\x93j\xf9\xcc5,\xbdz\x11\x9e}\xb5S)U{\x9f\xfe\r\xff\xe4q\xcb\t\x8emR+.\xc7\xa5x\x1c?\x19\xf9W\xcc\x9b\x02\'3\x0b\xcb\xe5\xa2\xbcvq\xd5\xbf&gt;\xde\xf9\xfb\xbbw\x15\xa7\xf7\xe5O\xdfUj\xed\xa2bR\xc0F\x82\x02\xd9\xd7\xdf,NS\'\x98\x9cD\x07\x9d\x9b\\X\xb8K\xff\xa3\x1f\xee\xddy\x84\xfe:=\xbb\xb4\xf4\xec\x94\xb6\xe4!\xd5\xe7\xaaq\xe6Y\xa2\xe5\x9e\xf5K\xee\x1f\xbfjV\xce\xbe|w\xfe\x9f\x12\'#\x97\xdd\xa6\x9f\x85Tq\x08&amp;I\xb2\x1c\x8f\x16\xf5\x7f\xd8\xf9|B\x15"\xae\xdd\xc05\xf5v\xa7v\xb8\xb1\xe1\x91\x81\x8e{}}\x1d^\xec7\x1a\xfb\x88\xa3\xa3\xa3\xb7t{\xc1\x15f\xe6\xf4\xd9\xe2\xe2\xe2\xf44\xae\x14\xb3\xf7Q\x84sw\x1f\xdd]\xb8;\xf7\x08\xb3\xfb\xd7\xf7ggWV\x9e\x9d\xe60o\xd23D\xf5\xeaC5o\\\x85\xba\xe5x\x97\xcd~\xa5\xb9\xb3\xd3k]\x9f\x9f\xff\xe1\x9f\xf2x&lt;\xae\xdb\xbd\n\xb0\xc6o\x9c\x8cS\xfd\xfdu\x83\xccQ\xd5$Qqz\xc7S\xf4\xdd\xce\x86n\xb9\x8d\x837\x88-\xc4\xe7\x1f\x8e\x8e\xdel5\x10\xb5\xaa\xbb\x0f.\xaa\xad\x99\xdc\xa7\xc5\xa5Y\x00\xdc\x9f\xc6\x16\xf3x\x92\x96\x88\xbbs_|\x01\xa5\xa6W\x97\x97\x97_\x9f\xe6hE\x86X\x0f@U4L\xeb"\xd0\x8dN\xb0\xe1\x06\xbd\x1fwv\x9a\x7f\xde;&gt;?\'\x1b\xe3\xfa\xdaY%+3,f\x98&lt;\x06\xa9(g\xd4DBcb\tz\x10\x94\xf4b\xd1P\x0c\xa2h`\x08\x1d\xee\xb5\xcb\x8e\xdb.W\x15SM\xe4\xb1\x11v\xbf\xcf\xb1\xf6\x98\xdb\xbc|\xb9\xb2\x04\xb3\xa6\x1f?\xbe?\x8b\x16:\xf7\xcb_P\x9a\xdd\x7f2\xb5\xfct\xe5r\x93\x06\xf3D\x9aZ\xc3\xfc\xc9\xc1\x9e\xe3\x1cv\xaf|\x1b3M\xd7K{W(\xa7\xfe\x9f\xce\xcfa\xa3$e\xdd3\x1fH\xa4\x17LD\x8c\xfd\rR%\x12*\xb0T\x0e\xaer\x9c^\xbf\xf2\r3\xaf("\x86\x0e&amp;\x84e\xd5:\xbb\xa2X\xeb\xd6Yr\x11\x16\x9a*\xd6\x01\x08\x96\xdb\xbe\\\x81,SOfq\x11[]\xc2\xf2@\x9b\xf24\xba\xd5\xf2\xcb\xe6&amp;\xdb\xfa&amp;\xa8\xc9\xbd\xfa\xf0\x1e\xe6\x1f\xbdy\xdflnm\x1d\x1c\x1c\x1en\x94\xc2\x9d\x9d\x1f\xffu}y\xfe\xeer/\x9b\xb5\xbd\x96Nf\xca7\\c\xc8\xaa\x0c\x90\x12x\xa0\x02\xe2\x92eU\x83\xab\x8am*\x14\xc86\xcbi\xb7\xab\xa2"\x8ak\x06\xfd\x1d\xfc\x05Sq&gt;\xb3-\x05`\xdb\xdf.?\x05\x17buuj\x15LO\x9e,\x01p\x8a\x92\x9dQA\xac\xf4\xab\xf7E\xd1\\3\x0c\xc3\xe9\xf6\x8e\x0f\x0e\x1a\x94\x16[\xefON\xdf\x1c^\x7f\xfai\'(\xd9\x83J\x89\x0c\xa4\xee\x10\x8f\xb0 \x15\x13\xab\x90\x80\x85\xe3\xb2\xa2\x98\xc5r\xd0&lt;n\xf9\x8e\x8d6f\xb8\xdd\xce.\x9b\xadD6\xc4*\x98\x06\x16KzW\xc6\xf5\x14\xf1\x90\xc0\x9eL-\xadB\xb4\xa9\xa9\x95\xd9\xd7\xa73i\xba\xe2\xd0U5\x87\xbd\xcf\x14T\x81\x86s1&lt;\xee\xfb\xb6^*\xd9\x98\x80\x07\x11^\xe8\x87\xad\r\x8c \xb40NBrq\x92\x14\x1fK \xadTM\x03\x16\x1c\x144S\xc3U\xa2\xdc\xeb\xf5\xfa\x83\x8a\xef\x97;^\x97\x16\x88Z\xd1\xb2\x9djU\x01\x15a%\x14\\ZR\xc8\x9b\x89\x1b\xbd\x1eN\x8d$\xc3\xb8\xb9\x87\xed*\xcdn^h\xef\xa9\xe7olSM\x12\x16\'\xcaNx|]qi\x04R`J\x97\xf6Z\x03\xdfVL$\x0ba\xa1\x1ee^\xe2\xc7\x00\xa5\xaaZ&amp;QP\xb3YA\xcbkZ\x06\xb9S-{^\xef,\x08\xbc\x9am\xc9\x86\xe3\xb4[a\xd8)w,\r\xffV\xcd\x17P\x1db\xed\xed&lt;\xedH\xa9\xd40\xbfn\xbc\\^\x9a}FT)V\x84\xd8e\x9eo\xd9\xf84C,K\xb6\xd1\xd2\x07\xfe\x1e\x8d\x1e`\xd9~\xe8\xd570\xb1E\x85\x127\x93\x11\xe0`2\x99\x1cS\xa3X/\xa8\xb2\xb8\xaeix\x06imZzIwP2Y\xc3\xa9U\xcf\xda\xe1\xd9w\x97=\xef\xa2Hj1\xb9T\xda\xc4\x7f\xc6\xb52\xb5\xfc\x90r\x7fj\xe9\xde\xbd\xd7\xa7\x0fFT\xa9\xd4\xf3\x86\xc5%\xe9eI\xce,Z\x06X\x8cnp|\xdc\xafP\xb4\x06-\x7f#\xabW\xcb-\xe2B\x9a\x88f\x82\xb0\xf8\x08KP\x0b\x05U\x122\x1a\xc4\xd2\x14\xc3.V\xf7\xea\xae\\\xacu\x83\xa0rQi\x89\x88\xd0\xdb\x00\x00\x04\x0cIDAT\x87^\xe0y\x1e\x16Bf"\xfcF\x08kG\xdf\xe3"J\\\xe9\xedO\xf7\x98`P\xeaW\xbfi~\r\xaat\x94y\x18\x83\r\x8bY\x0f\x05\xa4\xdd\xa0\xde\xae\x97}\xdb\xb6\x1d\xbf\x1b\x0e\xc2\x10L\xa5\xec\xb8\xac\xd7Z\x15\x97\xb0(}U&gt;\x99HJ\x0c+&amp;\x08\x85D\x92\x172\x19X\xb8\xeb\xff\xa5\xdc\xb9\x08\x07\x9dl\xbd7\xb8jz\xbd \xa8\x97\x8b\xa2\x8e\xde!$Y\xce\xb3\xc0\xf5s\xc4\x95J\x9d~;\xbbLI\xf5\xfb\xd7\xa7\xbf\x9bI3*\xa6\xd5\xc9\x1e\xeeLB\x92\xa8bb;\xf0*a\xcf\xc3\xb8\x96\xd7J\xc3\xe4\xc2&gt;c\xe9v\x15+\xab\x82\x8b\xb6\xa2\xa8\x1a\x9f\x8c\xf1\xdc-\x96*(\x10\xabP\xec`\x03\n\xce\x06\xfd\xb6\xde\xeey\xf5\xf2\xae\xeb:\x06\x8ef\x91\x8cr\x9e\t\xa6j\xc6\x90\x8b\x92{\xfb\xf2\xe5\xd2\xca"\xb2\xeaA\x8ep\xd8\x17 \x13\xdb\x1f\x1c\x11\xaf\x01S\x92&lt;\xdc\xf5\x90\xad\x81\xd7*\xbbv\xc7/\xfb\x0e\x12\xa5\xa4W]K\xd7i\xfb\x05\x96"PS\x82\x87\xdc\x18u\x072\x11\xa9/\xc0\xc2L\xed\xa2\xe7\x05\x9d\xb2\xdf\xae\x1aU\x00QK% n\x086R+\x91\xd7Tq\x1f\\C\xb2\xd4\xf3\xcbo^\x9fn\xe6\xd2)v\xef"\tQ\x82"c\x8a\xe1\xc1\x06.\xaa\xc7\xadye{7h\xf5\x9a\x83n\xd7\xf7|\xeaD6\x16ie\x18\x9a\xc0\xf3\xbcDX\xe8\xef*\xfd\xae\xa9\xdaz\xe6E\xb5\xea\xbaES\x94Q\xcd\x9cD\x17\'n\x84D\xef0\xc2J\xa0\xe3\x89\x8d\xb7\xf3C\xb0\xf9\x89\xcdM\xea\xfd\xa9\xd4\xb0\x8d\xa6N\x1a\x96(\xf0\x8c*F\x12\xd0I\x1c\xfa\xb8\xae\xcbn\xbd\xdd\x1a\x84^\xe8\x0fZ\x950\xe8W\xea~\xcd"\xb1`\x17F \xb5S\xf6\x0e\x1c\x89@}b\x1d\xd9\x85_\x9aB\x17\xa6(\x80\xc3\xe3H\x1c,\xe0S\xb3R\x8c\xa6B"\x960M\xf7\xe3\x90\x0b\x1d*\x9d\x1a\xc6\xc4&lt;\x93\xca\x12\xb9\x18\t\x15\x85\x10\x1d\'\xd1\xe0%6\xbbV\x0f\xfb\xd7\xad~\xbf\xd7\xbc.\x0f\x06\x1b\xe4\x1f\xdc\xd2@.qc,Q\xf0\xd6\x90J#,\xaa\xc6|^\xe1\x92\x11\x16\x14\xe5\xf8$\xcf":\xfdV.\x80\xa9\x82\xf3a\x9b\xb8r\x0fr\xf3DC\xe9\xce\xb2\xca%\xf3#\xff\xd8\xcb\xa2#x\xea\xe1\x12f\x1f[\xdeu\xdb\xb1\xeb{\xf5J\xa5\xdc\x1a8D\x05,A\xc0"\xa8\x8e\x15\xf2\x99\x02qA+P\x01+\xcf\x9a\x04\xcf\xd4\xc2\x83gj\xf1p\x83a\xc5bL\xae\xd8\x90KUM4\x8a\xf9\xf9\xdc\xccD\xd4+\x98\x83\xf3h\xa1T\x81(@!\x19\xa5&lt;L\xe4\xe93\x02J\x96h\xa3b\x9b;\x0b\x1d\xa5\x88\xf4BZe \x8a\x80\x15\x99_\x1f+\x14\xf2\x85\x17\x85\xfc\x10+\xc3z\x04\x9e\x14H-\x9e\x13\xe8,\x86u\x9b[\xc0\x8a\xdd\nf\xaaF\xe3\xe3\xcc\xf0\xcb\xc7\x14M\xa4\x14\xa4\xb2h\xac\xe3#\xc4\x84\x1b\xb5\x04:Fb\\\xf1\xf8\x90K\xa6\x9do\\\x16e\x91*1\xa2\xe2\x14Q\xca\x10V!\xf3\xe2E\x02X\xf8)\x89\x95\xa1g\xf9dd\x1cGX\xd1\x1f\x85\xe8\x1d\xd4\xff\xe1R\x14\xf7\xc3v\x9a)\x85\x92Lm\x9f4\x0c\x91\x9256b\x1a\x1d\xc6\xa8\xa4\x88\x8c\xad\x0c\xe3lQ\x96GT\n\xdd\xb6\xd5u`\xad\x172\x90\x0b="C`\xa4\x16\x19\xccNbH7\xa7&amp;#\xb9\x92?Oy\x16\x9a\x1a\xd3\xf7\xdfF\t\x9f\xde\xfe\xb8o[\n\'D\xc3#j\xa4I\xfe\xe6SJ\xd2-\xd7\xcd~\x1c\x8fs\xb2\x18a\xa1\xd4\xb0\xa8h\xeb\xeb*S+OX\xe0b&amp;\x92\x87\x98\x17\xc3\xe4"\x1e\x9e\xca1\xb2\x91\xa5\x16\x85\x19\x8bEXDI_\x83~\xde\xa4m\xe2d\xeb\xd0b\x8d\x8eM\xc1\xa1\xc0\xd1!\xfc\x10\xec\xc6\xc5\xf1\xf8MP\xb9\xb3\xb1\xa7\xd1\xfed\x82\x8a\x1fb\xbd\xc0*\x7f+\x96\xc6\xc5(\x1b\xa2\x92\xc6\x02\xf8\xff\x82\xdd\x82Ld\xa4 \xa0\xefq\xa2~\xf4\xf6\xe3\xfb\x83\x12Z\x95@?&amp;\x0f\xd1\x1dF\r\x82\xd5\x0c/\xa1?\xdc\x821\')\xcb8\x8ei%p\x84\x95\x01\x15\xf7_YD\x93\xd7\xce\xeb(\xca\x00\x00\x00\x00IEND\xaeB`\x82'</t>
        </is>
      </c>
      <c r="M105" s="3" t="n">
        <v>45492.67893518518</v>
      </c>
    </row>
    <row r="106">
      <c r="A106" t="n">
        <v>273329</v>
      </c>
      <c r="B106" t="n">
        <v>1963</v>
      </c>
      <c r="C106" t="inlineStr">
        <is>
          <t>Mayke</t>
        </is>
      </c>
      <c r="D106" t="inlineStr">
        <is>
          <t>Mayke</t>
        </is>
      </c>
      <c r="E106" t="inlineStr">
        <is>
          <t>LD</t>
        </is>
      </c>
      <c r="F106" t="inlineStr">
        <is>
          <t>LAT</t>
        </is>
      </c>
      <c r="G106" t="inlineStr">
        <is>
          <t>LD/MD</t>
        </is>
      </c>
      <c r="H106" t="n">
        <v>178</v>
      </c>
      <c r="I106" t="n">
        <v>12</v>
      </c>
      <c r="J106" s="2" t="n">
        <v>33917</v>
      </c>
      <c r="K106" t="inlineStr">
        <is>
          <t>Right</t>
        </is>
      </c>
      <c r="L10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11876b0a-c33a-44cb-aad0-ff4c3fbf2f6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c2\x83m\x00\x00\x00&gt;tEXtComment\x00xr:d:DAEewil2SDw:3479,j:8640573334177784359,t:24020218X\xa8\x8b\x83\x00\x00\x00\tpHYs\x00\x00\x0e\xc4\x00\x00\x0e\xc4\x01\x95+\x0e\x1b\x00\x00\x03\x00PLTE\xff\xff\xff\xf3\xf5\xf9\xd7\x82Y\xd4\x80W\x00?*\x00J3\x00M4\xff\xfe\xfe\x00=)\x00C-\xef\xf0\xf4\x00E/\x00P8\x00@-\xf1\xf3\xf7\x16\n\x06\x00G2\x01R&lt;\xcf}W\xed\x9as\x00M9\x1f\x11\x0c\x12\x07\x04\x9aV:\x8bJ/\x1b\r\x08U(\x16r@*%\x15\x0f\xdf\x81]\xd9\x85\\\xd4\x82\\\x01WB\xf1\x95p\x91M0\x008\'S2#^7%\xa6`A[-\x19a1\x1dg4\x1f+\x1a\x12e:&amp;\xa0\\&gt;\x85G-R7*\xf3\x9bu\x98P3\xd3wR\xd6|X\xfd\xfc\xfc3\x1f\x16\xdb\x7f[\xdc\x88`\x7fD+9\x1a\x0eK#\x13\xe2\x86bA\x1e\x11\xf1\xa2yY;,z@\'k?+\r\x05\x03\xc2qO\xe0\x8de\xe5\x93kZ2 D(\x1b\x85N6\xe7\x98p\x91ZB\xe6\x8ch\x92S8\x8bP70\x13\t\xeb\x94o$\x0e\x06\xbbmJ\xb4b@\xcc\x85g\xea\xed\xf1q;$a=-\xc8nN\xccvS\xcc\x7f]~K4~RA\x01V&gt;zE.j:$\xc0z[\xd0\x80_\xec\x8ej\xa2V8\x90uibC4M+\x1b\xc3iG\xb4iG\x9aaG:%\x1c\xa1hN\xc6wS\xb3\x93=\xec\xa1z\xadcC\xde\xe3\xe8\xacoS@.\'\xbduT\xc8|Yw:$m6!qRDK0$\xd4\x86e\xa9iK\xe1\xba\xaa\xc3\x7fb\xf9\xf8\xf8\xd4\xa8\x97\xcdoJ\x82i^XB8\x03]H\x87qg\xab\\&gt;rF4\x87V@iG7\xd4\xdd\xe2\x96~t\xda{U\xbd\x98&lt;\xf6\xf2\xf2\xe4\xe9\xed\xb6tT\xf2\xec\xeb\xa0\x84x\xe0\x91m\xe8\x88cvL;\xb5x\\\xbf\xb1\xab\xb5\xc4\xca\x94cL\xb1\x98\x8e\xec\xe5\xe4lM&gt;\x84?(\xcc\x8dt\xe3\x98y\xd1\xd6\xdc\x88\\H\x9e\x89=L\x1b\r\xc9\xd2\xd7\xd1\x95~\xe3\xc3\xb7\x81aS\x1cK+\x10bR\xbbeD\xbf\xcb\xd2\xaf\xbc\xc1\xd4\x8cm\xb3oN\xa1\xb5\xb9\xdc\xca\xc4wXJ\xbb\xa7\xa0\xc9\xb8\xb2\xe1\xd0\xcc\xe4\xd8\xd4/T.[k6^KC\x10C(\xda\x8dh\xa9\x8e\x83\xe1\xa4\x89\xe3\xdc\xdc#h[v_V#^9\xc2cSL;2\xe1\xb1\x9biVN]\x1e\x15B^1\x9b\xa1\xa2\x9a\x88\x83\xa2\x91\x8fnr7\xd2\x9d\x89;k=\xb3\x9e\x97\xd9\xb2\xa2\xd0\xc0\xbb\xc9\x97\x83\xf0\xb3\x9c\x03G8z\x89J\xae\xae\xaf\x7f{;:si\x8a\xad\xa9\xcc\xc5\xc8\x93k[\x8f\x83=\xd7\xafH_}F\x8d@3\xd8\x92u\xae\xa6U\xc3\xa8N\x9f\xa9\xae\xc1\x86o\x8f\x98\x99\x01-\x1f\xa3I?\xb0\x81m\xdf\x82lw\x9c\x99\xbd\x91\x7f\xb5VI\xf9\xa2~\x91\x98Re\x93\x91\xf2\xa8\x86\xf2\xda\xd5\x12V5@\x83yY\x89\x82\xc3\xbc\xbc\xd6kZSrt\x9esc\x04%\x19\xc1\x9f\x8f\x17LC\xe9\xbeTn$\x1a/RQ\xc3\xb7c\xab\x8a6\xf2\x81^\xf1\xc4[\xd9\xbcZ\x81wSN[a\x1b31X\xeb\x9c\x16\x00\x00 \x00IDATx\xda\xcc\x99KLZ\xfb\x16\xc6M\xcf\x80\xe4LLlZ\x10J\xcc5 (`\x04Dy\x04\xa9\nT\x14\x91\x1dy\x19\x04\xe5!\xc5\xd4X\xb1\x88\x05\xc4\xe0#\x10R\x15%\x8a\xc21\r51\xc1(hb\xea!&amp;=\x0eh\x0c\xd5\xa1\x9d8p\xd0\xa4\xe3&amp;\xcd\x99\xdf\x9c\xf5G{r\xef\xf8\xdem\xcf\xc2\xbd5\x8c~\xf9\xd6\xb7\xbe\xff\xda\xdb\x8a\x8a\xff\xb9\x08\xffU\x15\xff\x8c\x02\x12\xfe\xaf\x85\xdf\xbe}\xbb\xba*$\x03|\xfe?\x82\x8c\xc0\x0f$\xaf&gt;\x86\xcf\x8eQ\x9d\x9d\x86?~+\xc4\xf8?\x19\x0c\x84\t\xfc\xf61t&lt;;\xdb(\x9566\xc2\xaf\x0f\x1ff\xcf\x8a\x89B\xe0gJF\xe0\xc7\x0e\x8bg\xc7v(\xa0\x92"2\xa8\x0f\x1f\x8eO\x8bWK?M2B\xe0\xea\xe3\xa9ws\xd1&gt;/\xb3\xebtR\x9d\x8eFCXS4\x90\xed,\x02`\x15\x84\x9f!U\xb2\x14:\x18\xf0\xce\xcf\xcf\x9b\xe6e2\x19]F\x87\x92\xd3\x10\x9b\xd4\xbe\xb8y\x1a\xf9\x16\xfb\t\x82\x05\xae";\xdb\x0b\x03e*\xe0\x022\x16\x8b%c!6\x10\xce\xbe\xe8=8\xfdX\xe0\xdf\xb7\xd7c\t\x9b{|}a\xc0\x04PJ\xa5\xd2l\xa2\xb0(2\x8aYF\xa1Pd:\xc0\xda\xf4\x1e\x1c\xecD.\xf8\xf7\xab\xd7R\xee\xbb{\xdc\xed\xeeb\xd7\xd5\xc1O\x1d\x9bM$\x12\xbb\xa1zzz\x94@:?\xbf\xba\xe9\xdd\xd9\tG\xf2\xb1{\xe4"\xfc\x9a\xfb~\xe3_\x9b\x98\x98h\x1fm\x87\xea\xeb\x83kW;66\x87\xf0z\x94=\xca\x01T;!\xdb\xf2=r\x11b\xb9/\xa9\x1b\xccb\xb1\xb4\xeb\xe1\xe3\xd4\xa3r:\x9d\xbbZ\xed\xdcpY\xb6\x85\x05\xa0:\xd8\xde\xf9\x1c9\xb97.\x02\xff\xea\xebe\xea\xc6\x0fT\xed\xfa\xdb\x02\xb2\x19=\xe2\x9a\x1b\x1ef\x13\xa1\x95\xca\xb2^\x07;\xb6\xe5\x93\xc4\xd2\xfd\x18\x9f_\xc8\x05\xbf\xdeR\xb5#\x91\x10\x93s\x06\xaa\xcc\x05z5\xd5"\x83\xad\xae"\xae\xf0\xc9F.v\x1f\xc6\'$s\xc1K\xa0\x9ah\x1fiG\xbd\xd3\xcf\xfc\xa8\x1f}l\xaa%q8f\xf3*\x14\xe8\xb5q\x92\xbb\x87&gt;\x12b\xf9O\xe7)\xbf\x1f\xbc\xae7p\xb9\xdc\x99\x19.|\xfe\x83k\xee\x96\xab\xd5L\x81\x81\xdc\x84\x94(\x15\xef\x81\x8b\x7f\xf1\xe9\xd3%f\xf4\x18\x0c\x06n4*\x10D\xe1\x1eEp\xdc\xbb6"\xb9\x9aj9\xadm\x90`\xb2E\xc8\x89\xe5\x92-\x17 \xe0l\xf7\xc2\x9f \x16f\xac\xe2q\xb9\x02\xaaX%\x16S\xc5T\xaa\x80\xcb\xe5\xf1x\xdc\x19\xe7\xaeS\xab\xd5\x96\xd5\xdaj\x9b\x1c\x1cd\xe9\xec^\xef\xceI1\x94\x08\xe0\x9d\r\xc1`&amp;\xe5\xb7\xf2x\xd1\xa8x\xa8\xb7\xb7W\xa5RQA\xb2r\xe9\x9d\xda\xdd\xdd\xdd2\xd6\xd6\xd6V[\xff K\xa6\x83S(\xbcl\x0b\xe1\x9b\xf7\x81\xfcW$\x96\xb5\x86\xc7\x13\x88U\xaa\xde\xdeN\x15\x12L\xc0\x13D\x05\\\x83\x1e\xf5\xf0\xd6\xf4\x9c\xad\xad\xc9\xc9\xfaA8&amp;\xc1^\xe1p(\\\xc0\x11\x8bP8\xb9\x04\xb10\xab\x00Q\x01W\xe7\x90\nq\xa1&gt;\nxw\\\x88\n\xc9\xd56\xf9\xaa\x1e\x8eo\x90k\'\x14\x0e\x15\xf1\xb3=?V\xfar\x1e\xcc`&gt;\xa0\x12\x00L\x87\x18A\x95\xe5\x12\x80\xb5\xca\x81zky\x90\x8bS\xe6b\xd2u\x9be\xae\xd3&lt;^m$\xf0\x0f\xbf\xdc\x9c\x9fg\xb0\x1a\xe8!\xb5\x05\x89$V\xb5\x08\x90T\xd1(h\xe5\xdcEZ\xddR5\xd5"\xb9\xfa\x01\x8b\xbe\xe8\x05\xb0P8\x9c\xc4i\xfd"\x04r7\xa9\xf3L\x16\xfc\x0ejQ\x81\x86z\xdb&lt;=\x17\xac\xf5w\x0f\x9b\x9a\x86\x87\xcb]\x9c\x9c\x9c\x1c\xac\xa7\xd3u\x8b\x9b\x10\x13\xe1\xd3\x1c^XG_o2\x99\x14\xc2B@\xc8\xe6\x02t\xe7\xea\r\xd0\xc2rB\xc0,\xc2\xb1\xf8#!\xda\xfa_1\xa1\x8bv\x94^!\x9b-I\xc0G\xac\xfc\xd7T*\x85\xf9\xee\xb0~\x14t\x10\xb5\x10\xbe\xfc\xc5P\x16\x0c\xc0\x9aH\x9c\xb6\xb6\xb2\xb7\xe4rzyW\rEl\xf8\x84\x04a)w\tTFO\x15\xefA\xb9\x89`\xaa8\x1aBh$\x04=\xa8\xf5\x80\xcbm\xbf\x9bE\xd2\xd6\x1d\x16\x83A\xd7Ax\x9d\x86l\x91\x12.\xc3HH\x06/3Y\xcc2\x8a\x8eB^\x19+&gt;44\x14W\xc5\xc5\x02\xeem\xa0&gt;\xb8\x9b\xc6\xb9a\xd2d+8\x1ea1\xe5\xb0C#\xacbq\x89\x80\xc7\x1c\x1e\x05\xc1\xef\x98\xc7\xe0\xe1r\r\x06\x01\x92J5\xf4\xaf^H.1r|\xd9^Up\x82\xf7\x01\x16\x1b\x1d\xd6\xad\xfd\xf5e,\xa9\x1daE\x8a\xc5\x02\x1e\xa6\x0f\xec\x83Z\x98\xd5Xe@\xab\x03\x88\x15\x07\xb1z\x1f&gt;|\xd8\xab\x12wt\xb4P[ \xecG\r\xb0F\xf7\x8d\x8c\xd5\xc1\xd2EjEMd2\xe4R\xa4Vx\xf9\xa4\xb8\x8f\x13\xd6\xf9y\xcaj\x05E\x0c\\\x1eD\x96\n\x9d\x89\xbd\xe9\xf4\x8b\xf4\xca\n\\\xcfV\xde\xfb|\x9e\xd1\x89\x89\xbd\x91:\xd8\xe9\xbb{8\xe6\xfe[,)`\xd9N6\x8a\x17\xb8`\x1d~\x02,\x9f\xb5\xca0\ncG\x15wvv&gt;K\xa3z\xf1\xfb\xcaJ:}\x9dN\x03\x96\xdf\xf2\xe6\xcd\xb8\xdb\xd5\xb5\xb0\xb0\xa04S(,&amp;\x83L\x96\x83Z;\x91\x93R)\x8f\x0f\xd6\xeb`\xe6\x1aaUU=\x10\xb4t\xac\xac\xac\\\xa7\xaf3\x90\x19\xd7Y\x1f\xfcu}\x9d\xc50\xff\x9a{a\xd5\xae\x93\xd2hS\n\x87\x83\xceb\xc9id\x1aLbhy#\x97\xc3E-\xfe\xd1\xbb`&amp;\xeb\xab\xa9\xaa\xaa\xa9\xa9\xb1Z\xd6\xd6\xd6\xbe\x7f^\xf7n\xae\x0el\xaf\xbb\xdd\x96l\xf6\xfd\xb5\xd12\xbe\xbdHknxTYY\xfd\x08\xaaA\xe8\xa0\xd3i4\x07}\xf1 |RJ$\xf2x\x04\x04\xff\x08\xcc\x95\x05\xb5\x8c5-\x96\xed\xd5M\xfbl\xe3\xcbf(\x87N\xb6mre\xa1,\xee\xd5\xa9\xe6\'\xd5\x95\x8f\x9f&gt;\x86\xeb)\xdc5\x12\x1ap\xd1\x16w\x967J\xb9R\x9e\x8fK@\xec\xbf\x0ef!N\xad\xbe\xf1\x81\xc6\xa9\x97/\x9f774&lt;iP(h\xf2\xd5y7Pa\xd3]R\xa0\x02\xacG\x9a\x06\xa1P\xad\xa9\x04.!M*\xa5m\x9en\x946\x12\xb9\x0b\\\xb0\n\xfb\xaf_g0\x8f\x11\x1b\x1f\xd0MM\x95_\x1aM=\x07*\xba\xcc\xd4c\x01c\xf9]f\x07\xb0Tk$,\x93\xcb\xe5RRhBM\xf5\x13\x85\xd4N\xdbDj\xe5\x13\xf8a\x05S\x1e\xe3Z\xd7\xbcl~`\x1d\xcc\xe5r-\x98LfsO\xd7\x9e\x0f\xb0\xdet\x0fJ\xd4\x1a\xb5\x88R\xe7\xcff\xfd\x13\xd3]f\xbaB\xad\x96H\xed\x8d\xf6\xd0r)\x87\x0fV\x05?y\x88\xb00\xbf{\xc0D|\x83\xa5\x7fO\xfb&lt;{cl"\xbbnl\xc4\xd0\xb2\xd2Q\xd3Gb\x085j\xb2i\xda\xe2\x87\x91|3\xdde\x1a\x94+\x84\xc2\xc6Y\xc0\x8a\x94\x12\xdf\x12\xfb\xb8`-\x1d\xbe{\xfdG\x06z\xd55m\xedx\xf6\xe2E\x1a\xdbc\x93Z9\xa4\xe1\xb1&gt;\x83X\xd5\xc1\xd3\xb6\x92A,\xa6\xb2k}\xfd\xf3\xf6\x80Ii2\x0f\xca\x1d\n\xc9\x94\x14\xa9\xb5\x91O$\x0e\xf1\xd9 \x8e\xf6\xdf\xc13\xa2\x7f\xcf\xe2{\xbf\xd2\x99\xc6\xba\xe4"\x89\xe8-\xe3\x15I\xbbk\x10\xc7U\xbfh\xdbD\xeaj\r\x83\xc2\xd25\xce\x9e=z\xa4\x96\x90\xe5r\x9aB\x01\x1e\x84I,\xe5\xf3\xf8`U\xc4\x8e\x0e\x01\xcbo\xf1\xf8\xde\xbfo\x990I\x9e\x1fW&gt;\x16\xd2$L\xce\x88s\x06\x0e\xc8\x96\xdd-\xb2\xbaR\xed\x90\xd0l\xe1\xe3\x7fC&lt;Tk\xd4\x12\x87C\x01\xd3a?\x88\x80\xb5\x12G\xf8\xac\x81G\x10\xa8\x97~\xa3\xd1\x975\xba\x1c\xcd\r\xcd\x1f\x9ejh\x9fuLN\x9fs\x86\x1a\x8f\x0b\xb4[\xa8\x89\x1a\xc9\xf6\x97\xe2K\x94\r\xcd\xd5\x8f5B\x85B\x01X^\xdb\x9f\x17\x89\\\x01\x9f\x87\xc4dY-\x8f\xc7hQ\x8a$\xde\xb3\'\x1a\x8dp\xf5\xb3\xa9\xdb=\x86\xb0\xc4\xbc]\x0eY\xa2V\xab\xc9f\x97{\x81E\x16\x91EBM\xa5Z"\x816J\x0f\x10V&gt;\x89\xd3\xbb\x1at\xfc\x00\x96\x87\xc8|KY\xff\xee\x95\x93\xfb\xbb\xba9\xb5D\xad3\x1a\x17p\x01\x8b\xf1V"\x141[]nW7\xa9\xf5\x15C\x04\x90\x12\x91\xc3A\x93zm\x1b\xf9\xdcE\x0c\x1f,\xf0&lt;\x04\x84\xd1:\xca&amp;\x11\x9b\x88\xd3kk\xd3u\xf041\xac\x05\xb1\xa8\xf0\xb8\xe1$1D"4\x03\xad$"\xbb\x89\xd4VO\x16\x89\x18r\xb9\xdc\xe1\xd0\x1d\x84a\x12\xf7qz\x11\x11\x03,\xccj\xb5z`\x07\x1d5b\x98e\x0f\xd6=\xe2\x9c\x93\x1b\x8dG\xa3q\xaa\xbe\xa9\x9e\x8c\xea\x15\x84\x06l\xa7\xb04\xf7S(\x83\xe8e\xbd\x14\xb0\x12\xf9#\x9c\xfe\xb3\x81v\x08\xcc\xea\xf3\xf9\xac\x06Xn`\x1d\xec\x1b\x9b\x9b\x1b\xd1G\xa9q*\x17.\xfdp\x1b\x93\xcc`\x90\x99\xad\xddD\xe20z\x8b\xaa\x84\x9d\x8b\xc5\xa2\xcbQ\x13\x13\x1bG\xfc\x18./,\xf9\x85w\x9fRFk\x8d\x0f=V\xf3x\x86vg__;l\xf5\xf18\xe8\xa5\x12\xeb\xe7j)h\xedc\xb6u\xb3\xa7\xc7P\xb1{\x94f\x19KGGX\xb9\xc8\xfeU8\xfc\x7f?\x7f\xf8K\xc9@\xf2]\xf0\xc6o\xb5\xd6\xb4t\x88\xc5\x02\x9e\xa0\xc6`0\xf0\xe0\x99_\x15\x05\xb1\x86\xe2\x7f\xf1nn?i\xa7i\x1c\x9f;\x92\xbd1\x918\x1e\xa0\xdb`8\xa8 8\x95\n\x88\xc8*g\xf0WK\xf0\x00\xe1\xa0\xc0r0\x12&lt;\r\'\x1d\x08\x82ac\x10\x8a\x06j\xeb\x102N2I\x9bv\xa7M\x0c:1THj6c\xeb\xa5\x17z1\x895jbo\x1a\xd3\xc4\x0b\xaf\xf6y1\xdd\xbf\x00\xf6\x8dz\xfd\xc9\xf3&lt;\xbf\xe7\xf9&gt;\x07\x7fx\xdc\xc1\xd1\x00\x16M\xd3\xc0\xf0\xc5m\xb6A\x1bU\xa9\xd2\xea\xd1\xfe\x00\xb0\xfe,\xee\x86\x04K\x99\nw?\xd0\x8e\xfd\xe2\x87\x04\xf1&lt;0z\xff\xef\xfd\xa0\xe3\xd1D\xa4\xf6!\xa4\xd1{\x8a\xee\x1f\xbaQkvo\x98\xa1\xd2\x1b\x80k\xee\x99\x92j\x1b\x1c\x84V\x83\xa1\x94r\x08B\xe8|\xcc\x99\xfd\x90\xc7jM\xe9*;!\xc1\xcdo\x9et{\x9f\xfb\x0f\xa0\xf7\xc9\xf7\x8b0\xd4\x88\xa1\xc9\x08\xf4\x89\xf7\xba\x1f\x8e\xb1X\x97\x87\x93\x8a\x07.\x15GO\x07/&gt;k\xeeX\x04.\x17t@*-A\xb8\xb4T\xc6\xb2J\xc8\xad7\x89\xe5\n\xba\x11\x87[\xf9\x98\x1cS\xf4\xef\xf9\xff\xa3\x86z\x88\x91X,l\x0cLD"\xa1\xbe\x1a\xbb\xbc\x04\xac\xab\xfe\x11F\xaf\xc1 \xa47\xd1f\x1b\x9a;\xc6\x17m\x8bT*C\xa9GX\xafc\x99L\xc8Cn*\xdd\\W\xd2\x8b8\xdc\xe7\xc2Occ"\xc0:\x01*\x16\x8bE\x02\xaf\x01\xd5\xd8\x93\'\n\x12\x0b/\xc30\xc5\x99\xc9\xa6j\xa5\xd1\x0ct\nx\x11qQ\xa9\xdf\xb0\xd6_\xc7\xfe\xcc\x84\x98d^\xe9F^\xc9T\x0fX_\xfe\x05m\xe1\x9e\x7f\xe7$)\xc3\xe3\x11\x17F"!\xac1\xfc\xa4I%LM\x9b\xa6_\xda\x85Ho\x19 K\xcc".Pb\x8cz\x95^(\xb4 u\x9a\xd9"\xe7\xc0Z\xedo+\x98\xbcp\x9d\x9f\xbf\xdc\x92X2\x84\xb5\x01\x8d4\xab\x87U\x86\x82_\x0c\x7f\xd6\xdb\xf8\x8f\x1a\x8dO.\x95r\xa1\xaf\x18 \xb4\xe4x\xc8\\\xcd\xcazF\xbdR\xaa%\xd0\x85 l\xb63E^\xae\xa9\xa5\xc2X`\xad[\xd6%`\xedm\xc8d\xf8\x1eV\x0f\x89\xc4*c\xb10E\xdf\xcd\xa3\x01\xfd\xb4O\xab\xa1CS\xf1=_\xdf\xc2\xcf\xb5\xa2&lt;\xdf\xd0\x80\xd6e\x90P\x87\x96\x82\x89Df\x97\x9f\xcb\xb5\xdcH\xff\xa8\xb4\xb5X\x97={\x9bwX==\xc8\x8d\xe5\xa7x0&lt;\xde\xd1\xa7\xf0NPA@\xf0xM\x1c-\x8d\x9f\xd3(\xeb\xd1\\W\xa9l\xef-c\x1d%b\xdb\xc1\\.\'\x9eMWt\xf8\x86\xfb|\xef\xf6\xf2\xb2\xe7pso\x07\xb0\xc0\\\xd8\xff\xb0j\x0b\xc3##\x0f\xbd\xa6\x99\x97RM+\xadU\xd3\x02Fi\xa0\x96W,\xaa\x86^\x82\xde@\x1fZ7\'\xcc\x89D)\x97+E\xae+Z\x7fp+\x1b\xa4K\x16\x84\xbc\x7fGV\x0e\xadoTccg\xc3\xff,\x8c\x98V\xdd\xee\xb8]\x17i\xa1\xb5\x94 ?\xd4\xdb\x06\x1f\x83\xbd\xda!\xc7k\xe8\x14\xc0\x8a\x99\xb7\xf7#\xa5\\S*S\xd1\xd9\x1bn\xf9\xf0\xf2\x8a\xa4\xd8\xf3o\xee@~\xc0\x7f\x83"\x8dABUt\x9f\x05\xe4Q]\xca\xae\x1b\x1a\xa2\xd3\t\xed\x10\xeb\xe3\x8b\x83\x83\xd4\x8ef\xe82\x08\x862\x969\x9c\xd8\xd6\x95JM\xd9\xcaN*q\x9d\x9bW\x97\xb7\x93~\xc0\x02\'b\x18\t\x8f\xa0\xf0y\x0c\x83\xb0O\x06\xd2\xdahD\x18MY(d\t\xbd\x1d\xe9\x07H\xf2.\x14\xefhjC\x81\x92h\x86\xde\x07a\x1d\xbd\xadpM\xfc|\xc8\xba\xbd\xf2\x83\x13!A\xb0P\x9a\x87\x9f\x80]\x84aX\x7f \x1d\x95\xa7#t-X\x8b\xcc\x07u\xaa\x84\xd4\xe0\xb2\xd9\xea\x1b\xda\x11\x96\x90~g\xad\x8c\xb0T\x12_W\xbaT\xaf\x1c\x8e\xdd^\x1d,\x94c\xab\x1c]\x10_/\xbcP\x1a\xbdq\xb9\xd4i\x07kIu\x11\xa1\xd8\xca\x97\x88\xf5\rJ\x06\xc3\xe5BXh{7dY\x0f\x9b\xcd\x89\xccP\xa9)\xb2P\xe9\x15\xde\xfc\xe1\x93[\x0cam .\xc8\x10=\x97==\xf8\xa4w&amp;.\x8f\xca}\x0c\xa5\x8a\xa3bP\xa5\x04\n\xb4`\xe2V\xbd\xb2\x1e\n\x0f\xe4,(\x91t\xd05\xc1px{_\x10\x19\xfa\xb5\xd2C\x1b\xdcw\x9b\xdd?u\xdfa\xc9\x92\xe0D\xa8\x84\xf8d~\x06\x8d\xfe\xa8\xd4\xbe\x89\xe1\xbe\xc7\xae\xc1&gt;W=\xa7U\xcc\xe7\xf3\xc8\x04\xa9\xb2\\x\x00\x0b\r\x9a\x83\xe1 `e\x7fLU|\xc4\x85\xfb&lt;)K.\x1c\xa0\xa2(\x12\x89\x14`1Y^\x1d\xb7G\xa3v\xdb\xcc\xa8\xe9\xc1\xf0pa\xb80\xde|\xacl\xe8\x15\xf3\xb9|\xb20"\x05Mc\x00\xc9L\x11 \'\x86\x13\xfb\x82\x94NW\xf9\xfd\xdd\xf2\xde\xe1\x95\xff\xe0`\xe1$\x99\x14\xe11&lt;\xd6\xef5:\xed)\x9d|\xba\xdf;Q(\x14..\x16O\x8f\xe1q8\xfaV\xfe\x00\xd7J\x11j\xa1\x1c\xa1\xa3\x1b\xb2\x00B&gt;\x16{\xcf\xa4g\x13\x95\xdf\x18,\xfb\x0f\xaf\xf6\x0e\xfc\x0b\' \xb8d\x98\xa2\xab\xcb\xe8\xccf\xa3N\xa3\xa9\xaf\x80\xde\xe2\xe9\xe91\xda&gt;\xcd\xcd\xcd\xb54q\xb9V\xe0B\xd7@\x022\x99\tR&gt;\x8c\xb0\xc4\xd7\xaf*\xbe_\xc1u\xbe9\xbc\x02\'\xee\xfd\xa2\xce\xe7E\xb2\xae\xdaQ\xa33\xaas\x8e\x1a\x17\x17]\x17\xe3\xa7\x1d`\xa8\xd9\x9b\x12*0\xb4&amp;\x1e\x9fk\xf5\x90\xc5\x94\x16\x8a\x80B&amp;{\x98\xeb\xb1p,\xf1\x9eI\xb9\xae\xc2\x1e\x03%\xfa\x9d\x05\xff\x02\xc2J\xca\xf2\xde\x99Ug:\xea{Y\xdf|\xfc\xec\xd9\xb3\xe3g7\xb3@U\xe6\xe2\xf3\xb8\\.\xaf|\xceU&gt;\xe8\x02,d\xad\x98e)S\x85\r?\xc8\xf9\x9e\x9d\x03\xff\xc1\xf3\x17^\xe0\xca{\xe3n\xa7N\xaa\xe2\xcc\xce\xcd\x1e\x9f^\\\\\x9c\xde\xbd\xe3\xd9\xd2\xc0\xa3G\x03\\\x9e8"\xa4\x8b\xc5L\xb2\xc7#a\x16c\xe6\xb09\xf6c\xa2*\xab\xbb\xce\xcd\xc9\x9d\x85\x03h2\xbce.\xa3[\xae\'\xd0\x9a\xe6\x00\xaa\xf0\x05^\xe1\x02\xe2\xfe\xf4x\xae\xc4\x1fx\xd4\xc8\xa5\x0b\x85\x04!\xf2\xa0G"\xf1\xac\x87w\xc3\xe1\xcc\x87\x95\xaa\x8c\xdd \xd1\x7f\xfc\xbapp\xae\x0e\xa8\xd5/\xf2y\xc8\xa3*U\xc7\xe2\xe2o\x85\xc2\x97\xb3\xb33\xe0\xba\xc3\x82\x0e\x162\x17A\x1b!\x10(\x88\xca\xe1\x98\xda\n\x16\x83\xc1\xb5*-\xabq\xb8\xa7\x07\x0b_\x17&gt;\x06\xd0lT\xed\x1d\x8d\xbb\\\xbf\x8dt\xa35\xfa\x19z\xa6/e\xac^\xf8\x10A\r\xceJ\xb5\xd0Q[=\x1e\x87C\xe2\xd9*\x16\x83\xb1\x0f\xd5Z\xa1\x03\xd7\xda\xd7\xaf\xe8\xee\xc7\x180\xaa\x03\xd3\x13\xb5\x0f\x15"\x0c?\t5\xe8\xcc41hCGe\r\xbd\x9a\x16\x1a\xaf\xa9\x85\x83\xee\xde\xe8\x12\x89\xc4\xc1\x96\xbc\xdb\xda*\x86\x13\xaf\xaavq\x80[^;??\xff+\xb0\n\xcf\x18\x98\xb9\xdf\x0f\xfa\x01\x8f\x95K\xa3\xd1\'OA\xc5QJA\xc9\xd0x4\x8dT\xaa\xd5\n\xc9\x0e\x07\x9b\xcdvL\x85B\xc5\xdd\xd8\xdb\xeaa\xcd\xaf\x9d\x7f\xfa\xf4\xd7\xaa1\xbe\xea\x8e\xc7\'\xfaeXYM\xdcQE\xc8B\xa9\x1et\x1f\x81\x02}\xb5\x9e\xa3G\xe3o\xf6\x1d\xd6\xbb\xd0V1\xf6\xb4zw#\xf3\x1f\xbe",P\xc8\xbe\xb8{&amp;\x0fj\x0b\xa0\xf0x\xd1\xfd\x19\xe8\x12\xb5z\xadJE\xd0\x10\x0c\x86V\x03\x81@\xd0S\xac\x926x\x8055\x15\xda\xad\xea\xb5\xd4\x1b\xc0\xfat\xedL\xbb\xedN\x9fQ\xdd\x8fB\x8b\xc5\xc2c\xa2~\xd3\xe8\xb4/\xaab0T\x9cv\x8e\x96\xd0j0h\xe8V\x07\x9bHl#\xb2\xe1S\x9c\n\x15\xd7\xaax,\x85{\xba}\x9d&gt;J\xc3\xb3;\xdd\xf1\xe9\xfbI\x08-\xa4%0Q\x97\xa9o\x90\xcapQ\x95\r*U\xbb\xde\x00O,i\xab#\xa2W\xc6\n\xbf\xa9\xe2M\x12n\xfews\x99J\xeeD\xe6\x1a\xcd\x8b\xc0\\\xc8\x8f\xfd\xb5#\x805\x8e\xda{\x08\xfbvp$\xc5\xca&amp;\xd6\xd5\xd5\x11\x91\x1f\xa7\xa6\xb6b+\xd5&lt;I\xc2\xfd\x918\x02\xdd\x90\x8d\xca\xe5&gt;\x08\xfbQS\x17\x8a.\xd0\xf3]\xf7kA\x08.R]\x08\xac\x1d\x04\xbc\x95\xddF\xack\x04.b\x1b{\xea\xdd\xee\xbf\xabzX\x86\xfb\xdb{\xc0\xd2E\xe1\xf9 \xbe^\xce\x88\xf02\xfc\xe4\xe4\x86\xd7T\xfb`\xc4\xf6\xd8\xe6\xa2R]\x0c\x95\x9e \x84\xaf\x90]\xc6\x02{\xa14\xff\xaa\xaagx\xb8\xce53peSQ\xb9\xdd.\x97\xc7G\x93\xc9\xfc\xc6\xd5F \xa0\x9e\xf6N\xfb\xa8.\x17\x83A\xad\x97\x12\xe8b\x88\xf7\xb6\xba\xf2C\xd6\n\x85\x9fV\xf9jqy?x\xa4[Z\x8aF\xd3\xf2\xa8\xdd\xadV\xc7\x03/N\x02nH\x19\xa3\xab\xc0\xa9\x84:\xa9\x8f\xdcQ\x11\x1b\xef\xb0\x88\x80\x95X\xae.\xd5w\xb8\x9f\x83G\xaf-\x96\xa5\x88\x0e\xa4yz\xd5\x9dv\xc2o\xda\xe9t\x1a\xddY\xdd\x10}\x08D\xb2\xd5\x8a\xb2(\xb8\xb0\xb1\x1c[D\xf6\xbb\xadL\xd5\xb1V\xf6\x83\xbb\x16\x0bS`\x11,\xa5R\xd9T6\xed\x84?Y\x9d3\xad\xb3\x08@\xc5\x00\x13\x97\xdd\x06\xb9\xa1\xae\xae\xa6\xa6\x06Q\xb5M\xfd?\xb0\xe6\x7f\x0f\x16\xd7\x97\xd0\xbf^\x90\x05C\xa9%]6\x9d\xb2D\x91\xf1,\x12\x8f\x83\x8f\xccD\x84\xa8jD\xb6\x02k\xc1\xe7\x085\xb1\xb8]}\xacW\xdb\xc5\xad\x90\x80)\x08M9&lt;\x16\x8b%\x95\xb5X\xd6\x05\x82!\xa6\xa3M"\x81\x88B!\xd5\xd8\x08\x96\xfa\xbe\xa6\xa6\x11\xa5\xd3)\xb0V\xd5\xb1\xbe\xeb|u\xfe\xebV(\xf4\x8e\xc9t8\x1c\x1e&amp;\xd3\xb2\xf4_^\xce6\xa6\xc9s\x8d\xe3\xa7\x14(\x16ZJ\xe5M m\x03h\x0b+\xc4\xc8R \x0ct\xf2"\x01\xa7\xe7&lt;\x18A\xa4\xcd\x90\x00"\x14\xca\x10\x11\xcc\xa8\xdb\xb1$\xa7h2\xec\x82q\x95t*\xa7\rE\xa78T\xf0\x84cDg\xa6\xa6"\xb8\x97\x0f\x07%\x06?\xb0D\x88\xdbH\x88_v\xce\xff\xba\x9f\xfa\xb2\xc5s\xce\xceF\xcf\xc5S\xa5\x91\x0f?\xff\xd7\xff\xba\xae\xfb)\xf7\xfd\xf0\xbf\xe1\xc7\x00l\xcd\x87TqH^\x04\x98"CI\xae8j\xa6c\x9d\xbeW+\xed\xdc\x9dG\xa7:\xc7\xc6\xc6Z\x9bj1\xef\x12\xb3S\xe1\xa8d\x8c\x98\xe4d*\xbf\x08B"\xaaH\xf8\x8a\xba\x03\x8d\xea]G\x0e\xfbz[3\xb0\xda\x1f\x9d\x1a\x83\x04X\x194\x01\x8cV/$K\x1c\r\x1ad/22r\x03^\xde\xae\x85B\x84\xb9|\x8f%:\x7f\xb3\xbd\xe7\xfb\xbdL\xaf\xd6&amp;\x14]2\x88Bi[M\x1cs\x14mc\xd9\xb0\x01\xefC\xc9c\xc4\xfaf~vW\xaf\xcf\xb1F\xee\xb4\xe3\x16\xf1\x0c\xc4JE\x02k\xe3X7_\x05+\xc5\x85n\xf0Bm\xc0;\xca%\xb1\xc6\x11V\xe5y\x9f\xefM\xef\xbdIX\'\xa0W\xd3Xj+\x9b\xc8,udt"b)$&gt;&gt;\x8f[\xe2\xfe/X\xa2\xde\x03=zt\xf6\x13;:ki\xad^\x0b\xb5\x08-4\x94\xc7a\x8eg\xaa\xb1,\xae"\xac\xd4\xaf\xce\xf9\x1c\xeb\xf0\x81\x9en}7\xf4\xda\x91\xdaD\\\xc9dvtNrV(mH\xe23\x19\xca\x9a\x17\xb06g\x00k\xd0\xe7X\x7f\xb9\xf5@_jjl\xab9\xb1\xe3PbS2aEP"#x\xc7\xb3L\xbe4\xd7\x96\xcd\xc9\xc0:\xf5Y\x9a\xcf\xb1\xf6\x1foo\xa6=\x805Xu}\x98\x8a\xb51\x8d\xe4\x08ok`[\xca"\x89\x88Am\x89\xdb\x9c\x91\x95\x9fz\xc6\xc7\xe7\x0b\xe8\xf6g\xff\xf1\xe6Rp56\xee.,\xfc\xf3G\x1f\xad\xc7\xc8\x89X\xf5\xbc3\x90\\\xafP!\x85\x19\xb5\xf9\xa9\xc7~\xf4\xf91\x91\x8e\x93\xc7K\x11\xcd\xdd\xdd\xdd\xb4g\x92\x91\xe5\xb1\r#\xa0\xd8\xb2j\x0b\xcd\x1c6x\x08\nTP+\xf1\xd8%\xdf\xb7y\xc2\x92\xcb\ru\x03\x03\x8d5\x1f\x17\x16\xd2v\xce\x02\xf69\xa9:3+\x83\xd11$/TF\x16\xb0\x0e\x1d\xe9\xf5\xf5iE\xd1 \x92hP*\xe5\xcd\xb0\x17-\x9dqQ\x14\x17\xd0\xb2\xb4*+#\x83\xe9\x16\xe7e\x02Uf\xe2\xaeJ\xba!\xf3\xedz\xfe\xdc\xa7\xa5r\x03\xa8\x9a\x95\xa6\xee\x81\x81\xb6\x9a\x9a6\xba=\xdb\xddVX\xb6\xfe\x8d\xc4\xaaL^2R*++\x93E~k\xf6\xa9\xb3\x0b#\x02\x9f\x1e_aXr\xa8%74\xd7\r\xe0\xbe\x7fw[[\xe3\x00Uf\xc1\xfa&lt;P\xe5ge\xb0\xf02!\xaa\xaa\xb2\xf7^\xea\xba~\xf6\xbcO}\xcf\xb0\x84J\x85B\xd9\\\xb7u`7$\x83h\x03\xa6\xee\x9a\x82\x8a\x98\x98\x18uLLfV\x16\x94\x8aQ\xab\xf1}L\x15q\xa5\x1e\xbbt\xf0`\xd7\x8d\x85\xc3&gt;\xc52\x10\x96P\xa9\x04\x98\xa9\xba\xad\xdb\x84\xd0\x9bLm\xc5\x15jM\xd2\x1b\x1au\x15\xb82\xd5\x1a|1\xb2\xaa\x98\xaa\xc4C\x95\x07\xaf\x82\xeb\xa8\xef\nRt\xee\xa6\x01Tr\xa1P\xa8\xd0)\x9aM\x03\xd5[M\xa6:\xbdi\x00ji\x92b+\x92\xd4\xea\xcc\xcc\x18\x8d&amp;))I\xa3\xd1\xf0\x92%n;s\xa5\xf3\xca\xc1\xeb\xe3\x0b\x9c\xaf\xfa\x83\x80\xb0 \x97\\\xe8\xa7\x00\x97\xb2\x94\xf6M\xd5\x99\xb6VG\xd1\x01\x8c\xd8\n"\x01TKKI\x0b\x81\xe1]\x9e:/\xfb\xd8\x95\xb1\xce\xf7\xaf\x8fO\xdc\x17\xfbf\xb7\x94\xd88x\xb3\x14P\xeb\x84\x84\x05\x83\xe9tT\x95\xcdoWk\x8b\x8a\xa3\xd3sJZ** TINlIII\x8b\x97+1\xfb\xd0\x99\xb1\xa6\xab7&amp;&amp;|\xc3\x05*\xc7mfyP\t\xfd\xfc\xfc\x14p\x98\x0e\x9a)\xe5oW\xaf\xa1\xcd\xfb)\xe9%I\x1aP\xa5\xe7\xb0\xd3\x18\x085\x9d_\xd9\xb5w\xec\xcd\xcfo\xb8\\\xc4\xb5\xfcTR\xab\xfd\xe8-\x86\x05$/\x16jRw\xf1\xe2&gt;\xfaTwMT4\x1d\xc1Hj\xc9IO\xa1C"%-\x94\xc8&lt;\x92kWg\xf2\xe7\x13N\x1b\xf4ZXn\xdf\x8b:8\xe3\xfd\x1b\x8f\x8f3,!\tFl(I\\l\xf7\x9bv-\xd2\xd8\x92\xd4\xf2^:T\xcb\xf1ri\xa0V^^\xf6\xae\xda\xab\xf7\x1d\xb6\x89\xf1\xf1\xf1\xe5\xe6J\x93r\x96\x89\xca\x07\x7f\x02\xd6:\x00\x11\x15\t\xe6\xa7\xa4\xe6J\x87CH-\xb8\xab\xe4\xbd\x94h:\xbb\xc2\xb8\x9ecmk\xed\xb2\xdbm\xd3\xe3\x0f\x1f\x8e/,\xeb\'\x96"\x81\x98\xb3\xdf8\xd5^\xca{K\xe8\xe5R\xf81\xae:\x96\xc4\xa2\x94\x1cX=\x9d\xb0(\x8dd\xaf\x8a\xa4&lt;\xcd\xea\xd5\xab\xb7u\x1e5:\\\xa0\x02\x97\xbdc\x19\x07Q\x87\x14X]\'\x08K\xb8\xce\x0b\x85?\x14\xc4%\x84\\\xc0\xd2\x16\x91\\9\xe9\xd1\xf1t^\x98\xa5\x91\xea\x12X\xdb\xb6\xbdo\xb48\xdd&lt;\xd6\x84\xc3\xd8\xb1\\K\x8a\x0e\xa9T\xca\xd9+\x0b\xf5\x06\x03Sk\x9d\xf0\xa5d\np\xd5\xb1\x13&gt;\xc0\xca\xc9I\x89\x8fg\xe7\x85\x81H\r\xa3\x82\x1e\x7fp\xe8\xa8\xd5\xc2r\xf8p|z\xc257\xe7\x90.\x8bbi\xa0\x92\x8a\x8d\xd7k\xf4\xa5\x06&gt;\x87\n\x96A\xa6\x17\xfa\x97\x17+\x1e0)\xd1ki\xeb\x0f\xb9\xbe\x04\xed\x8b&gt;x^\xffa\xe5\x08r8\r\xc7\x8fO\xbb]\xce\xd9\xc5\xd1Y\xa7\xf8\xf7?\xfd#M\xc0\xb0\xb8/\x19\x96\xd2\xebx\xf0P-\x92\xedY)\x02+\x1a\x11\x1f\x1f_\xc4\xd4\x82\xbdbc+\xd6\xc7\xc6\x96\xed\xf8\xccjt\xba\xa7\x19\x95\xcd\xe9\x98\xf2x\xc2F\xe7\xdd\xbf/\x97"QZ\x87@J`\xe2\xfb_\x99J\xd1\x10H&amp;\x1e\x8c,/$smgXtN+\x9eiE\x91\xbe\x13\xf3(6vgY\xc1\x91^\xab\xdd\xe6\x9e\x9e\xa6\x0c\xda\x1cv\xf7\xa2D\xe6\t7ON9\xc4\xbf\xf5\xf17\xf4\xa8\x1a\xb1@\xc0\xcbe\xbcd\xa2\x93&gt;J\xa5\x9f\xd0\xefe-\xea\x14B!;&gt;\xa6%.PA\xb4\x14*F\xe8\xb5s\xe7\xce\xb2\xe2\x8f\x079\xe4\x10X\xc8\xa0\xcdi7\xda\x16\x83$\x92`O\xf8"I\x96\xf6[\xc8D\x1dF\xf7\xf4s,\xc8\xd5\xa3d\x9d\x9dL\xc5;\x1e9\xd41\xcfS\xe7\xd2F\xad-b\xceB\x14\xa4\xa4\x94\x01\xac\xac\xa0\xb8\xf0\xac\xd5jq\x02\xcbMT\x0e\x8b\xd1\xb1\x04,\x89\xc7\xe3\tW\xf5O\xce\xda\x8c\xff\xab\xffE"\xab\xfbI\xbf\x8bRH\\\x02)\xf7\xa5\x89\xe6\xa0\xc2\xdb\x1e^X\x9e\xc7j\xd0\xbe\x1b\xb5v-\xaeb`av\x17P\x14\x15~?\x02\xb1l.\xb7\xcbEZY\x8c\x9ce\x89\xa9\xe5A&amp;\xc3\xc2\xc3\xfa\'\xe7lVZ\xed\xffJ6\xa4\xcf\xf5\xa4\xbf\x7f\xd2(\xf5\xaa%\x90\x8a\xed\x8f\x0c\x98\xce\x98\xcfd+\xf2&lt;\x0bf.r\x97\xf6]-\xd0\xe0\xf8\xf8\xa2\xa2bz\xceGqQa\xcdm\x0eb\xd9\\\x8c\nZY9\xebSIp\xb0D&amp;\x93\x04\xcbd\x84\xa6\x1a\x9d\x9cuY\x7f\xd5\x83y\xf03b\xdb|\xbf\xd9l\x9e\x12\x13\x16\x81\xe1\xc5-\xf4\xe8t\x1b\xf1\x85\xa0%\x17\x01\xf2\x9e\xe7\x0f\'\xd2~\xd3(p\x01\x8b=\x82$\xaa\xb0\xe81\xc7\x19\xed\xc0\xb2\x01\nT\xc0\xe2f\x13\x82\x82\x82\xfc%,V\xc8&lt;D\xd6\xffd\xca\xc1\xfd70QZ\x9a\x94A\xa9T\xa3v\xd2\xc9\x8b%\x80\xebK7R\xe8p\x91d\n6\x16\x85\xac\x16\xab\xff\xd8\xb0\xe6\x83\x06hF&lt;QZ\x8a\x1a\xed\xeeA\xceJX\x04e\xe7\xa9\xac\x96\xa5\x99\x04"ch$Y8\xc0\xcc\xa3\xf3.\xee?\xee\xab\x17\xa5Y]\xf3\xfd*\x8a\xb0Y1\x8f\xe5\x95L|\xff\xd1\xc6\xdc\xdc\xdc\x8d\x1bsy:\x05\x19\x9f\xb0H\xad\xea\x0f\x1a\xaa\xf9\x8a\x04\xd5\x1a\xf6\xe8\x96\x9a\xc7\xbd\x0c\x0bagT\x84e[\x9a\x01\x17\xc8\x98^2\x8f,\x80\xb8\x08\xccm\xe9\xf8\xf7-\x81\x8c\xaeR\x95\x97\xab\xca\xc3F\x1dR&gt;\x89&lt;\x16\x06\xf6Y}.\x1f&lt;\x97\x8e*R\xce\xbc\xb5\xb5\xfa\xafo\xa3\xdd\xa3"\xb5Z \xb5Q4\x0e\x8a\x81eq8\x1d&lt;\x15\xa4r?\xfd\xe7\x0f33L/\xc9\nP\xc9\x88\x8a\xb0T\xaa~\xe4\xf2\xf5P\x7f\x10X\xa6\x08J\x15\x86P\xfdm\x8a\xe3\xc4\xaf\xa8E\xae?\xb2oS\xee\xa6\xe7h0\x17\xeb\xae\x98\xd6\xb4\xae\xdf\xbe\x9dq!\x80\x84[\xb5\xb6\x1f\xad\x16;\xb2\x07&amp;\n\x87\xeb\xe1\xd3%\x065CR\xc1W2Y c*\'*8\xd9\xdc\xffZ\x9f\x03j\xd2\xcc\x98B\xc2C\xc2\xccn\xfc\xffx,\xaf\xed1\x82\x8e6nz\x11\x90\x8cU\xa4\x02\\\xf2\xed\xdb\x85\xdel64\x80\xa9\xbb\xbb\xe7\xc1\x81\x11\xe7\xd4\xdc\xd2\xe2\xd2OO\x11?\x81\x88\x02Hp\x95L\x16LM\x02R\x91\xb7\xf8 \xb8\xd7XJ\xe0\x9c\x1b5\xe3\xdf\xc2\xe8g\x02C\xc2\xc2\xe6-V\xc6\xe5\r\x01\xd67VK\x97\xfe\x93\xfazF\xb5\x12\\:V\x8f\xb4\xba\x11\xd2w\xb8\xe7\xc0}Z\xf5@\xb7\xbe\xfd\xce\xa0\xd1\xe8p\xcf-&amp;@\x9c\x1ff\x803\xf6\x05\xe2\xdaPPB\x90\xbf?\xf2\xe7\xef\xbf\x82J1x\x05^\x08`"\xa1\xb2_\n\x95f\xb5\x01\n~\n\xe3\xa9\x02\xd1\xec\xc2G\xa7\xec\xe0\x12\xf3\xb3\xc7\xe1\x9e\x9aG\xef3\xde\xde\xff\xf7\xcb\x9f\xd0V\xe2\xfa\x95L0\xaf\xcdX-\\\xdc\'\xaf3\xe1\xae\xb6\xfd\xce\xc9^\x98\xca9\xefIx\x1e\x17\xfa\x9e\xf5}\xfdu\xdf\xbdk\x17\xae\x9d\x1e\x0e\xf2g\x95H\x80\xc4\xc6w\x0b\tz\xd9/\xa8\xac\xb0\x14\xd2W\x8e\xc6\x1bBX\x010b@`\xb8l\xe9\xe9\xac\xdb\x8d\xbb\x03\xb8b1!H\xa6z\xe2\xe2\x04\xd2\xc3\xe7n]\xae\xe7c%\xf9\x8c\xf62\xe6\xd2o\xd4\xa1\x9eR\xd9\xdc\xac\xff\xf4$*\xd0ju\x8f\xbe\x80J\x18\xea{\xf6\xec\x8b\xd3\xc3C\xc3\xd7\x80wo\x08d&lt;\x9a\xbf\x7f\x90\xe4\x95\xf8Y?w\x10\x14\xa8\x18\x16\xa0B\xc2\x03\x03p\x05\xc8$A\t\xc3C\x17\xfa\xf6\xfc\xe3[\x7f\x129@e\xee\x9f\xb3@\xbb\xc3\xe7\t\xec\xad\xfa\xb7Vnz\x87\xed\xc0\xc6\xab\xde\xcbe8~k\x84CXf\x17\x83~\x86\xb5\xe7\x1ee\x90\xf8\x9e\xf5\xf5\xdd;=&lt;Lh\xfeD\xe6\xcf\xff\xfd\x12\x0b\xd9\xe3\x90=j\xe8f\xd6\xa9\xca\x89\x0ch\x81\x10,@\xb6B2\xf4\xed\xdd\xbb{\xbe\xf9\xe6.L@\x1e\x081\x9b\'\x9dT\x98\xe2\xf3\xfb/\x7f\xf7\x1dXh\x036\x8b\x7f\xb5Y&gt;-n[Q\x14WA\x12\xd6?#\x11\x7f\x00C\xbeCW\xd9w\xef\xa5&gt;\x82\x86\xd0mi\x16]\x05\xc4\x10\xba\tt\xd1\xc1\x0c\xc3\x1b\x9c\x92.\x12\tCcD\x07\xb4\x10ZE\xd8\x01[ /\xbdP\x0670\x8b\x0cu\x98Y\xf4\xdc\xfb\x9elg\xd2\x87m\t\xd9\xa0\x9f\xcf9\xf7&lt;\x81\xf1\xd1\x0f\xbf~\xff\xc7\xb3\xb7\xb6\x8d\t\x9e\xdc8\x9e$\x92p\xf92\x8a\xc7\xe2\xb1XFQ\xb4\x9c\xcf\xd3t\xbe\x9c\x179\xd9\xa9\x0b\x18\x9b\x08\xc2\xf3T\x9d\xff\x8cB\x98\x01\x89k*\x08\x03\xd7U\x1e\x1a\x10\xcb\x98\xe6UU\n\xa7 ,\x19\x00\x07\x82\xcd&gt;\x8ch\x00\xecw\x17W\xd7\xd7\xe4\xe3\x13\xb5(lWoF\x80\x1a\x9d~\xf8\x97\xa4~\xac^\xb4\xa6y\x91\xf7\xa6sP\xc1\xcc|\x8c#\xdeK\xa1O\x13"\xc5\xd9T\x88\x9e\x8c\xf9d\xb3\xe0H\x85\xb2\x13(\xe9\xa6a\x9a@\xc2[\x94\xed\xaa\x15\x18\xe5t\xbdZZ\x16\x83\xc1J\x08\xf6\xe9L&gt;S\xfc\xf6\'y\xf9\xe8D\x89urr\xf5\xe6\x05\xa4\xb2G\x93\x9b\xf7&gt;tP@\xbctv,\x01J\nDH\x17\xcd\xd3/Q\\\xe4\xe3q\x1cG\x98\xd1i1\x1e\xa7x\x98:#\xa1\x86\xbfpu\xba$\x93\xcb\xcb4\xe9\xc3\xc8\xaaf\xbdZ\xb5[\xd3\xf0\xd3\xd5\xbav\x08\x0bC\r.#\x1c.^\xf5m\x9a\xd0\xefF\xf0\xf2\xf7\'\'\x04v\xf2\xd7OoG\x04e\xf7_\xcf\x10K\x8a\x0c\xef\xcazOe\x9b\x0e0\x0c\x91J\xa28\x06`\x1c/\x93\x14\x9f\xf1\x97T\x88\xe9\x1c\xd74N\x14\xc5)&lt; \x05\xf4",3\xab\x9b\xb6LW\xabf\x0b\xd9\xca:A\xcc\x08\xcb\xc3\xa7c\x18\xee\xf0r\xf3\xd4\xb6\x99\x0c^&gt;\xa3\xb9\xbc\xbe (Z\xcf?~6\x1c\xcbS \xb4#S\xa0\x8ft\xd3{\x02\n!^\xd4\x15\x05t\x83L\xa8\x8eb\x9e&amp;\x1a\x8f\x9e\xcaS\xe0\xba{\xa5`\xa1\x99U\xeb\xb6\xf4\xfdRb\x99\xa6O\xf1wH0\xc2\xf2\r$,\xb89\x97\x10xz\x85\x97W\x17\xef\xe8\x1c\xfe\xd9/\x17\xbeauTj\xd2\x8e\xa0\xa4\x9f4\x00\xb0\xae\xa7\xe78\xce\x85\x10\x05\xe9\x97$\xdaP\x16B\xa0\\\xeb\xb0 \x8e\x99\xado\xd7\x19\x8e\x12\xcb\xe0\xcb\xe0\xf2\x1d\xb9\xa8\x8d\x8d \x9c\xbd\xb6\x95&lt;(\xff\x17\x8a\xd1~\xba\xb9|\xef\xe3\x0f\xe8\xba\x1a|\xb5z_/\xf4N\x9e\x16I/\x87lK\x81\xa6/\xe2x]\xcc#\x8d\x83N[\xdf\x9e\x87\xd7\xb6\xac\xebrEX0\x8f\xb3\x05\xe8\x01a\xed\xc1\x88\xca\xf0\xcd\xf0\xf3\xe6T\x82a\xab\xec+\xaa\xc9b e\xa5i\xf7x\xe6\xd5\xb1\xf7\r\x9a\x8evE\xc0\xc6\t\xa4e\xd1\xf28\xd6\x90s\xe2\n\x8e\xb0\x0c\x1f\xee\xdd\xdf\xdeV\xeb\xdb\xfb\x0c\x97\xb2\xa6\xce\x82\xbd\x88\x84E:`\xfb"S\r3\x0c?\x9dv"\xd9\xcc\xd5\x7f9\x1b\x18\xcal\x8f\'\x97\x99&lt;\xaf\xf7@2\x96Q`/\x82\x939N\x13\x9c\x8c\x05\x06A\xa3N\x08\x0e7e\xa1\xaa\xa6\x05\xd2]\x0b\xac\xd25\xdd0sC\x1a\x88\xc1\x1eK\x8aEXD\x16\x0e\xff9\x93\xb1\x97\xdb\xa6\xfdj\x16\x98]\x08=OUQ@\xed|\x00\x00\x01TIDAT\x9d\xc5jy_;I\xea\xf1\x0cF\xe9\x94,D\xee\xf34Y\xae5\xda\xfb\\YR\x1c\xf4m\xd9\xee\xdar[6\x1d\x96\x0b5IO\xf6\x8f\xdb\x95\xa8,\x8e\x96\xcfX\x08\xd8\xe2\xac\xdfa\xa1\x17.\x07\xf4;\x96\xd4z\xb8T\xd6\x8e\xc0\xd0\xaf\x98=\xfeR\xe4E\x9a\xc6Q\xbc\xd6d\\\xe8\x86\x94\x1e\x14BS\x95\xe8\xaa\x1d\xd4j\x08\x8b&lt;\xe6\x02\xf3\xa5e8\xf2\xf6Cb1\x18]\x0c\x86\x8bs\x85e\x9fn.\xd5\xef\xfc\x87X\x9e\x94\xaf3R\xe5\x0c-\xa8s\xe5\xf0\x17V\x8e\r`\xac\xa9\xc0p\xcc\xb7\xd5\xae\xa9\xb2\xac\xda\xed\xaa\xac\xbe\xbbk\x9a\xfb\x16\xa1\x82R2PFW\x10N\xc7\xb3g\x1d\x04\x8bs\x12\xca\xee?\xff\x18\x98|\x95\x13\xf8\xadZ\x1d\xd6~2u5\x10\xb2K\xe85\x15S\x8d\xea\x8a\xd3\x05\xa1\xea\xaa\xde\x12T\x9d\x85.a\xd5%\xb9\xc7J\xd1\x9d\xcc\xeen&gt;\xdc\xde\x93I.3 \x1f\x11\xf6\xc5\xc0\x18(b\xdf\xfa\xbf\xe5Y\xddp\xd2\xa3\x82~xp8,\xcb\xd2\xf0\x1c\x8aB\r\x91\xa8]\x9b!X\xf7\x80rCd\xebnW\x07\xd8\xb8]S\xfagR\x02\xe5\x99\xeb\xf2^\xd9M"-|\x17.&amp;#\xb4\xd5\xc0\x18\xec\xb1\x1c\xe7\xa0\x96s\x8c\x85;\xff\xfd\xe3\xc1K\xb5+1\x1b\x91Z\xd6\x7f\x08G\x93\x8ep\x90\xe0}\x00\x00\x00\x00IEND\xaeB`\x82'</t>
        </is>
      </c>
      <c r="M106" s="3" t="n">
        <v>45492.67746527777</v>
      </c>
    </row>
    <row r="107">
      <c r="A107" t="n">
        <v>282557</v>
      </c>
      <c r="B107" t="n">
        <v>1981</v>
      </c>
      <c r="C107" t="inlineStr">
        <is>
          <t>Luciano</t>
        </is>
      </c>
      <c r="D107" t="inlineStr">
        <is>
          <t>Luciano</t>
        </is>
      </c>
      <c r="E107" t="inlineStr">
        <is>
          <t>MEI</t>
        </is>
      </c>
      <c r="F107" t="inlineStr">
        <is>
          <t>MC</t>
        </is>
      </c>
      <c r="G107" t="inlineStr">
        <is>
          <t>MEI/CA</t>
        </is>
      </c>
      <c r="H107" t="n">
        <v>181</v>
      </c>
      <c r="I107" t="n">
        <v>10</v>
      </c>
      <c r="J107" s="2" t="n">
        <v>34106</v>
      </c>
      <c r="K107" t="inlineStr">
        <is>
          <t>Left</t>
        </is>
      </c>
      <c r="L1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3f26852-81db-4d90-873d-8838f59a39f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\xe82y\x00\x00\x00&gt;tEXtComment\x00xr:d:DAEewil2SDw:3461,j:7954900097623563676,t:24013121\x82D\x15v\x00\x00\x00\tpHYs\x00\x00\x0e\xc4\x00\x00\x0e\xc4\x01\x95+\x0e\x1b\x00\x00\x03\x00PLTE\xff\xff\xff\xe6\xe6\xf0\xed\xee\xf6\xeb\xec\xf5\xe9\xe9\xf2\xe2\xe3\xee\xfe\xfe\xff\xef\xf0\xf7\xea\xec\xf7\xf0\xf1\xfa\xf3\xf3\xfb\xe4\xe5\xf0\xe7\xe8\xf2\xd7\xda\xe6\xf5\xf5\xfb\xe0\xe1\xed\xed\xef\xf9?/0\xe4\xe5\xed\xeb\xee\xf8\xe8\xea\xf4)&amp;-\xd9\xdc\xe8.,4%"(\xd0\xd3\xe07\')\xd2\xa9\x95\xd0\xa7\x92OMP\xd1\xac\x99\xbd\x8aw4/3B@E\xdc\xdd\xea\xce\xa0\x8b\xc9\x95\x7f\xc3\x93\x80\xd0\xa4\x8e\xca\x9e\x89\xd4\xd8\xe4\xaelY\x1f\x1d%\xe7\xe6\xed\xd2\xd6\xe2\xc4\x97\x84\xdd\xdf\xeb85:\xb2r`&lt;;?-(-218B\'(\xd9\xb3\xa7\xf8\xf8\xfb\xf2\xf2\xf8qQKS?&gt;\x93`P\xc9\x99\x84HFJ\xb8ze\x9dm^\xc1\x8e|\xce\x9a\x86\x99ZF\x9cfU\x8d[Mi;2\xd5\xb0\xa0\xcd\xa7\x97\xaagR[=9`MM+\x1f$\xdb\xb8\xad\xcb\xa2\x8e\xc6\x9b\x88\xb2\xb6\xc9\xbc\x87tH32bA&lt;pIA\xa6q`\x95fX\xa1aN\xa5jZ\xb8}m|TI\x84WJ\xc5\x90w\x81aY\x92VD\xc8\x9b\x8f\xbd\x80k\xbd\x82p\x8cbVXGG\xc8\xa3\x95J:;\xd6\xaa\x9a^5/\xb0\x8c\x81\x9a_O\xd7\xcc\xca\x9fre\x1a\x18!\xfc\xfc\xfd\xbd\x8e|\xce\xaa\x9f\xaf~lxNC\xb8\x86t\xcd\xd0\xdd\x83\\QR97\xc9\x8e}\xb7\x83qyYShGA\xa4eT\xbd\x9b\x8c\xbe\x91\x81\xd0\xb8\xb1\xb7\x8bzPCD\xc2\xa0\x91\x87ha\xabtb\xc4\xc6\xd6pmn\x93lb\xca\x95\x88`^c\xb4\x92\x86J,,88E\xa9\xad\xc0\xaczi\xc1\x88q\xb2\x81ohSQ_EB\xd4\xc4\xc0\xd0\xb1\xa9\xc8\xcb\xdb\xbc\xc0\xd2U30iLGvs\x86\xbc\x95\x88\xb3xf]Z\\SRU\x9f\xa2\xb9\xdc\xd1\xcfB9;\xcc\xbd\xbd\xd3\xa2\x95ZVW\x97ul\xb9o\\\xda\xad\xa2\xc8\xa7\x9b\xcc\xc6\xc8vA7\x96\x99\xaekB;\xa3zm\xe3\xe2\xe6\xcb\xad\xa4\x80\x7f\x94\xbb\xb6\xbc\xb5\x98\x91\xd7\xd4\xd5\xb2\x87w4\x1d"\x82G;\x87PCucafdf\xc4\x89xo[X\xda\xbc\xb3\xc6\xb0\xac\xc8\xb7\xb3\xd2\x99\x8cJM\\DFTxuv\xbf\xa4\x9b\xc5\xa9\xa0\xdf\xda\xd9\xb6\x9f\x9a\xe0\xc0\xb7&lt;\x1b\x1f\x92{x\x9b\x84\x81\xf5\xf5\xf6\xf0\xee\xf1\xa8\x88~\x89ro\x9a\x98\x9c\x8f\x8d\x8f\xdd\xdb\xe0\xee\xe8\xe9\xf0&amp;6\x8eO?\x8c\x8d\xa1\xd6\xb6\xae\xac\xab\xb1\xac\x93\x8c\x83\x80\x86\xbf{g\xd9\x9b\x96\xbd\xbc\xca\xbe\xaa\xa8nk|\xb6fW\xb0qk~z}\xbf\x80yS,)\xcf\x1f*\xd0\xcd\xd2\xa7tg\xe2\xc6\xbf=&gt;L\xa8\x83w\xd9\x8f\x89\xf83A\xa2\xa0\xa8gdr\x9f~v\xbftc\xc7\x85\x83\xcc\x8f\x8d\xadcOWUd\xeb\xe0\xe1\xc7\x80p\xad\x9f\xa0\xe4\xa1\xa3\xe1\x1d-\xa1\x8f\x8e\xd2\x84{\xeb\xcf\xd1\xf0MW\xcfnl\xa6UH\xde9I\xe9go\xe8\x7f\x81\xe7\xb2\xaf\xa8\x1f)\xc3JTh\\\xadT\x00\x00 \x00IDATx\xda\xcc\x98\xe1K\x1by\x1a\xc7}\x95\xf7\xbe\x18f.0\x98\x81\xf3E\xa6\xc8\xe47#A\xbd\x89\x92\xe8\x9a*W\xe2V\'i\xb11\xab\xa1M5\xdaz\x82nV\xce^ot\xd4\xb6\xbbn9\xddf\x86U\xa6b\xa4\xf56\x95\xaaS\xd9\xb2\x9d\x9e\x85V\xdb\xc4\xa5K6Km\xc9\x89\x87\x85\xb8\x07-\x14\xfa\x07\xdc\xf3\xcb\xee\x9f\x90\xb4\xf7D\x8c\xe6\x8d\x1f\xbe\xcf\xf7\xf9&gt;\xcfXVV\x84\x8a\x96E-\xdb;?nG\x9d\xcemK\xd9\xffEY\xa2\xdb\xdb;\xdb+\x07\x07\xf9T2\x99\xcf\xe4\x0fv\xa2Qg\xf4\xe3\xc2E\xa3\xd1\xd5d&gt;\x97Ng\x8f\xcc\x94y$jrNN\xa72\x99\xcc\xae\xf3\xe3A9w\x13\xc9\xac,kzNQ5M\xa6\x19F\x91\r\xd90d\xd9L\xe7w?\x92`\x96\x954\x8d\x14F\xa45\xd3d4\x91D\x9c\x80\x18$\xc2\'"\xa3\xab\xe9\xcc\xeev\xf4#@9\x13G\n\x83\x14E@\x8a\xc8\x89\xb9\xac\x0eL\x88\xd3\x18D QD\x0c\x9d\xce\xe6w\x9d\x1fZ\xb1\xe8\xb1\x14\r\x7f[@*a\x88\x06\'\x9a\x0cA\x08,\xab\xe2w\xce\xc60\x9ab\x1a\xb2\x92\xfb\x90`\x16\x8b\xc5\x99\xcc\x89\xc0Dk\xb2F\xea\x88c\x10-\x92\xa4@\x92\x8a"s\xa4@\x90\x08\x9a)\xcb*\xad&amp;\x8f}\xb0NZ\x8e\xad\xe4\xe8\x07\x14\xc7\t\xb4\xach\xa4\xc8\xa9\x86\xc8\x13\x8cB\x12\x02\xa9\x9a"\xc7\x184Gr\x05\xc5\xb2F6\xbf\xf3\xa1\x82*y\xa4MS$\x81\x04F\x16a\xfcTE6EAA\x1cI\x11\x82\x80\x10\x92e\x1dQ\xa4H\xabf6\x97\xcb\x99\xbb\x1fB0\xcb\xce\xc1K\xc4\x08\x14\x00\x08\x82N\x8b\x08\xa9"m0\x84\xa8\xa9\x00&amp;\xf0\x82\xc0\xe9\x9a\xac\xea\xc0+\xe7h\xd3\xc8\xa5S+\xa57\x983\x9f\xcf\x1er\x04\xa13\x0cI\x89\xbaH\t&lt;\x87l0\x7f\x0cM\x93&lt;hdh\xc0\xab\xa8\xaaf\xd2\x10`\x86nf\xb3\x99R\x1b,j9\x96{9=\xcdQ\x08\xfc#\x08\x02\xc3\t&lt;\xc9\x92\xf3\x8c\x00f\xa2\x05\x1a\xf1\xb4NC\x7f9A\xd4r\x0c\xc3\xa9*C\x9b\x8a\x92N\x966\xf4\x9d;I\x91#y\x82\xa4\x11\xa29D\n,I\xb0},\x8f`\n\x81\x92\x008E$X\x96\x84\x810\xe0w$\xd2H\x93\x15=\x97\xd9)a#-\xdb\x99\xb7\xa2@P,"i\xf0\x10A\xf0$\xd5\xd7\xd7\xc7\x02\x08E\x92`7@F\x14\x01\xce\xa7X\x92\xe68F\xd3hFWdZ\xce%KxZ\x1c\xcb\x9b\x90\xea\x88\xe8\xa3(DR,\xc5\xb3\xf0#_\x1e\x1e\xb3Z\xcbm\xf36\x8e\x1fc\x90\x8d\xe4!O\xe7m\x04\xa1\x11\xb4\xa1\xc8\x9a\xa1\x8ar:\x9bN\x96,(\xa2\xc9oLs\x9a%I\xd0\x87g)\x8a\xb0\x11\xd6\xf2\xf2\xda\xb9\x935\xa7\x86\x86&gt;\x1b\x19\x19\xf9|\xa4snf\xa6\xa5\xa5en\xae\xb6\xd6\xca\xcf\xd3z:\xadB\xd4\x1aiYNoYJ\x15\ry\xcd\xd0\x85&gt;h"\x0b\x9d\xa3xk[\xdb\xd4\xec\xc9\x8b\xeb\x8duP\x9eHGGG\xef\xe5\xf6\x8e\xc6\xcf\xc6?;5R3Rs\xbc\xb6\xcd&amp;\xd22\xc9p\xa2J+F\xa9\xda\xe8\\\xf9\x89Qh\x0eT\xa2(\x96o\xb5\x85g\xcf6\xddZ^[?\xd3\xd8x\x06W]$\xe6\x87\xf2D"\x1du\x1duu\x8dC53a\x9eW\x91&amp;r:\x03\xf6\xca\xffX\x9a\x1e^yK0\x0c\x0c\x1f\xcb\x13|\xb95&lt;5[\xa0Z\x07\xa2Fx\x9dqG"\x91:\xfcM\xf2D&lt;\x9ez\x00;U33\xc3\x89\x86\xc21"\xd245\x11-\xcd\x18\x1eB\n\xc0\xe2\xc3\xfd\xabn\x9b\xdao\xba\xf5\x1b\xd6zA,\x00r\xd7E\xdcn\xb7$I1I\xf2H\x91H\xe3\xe9\x8b\'g\xc6`\x1c!jE\x83\xce\x96$\xeew\x8fp8\xe1\x0eR\xd6\xf2\xear\x10\xab\xa9\t\xa8\x9e\x17\x98\xdc\xee\x08pD"\x1e@\x8aA\xc17\x10\xad\xa3\x11\xb8\xbaE8\x0cI\x02vd)\xe4\xb2\xbc\x98fi\x88)\xec+ku\xf5\xd4\xd4\xd9\xb3M \xd6\xf3\xe7\xcf\xcf\x14\x14\xc2"\xf9\xfd\x18\xc9/\xe17\tc\xd65^\xfc\xb4\x16&amp;\x12\xf1p\x061\xa9\x12\x84j\xf4;\x92e\x08\xc0\xc2-\xb4NM\xed\xef\xff\x8e\xe5\xc6uF\x92\xec\x8e\xb8\xe3\xb2\xdd\xde\xee\xf7\xdb\xfd1\xbf\x17\xb8$w\xa4\xae\xee\xf4\xe7\xb5\xb0\x13D\x86\xa3i\xa5\xf8rY\x9cGD!\x18X\x1b\x84\'\xa8\xb5?\xdb\xb4\xbc\xbcV\xd0\xea\x0c\xbc$\xc7`&lt;\x1ew\xc4\xe3\x01\x87=\xee\xb0\xdb\xbd^\xaf\xe4\x96&lt;\x1eOGG\x8d\r\t\xd8]\x88\xce\x17}7ZV\x1e\x08\x14\xa6\xa2\xac\xd6\xbb\xd5\x80U\xe8\xe1\x1ah%a\x9b\xdb\x03\xfd\x15\x15\xc3\xf1\xc1\xe1\x8aP(\xe0\n\x85\\\x0e\x00\x83V\x02W\xfd\xd0\x0c\xe2D\x01\x0e|-]|sm\x1fR\xb0\x95Y\x96\xb0Z\xad\xd5S\xd5\xfb\x18\x0b\xa4\x92@\x15\xc9\x1e\x0f\xf8*|\xbe\xfeQ\xa8\x06\x00su\x01\x16\x94?\x06Y\xd1;T3\xcf!\x06.kZ+\xfa,ZV\x0eq\x0f\xfb\xfax\x8cU\xbd\x8f\xb1\xd6\x9e\x83\xcb\xa1[\xf6\xc0\xb0\xafb\xb8\xbfbt\xd47ZY\xd9\xd0\xe0\x0b\x01\x96c\x11:)\xc5&lt;R\xfdxMm\x0b\xc3\x88\xb0\xb8\xc5D\xd1\x1d\xff\x0f\xa1@\xc5\xf2\xd6\xbb\xa0\x16\xc6Z^w\xbbc\xa0\x96\xc3\xe1\xaa\xf0\xf57TV\x05O\xf4\x04\'&amp;&amp;*\x1b\xae\x81`.\xdcG?\xf4\xb0\xbew\xa8\xbb\x05\x8c\xc5\xd0\xa2vP\xf4Q\xbcR8b0\x16n\xe2,\xa4\xd6r\xc1X\xc0ew\x04*|\r\'N\x04{z\x9a{\x82\xc1\xe0\xc4\xb5\xae_\xba\n\\8W{{;fZt]\x85\x98`VK\x91\x0f\x05,\nc\xed\xc3&gt;lZ[\xc31\n\x99\xe5\xf6\xda]\xae\xfe\xaa\x13\x95K\xd7\xff\xb9\x04`\x95\r\xa1\xff.\x82\xeb\x1d\x0e;t\xf9v}o\xe7f\xb7\xaa\x89\xba\xae\xbd(:\xd67\xf8\x0e\x85\xafV\xeb]8\x1c\xc0YM\xcb\xeb\x85p\x80N\x82\xbb\x1d\xaePE\xe5@Opt0\x10\x08\xc4\xed\xe0x\x07\xc6\x82\xf8\xea\xad\x7f}\xf3\xd9\xa6\xa1\x1b\xa6\xa2e\x8an\xf9\x97\x18\x0b\xc0Z\xb1\xb50\xd6\xf2\xf2\xfa\xdao{\'\x16s\xc4]!\x17Lc\x85o\xf8Ba\x06\xedopt9\xbc^\xb8)\xda\x9f\xfe\xbc!\x9b\x86i\xeab\xcaR\x12\xb5\xa0\x87x\xf3\xec\x17\xc4\xc2\xb1\x85\x17O,\x06\xee\x8a\xbb\\!\xdf\xbf}\xc3q?V\xe9\xd5\x9b7^\xbb\xf7\x8d\x17gW\xfb\xeb\xc9G\xcf\x9e\xe4\xcc\\\xd6P\x8a\x8ee\x01,\\\x80e\xad\x9e\xfd\x9d\n\x9bK\x02\x02\x98E\xa8@\x08\xa2\xd4\x81\xfb\xf7j\xf1\x95\x1d&gt;\xf6\x82j^\xff\xd5\xc9\x7f\xed=y\x9fJ\xa7\xe0F-:V\xd9wp\xbd\x03\x15\xcf\xb7\xc2\xf1P\xc0Z\x06*I\xf2b\x17\xb9\xba\xba\\\x81\xae.\x1c\x0b].\xfb\xa2cqq\x11\xc4\x8ayc^\xff\xe5\xabw\xee\xef\xbd\x7f\xff\xfe\xdd\xbb\x94\x99\xcb\x17]\xad\x9f\x04\x82\x85\x9b\x86\xc0\xf7\x03\xde&lt;M\x17\xe10\x95b\xd8\xecqX7\xbeP\xa8a\x02\x07i\xa8\xeb\xda\xb5{\xf7B\xbf\xb8\xc0[\xd0_\xff\xe5\x0b\x8f\x16\x1e\xbe\xfb\xf9]\xe6]&amp;\x95.&gt;Vj\x1a\xdfZ\x14O\x14\xba\xd8\xd4t\x0b\x1f\xf1\x1e\xbf\x1d\x96\xf3p`\xb4\xf2^\xe5\xc4D\xd5\xbd\xca\x86{\r\x13\x7f\xfc\xf3\x9f*\x1b\xba\n\xf9`\x8f\xf9\xdb/\xdc\xb8\xffhoo!\x91XH\xa6\x92E\xc7\xca\x1f\xc23*A\xb4B\xdd\x9d\x9a=~\xfc\xd6\xc9\x8b\xa7\x81\xeb\xf2\x97\xc3q_\x7f\xb0g\xa09\xb8\x14\xac\x82,mnn\x0eV\r\x0e\x0e\xc7\xe3\xed\x1e\x0fP\xb5_8\xb7\xf7p\xef\xeb\x85\xf3\xab\x89d\xe6\xa0\xe8\x17\xc4\x95\x1f\xa6\x05\x8c\x05\x8aY\xa7\xda\xaa\xdb&gt;\x9d\x9b\x1b\xe9\x1c\xea\x1c\xbf\xfd\xe5`\xc5\xe8\x89\x81\xe0u\xa8\x81\x81\x81\xeb\xd7\x97z.\xdd\xb8=~\xf3\xd7\xdb7\xc7;GNy\xda\xaf\x9e{\xf8\xfd\xfdD"\xb1\x05\\\xbbE\xbf ^\xfc0\xcd\x01\x16\x05\\w\xe1\xe2j\xab\xed\x1e\x0b\xcf\x8f\x85[:o\xbe\xfekU\xb0y`\xe0\x93\x02\xd6\xc0\xd2\x9d\xc9g\x9b-\xe1\xb1\xb1p8\\;Ss\xaa\xe3?\xe7\xee\xdc\xff\xfe\xfc\xb7[[[\x07\x89\xe2?\xc3\xfe\xfd\xed\xe1!\x89\xddE\xe1\x8c\x08\xd7\x8e\xc1\x933\xdc\xf5\x1c\xda|\xfc\xeb\xe4\x8d\x9e\xe6\x81\xe6\xe6O\x9a\x97.}q\xee\xce\xb31\x03\xf62=\xd6\xdd\xb2\xb9\xb9922&gt;\xf9ho\xe1\xebo\xb7VW\x0f\x16\x8a\xff/\x92\xbf\xbc}0\xcd\xf1\x00B\xb0\xad\xe5\xe1\xf2rxR\x84\xb1$\x08\x0euo&lt;\x9e\xbc\x04\x9e\xea\x19XZ:\xf7\xf4\xf1\x93\rM\x9fG\xb4\xde\xbd\xf1\xec\xf1\x93\xc7O\x9f\xbe~\xfapo\xef~\xe2\xfc\xeaj\xa2\xf8\x07D\xd9\x1f\xde\x1eNs\xa0\x0f\xf4\x11Z833\xd7\xf9\xb7\x8d\xaf@2\xdb\xfc\xd8W\x1bO\xbe\xb8\x14\x0c\xc2\xf9\xf0?\xda\xcc\xee\'\xad&lt;\x0f\xe3\x9bl\xe2\xdem\xc2\x85\xb1AS:Am\xcc\xc6\xc8Z\xe8 \xaex\n\xb4E\xb4\xe1\xcd\xf2\xa2\x05,"b+b\xf4 U\x19!\x85U#\xb8\x9a`\xa4\x1b\x07\x16Q#%U)\rV\x98\xad\xb5\xbetu\xba\x93\xa6q \x1d\xb3\x9a\xb6#\xc9\xea\xd4\x19l\xd4\xd8\x8bf\xf7{\xe8\xfc\tg\x12.\xb8\xfc\xe4y\x9e\xdf\xf7\xedt\xae\xaf\xad\xaem&lt;\xb9{\xf7\xd1\xc6\xda\xe6\xb3g\x8b\x8b\xbd3\x01\x9b\xe5\xd9\xc2\xeb\xa8nrrvv\x16\x7f\xac\xfb?\xfc\xd8\xdf\x9f\x05X\xc5\xc5\x82\x91\x11Y\x9bmwww\xcfRK\x1f\xa1\xcf\xcfo\xec\xf5v^S\x80\x8d\x8b3\x9b\x9b\x9b\xebZ\xed\xba\xb6\xb3g"\xb8\xb08\xa3]\xdf\xdd]?\x8a.@\xb8t\xb3KK\xf8/d\xbf\xffo\xff\x05,\xf3Y\x99\x04\xa1I\xd6V\xc7\x0c\x04\xe6vm6\xd9\xf44]f\xf1\xed\x1a\xf3\xaa\xf4g\xcf^Q\xf7t\x8e\xf6\xce\xb5\xb48\xcd\x80\xb5\xd8\x83\xfd\xd7\xae/F\xa3\x0bC\x18\x15\xfe\x0f\xf1w\x17\x7f\xf8\xf1B?\x86U\xdcn2\xc8j\xeb\xea\xe4\xf4A\xb0\xeah\x8d\xde\x00\x94\xcc\x16\xfe\xf9\xb3\xb4\xb39WzF\xcd\x03\xd5\x0cv[\x9d/\x10\x08\x98\x9b\xe7\x8css\xda\x19O4\x1a}3\xbb\xf4\xef\xfb\xbf\xc1\t\xe2\xe7\xfe4V&amp;\x91K\x97\xb5\xd1\xff\xd6\x0eo\x91P\x7f\xf3\xc9\xc6\xa6Oh\xa2\xcb\xc5e5\xd9\x971\xac.+\x8bQ\xd7Qqs\xfe\xc9#K\x13\xb3\xc5hn5\xf7\x0c\x01\xd7\xd8\xec\xec\xd2o\x81\xf5\xcd\x85,\x0c\x8bH\x10\xca\xe4t\x01\xe1\xdc\xbd{!\xdeW\x84o\x8f\xea\xb4\xeb\\\x93\x88]\xa0$kr\xaa\xaa:\x9d\x03\x12v\xc7\xea\xdfCPE*\x06\xebX\xe2\xd6\xd6\xb9\xce!\xcf\xeb\x05(\xa7\xb3\x7f\xc2\xfd\xc3E\xc6\xc5\x7f\xa6\xb1x\xc4v\x93L\xe6"\x12\x07\xbf\xbfI=\xf3\x17\xc1\x9a~\xd1\x12\xe8\xe0\n\r\xd7\xc7Q\xa4\xb4\xf4\x1a\x7f\xd4,iZ?\xbc\xc9\xeb\x7fD}q\xafD\xc6\xb2\xf2[\x9b\x81\n\xb0\x96\xde\xe0|Jz\xf3\xfd\x7f\x1e\\\xfc&amp;\x13\xc3"\n\x84"\x99\xa8a\xe4\x91i\xf5.l\xb1\xaeC}P;\xd5\xc6\x15N\xdd\xd8\x82\xd1\x01\xcdS:\x16\xb7\xe7zg*\xfa\x88D\xd7\x83\xc3\x11.\xc3\xad"u=\x85\xf6\xe3\xd1-\xcd\xe2\x8au{\xb2\xbe\x8fJ\xfc\xeb\x17\x99YE\x99\xc5\x04\xa1A&amp;\x97\xcb\r\x16\xcb\xc6\xb7wKJ^x\x16{\xdf\xca\rB!\xe7eA\\\xa9tD\x94J\xb7\x95\xb9\xdb\xfb\x82\xeb\xe2\xbe\xf0\xbc\xde\xb5\xdd(P\xc2^\xdb\xd9\xed\xc1\\\xfc\x17\xe8\x8e\x1b\xd6\x97\x83BW\x1f\x95w\xebL&amp;&amp;\x96\xc9\xc0\xae\xab6pD\x1d\x00\xb6\xba\xba\xb6&gt;\xa3eV\x8b\x84\x1c\xce\xcb\x83x|?\x0e\x8b\xab\xd3*\xb9\xc3\xf4\xf9V7\x9f\xcd\xac\x07\xc4V&gt;\xa9\xbc\x9c4\xba\x10\x8dN\xcez\x9e\x7f\xb70\x83\xd7\r5\xc3Cop\xb9\xa8&lt;\xd8\xf3A\xacv\x83\x9cQ\xc7f\xcb\x0cl6\x9b\xc9\x0ch\xb5\xda&amp;\x9b\x1c\xb0\xa6^~\x1c\xdf\x1f\xdfW:\xca\xdcV\xabX\xfc6\xa0}6\xb3kvS\xca\xa4$R9\xa9pb!:\x14}\xdb"\xd9\xda\xef\xc2\x89+\xe3\xb0\x8d\xb3\xd3\xd7G\xe4\xf1\xa0f\t\xb8"\xb0\x10\xbb\x8d2\x18\x12\xb1u\xce\xecl\t@I\xc5v\xd9\x8f[\xe3\xe3\xfb`\xa4Ri4J[;\xa1\x80\x91\xf8*\x92J\x89\r\xd3\xa4\x9e\xe8\x90\xae\x97\xb2\x9fB\xedv\xffs|\xe4:j\x9b\xda\x81t\x13\x01\x8b(h\x9f\x86l1\xaaYL\xb1\xb5\xc5hlm\xed\xedmb\x1b\xa69\xd3\x9c_\xb1\xe2\xf1H\xc4\xd1\xdc5:zM\xaf\xbf\x96\xe7p\xf0\xcb\xca`)j\xed\x8c\xeat\xceH\xcc\xebM\xfd/y\x82\x8b\\\x19\xabl\x0ck\x85H,\xce"\x12\x00\x0b\x9bJaDo\x91J\x8d]]\x9d-,H\x1a\xc8\xf5\xf0\xe3\xc18\x80\xc5\xe35\xa5\xb9\xb9\x8a\t\xf5\xd3\xa7\nE\x9e\x03\xb2\x06\xd3\xb3\xdb\xbc\xe8\xd1\xe9\xba\xc8~\x1a\xcd\x9f&lt;}\x85\x0f\xd6F\x98\xd3G]Y\t\x11\x8b\xcf\x9d\x03,QX\xcefI\xac\x14\x8a\x94\xdf5\xda%\xb5J\xd8S\x1cNC\x1a\x0b\xe3\x02\xa3\x10\xc4\xae\x98\x18\x1e\x0e\xaa\xf3\xcaI$\x12L\xf5\xce\xe6\xa7C:]\x95\x86v\xe2O|8M\xe02\x0c\xde\xb6&lt;\xe4\xa4\xa9B\xc5\x17\xb2\x08\xedB\x11\x88\xd5x\xfd\x0e\xa5\x8c\xa4\xe2\xf3U\x14\xab$&lt;\xcdI_\x95&gt;nm\x1d\x8c\x97\xc5\xe3\xa9\\\x04Q\xa8\x83\xfaa\xbd\xa2\xd0\x11\xc1\x04\xe3w&gt;\x1d\x1a\x1b\xd3g/\x9fh\x8e?\x1d\'~\xc1E-\xcb\xc3\x06\xf0\x90\xba\x02X\xe7\x04\x80e\x08c\xd76PK\x8a-\xd0WY\xe1\xe9\x06X\x1c\x1f^:\xd8\xda\xda\x1a\x8f\xab`\x1f\xcbE\xecv\xf5\xf0\xaba\xb5\x1dU\xc5\xe1\x15t\xf5\x041,\xef\xa7\x13Z\xeaS2\x89\x0f\xd6F:Z\x80\x95Y\x84aMcX\x97\xaeR\xdcn\xd8\x99\xe1\xc7\n\x0bw\\\r\xd8K\xdc\x07\x0f\xcb\xca\xc0C\xc4\x8e\xd8\xf3`\x00\xd3+\xd0\x88J\xa9$\xf5Lt\x03\x96z\xf9\xdd\xb2?\xf5\x01/\xac\xb54\xd6J(t\xa6\x08\xb2\xc5\xc5\xb0\x1a\xaf\x17`\xc7\xd1\xab\x07\xb0QK\xe4\xe9\xcb P\xa5\xe2[\xe3\x05\x07\x94l\x8d\xd7\x1bCP\x08~\xd5Yri\x8d\xc3Q\xae\x1e\x86\xc4\x8f\x95{\x97O*\x01+\xf1\x1d&gt;uk\x9a\x8aE~\x85w\xa6\xa8H\xd0\xce\x15\x85\xc3\x97Xw&gt;+\x05+\xb5\xb4iz\x07\xdea#Ei\xa7\xd9\x8f\xe3\xe3\x07\x07he\xa5\xdf\x1b\xb3\x93\xedP\xa4J\x11\xb4\xa6\xa6\x1c\xc4\xd2\x8dy\xd0\xd8\xa7\xe5\x134y\x8cS\xe4=Bj\x1f1\x8d\x95U\x04j\x89\xe4\x8cF\x16\x0b\xe4\xa2\xc0O)mm\xdb\xe1\xdc\x08\xb3%R\xd4{\xe2G\xd0Hj\x7f\\SY\t\x82!\xf6R\x14Es\x81*/\x08X\xba\xa8=\xe6\xff\xb0\x1cK\x9e\xfa\xf1\xb97\xdf\xe7B\x8d\x0f\x81\x8b\xbc\xe24\x96\x8c\xcd``.B=*\x8b\xf0\x03\xae\x86\xb0\x98\xc9\x90HK\xbd~M&gt;\x82xc\xa9\\?\xad\xd2\xaf\x01#s\x81+\xe2\x88\\\x1b\xc6\xa2\x15\xd5$\x12\x89\x0f\xde\xd3\xd3w\xf84\x9f\xdb\x15}}\xa14Vf\x11A\xf0\x19\x8bq\xdd\x9a\xa6*\xef\xb2\xadp\x98Mt\x11\xc3m\xd7\x00\x89\xb9\xfa-BF\xfd\xfe\xcaJZ\x9a+\x82F"\x85\xea\xb4Z\xdd\xb4D2\x99\xf0\xa6\x8e\x7f\xc1\xa9W\xdf\xed\x83N\x1d\xc22\x7f\x0e\xb0`\n\x84\xc2%\x91P\xdcR\xbeC\xa1\xb0\xad4\x0c\xf8vnQ\x99\xcd\n\x85\xa2Y\xc4\xb9\xb1\x05m/\xcduY\x03j\xa5P\xb4\xf0\xcap\x1aK\xf3!y\x9cL\x1c\'q\xea\x89\x19\x87\xd8\\\xc3\xe3\xa5\xb1`\xed\xa1\xcb\xb02/\xb6\xba\x8d\xaa&lt;\xb5&gt;\xd0@eu\xfa8\xd4\x86\xa69s!D\xca\x1b\xd9\xf6j\xfc`\xe3c\x9a\x86\x8c@\xb8\n\xaf\xe91\xac\xc9\xc7\xfe\xc4\xf1\xe9q\xec}\x02\xa7O\x19\x19\xb3\xdc\x1d\x0c\xeb\x16\xef\x0c\x84\x8bk\xa2\x1bd\xecj\x96x\x80"-/\xf5\xaa\xa5\xac\xf0\x14\xbb\xbaN&amp;c8a\xb3V\xc4\xd0m{\xcc\xeb\xa7\xf9+\x97i~\xe0\xca=_\xa5\xd6wcX\x95\x9a\xe4\xfe~,v\xfc\x18\xafI\xf0\x8f\x8f\\Tb(\xc4\xfb\x8c5"\xa2\xa7\x9b\xb5\xd8\xcd\xcf#{\xcb)\x05VI5[\xd6\xb17zE\xbf\xb8\xe7k2GP;\x92\xaf\xa1\xd1\xb0\xd8\xe7#\xe7s\xf4\xd0\x86\xbau:\xcfO)\xa0\xa2%\x93\xb8M\xce\x19\x0f\xea\xc1F\xc0\xe2\x15C=5\xc9L"\x83\x1c\xe4\x92\x92\xf2\x14\x85n\xb1\x84\xd5XMo\x17\x0c\xfazz\xf7n\x0e\xd6v4\x19U\x11\x14\x01.H}&gt;\x92\xaf\x0f\x06\xab\xd2\xf5A\x85@\xd0\x92I?~\x9f\xa3\xbe\x9c\xe7\xba\xa8\x98\\\x80%\x10\x9a0,\x06K\xec./\xcck\x91\\od\xcbF\xb8\xc4\xaf\xeb\x07\xf7|\x83%\x83%%\xb5\xb6\x16\xa9\x12%_\x06\xbd4^$?8\x1c\xd4w{\xc6tQr\xb6\x1f\xdd\xdf?&gt;\xc1o\x9a\xcfx`\xe2b\xa9\x0f\xa5\xb1\xd2\\l\x96\xb8\x85\xdf\xecd1n\xb0\r\xdc\xf6\xfabB}G\xc0G\x17\x8e\x0c\xce\xd7Z,\x03Nc\x04\xe3\xd2d#\xf0\n\x83\x13\xc3P\xb6\x82\x08\x9a\xed?N\xe1(\x16\x94\xae\xa3iL.*\xe1\xcfX\x85\xf8\x15\xcbit\xb2\xd8a\x83\xa8]PO\x10\xc8\xde\xb6\x82\x9f\xee\xe6\xdd\xda\n0\xd2f\x1b \x9d\xd7\\\x06\x13\xaf\xbcz\x1c\xc4z\x8fN_\x93\x93\xd2$\xbc\xb8\xeed\x19\x7fX\x9dv\xf5\xb9\xb8\xff\xf8\x02{\x8a&amp;\xa1I$\xaf\x16\x0f8\x99\xb0\x8aqK\x08\xc4\xf6\xb6j\xa9\xaa|\x9b\x12\xff\xc9n\xef\n\xd8\xe6\xdbk\x07;ls\xe4\xecl29\xfbUw\x10\xab\xa6c\xaf\xec1\x14\x8d\xbd\xc3\xf7Cg\xc6\xf3\xc3Z:\xfdh\xf2gh?&amp;\xb0Q$\x83p1\xe9&amp;A\xfd\xd7\xf5\x02a\x9d\xd8\xbdm\xdc\x8e(\xde\xbf\xb7+\xec\xa3\xa3&gt;\xba\xa5\xe2\xab\xf9\xda9rN\x0e9\xff\xff\xbc\x9b_PSw\x16\xc7\x9d\x84I\xc6&gt;l\x8d-\x8d\xdb\x12\x92L\x08\x19\xcb\xde\xa6\x04\xab\xb9\\\x9a0fd\xc8L\x12\x13\xc8@\x80\xa5\xe6\xcfL4C\x00Mj0\x90\x7f\x9a\x1a\x17$Q\xbaID\x08\x92)\x0e\x02\x91f4\x9aR\xb5 3\xa8\xb0\x95\x11\x8b\xa3\xb2\xd9\xcc\xc8\xae3Bqp\x1f\xfa\xb2o{~\xe9&gt;\xf4y\xe5\xf6$7\x7f\xde&gt;\xf3=\xe7w~\xe7\xdc\xdf\xb9\x80\x05\x0bq\xf0\xc8g\x9f]\xaa\xbc\xb5U\xed\xc5o\x0f\xab\xc7\x1f\xb4&lt;\\\x89A}\xaa\xa9\xd6htz\x89D\x8c38"NH\xa7\xad\xcdd\xea\xb3\xd9\xcc\xc6kP\x8b\xbf\x91\xedL\x8ey\x83ny\x1c+..\xae\x82\xe2\xb9\x0b\xb0\x86\xbe\x81\xb2\xe2\x9bER\x06Zh\x0f\x9fpa\xb3\xae\x06\xacv\xbd\xd6V\r\xe5*\x87a\x93\x01\x15pevg\xb3\x876nJ\xa5\xd9\xac\xb5s=\xe5\x96\xa7\x93\x02\x1e`MtM\x80\x0f\x17\xdf&lt;~\xfcO\xb2\xa6\xa5\x1e&amp;.\xe6\xb0\xaaC56\xbdX-\x12\xc6\xe4z\xbdd5\x93i\x83\xebp\xe6x\x8e\x0f,\x99\\O\xbbS\x01\xa2\x92W\xd8\xdau~j\xe8\xc8\xe0}\x1a\x8d\xbc\t\xae\xf1\xc8Z\xcc\x8e#\xae\x9a\x06}H\x1d\xc3\rMZ\xadeuUR~\xfd\xd1\xe1k\xd7d\xd7\xaf=B\x03@\x12\xe8\xb7\xe7\xe4\xe9\x00\xc6\xe3UA\x86\x80\xb2\xe6[R\xc7\x03KV"1\xbb\x1d9\xb1C\xa7\x0f\xe11&lt;\xe5\xd7\xeam:\x99\xe4\xc4\x89\xffd\xfe\xfchw\xe6\xef\xd9\x8d\x8d\xfa\xcc\xaadull\xc1\x1bU\x80\x13Gf\xba\xce\x0f\r\xde%\x15\xeb\xc1Z\xa2\xc2\x84\xe3v\x08\xfav[8\xe4\x0e\xc5-q\x87\xb8A\x9b\xc9d\xb3\x1b\xd9\xfa\xec\xc6k\xb0l\xbd\x0f6\xa6\xa8w\xdeY\xa0P\x14\xb6N\xa0\x8d\xfa.\xa9C\x9e\xf7\xd7\x9el\x9a\xec8\x1e\nijlbq\xd8;f\xf17\xd8\xf4\xb0\x14\x11\x11\x82z\xfa\x14\xe4\xaa?T\xcf\xc6&lt;N\xac@Qe4\xcet}\x0fXdRm\xdb\xbb\xb6\xb9b\x02.M(\xd4\xa1\xb39\xbcq\x8b\xb6\xe1:\x94\xd0u\x90 66^\xdf\xba\xf4\xf4\xd6\xd3\xd7\x1b_\x9e\x85n\x1aSb\x02\x85\xc2h\x1c\x81\xb4u\xee\xdc\x1br\xb1V\xee\xac\xb0\xd0YNH\x13\x167\xd9\xf4~\x8b\xbe\xa1A[~\xd8\xb7\xfb\xe7\x9f\xff}\x13J\x9a/o]j\xfe\x8a\xc0\x94\xfc\xa2"&gt;\xa6P(A\xac\x89\xae!\xb2\xb1ZV*No\xe6\xb0:\xc2b[\x93\xcd/)\x975\xa0\xa1\xc0\xdaZ_O[Oo2i6G;1\x82\xe07\x16\x11H-\x8fgb\xa6kh\x88d,\xdaZ\x85\xe9\x077`u\x84\xd1IF\x93^\xab\x95\xc9dZI\xad\xc5\xa2\xd5;\xbc\xde\xf9\xf5\xa4\xb5\x93 \x8aP\xf3J\x80Z\n\xa7sdj\xea\xfb\xa1A\xb2\xb1\xb8\x8c\xfe\xd38\x8e\xcbA-\xb1\r\x82\xbd\xbc\\\x06\xbbc\x0f\x08\xe52G\xcdNcU\x81\x82G@w(\xe5\x13J\xa8\x97=\x9e\x99\xdf\x01k\xdb\x1a\xb4d\x91\x8b8n\x08\x85\xc3b\x87\xeeW\xb5\xf6\xd7]\xb8p\xf4\xa0U\xd9\xdc\xfc\xd1\x01(\xdfQc\xc1g\x1f\xc5\xf8\x02\xa5\xc73=3\x83\xb0\x16\xc9Uk\x13z\x1f\xd6\r\x03\xc2\x12\x83^:=\x84\xbc\xecp\x9d\xaf\xb7\xfe\xf3\x83R\x82W\xcc\xe3\x11\x02A%!u\xb9\x92\x9dJ#\xba\xf96\xf5\xfc9$\x08r\xb1\xb6\x9dF\xb3n\xa7\x86\xddx(\xdc\x11\xee\xe8\x10\xfbu6\xa8\x9fO\xf8|\xbeO\xeb\xd9\xd2\xaf\x04\xbcJ\x02\x99\xd5\x9a\xec\x8czF\x10\xd6\xcc\xf3)\xd2\x13\x04-\x87e:%wC\xd0\x87\xe0\xa5s\xe8l64\xa4{\xe2\xd3CR\x82\xaf,\xc6\xf8R&gt;\x1f\x8b\x9a\xa3\x81(\xf8\x0f\xde\xcf\x7f\x07\xac\x96M\xc0\xfa\x90\xe1&gt;m0\x84B!\xc8\xf6\xe2\x9c\xb5\xdb\xf4\x96\x9e\xe3\x9dQe\xb3\xd1\xe9r\xb9z]\xe6\xf5\xf9\x97\xcb\xd3\x13\xa0\xd5\xf44\xc2"9\xe4\xf7\xdef",\xb5!(7 ,\xdc\x80\xc3\x16\xe9\xc6\xc3\xba\xb8\xe4e\xd4\x03"M\x06\x02\xf1x2\xee]H\xcf\xcd\x02\xd3\xec\xec\xec\xcc\xc4\xf9\xefH\x8e\xad\xbd\xb7\xd1T\xd9\x87\x0c\x06\xe2\x02$\x13:\x14\x16qL8\xe4\xacx\xc09\x19\x98\\\x8e\xdf\xf3z\xd7\xbd\xa94`\xe5\xa8\xa6\xa7Q\xe3C.\xd6\xbe\xdb9\'"\xbd\xe4r\xb9\x1b7q\x98\xf9"\x11GhJ\x85\xd3\xf1\xb8yy\xee\xde\xdc\\*\x95\xf2\xa6\x87\x87\xfbS\xcb\xb3\x93\xb3\xb3\x93\xd3\x1e\xe3\x04`\x91ZA\x8c\xdf\x86\x04\x81\xd4b\x98r\\nfn\xbe\x85#\x0c\x1a\x82\xde\xd4\x02BJ\xa7\r\xf2S\xaca\xf9\xf0\r\xc0\x9a\x9cuF=\x9e\xae\xae\xc1\xc5&lt;\xf2\n\xae\x96\xf15\xc0:\xc3\xd8\x03X\x0c\xdc`\x90\x1b\xdc\xf9\x1f\x7f\x9c\xbfK$\x8a\xc9\xdd\xac\xfe`*%7\xc4\xfa\xfbK+X,\xb7\x9b\xdb\xff\x0b\x88\xe5\x89Z\xf9\xcd\x13\x8f\x07\xc7_\xe4\x91U\xc8\xd3J\xfaYw8"\x86\x1a\x81\xa9Mn\xa4W\x0c=\xfb\x00j\tc\xc2\xd8p?\x8b\xcb-\xed\x17r\x84\x151V\x05kary\xd2\xe9tY\xa5\xca*\xc0z\xb53\x8fN\x0e\xd7\xfd\xb5\x18\xeb\x0ej\xf7\xcf\x9ca0b&amp;\xb7\x1b\xc9\xc5\xc9\xdf\x95\x9f\xcf)cr\xca\x84\xdc\n\xa1PX&amp;\x84_\xa5\xdcR\xf7\xc2\xf2\xf2\xe4d\xd4j\x95J\xb1\xe6\xef\xee\x8e?y\x91G%\x85\x8b\xf6\x8a\x1bc\xfd\x8b\xc1P\x831\xf6\xa8M\xc8\x8b\x10^1\xd1.\xa6(\x1f=\xae\xc2\x01\xd1D\xcc\xb22N\xa9\x903&lt;\x87\xa8\x9cV)\xbb\xb1\xb1H\xf0\xf8\xeex\xe4\xa7q\n\xf5\x0f$`\x9d\xdc\xe4\n+\xfe\x02Q\xa5\xfe+\xb8\x91\xa1\xc6A\xad`P.7\x98bB\xa6\x08\x9d\x81\x82l\x1c&amp;\x93\xe3.\x8d\x9d\xba7\x0fT\x01+\xfb\xe0\xd9\xb3\x8dE\xbc\xf3\x80\xf5\xb7?\xe5Q\xde\xdf\xfa\x19\x9b\x07\x89\xb5\n\xd0\x01\xb0\xecv\xbb\x9aq\x06\xc9\x05j\x05\x91\x813\xd1\xf0A\x18\xbe \xe4\x82\xc1\xb9{\xf3\xe6\xc0r \tT\x8d\xa0\x16\xd1zw1\xf2\xe4E\t\x85J\xd9\xea\xf5\xb8w4\x92\xd8\xe409\xc8\x899?\xaa\xd5\xe0E\x03\xe2\x82\xdd\'-N;\x9a\x1cM\xf0\xf6z\xd3\x0b\xeb\xeb\xf3fd\xae\x83\x87n6\x16AE\xd8:\xb8\xf8\xe4\x87\xab\xe3T\nu\x8b\x97#M\x15I,%\x84\xb0\x0ca\r\xda\x19\x1cp\xa4\xdd\x8e\xe4\n\x07\xc5\x88\xcb\xe1\x00\xa8\x9cA\xba_\x9f\x0f\xa01\x1bX\x84li\x11\xb2\xd6#\x8b?\xde\xf8\xe9!\x95N\xa5l\xad\x1b\x8fE"K\x03\x03w\x00\xcbn\xb2\xdbc\xb9\x86\xdf\x8e\xdb\r9\xb1\x82\xbf\x81\xf2\xc7_\x9a\x03` V\xd2j\xe5\x13P&lt;\x17\x15\x19\xcf\xbd\xf9\xf1\xe2/\xdf\xe6\xd1)\xd4}[\xe9Fz\x02\xb0\xba\x9f\xad0\x01\xcb~\xa5\xa3Zs\xe5\x8aF\xa3\xa9\xc6\x91^\xc100\xf9\xfdqd\xeb/\x93\x01\'X \x1a0\']\x8d|~\x8e\x8aPt\x1d\xb9\xc7\x9d{\x81\xb0([\xc8\xd52\x10\x89$F\xbbO\x8e\x96\x81N\x9a\x9a\x9a\x9a+5\xc8~\xe5\x02\xad\xbc\xfe\xb1\x97\x10N\x01g\x8e\xc9\x08X\x01\xb3\xcb\xc5\xe6\xf3\t\xa2\x12|H(G\xa6\xd6M\xa9\xcb%t\xf0"}\xcb\xb8h\'\x13\x91DbT\xd5\xd7\xc75\xd9\xd1\x08e{;\\:\xf8\xac\x0e\x19\x82\x10\xec\x96\xb1d\xd4\xe9\xf4\x18=#\xc6\xd6\x11\x8f\xc7\x13\x8d\x06\xa0j\xe6c\x18\x06\xd5*pI1\x97%\xec\xbe\xba\x93N\xdfA\xa1\xd3\xe9[\xc3\xd5\xa2J\x80-\x8d\xaa\x8e}\xb0\xe6\xc65\x88H\x87&amp;Gl\r\xed\x1d\xa1\x90\x1cV\x9f\xa5\x07\xb0&lt;\xc6*ca\xd5\x08\x1a\xe1\xea4\'\x93.6&amp;\x80\x1a\x1a9\xb1\x91}\xb4M\xd2\xc0x&gt;N\xa7\xbf\x87\xb0\xe8[\xf1\\3M\x95XB\x06X\x9f\xbc\x92\x1b\x00\x0b\x98d\xe5\xe5zh/lb4\xe6\xe9\xb5\xb4\xb9:\x95\x8a\xaa\xc2\xc2\xc2\xd6B\xa3\xd1\x83\x81TI+\xa6\xe4\xf1x\xc8\x87\x8dg\xcf\x1e\xbaP\'c\xcc\xee\xa4o\xdfA\xa7S \xc2\xde^0\xda\xb3\xa5Q\xb0\xa5\xd1\x01\xd5\xb1w\xfb\x82\xf2\x0e\xa0\x92\xc9\xd0$\x84D\xab\xb5\xd9\x1cb\x845\xd6\xe6\xc2&lt;\x05\xad\x07\x0e\x14V)0\xac\xd3\xeab\xb3\xa5\x84\x00\xfa\xa0\xcaJDu\xf0\x8b\x1cV\t};}\x07R\x8bB\xa1\xbe%\x17\xed\x8f\x0040\x00`\x03\xaa\xbew\xdf\xffGZ,FR\xed\xdf/\xa9\x85VZ\xa2\xb7An\xd0\xfb-c\xbd.L\x01j}\xa4\x10\x080&gt;l:\xd2"^qq%\x01X\x88\xeb\x8b\xcf\xebd{fK\xf6m\xdf\x01X\xdb\x11\x16\xfd\xed\xee\xe3^\x86\x158\xd0\xdd\rd\xdd\x80E}\x96r\xa0^z\xbf\xa4.w\xd3\xc1\'\x01\xc1\xf4^\xbfe\xb5\x07\xbc\xa6((P\x08\x94\xd0\xfb\xb0\xadV\x8cW\\\x00\xf1\x8e"\xbe\x11\xcd\x1c\xecn\xd83\x95\xf7N\x0e\xebm\xe5\xa2\xed}8\x9aH\x0c\xa8T*\xc4\x05X\x9fP\xf2\xe6\xbcMz\xbdV"\xf1\xf9\xa0\xc1\xefm\xeb\x01\xbd\x90X\xabm=\xc7!\x9a\x04\x02\x01\xc1\xe7CO&amp;\xe0\x81X\xc5\x95\xb9\xd0\xcaa\xf9j\xd4\x97)\xef\xfc\x8f\x8bB}\x8f\xfa\xff&amp;VZK\xdf\xc0R\xf7\xe8R\xb7\xea\xeb\xaf\x81\xab\x1b\xb0&gt;\xa0\xd2\xaf\xfa\xfd9\xac\xda\x9e\xb6\xde\xe3lW/\xe2\xf2\x8f\xb5\xc1\x9f\xe3G\xad|L\t\x86A\xba\x12\x14\x17\xfc\x97\x92\xf3\rm\xe3&gt;\xe3\xb8\xa5\xbb\xb3l\xdd\x9d\xceH\xea\x99C\x9a\xc4\xceq$\xc8\xe9\xf6\xc28*\xf5\xf0J7\x89\x81d\x996aY\x02%!$0\x13\xd5\xf5e\xa8cjFsde\xb6c\xc6\xa4L\x19\xb8\xb8\xdb\x0b\xe3\xd4\xb5\x97\xbd\x19h/\xf2b\x98$&amp;\x99cl\x13\xa2xo\xe4?\x9d\xd3\x91\x90\x92d\x8b\xb3$[\xf7}~\'\x871\xca\xd6&gt;v\xa4 \x1f\xe8\xe3\xef\xf7\xfb&lt;\xbfG\x8e\x9c\xf0\xee\xdd\x94x\x9c\xd5g\xe1\xe2\xf7^\xff\xf9\x82\xc7\xe7e\xd9\n\x04\x02-\x9c\xa4\x8b\xee\xaf\xdc\x90\xcd\xcd\xf3\xf6\xf8\xd4\xd2\xb8\x95\x9b\xca\x95m\x86\x95\xab\x95d\xc9\xc3]9s\xe6\x0cL&lt;=\xf8\xab\x03\x85h4:\xb6\xbe\xff\xc8\x19$\xebT&gt;_dP=}xU\x1d\xcb\x86C\xe1F\xe2\x1d\xac\xd7\xce]\xf3\'}\x8eZmmm\x017\x17\x14\xe2\x82\xf7\xc4W\x13jO\rA\x1f\x19\xb7$\xe0\x94m;\xc7\xca\x8e\x0b\x9e\xe4\xec\xc0\xc0\x99\xfd\xbd\x03\xa7G\xc7\n\xfd\x87\xf3\xf9\xe8`oo\xef\xc0`\xbeXL0\x0f\xb3\xd9l\x0cZ\x85P\xe1\x8eW\x1d\xb5\xc0u\xe0\xe0\xcf\x1e\xf0&gt;\x1f\xa8\x88)\xd0\x16h\xf3\x04Z$A\xd5\xbf\xfc\xa8h&gt;!\x8fL\x8d\x8f\xc0:]\x95\xa7l`\x95\xcaDU.\x19&amp;\x97\xe4/\x0f\xa0\x03\xc9\xc4B?\xd4\x1a\x1a\xdc\xb7o\x1f\xe5*\xd1\x97\x8e\xa4\xc3a\xa2\xe9\x88\x85I,2\xb1g\xd7!\n\xd7\xd9\xd3\x17~x\x11\x1e\xb6\xb6\xb6\x92Rp\xb1\xcd\xc3s\x81\xa0K\x10\xa5\xe4\x97\xf9\x0fS\x9a\x9b\xae\xc2\xbd\xf1\x9c]*\x19\x82a\xc9Se\xc8U\x82\x8d5\xc2\xd2%O\xebl/q\xd1\xdb\xb7\x80\xd5\xd9?\x8a\xec\x0f\x0e\xe5\xe9G\x7f\xe9H\x183\x02\xa1b\x9f\x1f\xc2E\xa2\xc2\x90?\xdb\xbf\xff\xf8\xb5i\xf2\x10\x83\xab\xcdM\\m\x81\xa0 \xcb\xb2)qhK\xdf\xff\x03;\xe1/\xc3\xbc2\x98dQ1,K\x1e_\x81Z\x9aU\xa6*\x19\xaa\xc0y\xf9\xcb\xe0Z\xdf\xb7&gt;8\xd6\x8fA\x10-\x9c\xa6\x1f\xb9\x15;1\xe5\xc3D\x15\x8a\x90NP-Ds\x8bu\xe2\xa1\xe8\xe0\xf7\xcf\xcd\xf2^\xa6\x16\xc0 V\xc0\x1d\x14\x04E\x119Nr\x05\x91\xfe\xff\xd5\x96\xcdW\r\x0c\x02`X\xaa\x184\xe58\xb0\xe2S\xd7s\xb6eh\xd0\x0b\x0fk\xb2\x19lMN\xa2\x111\xa8\x06\x87\x86\x86\xfa\xf3pqpl\x88\xe2\x9eM\xa7\t\xebXhw\x87\x13-`A\xae]\x9d\x87\x0e\xf5\xf7^x\x07}\xe8\xf3z\x1f\xcf30d\xcb-\n"\xefv\xf3.Q\x10\x82.E\xe7\xbe\xf8\xa0ln\xe6H\xa8\x9c\xad)\xa2$\xe8r&lt;n\x00\xcb\x98\x9a\x81H\x00,\xd9v\xc9\xd2\x0cUt{=W\xf6\xbf\x06\xac\xd1\xb1\xa1~\xd4\x81\x03c\x18\r8\x12c\xa0\n\x87",T\x91c\xc7\xa8\x11{zv\xf5\x10X\xe1\xe0\xb9\xdb{\x92\xc0\xf2l?#.$\xcc\xc3IA\x0e\x13\x0c\xe9\x12\x14\xd3\x14\\\x12\xef\xd9\xfb\x0517s40\xf1\xbc\xa2\xa9\xaap=\x1e\x8f3\xac\x8aU\x92UY\xb3\x80u\x0fr)\xc1dr\xe1\xc8+\xbd\xfb\xd6G\x0bCQ\x9c2\x87\x0f\x14\n\xa7\xa2\xc5\xbe\xa3\xe942\x9f&amp;\x99B!x\t\x0f;b\xc0\xda\xd5\x93(\xee\xbb\xf0\xf2E\xf2\xd0\xfbxk\xdb\xbd\xd0\xdaJfr-X&amp;\xdc\x92\x9f\xbc\xd4U\x94.\x04\x93\xff\x15\xb2\x13\xfe\xdc\xd4\xb8\xadH\xa2\x0e\x9a\xb8\xcc\x8a\xb04m|\x15\x96\xea\xc4e\xdd\xad\xdf\xb3\x0c\x0cAo\xf2\xc1+\xfb{\xd7\xa1V\x94\xb8\xfa\x0fc~\x15;\x11\xf9p\x98:\x91\xb8 \x16\xbc|\x95\x86~O\xac\xaf\xf0\xed\xe3\x7f\x9bf\x1e&gt;\xdfzhl\xce\x82\xca\x9b\xa4\xcd+\xc0\x8b~E0u]e\xcf\xa8*\x92\xfb?\xacl\xde\x93\xc3\xb0TU\xf2\xcd0v\xb0d\xd9\xd0\x08kE\x97MS74\xfb^\xbd&gt;\t\xb9\xa4V\xaf\xff=z{\xc6`\xa1\x10\xc5\xab\x08r2\x8a\xad=\x96\xdd\xdd\xe0\nGX\xb4 \x16\xb8b}\xc5\x81\x0b\xbf\\c\x1e\xde\xd8\xdaz&lt;\xb5\xf9\'/\x0e\xa1d\x00\xabjP\x12\x14XHTq\xc7 u\'\xfc\xcd\xcd~\xbb\xac\xc5\xa1\x06Q\x10\x16q;z\xe1\x91\x91\xcaM\xbf*\x08\xa6}\xff}\xed\xf3\xfa\x13\']\xde\xd9^rq\x8c\xb0:\x8b\xc5(\xdd\x11W\x07\xc8\xc8?\xa2\xc20\xed\x00T\xc7\xee\xd8\xa9\x93\xc7\xaf,p\xc0j}\xb8\xf5,y\x7fs\rX\xde$\x1c\x0cJ\xc8\x95\xb2#\x16\xe4 Y\xe2\x02\x81]5\xec\x92\xa9j\xa5\x92\xe6\x94#\x16yMX\x86V\xab\xac\xae\x99\xa2\xa8\xe4\xba^Z\xf9C\xbd\xfe\xae\x167\xa5\xa4\x97\xff\x04\x83k\x94:\xb0\xd8\x99\xe8\xec\xa4\x9bD\x0fi\x03#\t+BS\xa2\x83(\xc3\xd9\xce\x817\xbe;\xe9g\x1eno\xcd\xd5\x86\xef\xcf{}&gt;\x87\xca\xe5P\xe9\xaa\xae\xab\x8d@\x13\x98\xe8k\xb2\xe9/\xa0\xb1 \x97e5\xb0\xd4\xc6U\xf8\x92=\xb3z\x87\x03\x96y\xbf\xfdk\xc6\xe7\xf5\xa7\x9a!+\xe9\xde\xde-\x00\x00\x07\xbfIDATH\xd7\xe4\xfa\xfa\xe9A\xfa\xc5#\xc8D;{"\xd1\x13\xeb\xc1\xe1\x83\xe1\x85\xc9\x15\x890\x0f;p2\x86\xfa\xc6H,\x9e&lt;\xdc\xd8\xda\x9e\xafl^\x07\x15aqA\x17\x13k\xa7t*zZ\x805\x01\x84\xa9dY;X$\xd5\x0e\xbca\x94\xa6V+n\xc2*w\xb5\xdf\x99\xa8\xd7o\x19q]j\xf5y~;J[\x032\x85\xeaK$~\xca\xb4\xa2\xd8\xa3\x05C4&amp;\xb0\xd9 h\x91t\x11bML\xbbA\x95|\xb6\xf5\xdcuis\x9aa\xb5\xb91HEp\t\xd4\x8aTt\xc7\xe8T\x19X\xd6\x0b*G*U\x7f\x81\xcd\x86\xc4HeuR\xa2\xd1\xb2\xda\xfeu\xe3I\xbd~1.\x0b8\xdd.b\x93)@\xae\xfc\xb7\x12\xf4\xaf(\x84\xd4G\x16\xb2\xf9\x00,\x8a?\xc9\xd6\xf7\xbb\x93\xc7\xaf]db}\xb6\xb5\xf8xd\xf8\xf7^\xc2\xf2\xb8[\x82\x12q\xf9Q\x02+\x05\x13\xccA\xd3\xd5&amp;\x8b\xdcsREa\xd7MSi|\xc9\x89\xbd\\\x9eY]\xe2\xa0\x96n\xb7\xb7_\x9f\xac\xd7\xff\x1e\x8f\x9b\x1c"{;\x9f\x1f\x1a*D;\x13\xd4llsH\x1f\xcd\xeet"32\x12\xc1j\x7f\xfe\xa3\x0b\xc7g\x17\xdc\xc0\xf2=\\\xdc\xf6}:|\xdd\xc3\x12\xdf\xc2\x05\x83&lt;q\x89"\xbb\xc1\xccw\xb4c\xcf\xde\xc4T\x02\x12SJ\xd7M\x12\x15\xd4\x82\xd9\x98%zii\xb52-\xd1p\x99i\xff\x86v\xb7^\xff\x01\xc2\x85\xef}\xfa&lt;q\xe1U\x17\xfa\x8f\x96\x99l\xf6M\x0cS\xe4=|,\xd5\x9dB\x01*\x95:\n\xb1\xde[#\xb1|\xbeg\x8b\xcf\x95\xcd\xae5\xec\x81\xadI,\xa8\x1c\xe6\x83\x8b\x15\xee\x18\x9c\xd00\x94ai/\xe6\x82\xaa+\x82_\x14\xe9b\xbf\xc0\x04SU\x93\\\xac\x01K\x95\xed\xae\x97n\xae\xd5\xebO\x04\x1em\x05\x1b\xcf\x17\xf3\xc8V6\x0be\xd2t\xe2\xecN\x13W\x84\xde\x8a\x94a`\xa8\x1f\x7f\xf4\xc6\xb9\xdb\xf4m\xec\xdd{ck\xf1\x9f\xe5\xe1o\xce\xd3.\x9f\xa4m\x1eX;\x05.\xd2L\xf0S\x0f0,\xc6\x84\xf43*\x85\xce&amp;\x9e]\'\xb0\x1e\xd1\xcdxn\xa6\xb2\xe4VdM\x8b\x93\\\xf7\x1e=\xfd\x8c\xf3\xb0\xd4~\x9c@\x1f\xf6t\x84 J\xea\xadT$\xf4!3.\x02\xa6\x0c\xbd3\x10|\xa9\xec\xa9#\xc7//\xf0\x9e$\xb0\x1eoo\xdf\xb8s\xe9\xa6/\x99L\xe2\xa5\xa2\x1b\x99\'\x1b\x1b%\xba\x98\x95\xfe\x1d\xb5\x0c6\xd8\tk\x87\x8a.\xe6\xe9`\xf7\xb3\x06Q\xed\xa5Je\xda(i\xb2\x1e\xdfl\xbf)&lt;]|\xe8\xde\xb3\xf0\xc1\x1f\xa7\xe7\x17\x12\x18Y\xb14\xbd\xb1\xad\xfb\x17\xdd c\xce\xa52\xd5\xb9\xb9j5\xd3\xbd\xdc\x9d:\x9a\xef}\xfbG\x13\xfe=\xd6\xca\x8a\xa6O\xdcZ\x9e\xaf|\xbaFvz\xdd\xb4v\x11\x16\xcf;h.\xa6\x18\xc9%4\xb0\xd8)\x88\xb1O\xb1"*\x8e\xe3\xa5 \xb0\xfc\xfei\x8a\xa0i\x8dW*5C3MQ\x9a\x1a~\x7fa\xe2\xf6\xec_\xffE\xf5\x8f\x89w\xb1\xba\xc7\xc2)\x12\'\x95Yv|\x83\x81s\x1bs\xf8\x84^\xe9\xe2\xe8\xc9\xef&lt;\x98]\xdd\xec\xea\xbai\xd7rt\xc2\xd5\xb0\xbc\xb9\xdcI\xdam8\xa4\x9eD\x90$\x02\xe3\x89\xcb\xe5\xc4\x0bX\x8d\x939.\x13\x95\xe8\xe2\x1bX8\x17v\x1a\xd7 \x17\x8dxP\x08\x9a\xdal-W\xb3\xed\xb5?\xd7\xa9\x9e\xde\xea\xa0\xb1\x9e\xaanl\xccU3\xd0\x87\x85*\x93\x01\x14\x1e\xe8N\x85\xfa\x86z\xdf~yisxxxF\x88ce\xc3\xce\x06.\xcbt\xb3\xd5\xb9\xa5\xa5%H\x05"\xdeI\x8e#\x18\xc9\xd5\xe4\x1c\x7f\xaa\xac\x9a\xe8P\x17\xe09\xc2\xe2\tK\xf1\x13\xa9 \x97\x97*3+\x9c\xcb\xa8\xd5\xb0rY\x9a\xaa(\xfe\xbb\x8f\x16\x17\x01\xb6\xfd\x97p:\xd2=\xf7\xc1\xc6\xc6F\xa6Z\xed^\xae"S\xd5\xcc\x06\xd3*\x12\x8e\xe5\x07\x0f\xfe\x04L\xc3\x9b\xd7\x93\x81 \xcd\x18\x15\xa7\xac\xa1Jm\x9eVl\xa8-4#@\x85?\xd0\x82nY\xa8\x19X\x93\xaa;\xe7\x91*P\xa7\xf2&lt;\x87\x0e\x91\x18\x96\xa0L\xfb\xd1\x97\xa2Z\x1aY\x9a\x1a\xc1\xeb\x0c\x83\x14%v\xb7\x8b\'\xaeG\xf5G[\xcf#o}\xbcL\x9emT\xe72\x0c\x0bjmT3\xa9p__\xe7\xd0;\x97\x86\xbb@\xb5B\xc3\x94\x04\n\xb4\x04E1\x18p\xf6S\x88E\x1f\xac8\xa7\x18\x19e\xbf\x89\xda\x113TVx*\xceMEj\xd1&amp;\xa4\xc0G\x9c;r\xa9f[2\xce\xebF\xd7\xe0*\x17\x7f\xab\x0e\xaeG\x8f\x16\x9f\x1dK-/W\x01UEQ\xc8`d&amp;\x15y\xf3\xfc\'\xa7~\xf3\xebKL\xab\x15\n\xf9\xbf\xab6\x7f\xd7\xb6\x81(\x8eKw\x12\'[\xb2%N"[\n\xcd*\xc8\xd6h\xe9\xda,\xf9\x1b\xbax\x08]\xfc\x07x\xf1\xd6\xd0\xa5\x90\xb5SK&lt;%\xc5Y\n-4\xa6]\x12l\xa7m\xc0qh(t31tI!-u\x89S\xda\xef{wJ\xd2\x03\xcb?\x04\xd6G\xdf\xf7}\xef\xde\x9dq\xa5\x1cIR\xe1e\x19\x05\xb1\x8cc \x0c\x95\xf4$g@\xe8\x84\x9coK\xb50\x90\x90\x92\xa9D\xc4X\xfe\xf2v\xccrA}\x8a\xf0u\x91A\xb7+\xc3\xfc\xd1\xdf\x1f\xcc5\xfb\xbc\x06\xae\xb57\xa3\xd1h\x93R\xf1\x0em\xdb\xb4\xd7_\x0c\x9f\xf6z\x93\xc9\xe4I\xef\xb4z\x0b+1d\xac\x1c\xb4\n\x8c^\x81U\x0bT\x1c\xd8\xcc\xa1J\xe1\xfb\x0b5OH\x12\x8b\xf7-\x10M\xa4"\x9f\xd0\\\x80\xf9\xc0\xe5\x05y\x03\xbe,\x13n\x9c7/!\xd8\xd1\xd1\xf4\xea\xc1\x08d\xa3\x9d\xcdw\x9d\xe6j\xa3\xd1i\xb4[\x1b\xdf^\xdf\xed\xed\x11\xd7\xf9\xc7\xdbT*I\xec\x02\xd6\x88e\x82\x88\x17\xc2P\xd1\x13&gt;\x94\x0eJ\x85v5\xe6\x13\x05\xb5\x04cI77X\xb0\x12\xcb\x15\xd2\x81\xb0\xc2\x1b\xbd2W\xe7\xdb\x17\x00;\x9aN\xe7[\xa3{\x9b;\xcd\x9dn\xb7\xddn\xb5[\xad\xf1`\xb88\xd9#\xac\xbdcQ\xbd\x1dA\x92\xcbP\xa5\xac\x15G1\x08R\x81\x17\xd2Z\x88r\xc1\xe1I\xc9\xaf\xd1nk$\x05\xcd\x0c\xa9\x97k\xc2\xa2i \xb6X\xf0\x98K%\xef\xda^H\t\xa4\xb3\xdc&gt;\xbb$\xae\xd9\x19\xfd\xa3\xba9\x1elt\xbb\xdd\xf5\xc1\xf09\xa4"\xa8C\xaf\xfe\x9f\xaf\x94\x8d_)\x96\xd1\xcbbe\x1e\xad\x840\x82L:t\roiA\x16\x84\xc5{O\x01\xb0pY\x17\xb9\x10/\xfb\x8c\x05\xd14&amp;-[\x8d\x19\x0b\t\x1f\xc2c\xe2\x93\x01\xbbZmv\x1a\xe3\x83\xf1x}\xb0O\xf1\xc3x|\xd8g(ZJ+\xb3!\x82Cj\xa8\xca&lt;4d\xfc\x16\xc1\xa2\x1dLt\xad\x99p(\xffBtPU\xe5A-\xd5\xc7\xd4\x1e\x91Z\x06\xcbD\x115U\xe7p\x19c\xf1\x94\x0foFq\xec\xc2\x0bB}\xbf\xb8\x9cB\xb0\xb7\x9d\xf7?\x0f0^\xddg\xa8/\xa7\xfd\x95\xba\xd5J\xd9\x01\xae\x12\xab\x0c!\x0f\xdeXB\x95PEA\xd6\xce\x02\xe5\x90\xd3\xe2Z\x84\x0f\xb2H\xd0M\t\xe9jM\x00\xe4-2\xbd\xe6\x16\rz\xe59\xce\xe4\xf4\xe4\xd24\xa0c\x97oP\x15\xde\x9f9\xc8\xe6\x0f\xe9\x87\xeag\x04u~\xb8\xbbBM\x03\xb5\xa4\xb4T\xb5C(+\x95U\xabd3XR\x14U\xb6v\x96*G\x88L/-\x0b\xcc\xea\x11_C\x90\x995\xd9\xc87\x9d\xac\xc1b.;\x98+\xf2r_C5\x04\xbe(*\xf5\xfcb&gt;\x9b\xfd\xfe\xba\x08\xa8\xf3\x93SR\x89\xb5\xba\xa1J\xa8kHU\t\x95\x9a\xe8\xf1#\xb5X\nX\x90\x07_YqP\x17\xe2\x05]T\x0b\xd4v\xba\x1b\x145\x04-\'\xb5L\xa3Z\xca\xe5_\x83\x91\xf9=JU\r*\n#Z\x95\xa2R</t>
        </is>
      </c>
      <c r="M107" s="3" t="n">
        <v>45492.67892361111</v>
      </c>
    </row>
    <row r="108">
      <c r="A108" t="n">
        <v>291723</v>
      </c>
      <c r="B108" t="n">
        <v>1981</v>
      </c>
      <c r="C108" t="inlineStr">
        <is>
          <t>Alisson</t>
        </is>
      </c>
      <c r="D108" t="inlineStr">
        <is>
          <t>Alisson</t>
        </is>
      </c>
      <c r="E108" t="inlineStr">
        <is>
          <t>VOL</t>
        </is>
      </c>
      <c r="F108" t="inlineStr">
        <is>
          <t>VOL</t>
        </is>
      </c>
      <c r="G108" t="inlineStr">
        <is>
          <t>VOL/MC</t>
        </is>
      </c>
      <c r="H108" t="n">
        <v>174</v>
      </c>
      <c r="I108" t="n">
        <v>25</v>
      </c>
      <c r="J108" s="2" t="n">
        <v>34144</v>
      </c>
      <c r="K108" t="inlineStr">
        <is>
          <t>Right</t>
        </is>
      </c>
      <c r="L10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28017a4-f451-417f-aa42-7baae40c02b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M\xdc=\x00\x00\x03\x00PLTE\xff\xff\xff\xe5\xe6\xf2\xea\xea\xf4\r\n\x11\xec\xec\xf6\xe3\xe4\xf1\xf4\xf5\xfb\xf1\xf1\xfa\xef\xef\xf9\xee\xee\xf7\xf2\xf2\xfc\xe6\xe7\xf3\x08\x06\x0e\xe0\xe2\xef\xf4\xf4\xf9\x14\x10\x16\x15\x13\x1b\xdb\xde\xeb\xf6\xf7\xfb\x0f\r\x16\xc1\x90t\xdd\xe0\xed\x1d\x12\x16*\x17\x18\xbf\x8bo#\x16\x1a\xb1\x80i\xe8\xe8\xf3\xfe\xfe\xff\x05\x04\n\xb9\x85i1\x1a\x19\xf8\xf9\xfd\x1c\x17\x1d&lt;\x1d\x19\x97p_\xfa\xfa\xfd\xb5}b\xd4\xd7\xe5R3+gA4\xae{e\xa9xd\x1f\x1b#\xef\xef\xfb[)\x1c\xbc\x87o:%#\xa8^D\xa6t_\xcc\x99\x85\xd0\xd3\xe3\xc5\x92z\xa2yhpH;\xfd\xfd\xfe\xb4\x85n\x9fcJ\xd9\xdb\xe8\x9ftcD\x1f\x1a6\x1f\x1e\xcc\xcf\xe0I.)E&amp;!\xc5\x8av\xb6mS\xf3\xf4\xfc/$(O$\x1aP+#\x9e\\Dc:-\xb0eK\x8dZC\xca\x94\x81zL;\xd6\xd9\xe8\xa2r^\xb7\x81h\xa8Y&gt;\xb0z^e1"\xa9dK\x9eo[&amp;\x1f&amp;\xe8\xe9\xf6\xbd\xc1\xd5\xa9|i\xbf\x84h\xc3\xc6\xd9-\x1f!@)(\xacw`\xac\x84t\x99kY\xc5\x86m\x93kZ*+;\\5*\xd3\xa6\x96pC4Z92\x9cV&lt;\xd4\xaa\x9c\x81O:\x91M55*.$!.:/3\xd9\xb1\xa6\x8bQ&gt;\x96dQ\x80C.\x8fk_\xbcw`\xc8\xcb\xdd\xa4T:hIB\x9cP6\xb7\x8auyG4\xb7tY\x97`Gx&lt;(\xc9\xb8\xb4\x85S&gt;\x95XB\xa5nZ\x9fiT\xa7iP\xce\xa0\x8a\xafrX\xaeaF\xb0kQ\x96uhP::zRF\xa9\x7fn\xd5\xbd\xb6\xbe}e\x85UD89I\x8b_P\xd2\xa3\x8fJ44[.#\xb2\x90\x82\x8boh\x14\x0b\x0f@49\xa9oU&amp;\r\x11\x91S&lt;\xd5\xcc\xca\xad\x89}nRM\xc8\x9b\x8c\xa5\x83}\xc2\xab\xa3\xd2\xcf\xd5\x83[L\x88D,^A;\x93_K42?\x8beY\xd2\xc6\xc3\xda\xd7\xdaYR\\\x87J7\x98yq\x84gb{z\x88\xe9\xe6\xea\x8f\x8e\xa2l:.\xa2\x7fr\xc5\x98\x84\x1e\t\rkhx\xb6\x96\x8b\xf0\xee\xef\xc7\xb2\xaaJBI\x98J0\xbc\xbd\xd0\x8b\x87\x91\xa8\xa6\xb7_[l\xc1\x90\x7f.\x11\x12\xce\x9e\x92\xb1n_\x90H.?@O\xbc\xa3\x9cKHX\xcb\xc0\xc0\xc7}c\xab\xac\xc0\xd2\xae\xa4\xc2\xbf\xc3\xb6\xb9\xceo6$\xd2\x90z\xe1\xe1\xe6\x9faW\xd2\x9a\x87\xe1\xde\xdf\x9c\x9b\xaf\x7f^U\xb1\xb2\xc7\xc8\xc6\xcc\xdc\xcc\xcc\xab\x90\x8b^IHv[W\xb9\xb5\xbd\x92WO\x9d\x98\x9d\xa9\xa1\xa7{c`\xbcxs\xbb\x9c\x90\xf7%8\x8fsn\x97\x83\x83\xbepY\xb4\xaa\xac\xc8\xa4\x98\xf5=J\xca\x12#\xb0\x9b\x97\xdf\x0e"\xc2\x86\x81\xb2kh\x80ts\xef\x16+\xa6e`\xea\xd3\xd6\xb4^Z\xd2\x81p\xc8\x8a\x97\xe5\x8a\x8e\xed\xe0\xe3\xc8j[\xd6N_\xe5\xa6\xb1\xdf,@\xedss\xa0\x18&amp;\xe8X\\\xe6\xc1\xc0\xc3:J\xb1EOE%a\xfa\x00\x00 \x00IDATx\xda\xcc\x99\xedOSi\x1a\xc6M\xce\xa7M\x1a\xcf\x89\xc7\x9cz&amp;\x9d\xed\x9e\x8a\x11&lt;\x11jS\x8aD\x1a(\xa9\x96Z\x82HmBSE\x84*\xb5/\xbc\x0c\xe1\xad3\xac\xd6\xd2\n\x88Pd\x8a\nVQ\xa2\xbc\xcc\xe8*\x88BX\xb1Q4\xa1\x99%8\xc6\x8118!\xcbJ\xe2\x07\xfe\x87\xbd\xefS\xd8\xfd\x07Nq\xee\x03i\xbf\xf1\xcbu]\xf7\xf5&lt;-\xdb\xb6\x8992\xd9\xb6?\xd5$=\x1a\xde&gt;\x10\x8b}\x8e\r\x0f\xbfK\xca\xf8S elO\x9a\x9f~12\xe9\xe6y\xb7\x85wM\xbey\x18\xdb\xf1\x95e\x93%\xcd\x7f\xfa4\xfd\xd4M\xd1\x04I\xd1\xf0P\x14\xcf\xeb\xf9\xfbOc\xcf2\xbe\x1a\xd2\xf6\x81\xe9\x87\xf7y\x8e\xa6\t\xc9\xb7\x04E\x91\xc0\x04\xef\x01\x8c\xb7\xb8\'\xa7c\xcf\xbe\x82d\xb2\x8cG\x03O\xdd&lt;\xc8$\x91\x00\x94DBH\xe0-&lt;\x14\xc5\xf1\x1cIr\x16\xd7d,c\xab\xc1\x9e}\\\x9f\x04i(\t\xce\xb7\xf1!h\x82&amp;\t\x02\x9c\xe4(\x8a\xe69\x8b~\xe4\xf3\xf6-\xa5\x9a\x7f\x01qB\x85\x10\x07\xc4\xda\x04#\x01\x8a\xa4\x08\x92\xa4\xc1J\x0b\xc7\xf1\x93\xb1\xa4\xadSl\xb8\x93F\xcfH\t2!X\\1\x82\xc0W\t\x01C\x13\x04Ep&lt;O\xf1o\x06\xb6\xac\x11\xde\x80R(\x16\xf2H\x04\x16\x01\x0fHi"\xfe\xc3\x11\x04I\xc3\x0eP\x1c\xe7\x99\xde\xb1%a\x1fx\x03\xebFl\xe8\x04\xabG\x82\x97B\xc4$\xd8\x12\xa8\x15\xb8HP$\x07\x86\x82b\x16\xcb\xc8\xc0\x16\x18\xf9\xb1\x8c\x96@\xb0\x04\xd7\x84x\x11aB\x08&lt;\r0\xe8 I\xc1\x1b\x92\x81\x07\xf6\x11\xd6\xd2\xc2M\xc6\x12\xee\xe0G7\xc4\x8a\x8a\x83\xa0\x85\xa8\x98\xa0\x15\x02a\xde@?\xcc&lt;\x19\x06(\x90\x8a#y\xb7\xde\xf3!\xb1z\xc9&gt;\xb9!/B\xc4\xe9\xffW\x03$\x8d\x96p$\xbeP@\x87\xdb@Bw\xd1\xb8\x8f\x1c\xc4\x8b\xb2\xf4\xc62\x12\x9a\xab2hs"\x8eB`\xaa\x84\x92 $\xbc\x10*\t\x8d\x81\xa2 \xeb\x0cC\x86\x01H\x10\x8c\xa7\x08\x9a\xd3\'P\xaf\x8c\x81N\x8a\x13\xac# ^$\x04\x9cdX\x96\xd13\x98)8\x7f\xb0\xb2\x00;\xcc\x93\x0c#\x1f\x0fC\xc28h{\x16{\x96\x1fI\xdc&gt;\xce\xdf\xdf\xa0\x02=\xc0"0\x8dd\xd90k#\xc90\xc3\xd8@  \r\x13\x18w2,e\xa56&amp;L2pt[8JO\xebc\x89\x92k\xc7S\n\xa2\x83\xcb\xb6Y\x9b\xd0\x02\x12\x02B\x05g\x0e\xc1\xb0\xa0\x13\xa8\x05\xda@\x9c@&amp;\x16\x06\xc4\xb4\xd9z-\x9c\x9e\xe2z\xdf%\x86+\xe3C\x19\x85\x073\xc6:,\x0c\x14\x15\x80p\xc2\x01\rd&lt;\xf8Jr&lt;\xb02\x16\x96a,\x9c4Mj\xb3\xa5\xd9\\z\x88\x18g\x99N\x8cX\x7f\x19\x11\xea\n\xfe4\xc1\xbc\x94\x8e\xdf\x90\x8e\x87\x19V*\x97\xcb\xc13\n\xcb\n\x84\xa2\x042\xd6&amp;\xcf\xce\x91J\xd9\xb44\xad\xad5\xfb\xa4\xde\xc3\xbb,z\xd7\xe4\xa3\x84`\r\xb8\x85\x82\x82F\xba!Wde\x1d9\xacP(\x0e?&gt;\xdb\xf4\xf8lyv\x9a\x8d\xb5\xf0,\xcf0\x1c\xab\xd7Jmi\xe5\xe5\xf9yG\xb4/\xb59\xf2\xc1\xbc\xf24\x97\xcb\xe2\xf1\xf4\xb6.\'\xc4\xc3_y\xe1($@\xa1\xac\xc3\x87\xf7\xef/\xbaVT\xf4C\xcd\xbdQ\xe7\x85\xef/4\xe5\xe7\xd7\xd7/\xd5\x0f\xd6\xdfJN\xce?\xfb\xb8\xa9\xaa\xcaPu\xfel\x1e\xc0\x95k\x9a\xf2\xb4\xd9\xac\xcb\xe3i\x1dIJ\x00\xd6\xdf^@\xb2\x08\x9aaP+\xa4**\xfa\x05\xa8\xee\xbdrV\x18\x94\x99\x99\x99&gt;\x9f\xef\xf4i\xdfE_f\xa6\xc1`\xa8\x80q\xber:\xabFkjj\xcek\xce\x82\x91\xbdzO\x02.\x13\xb2Gep\xe9\xa3X)\x8bT\x88\xb5\x1f\xb0\x80jj\xaa\xa1\xa2\xa2Pi6\x9a\x83\x97\xcc\xe6Kf\xa3Q\xa9,,\xac\xabkhx\x05\\N\xe7\xe8\xe8\xf9\xab\xf9\xe7\xf4\xae^\x97\xe7\x93,A\xd1"Y\xe9\x86\x85q\xb5\x04\xaa\x86\x86\xbaBe \xa0\x0c\x18\x8d\xc6\xa01\x18\x0c\x06\x02fDk\x98r68\x9d7oVu=H\xd6\xea]\xae\xdeu\xf1\xb1d\x10-B\xc2\x00\xd5K\x01\xeb\x1a\x88%`!T\xa11\x00c\xcc\xcdm\xc9\xc5\xf1\x06\x8d\xc6\x80\x12\xf4\x9a\x9a\x02\xb9nVU\xef\xbe[\x0e5\xe1\x19y&amp;~\xe2\x1fbQ\xda\x00\x0b\x93%d\x0b\xa3\x85X\x85\x80e\x04(\xaf\xd7[[\xdb\x01\x0f\x90\x19\x95f\xc4\x82|\xdd\xbc\xe0;\xf4\xd3w\x9an\x97\xa7wR\xfcpe@\xe2i\x12\xa9\x14\x9b&amp;n`\xd5\x15\x06\x82{Z\xbc^\xab\xd5\xdaaM\xd5\xe9Ju\x1d\xb5\xb5\xb9\xde\x00\x04\x0c\xfcm\xa8\xc8\xf4\xa5\xdf\xfe\xa9m\xaf\xc7\xe5\x99\\\x16\xdd\xc5\xf92\x8a\xa69\xa9\x14\xcb\n\xa9`~\x10\xa2\x05\xb9\nzS\x8f\xd5\xd6\x02Q$\xb26\x16\x89\x9a\xd4\xd6\x8e\xffxA@\x08&gt;ldfA\xfa\xe2\xe5\xb6s\xad\xdd\xbd\x93\xd3b_od\xc3\xf0Y\x07\x02/\xcfA\xb1\x04\xae\xa2_jP\xab\xbaBcm\xeaL\xaan\xd7\x8c:\xba6\xe7\x88FM*\x95IW\nV\x06@\xb0B\xc0\xdaW\xf2\xa4\xbaK388\xb9\xb4\x9e$\xfe""\x96\\\x8b\x1ef\xc5\xb1P,\xa4\xf2\xea\xc6\xc6f\xd4\x91H$j\x8f\xccD#v \xd3\x95Z\x81+h\x84}\x04\xac\xf4\x82\xea\xa3m\xf5KK#\xebb\xdfn2&gt;\xc2M\x8f\xda\xc0\x8a\xab\x05\xd1\x02\xac\xc2@ni4\x1a1E\x1d\x8eJ\x989G\xe5\x1cHf2A\xc0\xbc^\xa80\xa52\xb3x\x9f\xaf\xba\xebn\xfd\xef\x7f\xfc\xb1.\xf6\xc7Y\xd9G\xb8\x1fP6\xc0\xca\xc2\xc4_\x13\xb0\xeeM5 \x95\xc9aW\xf9U\x8e9\xe4\x9a\x9b\xabt8\xe6*\xed*\xb0\xd1\x8b\x0b\xa9T^/&gt;\xe0\xab&gt;\xfd\xdd\xad\x9f\xd7W\xd7Eo\x88\x7f\xe0\x85\xc5&amp;\x97\xc7\xb16\xa2\xd5P\xa74\xd6\x96\xfa\xedv\xbf\xdf/\x88\xb59\x0e\x93\x1a\xd3\x95\x0b\xf5en9P\xec\xbb\xb8\xfb\xf2\xfb\x1fW\x97\xa7E\xc7\x9avS$#\xff\x1f\xd6a\x8c\x96\xb3\x02\xc4\xaa\xb5\xaaB~\xfb\x02\xb0\x81V`\xa2\xa3\x12\x00C\xf1\xd0#\x95\xb9\xe5\x9b\x92\x8b\xe9\xe9\xfd\xff^]]^\x9d\x17\x1b\xeb)bm\xaa\x85-/`)\x03^k\xa9I\x15U\xa9T\x0b!\xbb\xc3\xeep\xd8Cv\xbb#\n\xbb\xd8\x81XJ8,[\x1a\x1b\x0f\xb4\xf7L\xdc^\xfc\xb2\xbc&lt;,v\xb6^\xb8\xb9M\xb5\x04\xaek\x90xgC\xa1\xd9\xdbaU\x9bL*\xf8\x8d\xda\xa3!\xff\x82\x7f!\x14\x02\xaaR\x8cV\x10\xa3e\xbe\xfe\xcd\xc1\x94\xfe\x95\x95/_\x9e\x7f\xfe\xf4N\xeck\xcd\x88\x9b\xa3\x00\x0b#\x8f`x}\x18\x05\x13\x83\xdeZ\xabN\xa7V\xebL&amp;\xd3\x82\xca\xbf\xa02am\x01\x96\x15\xfa!\x18\x80\x13[\xd9r\xb0\xf1\xe0D\xcf\xec\xf3\xe6\xe6\xb7\x9f\xc5Vk\xc7\x9b2\x8e\x836\x85\x82Pd)\xe2X5`\xa2\xd9k\xd5\x95\x96\xe2\x89\xa3S\x03\x8dJ\xf5/\x13j\xa7\xd6Y;r\x83x\x910\x18\xae\x7fS\xbc\xaf\xa7\xe7N\xf3o\xcdC1\xd1\xd5zq\x9fg\x05\xac\x1c\x04;rM\xc02(\x8d\xde\xd4T\xc4\xd2\xe9L(\xd4\xc2\x02\xa4\x0c\xe8\xc6t\xba\x0eo\xd0l\x06\xaa\xcc\x03\xc5\xc5\xed\xfd+w\xae\xfc64\xf4\xf6\x91\xe8\'u\xa7\x9be\x10K\xab\x90+r\x10\xabf\xf4\x82\xc1\xdcR\xabKE\x9dT\x11\x0c}(\xb4\xe0\x87\x95\xb4G\x1d\x91\x99\x9d\xc0\x15TV\x18|\xed\xed%=\xfd\x13w\xae\x0c\r\r\xc5\xc4\xc6\x92=\xec,\x8b\xab\xa5\x90k\xf1n\x03\xd7\xf8\x9b\xdfg^j\xd9\x83P!\x07\xb0\xc0\x0eB;\xd8+\xaf\xc0S9\xb7\x16\xd9\x99\xba\xa7\xc5l\xa8\xf0\xb5\xf7\xb7\xf7\x80\x89W\xfa\x86\xde\xbe\x15\xbfN_\x97q,\x1e&gt;\xb0\x8dr\xa9\xe2H^\xd3\xf9\xa3\xd5&gt;\xdf\x81\x94T\xb0\xcf\x8f\\\x0e;6\x16\x94&lt;\xf4=\x1c@\x91\xb1\x99\xc6\x94\x8b\x86\x8a\xcc\xf4\xc5\x92\xfe\x92\x89\xb5\xe6\xbe\xbe\xa1&gt;\xd1\xb1~}\x8d\xe1\x92k\xb5Z\xa0\x92*r\xf24W\xbb\xaa\x0bN\\&lt;u\xf0\xe0.\xb5\x1a\x02\x15\na\x91:\xec\xfeHd\x0c\x8e\xed\xb5\x95\x89\x9e\xdb\xe9g\xee\xe6_\xdd\xbd\xb8(\x98\x08ToE\xff\x8a\xf7\x9f\xaf;-\x1c\x0b\r!\x97\xde``\xa4i\xdd\xf0\xf1\xeb\xfd\x83\xdd\xe9\xed\x8d\x8dj\x18\x13\x86*\xe4W\xcd4\x96\x80g=O~\xfc}\xa9\xb5\xb5{owv\xfd\x93/\xfd=\x13\xb3\xcf\x87\xfa\xfa\xfa\xc4?\xaa;_\xbb\xb1!\xe0\xc32#\x91\x10a\x92\xc1\xef\x17\xf4i\xdd\xad\xf5\x0fv\xef+N\xdd\xa53\xf9\xfd@\xa5K9t\xf9\xfd\xad\xa5\xa5\xee\xd6\xde^O\xdaI\x98\xee\xa5\xd5\xfe\x89\x955\x01k\x87\xe8Xe\xf7\xcbx\xc4b\xf1k\xa3\xf0\xf8\xf8x\x18\xbf\x7f\xe0x\xbd\xa7\xbb\xfeA\xf5\xbe\xbfB\xf4\x17\xfc\xaa\xb1\x9d\x05g\xde/\xb5\xba&lt;z\x8f\xc7u2\xbb^\xd3\xa6I\x1e\xbc\xb58;;{\x07\xa8&gt;l\x17\xf7\xbfA2\xb8\xd8\xb8\xdd\xe0\xa2Tz\x83$\x18mN\xb2F\xa39\x97\xa3\x952\x0cos\x81`\'R\x8e\xa5b\xc2\xc6\x1a\x0f=h\xeb\x06\xafs\x06\xef\x9e9\xd4~\xec\xf8\xf1S\'\xba\xdaVggW\x9ec\xe4\xdf\xcd6\x8byo\x1eX\x9e\xe69\x8b\x80\xc5\x8cKs\xf6\xe6=nj:\xff\xf7\xa3w59R\xa8\r\xed^MuA\xca1uDe\xda\xd9X|\xa6-99Y\xd3u\xfat\xc1\xf1\x96\x96K\x97\xae_?u\xe8\xf2\xec\x7fi5\xd7\x9f4\xf3,\x8e7\xd9\xb7\x9b\xddf\xb6\x11k\\Mq\x08\x97F\xa0FT\x16\x0c\x97\xc8M\x8dX\x1eM$"b\x11m\xad-Rb\xbd"\xca"\x1dE\x87)\xc6\n:\xe2\xe8R/\xb4\xe3`\xa9\xa5\xdd\xd9\x11\xb1\n\xb1)E3\xa9\xb6\xc5\xaa\xc9\xa8\xc9D\x1b[\xb3\xed\xbbI\xf6&lt;\xba\x7f\xc2\xe3y\xc1\xe5\xdd\'\xe7\x9c\xdfy\xbe\xe7\xfb\xfcFf\x01+4\x18\x13\x89\xd60t\x97\x15\xc9\xfdg\xcf^&lt;\xc9V2\x97+T\xab\xc5j\xb5\x9a\xc8\xa1\xa1\xb3\x0c\xc6&gt;\xb1\xcb\xdd1 \x9d\x9b\x8b\xa7f]\xaaki\xd3\x08\xb3\xb3i\x00\xdbk\x141M\x03\xe6\xb2\x92\xd9\x91\xc5\x91\xb5\xc1A\x03"\t\xcea6$\xbe\x9a\xe2pq\xfdg/\\\xbcx\x1e\xd5\x10\\\xa1\xd0n\xe7\xe2\xe2.\xe6\xf4\xff\xe9\xc2\xd4/\xd7\xb3\xd9\\\xb6\xbaIk\xb4P\xa9\xfc\xe6\x01f\xcb51\xf1\xe9\x12\x1c\xd6\x9c\xa79\xb4T\x0f\xcauy\xd6?b\x98X\x0bQ\x82Az\xbd\x15+\xac\xd5\xbb\\vv\\\xdc\x85\xda\x8b\xb8d\x1a\xe4\xcan\xb7\x0b\x03\xbe\xeb\x1fn\xc4\xfd\xed\xe7\xeb\xef6\xfeU\xc5f\xe3\x85/\xc7\xaa\x83\xb0\xea\x9bDN\x9bfs\xf7\x8d\xe3\xdb\xc7\xf8\x8d\x1f\x15l\x99\x87\x89\x98\xcdd\xbf\xdf:1\xd8\x97%\xd5\x1f}Z\xc6\xac\xb3\xaa\x04\xf8d\xe8\xee\xdab\\\xf6I\x05\xedl\xfc\x9bo&gt;\xdc\x0b\xfc\xd5\xc1y\x11\xda%\t\xd9\xc9\xf8T]\x83\x89N7\x99\xaa\xdbY\x94u\xc3&amp;&gt;.\xc0y\xff\xfb\xc3\xfcV\xad\x11\x81|m\xfb\xe1Q\x9d0\xd7\xb3s\xf4e\x18\xb3\xad\x87\x94\x8a\x0f\x04p(\x16\x1e\n\xa8\x86\x05C(P\x9367\xb9x\xce\x07\xc3\xe2\xfa\x1d\x810\x9b\x96:V\x8f\x80F\x16\x89D\xb3\xb3\xe5\x0f~#\n\xab\x1e\xfe\xde\xadmu\x8a\x8c"\x11\x82d\x81\xb0\t5\xae\x84\x01k\x1f\xab\xe9\xb0\xab\xb1\xe3\x1d&gt;\xc7\xf9+\xc58\xaeZ\xec\x95\xd9Sev\x01\xdb.\xd3h2\xc6\xc7o\xd9bM\x1a.\x8d&amp;{F\x97\x14\x16\xa2\xfa\xaa#\xd6\xd6\xd6\xdb\xf5`&lt;f\xacY\x18\xabip:\x1b\xe8H\xd9\x9eu\xd0\x90\x1e\t\xeb\xff\xfbe\x1f\xa3\xd1\x95\xf8^#\x03,\xdf\xf9\xfb\xb58\xbcZ\xa3\xf1\xdae^\xaf\x185ltM\xbd\xb6\xd1\xde\xd85\xb1\x90\xc6\x06\xacN\xd0\xa2"\xbaH9\xc4\x8aicCCY\xe4\x01\xd1\xff-\xb8B\xf3\xb6a\xcd\x9a\x1e\xde\xe1E\xbeleb\x86%\xc6;\x1c\x01\xdc}(\xa2\x9d\x04D\xe8\xd4\xd2\xb5\xea&lt;\x10\xd7\xda&lt;M^\xb5\x10\x0fX\xf5\x85\xf5\x85tz\'\xc2lg\x15E\xa3\xed\xe6\xb2\xa0y\xa0}\x80\t\\"z\xd96\xf4V\x9a*\xcc[\xc1.[!\x928\x10H\x0e8\x00+\x19\x1a\x1e\x96\x1e\x18\xa5F\xa3Q\xeb\xf1\x1c\xbb\x90M^\xd0\xd1/\x9f\xa1\x1e`ag\'\xdf\x82t\xb4_\xa2\\\n\x06\xcb\xc8RiB\x99IT-B\xc8{\xd6\xb5\x90\xfe(\xcc\xfb\x0e\xb3\x96?3}\xdb~\x8cu\xaf\xf8&lt;\x8e+\xb0\xdb!OZ\xa7\xd3\xe8\xac\xf1xt\xb0\x969u2&lt;^\xd0\n\xd9*\x84}\xb6S\xd2\x0c;\x8f\xa9\x1d\xa8\x82\xe422\xe1\xb2\x19A`\xfb\x01,+\xef(\xa2\x9a\xff\x84\xd9\xdc\xfa\xfa\xad \x10\x088\x02\xf7j\xcf\xe3\xd8BX\\u:\x80\x81&lt;\x01_Cu\xb5\xb3I\x80g\xa7\xb6\x1eg\xab\xba\x9aN\x87mH\x0f\xbaT\x04\xd3\xc2d\x81\x90 \x16B\xe3\xf2\xc4\xa05\x12\xf9nkX\xbf\x86\xd5\xd3:\xf1gv\x00\xe7p8\xee\xc1&lt;\xc5\x1f\xcb\xf8\xb1\x9a\x9a\x85\x9a\xb1\x85\x9a\x1a\xd4\x85l\x95\t@D\x8f5\xa0\xc6QCC}}}\'\x1f\x12&amp;\x81\xb5\x07A$\x16&gt;\xe4\xce,}\xb4&lt;\xb1\xf6G$\xb2\xb2\xb5\x7f\x80\x9dB\x9dT\xa0\xaf-\x1c\xd7\xaf\x14\'\xb3\x85j\xc8\xd6\x02\x1c\xfd\x85\x85\x9a\x86\x06\xd4fv\xca\xd8\xec\xd4\x97\x0b\x85\x92N@j\xa8\x86Z\xd2%\x90#\t\x1d\xa1#\x12I\xb3\x9e\xcf\'P\xf7\xfck\x90\xad\xa3\xc8\xd6\xd6\x1ev\xd2&amp;s\n\x07\x03\xc2G{^[\x8a\x17\xaa\xbd\xc7v\xfc\xd8\xc2\xb3jh%\x0b\xa1,\xdfn\x17\xa4\xea\xea%\xfcN\t\xeaK&gt;\xab\x96\xab\xf4\xa8[#\x91\x14v\x9eX\xaa\xf29h\xad\x89\x9b\xe1/\xe1\xfd \x86\n"q\x03\xe7\xe8\xef\xf7\xe1\x96\xee\x97\xa2ElE\x8b\x88\x96\x8bn\x91S\x132\xec/e\xb2\xd6\x06\xc9\x8e~g\x87\x0f`\x10\xe9+\xc7\x1e\x04j\xd9\xa0\xc6s\x0f\xf5\xd1U\xeb\xda\xe0\xbc\x84\xaf\xdf:\xc4R7?\xb9\x81\xeb\xef\xff{\xff\xd2\xb7\xa5\xe8\xd3\xc7\x8b\xba"\xd5\xc7\x8e[\x1a\xb5I\x88\x1e\x01\x0f\xa2\xcf[Y\xb9\x99\xd7\xb3\x83\xb2Y"\xaa\xbc\xe1G\xa8\xb5\x0b\xffv\xf4\xf2\xc6=\x14\x8b\xd0\x19\xde\xc2\xeeA}b\x7f\xa3\xe9\xfa\xf31\x16Wx\x8cUX\xd8\xd9\xccK\xe3\xb5\x0b\x04\xde|\x18\xab\x88&lt;o\xa5\xd2\xba\x02\x03\x13\x16\xea /\x1cN\x1f^\x9e\x87\xafpX\xdf#\x7f\xb4\xbcl\x9d\x08\xf1\xa9=\xc1O\x9f\xb1}I]\n\'\xd1\xf7\xf4y)*l\xbc\xa8\xfb@\x97\xf0UP\xaa\\v@\xc0\xe6\x92\xf2\x8d\x84t8hy&lt;^\xbb\xd6\x18\x0c\xf2"\xe1\xb0j\xdeZ\xc9S\xa9\xc2=a\xea\xde\xb2\xd5:a\x8d\xcc\xf3\xf9\xfb\xd8\x9a\xba\x89\x8f\x1d&gt;\x9c\xe3\xe9\x12`\xe1O\xb0$\xfc\x9e\xf4t\xbdi,\x95\r#\xcd\xe7 vH\xa5\xd4\xb9\x84KQrc\x94\xd9\xa3\xe2\xa9v\xc2\x91JkeD\x05qn\xd9\nr\xeb\x8f\xcay\xc9\xceG\x8c7\x9f\xd7\xc5&gt;\x9f\xe3\xc6R1\x88a\xee\tVs|\x9e\xdc,\x1a\x83\xa9\x05\x9bv\xc0\xc7\xee\xed\xad+/\xef\x1b\xde\xd7\x07Uz}X\xd5\xdc\x1c\x8e\\\xbd\x99v\x8ce\xb5\x1a\xac!k\xe5&gt;\xff\x11\xd6\x0ex\xe6c\x98\x10\xa5S\xc7X2\xc0B\xd0dI\xcd-:\x9dFL\x14\n\x85\\b\x95f\xf4\x81K\xa9\xcc"\x07\x83\xcd\xd0\xe6I\x96fU\xda\xd5\x7fFTr\xd5\xb0\xd5\xea7L\xdc\\\t\xf31N\x16\xc4\x06*m\x00+;\x9b\xab\xd69E\x08_u\x8eZ\xc6\xbc\xd6\xd4\xea\x15\x8b5\x19\x9a\xde\x8a;3\xca\x99\xa1!\x06\xa3\x9c\xc94Y\xf8zy\x82\xa9Y\x9e\x96\x96\xae\x92\xcb\x87\xad\x06\x14+\x12Va\xbe\xecg\xbeKv\xf8\xe2\xa6\x8aKi4\xae\xb8\xc9)\xb2\xf4\xc8\xa5\xe4\xf2^\x92\x18B\x93\x9f\xdf[\xc7p1ff\xba\xfb\x94wl\xb6\\wKG\xfb\xe5,\n\xd3|./\x9d\'\x8f\x1f6\x18F\xfc\x13W\x8f\xc2\x95\xd8\xdf\x1dy\xf2\x06\x1fH^\xaaE\xb1\xd4MF\xa6\xb9\x99\xd0^g\xcb\xa8\xaa\x12k4\xf9\x1e\x10\xec\x94!\x17#\xa5\x83\xdcXRPW\x97\xeb\xb6\xd5\x953\xbaSZ.\x9f;\x17/O\x1a\xf6\xfb![\xc3\x91\xa3\xcfg\xb0\x8fW\x9bw\xef\xfe\x82b\xd1\x00\xcbd6\x0f\xb8G\xbbnW\xa9I\x1a\x19\x08v\x10\t\t%\xac(B\x98\x93ZL\xcc\x0e\xb7\xbb\xae\x9c5\xf3\xc0\xd6A\x88\x8fOJ\x9a\x1d\xf1\x1b\x0c\x13\x95+\x1fO\xe5&amp;D\xe6\xf4\xea\x8f9\x80\xa5Pk\xb4\xcc\x01\x93\xdbf\x1b\xbd\r\x9aP\xe712\xa3QS\x90@\x08\x06\t\xd4\xbc\xb99\xaa\x19a\x8a\x98E\x8c\x19\x17\xc3m\x96\'%e\xcd.\x8e\x8c\x18\x06?&gt;9sZ\xf1SN\x0e\x14\x91\xa8\xd1\x8a\x90\x16\xdb\xe8\xe8(\xc9no\xd2jc\xeeh\xf40\x1a\r\x1eP\x0e\xb6\xb6\x1a\xf7\xe7\xa4\xfa \xc2\xec\xe8V*\x19u\xed\x84$iV\xdf6`M\x9e\xde\xdd\x9f\xc4\xff\\)U\xd0\x14DR\x1b\x93\x89\xbe^\xea"\t\xc5M\xbd\xb1X,\n\x11C\xbf\xe1\xd7\xe1!(\xd3\xa0\x99\x925\x03\xa7\xf2\x12AJH\xe8\xdb^\x1c1\xac\x9e9=\xac\x17\xf7K\x15\n\x05Q|\xad\x85Y\x9eRa\xebR\x0b\xd5\xa4\xfc\xae\xae\xae_\xc7o=p\xb9\xd6\xfd!\x97\xcb\xe5I\xb9\x85b\x92\x0b\xcaY\x0c\x16\x85\\VV2\x04U\xf4\x9f"\xd6\x99\x7f|[\xaa\xe0(8\xe2\xfc\\fE\n\xa3\xc0V\xc5e\xb39o\xdfo\xbc{\x11\x9a\\\x9d\x9c\x9c\xfezuu5\xf4\xc3\xbb\xb7\xdf\x934\xbdp\x18Y\xac\x12r\x02\xa5D\xd9\x07M\xff\xf9\x14\xb1\xfe\xb2\x94\x83bUe\xe4\xba\xcbY%\x14\x18\x10\xb4\xec\xa9\x0f/v_ON\x02\xd0\xab\xe9\xaf\xa6\xa7\xa7W_\xbd~\xbd1%\xcc\xc8\xed(b\x94d\x91)%\xdd\xca\xa1\xed\x11\xc3\x93S\xc4J||]A\xe4p\xa0\xb9\xdcE,VJ\xcah\xfe\xed\xeco\xee\xfe\xb6\xb9\xf1&gt;49\xf9\x03\xa0A\xce\xdeM\xee\xbe\xd8x\xd8\xe6.(b)\x1b\xb3\x12(\x8cn\xc8\xd6\xa2\xe14/\xecf\xfet\x83\xc6!r\x88P\xc5\xa2\x94\x94\x8a\xf1.\x8dW\xec\xf5B\xd3\x1f\xb2\\\xeb\xae\xf5Y\xc3\xc4nh\xdd5&gt;n\x8bu$\x14\x14\x14(\x95%\x94\x02\xc8V_\xdfb\xe8T/\x07\xfe\xfb9\x1cD"\xb1*\xa3\xb7\xae\xa2\xe2\xd7\xd1\x0c1P\xb5jc\xd1O\x07\x07\x07\x9f\xd0\x8f\x83C\x88\xa8\xdbLH\xa0\xfc\x8f\x96\xb3\x8bI+M\xe3xa\xf9R\x17\xaa\xa8UYb\xb5\xf8\x01\xc7\x06s\xc2\x1c\xa4\xb2j7%.1\x142\tV\x82\x0b\x04\r&amp;\x86\x92%,!\x98\xa6\x0e&amp;\x9b\xf0\xb1\xa1\xc6\xad\xe1\xa2\x1aZ\x83uj\xd0\xb26\xb65j\xcdlZ\x1b\xb6&amp;\xdd\xac\xdah\x9b\xb4\xdd8\x99\x0b3\xbb\x99\x8b\xc9\xdc\xef\xff=\xb4{\xbb\x9d\xad&lt;\xe0\t\xdc\xfd\xf2\x7f\x9e\xf7\xff&gt;\xcf9/\x9a\x19\x9b\x8d\xb6\x9a\x19\x86\xa8u\xefT1\x83K\x8a\x0bX\xa4\xa2\'\x81\x85\x81\x03m\xceoY\xa2\x1f\xde\x7f\x8fx\xff\xfe_?\xfc\xfd\x8f\xcd\xcd2\xb3\x9eal\xb4\x99\xd6\'\x12\xe9\x87\xcf~**\xd6\xcbUo;\xa8F\x94\xda\xf8\x1c\xfc\xd4\x83\xc6~\x0c\xde\xfa\xd7\xf7$~\xfc\xe6o\xdf\xfc\xf8\xfd\xfb\xe6\xe6?|\xf9\xa5E\xa6W\xe8\xf542\xc9\xd8\x9c3\x07\xdf5\x15\x15\xabe\xf9\x06\x8a\xab\xb5\xd5\x08\xaex\xdc\xe41\x0e\x0f\xa3\xfc\'h\x95JES:\xf5\xd6o\xb0\xf78\xa0U\xb3Lfc\xacV\xb3\xd5\xa573+3\xc7\xb7\x8aJu\xea\xce\xea\xa2\x97\xcd\xa2\x92\xdc\x02W*\x95\x1e\x8fR;7\xb9\x10XXX\n\x04\x14z\xc6FE"j\xb5L\xa6s2z\x85\xcbe\xb5*\xccL:}\xfc\xa8\xa8T\xf2WOWS\xa4\xe8G\x94\x190\xa1\xab1%\xc7\xfb&amp;\xdd\x8a@6{t\x94\xcdb\xbf\x91\xe9\xaa\xbe\x08\x13\xad\x18\xab[\xe12[\xad\xfa\x95\x95\x99\xebE&gt;&lt;\xfc\xe6\xe9\xe2\xb6\x81\xa4q\x04\xd1\xda\x83\xad\'\xe9\xb7\xda\x12\x89\x95\x15l;hNg\xb6\x1e&lt;x\x10\x0eS*\xbd\xdeju\xbbH\xe8\x99\x95\x83\xfb\xc5\xcd\xe1\xa9\xfc]\xdf\xea]\xb2\x18GP`\xc4\xc0\xe0\x14V\xda\xc6\xa0\x82\x98\x04z\x86\xad\xad\x07[a\xe2V\xc8\x1fI!\x92\xa8\xcf\xa6o\x177\x87\xa7\xe4\xbbC\xfd\xdb\x8b\xac\\\xc4\xec{ W|\xce\xef\xee\x9b\x9f\xbf\x10\xa1\x1d\x94J\xa6\x0bo\x85\x13\x0c\xa4R\xb8]0\\\x12\xd1\x95\x83\xe7E\xc6\xea\xd8\xbd\xdafxr\xc3\xd0\x0e"\xf2\xf4\x8b\xc8\xa55\x99F\xc7\xbf\x9a\x98\xa0)JF\xe1BQz\x85\xdb\xad \xfe\x80\xe2rG\xb3\xe9\xc7_\x17[\xad\\\x7fccj\xd1k T\xe8S/b{\xd4z\xc6F\x93\xf3\x11\xb3\r\xa6\xcePfdM\xcf\x8a\x14\xc5RT\xb8\xa3G\xd9\xe3\xeb\x7f*6\xd6F\x7fyc\xdd\xda\r/\x9a\xd4\xf6\xc1\xf6\x82\\Jmr\xdeou\x99\xd1\xc68\x13\n\xb7\x82\xbcA\x15]a\xf0)\x9a=\xc0|Q\xe4\x92\x97/\xb7\x95\x9fi\xec_\xbbk\xe82\x0c\x0ev\xb5\x03\x0b\x06f\x9a\xf3\xeb\xf5fl2\xccL:\xaa \x19\x04Vv%\x1bU\x04\xa2G\xdf\x1e?\xbe]t\xacUr\x16\xbe\xce\x00\xb9\x805\x88V\xb55\x13\x82\x9db\xfb\xd3\x9b\x9d3i\xe7J4\x1ap/\x04 V6\x8b\x8f\x81\xe9\xec\xc1\xf1\xb3\xe2c=i&lt;}\xfaLc\x9b/\xe5e\xb1\xb0$GB\xf1\xf8\xa4\x82\x8c\xaeN\xe7\xcd\x19\x82\xa5p\x03\x07\\\xd1\xe9\xa5\xe9\xa3\xf4\xc1\xc1\xc3\xc7\xc5l\xe4\xff\x8bu\xfaL]\x7f\xca\x07\xbd\x0c\x06o\xcf\xd4H(\x14\x9fs\xe9\x01\x85Y\x1f\x89\x0b\x04\x02\x0b\xc0:\x9af\xdf\xd9\xf4\xcc\xccC\x8c=E\xc6Zl&lt;\x83,"\x8d&gt;\x9f\xd7k\xf0z\x7f7\x15\xcbd\xe2s\x0bnx9\xc30\xa8&amp;\x92\xc3@tz\x9aHu\xf4m6\x8d\x8e\xf9YQ\xb1\xe4M/6n\x14\xb0\x1a\xfbY.\x9f\xcf7\x15#rM.\xb8\xadz\xd6\x19\xb0g\xb3Z--M\x13\xb1\xb2+N\'\xe6\x9e[\xc5\xebk\xe4\xf7\x9e\xa4\xd6\xee\xd6\x9da\xa3\xae\x9f0y}\xa9)\xc8\x15"\xcd\x97\xdb\x8a\x15\x88\x0c.\xb1@\xe4\xf2\xef\xe9,\xbc\x0b\xbd\xe9?o\xdf\xe2\x16\x8d\xeb\xcd\x1a\xa8\x86\xc8\x0f,X\xaeA_*\xe5\x03V,\x16\xcb\x1c\xce\xc6\xf7\xf6\x16\xdc\x04\xea\xdd\xde\xbb%@\xb1pGGQ\x85\x8b\xb6a\x1c{\xfe\x92W\xa4^\xfe\xd5\x93\xc5\xb5\xa1!C]\r9\xa0\xc1\x96\x977\x95\x9a*p\xc5B\xb3\xaf\xf7\x10\xef^\xbf~\xbd\x070\x04\xab\x19\xfc\xcbL\xdb\x9cX\x8a/x\xc2b\xf46\xf2\x97\xcb\xcb\x8bCmC\xfd55g\xcf\xb2\\u({p\x91\x17+X\xe8p\xb6\x10@#TK\xd3Q\x85\xdbj&amp;X\xa8\xf9\x8d\x92\x92b\xfc\xd0G\x92\xcb\xe5\xb6\xdb\xca\xc9Ct\xf6\xf0O\x1d\xcb\xe5\xf5M\x91 ze2\x99P\xa8\x80\x05\xb0\xbd\xbd\xa5\xa5\xa8B\xef\xa6i3\xa5r\xde\xbc\xfd|\x83+\x14\x9d|\x1a;\xf2\xb9\xcd\xdd\xedr\x16\xeb\xdc\xb9s]\xe4\xa8M]]M\x81\x0bP#\x99\x91L\xe80\x14*\x90\x01\x8b\xb4\xd0n\x97\x82v\xe0E\xb0r\x9cR\xd1\x89\x0f\xb0\xf2W\xb9\xcd\xfd\xcd\xed\xca\xf2\xabu5]\xe7.\xfe\xba\x1d\x8a\xd5\x90\x1f\x17\r\xb6\xc3\xb9\xe0\x11#\x19V\xad\x02\x16\xaa\x1f&amp;\x11p\xbb\xad\x14\xe5\x88\x98\t\xd6\xd7o\xf9\xa5B\xd1I\xaf\xc6\xce\xdc\xee\xfez\x9e`\xf5\x93\xd3\x81$\xdaY\xb0\x9aA\x03\xdbF\x14\xb8@6\x0b\xab\x98$\x86\x1aXp\xbb\xcc4\xad\x8aD\xa8\x04\xb06\xf9B\xa1Hr\xb2i|\x94\xcbm\xae\x07w\x9e\x00k\xf0l\x17\x98zzzY\xae\x9a\xc1\xae.\x82\xd5\xc3\x0eB\xf1$\xdck\x0e\xa9#\x06\xe6v\xfb\xd1\xaf\xaa\xe8\x08M\xc1O\xaf\xbf\xe5HJEB\xe1IrI7s\xbby{\xb7}\x15\xb5\x85f\x06X\xbd\xad\xc3\xad=\x00C\xfd\x93\xde\xc6\xa84\x99\xb0/\x9a\xcd\x14\x85N\x10^\x0f2\x85\xd5L\xab(\x07\x8bu\xf3\xd9\xb3\xb7\\\x01\xb2(:\xc1&lt;v\xec\xef\xeen\xee\x07[\xba7\xca+\r\x06rl\xa4\x17X\xc3\xad\xbd=\xed]\xed,\x15\x1a.\x97k\xc2\x86\xe1P\xe7\xfc\xd8\xc8\xbb \x95L\xe6\x88D"\xa8\xad\x87\xe9\xb7&lt;i)\xd2xr6!\xb7o\xe67\xf3;\xc1\xce\xce\xdd\xca_\xa2+%T\xe4&lt;\x8bq\xb8\xf7"\xdb\xcd\x0f\xb3\xdd)M\xdbt\xe1\xb03ach+\x19{\xa0\x95L\x86\xde\x1e\x83Gb&amp;\x1dx#\x91^\x12\x9e\x87\\&lt;\xc9\xc9\xd8jK~?\x9f\xcf\xeftW\x88\xf7+\x7f\xe1\xf3\x12,@)\x95F#\xe6DL?#\xe8N\x93\xf3\x98\xbcla\xa73\x91\xb0\xd1\x14\x8d/\xa0R\xc9T\x0e$\x91$V\xb1pG\x00,\xa1\xf0\xfcy\x08v\x02\x89\x94\xdf\xdf\xdf\xd9G\x0ctW\x94i\xda*\xc9\xc1\xba\xde\xde?\x1b=\x1e\xad\x07C5\x99\x15\x815\x9a\xec\xc3\x0c\xabK$\xd8\xda"\xb7C`\xa2\x18\xceX0\x0cCf\xd7\x11\xb7AZZ\xfa\x81\x8b\xf7\xf9\x89\xbc\x9f\x1f\x18\xd8\xd9\xd9\xdf\x01\x16\x97\xf3\xb42\x95"7 \x8c\x7f\x193\x99\xc6&lt;Z#\x19\xad\xb1\x06G\xfb0b\xd0T"\xa1\xc3\x90\x8f\xe22G01\xaat:\x99\x8a\xe8\xe5\x88L\xf8\xbf\x934\x08J?r\x89&gt;[/^~\xdd&gt;\xb0\xbe\xb3C\xb0x%\x1b\xa7\xd7R\x98X\x87\x8d\x9e\xb1\xf1\xd1\xd1\xb11\xe8\xa5D\x98L\xe3\xf3\xf3VZ\x15v\x86\xc32\n\xe5D;dD\xac0+\x17\x1c5\xb2\xf0\x8f\x06\x16\xeb\xd2G\xc1&gt;\xcb\xc1\xe4\xd0\xcan\x1f\x18\x00\x18\xc1\x12\xad\x97\xaf\xc5\xa6ZG\x8c\xca1\x0c\xac\x00#wlPY\xa6\xf1dr~bB\x15\x86X\x94\x8a\xc2[\xc6b\xe9\x88^\x0e\x87#b=\x904I\x05\x97J\x0bz\xa1\xf2\x85\x1c\xceg\x80\x89ww\xba\x83\x04k\x00X\x9d\xbc\xd2\xea\xabk\xb1X+\x11\x8b\x9cW\xec\x1b\x1fS\x1aCZ\xedx\xb2\xafor\xde\x1fq\xe8\xc8\xd2#\x17\x12\x16\x9dE\xa7\xc6\x17pE\\\xf7\x1a\x9a\xa4\x97H\x80\x8bE\xbb\xc2+\x11I\xfe\xbf\x7f~ \x17\xefn\xda5\xe0\xb2\x13\xac`\'O\xc8\xdb\x8e\x1d\xc6\xc831`\xfd\xbe\x0f\\\x1eb\xee&amp;T\x96\xdf\xef\xb2:T\x0e\xc2\xc3\x8a$\xd3Y\x08UXg!\xf7\xe3\x8e\x85\x1d\r\x02\x81\xa4\xc0\xc5J\xc6\x11WsJ\xf8\xd0\xec\xe7\x92\xc9\x9b\xb8\xf9\xfczP\xa3\t\x06\x0bX\x97\xcb\x84\xc2\x8d\xd8af\xc4h\xd4j\xa1\xd6W\xd7\xfa\xc6G=\xac;\xf8\'\xac.\xbf\x8b\xa6PX:\x98\x97\x0e0\xf5\xeaz\xb5Zm\xb14C/\xe6eS\x13\xb0\x04\x84\xac\x14h\x12\x81\x90\xc7\xe1WW\xf39e\xdc\x92\x9f\x95K\xb9\x94\xcb\x0f\xe6v\xec\xdd\x9a\x82\\\xeb\x03\xc1\x16\xbeP\xd0}x\x18"7\x00\xb5\xa8\xad\xbek\xe0\x1a\xf3xLp\x87\t3&lt;\x94fo\xd8 \xd4:K\xbd\xba\xb6J]\xab\xae\xb7Xd*\xea\xba\xa4\x03\xa5\xf5\x81\x0bP\x02\x81PT\xc6\xe7W@-\x0eG\xd4\xf0\xe9P\x92\xfb-\x15\x97\xed\xb9 \xc4\xd2tw\xb3\xd5e\xd7\x88E\x02\xd1\xbb\xd9PH\xeb\xd1\x8e}\xc0J\x9a\xc8\x83W`\xd1\x94\x8du*@U\x85\x89P\xb5UU\xb5jK}\xbd\xce"Ks\x9b\x80E\xb8&gt;\xb0\t$\xf0\xae+\x1c"\x17G,.\x13|\xa2]H\xf8\xdd\xdd\x9db{\xcb\xb2\x86`i\nUo\xc7R\x14\\\xda\x9d\x8d\xc7\xb1\xf4L\xe0\x02\x96\xbf\xcfT\x00\x9c\x88\x90\rP\xa6\xab\x0f\x83\xa6\xb6\x16P\xb5U_\xd4\xd6#,\x16\xe6\x8e\xb4\xa3\xa3\x01DR\xe9\xc7k)\xac\xeb\xca\xaf\xca\xaa\xc5\x9c2\xbe\xb8\xa2\x82\xfb)\xab\xb2\xa9\xa4b X\xcdi\xd1T\xacv\xdb5--\x1f\xb1Hq\t8\xb3\xe4\xfe\xb2\xc94\x8a\x9a\x9f\xf7_\xbb\x964\x11\xbe\x0b\x17"\xb4\xccRo\xd1\xe9\xd4\xacN`#\x7f\xf5(\xb0z\xd9qIGGS\x83\xf4\xd1O\xd2\x86\x06)\xa0p\x15\x12\xab\xe7r\xcb\xc4\xa8.\x0e\xffrE5\xff\x7f\x94\x18\n\xfdr\x8b\xdd^\xcd\x11\xdb\xb9\x9d\xcb/\x82\x04\xeb\xc3b\x0cj\xfe\xd3\xb7\xf9\x87\xb6q\x9eq\\w\xe8\xf4\xc3\xe2\x0eN\xf8@\xe4\x820\xcc:\x08\x15\x82Z\xa2\x89\xee\x0fA\xf0\x1f\x06\x87\xab\x11\x01\xb9\x12\x18\x82\x08\xd4\x01S\x07&amp;\xc66\x93\xa8q\x06#,u\x05-\x18\xaf\xa4xPC\xd2 \x1b\x840A\x96\xfb\x8fI\t\t5\xab\x89\xb3\xa5$4ZH\xa5\xf9\x8f\xe0\xd5\xcel\xa7i\xb6\xef\xf3\xbc\xb2\xecll\x8f.\xce\x05\'\xd6\'\xdf\xe7\xfb~\xdf\xe7\x15\x9c\xea\xf7\xf4/]\xb9\xf2\xd1\xb9s\xc8,\x12)y\x1e\xae\xa7\xdf\xa7\xa7G"a\xb4,\xccL\xa4\x18\xbe\x80)\x16;\xf1\xf9|\xcfq\xea\xe1vs\xb3GTo\x10\x13\x8e\xdf\xedvg\x14U\t\x04$\xd5\xd1UC\xfd?\xa3\xd8\xf1\xa0R\xc8\xe9\xf1\x9a\x1e\x90\xe2\xb6\xdb^\xa8\xa7\xe2\x8e\x03\xb9R\xb4\x1a\xd1\xc5\x8c7\x18\xff\xd5\x95\x8f(I\xcf!!&amp;&amp;&amp;\x8a\x83\xc0:\x7fi:}$\x02\xa4\xd0\xaf\xbb\x13D\x15K$X,\xd4{_{I\xac\x9e\x17\xcd\xe6\xe6\xea"\x98pO\x93\x84\xdf\xef\x973\x92\xc2r\x11\x97\xaa\xdb\xffC\xb1\xe3^\xbdP+\xe8F\xcd\x96\x02z\xca\x1d\xb0\x16\x16\x1c\x8b\xb0\xc8\xf6\x05\xc8\xe5H&gt;\x8f\xe7)2}\xf0\xe2\xc5\x8b\xe3\xe3\xcc5x\xee\xdc`\xf2\xd2\x87\xc7NP\xf3b\xdd\xe0It\x0b\xc9\xb2$\xdf\x91\xbf\xcb\x10\x0b}{\xd9\xdc\x0eVWf\t\xcb\x83\x9c\xf7\xbb!\x97\x8c\xe5\x08\xae\x80d0\x97c\xf8\xfe;\xc5\x8e\xbam+w/e(\xc3\x96b*)EV\xad\xb5\xaanY\x8eE}\\\xff\x1er\xc5\x8dL\x7fp\xf6\x1dJ\xd2q\xc6*\x0eL S\xb1\xf1\xbc}\xa4\xdd\xbe\x04_\xc2Yh\xeb\xd0/\xae{X\xac\xcdfc\xf3\xee\xdc\xca"9Kc,Pe2\xe0\x92$\xca\n\xc7P\r\xdd\xb1\xd5\xffL\x8b\xa0\xad\xdb\xa0\xd2\x15X\xc8\x0c8\x96[2\xac\xfb\xcbV\xdc"\xc1\x1c\xebu\xebB.\x97r\x14_\xd0\xf3\x14n/\x16\xc7\x07\x01V\x9cHN\x0c\x02r\xe2\xc3\x91!p1\x10\xc4\n\x87BgB\xd9\xab\x91\xc8\xd0\xbb\xcf\xfc\x08\x87\xde\xde\xe0\xab\xc6v\xcf\xf2\xdc\x12\x19\xbe\xc7K\xd6"\xb1d\xd1F\x14Zh\x18\x86\xed\xe8\xba\xfb\xe8\x1bR\xe9\xaa&gt;\\\x03U&lt;e\x98\xa6\x912\x03\x10\xb5V]\x87Z\x8e][\x8e\xff\xa3\xb5\x93\xca\x15\xe2\xba\xec\t^\x7f\xe7K\xf0\x14g \xd8L1\x99\xc4\xdd\xe0\x17\xc9\xe9c,W\x8c\xd2\x01T\xa80\xa8\x8e\xfc~\x15\xe1\x00\xac\x9f\x1b{/\xea\xf9[~\x0e-\xaf\xf0\x16\xe9%\x9b\x92\xd0\x0b1\x01.\x07\\\xaaw\x7f\x1a;\xea\xc7\x12u\x86\xb1\x1b+zA\x0f\x04TK\xcf(\x86n\x0fW\xebv\xca\xd6\x9d\xa9\xb1\xfa\x85V\xebA*Er\xc1]\xbf\x81Z\x03\xe0\xfarf\x00X\xb0\xfd\xc4\xc4%,\xc5\x08{&lt;\x16\xcb\x02\xeaLv(\x92\x8e|q\xd7\xdbK\x1e\xd7 \x96y{\xee\x99\xc6\t\xdf%fT!\x17\xdbK\x92\x0eq\xd9\x86\xa4\xb8\x8e\xcb\xb0\x94\xa5\xa8\xd6\xf0p\x1cB\xe6t\xa0\xdb\x96\x8c\xad\xd4\xb0s\xe5%\'n\xa8zy\xec\x86\xfaz\xe3GX\xdf2L/\xe4\x9a)\x0e$\'f\xc6\xc7g\x06&amp;\x93I"CrM\xfe.\x9dNC!\x8e\tT$\x12y\xf7\xa6\x14\x04U\xd0\xb3\xdb\xd8Y,\xcf\x955`\x05=Z\x07\x8b\x8a\xb9\x14\xe2\x02\x15\xa4@\x88\xe9\xb6\xee*`\xf1\x1b\x92\x91\x82\xa1-]-`\x11\xc2T\nQ\x19z\xae\\5,`\xe5\xc6\xdeZ\xdf\xda\xd8[\xb5\x1d\xdbP\xdc\x1e\xcf_\xe8Q\x86$\xe4\x82Z\x93\x93\xb8.\xd1\x13\x17\xd3\x82+\x92%\xb5\xc2\xe8\xe1\xb1\x8fg\xbd=\xbd\xe4\xf1\xe6\xf3]{nn\x15\t\xcfS\x97\x98P\x05\x96|\xc0\x85\xc2\x9br\xb9\xee\xddI)\x92S\x80o,[E\x17\x91n\xban*L\x9e+/\xafZ\xa0\xd7o\x8f\x95\xaf\xb7Z\xa3\xb85\x0c\xb3?h\x7f\x8c\xfc\x9c\x1c(\x92Z\xd3#\xd3T##i*4.\x9c\r\x83+\x0b\xdd\xce\xe3l\xc8\xa7\xd0oS\x00\x00\x05(IDAT9\xf5s\xa3Ib\x05\xf1\x87\xa0\x86!5\x1a\xdd7\x17\xeb\x05{!V%\xa2\x03\x98\xc0\xbao)\x8aU(`R\xb0t\xcbfj\xdbd\xb1\x0cg\xb8\xbc\xbc\x8ee\xe8\xd8kcs\xd6\xf7\xad\xd7\xab\xd8\xc42&gt;Oo\xf0\xd94=\x9320\x03\xcb\x93Di\xfe"*\x1c\xce\xc6\xb0IC\xac\xb7\xff\x06\xf7\x12I\xcf62kye\x9d\x1a\xaayY\xac\x03,?\xf5\xb1]\x92$\xc8\x0c\xdde\xa9\x8a\x03(\x84\x93\xad\xeb\xcc\x0cr\xd1h\xabV^\xae\xd3w,k\xea\xadG_\xb766M\xbf\xcf\xdb\x85\x9f.\x7f\x16I\xa7\xa7\xd1\xc6\xe2d:B\xde\xa6W\xfb\x82Z\x88\xfb\xa1\xc8\xc8\x9ff\xcd\xf9\xd5U\xdb\xba\xbe\xba\xb5\xb5&gt;\xbb\xb4`\x19\xba\xaa\xc8&gt;\x1a\x02\xa3Q&gt;\x00\xf9\x04W\x86\x8a\xecO|\xdcL\xc3\xa5*v\x8a\xa8\x10e*/\t\xc5\x08\xf0w\x08ki\xf9\x91\x95\xc2\xe2\xd0\xabc\xcb\xe6\xce\xf3m\xbf7\xea\xf5\x00+\xf8\xc7X,\x92\x9eL\xce\xbc?\x99\x8e\xd1\xde\x17\x1e:FDiZ\x8cha"4t\xe4\xfc\xb3\xfaJ~ll,\xbf\x84c\xe6}:j\xde\xc7\x16\xe2\xeej\xab\x85@\x8d2\x15T\x93\xf1\xe2v\xb6\xc1\x14\xd5\xa5\xeaq\xda\xf8l]Qy\x1f8\xe4&gt;\xab\xb6\xb0\xbcd\xc7U(\x9b\xcb\xe7\xaf\xef\xee\xed\xe0g\xf8\xe4\xf9\xd5\xc5\xa0\xff\tr)=Y|\xfft$\x84\xed&amp;Dd\xe1\x10v\x1b,\xc4\x18\'\xea{\x0f\xcbSs\xf9|\xfe\xf6\xac\t\x97\x1a\x16\xd2%\xee\xa8no[,\x1f\xcb\xc5\xaf\x8e\xc9\x98+\xc3\x0c.\xa6\xb2m\xe8\x0b*\x936\xce\x80\xc2X\xe0\x05Vu\xd6\xce\xe0\xbf\xd4\xff\xe8\xd1\xdd\xf5\xc7\x8f\xeb\xf5\xfa\xd3\x9fP\xff\xfa\xc3\x83\xeelv\x08\xf6:\x9d\x0eU\xfa\x12\x89\x13\xb4\xdf\xc0\xe8\xa8\x10\xed\x8b\xa1\xaf\x1e\xe6\xa7\x00\x95//b\x0f\xd4x\xee\x93\xddd\x01&gt;`\x00\xca\x1f\x8d\x82\x88\xa1\xda\xbf\xfc\x07\\\x92\xcb"*d\xab\xa4H\xa6i\x06\x02\xc2^\xa4\x96\xc0z\xe4s[\xb5;\xf5\xb5\x85\x85\xb5\xb5z\xfd\xbb\xfb\xb5\xcf\x7fj\xb56\x9a\xbb\'\xb3W\xb3\xbfLO\x9e\x8et\xf7\x95\xce^\xae$*&lt;:\xd0\xbe\x93\xb8V\xf9\xea\x93\xbf\xce1\xd5\xe3 \xc5\x16\n\x07\xfd\xaev\x11\x16\xb8\xdc\x94]\x87\xca\'\xc0d\x06s\xc5\xe3\xf0\x8e\xa1\x9a\xaad\x06\x88\x8b6\xce\x03\xb5\xaa\xd5r\x1d8\xf0\xc6\xbdZ-\x87\x14\xb1mi\xab\x05\xae\xc6\xab\x7f^\xcdb\xdb\xfbm$t\xf9\xec(=\x96\xd8\xd7\x072$V\xa5r\xf9\xc9\xa7sSDE\x03CO\xb0s\xde\xe9\x12\x072\x81\xe5\x13\xab\xb1}\x89rs\xf4\x13\x97\x8b\x16 \xd6=zg\n*\xce\x0f\x02\xd3\xad\\\x1d\x1a\xdd\xb9W\xc3A\xc3\xb2m\x03KT\x96\xfd\xa6\x1b\\\x1b\x1b\x8d\xe6\xab3gNv\x87\xae\x9e\xb9&lt;\xfa\xc1h\x89\x1fM&lt;\x95@\x07+?&lt;\xb9\x91g[\x95\x17yJ\xee\xdf\x97I\x1c\x14\x05\x16\x15\x81q\x01\xcb\xcf\xa1\xe1\xdb\xef\xa4\xcbFB\xaa\n\x89\xc5=\x94L\xa9\xc3e\xa7rt\xc8G\xf8\x83Y\xa6\x15\x8c%#\xfbe\xf9\x02\xb06\x9e7\x9a?~\xd3w\xead\xa8o\xf4\x83\xb3\x97K%\x12,\x91HT\xae=\x15R\xddX\xa7\x11\xb9\xc3\x04(\x0f#\xc2\xf1m.\xf8\x8b\x85\xf23\x97\x90\xac\xcd\xe5\x82T\xa0RH,\x19b\xc9\xd2&gt;\x16.\xdbA\xf2\xc3s\x14*2/c\xba\xf1\xcb\xd2\x83\xd7\x82\xeb\x15\xb8\x12\xa7\xce\xd2\x93\xfag\x85\\\x95\xcf\x84T+\x8f{i\xa7\xd1\x0e3\x89s\xe2!\xb9xF\xdd\xef 1F\x85\xc12\xb2\x8b\xa8$\x13\xed1Y.\x1e4\x14A\xa6\x88\xd9\x91\x85rS\xb4\xc8\x82\xcb\xed\x96\xe6\xb7\xf66\x9e?\x07\xd8\xcb?\x9f:Y*\x8d\x8eB,T\xe5\x93\x87\x90\nWy\x9e\xe6=\x9aa\xd8\xeaZ\xfb \xe6i7\xf10\xd9\xa1:\x10\xccET\xb2h\x92iJr\x80\x862\xe6\xe2\x9b\x80\x19\x90\x05\x89\xd8\'\xdcB/\x9f\xec\x7f\xb1\xb5G\\\x00\xfb\xa6\xafT\x12TO&gt;\xbd5EU\x9d\xa5\x99}\x9f\xca\xdb\xa1\xd2\xf6\xc5\x02\x14s1\x1b#\xb6A\xfd\xfbX\n\xf5Ob(h%\x93\xe7\x05\x9a\xc4\xdb\x94i\n(^\xc3\x0c\xc6p\xf8\xc7\xde\xf9\xdd\x9dF\x83\xc1J%\xf4\xb0r\xed\xe6\xad\x15\xd4T\x15\x9b_\x90\xb5\xe24\xe8\xd24\xed@\xab\x8eX\x1d\xcd\xbc\x1dN\xb1B\xd9i.\xbc\xbf,q\x9fH\x19S\x12[f\xa0\r\xd5Q\x8a\xa3\xcf\xdd\x8e=\xd9\x94\xbd\x90B\xf3m\xee\xee\xec5\x08l\xbb\xf4\xc3\xcd\x1b\x04\xb5\xb24+\x8e\x83\xa0\xd2\xe8\xe3\x19Mc,A\xd6\xafqV\x90\xeb}\xfc\x8a\xb6\xa1\xa2\x87;+\xb0L\xf1\xee\xa4\x97,\x98D\x99B*\xc1\xf5F\xf2\xa1\x95\x92\t0\r\x13\xc2\xfc\x83\xdd\xed\x9d\x9d\xe6\xcb\x1b+SS\xb7\xcb\xdf\xcd#\xa8z\xf6?o \x80\x03&amp;\xee\xa2\xa7\x8b\xb9\xba\xb8\xbb^\xf1\x17\xda\xf7\x9d\xe6z\t\xcb$\x91\xdaT \t\x04\x0eu\x8f\xdb\xf7&amp;R\x07\r\x16\xa3\x0f\x15 KO\xaf\xf6bs}}\xf6[\x8dV\x1f\xe9D\x04\xe4,\xedP\x07\x99J\xeb\xef$=\xbb\xce\xab\xbdY^z\xa1\xfe\r&lt;\xa7\x86Ae\xceG\x81\x00\x00\x00\x00IEND\xaeB`\x82'</t>
        </is>
      </c>
      <c r="M108" s="3" t="n">
        <v>45492.67739583334</v>
      </c>
    </row>
    <row r="109">
      <c r="A109" t="n">
        <v>295167</v>
      </c>
      <c r="B109" t="n">
        <v>1962</v>
      </c>
      <c r="C109" t="inlineStr">
        <is>
          <t>Willian Oliveira</t>
        </is>
      </c>
      <c r="D109" t="inlineStr">
        <is>
          <t>Willian Oliveira</t>
        </is>
      </c>
      <c r="E109" t="inlineStr">
        <is>
          <t>VOL</t>
        </is>
      </c>
      <c r="F109" t="inlineStr">
        <is>
          <t>VOL</t>
        </is>
      </c>
      <c r="G109" t="inlineStr">
        <is>
          <t>VOL/MC</t>
        </is>
      </c>
      <c r="H109" t="n">
        <v>179</v>
      </c>
      <c r="I109" t="n">
        <v>29</v>
      </c>
      <c r="J109" s="2" t="n">
        <v>34104</v>
      </c>
      <c r="K109" t="inlineStr">
        <is>
          <t>Right</t>
        </is>
      </c>
      <c r="L10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b3701a1-61d2-4841-8026-198aa25bf68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`M(\x00\x00\x03\x00PLTE\xff\xff\xff\x16\x16\x16\x1c\x1c\x1c\x1e\x1e\x1d$"\'\x14\x14\x14\x11\x12\x12\xff\xfe\xfe\x19\x19\x19%$(,+0*).! \x1f)\',\x17\x18\x17\'&amp;)#!%"!#\x1a\x1b\x1a\xcb\x93u\xc0\x86i\xc3\x8bo\xcf\x97z\xc7\x8do\xa4iM&amp;#$\xce\x95w/-3\xc0\x88l\xc3\x89l\xee\xb6\x99\xa7nR\xc9\x90r\xfa\xf9\xf9-+,\xde\xa1\x82\xb2y^\xaaqV\xbb\x81d\xa8w]\xdc\x9d~\x0f\x0f\x0f\xc5\x8er\xd2\x9a}\xadvZ0//\xc7\x91u\xfd\xfd\xfc\xb3vY\x9ecF)&amp;%\xb8}a\xa6sY\xa1fI\xa8kM&amp;!\x1f+()\x8egP304\xacz`\xbd\x84h\x8cU:\xe1\xa5\x86\x9apX\xbf\x8br\xe3\xa9\x8a\xcc\x95z\xef\xb9\x9d\xb1\x7ff\xe5\xac\x8e\xeb\xb3\x95\xacoQ\xb7z\\\x9b`C\x87Q7\x9frZ\xb3}b\xab}e\xba\x89p\xd2\x9c\x81\x93X&lt;\xe8\xaf\x91\xc3\x90v745\x8bbK\xd7\x9c~\xa5zc\xb0tV&gt;1+\xbb\x86kQ=13\'"\x82M3\xdd\xa7\x8b\x92iRJ4):9:\xb6\x80e\xafqSoTC\xc7\x94|\xf6\xf5\xf4\xea97\x85^H\x96mV\xd3\x93sVD9\xc6\x87hgM=9,&amp;(*-[A2\xbe\x83e\xbc}^\xb5\x86n\xa0iN\xf1\xbe\xa3\xa1nT\xf1\xef\xef\xe7\xb1\x95\x96\\@\xd5\x97y^H9\xdf\xab\x8f\xcb\x98\x80yYE~^JvT@\xd7\x9f\x83i&gt;-\xc0\x80a\xbc\x8dw_:*\x8eY&gt;\xce\x90p\xd8\x99z\xae\x81k\xa1v_\xb5\x83j\xd2\xa0\x88D2*/"\x1e\xbf\x91{\xd7\xa4\x8a\x84YC\xfaKG\xca\x89j\xc6\x99\x88fG6U4)\xe2\xb0\x96\xc2\x93~&gt;&gt;&gt;I;4\x85cPrN;3+)\xf4\xc2\xa8~U&gt;\xe9\xe9\xe8\xe1\xdf\xdf\xdc\xa3\x86\xf3@;\xf7EBwC-\xfbQM\x94cJ\xe252C+"\xcc\x9b\x87\xe8\xb5\x9c\xd8\xa9\x929%\x1fzM7\xc3\x84e\xcb/-WYW\x9bt_\xedCA$(%\x9aeLddb\xd1\xd1\xcf\x9ajQgRF\xd9\xd9\xd7\xed\xde\xddECC\xcc\x9b\x93qG2\xb5\xb6\xb4\xb3\x89t\xc7\xc7\xc6\xdf\xce\xc9\x9d\x9d\x9cIJJ\xcc\x8dmopm{{wb#!\xd742\xea\xd6\xd2\xc0\x96\x85\xf6\xc7\xb0\xaa\xab\xaa\xbaeh\xb1a`W"\x1d\xfd[T\x81\x83\x82\xa4\xa4\xa2\xba/-\xf0\xe8\xe6\xdf\xc2\xc0\xa9.+\xc0\xbf\xbe\xce\xa3\x90o+"\x90l\\\x95+\'%\x18\x16\x8f\x90\x8f\x80)\'\xafnb\x8a\x8a\x89\xc7\xb0\xacG \x1b\x84A1\xc1\xa5\xa0\xc7\x87\x8c\xa7_U\xbexx\xc4oo\x97\x96\x93\xf9\xce\xbaPRO\x90\x86\x7f\xb0UY\xe0DB\xa7\x82q~f^\xde\xa8\xa7\x97NH\xb4\x8f\x85\xd3\xcb\xca\xd8\xb7\xaa\xd5\xbe\xb8\xfdi_\xb8th\xcf\x7fy\xadD8\xc0JC\xa3\x8e\x82\xe4\x95\x8f\xc5]L\xe3`Xq&gt;*\xa2\x00\x00 \x00IDATx\xda\xcc\x98\xdfK[i\x1e\xc6=\xef\xcb99\x03/o\xf7\x1c\x1cH`\x86\x90`*Y\x92\x8d9\xcd\xaf6\rz!\xa8\xa9\x8ah\xf1G#M\xcc\x8e(\xc5\xd8YE\x11\xc1\x16W\x05\xedV\x19\xc8\x88N[\x8c\x17\xc3\xa0P\x07K\x1aWi\xb5R\xb1\x17\xc5\x1b\xbd\xb1,\x08\xde\x16/fa\xff\x81}\xdec\xf7b\xef\xe7\xb4\xf3\xea\xf1\xfc\xc8\xc5\xf9\xf8|\x9f\xef\xf3\xbeo\xca\xca~\x8fa+\x14le\x7f\xbcQ(\xbd\x1b\xfd\xe3q\xd9N\x8a\xee\x93\xde\xff\xe3\xb2\x05\xbe&lt;Uo\xc9A\xdc\xa5\xd5\xff\xdd\x07\\e\xae\xd3\xb7\xbd_\x98\xca\xb5u\x1ec:)\xbeu\x99z\x05V?\xee\x15\x8e\x96\x8f\x0b_N&amp;\x1b~\x03\xfb\x9b\x9a\xcetU;\x1fE\xe1\x02\x85\xbd\x8b\xe2\xc5\xd9\x85\xea?\xfb2n\xb3\xb9\xb6\xf6\x0b\xa3\xbd\x81BIWeN\t;\xdc)\xd8\\\xfb%\xb7JX\xb1(\x11\xed\xf83w\xa7\xcd\xe6\n\x94\xb9V\xf72\xc5\x83\x8b\xc3\xd3\xb7TVd\x89\x12:xx\xb2\xba\x7f\xc0\xa9\xae2*s\x95\x15O&gt;\xaf^\xae\xd3\xf3\xbd\xd3C\x7fQW\xa9\xca\xddnE!\xba\xa4\xeb\xccA\xfd\x07\xcb\x92L\x98\xa6(2\xe7D\xbe8]\r|&gt;\xb0\xc0\xc9\xab\x83\x8b\x03?\xa5\x0e]W\x15YQ\x14]\x95\xc8W\x84PU\xe7\x9cKx\xe8\xf5\xca\x9c\xd0\xe2\xe1\xc9\xceg\x13\xccV\xc8\x14\x073\x99+D\xe7\xb2J\x151d\xc2u]\xe2\x9cRU\x95\x14\x95H^E\x92\x08\xd5\x8b\x17\x1f\x8fv\xd0\x08\x9f\x03-\xb0\xeaf\x9c\xe9\\\xf2z\x15\xae1YR\x14\x89\xcb\xb2\xec\x95P&gt;\xa1\x94$\x01KV\xf1Pe\x99W\xcb\x9boO\x8fv\xac\x0fW\xdb\xe8\xa6\x83R\xc5\x8bJ)\xb2\x0c8q\x92\x15\xee\x95QSU\x87x\\\'\x8a\xa2\xca:\xce\x94\x11\x95\xb3\x83\xb3Q\xeb\xdb\xb0\xf7\x9d\xaaH\x8a\x17\xa6\x82.\x02N\x82\xc1d.\xe0T\x14\x105\x95d/\x0e]G{\xc6\x18\xcc\xa6\x95\xac\xcdV\xc4g\xef\xce\xf9\xa0\x84\x97B\x0e\xc1%\x1c/\xc9\x02\x0b\x97\xb8UU\x93\xcaT\x90\x12\xc2\x18\xec&amp;\x93\xe5U\x9b\xa5\tZ\xd8;\xbe`\\X\xc9D\xe0\xe6\xa5\xd0G%\x82\x05\'M\xe5\x8a)\xa1hKF\xf1\xb9J\xdc\xb1\xb3-\xeb\xa6H\xdb\xce\xbb\xcd\x18\xa3:\xde\x07e\xc0\x84x\x87f^\x11\x07\\\xc5\t\xdeR5\xf3\x89l\x82\xaa\x1aS\x81M\xda\xfc\xc5\xe5\x13\x97UX\xa3\x87\\\x98G\xe6\x8c\x10I$\x94\xecU\x14\x93\n\xd2\x08\xefK\x92j\x10\tU3\x9f\xa0\xba\x88[\xc5\xabR\x87\xc6\x96?Z\xe5z\xdbV\x86\x88\xf7c\xa6a\x86\xceUA\x05Y\xcc\x8eT\xcc\xd2\x01\x94@0\x89\xc3e\xbaCLI\x90\x0e\x12\x1a\x1am\xb3\x0c+p\xd4\xf6\x15Al\x9a\xc1n:\n\xe1$\x89k\xf3\x1et\n\x97$H\x89\x06\x15M\xa9\xa0\x13!\x1dQi\x8cp\xb2\xb9j\xd5b\xefx\x90\x89\x15\x8c\xc8\x00/\x88\xd0\x81\x90\xc7t?\x17\xa5\xc4CI\xe1\xb2\xa6\x11\xa1\'\x11qO\x99Fu\x87\x83)\xea\x15\xff\x9e\xcd\xa2I\xe7\x1d#X\xc0\x10\x14F\xc6\x94\xa7\x9aL0?\xce",PO\x95\x9bQ\xc1`v\x94R@1\xa6A1LM\xb1\xb6w\x16y~kS\xa3\x973\r\x17\xd1\x00\xadD\xbf\xc1V\xa2\xf7D\xf7\x99&amp;\x13\xbfT\xe1\xa0\xa7\x08\xf9+L\x04&gt;\xfaC\x8bmZ\xb3\xfc\n\x9c\xb8\xff\x84\x18\x12q\xa5\x03\x07\xaeQE\xcf\x8985\xad\xe65\x89\xbch\x05t\xa5\xa23\xc4\x87\xae\xa2\x07\x19\xcc(3\xc3\xbd\xbco\x05\x96m\xb4\x04\x05\xf0NQ3U\xcc\xc4\x000\xfd.H\xb9\xc4%\x11Q\xc2\xeb\xa2)8\xd6\x85X\xf7\xa0\xea\\\xd5\x19c\xaa\xc3M\xcf\x03\x96`m2\xb4\x15R\x1c}&amp;Z\re4\x85RPR\xe4\x01\xe6?\xa8\xc7u\xf3\x03\x04\x05&amp;\x1e\x9d@S\xae:b\x9a\x839\x18=\xb0d\xedU\xd8D9\x84F\x90F\xd2\x15s\xd9 \x8a\x89U\x16\xa1\x94E\xa3\xc6\xfc|\x942I\xcc\xd0*\x87LT\x83\xbf(\x11\xc0\x80b\xf4\xc6\x8e\x15\xd6*lb^\x113\x0eG\x14\xa1\x94 \x82\xf7\xc5\xda%\x1a\x8d\x8a#\x95\xcb\xe5R\xb9\x14\xae\x8ch\x94\xa2U)s848\x11\xeb0\xe6\xd0\xa8\x7f\xcf\x82*\x06NKE\xac\xa1L\xa7\x13\x1d\xb5AZ\xe1\x85\xe0\x99O=\x7f\x8ec\xed9Fz-\xbd\xf6&lt;5\x9fJ\xcdG\xf1?\x00\xcb\xaf\xebD\x94\x10\x01\x86\x8d\xe4\xefo\xad\xd5R\xa9(\xc4\x01\x11\xd1\x85\x8f\xb0\xb7q\x18\xf3\xb9\xf4\xe2\xb49&amp;w\'//\xa6\x17\xd3kk`\x9c\xa7bacPay\x87\xc1\xb4\xc1\xe2G+\xb0^aA\x87\xdc&amp;\xc0\x81\xc1\xb1\xc1\x88&gt;\xcb\xa5\xefOnlt\'\x7fHvw\'ql\xfc,\xc6\xe4\xe4\xa4@\xcb\xe5\xe6\x19\xb6\x8c\xd8~\xc0a\x06\xa34c\x81Ze\xae\x92\x0e\xdbb\xed \xec\x8c\xcd\xaaa\xe4\xd2\xd3\xbb+\x89\xc4\xccLrf&amp;\x91H$\x05\xd8\xa7\x01\xb8\xe9\xf4Z*\x15\xc52P\xc8\x0bk\xa9\xc4\x7fn\x01\x96\xed\xa8hB\x89\xea\xa94:?\xdf\xb98\xb9\x91hi\x01R2\x99\xb8\xc42\xb9\x92\x9f\x8e\xdd\xe9\xc5\xc7\xb9yj\x98\xdb!\xc7\r\xb7q\xe5\xcceE\'"N\t\xe5b\xdf\x00\x9b\xe7\xa6\'\x7f\xee\x06\xd5\' qeR\x89\xeb\xe4\'\xce\x8d\xc9;\x8fsF\xccp\x18*\xf5k\xeeA+\x8aX\xe6:\xd6PE\xec\xffX*\xd5\x99\x9b6\xdf\x0c\x98\x16\x8c\x99\x96\xb1\xb1\x96\xb1\x99\xc4\xa5n-\x9f\xc6XKbcwzm\xfe\xd93\x07\x97u#\xe6&gt;\xb2"\xe6]X@`\xcb\xc5\xe9\xb3N\x98J\xe83\x06\x18\x8c\x86\xb1\x99\xb1\xb1\x86\x86`\xc3\xe5\xad\xe01\xef\x83\xe0J$w\x17\xd39C\'Z\xcc\xffj\xcb\x92I\xf1cQ\x0481:\xef\xef\xc2\xe8-cxq\xb0\xa1\xe1\xf2o0&lt;&lt;&lt;\xfcR\\\x01\xa8\xa1!\x1c\x11\xa3Ap\xcdtO\xa6s\x0e\x91\x11\xd6`\x95\xedlr\xd1S\xb9\x1fW\x12B\x1e\xbb=\x12\xb1\x87#v\xa7\xd3\x83\x11\n\x85FF\xec\xc3\xf6`C\x18#R\x97\xcdf#ap\x01\xac{w\xcd0\x90\xf4\x96\xa4&lt;L\xbfW\xd45#ug\xe5\x87\x99\x19P9\xc5\xab\xeb\xea&lt;\x9e\x8a\xc6\xda\xd9\xdax%F\xc8\xe9\xb4\x87\xc3\xf6\x88\xbd\xae.[\x9f\xad\x8b\x08\xf1\xd0\n\x89\xc9NL\x96\x94\x9e[\xb2\x10\x0cl\xf9\x99v\xa5\xf3)\xb0\xc6\x82\xc3NOGG6\xdb\xe1\xf1T\xc6\x1f5\xcd\xd6\x9a\\#vSB`e\xeb;\xb2\x1d\xc0\x02X"\xd9\xbd\x92\x8eF\xd1\xc6\x9b\x96\xec\x15m;m\x86\xe1\xbf\'\xa8\xc2(\x9d\xb3N\x0c\xa73TY\xd9\xd4\xde\xd4T\x19\xaa\x0c\x85@d\x92e\xb3UU\xd9:{\xd0\x1e\x11\x8d\x90HN\xa7 W\xb4d\xcd\xe6g5c\xf8\x7f\x1a\xe8\xbb\xfd\xcb\xcbaQ-\xfc\xd8#N\x8f/\xee\x8bW\xc6\x9b\xe2\xf1\xd0\x88\xcf)\xb8P\xc5\xbalG\x9d\x90\r\x87(\xe4\xcc\xee\xf3\x18c\xc53kV\xf3\xab\xcb\x8e\xb6{\x7f\xbd\xdd?2,\xb0\xd0\x81\xc1\xf0%W&lt;T\x19\xaf\xad\x85Z\x1e\xa7\xc0\x82\xbd\xc2\x91\xb0\xf8\x14\xde\xf78\x87\x7f\x19[Y\xc4&lt;d\x1c\x05,\xc2\xf2g\xc6\'\xee\xde\xba5\x02\x9d\xc20\x8e\xc0\xf2\xf8|\xf1\nAU\x1b\x0f\xc1\xf2B\xc6\xcb\xd8@L\x04\x81U\x01\xd7\r\xdf~\x9a\x8ej\xee-\x8b\xbe\x82\xc8\xf8\x7f\xda~\xd0\xff\xa2)4\x1c6\xc3*\x18tf\xab*\x1a\x1b\x1f\xf5\xf4\xd4&gt;\xeail\x8c\xfb&lt;\x1eT\xcf\x1e\x04\x90\xa9e\xd8\xe9\xa9h\x1a\xaa\xad\xbc\xd5w?\xe5\xf0\xefX\xb3\xf5\xd9jC\r\x9fT\xb7\xb7\xb7\x9b\\xm]U\xd5\xb5\x9b\xcd\xcd5]]=]=\x8d==\x8d&gt;\x8f\xaf\xc3l\x85H\xc44\x17\xb0\xba\x16\xa6\x9a\xdb\xfb\'\x1e\x1b\x16a\xd9Nod\x80\xd5?\xd7\xdeT92,\x02\xaa\xae\xea\xea\xf77kZ\xa7\x96Zk\x9a\xbb\x9a\xa7\x9a\x1f\xf5\xd466^\xab\xaf\xaf\xff[}UGUGG\x87\xc7\xe7i\x9c\xfa\xf0!\xff\xe6\xc5\xed\x1fs\x8e}k\x8ax\xe4~\xb5=\xd1W\x8d4\x10\x89\xee\xec\xa8\xbaV\xfe\xf5\xd7\xad\xdf\xe5\xd7\xd7\xf3K\x0bS\x0b\xf9\xa5\xa9\xa1\xe6\xae\xae\x9b\xe57\xcb\xcb\x7f\xfd;\xc6\xd5*\x9f/T\xbb\xb0\xfe!?5\xd7\xff0\x1d\xb5\x06\xab\xec\xc4\x7fo\xfb\xc1u\x14q\xee\xd6\xc8\x88\xaf\xfej\xf9\xb7\xdf\xfc\xe5\xbb|\xfe\xf5\xeb\xd7\xf9\xd7\xf9\xf7\x0bKKK\x0b\x0b\x0b5\xdf`|\x0b\xde\xf2\xf2\xef\xafVx\x9c\xf1\xa5\xf5\xf5\xa5\xa1\xa6\xea\xbe\xf1g\xa7\xd6`\x9d\xc1Z&amp;\xd6\xad\x91P%\x9c\xd4U\x03\x89.\xb1\xf2\xe2\xc8\xbf\x7f\xff&gt;?US\xd3\xda\xda\xfa\xe7\xd6\x9a\x9e\x8a\x8a\n\xb4\x80o\xe8\xfd?\xf2S\xb3sw\x1fvZ\xf3\xe5\x88\xed\xec\xa7\x81\t`\xbdhGB\x8dT\xcf\xcd5\xcd\xfe\xf6\xe6?\x02%\xffz\xe9\x12N`\x89144\xdbT}\xfd\xfa?\xef"x\xe3S\xa6\\w\xfb\xee\x1cY\xd3\x89g\xf7\xb6\'\x9e\xf4\x03\xebn\xdf\xc3\xa7\x13\x0f\x1e&lt;\xf9\xf7\xf6\xf6\xf6\x83\x17\xed\xbf\xbdYZ\x12\xaa\xa1\x88CC\xf1\xf6\xd9\xb9\x17\xffz\xf2db`|\xe0\xe9\xd3\x87+/\xe3C\xf9\xf5\x85\xa9\xd9\xea\xdb\xf7\xf7\xac\xf9&gt;\xf7x\x1c\xd6\x82Z\xfd\x13\xe3\xe3\x03\xf70\xda\xda2\xcb\x9dw\x06&amp;\xfa\xffK\xab\xf9\xfd\xa4\x95\xa6q|7\x9b\rs\xb1w\x07\xce!\x04\xea\xe9\x82`\x80\xb5\xc7\x1c`\xf6\x0cGA\xc4\x82r\x84\xd6\x81"Vp\xa0\x18\xa0\xc7F\x10XE\xb4"\n\xfe\xa0U\xc2\xa0MutCbH\xc5B\xb6\t]:\x9di\x9av\xd9m&amp;nb2q\xd2j\xbc\xd8\xfe\xb8\x19\xd3d\x9b\xcc\xce\\\xcd\xc5\xbe\xf4o\x80\xf7\x8ess&gt;\xe7\xfb\xbc\xcf\xf7\xfd&gt;o\x18\x9f\xbfsg~\xde8n\xa4\xa4\xe5\xbc\'{}\xf0\xd6\xc0WWo\x0c\x0c\x8em\xcd\xce\xaa\xc6\xc7\xf7\xdc\xf3}^\xf3hc\x8a8\xf2\xaf\xa9k7\x1d\xde\xe5\x07\x9b\xd7F\xa7\x06\xc1\xfa\xfc\xf3\xbbw\xef\x0e\x02,\xc2\xb0\xa4V\x1b\x8d\x94SH5U&lt;;\xd9\xe1\xab\xb5u\xff\xc6\x8d[\xc3c\xa3\xc4\xaaquo\xf5\xe9\xb2y\xf4yc\xeeF\xfeY\xc3R\x89\xbc\x8e\xcd\x99\xb1\xebcS\xd9k\x1fN6gff&lt;^\xafJk\x04\\\x14I\xe2\xcd\xb2\x8a\xc3\x93\x1d\xcbf\x81N\xb5\x1a\xce\xcen\xde\xd9[\x9d\xbe3\xbeL\xcc\xfcx\xbe!X\x0fA#:\x0c"\x87\xf9\xc1\xb2\x97\xa8\x18d}O\x9f^y\xe0 \xbc\x06\x91h\x1ct\xdf\x8a\x93\xcbd\xd6\x8e\xa0J:\xed\xf1.\x1bd:\x9d\x94\xea[R]IM\xbb\xddK\x06\xf3N\xc3\xb0\x8022\x19\xe1]\x1a\xd7\n\xa8Z(5\x10f\xb3\xa3\x12\x0ek\xd5\xee\xfey#\xc9C\x10\x96MPN\x0c\x15w&lt;f\xf3$\x1bcJ\xf6\xf7_\x81N\x9cvk\r\xc4\xec\xfb\x86\x04\x9b\x8fE\xf4\xca\x0c\xaa&gt;\xe0L,aS\xd8`H?\x01\x93\xfd\x93D&gt;\xa8$\xb96\xa3\x93\tq A/\x98\xf6\x01\xd5\x89\xd7\x1c\xd4\xe9\x90\xaeBa#\x95\xeaoU:\xcc\xb3\xef\x1b\x91N\x19\xb5-\xbf\xa9\x12\x85\rF\xb7F#\r\x8a&lt;\xb5\xad}o\x1dp\x15\x132\xe0\xea8\x16\x80\xed)\xd9\xdc\xc2\x96\'\x9d\x1d\xbe1po.\xdf\xca\xe5\x16\n\x05{J\xa3Y\xf1\x12\x8d\xc1\xfa\xcd\xf9\xf7@-\x03\x08\xc7@,i\xb8/;\xf0\xbb?\xfc\xf1\x93\xcf\xfe\xb6&gt;\xf7\xc4S\xachxz)\xdb\xc5\xd9\xd8XZ\xd82\xa7\xc7\x1e~\xf3\xd5\x17\xbf=\xbd\xb55mB\n]\x05\xbb\xc4d#&lt;[\x8d\xc1b|?5\xea\x01\xdb[\xdb\xdfO\x06U\xeb\x0f\x9f\xff\xf9\xb3\x7f|\xf2\xa7\xff|\x98+z\x8ay.\xeejn\x933\xed\x1b+\x0bDq\xe1\xe4\xdd\xa3\x81/N\xaf&gt;\x7f\xbf\xb02=\x11*l\xc0\xb0\xda\x01\xb0\x1a\xb2\xb7\x18\xff\x9e\x1a\xdd\x04\xfd\x07\xc4\xb2\x89\xe6\xd6\xdf\xbd\x1c8=\xbd\xfd\xcd\xfb\xe5|&gt;=\x94w\xd6\xb0\xda\xe2\xa6\x98h\xee\xc9\\\xfa\xa7\x9f&gt;\xdc?\xbd=\xf0\xfa\xf5\xd6\x82\xbb+\xd4U\xc8A,\x95\'\xfdcc\xb0^^\x9f"d"\xad\xbaU\xcc\x0c\x83\xb1\xec\xe4\xd1\xf0\xe0\xf0\xa3\xd9\xad\xb4y\xa7\xbdL\t\xadV\xb9\xa2\x14\x83\xa4\xbd\x0bOvvvn\x8e\xdd\xbb7z\x92W\x1a\x9c\x85\xed\xae\x89N\x98%K\xef&lt;oL\x96\xff\xfaQ\r\xcb)\x86\xc4\\J4\xaf\r;\xc0\xd9\xe7\xf1\x98\x89+\xaap\x98\xf2\xeb]lW\xd2\xae\xc1\x05;\xe6\x07\x0fT\'Dqg\xa7o\x7f;j\x8a\x16\xba\xbb;-\x902\x9d\xfe\xbe!.\xcf\xf8\xcb\x87)\xe0\xa6\x14\x97\xc7c\x89[\xdd\\\xa7\x12\xb8j\xba7\xed0\x80I\xdf\xc6\x0b\xe8\x14z~\x14\xe6qei\xb3\x99\xc8\xe7\'\xe5R\x9e}\xc2\x9e\x8b\xc5L\x96\x1c\x9f\xe3\xf4\xa4_2\x18\xf5\x87\x1a\xf9\xeb\xdf?\\\'T"\'\x93\xe4"\xa8\x98\xe7\xd7K\x83\xf9D\xbb\xd9\xa1\n7\xcb(\x84\xa7\xd7)\x02\xbeh\xae\x95\xe5t\x98\xcd\xe6|\x8f\xbc\t\xf3\xa3p\xcc\x02\xa3(,\x89\xc1\xdc\xbc\xe7\xf5\xc8yF\x9d\xc9.|\xfd\xeb\x95eb\xd4\xa1R\xd6B1\x8fG\xc7\x03zk\x13\x08\xcf\x06Y\x93\xce\x8a1\x11!\x18\xa3\x03\xbe\x8eN\t\xc4\x95V\xf2\xe5r\x90\xed\xc2\x02~\x04\x85P&amp;\x82p$\xa6\xd6J\xb8\xf2\xdf_\xdf\xd5\xf7\xaf\x07\x17\x1e\x8f\x8bVl+`H\xa4\xb8$\x8e\x07\xe2\x81\x80\x1e\x17\x08(\x91R\xd9\x8c\t\x85$\xd0\x0es)\xf4\x19\x1f\xbf%\x02\xf3\x04M\xe1`\x99\rh\xc1\xb0Q\n\xc4K~\xc8\x04CR\xa6@\xba\xb2\xfa\xe5\xb3zr\x8d\xcc\x0f\xed\x96\x9d\xad\x0e\xaf\xc8I\x92Ba \x10\x10\n\x01\x96T*\x15\xc4i\x04\x01Za\x98N\x87\x95\xaa\x8b-\xfc\x1cL\x07\x9a\x9a\x82l\xf6\xc7\xeb$\x0c\x90e \x89I\xe34\xe5\xc4\x82\x8a uTG\xac#\xd9$[\xb2\xa11\xa8\x946\xae\x18\x01\xc3\x03X\x94TJ\t\xfd4\x9dA\x90\x00f\x05j\xe9\xb08\x9d\xf4-\xc6bt)\x805\x83\xc1\xdfe\x05\x82\x05\xe2\x99d$\xb6fZ\xc9\xd1\x85W/\x8e\x15\xbf\xd4\xcf\xbd\x18\xdfY\x15\n\xb8\x0b\x0e\xab\xb4j\x14B\x10\x14Ex$\t\xfa\x11B3t\x89\xe9\xd7\x03\xf9jh\xf1L\xc6\xe7\x83\xd1\x8f?\x03\xb8\x00\xd40\x0e\x1e%\x17\xf9\xf6\xe8\x1a\x99\xc4|\xd1\xdd\xddK\xfb\xf5\xc3\xba\xf0\x1d\xa6\xd0\x81\x17\x94U\xe3\xad\x1c(\x99\xe4\xa0,1\x98\xbb\xc4b\x16\x8a\xd0~\x12\x8f\xd3\x99*-\x04\xba\xf8\x92\x99R\x15\xaa\xd1\xc4i\x16\x8fY\xa23\xb4/\x12i\xe9\xbe&lt;\x11\xc5\xe9\x00V\x9d&lt;\xbe\x94\x1a\xa9\xa3Z\xb8\xcb\xea*\xc5\x13^\xb5\x86\xc3\x818\x1c\x8eF\x03\x98\xb8\xacV\xb1\x98\xc9\xc4\xfd\xb0=\x16\xd9\xfb\xb6?\xb3x\xd9\xee\x8b\xc7\xab\xf1\xb8\xbfD#\x00+S\xadV}-\x1d\x9d\xe7\xce]\x8cY\xdf\xb6\x95h\xf6q\xaf\xed\xa8n\x1e\xc18bI\xadB\xba-O\x00,I\x84\x03s`\xd3\xb4F\xa3q\xbb\xfbY~\x9c\x04N^\x88\xee\xff\xb0\x179w\xf68\xb4\x08\xca\xaa\xf7\xf3\x90$\x84\xa0I\xb0|-\x9d\xe0X&lt;\xa7a\xf7\x1e_\xb2\xeb_\xecJ\x1f\xd71\xd4\xbc\x92\xb3\x91\x80\xc2I\x18\xa7M1\x8bDb\x8a\xa5\x00\xd7\xf4\xb4[\x8d\xe3\xcc\xb55\x93\xc9\x1e\xe5\xb0\xe8\x96\x03\xb0B\xdd\xbe\x8cB\xc0D|\x11\x0e\x9a\xf4\xf9|\x8b\x1d\x17C\xdb\xa1\t\xae^\x7fx\xac\xa3\x8fw\xb9\xf5\xc3b\\\xf8\xa5M\x01\xe9\xf5\x101\xae\x89\xe5b\x16K,\x96J\x81\x88\xde\xcf\xa5\x04\xa4i\x8dLli\xed\x08\x1e\xb7lo\xcc\xf7GC\x079L.D8\x11\x0e\x04/..\xf2\xbbC\x07\xdb\x17s\x02\xbazx\xb8\xab\x7f\xbb\xeb\xae\xa7C\xfc\xd0\xa3\xa31\\\xe2\xe8c\x99\xa2v\xd8\x12K\xad\xa5^\xed\xf5\x93\x02\x0c\xe3I\xfc\xc5\xd3\xdf\xdfW\x91.\xab\xcfx\xff\xf4\xb4X\rm\xf3\x12\xcdB\x14\x94:\x02l\xac\xbb\xab\xa6 \x07\x8ft\x1e\xbeyq\xa9}\xee\xcb:\x86\xc1\x0b\xcf\x12:\x97\xc2\x8a\x1a\x96\xb9\x9ah\xd4b\xb1HR\xa9=\xb7\rsa\xc0\xe3\xdb\x0e\xb3\xd9\xf5\xb4\xa0\xa9\rQ\xae\xdf^O\xcb#\xdd\xfa\xf66\x01\x0b\x85$1&gt;\xbf\xe3\xe2\xf6\xd9\xc1E&gt;\x13\xeb\xc8\xbdys\xf8\xf6\xd2\xee\xcfu\xb4y\xc6\xff\xdaqW\x0f[8\xef\xb5\xa1\xf6B\xd4"\xd1h\xf6\xa6\x8d\x82\x8f\xb7I\xcdCs\x86\xf1~\xb76\x1c\x14\xdb\xd7\x94a\x10\x06\xab\xf2\x9eI+.\x14\x03\xac\x0e{\xe8\xec`\xfbr\x8b\x9f\x1b*\x1f\xbe9L\x04\x13\xcf\xeayX?K\xd8P=&amp;M9VX\x92\x8d\x89\x18\xcciu\xab\xa9`\x8f\\\xa7\xf7\xe3\x95\xb0\xf6\xce\xaaZ\x0b\xd2\x8d\xda\xbd\x96R\x0b\x99\xc0\xb7z\xe4R\x8aD#\xfc\xee\xc2\xc1\xd9AWg\x0b&gt;}0\xf4\xb6w2U\x96\x1d\xd5\x11\x8b\xf18&lt;\xe9\xcc$\x11\xb7c\x85\x0b\xafmXx\x88\xd8\xa8\r\xf6\xb6\xf7\xb8\xe24O\xac^r8\xfa\xfa\xae,/\x1b\x0cOS\xfb\xd1\x9c\xc5\x12\xd1M\xca(\x8a\xe7\xeb\x98\xd8&gt;\x035\xecl\xa1\xd6\n\x02\xb9B\xd3\xb7\xbbZ\xd7\xe4&lt;\xb2Zv.&amp;3b\xef\n\x131\xd9-I\x9eM[)\x16{t\x81\x12M*g\x06\x87\xa7\xae\x11\'\x84\'\xbb\xbe&gt;\xbb\xbag\x8a\xb5X\x92\x8a6\xa9@\x98\xcc]\x06X\xdb\x97;"\x94\xbb\t\x8b\x97\xf0\xe3\xe0\xcfuM6\x8cg}bK2\xa9!\xb4$\x92\x94HP\x92*\xef\x16\x83R\xbd\x90\xa4\x1c\xa3\xf7\xaf\xde\x18\x1e\x9c\xba6::v\xeb\xde\xf0\xcd\xa5~`m\x91\xaa"\x18\xa6\x90\x96\x89\xd0\xd9Y\xa8\xbb\x03\x16$\xde*\xc0\'\xb4\xa5\x8e\xea\x9a\x03\x19\xe7_\x83\xb7\xf1\xa1\xb4\x96\xcb\xe4A\x1c\x14/\xef\x0e\xc9\xb4\x94R\xa9\xf2L\r|\xfa\x7f^\xce\xed\xb7\x89\xfc\x8a\xe3\x88&lt;\x84\x87\xbc\x80\xb1\xd9X\x8eq.`4&amp;\x93\xad\x019\x83)c\'\xb6\xcb\xe2\xccXv\x9c\xe9x\x82m";\xb2k9\x1adL\\|\x1b\xa7\t\xd4N\x9c8j\x1d\x07\'\x86M$\x1a\x95xy\x88D7\xd4\x0bd\xddU\x91\x926nU%\x12\x8b\xa8\xb2\xd0\xdc\xa4\x96\xb2\xe1\xa6P-j\x7f\x93\xfe\x0b\x0cG#\xcf\x93\xa5\x8f\xbe\xe7\xcc\x99sf\xce\x99\xf6v2k\x0f\xde\xf5\x90dW\x92bP_\xd8 \xbb|\xf5\xe0\x89C\xfb\xdb\xd8\xa4\xe5\x0f\xa8\x85\x97\xbe\xfd\xc7\x99\xaa\x0bW\x9b\x8a\x1fx\x9c\xb8\xbc;?Y{\xb9\x8e\x89W\xed\xaf\x92\xf0\xf8G\xcf\xf6$\x12\x84-\xea\xa5\xe9\xe4\xe0`;\xd9\xd5n\x8fx)v&gt;#i\xa7\xa3\xc4h\x18\x96\t&gt;9xL\xa8\xbd\xee\xf7\xfb\xc5j!\xf6\xc3\xb9\x9f\xc4\x9a\xfd\xcb\x1f\xbe\'[z\xe3\x1cZ}\x18\x87\xaa\x0eH\x9aN\x9d\xb8i&amp;f\xc6\x82\x1e\x8a\xa2\xc8\x9dq\x91/\xd2c^\xf6a[\xd2\x9e\xb4\xdb\xd3\x8f}&gt;S\x8a\xff\xc9\x19\x9e\x16\xdcx\xfcb#\xfc\xaa\xb3\xb8\xf0\xe8\xcd&lt;\x17\xef\xf6\x1b\xaa\xab\xab\x7f\xc0 H \x94]\xf8\xd1Mb\xc6\x91\xcd\x02\xd7\xd1\xd9\xe4o\x81Bi\x97k\x98\xa1\xed\x14\x1d\xa4i\xca\xebu\xcd\xf8\x9c\xa9\xba\xc3\xc2\xffci\xe1\xd5\x06\xf6\xef\x1c\xcd\x10\x97W\xff+\x0e7\xf1d\xb2\x0b\'\x86}Q{W2I#cL\x04\x99\x95j\xa4\xd2\xe3\xc7\xa5R"a\xb3\xa1L\xda\x01\xcc\xd6\x9b7\x1d\x16\x18Y\'\xea\x8c\xf8SN\xc7\xad\xbb\x1f\x120\x0f`\x1d&gt;8\x15O\'\xbf\xa0\xa2\xf1\xd1\xa1\xfe\x96\x96\xba\x95\x95\x95\xed\xed\x95R\xe9S\xbe\x13\xdc\xc2\xe7\xe6\x08\x86\xf6\x12)\x03_f\xbc~\xfdz\xb3.\xd4\xff\x9aS\xac\xce\x87\xa8\x89\x07\xa2\xf9T\xcbE\xfd\x88}\xdc\x8c\x98\xf5\x1a\x96ie}\xbd\xb4\x0e\xac\xb4}\xaa\xca\x90O\r\xe4\xe3}#c\xa9\x14\xafM\xccb\x89Cs\x05N\xb1\xaa\xbf\x1b\xeb5AB\x81\x84\x7fP\x9f\xeeCl=\xcf\xe8\x19\xdfh\xef\xc2\xd0\xca\x0b@vQ\xb9\xbd\xad\x12u\xb4\x1c\xba3\xdb\xeb\xa2\xa3\xb7R\x82I\x80\xe5onN\xcdq;\x02\xde\xf0\xe7\xbb\x98\xc9\x04\x0bx\xb0E\xca\xa4\x11=\xd2\xf3\xfd\xeara\xb90\xbf\xbc\xd4\xfdtuy~~\xe7x1\xf2\xec\x06\xe2\x88\x8c\xa6\x0c!?\xc0\xf2O;_q\xbc\xf5\xf3\xf5]\xb7\xc6\xa4\x02-\x0f\x1fc\\z\xccwe\xea\xd5\xdb\xce\x89Ba\xa2\xbb\xfb\xf5rq\xbeP(,-u\xbe\xea\xeb1\xa3.\x97/l\r\xf8\xaf7Og\x06\xf0\xd5jn7\x0c&gt;\xffcT\x8f[TMM|\xfd\xb8Y\x89\x9b\x8e\x7f\xb6\xbe\xb1U,LLL\x14_\xbf].\x16\x8a\xf3\xf3[[\x1b?\x9e\xc2\xfb\x11\xb3\xaf\t`\xf9\xa7C)\x15\xf6\x96\xe3\xf5\x82\xce\xbf\xdf\x1d\xb3I5\x16\xbe\x08\xbd\xad\xc7a\x18?T*\x95\x16\xd7\xee=\x05\xb6\xba\xfa\xeb\xb5\xc5\xc5\x8d\xcdw\x9b+\x86\xb0\t\xc3|\x02k&amp;\x13J\r\x18 M\x91[\xaa]\r\x0f&lt;\x0c\x82J\x95"\xber\x18\x03\xbdOX\xd5\xb1\xb1\xb9\xf8\xfcyiecm\xa3\xf4\xfc\xf9\xf3\xc5\xcd{[\xb7B\xda\x98A \x82\x9a\x0ca\'\x1e\x0e\xc38V\xe0zKd\xe2w^\x1b\x9a\x90v\x9c:*U:\r\xb2\xb0\xb3w\x14HT*\x01\xb8E\x80\xb5\xf8n\xebO\xfei\xb1\xd6j\xcd\x84!Xd\xf1iT&amp;\x8d\xf4\x05\xd7{5\xe5\x9d\x0f=\x11\xc4\xa6W\xb6\x1c\xed\xd08\r\x06g\xd89zocqmmcqcmmsq\xf3\xfd\xd64H\xebl\x1b=\x00[\xf8\xb8\xaaC\x83%|/\xaa9\x16kW\xf5\x1f(o\xc4\xec\xbe$\xbd$\xed7\x19\x80\x97@\xb3\xb8\xb1\xb9yom\xed\xcd\xd6\xda\xe2\xe6\xbb\xcb\x93\x01qs\x00\x986\xa5j\x01\xd7\x86J\xaaG\x899\xce\xb1\xca\x1fPT\xda\x05\xa2K\x9f\xc0T\xa0\xae\x82M\xb7\x9c\xf86\xebF\xe0\xc2\x12\xc0\xb2\x02\xa5\x8c\x01pX\xc3"\x8b\n\xc7\xa4\xfa\xb8~\x81{\xac\xaf=Ij\xdc\xa6\x9fu\xa3\x89\xb8S&amp;k\xc2q\x9fOyp}\xea\xe5\xcb\x97w\xd6\xeb\xaax\x02\x81L\x1d\xd0\xe9tFk\xca \xb0H\xb1D?\x86=\xe2\x1e\xeb5Cz\x18\x9b\xcdfF\x11\xbd)lh\xb2(\xdd\x88\xcb\x91\xa6i\xafw&lt;\xe2Bf;`\xe0Fq \x93J\x81\xd4\xd0\x9f\xd0\xa3n\xf7\xe8G\xc0*&amp;\xbc$\xcd0\xae(\x13\xb1\xf9\x9ca\x03\xac4\xdf\xa7GFFh\x9aNG\xc6\xcdS\xc7\xf9\x00Kg\r\x0f-\xdcr\x86\xa5f\x1b\x1aA\x07\xb8\xc7j(*\xddt\x92J\xd3\xf6$\xe5H\xe0\xbd\x06\x99\xe8\x92\xd95|\xfb\xc6\x8d\xf1t\xfa\x86y\xd6\x02\x81\xdc\x1e\xc8\x0c\x80\xfe,\x8ecS\xd1h$B\xa4\xb8\xc7\xdaUTJ\x11\x9aJ\x83\n\xd9\xe3 \xd08p#\xc4\x17i0)\xe1\x1ev\r\xdb\x8e\x8b\x84\x93\xc6P&gt;?\x84\xce \x04\x81"\x11G:\x1a\xb7\xe6\xb9\xc7Z\xee\xb0(\x1d\xa0\xff"IO$:n\x9b\x0b\xcb`\x88M\x9b\xfd\x84\x8d \xf4\x1a\xbe!e\xe8\x9d#\xd0\xc7c.\x041G&lt;A\xc7\xcc@\xe8\xa3`\x89T\x84\xc3Nv\x91Y\x8f\xd7\xeb\x18\x8b\x9bL*\x1c\\\x8eq\x14\x8d\xa3z)H\x9f\xbext\xcc\xe1\x88:"\x91\xa8\xc7\x13\x8d\x87C\x1f\x03\xebm\x07\xdf\xa4\xd2\x0c\xdb\x07Y\xae`0mF\xf5\x041\x87aq\xb7\x9bH\xa0fd\x98\x89\x8cy\x83Q\x8f\x83v8\x82\x94w.\x95\th\xf3\xdc/\x02\xbei\xe1\xc30\x0f\x1b\xb7\xcb\xe5\xb9,\x99\xa5\x1c43&gt;6\x83\xa2n\x04I\xcc \x0c\xc3\xa4\xe9 \x95\xa5\xb2\x1e\xd0\x17%\xa9\x99\x81LF\x1b\xe2\x1e\xab\xe1i\x07\xfb\xe0[\x95\x88\xb4+\xe4\xf5\xad\xe7I\xd0\x8cQ\xc0\x97\xd1(\xfb\x03\x1a~\x87\xd7\xf3O\x8a&lt;\xdfz&gt;\xd7\xda\xe5\x89\x8e\xe6AmcMq~\xab\xae^\x05X&lt;\x1e\xdcOx\xbb\x14\x8a\xfa\xd6\x9a\x1cP\x05D\x99\xc3\xe1\t\xdeu\xd0\x14\xe5\xc9~\xf5\rI^;\x7f\xad\x95\x0cF\xe3\xa9\xcctFk\x1d\xe0\x1e\xeb\xd1\x8eZ0\xd4oK\x02\xac\x9a\x9a\x9aV\xb2\xa6\x9e\xb4\x07\x83\xc9\xac\xc7\x93$I2\xd7\xda\x9a\xcb\xb6~u\xad+\x19AGC\x99\xe9\x00Pk\x89\xf3\xc2f\xe1\x14\x1b[\xac\\LW\x85\xa2B^Y\x99kl\xcc\xe5\x92T\x96E\xca\xc9\x15\x8d\'\xcf_;\tH)\xca=\x04\\\x08"\xfec`\rY \x18\x02jAx"bo/\xab\xa8\x947VV6\xe6X\xa4\xfa\x1a\x85\\!\x97\x03\xb5j\xea\xbb\xa8(:\x00R\x03\x8bu:\xc6yu\xda\xddk\x81$\xb0\x04\x82a\xc8\x82\xb9\x92\n\xf9\xde\xca\x8a\n\xc0\xd2\xd8\xdeX\xd9\nN\xf2\xfa\xc6\x9aF\x85\xa2\xcb\xeb\xea\r\x87\xacV\x16\xcb\xa8\xe6\x1ek\xa9\x17\x92\x00;\xc0\xe3A"Q\xbf\x9bj\xdf]\xb6\xa7\xa2l\xef^\xb9\\Q\xd1\xa8\xa8\x94\xcb\xeb+\xe5\x8a\\Wt\xe8V\xdej\x8d\r\xe4C\x81\x80N\xdd6\xcf\xb5\x13\x0b8\xc4\x13\xf2$B\x81@\x02\xf1\xa1~3\xdd^\xb6g\xdf\x9e=\xecfTY\xc5\xde\xca\x1aE\xcd\xc9\x9c=\xf88\x9e\x0f\x85&amp;c\xb2\x985d\xd4\xe9\xb4\x93\xf3\\\xa7\xad\x82\x0f\x16\x02,\t\x8f\'\x84!\xbe\x850\x07\x07\xd9\x1d\xdd=\xfb*v\x97\xed-S\x80X#\xd37\xe2\x06k\xc0\xa8\x8d\xc9\x0c\x93\xa0T\x05\x15a\xed\xd3Nn\xe5*\x9f\xc7!!\xe0b\r\x84\x97\n\x8f#\x8c}\xf0\xc9\x93\xdd\xfb\x9eT\x00\xa6\xdde\x95\xed\xb4\x1e\x0f\x83\xca\xd9h\x95\xc5b\x93j5\xab\xd6i\xe6\xfb/\xb9l`\xcb\xcb\x8b8\xd4$\xdc\x01\x83\x0e\xf0`P\xd2\x10\x98\x9e\xa1Gv\xf6\xa0\xd8%-\xfbp\x9dD\xd0vZ\xad\xd5Z\xdbjkcV\xa3Q,\xd6M\xde\x19\x1c\xd9\xea\xe4\x0e\xaa\xb3\xb8\x80\xc3,\x95P\xc2;\xc0\x07y\x15\x12\xf1-\x1a\xe9\xd4\xd9\xdb=}\x00m\xa4o|\xb6\xee\xc2\xd5\xcbGX\xacX\xac\x96=\xeb\x9a\x9bu\xb5ug\x9f\xfd\xe7}\xf7\xceG@8xJ9\xff\xc2\xec\xc6a\x010\xc0\xb5\xf3\x9a\x93\x07K\xf8\x96\x8e\xba\x8bW\xce\xdd\xef\xe9\xeb\xb9=|\xe7\xe8\x99_\xfd\xec\x97GNk\xd5mmm\xb5j\xad\xda(nn\x16\x9f\xbep\xe2\xfe\xb7\x7f}\xf7\xb7\x07_~\xde\xf0\x81G!\xcawu.\xbf\xbcm\xd6\xabx2\x19\xcb%\xe1\xf3\xd9\xf7\xc2&lt;\x81\xa4j\xff\xb1\xa3\x17\x7f~\xf6\xe6\xcds\x9f\x1d\xfa\xf4\xd8/\x00V\xadZ]{\x04P\x81\xc8\x12\xef`\x1d\xf8\xe9\x95\xbf\xfc\xe6\xbf\x9e\xfa\xfao\xbe\xfb\xfd\x87\x1c\xd2(/o\xe8~\xff\xef\x9bS\xb3RU\x93\xacM\xf6?V\xce7\xb6\x89\xfb\x8c\xe3\x91}Rv&gt;\x9f\xee\x8e\xd88\x8e\xed8\x9c\xff`51d1\x14sq\xb3$\x90@\x11j\x17L\x16\x85?\x9a\x1b\xc2\t\xc8j\x99f\xc0\xd2j\x93`%\xd1"B\x95Hh\x1eC\x83:\xf2\xcc\x0b\x84#Ke\xa0hmDH\xe3\x17H\t\xb5\xe4\x89\xa5\xcd*x\xb57y\x81&amp;U\x02\xa9\xdb\xf7\xf9\x9dG\xf7\x7f\xa5\xdb\xe3\xc4G\x12l}\xfc}\xbe\xbf\xef\xef98\x07T\xe8\xa1;\xd8\xef\xb6#.&lt;Ap\xbd\xfa\xca\xa1\xf3\xb5\xcd\'\xcf\r1\xb5B&gt;_oGW[W7\xa8v\xd4w4\x04\x87\x17\x0b_\xfc2\x9d\x90\xd6%\x16&gt;\x9f;\xbd\xe1\xff\x01V]\xbd\xe1\xd6\xfd?\xfe\xa1P:4|jc\xfb\xfaFp\xd58\xc0es\xf7\xc7\xc0US\xe7\x88\xf9\xb7\x9c\xfa\xf6w_\xed;y\xee\xe6\xbd\xe3!_\x08\xe5\xf3\xc1X=\xac\x87\xdd\x1duC\x03\xc0\xda\x93\x06\x97)\x1c\x96\xd2\x0f\xe6\x8e\xfe\x8f`P\xfc\xea\'3\x89D\xe2Y\xa1|\xde\xbb\xa5\xd5\xcd\x9a\xd8\xe0@ylAv\xc1\r\x1a\xea\x8e\xf8k\xb7z\xfd6\x07Q\xb5\x85Bc#8P8\x00\xab\xa7\xbb\xabn(\xb0XX~\x92H\xa7\xe3V\xa7&amp;\xc9\x92k\xe6\x13\xb2\xd97\xcf\xcf\xd3\xb7\xee\xce\'-\x89\xc4\x81\xb5\xc2\xca\x8f\x9aZ\x81\xb5\x9e\xf5\x10e\xf7\xb8\xdd1\x9b\xfd%\xbb\xc7\xe3\t\xfa\x9b\x02}\x11\x8f\x03\xc6\xf2\xb5\xf9B##dx\x9c\\\xc3[\xf5\xf5=#C\xde\x87\x93\xcbO\xe2\xf1D\\2\xab\t\x85\x97$q\xf6\xc1\xado\xfao\x84\x1b\xae\xdd\x9dIX\x14I\x8bkg\xd7\xf4\xd5\xf3\xfe\xd6Vfy\xe4\x96\xddcs{\xe8*t7\xb8\xec\xb6\x88?\x10\x08\xb0\xff9\xf7\xb5\xb5\xb5A-`\xf5T\xa8\xea\xbb{\x87v\xadf\x97\x1fk\x9a\x16W\xcdjZ\x95D\x01`\t\x02{a\xb2\xea\rw&gt;\x9b\xb7$%^\x11\xc3\x9av\xb6\xa0\xaf\x9co\xda\xd8j\xafkdK\xb1\xc1n\xb3\xd9b6\xb7\xdb\xe6\xb1\xc3\xfd\x91\xa6@\xc0\xeb\x8f5\xa0y\xb0\xfa\xd8\xc8\xc8\x18a\x01\x89\x99\xcb74\xb0\x02\xacp8\x1e\x0f[\xa3\x90\x8c\x17\x05A\xe2\xb9\xf8\x83;/\xa6\x18l~\xe7A:)&amp;E\xc9\xcc\x89j\xd8\xf5\xae^\x00V\xebND\x02\x93\xab\xc1\xe1\x06V0\x18$,[,\xd2\xd4\x04,O\xdd\x08\x85\x15&lt;?6\x06o\x91Z\x0c\xabmj\xa0\x94\xcd\x9eUU-\x1e\xb7\ni\x8d\x979Q\x10E\x80%&gt;\x7f\x81\xdf\xc1Ck\xef\xe3x\x92=T6\xcb\x92\x1a\x0e_Z\xd3\xcb{\xb6\x00k=\xb0\x1a\xb1%2s\xd9\x82\xc1H\xcac\xb3\x05\xa9\x89M\x11\x0f]#\xd2\xd1\x11\xea\r\x8d %:zzX@\xec\xe8\xee\xba7\x90\xcf\x16.\xa9jXS\xcd\xe2l\\\x91\x9d2/Z\x04\x89\xe3\xe5\xc4\xdd\xd3_\xb3\x93\xd5G\xe7\x16\x12I\x91J\x1593\x07,\xd7\x85\xa2^:\xb4\xa5u|_\xa7\x91\xa65\xd4Ew,\x16s\xa7\x82\xa9T0\xd2\xdc\x14\xf0Gl\xc0\x82\xb3z{C\xbd\x84\xd5U\xc1\xaa\xef\x19\xdbU\xcc\xae]\x8f\xe2\xe5\xa9fm6\xceI\x12/;%\xc1b\x1199:\xf3\xe1\xd7\x88\x0b\xec|\xbf[\x80R\xc9\xa4 \xc0\x01\xa2lV$\xbc\xcc+\xf9B\xfe\xd0)`\xd5\xb0\xcd\x07\x93 \x16\xa2-\x15\x8c\xc5\x82\xa9\xe0\xb9\xdd\xbb\x9b\xfb\x10\xf1\x1eD\xa9\xcf7RW72\xd6\xebc\t\x01\xa6\x1d?\xac\xef\xf1}\x99\xcb\x96\x0eJQU\x95\xcc\xda|B\x92`-HE\\&lt;\xc7\x85\x17\xfe\xf4\xdf,FJ\xc5\x93\x00JZ\xa8\x04Q1)&lt;\x9e\xceR\xd6s\x8f\x7f\xb3\xb3\x1f\x03\xc4z6q\x01\xcbcw\xdb\xdc\xb6\x18\xb0N\x82\xca\xdb\xb7\xfb\xe6\xe8\xf1P\xa8\xb7\xa6\xa1\x86\xf0\xa8\x8b\x15s\xf5t}Y\x98^i\x91\xc0\xe5\xb4\xa6\xe75\x89\x97\xc0\xc3\xf3\x00\xc3\x0b\xe799\xfe\xe0?Z\x8c&lt;\x95H&amp;E\xf0\x18P\xa2(\x9b\xac\\T\xb5\xa8\xab\xba\xbe\xf2\xebq\xec\xce4\xd5\x18i\nS\xd1j\xc41\xb8\x1bX\x03\xcd\xe7\xee\x1d\x1f\x1b\xa9s4\x8c\x02\xcb\xc8\xd3z\x16\x11\xdd\xbe|\xa1\xb0\xe8\x94\xa2\xd1\xb0UI\xcc\xaa\xa4\x94hpA1\xfc\x81\xe3f\xef\xff\xdb\x93\xc9\xea\xcd\xd7\x1eP\xfb\x04\x97\xcb%\x10\x12\x9a(\xc8&amp;\xe6y\xf5\x12\xcc\xf5J\xbf{\x13\xcd\xcc\r\x1e\x8f\x831U\x16c*BM\x1c`\x97\xbb\x1d\x1fu8\x1a\x0c\xac62\x17\xa9U?U\x9c.^w\x92\xb7L\xealB\x919\x9e\xec\xc5\x1b\x82\x01P\xc2W3s\xffR0\xec2\x9f\xa5Uj\x1e\xa8,p\x16\x8eP\x8c\xb0\xd0\xc5\xe8\x95\x92^|\xdc\xbf\xc9\xc0bb\xa5R\xb6X\x8c]\x90\x97\x82Z^o\xa0\xf9\xdc\xd4\xe8(~6EWm\xf9P\x1d\xb4WS\x9e&gt;\xcb\x15\xcaN\xf4P\x93\x14\xd7\xbc\xa6\xc8\xe0\xa2O\xc2\xc2\xbd\xc4J\xb6||\xed\x9f\xac_\xbd\xf9\xea\xddy\x17c\x01\rTr\xb94\x17u\x917\x9bd\x0e\xfa\x0b\xe8b9\xc8&amp;@\x16\x0f\x1eP1\xb5"\x08\t\xeaam\xa0\xf9\xe4\xcd\x9bCCC`\xa3-\x91\xc0\xdaX\xd2\xd7\x87\xf2zn\x91\x1c\x1a^\'\xb9f\xa3\x9cD\xc1\x03\xcd\x9e\x17\x13N\x92f\xff1,\xaa\xaf\xde\x9f\xb1T\x84"c\x81\x89\xe0\x10\xc7\xa2\xd5\x84\'pF\xa3\x88\x88\xfc\x00V!F\x86\xf55\x94Y\x86\xb7\x82\x11\xea\xe0.om\xed\xcb}\xbbmC7S\x18m\x8e\x13\x96\xefy\x1b\xcf&lt;\xc3C\xdflA\x0b\xcd&amp;\rS\x04OX\x10J\x96\x15|\xd2=\x81q\xe8\xab\xe5\xef\xc2b\xf3\xd1\x0f?\xd0\xa0\x14k\x9b Z*JI"=\x03g6\x91\xd0\xd1\xe8\x8a\x9e\xf2\xdc%0\x00\x00\x04\nIDAT{J\xf1P\xc7\xc6-\xc4\x03\xb6h\x87\x1bI\xda\xdc\xe7}\xb9vx\xb8\x16\xc9\x05\xe1RS\xa3\x08S\x1amh\xb6\xe9\xc2$\xe8/a\xb9D\x11\xf1\x13K\x97\xd2\xb3a\xa7\xa20y$\xd2IVPPN&amp;\x9bq\xbc\xe4\xfa`\xaer\x9a\x84\xe5\xb7\xf0\x15\x14\x0e\x1a\xa0D\x911\xe1\xc1\xa2\xb2\xce\xca\xf3\xb2$]\xca\xe9\xf9\xbe\xc6\xd7)\xb702\xd3\xdc\xe0\xb1;R\x91\x08\x86\x07o\xed\xd6\xe1\xad\xb5}\xcd\xcd\xfe\xe6\xe6\xc8\xd0(\xa8\xc6H+\x8a\xfc\x9e3\x9d\xaby\xbd\xb8\x14\xd6\xe2\x17VrkO\xd2*H\xa0\x90L\xcb\x90\xd0d"\x83\xd3h\x1d\x90j\xae\x859\xe6tZ~Dc1\nG\x91\xadC\xdaP\x11*\x82$\x9b\x9c\x9c\x13\xf6*\xe7rO\xdd\xaf#\xe5;;_r\xb7\xe3\x14\xc3\x0e\xe3\xc7h\xdfa\xef\\\xae\xf5\x06\x9a\x9a\xfa\x9a\x82S\x0c\xab\xb7\x8dau\x9dY\x7f\xa8\x9c\xd3\xcbW4\xedQy2\xbb\xfc\xe7\xeb\x8ab\x05\x85a\xf8\xcab\xe4\x14\xd6N\x98\x05\xdfW8\x95\xe2\xf3\xfe|2)\x18D\x90\x8c\xe5\x02a1\xf54J\n\x8b\xa0X\xc9\xf5-\x8b\x90k+;\xc5\xe8\xdc\xd4\xde\xde\xbeoS\x03\x9b\x05\xfd}\xde\x80\x97\xb0jw\x01\xcc\x1f\x19:\xde\x1b\na\xb2\xf1\xbd\xdfq\xf8\xcc\x19\xf7\x9e\xc70\xfc\xc3\xf0\x95\xc5\xe2\xf2\x17\xa8U3\xc4\xe1%\xfeo\xcb\xf0\xbd\x81E:VU_\xa3\xf8\xacP\xd1\x02dP\xcc\xfa.cM\xd2W\x0fWn\xc8NgK\xb4\x04\xb9\xf6vB,\xc2\xda7\xd8\t\x8f\xc1\xf6o\xa0\x8b`\xf2\xd2;\xd2\x9b\x18\x16&amp;\xf9F\x9c\xfa\xbc\x7f\xf8\x9dwb{ V\xa6t\xfd\xc6\xc3\xe2tv9\xab\xe7\xca\x13f\x93B\xae\xe5\x8ct\xa8P1\xd1hm\xd2\xb1jn\x06\x11\x95\xfc+\x93\xc0\x98 \x12\xdc\xa5\xb1{\x0b)\xf7\xeeZ\xae\xb48\xe1t:\x17\x8b\xb9|\xedk\x83\x83\x9b\x06\x07\xf7\xfd\xf4\xe2 V%y\xff\r\xff^\x9a\xb6\x86\x87\xbd\x01\xbf\xdf\xc0\n5\xd2\xe5\x96\xef\x1d&gt;\xbc\xf3W\xbf}\\\xcc\x14V\x1f\xad\xe8\x99\xcc\xf4t&amp;\x93AR(\x94\xd0\xbc,WV\xa1\xccZj,F\x8eQV\xa5\r\xa9\x04\xa2\xc2\xca3:\xc7\x8a)\xc5\x93\x05\xa2+x6\xbd\xb4z\xc3\xd9R.\x16\x9f\x8e\xbfu\xf1\xe7\x17\xe9c\x10\xaa!\xc0\xec\xb1\x9d\xf4\xaeW\xef\xa9\x8aX1\xc7H\xa8\x11r\x8e\xffl\xfb\x91\x13\x17\x0eN&lt;\xd43\xc5r^\x9f\x9e\xce\xc2Z\xcb\xcbYlB\x92b2\xc9\xbc\x93\xdaf\xf8\x89\xe3\x9f\x07\x18\xc9Ue\xa4\xb9 $\xd9\xad"\x14\x15\x19^\xe4\x14\xb3U\xb6&gt;\xca\xebz\x0e\x95_}\xb4\x94\xcf\x97\xce\x9e8q\xfb\xf6\x91\xcb\xbf\xff\xdeG\x1f\xbd5\xde\xffZ\xbb\xbd\x7f|\xe7\xde-T\x1b7nl\x1d\xef\xb7\xd7\xb8\xfd\xfb\x7fp\xe0\xfa\xc46\xa7\xaa\x85\xcd\x9f\xae\x10\xd1\xf4\xe42c\x9a\x9c,,\x91\xe1e\xf3\xb7\xcc\xe8\xa4S6$\xaa\x98K6z\xc8W1oS\xfb\x04\xa6\x1a\xadFZ\x83\xd0\r\xdf\x17e\x9eH\xcfN\xa2\xa6\xa7\x0b\x19=W\xca\xe7\xf3\xab\xdbd\'/+V\xeb6\xe7\xc17/\x1cx\xfb\xf6\x8f/o\xdf\xbe\x7f\xff\xf6c\xc7\xbesl\xfb\xe5\x9f\x1cy\xfb\xfb\x07\xb7Ya\xea\x165\x1e\xde\xf6\xe9b\xa9\x90\xcdN\x1a\x95\x99\xd6uD\x85\x95\xa6@\x99\xb3\x9a\x90\x9f\xce\xaf\x1c_)\x80\x02\x8bf\x18Zl\xb8\x19\xb1`\x14\x0b\x0c\x84\x9b\x86S\xb1_\xaceY\x01\rpz~i\x02\xcf\x8b\xb5\x84\x1b=\xbfbe\xbfb\x07K\x82*\x8aRi\x82A|\xb6L,\x96 \x15\xbd\xa6\x8c\xce*\x87\x8fE&lt;\x98N}D\xdedEXW\x1c\x0f\x1eJ.\xc3\xf6UI\xc1(\x894\xaad\x83P\x99j$c\x83\xd4\xb4g\x93\xcf\x0bl\x85|yuib\x9b\x95\xe3\x91e\x12&gt;pd\x89H\xc3\n6\x98\xb0\x1a\x8ebO\x88\x1e|\xb4\x9a/d2\x93\xd3\xf4r2\xcf\xab\xb0*Kb\x14\x7fQ\xc5D\xa3Ha\xd9\x08{\xfe/c\x81\xa4z\xb0\xbb\x00\xd5o\x03\xe9 #\x07\xc5\x00\x00\x00\x00IEND\xaeB`\x82'</t>
        </is>
      </c>
      <c r="M109" s="3" t="n">
        <v>45492.67634259259</v>
      </c>
    </row>
    <row r="110">
      <c r="A110" t="n">
        <v>311394</v>
      </c>
      <c r="B110" t="n">
        <v>1955</v>
      </c>
      <c r="C110" t="inlineStr">
        <is>
          <t>Carlos De Pena</t>
        </is>
      </c>
      <c r="D110" t="inlineStr">
        <is>
          <t>Carlos De Pena</t>
        </is>
      </c>
      <c r="E110" t="inlineStr">
        <is>
          <t>VOL</t>
        </is>
      </c>
      <c r="F110" t="inlineStr">
        <is>
          <t>VOL</t>
        </is>
      </c>
      <c r="G110" t="inlineStr">
        <is>
          <t>VOL/PE/MC</t>
        </is>
      </c>
      <c r="H110" t="n">
        <v>177</v>
      </c>
      <c r="I110" t="n">
        <v>14</v>
      </c>
      <c r="J110" s="2" t="n">
        <v>33673</v>
      </c>
      <c r="K110" t="inlineStr">
        <is>
          <t>Left</t>
        </is>
      </c>
      <c r="L1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346823dc-a8cf-4543-b02d-7d97abf352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7\\\xcf\x17\x00\x00\x00\tpHYs\x00\x00\x0e\xc4\x00\x00\x0e\xc4\x01\x95+\x0e\x1b\x00\x00\x03\x00PLTE\xff\xff\xff\x05\x04\x03\x07\x06\x05\xfc\xfd\xfd\xf6\xf7\xfb\xf4\xf5\xfa\xf5\xf6\xfa\xfe\xfe\xfe\xfe\xff\xff\x02\x02\x01\xef\xf1\xf8\xe1\xe3\xee\xf2\xf3\xf9\x0b\t\x08\xf0\xf2\xf8\xee\xef\xf7\xdf\xe2\xee\x0f\x0c\t\xde\xe1\xed\xe2\xe4\xef\x11\x0f\r\xf8\xf9\xfc\xd9\xdc\xe9\xde\xbb\xa3\xe7\xe8\xf2\xdc\xde\xea\xdd\xdf\xecD3)\xe5\xe7\xf2\xfb\xfc\xfbD/$8%\x1b\xe9\xec\xf5\xe3\xe6\xf1\xeb\xee\xf6\xdb\xdd\xea&lt;)\x1f\xe7\xea\xf4\xd6\xd8\xe6\xde\xbd\xa7\xed\xee\xf6\x15\x13\x11+\x1f\x15\xeb\xec\xf5\xd8\xdb\xe7\xfa\xfb\xfa4"\x190%\x1b\xe9\xeb\xf4@,!\xe5\xe6\xf0\x1a\x16\x14\xe9\xe9\xf2\xd0\xa7\x90\xa7t[\xd3\xd6\xe3)\x1b\x12\xaf~d\xf8\xfa\xf8\xd9\xb7\xa1\x1e\x13\x0e[F&lt;?1(WB7\xcb\xa3\x8d\xc8\xa0\x89/\x1e\x16\x17\x10\x0c{]M\xdc\xb8\xa0\x87hX#\x18\x11aI&gt;\xd3\xa9\x93\xb4\x81i\xab\x87q\xe0\xc0\xaaG7-\xadzc&lt;-%\xc0\x97|\xady]L;2Q&gt;36) \xc4\x93y\xc2\x9e\x87\x8aaM\x9bxe\x8eeP\xdb\xb5\x9d\xa1qW\xbe\x99\x82oTGfNA\xb0\x8cu\xc4\x9a\x7f_B4\xb7\x85k\xb8\x91wgRG\x94tb\xc9\x97|\xc8\x9c\x83\xd4\xae\x99\xd2\xb1\x9d\xbc\x8dt\xda\xb2\x98\xc3\x96\x80\xd1\xa4\x89\xd7\xae\x96\xc2\x90t\xd0\xd3\xe1\x84]K\xcc\xd0\xde\xbb\x88m\xce\xac\x98O:/\x9f|g\x81dU&amp;\x1d\x19\xa9x_\x7fXFV=/~`Q`LCmOAJ6+J1&amp;\xd8\xb2\x9c\xcd\xa1\x86\xa5\x84o\x8cl[\xbd\xc2\xd1\xcd\x9d\x80\xc8\xcc\xdaC6.\xcb\xa9\x93vUD\xbb\xa0\x93\xbd\x90z\xf5\xf7\xf6\xc3\xa3\x8f\x8fhT\xa1r]vP?\xa0\x7fm\xa5\x7fj\xe2\xe1\xeb\xf2\xf3\xf2\xb4\x81d\x93fQ\xc3\xc8\xd6\xbe\x8bpeG9nYN\xb4\x90{uYJ\xee\xef\xedu\\P\xd5\xa8\x8d\x91p]\xd2\xb5\xa2\xb9\x95~\xae\x91\x81\xd7\xba\xa8\xb3\x8ev\x9cnW\xb6\xba\xca\xe5\xc8\xb4\xad\x93\x88\x94lX\xe4\xc4\xaelJ:\x1c\x1c\x19\xbd\x94w\x99lS%!\x1ey\x80\x7fPB&lt;\xb4\x88n^PJ\x89cR\xb7\x8bt\xaa\x8axWJC\xd3\xcb\xc9\xba\x9c\x8c\xea\xeb\xe9\xb5\x96\x86(&amp;#\xe4\xe7\xe4\xa7wd\x97\x9c\xaa\xd6\xac\x92\xb6\x81{v`U\xb3\x99\x8c\xc3\xa5\x96\x99s\\\xc2\x97\x87\x96xj\x8bobfVO\xab\x84lnuq\xa7\x8d\x80\xd5\xd3\xd2H=6\xa5\x83x\x8a\x8b\x86\xab\xb1\xc1\x82j_\xcb\xa4\x93\xa1\xa7\xb6\x9e\x88}R7)\xc6\xcb\xc7\x98\x82x\x8bvm1+\'Z_\\\xcd\xc0\xbb\xe2\xd3\xcc\xd7\xdc\xd9\xdf\xe1\xe0\x83^W}UO\xc0\x8c\x87\xac\xae\xa9\x8e\x93\xa0\xbf\xa8\x9e\x9flg;&gt;:\x95~s\xc6\xae\xa4\xcb\xb7\xaf\xc9\x99\x93\xbc\xc0\xbb\xd8\xc3\xba\xa1y`\xaexqLRM\x81qi\x83\x89\x93\xa4\x90\x85flgAGB\xa2\xa1\x9c352ye]maZ\xec\xe2\xdd\xcb\xd1\xce\x92\x96\x94\xb1\xb9\xb3U\x11\xf9\xcc\x00\x00 \x00IDATx\xda\xb4\x98OL\x1bg\x1a\xc63\xe3\xc3\xd8\x07\x1fF\x9a[\xe5p\xe12\x96\x0cB\xa3Z\xf6\x88\xbf1\xc2\xbb\x8eb\x97\x00!\x91I\xd2\xb8\xa4,\x96%\x14\x91\x14\x1b\x12\x8avs\xa0YOCX\x19D\x9a8J\xa3\xac\x0f\xa8#\x0c\x14X-\xb29\xb4\xf9\xcf&amp;\x8b\x1am\xd85\x12\x1c\xd0\n5"\x11\x87\x10Z%\xd9\xe7\xfd\xc6\x89z\xdc\xc3\xf8\x8b=\xb1\x8c\xad\xf9\xf9y\xdf\xf7y\xdf\xef\xdb\xb7\xef\xff\\VA\xb0X,V\xcb\xfb\xe5p\x18O\\U\x87\x9aJ\xe7\xf3\x8bxh\xaa\xa6\xba\x1c\x0e\x17.\x82\xb0o\x9f \xd0\xb5\x84\x8b\x98\x1c\xbfar\xb1+\xde\xd1\xf2\x1boV\xdf-\xafmm\xednm\xed\xac&lt;N\xe1o.\x87E\xd5\x1c\xf8!\xf4\xad\x92r\x19w\xf8\xa0\x13\xdd\xd9\xa1\xa6\xf3o^\xaf\xedn\xe5t]\x96%\xd1n\xb7\x8brvg\xf9\xedjZS\r-\x05\xfa\x8a\xc1e-\x05\x95\xb5\x88C`.\x97`q\xa9imuem\xab\xa0\xcb\x92,\xd3S\x02\x94$\x8a\xba.\xda\x81\xb6\xad1=\x7f#W\xa9\xb0\\X #\x95T\x8b+\xbf=\x9d\x93%\xc2\x01\x90(\x8a\x06\x95]R\x14E\xb2s\xbc\xbe\xb2\xa1\xe1+\xf4q\x92\x0c\x19f)\t\x17\xc4bX\x04\xe6\xd0R\xab\xcb[\x8a\xac\xe8\x8a\x82\xe0\x89\x92.S\x04%\xc9\xce\xd3\x7fv\x9e\xe78io\xfa\x8d\xa6\xaa.\x94\x00\x05^\xb0\n\xd6\xd2\xa4&lt;\xc3r\xa9\xb8\x8fc\xf1m!\xa7Kr6\xab\x13\x14\xc9\x05\x14\\\x0c2@q\x1c\x00\xb76\xd3\xc0\xa2oQ\t\x97&amp;\xe5\xadT}H\x17u1\x9f\xce\xaf\xec\xec\xe9Ho(\x850"h\xbc\x8d\x03\x11^*\x12O\x8b\xa3\'\xc7\xc9\xcbyV\xac\x8e\xd2\xd5\xa3@r\x91\x1f\xac\xe7\x1f\xaf\xec\xe6\x14\xa6\x07\x04\x02\x1bg\xb3\x91Vx\xa5(\x14L\x101,\xb0\xae\xad\xd3OaX\x08\xa3\xf9Z\tE\xdf\xb2j\xab\x9b\x80"}8\x88\xc2I\x12o\xb3qP\xcd\x0eu$\x05\x921,\x1b\xde\xc4\x1fxqke]\xc5\xf7\xf0\x83\x84\x12$\x97\x95\xb9;\xd5\xd5\xe2k\xe4\xba\x1dJpts\x1e\xaflv\xa4\x99D \xb2\xf4\x9e\x88\xd4\xb2\xe1\x81W{\xef4V*\xf4\xc3\xac%qy\xea3\xab\xbb\x8a\xcc\xd3\xad\x19\x164\xb2\xf1\xbal\xb7\xe3\x1d\x1b\xe5&lt;\xbd\xcfs\x80\xb5S=\xd2\xc7\x88Ku\x15\xe3h-\x81\x9db\xa5\xf2k\xba\xccs\xef\xb1Xb\x93e\xe1\xa5\xc4l\x1eu\xc8S\xd2AG\x82\'\xb9\xc4\xbdm\x95\xf9\x9d\xc5\xfc\xcc\x17H\xa9TzcZg\xb6d\xe3X\xb5\x89d\xa4\xb4$YGA"\xffE\xe6\x0e\x1c}\x82+re_\xed\xac\xc2X\x1cF\x9f\x17\xcc\xc6R\xb5T\xfemN\xfa`K\xa2\xcf\xe7\xf3\xc7\xfd\xd5\xd5\xd5x\xe1S|\xb0V\x19i\x07\xdab\x84m\x06\x96\xb4\xbc\xb9\xad\x16\xfbz\t\xb8\xa0\xd6\xc6+\xc5\xf0p^\x94\xaa\xe3\xad\xa1\xc3\x87\x0f\x0f\x87\x0e\xd5\xb6\xb6V\xc6\xc1\x06\xd5(\x8cF\xbe\x1bZ\x11\x96]^^O9\x84\xf7\\fbYY\xca\xa7^g\x11/\x91\\T\x01S\xdd\x8d\x8bs\xe7\xfb\xf0\xaf\xb1\xb3\xe6p\xa8\xa2\xc2\xe9\xaf&amp;4\xe6\xf8d\x1e\x06\x16\xb8r\xab\x9aF\x13\x18\xf5G\xd3\x060V&gt;V\x8b@U\x88\xde\x87\x9e\x13W\xfc\xa1\x96\xdf\x9d\xbf99\x82\xb5\xb4\xb4\xf4\xf2\xee\xc5\xbe\xc6\xeb\xd7\x07O\xb5|TUv\xe0\x80\xdfg$?\xe3\xa2\n\x10\xa7\x175\xf4G\x87\xa1\x97\xb9\xa9e\xb5hou\x9df\x06\xc5\xdfZ[w\xbd\tP\xee\x11\xb7;\x91\x00\xd8\xd2\xd1\xa3w\'\'\'\xe7\xfa/\r^}6TV\xe1\xf7Q\xb0\x99C\xf0(\xca\xbdUP\x95\x00\x8b\x9c\xd4\xf5xO\xcfan\x11}\xces\x83sG_B)7Q\x05\x83Aopii$\x93\x99\x9c&lt;\xd6\xde\x7f\xe9\xbbS\x03\xcf\xf6\x97\xf9}\xf6\xa2\xa9"\x9e\xf6Wi\xccBl\xf8\xb0\x98h\xf6T\xd9\xda\xc6\x9a\xa4cpP\x94\xd0\xd5\xc6\xc9L&amp;\xec6V0\x98\x80`\xc1%\n\xe8\xd4x\xfb\x19p]=50T\xee\xa9\x16Y\x1f\xe2\xa80\xa5\xe9T\xd1\xb9hb5\r\x0c\xb9\xba\xf1\x1a=&amp;\x97\xcb\x15\x0e\r\xceMN\x85A\xd5\xdc\xdcLO\x92+\xe1N\x10V\x86\xb0\xfa\xaf0\xae*\x96c\xc4Di\xaf\xbcS\xb5\x0f;\x01\xc14*\x8beu\rcU6\x17\xbap\xa3=\x93q3(\xef\x98\xb79\xe8\xf5\x02+\x88`&amp;\xdc#\xe1\xa9\xf63g\x80\x858\x0e\xed/c\\\xe4`\x04\xf6*\x952\x06BS\xb1\x1c\xea\xdb=Ly\xd9\xc2\xccOM\xe3aF\x15\x1c\x8b\x8c\x8d\x8dy#\x11BKP(\xdd\xe1\xcc\xf8\xb1c\x14\xc6\xefN=\x1b*\xaf\xf0\x80\x8b7Z\x15\x9f{\xac\x16\x07U\xf3\x06\x1c\xec(\xf2\xcb\x12oW\xb2\xc37N\x8fC+0\x8d\x05"\xbd\x13\xd1Hd&gt;\x19\r\x04\x02^\n\xa4;\x11\x9ebXW\x08\x0b^A\\"\xe2\x08.\xfb\n\x95\xa2\xc5\xd4J\xa4\xc9a\x07\xedF/\xd44MN\x91V\xde@ \x12\x8du\xd5\xdf\x8b}\x12\x8bEgg)\x94\xd0+\x03\xacv\xca.J\xae\xb2\np\xc1a96I\xecn\xb8\x8c\xeec\xe6\xb4\xa5\xbe\xd3yY\xd6\x0b\x9d\x97\xc7\xa7(\x82\x88]4\x19k8{\xb6\xbe+\x16K\xce\xcf\x07\x02A\xa4&gt;\\b|\x1c\\\x84\xf5\x8c\xb0\x9c\x1etLc\xc0\x917]\x16s\xd5\x12\xf6\t\xa9\x15\x89W\x14\xbd\xb6\xf12\x8ba\xf3X$\x1a\x8d5\xd4?\x05U2\x19\x05\x96\x17+\x91\x181\xe4\xbab\xe4|\xc5\x81\x03N?\x0c\xcc(\xc6\xe5b\xc6\x9b\xe7Z\x82\xf6x\x87\xe7\x159{\xa8q|*\xccjp\xa2\xa7\xad\xa1\xe1\xe9\xd3\xfa\x86\x86X2\xda\x1b\xf1\x06\xbd\x81\xa0w)\x9c\x99\x1a\x87I\xb0\xdc\xda_N\\\x1eO\xb5dd\xfdN\xdeeq\xc1\xb5L\xec&lt;\xe9m\x1d\xbdM\x8e\xb7\xf4#\x86\t\xc2\xea\xe9\x89u5\xd4\xd7\xd7\x83\xaa7\x82\x10\xc2\xea\x91_(\xc5\xf1v\xa6\xd6\xb3\xa1\xa1\xf2\xb2\xb2\n\xa7\xc7\xc3\xe4\xc2\xda\xdbp\x08&amp;\xaa\xc5f\x87M`\x89r\xbc\xae\xff\x98\x11\xc3\xde\x9e\xb6XW\xd7\xa7mmL\xab1\xa4{\x10\xf5\x18t\xc3P\xe1\xa8W\xae\x92ZU\xe0\xa2\xec\xf2\xb1M\x07\xa7o\xa7\x04\xc1a\x1a\x16u\x8c\xf4\xa6\xcc\xf3\x92\xecl\xb9\xd4\x8e\xae\x83\xcc\x8a \x88\xb1X[O\xb4g"\x12\xe8\r4\xc3\xe6\x03\x91\x80\x17\x0e\xc1\xd4B\xc6\x13Vyy\x05a\x89l\xe7!\xad\xa4\xd9\xe6\xccj\x9a\x97j\xa9i\x8a\xa1R\xd9r\xbc=\x03\xaa\xb1\xb1^`\xb5\xf5\xb4\xf5\xe01\x11\xa1\xd4Jxg\xe7#(G\xe2B\x10\x91\xf1H\xae\xf2\xf2\xb2\x0fj\xd9\xb0iT\x91Z\x0e\xc1\x14o\xa0qY\xddX\x03\x96\xe2\xaf\xfc\xf2j;\x89\xe5\x1d\x8b\x10\xd0\xe7]]]Plb\x82\xfc\xd4\xdb;\xdf\x8bk\x10F\x7f\xa6\x9f\xb0\xb0\xaa\xc8R\x19\x16M^\xbb\xab)\x9a\xe8\xcd\x18!\x0c,m\x03\x85\x88=skK\xdd\x19`y)\x88\xc8\xae\xcf\xffX_\xffqC\xacm"\x82t\x0fD\xa3Q\xe4\xbew\t\xe9\xd5?H._\x05\xb0r\xa8E\xa3\x179Wn;E\xe7\x11\x82I\xf6`q\xb9\xd6\xb7x\x8c\xa5Jh\xa6\xee\xcc\x08\xb0\xd0\x0e{\'\xda&gt;m\xf8}w\xf7\x1f\xba\x9fv\xb5Q-\xce\xc2\xc8\xa8(\x97F&amp;\x8f\xf5\x0f^\x1d\xf8r\x7f\xd5~8\xbd\x93\x06\x1c\xdau\xb0\xfeC\xc7\x18\xa6\x15\xa2+\xbd\xbdeG!\xfa+\x87\xeb\xe6F\x0c\xb5z\xc9\xe3\xbf\xbd\xfd\xe2vw\xf7\xc7]\xd1\xdeY\xf4\xa2\xe4\'hC\x84u\xb9\xf1\xd2\x89S\x03\xe7(\x8a\xd4\x17E{q#\xfb\x8a\x0e0\x05\xb3\xb0\xd0\xa7\xdf\xe5\xc8\x1f\xfc\xd9P\xcb\x1c&amp;-4\xc4\xc0l\xf2\xdeW\xa0z\xf1\xe2\xf6\xed\xee\xfaO\x92\xf3\xb3\xf3\xd1\xe4\x91{\xc9Y\xef\xd2\xdd\x9bM\xe7\xaf\x1f\xbfP\xd7\x02\xaerj\x8bR\xf1T\xc2n&amp;\x16\xf6\x16\xda\xe2\xeb\x1cv\xf2\x92?\x1e\xaa\x03V\xc2\xeb}\xf9\xf2\xe4\xad\xbf\xdf\xf9\xf9\xf9\xcf?\xff\xf7\xf9\xf3o\xcf\xde\x8b!\xb1\x92\xc0\x9a\x7f\xf4\x97\xa3\x17\xfbnt\xd6&lt;\ta\x97\xe6t\x96Uz\x9c\x9eb%\xda\xf8\xb5\r\x0c\x11\xa6\xa9e!\xb5\xe8\xfc*\x1e\xaf\xad\xb9\x1c\x9er\x07\xe7\x8e\x9f\xf8\xe1\x97_~\xfd\xf5\xe1\xc3\xef\x1f&gt;\xf8\xf7?Ov\x1cI\xd2\x8a\xdd:x\xb3\xe9xKk\x9c\x9d\'\xd91k\xf9\xe0\xf2\xcejc\xe8\xe2\xec;\xeb4\xdb\x984&lt;8T5\xbd\xa9\x8b\xa2,\xc7+kO\xdc\rOe.}\xd4Z(\x14\xb2Yz&lt;\xb9\xd0y\xe3\xe2\xc1\x0e\x86\xd5\xf1\xd9\x17\x9du\xb5q\xc58tf;Y\xb1\xda\xe3\xf4\xb3\x13\x00p\xed\xaej&amp;\x8d\xa6\xf0\x07\x97K[\x9c\x96\xe9\xb06^\xf9\xd1u\x8c.\x83\xadY\x8c\xf4\xc3\x85\\6\x9e\x1d~2\xd3\xd9\xd9\xf7\xa7k\xb70\xdc|\x06\xb1f \x15\x9dr\xe1\xc3\n\x9dH\xf0\xa2\xdf\xe3aM\x91\x9a\xf5\xbaf\x96?\xec\x13\xb0\xc3\xcb/\xcb\xb8S\xbc\xb2px\xd2\x9d\xb9T\x1bz2\xf3\xb7\x87X\x17jZf:/|\xf3\xd3\x83\xd1k\x1d\x1d\xd1\xd9[\xd7F\x7f8\xd4\xeaW\xaa=\x07jgj\x0e\x0f\x0f\x17\xe2\xc8v\x9f\xb3(\x17\xc7m\xbdI\xa9\xaa9X\xd8\x9c\xbb4L\xcc\x92\xcf\x9f\xadl=\xf52&lt;&gt;\x10\xaa\xf9\xe9?\xff\xfa\xf3\x8f\xffXX\x18=}\xf3\xc1\xf9\xbe\xfb\xa3\x0b_\xdfi\xb8u\xf2\xaf\x07\xef\x7fS\xdbZ\xd9Zun\xb0\xe9\xf4\xe9\x07}\xdf\xd4\x1c\n\xc5}&gt;\x8f\xd3\xc9\x92\x0b\x03\xea\xbaYA\xa4\x8c\x17H-Q\xf2\xe7\n\xe5\x8d\xeep{\xcb\x85\xfb\x0b\x0b?\xde\xb9s\xe4\xeb#\x1d\xb7\xae\x1d|t\xf4\xe8\xe8\xb5\xaf\xbb\xbf\xea8\xf9\xe8\x8b\xa6\x13_\xee\x1f\x1a8~s\x01\xef\x8f\x9e&gt;\xdfY7\\\xeb\xac\xf6;\x9d&gt;C\xad\xbd7\x9a\xcb\xa4N\xcd\xce\xdb\xd2\xd3\x14\xc4\xca\xcas\x93\xe1\xcc\x95s}\xa3\'\xaf\x1d9\xfb\xed\xffh5\xdb\x9f\xb4\xf2,\x8e\xb7\xe3\x0bw^\xf8\xc2\xa4I_\x10\xe1\xcdM\x1aM\xbc\x844\x18lA\xf4\x82 \x9a\nE\x10A\xe5A\xf0b\x110\x04\x1f\x90G\xa1\x86\xb4h\x07)\xa9\xc6g\xda\x1a\xcdH\x8c\xb6\xa5`c\xad\xc6\x8eE\xbb\xb4\x1dM\x9b\x9a6]g\xa7m\xd2\xed\xa6\x8d\xbb\x9b\xe9\xcct:\xc9\x9e\x8b\xbb\xf3\x17\xdc\xf9\xbd\xbc\xaf&gt;9\xe7\xdcs\xbe\xdf\xf3\xfbu\x96\xd77I&amp;f55\x99\xc4`\xc5\xb9s\xf5\x9ah\xff$\xb7\xaf\x8f\xdb\xb3\xb3Z\x0fX\xdd\xfdn\x03\xc7G\x11\x17\x01\x16;\xab\xb8\xbe\xfe\xf9\xf7K$\n\x88\x9c\x9c5\xc0\x02\xfd \xae\x02\'\xb80yy\x16:\xfc\xb9k\x9dM@\x94\x89\x9e\xaf\xd1$\x16\x03\xb1s\xe5\x9a\xb4[GE\xa8\xcd\xdb\x97\xbb\xbb\x1b\xfa\x05\x82\x1e\xbe\xba\xceG\x91A\xe7\xfa\x1f\x16\x94|\xf6\xe2\x8c\x140h\xf2\xc5S7\x89\x9d\xbb\x83\xe2nl\x1c\t\xb5j\xf4\x12IE\xfd\xc4\xf2v\xab\xc0\xcd\xb7\xc5\x1b\xa2\x13\x92\xa0ET\x91\x88{\xf7\x10\x94\xea\xedy\xb8\xf3\xfe\xa9\x87[\xc5\xe1V\xd5Q\xcadE\x80%\xcc\xcb\xd6\xd6\xab\xbb`\xca\xc8\xc0\x02\xab\x99SP@\x98\xc4c\x85B\xc7\x05h\xf1\xf1x\x8d\xde$\x91d\x1a^\xbc4x\xcep\xbd\x0b\x11\xdb\xd5\t-\x1e0\x9a\xab\x95c\xe0*h\xea\x87O=eB\x1e\x8f\xed\xa0\xcb(eb\x19ZD\xfc\x8aY\x97\xf1\xf3\x1a\xb1\xab$I\xd7\x14\x17\x14L}\x82h\t\x1d\x94pc\xe3\\wMjP?\xd7:-\xa5\xdf\xe0\xe5\x0b\xc5}\xbaHxB+\xc7\xe5\xa6R\xa5\x8e\x8abb\x83\xee\xf6\xa7\x7f\xfcz4\xaf\xf0\x06\x8f\'D\x90\xec\x0cb\x1dv\x88\x7f\x13\x97\x07GHY7\xc3D\xbcT&lt;\xf5\xa9\xb0\xb0\xf0\xa4\xe3\x02`\ref\xf5\xa9!\x9bKz\xfb\xe4\xab\x93\xf9\x8e\xdf&lt;{\x91\xee&amp;\x90\\\xa3-\xbd\n\x1d\x03c!\xb4\x0b?\xed\xfez\xe3\xa8\xe3\xde\xf7t6\xbb\x08\x91!\x84\x9e?\xc4zu\x854\xcd\x9c\x0b"\xb0x\r\x08\n\x1d\x0e\xe9HcIo&amp;\x95\xd2\xa4\x17t\xefw\xe9\xec&lt;6\xfaR\x10\x8a\xa7\x8c\x83\xa3\xa3\xf6\xea\x12\xdb\x1e\x03ea\x18\xf7\xe5\x8b\x0bl\x9e\xb0\xec\xb6\x94\xcef\xd1 ^t\x98\xd6\xd9\x8d\xd2\xcd+\xc5\xa7H\xc3*\xbet\xe5\xc9\xa7\x93\xf9\xd0\xe5\xa5a\x105\tS*1\x94\xec\xdf~a\x90\x8a)\xdc\x1ew2*\x01\xbde\xb7\x976:\xf7\x10\x1a\x0bcpz\x1e~\xf6p\xa4R)\x05e\xa14\x9a\xf8\x0f\xac\xbc\xdd\xbb\xa7\x8aI\xda\xba\xe5\x12\xeb\xf8\x1f\x1e\xfd\x1f\xab\xb7\xb4\xc5\x94\xe8\xad]\x8f\x9e\x7f\xfc\xfc\xfdC\x01\xdfi\x0b\xd7|\xb3H\xa8\xf9\xde\x91\x088C\x0c\xa3q\'\x05\xfd=\x93^5\xc7\xe5\xa3P\xc0\xfd\x10E\xcf&gt;z\x18\xad\x02\xb26\xba\x7f\x81\x99xi\xed\xe6Ib&amp;\xd6)K\xce\xb6\xd8\x13\xb5\xd5\xa9\xc1\xc1\xeb\xd7\xaf/G\xd3\xe1d\xb8{9\xd5\xd1a\xaf%\xb0\xa8\xe0WQ\x9ak\xb2\xb5\xbb;-\xe0\x03\x19\xf7\x0cE\x0c\xa6\x0c+bg\x93\xf8\x08\x8c"Y\xc3\'{/\xbdK\xecr\x1du#%\xa5\xc3\xc3\xd5\x10\xb0EI}\xc5V\xea`\xfd \x1a\xd5\xa4F\x01\xab\xba\xa5vd\x81A\x83\xc3\xd8\xf3&amp;\xd3\xdd\xd1\xe8A&lt;\x19\xe2t\xf9\x08\xac\xa2C\xac\xc2G\xbf\x17\x935\x13\xa1C\x80:\xbdy\x03\xc4\n\xbdj\xa9\x11\xccXi\xd6^H$\xe6&amp;\xd0\xca\xa9A3a\x17\xed\xd5\xa3\xd5sD\xb4h\x08co!\x02\xa9U*\x156\xfe\x98\xab\x0b\xc2\x05\xbf\xa2\xf0\xab\xafA\xe3\xdc\xb8\xf0\x96,O\x9d\xbdI\x9c\xda\xbd\xc7\xe3\x1d\xbb\x07X\xbd\xa5`0\xec`\x12+\x98\xccg\x15f\xad1\x10\x08\xe2xG\x0b|Zw\xee\x11\xd1\xa2\xba\x16BN\xa7"\x9e\x8e+m!5\xd4\x97\x0c\x92(\xcc;\x9a\xc7c\x17\xa1\xb7\xd7H[\x05\x82&gt;\xfd[\x8f\x0f\x15\x1es\x00Viv[#\xc7\xb5L&amp;xD\xa6\xa8M$\x02.0\x8d\xb8\xbc\x16\xfa\x16\x91\xc4\xae\xb1\x90\xd3f\xb3\x8d\x10\xf6:4\x06X\x18\xf4\xd3\xbc\xaf\x84\xf0W\xb2\x90\xb7\x05\xa4q\xe5\xde\x1d\xac\x1dZ\xa0\x15:\xd4K`\xc6 \x89\x1d\xda\x00S$\x02(\x7f[\x9b\x88i\x01\xac\x0e&lt;(\xaf\x1d\x89\xb8\x08,\x9fn\xc1\x99T8mJ\xb0\xd7\xa11\x17\x15r\x08\x8a+\x1f\x01\x8b-\xc4~!\x0f\xeb\xc8\xbe"2\x94\t9\xb2Xg\x87\xc1\xe8\xe3\x01&amp;@1\xdb\xda\xfc"Q\x8c\xc0\x92\xe3\xf8h\xed\x9c\x93\x18\x8aH\xdf\x9e.\xa4\x80\xa3\x0c+\x15\xa11]\x1f\x02\xd3\xa7\xe8\x18\x9b\xc1\xa0\xa0B\xf4-\x99X\x11]X\x9f\xa9;\x8c\xd6\xf0p\x87&lt;h\xb1\x04D"\xbf\xbf\xcd*\xda\xb0\xc6\x82r\xc0\n\xca[\xd6\x95\x0b}4\x8c\x06X\x10\xae\xb0B\tU\x1fZp\xf9\x18\xc4\xb0\xce\x17"4\n\xca\x16\x7f$\xf1)\xd0\xfeHd\xa8|1\xe9\xc8\xfe\x89P\xf0x\xc0\xc2dZ\xadm~\xbf\xbf\xdd\xdan\xc1\xe1\xc3\xe9\xd3\x81\xc1Z\xa5\xd7\x87\xa0(\xd2\xa5\xd3\x85\x92J%\x80\x01\x96n\x8f\x8a\x16\xd1\x8b\xf2\x1d\x00\x8c\xb1\xcf&lt;!\xf1\xde\xeeK\xd4\xb9\xae\xba\x16\xa5p\x97\x96JZ\x86G; XV\xab\xc8jm\xf7\xabT\x1b\x10,\xdcX\xe1?Qn\xce\xfcX\xd5\x05E\x8fRuc!\x88\x15\xd1#\x88\xfd\x1b\x15\xa5\xd3\x8bxt\x04\xc3X\xec;k$\xee\xbfO=\x18\xa9\xb6\x9e\x9e\xe5\xd4\xc5\x1bK\x86\x87GqKl\xc3\xdane\x8aT\x95\xaa\x98\xc5\x82\xe3Z\xad\xd1Rn\x1el\xa8\xea\xea\x82i\x83\xa2 v\x9c\x8ap\x1cj\xcb\xb9\xa0\xf31h\x04\x16\x9b\x86\xa0,\xf6\xe7S$F+w\xbf\xba:\x184\xf2\xbb\x14\x8d\x8d\xa5\x90\xc3X\xac]\xa5\xaa\xac&lt;^\xe9\x17\x05-\x01c\xc0\xaco\xaa0\xa7\xa2=\x1c.\xb1x@0\x9a\xcb\xebL*\xc3\xe1p\xd2\xd6\xac\xf3!\x04\x96\x90\xcd\x12\x97\xa1\xc2]2\xef^s\xbf\xc8\xcf\xe2\x16\xc9\\Uhn\xee\xac\xbd#\x18\x08\xb4WV\x9e8q\xdc\x1a\xc3\xf1r\xa3Q\x9b\xa6\x96\t\xce\xb7\n\xd4\x14!O\xcc\xedb\xb0\xb0\xbe\xb1\x90\r\xb0\x94\x80\xc59\xc4\x82\xb1\x88!\xa8\xf0-\xa9w\xc2\xc5m%\xb8\xc5n\x12x\x97\x96z!Z\xb8\xa9]u\xbc\xf2\xb8?[\xecFsF\x87\x8d5l\xf3\xd5&gt;1+\x9f\xd7\xe7B@\xdc\xe8"6h\x10a\x9bm\xf2\x10\x8bNC\xd9\xe0je?\x90\x1a\xad\xdco\x87\x83\x01\xb9E\xe3N\xcf\xf5\xda\xa1G\xc9\xad\xed\xaaJ\xbfEn\x9737\xfc\xcf\xa2\x91\xc8yMTP\xd5\x05s\x06\xa5",\x16\x14W6ZI\x9b-\x04Xh\x16\x8b\x97\xcf\xc6\xee\xdc%\xf5^\x1f\xb2h\xb1\x98E\xda\xab\xf1\xa5\x83\x169\xf4\x87\x18\xfc\x85L\xb9\xdd\xceT\xa9Nw\x9a\x1bZ/oo\'\'\xab\xb8b\xe2z\x00\x83\xb1H$Q\tX\x93^\x0e\x05\x01*:\x03\xfa&lt;\x1b\xdb=E.Vq\x9b%\xd0\xc1\xb4\x1c\x00Vb\x91\xe8\xa61+\xd3ho)\xf7\x9f\xf6_\xdc\x9a\xd8\xd9\x01\xac\xab\xfd=\x86:\xba\x03\xa31\xfa\\:\xf0CD\x0e\xf9!5\xf7\x10\xab\x8c\r\xd1\x82fJ\xee\xa3\x91\x82}\x98.\x15\xd6\xcc\xd5\xf4A\xc2$\x01\xd9\x10`\x1aM-\xc6\xb6\xb6\xce\xce\xfa\xd5\xe5\x9d\x9d\xe5\xe7\xef/\xefl\x7f6\xdc\x12\x8b\xc1\xed\xeb\xc6\xbc\x11[8\x1e\xb7\xf1\x9b\xc1*\x82\x98\xa7\xcb\xca \x8a\xe8\xad5\xb2\xdf\xb2|\x19\xc4\xed\xf2\xf6Y\x02+\xb5(\t\x1a\x8dFS\xa9Dt\xf1\xe2\x83\x81\xd5\x99\xc733\xf3\x9b\xcfw\x1e\xbfx\xf9\x9d\xe1\x96T\xca\x05\xaaCi\x93\xe47s@p\xc9\x88$2\x10\x06\xfa\x9f\x9c#$c]\xd9\xea\x90\xcb\x99\x92t\xfa \x93X\x94h\xb5Z}\xad\x89\x80Z\xd9\x9c\x9f_]\xdd\xdc\x9c\xff\xe9\x05\x88\xfb\xa7\xe3\x86;\x1c\x8fG\xdd\xccw\xbbC\x8a\xb4\x92\xef%d3\x81\x05\x0e\x08e\xfdB\xf6\xdb\xd8\xdc\xe2k\xd5Z\x8b\xc5\xd8\x00X\xb3Y\xacD\xa2\xe2\xc1\x83\x81\x81\x81y\x02k\xe5\xc1\xca\xcc\xe3\xe5\xf9\xe7\xad=\xe3\x7f5x8\x9ef\xb7\xbb\x87\x1fQ\x86\xf9\xea:\n\xf8}\xc0\xc2\xa0\xc9\x97=!\xfd\xbd[\xce\xbe\xc9\x18\xb3\x04\xa2\x04\x96~qQbj\xd1~\x03P\x03\x9b\xf3\x9b+[[\xe6-Sf\xb9fb"*\xe0O\x8f\x1b&lt;\x1e\xc3\xf8\xb4{\xda\x1b\xc9b\x9d\xc9b\x81\x06\xa4\xfd6E:V\xeeT\x13\xfc\x80\x1b\x1a\xc0\xd2\xe8\xf5\x12\x89iT\xbbB`\r\xac|\xa80\x9a\xb7&gt;\xbc\xb9\xff/8C\n\x9b\x9b?m\x00\xb0\xe6\xe9q\xb5\x8e\xc0*\x93\x12X4\xd0\x80\x08\x99\x12\xf0\x0f\xae\x7f\x9a\x821U}\xba\xbbFs]\xdf\xa4]\x944AI\xad\xae\xd6?3\xbe\xd9\xfa@\x9c7\xf7\xd7\xdf\xbdK\xbe~\xfd\xda=\xdd\xec\xf1\x8c\x8f\x1b\xd4.\xbe\xbb\xaa\x8b\xc0\x92\x89=&gt;\x1f\xf5\xce\xdf\xff\x84\xd7\x94\xb9\xfb\xf6`\xbb\xaas\xb9;\xaa\x99\xd07\x19\xb5\xda\xa6\xeb3\xcb\x9a\xa6\xf2\xad\xfb\xf7\xdfd\xcf\xfdw\xef\xde]\x15\xfc\xf8\xda\xebmnV{\xc6\xbf\x1b7p\xbdI\x1d\xa5\xec\x8cX&amp;\xfb\xfe\xe3g\xae\xe1c\xce\x91?\xe1|\xc1c\xaa\x8d/\xff\xe5\xe5\xfcc\xd2\xbe\xd38\xde\xd4\x1f\x18\xa5\xda\x1fS\xd6R\xbd^\xcf\xd6\xe6\xda-\xd1\x94hJ\xf9U\xf1[\x08\x12\x89,\x84\x18@\x16%\xc8\x19\x8dG\x10.\xf1\x07\x15\xb0\xca\xba\xd2\x0c\xd7\xc4\x88\xd4"h8\x97\xcc\xcc^\x13\xc4\xb2]-:\x7fT\xabE1\xd5U\xcf\xba\xc2\x9du[\x1aui\xda\xae\xb9\xe7\xf3\xd5].w\x7f\xdc\xdd\xae\xf0\x80&amp;\xfec^y?\xcf\xe7\xfd|\x9e\xcf\xf7\x03a\xc0r\n\x04J\xb9@$q\x96\xf6:;\xef=\xbf\x07?\x80\x04J=y\xb2\xb6&amp;\x95q&gt;\xe4p8v\x9d\xdf\xc6\xe8\xc0\xea\x00\x0b\xd4\x1a\\\xfd\xea\xe9jD\xae\xa8\x13\xae\xaa\xaa\xb8+\xe9^k\x1b\xaf_\xde/\xbf\xac\x94\x949\x9d\xa5\xd7\x1a;\xd6&gt;\xfb\xfa\xda\xf4\xec\xc8F\xd8jZ\x1f\xef\xe2p\x18\x8c\xda\xda:\x9a\x1d\xc3\xd8\x9c\xc6\x9f\xb1^]\x8f\xd8\xbdy\xc2\x8d\x95\xd7\x84\x84\xd7\x9e\xb6\xd22\xb9@~Y.\x90H$\xbd\xbf\xcf|\xbf|a\xe3\x99\xd7\xbbrgeyyyc{s\x93F\xbbt!Oo790\x99TW\xbb\x93\xc4\x87\x11\xbc4O\x80\x85D87\x02\x06!\xe8\x17(/+E"\x11\xcb\xd9\xb6\xb6\xd4\xe7\xf5&gt;\xf0\xae\xacx\x97\x97\xbd\xcb/\xde&lt;\x9c\x9c,\xbax\x89-\xd6j\x15\x1d\xf5v2\x9d\xdcZT\xf4\xc1\xd3H^\xe5G\xff\x9b\xb0\xac\xed\x05\xb5P[\x04*\x98a?\xfe\xf3s\xdf\x95\xf0\x95g\xcb\x1b\xe1\xf0Fx\xc1\xff\xaaA\xda\xf1\xc95\xed}\xa3\xd6\xd4\x81\xc9\xe8tp\xf9\xa2\x08\xf8\xe8\xbf5G\x0f\xaf\xac_ \x90+\x95"V\x15\x1a\xad?\x06\xc7\x82\xba\xbf\xd77;\xbb\xb0\xf4d\r-\xc5\x8f\xd8\n\x10\xabK\x861\xe8\xe0\xa6EE\x11\xf0\xd1\x7f\x8d\xab\xe1\xfb\xc8NA.\x11\x93;&lt;\\E\x99\x1f\xc3\xed\x01\xe29,\xc8\xcf\xd6&gt;il\xec\x80\xcar\xe8\xa4v\xbb\x1e\xc7\xa2\xbfx/\xe2X\x04/\xefOeN\x81Si`\xb1`\xb0\xae\xe2r\x99\xdf\xcd\xe3n\x8a\xc0\xfe\x8a,\xa2\x83\xc36\x990\xb6LJ#\x93\x01\x8b&gt;\xf3(fO\xc4\xb1n\xb8\xee\x979\xa1+\x1a\x0cL\n\x17\x86\xeaj.\x057\xf9o\x91{\x81s\x81q\xc9\xea1\xac^\xca\x91\xd5\x92\xc9\xaddz\xd1\x8c7\xe2b\x01W\xd8\xd8[\x06\xe5\xa5d\xe1\'6\xd5\\.\x85\xc9\x1a\xfb\xf6\x1eN\xb5\xb6f\x97\xca\x1a\xa5l]\xbd]\xc6`\xe8\x01\x0br\x18\r,\x02\xc1k\xc5\x9b\xb5\\\xc44\x9b)\\\x10\xcbb\x19\xf2\xb9&lt;\xb3Z\x87\xe9\t\xbb\x0bv\x10R;\x9bm\x97r\x8a\x8b!\x87d:=*X\xd0\x85\x8c\xbc^\xd8s\tDL\x0b\xe2\x02\xb1\xc6|\xb3\xebK\x13/\xfds/\xfd]6`BT\xe5B&gt;\x1f*+jX\x84\x1b&gt;#\xc8\xd5\xdf/\x11\x89,f&amp;\x8e%\xf1\x8c\x03U\x97\xbf\xab\xab\x0b6\x80:\xe0\x926\x14#*\x84UT\x1c\x15\xac\xeb\x16\xa3\x11\xa8\xfa\x9d&gt;\x8b\xc52OA\xa5%)\xb5.\xcd\xf9m:]\xbd\x0e3\x99\xd05\xe7r\x06\xbf\x95\x8cJ\x8bN\xcf\x8c\x12\x96\xd9i\xec\x05\xac2\xc0\x1a\xb5\x98A.\x16\xccd\xe3\x13s~\x9d\xc9\xe4P(\x1c\x18\xb4it\xf6\rT\xadP\xf2Q\xc2\xba\xaa\x91\x83\xd3\xff\xae\xbf\xdf744d\x99\xd7P(,\xc4e\x1d\x9f\x98\x98\x10\x8b\xdb\xb4_\xc3\xc4h/\xa7\xf1\xc1\x1c\xf8 \x19`=\x88\x06\xd69\x8dR\xe4\xe1\x81s\xa1,\x8e\xb2\xe6\xa1\xec\x99cc\xbe&gt;\x8fg\xd6*\xd6\xb6\xb5\x89\xb5\n\xac\xab\xfc\x16\x1fQ\x15\xb7\xd2\xb3\xa3\x84\x95\xde-gJ&lt;`\x11.\xdf\x90ett\x1e\xc5w\xf3W\x86\xfa\xa6g\xc7\xc7\xc5b\xb1V&lt;\xa1\x93\xa2\x07\xfbd&gt;xDFf\xa60\x1aX{\xd2\x7f\x90\x1bX\x9d\x9e2g\'`\r]\x19\x1d\xb5\xcc\xcf[,0\x03\xb9\x16\xc7\x15\x0e\x13\xd4&lt;\x06c,\x94\x15P\xf1\xc9\x19QRk\x0f\xe1\x07y\x15E\xe4\xf18] \x17\xc2\x1a\r\xa3\x89q\xc47\rX\x98N\xda\xe5\xf7\xdb\x1afZ[g\x8a\x85\xbbXQ\xb1\xd3=+J\xd8\xd18=.\x8f\x0b\x06W4\x94\x85!\x90Z\xb3\xeb\x13\xfe\xf2\xc1I\xa0\xba5\xd3:3sK\x08\xab\x11a=\x8a\x8aZ+r\xc3\xcdj\xa6sz\xda\xe5r\x8d\x80L#\x08\x0cM\xb2\x8b\xe3s6t\x9f\xe4\xf6\xe0\x0c\xc4-F1\xa2\xca\xce\xe6/G\x03+\xe1\xb5\xd2ps\xb8\x82\xe5CX\xae\x91\x11\x84\x85\xe0\xfa\x16\xc0Ro#\xac]*\xc8!\x1f\xc7\xfa&gt;*j\xddQ\xc2|]m\x16\xe1G5x@\x02\xfb\xa6\x17\xd67\xfd\xb6\xc1\xc1\xc1\xdb\x83\xb7P\xd0\x18B\xa1\x1eW+\xe3izT\x8c\x8b\xa9\xac\x1a\xae\xac\xd0\x0c\x01\x170mooO/L/,.m\xce\xbd\xba\xfd3\xd5 \x07\xb0v\x93\x98\x1d\x85\xdd)r\x083$\xb1\x9a[a\x06\xae\xed\x1d\xaa\xc5\xc5\xc5\xf5\xa5\xcdW\x93@\x05d\xf0\xbb\x81C\xa3\t\x8bA-\xc4\xb5}.*YT\xa1$VTh,&gt;\x17bZX\xc0\xa16\xd1\xe5\xb7\xdd(o\x809\xb6\x16\xb6\x81\xe4\xec\xa2\x8c\xec\x87\xe7"\xfd\xa9o&lt;z\x90ZM\xaa&amp;\xcb\xd0\x08\x94\xd4\xc2\xe2\xfa\xfa\x12P\xbd\xfc\x07V9:\xe3\xc2\xc5\xe2\xe3\x97b7\x1f=z\x10\xf9\xe1\'\xa1\xd00\\=\\B\xa5V\x98-\xd0s\x00\x0b\xa8`\x0bhCW\xcd&amp;\xd1\xc1\x1b\x07^\x0c\xa1\x1e\xcc4\x03\xa5\x91\xfe\xe5\x17\xdfL\xadFz\xce \xfc\xf12z\xe8\xd3T\xd2d6CS\xbc2\x8d\xaa\x1d\xdf\x99\xdal\x93\r4\x1a\x8d\x03\xc1\xc0+\x8b\x8c\x83}\x90\x7f\xe0\x9d?\xfc\xb8\x1a\xe1D&amp;\x14\xe2X\xd5\x05$\x95J\xa3\xd1\xa84\x96i\x85\xdf&amp;CK\x8f\xaf\x172hx0\xd0\xa6Y\x8f\xaa+##\xf3\xfc\xbe}\xef|3p\'\xa2z%\xc4\x9a\xa1\xe4++\x9b\nHT\xaa\xd9\xac\xe9V\xa9T\x96NE}#MX\xab\xafER\xa1e\xc8\x80?\xf4\xf0\xd6\xeb\x01+\xef\xc0\xbe}_&lt;~s\'\x82z%\xa4\x9e\xb5\xe0X\xe8\x19\x19\t\xc4\xea\xee\xee\xee\xe9Q\xc1\x96UQ\x0f\x93E\xb9\xac\\&amp;\x03.t\x9e$\x14\xd6B\xc0\xde\xe6\xb7\xf9{\xf7~\xfex\xea\xcd_"\xe7\x141\xc9\x0f\x9c\x97\xa1)\x02\x16\t\xca\x1e\xa7*\xec\xe9\x86T:\xad\xa6z\xa8/\x84\xd6\xd0\x00\\(\x80L\x0fX\xe7\xf7\xed\xfd|j`j\xea\xe9W\xe9\x91Q,\x86\x98\xb2\xd1o\xa8\xe2\x0eW\x96\x90H\x05MT*`\xa9zz\n\x81K\xc4S`0\xfc\xd8l\xe5\x00&amp;\x83d\xd2vr\x99\x81\x7f\xcc\xed\xcb\x81\x01\xe0\x1ax\xba\x1a\x81N\x94\x90\x9e\x9c\x9c\xf8L\xa0\xbc\x89\x92H*))\xa16u\xab\xe0\x05z\xa94\x12\xe3\x84N\xa7\xf3\xa3\x15)\x85\xc0\xd1h`\xaa\x19\xd9y\xf9\x07\x0e\xfc-\xb45\x80b\xeb\xa7\xf4\xb7\xfd\xf1\xd7TbJb\x1cqC\xc0\xa2\x00VeA%\xab\xa4\x00\xb8v\xb1\xe6;\x15:\xdd\xdc\xdc\x9c\x0e\x14c\xd7\xb3\xbb\x10\x18\xea\x8c\xa0\xd6\x85\xfc\xfc\xfc\xc7w\x81k\x0b"\xf4\xd3[m\x91\x84\xe4\xe3))\x89\xc4x\xe2r\xaf\x81R\x81J\x9e\x045Om\xa2\xf6\xa0\xf2\xea\x86\x9a\xc7\xb09\x98~\xe6t:\x0c3a:X\x00\xa0\x17\xa3\xae\x96\x9c\x9dw\xfe|^(\x00\\\xa1\xbb(\xbe\xbfNxk\xdfZ\x11\x93x\xe8x"\x91H\x8c#zy\x06\n\xb7\xb2\xa4\x12\xc7\x02\x93\xa0f\xa1\x8a\x1f+\x15c\x13\x8aq\x85b\xc2dR\x88\xc5\n\x13Voo\x94\xe1\xad\x11\xb0.\xce\xb8\x03\xc1P\xe8n0\x18\x0c\x04\xb7\xa6\x1e]O\x7f+7\x04cb\x93O\x1cM\x06\xa8\xb8\xf8\xf8O]\x06\n,D(y\x12)\x8bT\x00\\= \x96\x84\xa7p\x8c[\xad0e8\x14V\xa3\xd1\nc,[\xda\xc8\xe1|XW\x9b\x9dw\xf1\xc2@\x8b;x7\x14\x0c\x04\x02\xee@\xe8\xf1@ \xf7\xd4{1\xff\xdf\xa2L\x88\x89M\xc9\xc9I9v\x0c\xa8\xe2\xe3cc\x89a\x03e\xb8\x1al\x0b\x19\xd7\x0e\x17\xb5[#*5\x1a\xd1\xf3N\x85b\xdc\xea)-\x05.\xf4!\x03tL_\x97\x91w\xa1\xd8\xadn\x0e\x04\xef\x06\xddnw{ \xf4c(\xe8n\xcf=s\x87\x18C\xd8C\xf8\xa5:\x9d:t\xf8\xf0\x91\x13\xc9\xc7\x8e\x03U,D\xbcW4\x0c\xfePPR\x82\x92\x88\x17\x18U\xa5aI\xd0Eb\xabV,\x06\xaa\xceN\x1e\x0c\xb1:\xb6]\ny\xac\xbb\xf4\xfe\xaf\x1e\xa6\xe5\x02V0\xd0\xdc\xdc\xacv\x87\x06\x10]\x8b\xba\xa5]\xfd)\xf1\x97\x18YLjJ\xce\xe13\'\xd3\x92\xdeM\x8e;\x95\x12\xb7\x8bu6\xccEn\nA\x05\xb9 \x10\x97\x99\x89\x9ek\xf0\x8cV\xab\x11\xa8J\x8dZ\x87\x03\xab\x07.icG]\xe6\xa0z?`A\x02\x9b\xdbk\xd4\xee\xad\xadf5P\xd5\xe4\xd6\xb4\x03e\xce\xd5\xff\xe9\x9b\x0f@\xa7\x94CIG\xce\x00\xd6o\x0e\x1e\x85\x15\x98\x88c\xa5\xa6\xc6\xc6=\xb0\xfc\x13V!DO\x0f\xecrv\xb9\xdax\xbd\x9d\xbd&lt;\xab\x18\x8a\x0bl\xcc\xfe\x11\xe2zq\xe2\xa0\xda\rP\xcd\xed\xea4u`+\xd8R\xa3\xae\xa9\x01\xac\x935\xea\x96\xe6\xf6\xdc\xb3\xa9\xffm\x17\'\xa4&amp;\xe6$\x1dI;\xb2?\xe9\xe8\xd9\x9c\xa4\x83\xbf&amp;\xa6\xc6\'\xc6Ce\xa5"\xae\xc4\x8d\n\x94\xc0\x9d7\xc2*\xccBy\xb4\x88$\x80e\x04,\x10K\xec0A\xa0\xb3.\xb6t\xf1\xd0\x89\xb4vw\xa0\xb9\xbd\xa5\xe5\xe4\x91\x96`\xa8\xbd&amp;7\xf7dn\xee\x99\x1a\xf4\xcemiinY\xbd\x1e\xf3\x9f\xbf\xea\x06|3\xe7\xe0\xe13iPS\xfb\x93\x0e\xbd{\xfa\xf4\xe9c\xc4\xd4\xd8\x94\xb8X$\x16\x92\xeb\xd3\xee\x02|\x19\x92v\x92\x98\x95\xd5\x93EU\xa9\xcc"g\xef\xdf\x0b\xb5\x82\xd6\xb6\xb54\x1ax\x96\xfb\x90\x84$t\xb1|u\xb9\x03\xba\xba\xc8\x15H\x03B(x\x91M\xba\xc8\xa2\xc4\xebPB!\x850L\xca\x1b\x8a1!\xfb\xd0gL`\xbai\\\xf0\xa2&lt;hK\x8b\x03Y&gt;x\x10\xde&amp;]\x0c\x0c\x14\xcaP\xc82\xedl\xdebZ\xe8\x1fx\x8b9\xdf\x95\xf3\x98af\x98\xcf\x8eI\xe2D:&gt;\xdf\xf9\xce\xf9\xe4d{{{\x0fd=\xc6e\xff\x0b"\x8c\xde\xf1\xfa\xc7\xa7T\x8e\xa7\xcb)\xfa6\x0e\x06\xd3\xcb\xe5p\x80*K|\x0c\x08\xde`\x02\x9d\r\x7f\xf8?9\xfe\xcd\x93&amp;.\xcb2B\x95T:\x0eTfwz\x9eg`\xd1\xdd}\x7f\xb8\xc2\xd3\xa7\xfb\xe8\xf6\xeb\x96-\x82\xb5\xf7|\x7f\xef1\x10\xdd\x83y\x01\xd7\xf7\x7f\xf8\xdb\';\x11\x93\xe9t6\x8c"\x11N&gt;\\\xe1\xd0\xe6\xe8t\xfchu\xa2\xc1p&lt;\x9c?\xf9\x9f\x84\xdd\xeayu\x88\nL9\x8c1\'\x10"`U\xb7g\xf9]C\x16\xd1U\\o\x00\xcc\xe8\xf5m\xa2\x8b,\x15\x86z\xb2\x83a$To\xb6O\xefa"\xef\xfd\x15\x8f/^&lt;\xbd\xf0RU\x92\x84D \xa5\x98^Mb*\x1dG\x91\xd61\xddLE\x04\xac\xf9\xfd\xb7\xff\x1d\x94\xcf\x99\xc3\x1cS\x0c\xb0\x00\xac\xe6\xbcf\x8aS\x17\xdd\xb6\x89\xbdN\xd7\x9d\x7f\xb9\xbd\xa2\x8b&lt;\xe2\xf8\xf8\xe1\xc1\xc9\x1dx\xc4\x1eP\x81\xb2\xd3\xa3{GG\xf7\x9e\x9e&gt;&gt;=\x02*?\x0b!\xa0\xb1`*\x95\xd1\x87%\xc0\xc4Q,\x04\xeeB\x18\xe2\xb4\xbeal\xf0\xec?\xff\xbb\xf8\xd6\xef\xbc\xaa\x91\xa0\x87n\x01H\x8a5&gt;\xc2\xc0\xe1(\xbf\xd7\xb3\xd2\x96.x\x84e\xbf\x7f\t\xb6F\x06\x18\x8d\xe4\xc1\xe1\xe6\x9d\xfb\xaf\xf6\xf7\xef\xa3\xf6\xdf\x01\xd5\xd3\xa7GP\xff\xf6\xf6\xb5g\xa7J\x0c\'\xe3(\x90\xa9\xd4\x8b\xa5\x86f1J\xa1\x08E\x0c\xfd\x92\x80\xc1\x98\x10:*\x87\xc3\xc9,~\xf2\xef\xc0\xbe\xbde\x15U\x914L\xe0\xa58\xca\xa9\x03\x11\xe0\x85E\xa09\x0c\x99L\xba\xbdN\xea\x11&amp;\xb2.\xcbm.^\x8fF\xe7f\n\xc9\xe8\x1f\x1a\x83x@\x7f\xcd\xdb\xd9\x7fwzt\x8a\x91\xdc{\xf3f\xef\xda\xb7\x13\xe9D\xc3q\x19\xaa$\x15\x8b\x19\r_\xa4\xe9E\x87\x11\xb8\x02ga\x80\x07\x80\x0b\x05~l\xb6\x98\xd5\xff\xba\xf9\xdc\xea\xe5\x19V\x04\xbf\xa8X\x8c\xf9\x88\xc2ZJ\xa9T\rq9$5\x05\xba\xec\xcc\xf8\xa9\x81\xe5\xd7_^\x9f\x9f\x8fp\x1f\x91\xcd\x1f\x1f\x1e\x9el\xdeAmn\xfeq\xff\xc7\xd3S\x10\xf5\xfc\xd5\xabW\xd7\x9e\x97f*\x04\x13\x9ae\xa9\x0c\xa1/8i\x190\x15\x880\xd6:t\xf0i\x18\x82*\x11:\x8e \x1f[,\x86\xcfn\xfd\x96{^U\x15\xbe\xed\xb9\x9e\xedW5\x9e\x1f\x8f\xe1\xa2\x0e\x93\xbcJ\xaa\xac\x81\xbcj\xb7\xe7&amp;\x99u\x03\xcbN\xe7\x9fGg\xe7\xe7\xb8\x8f\xfa[\xbb\x07\x87\x87\x9b\x80E\x7f\x07\xda|\xf0\xe3\xbb\xd3w{\xcf\xef\xef\xec\\\xfb\xae_\xc9\x80\xce\x1b\xca4\x0b l\x1d-&amp;\xb1\x94\x81\x80\xa8tP+\x05\x15CV\x11\x1a"\x83\x18\x1a\x9c\x11\xb0\x15U\x9d4+\x0c*\xcb\xb2\\\xcf\xaf\x94@\xa3K\xf0\xeb(&lt;\xd1\xf0\x06\xc0$pU\xdc\xa4u\xb7ky~\xf1\xf7\xcfggg\xe7gg\xa3\xfe\xee\xf1\xc1\xe1\xfa&amp;j\xfdxkk\xfd\xc1O\xd0\x83\t\xc4w\x00\x00\x06\x03IDAT\xd4\x9b\xfbwv\xbe\xba@/\x99\x19j\x95%\x8aZ\x87\x1a\xcaJ\x0c\x06\xd0\x97\x92\xb2\xa6 \x19\x8c\x07\x82\xc9\x8c;\x80\xb5\x98\x8d\x87\x93\xc5\x8d\xd4\x8b\x1c\r\xb4=Z\\\x88\x8a\xbcm\xe5\xa0\xd4\xa2\xce;\xdd\xcaw\xf3\xa2\xae\\\xcb\xab\xb8Y#\x0c]\xcd{\xc2\x05d\xfdGw\xef\x9e\x9c\x9c\xdc\xbd{\x00\xdb\xe8\xaf?\xf8\xf3O\xfbo^\xed\xec|\xf5-j\xa1R\x0c\xb7,\x93$\x07\x82\x12\x04,*1\xef5tR\x07\x9a\xfc^3^UY\xad\x87p|8\xec\x84\xec\xb3[e\x80\x85\xc2\xf2i\xb5\\\xb8vQq\x1c/\x10Zk\xeef&gt;\x9a[4\xf3\xc6\xf7y\xedv[\xe8~\xc2/Z\\\xa3\xdd\x03S\x1b}h\xad\xbf~g\xe7O\xf7q\xff\x8a\xad\x11\xbcSI\xa0R\x0c\xbd4\x9e0@JG\x8epx\xc6Y\x18\rI\xc8\x8a7\x88\x12\x19#\xbc\'C|g\xed\x9b\x8e\x9d\xfa)0\xa5)\x18\xf3\\\x03\xabCg\xcd\xd3\x8c\x85@\xa5\x1d\x90\xe5Z\xe4\n\x88E\x8f\xf3\x96Q\x0c~%/^\x9e\x13][\xf4\xbf\xb1\x04\nJ\xdb]\xa7? \xa0\x839\xe6"\x01Y2\x93\x92\xb8\n\xa0qr\'\xf2\xcd\x12SNmc\x11u\x13\x12.p\xfa\x8ai\x84\xc1\x84\x02i\xcd/0\x7f\xb9\x9f\x17U\x96eIj[\x04\x8bpyv&amp;\x04,^\x0f\xc71b\x91\xbc\x94V\x08\xcb\xae+\x03\x0b\xc0\xd3\xaa\xfe\xf4rd\xbaxp\x8c\xfe\x9d\x91\xfe\xbf{K\xffmvB\\\xd9i&amp;\x81\n\xc7\xcdT\xa0o\xc2\x8c\xf2L\xc3\x0b\x1d\xad\xb2\x003\x10\x009\xafr?M\xd8`\xb1\\\x8c\t\xf8Zn\xdb\x10\x95\x81%\xb9\x94\x95op\x01\x82/E\x9d4d\xf1\xf1`\xa0\xe7uS\xd0\x0fR\x06\xd5\x99\xf5\x1b.^~\xbd\x8d\xc6\xbd]\x7f\xb4\xdb7&gt;\x06\xf9\xa3\x1e~\xf4H}\x89\x94+T"\xba\x01Dy\x13\xc5\x8cs\t\xe7\x82WA\xec\x84*/\xd2*\x98,\x97\xb3\x01\xd1\xb9f{\xb6\x8d\x8b?\xc0\xaa2\xc0\xe2\x89\xe1\xab\xd3\xcd\x1dIS\x00&amp;\x8b\xa2\x9e\xebA\x19\x03\x19^\x93\x87^\xd6\xe8#M,p%\xcd\xfc\x02\xc9\xf8\xe8\xee\xa3\xe3\xbeYr\xb6\xb6p\xad\xfd\xfa#.E\xbc4\xc9\x0c(\x88A\x9b@\xd6m\x18\xc2&lt;CR\\\xa0\xc7C\x98h(9oH\xda\x99\x98}X\x0ea"\xe3\xf1\x9aK\xe5\x91\x92\xd2\x843&amp;\xab\xd4%Xv\x80\xb9\xa3K\n\x8bh\xc9\x9bz\x8e\x97J\xc8rl\x83\x1eto\xbe\x0f\\h\xe4\xfb/\x1b\x1b\x8fp\xdd\xb8\xd5\xbf}\x8e$\xda\xdd\x1a\xfd\x8a_\xf3\xc0eF\x95\x02\x16\x9c\x81\x02\xa6MeM\xc6\x83\xc8\ra\xf8\xf04\x048/|\xd0%\xcb\xe9\xd5R\xc000\x89-,\xf0\x05^*\x16\xb2\xac\xb0\xc9/e\xe3a,\xe9f\x19f\xfc\x82\xb3\xb9.\xdbfz\x08t\xcf\xa8\xde\'`\xb2\xfcr\xd8^8" qEt\xf63Q\tXI\x02\xbe\x92\x84+\xdaC\x82\x10\x10\x80\x89\xe0\x01\x17}\x81hv\xa0&gt;\xa58\x04^T\xf5`y5e4\x9c\x04\xcbro*W`\xb4\xc0Z\xd5s1\x17\xb9g\xa82\xc0\xc8?\xf3\x02\x9c\xe1\xc5\xceY\x93\x17\xf3y\xdev\x11m\x86}_\xff\xe5\xc0\xbc\x83\xb3\xd5\x7f{\xfc\xf1\x19\t\x0f\x83J\xb0\x08\x18|\xc6\xac$ F\x98\xc5\x81\x00\x86&amp;\x02K\x87\xa7\t$_\xc0\xa0 \xad\xab\xcb\x85b\xe4 k\xa6O\xe6\xcc\x1d\xcb\x93B\xb3\x84\x9a\x08\x0f\xe7\xd0\xa1\xf7\xdb\xb3Vk\xff\x80\x86\x19@\x81\xb9\xda\xa6S\xa7\xbe\ri\xab\xf7\x9f\x0f\x08\xd4V\x7f\xf4\xab{\xa3;\xc0"e\xc0@%\xfd\x8e\xe3P\n\xc1\xbbh\x9d\xc3gq\tX\x01\xb9-\x16\xba\xc2O\x9bhqu9\xc1W\xba\x1c\xaf\x91\xb1[]\xba\x04\x841%H\xf5\xac\xdb\xeba\x8c\x90\x8c\xe8\x17\x8c\x8c\xa6\xce\xbaa\xb4=!\xe6\x03\xc4\xcd\xe7\x9c`\x19\\i\xa6\xaf\x0f76\xbe\xdb=\xff\x19Gk\xa7\x94`\xa15\xc8-L]]\xd3\x16\x17\xccC\xb1\xda0\x11\x93\xb0\xf7\x88\xbe\x12\xa1\x92`M\x95\xd3\xcb\xcb\x19\x02\x9b`\x91gc\xads\xe1\xa3\xdd\xae\xaf\xb4V^\xcf"\x8f\xb2\xc1\x8b\x19=\x97\xce\x03\xf5y\xee\xcd\x08x-\xb0z\xee$-,\x1aI\xe7\xe2\xf3\xc3\xe3\xb3\x1f\xe8E\xdc\xb40\xa5\x01\xe7\xa6\x80\xabv\xe6\xedfi\x80\xe1\xe4\x14:Fd\x08\xde,\xe4jH\xb0\x90\x911`\xb5\xd1\xeb\xfa\xf0+\x9c&gt;e\x82\xd9nJ\x18-\x0f}l\x1a\xb2\xfe\x95\xecM\x8e\xaf\x983\x96\x82\xddL\x19X0\x19d\xf2\xf8\xf3\xd7gt,\xc0N[T\xc8V^sI|\xf1\xda\x10\xd6\xee\xe2\xc0\x02\x1f\xa0\xc45\xeb\xb9\x83\r\x98E|\xb8\xfc\xe5rA\x13\nm\xb5\x9b\x8a\x95\xe70\xcan\xc7-dV\xc9&lt;\xb7\xcc\x06Z4(\xa8\xd1_\xc5\xb3\xd5\xe2j\x87\x84(K\xb8\xc3\x12z#\xc7\x8crR?k\xf3\x940\xc1\x18\xd0IpUK\xb5Bev\xb7v\xf3\xa5\xbd\x06&amp;mP9s\x07\xf2ce$\x96\x97\x97S\x88\r+\xd9\x1a-v *-\xdc\x9ee\xe1\x9a&amp;\xcdB\x98\x88G\x14\xd2\xf2\x02\\U\xd12\xd6m\xcbzb\x88#\xf9P\x92\xcaP\xa2\x93\xbeiq\xa7\xcdJ\x0c\x1f2\'u\xc9Uj\xd3&gt;\xda`jF\r\x84_\x11gh\xa1\xe1* \x07\xc3&amp;(\x95SN\xe2\xe9/\x97\xd3\x90s\xbdX\xac\x91\xa3\x83\x8c\xb4\xf2\x80\xa3\x876\xea\x06\xa7\xf3\x88\xc4nKIA\x84\xd9^\xcbX\xb7\xdb\x0e%=\x05\xa7C\x10\x140;\x95\xd1\x9bLFV\xc8A\x05\xb9\xb0\xcc\xb2\xd0\xe7F\xb6$\xad:\x07r\xb0\xd0\x90ei\\\x88\xc5\xc6(\xb0\x96b\xc1Qa\x89\xf5\x0f\xb0\x9c\x84\x0f\xa7\x8b5\xb4\xae\xebz\xdd&lt;\xf3\x80\tl\x05\x0cG\xa3\x8c1\x0bNk\n\xe4*\xbe1\x8b\x16\x98\xe9"\x19p[\x95\x83\x9dW\xa5\xc6\xf7iEF\xcc\x08\xe9v@V\x93\xa1y0\xd3\xd5N\x83\x07\xecZ\xcc\t)!a\xab\xc6\xbd\x00\x8bvs1\x9c-!\xf9)K\xd4d9\xfd\'%T\x95\x1993i\xcf\x00\x00\x00\x00IEND\xaeB`\x82'</t>
        </is>
      </c>
      <c r="M110" s="3" t="n">
        <v>45492.67608796297</v>
      </c>
    </row>
    <row r="111">
      <c r="A111" t="n">
        <v>311456</v>
      </c>
      <c r="B111" t="n">
        <v>5981</v>
      </c>
      <c r="C111" t="inlineStr">
        <is>
          <t>Guillermo Varela</t>
        </is>
      </c>
      <c r="D111" t="inlineStr">
        <is>
          <t>G. Varela</t>
        </is>
      </c>
      <c r="E111" t="inlineStr">
        <is>
          <t>LD</t>
        </is>
      </c>
      <c r="F111" t="inlineStr">
        <is>
          <t>LAT</t>
        </is>
      </c>
      <c r="G111" t="inlineStr">
        <is>
          <t>LD</t>
        </is>
      </c>
      <c r="H111" t="n">
        <v>171</v>
      </c>
      <c r="I111" t="n">
        <v>2</v>
      </c>
      <c r="J111" s="2" t="n">
        <v>34051</v>
      </c>
      <c r="K111" t="inlineStr">
        <is>
          <t>Right</t>
        </is>
      </c>
      <c r="L11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e19ac27b-89bb-435b-9e7e-e950fdb2e7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1b\x88\x05\x00\x00\x03\x00PLTE\xfe\xfd\xfd\x11\x0f\x0f!\x1f\x1f$"!0*\'-($\x0c\n\x0b\xfe\xfe\xfe\xff\xff\xff\x0f\r\r\x1e\x1c\x1c\x02\x00\x00+))\xfd\xfc\xfb\xfc\xce\xaf\'%%\t\x06\x07\xf8\xbd\x96\xf0\xb6\x8e\xf7\xbb\x93\x14\x11\x10\x95\x07\x10\x9f\x08\x12\xfb\xcb\xab\xf6\xb9\x8f\xf9\xc2\x9e\x17\x14\x1481.N!\x14\xee\xb0\x88\xf8\xbe\x9a\xf9\xc5\xa13.+\xa5\n\x14\xf9\xc9\xa7\x1b\x18\x17P\x16\x0c\xeb\xb3\x90*%"\x8b\x06\r\x9a\x07\x11\xf1\xb9\x93\xf7\xc9\xae.--\x90\x05\x0eA\x03\x03\xf9\xc6\xa5=74\xea\xab\x83\xf6\xc7\xab\xf9\xc1\x99V&amp;\x18,\x04\x03\xf5\xc0\x9c5\x05\x03\x86\x06\x0cE\x1d\x11y\x05\tJ\x04\x04\x18\x04\x02pA/\xd6\x97r\xfc\xf8\xf7F\x14\x0b\xf3\xc3\xa3\x80\x05\n\xf5\xb6\x8bR\x07\x05b3"\x81P;\xf1\xbc\x97xH5f;)\xfb\xd0\xb5\xe7\xa6~\xc1\x81bk\x04\x06\xea&lt;1r\x04\x07;\' X\x05\x05\x0e\x02\x02],\x1f\x90YB\xe9\xae\x8a_\x05\x05\xe3\xa1y\xf5\xbb\x96\xca\x88gY\x12\n&gt;\x10\x08NJH\xfa\xcb\xb2\x89tf;\x1b\x11\xab\x0c\x16!\x05\x03\xba\x15\x1a1!\x1c\xaeqU]\x1e\x12\xab\xa4\x9d\xdf\xa3\x81\xa3gMU-\x1fd\x02\x05\xda\x9ez\xe2\xaa\x87M(!\xd1\x8ej\xe7\xe3\xe0\xa3\x9d\x97\xe8\x94k\x97_G#\r\t\x93|m4\x13\x0c\xeb\x9ar\xcc\x90ph(\x1b\xb6z]VD9\xb2\xab\xa6\xe1\xdb\xd9\xef\xa0{\xce\xc6\xc1\xdb\xd5\xd0\x8bR;\xdf\x99uoZMv*\x1e,\x11\n\xfb\xc7\xa8d\x11\x0c\x9c\x96\x91\xc1\x87h\xf6\xf5\xf4_MAD%\x1d\xc1\x19\x1dwcV\xef\xbd\x9dvolN;1\xe4\xb4\x99\xdc\x8dk}?,p\r\x0c\xec\xb8\x98E3*n3%|\x12\x12\xf3\xa9\x82ZUS\x86\x81}\x87G1~xu\xd4\xcc\xc9\xbcz[lgd\xed\xe9\xe5\x8d\x88\x83t\x1d\x15gTH\x95\x8e\x89\xf6\xaf\x8a\xcfz^\'\x19\x15i\x1b\x12d`\\\xb1\x0e\x17\xa1\x89zD@&gt;\xecG4\xeeT&lt;\xbb\xb4\xaf\xe0O?\xfa\xbf\xa5\xf2\xee\xed\xc0kR\xdc\xad\x92\xaa&gt;1z5&amp;\xfa\xb7\x98\xe9\xde\xd9\x9alU\xb2\x96\x87\xf8\xb2\x93Z7)\xd4\xa2\x85pNA\xa9\x8f\x81\xc5\xbf\xbc\x8f+$\x8c\x13\x14\xadiM\x88dQ\x80j\\\xf9\xd2\xc0\x93;2\xae\x1a\x1e\x97R:\xaex^\x9c\x81rbB5\xdc\x84d\xc6v\\\x9e2*\xa3zd\xcbF4\xea\xcb\xb8\xc4\xab\x9c\xd57-\xa5]B\xdcH5\xfc\xf1\xed\xbb\x8fu\x92q]\xf3\xdf\xdf\xbb\xa2\x91\xfc\xe8\xe1\xe8\xd7\xcf\x854*\xf1]D\xeb\xcb\xcb\xdf\xbd\xb4\xb83-\xce\x99z}XK\xc8\xb9\xb3\x94\x84x\xbeC5\xc6\x9c\x89\xcf\xb6\xa5\x9f\x1a\x1c\x81"\x1d\xb3OF\xdc\xb8\xa4\xd2\xad\x97\xaf\x87n\xc1di\xaf\x9b\x93\xcf\x86\x82\xacZS\x9aRK\xcdR&gt;\x88CE\xd4\xa2\xa5\xbfWP\xe0\x87{\xf9\xde\xd2\xbf|{\xf0\x9d\x90\xdc^M\xf3uc\xf4\xad\xa0\xcf\'\xa8s\x00\x00 \x00IDATx\xda\xa4XmL\x13y\x1a\x9f\x0f\x97\xeb\xec\x87^R\xeaK9[6&amp;\x90S\xa3\x06\x04\xa1\xbc\x08Z|-fkx\x13\x88\xc3\x11\x04d\xa5\xf6\xd4Y\xc1\xf2\xb6\x0c\xca2\xbd\x8c[*\x14I\\6\x1cU\xe8\xa5\x1f\x8c\x85\x10\xe9A\x0b\xda\xbaY\x8b\x1e\x81\x98@\x1aM\x88\xd0\xd0p\x94\x90\xf3\xc3\xe5&gt;\xdd3\xd3\xb7\xe9\xb4\xa8\xec=\x85Ng\x9e\x99g~\xf3{^\xff\x83 \xdb\x10\xde\xa7\x8f\xf3\xb6y\x99_\xc9\x0b\xdb\x06\x0e\xfb%l\x87#\x8c"\xf0\x1fE\xed\xbb\xfc\x93\xea\x80\x95H\xcb~5\x8a\xb0O@\xd8\xfa\xad`\xf1\xb6\x84\x85\xc2\x87\xc7\xe7g\x93f\xb3\x994\x93\xd9\xb4\xfd\xcf_\x8c\xb2\x95\x8c\ne~\xb1`1OI\x7f\xa3\x1cz\x90H\xfeP\xffI,5\x9f\x1cP\xb5\xf6\xf7O\xad\xac\xc0_K\xeb3\x95j\xc0\x9c\xcdg\x93\x8fr\x802\xb7\xe2\xdaFC\x1e\xf3\xd9Fi\xf1]\xcc\xe8\x02\xfb\xec-\x0bV\xd8a${\xa0\xb5\xe5I\xe3\xe6\xa6\t\xc7p\x93\xc9d\xdbt\xb9\x1a\x9f\xac\xf4\xab\xcc|\x1e\xcbH\x10X\xa4\xed\xd0\xe3\x06n\xeeS#!.\xd9nD\xc27\x1c\xb5\xffA\xb3\x07\x9aV\x00\x10\xe6\xc6)\x8d\x86\xc0@p\x1c\xd0\xe1\xee\xea\x96g\x00\x0c\xe1\xdaF"m\x07,\xa3A\xeb\xbe\xb3\x82\xee`4,\x16\xc3~\x07\xad\xb3\xd4|s\xd3\xca&amp;N\x11\x1a\x8dF\xad\xd5\xeb\xd5\xb0\xd5P\x0e\xdcd39\x9d&amp;\xd7\xd43\x92\x1f83t\xc7H\xdb~\xcb\x0c,\x1e7\x13\xd1\xe0\x87\x1b\x95l\x07\xb2NBy\xfc\x81\xa9M7F\x19\xd4z\xadB\xa1\xd7\x02*\xb5Z\xad\xa10\x9b\xc5\xe6\x04\xd2\x9c\x9bS*\x92sQ\xc0 \x1a\x996\xbeOX&amp;"\xdc\x8f\xff\x8f\xf5\xa4\x9c\x13\xf8|&gt;\xa9z\xe2\xc61\xe0\n\x98\xaa\x04X\x1a\x82\xa2w\x0c\x0e\x07a0\x18(l\xd1\x81m\xf6\x93H\xf8\x85!\xf3\xa1z\xc6vb\xe0H\xb4\xba\xf6\x99\xb2G\x0b9\xd0\xd4_\x8d\xb9M8A\x194ZEe\xe5\x1e\xad\x1a\xc0\x18\x08B\xaf&amp;\x08`O\xa1v\xd8\t\xca\xd4\x02I\xf9e\xb6\xd1\x88C&lt;_&gt;\x04#\x00\xe5r\xcc\xd0\x1eR#\xd9dk\xe3\xa3\x1f)\n\xc3\t\x82\x00\xcfi\x7f7&lt;\xacPS\x98\xdb\x8da\x06\xbdB\xaf\x18\xde\xb1cX\xedX\x9e\xb1b\xd5\xad$\x12\xb4\x8dF\xda\x8e\x12\xf2\x9c\xba\xc5\x8dhN`\xfa/\xa6\xa9j\x9a\xfa\x1b\x90D0\xeeR\xeb\xf7\x00Y\x95\xc3\xc3\x95\x00\x0c\xc2\x1d7\xe8++w|\xf5\xfb\xaf\x86\r\x8b\xd6\t\x006e\xe6\x07\xef\x19i\x9b\xeb\xc4H\xb6\x82\x89\x1b\x95-\x94\xa9\xc4tE\'\xfb\x7f\xf8\xbbZc08p\x80\xa5Uk\xf7\xec\xa9TT*\x00\x9b^\xab\x85\x88wh\x14\xc3\x7f\xbcy3\xf3\xa6\xc2`\xb7\xceLLP\x8d\x03t\rCBv8t1V\x11\xa6\xbc!\xe1\x9d\x81\x13\xd1\xbc\xb0$\x0e/&gt;\x08\xd9\xfa\x88P\xeb\xe9J\x80\xd1\xb1Mh\xb4Z=\xc0\x82/\xbd\x06\x92\x92\xc2\x1dj\xe0\xeb\xaf\x8ar\xe9\x8c\x1d\xf8R*\r\x9b\xaalv\xc9\xe3\x85\x17\x81\xf0\\\xfb\xad\xc2WU\x1b\xa0\x1a\x180\'Fh\x0c\x04\x86\xd3%\x02`A\x84A\xb0\xeb\xf5\x0e\x93\xd3\nEL\xa9\x14\'\xe7[\xed\xcb\x13b\xa5R\xf3\xa8\x9f\xe4o\xfbF\xdc\x86\xcai\xe1\x1c59\xe5\xa0+\xa7\x03wb\x14\xe5\xc0L6\x97\xcd\xa1\x05v\xd4\x94\x83\xc20\xad\x1as\xba\x16!5\xcb\xcb\xcb\xc5R\xe5\xb2}B*\x16K\'\xb0\x16\x12\xd9\xcav\x80H\xb6\xab\xc2\xdc\xe5\xab\xf2\xe1.\xe4\x90\x8d\xf2\x9b\x1ei\xf4t\x08\xd1=\x06\x87b&gt;\xef\x9a7\x01;Z\rn1\xd9lV\rf\x83\xfd\xe1;\xe5Ri\xb2Xzf\xfcLyNU\xbct\xe6\x07\x15?\xd4\xb7\xbe4\xe49\xe3\xc1\x96\x02U\xc2\xdc\xe8\x80\x92\t\xbc`N\x93\x050y\x96,t0ig(\x8bg\xde\xe5\xb2[\xb1y\xaf\xc5Z\xae\x00\xb6\x92\xab\xaaz\xc7\x0b\xc49UU9bb\x85\xfc\x8c\xe5\x881#\xbc\xdd\xb0\xa7\x85\x88\xb1\x10![\xdc\x04\x01\x0e\xa4\x99rZ&lt;K\x1e\xcf\xdc&lt;\x05\xe96\xb3\xbc\xb8\xba\xee\xf1\xae\xce\xda\x17=\x9eU\xfb\x84RZ.MN\x16\xf7~\xbc\x91\x1c\x0f\xb0\xbeS\xba\x9b\xf8Hxr#\xac\xbe\xcc\x1elx\xbc\xe0\xdc\xf3\x05U\x9e\xa1\x9a?\xf0\x17\n\xdcd\x81\xae\x07bYz7\xe7YZ\xb2Y\xb3N\x15\x8cwN\xae\xaf{\xbd\xab\xaff\xbd\xeb\xde\xf1\xacZ\xa9\xb2\xb66Y\x9c_\xf0\xb1\xbd\xa3\xc1XZ\xf6\xdd\x0c]&amp;&gt;e\x1bExQC\x1eA\xc2\xc7\xc3h\xb5\x98\xdf\x04dY\\.\x0b\xf4\xe2\xc5Y\x8b\xe7\xdd\x7f\xe7\xbcK\xeb\x1bW\xae\\\xce\xab\xaf\xe9\xea\x1a]\x1f-\xe9\\]\xf7\xce\x9eI\x96\xd6\xd6B\xac\xe7\x17\xfc{\xfa\xc1Z\xbb1\xbeLJL\x91H\xf4\xa19\x0c\x16{\xb0\tO\x89\xada!d\xbf\x9brC\x08\x99\x16Af\x17\xbcs\xef\xe6\xd6GG\';\x7f\xce\xbb\xd6\x06\xb0\x00\x98\xae\xde\xeb\x9d\\(\xc8\x87\x04\xcc)+\xcf\xff\xf8\x9f\x7f\xaeMO?\xe8\xc8\xc8\x11\xe3\xe0Fd\xcb\x07\x0e\xb6\xea \xacP&amp;r\xe6\xe1\x88\\\xe4\x0f4\xba1\x0b\x9d{v\xfb\xf8\xf8\xab\x0f]]sK\xeb\x93\xf5%\xf5%\xd7\xda\x8a\x13{z\xba\xba\xeat\xd7\x00\xe6\xc2\x8d\x93\xe2\x9c\x9c\xb2\xb2\x9c\xde\x8f\xff\x9a\x1e\\\x9b~\xd0}\xa1\xb44\xeb\t\x89D\xb3\x1deh\x0e?\x8e\xf2\xfc\x03k\xa0;\xf38\x93\x11\x04\xbc\xcdm\x99\x9f\xf7\xd8\x16\xed\xe3\x97\xebk\n\x13z\xba\xeaj\xae\xe5\x01\xaa\xb6\xe2\xc2\x9e\x9e\x9e\x84\x9a\xd7C\x93]\x93\xb7o\xf42\xb0\xe2{?\xfe\xd2n\x1c\x04X\xb9E\x1d\r\xce\xd6\xec\xc0 \x1d\x91\xf2Q2\x11A8\x8d\'\xb0\xfcbk\xe8\xaf\xecV7\xb5\x89\xdb&lt;\x00kv|\xbc\xb38Q\x12#)L\x94\xb7\xe9tmr\xb9&lt;\xe1^OB]\xdb\xd0\x9b\xfa\xf5\xc9\xdb\x05Y\xc9\xf1999\xf1c\xdf\xbf\x1f4\x1a\xd7\xba\x8b2\x8a:\x8cY\x9b\xaa\xd0\x12\x88\x95b\x11u\x8b[\xc0&gt;3\x13\x99\xab\t\xcc\x86\x01\xacy\xcb\xc6\xc6\xc2U\x89D&amp;\x12\xc9$}\xb7\x9a\xe51B\xe1\xc5\xd3\xf7\xf6\x17\x16\xebFF\xf2F?\xdc.\x18\xcb\x8f\xa7\xa5\xe1\xfeX;\xd0\xd5Qt(\xb7\xb4\xb4\xc1\xde\x92\x1d\xb5\xc9\x04\xe7-n9E}\xeb\xc7\xa8\xe5\xd4\xd7\xe0\xe9\x89\xb4\t\xa7L\x10[\x9ey\x8bkuu\xb2N"\x11\t\x8e\x1c\x11\xcadB\x81P$\x8a;z4\xa6X742\xf2\xe6\xd8d\xde\x95\xfb\rU \xa5U\rc\xedc\x83\x83\x1d\x1d\x19\xb9\xa5e\xe2\xb3\x9b\x03H\xf8M\xd0@\xae1\xd3CX)\xf0W0_\xc8\x87\xc2;b\x82\x00\x1f\xe2\x98\t\xa3\xd9\xb2\xadzGG\x0b\x13\xfbd\xc2#\xb1\x02!`z\xdc\xd7\'\x13\xc9\xfa\xae\xbf\x1e\x1a\x1az\xad;V\xf2\xe2\xe1\xd8Xo\x03@3\xb6\xb7\xbf_\x1b4\x96\x1eJ\xcdMM\x8d_n\xe1s\'\x88\xc0$\xc7\x8bh&gt;\x81\x95\x9co\x8b\x06\x96v(/\x10\x9d\xfe#d?\x8e\xbb\xa1\x96\xce{,\xab\xa3]\t\x89\xe0C\xa0I&amp;{\xfc\x18P\xd1\xd2|\xeb\xbaN\xa7\xbb~\xbdM7\xf2\xf6\xd7\x87\xe0\xbf\x06c\x15\x04&lt;D|GFjjJJ\xd9Y\x97\x99e;d9xs\xd6L\xc6Y?\xd0\x03\x1b\xdd\x1a|\xad\x87\xdd\xd6\xc9\x16\x1b,\t]\xd0\x08\x17&gt;\x8c\xde;}Q \x12\tiL2\x1aVss3\r\x0b\xe4\x16\x80\x1bz\xf1\x16\x80\x8d\xb5\x1b\x8d\x1d\xc6\xb5\xe9\xe7\x90\x89\xa9)\x15\x15\xa9U\xce&amp;\x04Ey\x81p\x8a2\xea\x05T_\xf4N\xc5w\x02\xd9bq:\x9c\xd0\x9f76&amp;\x13\xf6\x9f\x8e\x8b\x03\xef\x81\x00]4\xaa[~X\x80\xea\xba\xee\xf5\x9b\x91\xb7o\x7fy\xdf&gt;h\xec\xe8~@\xc3:\x9f\x91R\x91\x92\n%u\x9bol\xd0OWy\x86\xad~\x9b\xd3\x01\x8bf\xcb\xc6\x02\xc0\xbax\x04\xd8\x12\t\x05\x02\x11\x03\xeb\x96\x0f\x10\x1b\xd7\xaf\x0f\xdb\x07\x07\xbb\xd3\xd3\x9e?\x7f~\xbe\xfbBjE\xc5\x1d\xa5I\x85D}\xed\x82D\xde&lt;\x82I\xde\x16C3\xc4\x16\x06+\xae\xc5\x8d\xd9\x85\xba\x84\xfd\x02\x01\x04\xbb .66N \xf2\xe3\xf2\xa3\x02\x81\xd8\xa7aA\x12\xa6\x9f\xf8\xd3\xc1\x9d;\xcf\x17e\xa4dfV\x94\xbbU\xc8\x16!\xff[\x87f\xda\x89\x94ab\xc2j\x9f\x9d\xed\xbcZ\x08d\x81\x1c\xf9\xfa\xee\xdd\xc3_\xc7\n!\xba\x02\xb8\x00Ts3D\x17\x03\xab}\xf0A\xda\xc1}\xbb\xf6\xa5Cleff\xde\xf9I\xb5\xcd\x97y\xd1\xaa&lt;+\x1d|!Oi`\x85e\x1f\x07X\x12\xa8X\x02\xa1 \xf6\xee\xee?\\\xbat\xe0\xe8\xc5\xb8\x7f\xf8\xfc\xc8\x90\x05\x81\x16\x84\x95\x9evp\xd7\xae}\'\xe8\x90\xcf\xcc\xbc\xf9c\x13\xc2\x0b\xb7\x8dD,1"\x86\xe6O\xb1\xe8\x875c]\xb6\x8f\xbf\xaa\x97\xc7\x08\xe2\xc0\x87q\xb1\xbb\xcf\x81\\Jzz\xfci\xdc\xe3f\x1aP3\r\x0b\xfa\x11\r\xeb&gt;\r\xeb\x04\xcdVZ\xd1!\x1a\x17\r\x0b\xd9\xf6\xd0\xfc\xa9\x80\xa7\x1b\xf5\na\xb5\x9e\xa2G\x87c\x892\xba\x88\nc\x0f\xef&gt;\xf7\xf2\xe5\xcbs\x07\x9e&gt;=\x90t:\xb1Y\x9e(\xe9\x937\x17\xcb\x8b\xdb\xae\xbdy\xf1\xf6\xfb\xfb\xbd\r\xc6n\x86\xae\x9d\xe7s3\x0e\xa5T0lE{\xfd\x19X-\x86/\x1f\xa3\xc2\xf2\xbd d)\xcdO\x88e\xe0\xea\xf2\xab\x12\xb9LD\xd7Q!\xf8\xf0\xd2\xb9\x97\xc0\xd6\xf1\xe3IIG%\x80J"\x91\xcb\x8b\x01U\xde\xe5+\x05\xa7\xb2\x18X\xe9i\xfb\xf6\xeeM\xfb67#5\x04\x0ba\xbd}D\xd8(\xbe\xf450K\x06\xaa\t\xda\x83\xb7;\x8b\xa13\x03*\x99(\xeepR\xd2\xf1\xa4\xe3=\t\t=\xf7\xee\x9d.\xa4a%\x02U\xc7J~fP\x9d={\x12p}s\xe2\xe0\xde?\xefK/\xbap(\x85\xe3\xc4\xffc\xb5\xca\x12\xd5#\x82AU\x13\x03\xbd\x19P\xc9b$\t\tu\x1f\x16:;\xf3:\xaf\xd6\xd4\xd4\x14\x17\'&amp;\x02\xaac@\xd5\r\x005Q\xab\xac=\x99\xdf\xd0\x00n\xdc\xb5w\xef\xc1o\xbe\xcdM\xdd*\x13?\xb3|E\xa2\xaeY\xfd\x11\x00s\xfc\xf2\xffX5\xdf\x984\xb3,\x8c\xf3\r\xf6\xc3K2\xba\xc0\xb0\xa3\x10X\xd9W\x08\x12\x04\x11Q\xb4\xb0"\x8a%\xf8\x0f\xc16T\xb4\x1a-Z\x9b\xd6Pi3v$\ni\xb6]RE\xa2N\xd81\x93&amp;\xda\xc6\xfd\xb0\xa1j\x9d\tm7\xd5\xae\xae\x8d\xd8\xa6\x1b\xa3m\xec\xc4\xa6\x9d\xa4i\x9d\xb4\x1bg\xda\x89\xfbe\xcf}\x11\x04\xc4N\xdd\xd9\xab1\x06\x12\xf8\xe5\xb9\xe7\x9e{\x9es\xde\xc7\x0f\xdft\xb5\xa5\xb0X\x90\xab\xfe\x98\xcaO7\x15v\x9d;S\xa2T\x96\xf64A)\x08U\x97\x18\xa4\x02\xaa\x1a\xa5\xb2\xecd}\x1f2\x8bi\xd2f\xb7:\xd3:\xc1\xc1\r\x10\xf6\x7f9\xb5\xe7\xb3I\t\'1\xae\x1d\x1f\x95\x94L\xde\xf7$\x9e\xfa\xeb\xbd\x87o\xd6\x9e\xf3Xl&amp;\xd3\x9cj6\xcbd\xc6\xae\xfb5\xa5C\x1a\x8dF\xd9\xd3\n\xe5\xbc\xc9\x98n\xea\xa8\x03\xad\x94\'.]\xb2\xf7uv\xf6u\xf6\xd9\x8f\x1e*\x1e\x14Z\'&amp;2\xd5\xfa\xe2\xdcc\xa7\xf6)\xc7#y\xfb\x03M\xcaH\xc1\xbcs\x99G\x83\xfe\xeb\x7f\xdf{\xb8\xf6\xfc6_&amp;b\xb3X\xe6\x14#O\xa5j\xbfx\xa6\xa4\xa4\xa7\x07~[G\xeb\ny*\xad\xa9c\xb4\xb5F\x99\x86\x98:\xfb\xfa\xec\xb0\xfar\xb3lr\x0e\x92Ka\xcb:v*\xa6H\xa0$i\x7f\xc6\xd8\xc8\xbd\xfd\x9a\xe8\xad\xb0\xfb\x1e\t\x9d\xc4\xc7@\xd5\xaf\x12\x89\x982\x19\xdfh4\xfa&lt;\xfd-\xcf\x0f\x9f\x9bkm\x9dk\x02\xad\xf8\x0c\x1d\xb3|\xbc\xb5D\x93\x87\x84\xb2_:q\xab\xec\xd6\x89K\xf5G\xb3j\xd5t\xab\xd5\x8a\xe4:v\x8aL\x8e\xff\xec\xe8\xd7Rb\xae\xec\x04\xd9&gt;l_o\xfc\xed\xe1\xdam\xc0\xe2",-_\xab\xf5\xf8\x8c-m\xcf/\x02\xd7\xdch]\x1b\x8fKe\xcc\x9c]^\xac\xb6w\xa2{\xe6\x84\xb2\xa4\xa4\xa4TY&amp;\xcd(\xb6\xa99V\xeb\x04\x1dWT\xfe\xe3\x8b\x03\xd9WJ$\xa3\x91\xf6\xb8\x9d\x9d\xea\x02a}\xff\xe6\xe5\xd4\x14\x81\xc5f\xcb\xb4Z&gt;\xaf\xbd\xe5v\xd7\xb9\xd6\x1a\xbf\x7fq\xeep\x1b\xdf\xe5b\x8e\x9d\x9d\xf4g\x00UUg\xc5R\xc9\x0b\x84\xa5\x91fT\xeaa\x13\xadV\x0eMm{\xf1U\x92\xba\x9c\x12\xfd\xea\xf81JD\xb3\x9d\xb1\xcb~M\xca\x1b\xdf\xafM\xf5\xf7{D\\6S\xc4\x96\xf1S\x8c-\x85]k\x8f_\xc0^\xf9\x17WF\xdb|\xcc\x99\xb1\xee\xd3\x93\x0b\x19\rUUU\xd7\x96\xee\xdc\xb9\xb3t\x0b\xfc~F1\xc2\x82E\xcf\xc4\r\xef.$\xf3\x89\xfb\x17\xcd\x1f\xb3\xa0\x0c\x04\xb1&lt;l\x91\x8c\xcdf\xca\xf8\xbc\x96\x8e\x8b\xdf\xde9\xff\xe5\xb5\x8a[^\xff\xcah\x8b\xd6\x1c\x1c\xeb\x0eM.\xb8s\x00\xab\xb3\xa2\xa2\xe2\xdao;\xed\x87\x8eTV\xda\xf4j:\x81%T\xbc\xbb\xf0\xb1_F\xd9\xa7I\x19\xef\x13\xd1+EOa\x0f\xa7|L6\x93\xc0\x12\x17\x8e\x9e)yq\xe5\xb3\xdf_\xb9S\xb3\xb8R\xc7\x03\xb1F\xce\x86&amp;\x1f\x0cg\x15TU\x15T\x1c\xff\xc3\xef~s\xad\xcf\x9e\xe1.\xae\xd5+ht:\x87N\x13\xaa\x7f\xbc\x10W+\xc4~5%&amp;o\x1d\xc0\'\x82!\xfb\x06\x9c\xc5\x94O\xc6\x941\xd9\x12\t_\xdc1\xdatn\xed\xcf\x7f:\xff\xe2^\xeb\xca\\\xa1\x87\x19$\xb0\xa6gk\xd1.VT\x1c\xbfv\xbc\xa2\xbe&gt;/\x03b\xcb\x80gf\xc2}\x8d\xab\x7f\xfc\n\xc3\xb0_UA$\xb9\xea\xbf\xfe\xa1\xbf\xbf\xdf\'\x93H\x98\x12\x89\xc4\x0c\xc1\xd5&gt;5\xf5r\xed\xfe\xfd\xd1\xe5\xba\x16\x8f\x88\x15\x1c\x0bBlM\xcf*\xd0.\x1e\xbfr\xfe\xca\xd2\xd2R\x99\xe3H&gt;\x92\x0b\xcf\xa4sh\xb8|\xeb\x8b\x1b\x9f\x7f^\x94P\x12P"3\x9f\xbd\x9dfr\xf2\xa2\x99\xb2+5\xfc\xb3\xfa\x08\xb0\xb42\x16p\xc162E"\x95\xc7\xd7^\xd81\xbe&lt;&gt;\xd0\xe2c\xcd\x04\x83\xc1\xb1\xb3\xe3\xd34\xbc\x18\xe4\xea&lt;\xb9TZZ\x8aj\x88#\xc5\x95\xb5\x069\x8d\xce\xc9\x14\xe2[\xff\xfa\xfb\xbb\xad\r,z\xab$\xd9\xc4\xe4\xad\x11J\xe2\xd9\r\xbf\x82\xad\xcf?\xda~\xf2\xc8\xb3\x83\x05T\x12(\xb6\xa8\x02\x95\xd6\xe8\x04o\xe8\x14\x07S\x81j&amp;\xd8\rX4EnAUA}Y)J\\\xde\x9b\x0ewe\xed \x14]\x1c\xba\x90\xf6\xea;\x87a\xfa=\x968\x80\rW[\xf1_\x1e\xc5J\xec\xe6\x87\x9b+\xe1L\xb6:/\x83\xfc\xc9\xd7\xfa\xfa\xb5,(\xe1\xd1.JDT*\x83-K\x11;\x9d&amp;\xa0\x9a\x99\x89`\xd1\x85\xf9P \xdb!\x9f\xd6\xd4\xd4\x94\xf8o^w\xbb\x07\xd5BH\xf44z\xa6A\xaf~\x80\xb0v\xdch\x0c\x03%v2F\x89\xb7!\xfb]\xd4\xa4u\xdf\x803\xf5\xd3T\x84%\x03,\xb4\xd8\\\x06P\x99SP\xf5\x17\xfcd\x86X\x08\xeb\x95\x95\xae\xcfm(\xe8;YV\xda\x03\\~/\xb2ej\x9c\x0ey\x1eR\x17\xae\xbe\xfb\xbe\xe8@!\xff\x01\x9fHY/\xffi\x9cE\x04\x93\x0cN\xa1\x84\t\xc1\xc5\xe52D2\x08\xfc\xb1\xf4\xb1T(u$3\x81\x19H\\\x805a\x95gA\xdd\x9e\xa7Q\x96\x00W\x0f\x18\x8d^\xf0?\x80\x05\xb9\x8b\xce\x91\xbf\xde\xd9\xc4}\xbb\x81\tG\xee\x03X\xa4U\xdeO\xe3"P\xc7\xe3Q\x89P\xde\x02\xa5\x18T\x86\x88e\x06\t?\x05\xab\xc1\x0c\xb0\x00\x0b\xd4\nm\x02\x96\xb0\x12\xac}\xbd\xb4\xcc\xeb\xefY\xec\xf1{o\xbe~=K\xe3L4Z\x81\x8bC{\xfd\xf2`X\xbb\xc3\xe3=\x97\x0fV$\x08\r\xe8 \x94&lt;P\xb4\xbbD".U\xa7\x83\xc8\x121Y\xe6O\x90\x85\x15\xb9\x02h\x0f\x03\x81\x91\x81\x9f_\xc1\x91\xab\xcc)h\xb0\xa7i\x94~\x7f\x0f\x815\x0bb56NX98\x0eXEI\xaa\xd0\xbd\xb5|t\xcaN4F"c~r\\\x0b\x87\xb4\x9dn\x9c\x9f\xe7\xb2=\xd9\x02\x81\x05)\x85\x8c\x18\xd5\x05\\,V@\x04N\x03a\x05,\x16qh\xf3\x9f\x1c\\\x0eX\x05}y\xd5C^\xbf\x1fun^\xcfB}z\xf9r\xa3\x95\xae0\x08\xef\x86C&gt;~\xb2\x1f\xe3|(1G-~\xe2\xb3;\xdb\x8e\xce\xf2\xd6-L\xc0b\xaa\xb2\x05\x16\x0b\x15\x16\x81\xc5\x00\xe1\\"\x97\x0b\xdcb\x00\x96+\xdb\xe3\\\x86\x90\xa7\xe1\xb5\x80\xd5Y/EX^$\x16l\xe1eX\x134\x83\x1e\x7f\xf0\x0c\x8b\xfdl\xd2~\xf6\x95\xfc1\x0edu\xdeE\xa5\xb2e*\xa4\x16\xd5\x12\xe6\xa22\x18.\x04f\xb1\xe8,\x81\x80\xc7\xe7\xf3\xb5\x1c^\xb9;\x0b\t]\x81:\x0e\xb0\x8bC^\xa0\xea\x1d\x06\xb1\x1a\x11\x96Um\xb3\xa977\xb0\x8f\xb7\x18\x94}\x1b\x95\xe1W\xb0m\x97\x8b\x9d\xce\x83\xd0\x020jX/\x02\x0bYE\x8b\x85\x11\x18\xabk\xba\xd86\xba\xe8\xbf:\x08\x05\xc3l.\xaa\x04\xf3\xa4\x9a\xa1\xa1\xa1\xde\xab\xc3B\xfa\x04\x81E\xb7\xe5\x17\x1b6\x9f\x90\xc8I.\x1f\xf2\xde\xcb\'\xe9d?.\xad@\x9a\x170\xc7BN\x02\xcbB\xd5\x11?\x10\xf4.\x06\xc3\x02K\xe0\x9a\t-\xf4\x9e\xb98\xe7\xef\xcd\xc8\xc9\xc9\x1f\x1cD\x8d\x90N{Z\xb5F\xe3p\\\x95\xa3c\x88\xb0\x84\x95Y\xf9\xb6\xcd\'X\\7\xe8W\x8d9\xb1u\x0b\xab;4\x80\xb0\xb2-\xc41dP\x89?:\x1d@\xb9\xb2\x83\xa1\xcd\xe5vc\xd7\xa2\xe3hNCn1\xe4-\xd8E\x90\xab\xba\xdaq}\x18lu\x14+\xabv\xf3\x9b\x8f\xdd\xc4\x04\x83A\xde\xe9\xee\x92c\x1f\\X\xb7\x04O\x87\xd5\ncQ\x19\x96\x08\x1bD\xbd%\xd0=`4\xf3\xdb\xe6\x862\xb2rsPw\x06a\xd5\xa7I\xa5\xcd\xd7\xa1|\x00\xacF\x00\xa3!\xac\x85\r,\xe6\xb3I\xc9\xd5\x8a\xbe\x1d7\xd9\'\x93\x13M9\xb6\x9e=\x12\x1a\xe0e\x13Xp\x18\x19\xe1\xe8\x02\xb0p|\xb9\x02f3+\xa5\xb0\xa9g\xe8H\x16\xc2jh\x00\xf7\x03X\xd5\xcdn\x85\x90P\x0b\xc0\x10V\xe5\xc23,Q\x93\xa4}\xf9\xa8\x17\x8cd\x91\xd8G\x90"w=\xb6\x1e\xe8\x0eu[\x04\xd9\xf0\x13N]\x00F\x88\x86$\x03\xc1\x98\xe6 \x98\xd7sMg\xbc\xcd\x87\x8e\xe6"\x8f\x085 R\x0b\xaei\x1a\x1d\xa9\xd5\xd8\xa8\xce\x07\xb5\x1e\xfc\x80\xc5ONc,\xc6\xfe\x93}J$\xddR\xc8\xb1MJ\xc0\x1a9=2\xaf\x03(\xf8\xe5\xeeb!\xddPZM\x11\x97;\xa1^\x05O\xedu\xa0\xc1J\x1e,)P\xb9\r\xf2\x08\x16]\x9f\x0f!?\xfd\x0c\x8b{6,\xe1\xacQ\x12\xa7\x9c\xbf\x10\xf2\x82\x99\xee\x91\xf9y\x0b\x12\x0b\x16\x83\x01W55\xbc\x18.v\xaa\x18\xb5\x8fFW\xe6\x0e\x8f\xae\xf8\x87\x1c\xcdG\x9a\x9b\x9b32\x90Xn\x05`\x85cKh\xb3\xe9m\x8a\xe9\xa7\xd8\x01[#\x1fj\xbc\xad\xea\xe06\x16\xe9\x04\xd9\x04\x17W\x10\xc5b\x80o\xe4\x8bMN\'`-\xce\xd5\xd5\xad\xf8\xbd\xc0\xb53\\iv\xeb\x01k\'\xb6p\xbd\x1c7\x0c\xbf]%%\xe94\x93#O\x06\xc5\xe6\xad\x9d\xc7\xde\x92&amp;\x8e\x9d\x06\\\xd16\xba^\xa8\xd40V6\x97K\x14\x11a\xaa\x14\xa4\x95\xa9\xdcY7\xb9&lt;00\xe7Uj\xaa5\xc4de\xd0\xedv\x1b\xd48\r\x8a\x1a\xc0\xb2\xe2\xeaL\x9aa\xe1=\xb6\xcfc2\xc9Z#\xbf\xd4\xa4$a \x17D:U\x10\xc5"\xe4B\xa5 _\\n*\x17\x8bM\x03\xa1\xf1\xf1\xe5\xb9E\xaf\x06\x0e\xa0f\xa8\xba\xf9\xfa\xb0BoP\xc8\x11\x16la#\xd4\x804\xe1\xdd\xff\xdcH\xfe8d\xfc\xa3,{\n\x1bJb\x85\x11y\xb3h\x1deN\xc8\xe8\xc4&amp;rE\x84^\xa8l\xd6\x1aM\xa6\xf2t\xb134\xbe\xbc\xbc\xb5\xe0\xf5j\xa4y\xf5i\x1aM\xb5\xe3\xea\xb0\\\x81\xfa\xf2\x99\x1c\x02K\xae\x97\x0b_\xbd}J\xda\xf3\xd9\xbbOR\xfe\x0fi\x1e+\xda\x9e\xd7=R\xa1\x98\x87&lt;A`\x01\x17W\xcbko+l7\xb6t,Onmm-\xf4:\xaa\xd3\xf2\xea\xed\xf6KR\xa9\xe6\xea0.W\xcb\x85\xe1\xd0\xbal5\xd8\xd4\xaf\xden`\xa4\xff\xef\xc2\xb0\xd5\xed\xf9G\xbelU8\xe6\t,.\x95\x8b\xa8\n[\x9c\xcb\x93\x93\x93?on.,|7$%\x1aIy\'4\x8ea\x1c\x07*\xf0b\xe8 \xd2\xf4\xfa\xd9\xb7\x1bE\x07oR&amp;nob\x04`\xab\x1b\xcf\x8cZ\xa3\xea\xbf\xac\x9b\rL\xd3\xf9\x19\xc7\xff;\xbd\xb49h\xb4%u4\xf6E\\\xbbR\xa1\x1c\xf6\rZ\xe0\x0f\xa5\xd0Vh\xba\x02\xedJ\x9d\x01r\xb0\xd2R \xe1\x8e!\x8b\xdb\xe1p\x06G\xe2\xe5\x14\x87\xb7\x9cp\xc6\xc4\xd3\xed\x9c\xe3d\x1a_\x88\xde\xc5\xc4C\xce\x18\xa3\xbb\xb9\x19\x1d\xbe\xc6]\xe6^\x8c\xca\x89\xf1e\xcf\xf3\xfb\xf7\xbd\x7f@o\xfb\x11\x12I\xeb?\x9f&lt;\xcf\xf3\x7f~\xcf\xf3{\xbe?\x12[\xab\x19k\x95\xb9\xfd%\xf5\xf5\xd5\xe3\xe3\x1f\xcf\xce\x82\x17\xc7\xc7\x1f&lt;\xdc\xae\xed\x86\x1c\xdfPa\x07,\x80\x82\x86\x9a`}\xbeg\xe7\xc3\x1b4\xfb\x93#c\xce\xb9Nl8l\x1a\x9b\xe87\xe9k\xff\xba\xe5\xefy\x1f\xcc\xf5\xddU+\x99\xa0\x97)\xfc\x1d\xa3\xd5\xa3\xe7g\x9f\xbex\xf1tvv\xf6\xe3\xf3\x0ff\x86\xe5k\xbb\xbb\x0b\xed\xc5\xc3{\n\x18\xaa,x\x13\'gff\x8e\xef\x9e\xf3\xd9,\x93\xfd\xd8\xb8\x9d\xcb\x89\xabe#\x87\x94\xb1\x9d\x88\xbe\xf2\xf5_\xfe~\xfc\x9f$G0X+e\xd6\xaa\x8e\x8e\x90B\xb2\xf7\x04b\x81\xb9\x1e\x9c\xdd\xbe\xbee\xb3O^Xk\xaf\xd8\x8f#\x0c\xe8v\x1a\x01\xeb\xf1\'\xa7N\x8d\xf0\x12\x94\x03\xd1\xbe4\xa1y\xe5\xc6i]\xa8\x04\xc5R|\xe1\x1c\xa9)\xc2\xf2\x8cK_\xdf\xb8N\xb6\x1f\xe2E\x99L\x06\xd9A\xa0\xc9\xc8\xdc+\xa9\xda\x06\xc9\xe1\xec\xcc\x87\xc5\xb5\x90D\x81\x0b\xb2\xc4~\xa7rYV\x18\xeb\x9b+\x9d\x87xT|\x17\xc3\xa6h\xa3\xa89\x95\x18\xf3\xbf\x8e4\xbd\xfb"T\x11+1E\xe4\x01\x96U \xc09z\xfe\xc6\xfaf&lt;\x0b\x87U\xa1\x95\xcb}\x16\xe4\xf2\r\x15\x10,\xe0\xbay\x83\xe6Q&lt;j\xcet\x9d:?\x88\xca\xf3\xe2\xfa\xc4\xf8\x9e\x9f\x8a?J\xc4\x9e\xf1"T]+W\xe7\x11,\r\xdf\xcb\xd7\xf03\xca\xabJp\x9eb\xc3e\xaf\xd5\x8a\xe5&gt;\xf8i\xf1\r)\xd1\x87\x805y\xf7:\xc5\xe1\xa6\xa8\xb1\xb8\x145W\xbdN\xb1\xd8\x91J\x9d\x9bE?\xe6\xd1\x17\xcb`\xad\xcc\xcb\xcb\x83\x06\x9bo\xe5C\x0b[.\x81\xf2\xa1\xbe\xba\xb5\xaf\xd2f\xeb\xb3\xc1\xe6\xa3\xf5\x91\xe5Tbl\x01\xd8\xef\x1e\x1fM\xd4dD\xcd3\xe7\x89\xcd\xab\xc8a\xf1\x0b\xf4\x992f\x89\xf4\x19\xdeL\x1c\x95e\x96\x97\x7f\x00\x1b\x10\x06\x17\xd3G\xc3\xce\x83T\x1e\xa7\x12\xdeD|\x17\'\x1f_Y\xe0P\x8fmCf\x9f5R\t\xca\xed\x98p\xf8L\xd9VBU\x86\xd3jh\xf6\x81JP\x9e)\xf9\xe0\'\xb0)\x8e\x9f\xfe\xeal_\x1f\xbc\x8c\x00\xe5\x0b\x1as\x19\xace\x93\xff\xb9\x12\x7f2\x19{v\xd2\xd1H\xf2\xe5\t\xce\xc2c\xce\xc8\x7fC,Xz\xbd\xde\x0b&lt;d\xba\x8f2\r\x9c\x0bo#3j0W\xff\xfe\xcd\x1e\x9f\xc7\x01\x85),\xe0\x8aa\xbd\xda\x98\x93\xbb\x906\x90\x1b\rM\xeaI\x19t\xaaV\xab^\x9fQ\x8e2\x9b\x8c\x0c\rP\x9d\x00\xacm\xdb\xea\xb1\x84\x80N\xba\x7f\xcf\xd0\x10T\x0f8&gt;\x17\x86\xad\xc5e\x02\x9c-\xcb\x87\xf3\xd6\xb7\x9a\xec\xc7\xec\xf5d\xf5\x0e\x85Be\xf5J\xbd\xe0\xbeL\x9c\xa4k\xf8\'N\x08 s\xd5\x9f??z\xfa\xab\x0f\xff\xd6\x0f=\xab\xd1l\x0eSal1\xd6b\x93\xc3r\x16\n\xf9\x05\x07\x8fa\'^]eu\x87\x14*\x95\xd7K\xfc\x87iK"\x91(\xdc\x1b;\xaaG\x9b!\xb6\xb6\xf7\xaf\xdf\xbf\xc7\\\x00P\xd9\xc4\x87\xc2\xec\xac\xf9\x9c\x98|\x87 \x8e9U!\x11\xcb\xf0I\x12/h\x19W\xe9\x15\xa1\x90[ P\xa92\xc0T|\rT\xa7U\xf9\xa16\x1c\xba\xb6vu\xf5m\x1fn\xf1m6*\xd1PB\xb2\xa2\xd6\xa2\xd8\x9e\x9d\x14\xf2\ts\x94\x85B&gt;\xee5\xe5]^\'\xb2\x86\xfc\xfe|\x89@\x90\t\xc9T\xe3\xc5\xda\xa6\xad\xad\xbe\xf7tW]W_\x1db\xc9=N\xb2M\x0b\x85\xb9\xa4\xb2i\xfc\x96!\xff\x12\x93\xfd\xc8\xc1+\x05X"\x95\xbf\xa4\xad\n\xc1TV\xab\xa2\xadg`\xa0g\xa0\xb7\xb5\xab\xceV\xd9\x07\xe9T+7Y&lt;h.B\x05\xdb5\xc1\x9a\xff\xd9\xacr\xd8$Q%\xdbd?\xb6A\x00\x96L\xe4.\xa9\xef(\x01\xdf\xb9\x15\n\xff\xad\xea\xe6\xa9\xa9\xe6\xe6\xae&gt;\x9b\xbd\xb8\xd2f\xb7\x8bK\xd5j\x8b\x03"&gt;7W\xa9T\xe6b\x9eO\xc2J\xbdW4\xb7^\x92\xc5\xcc\x9c\x04\xc1^\xf8\x0f\xc4\x92yC\x1d\xd5\xd5@\xd6\xe6\xf7\xf7\x0c4wu\x1d;V\x07D\x01{\xa5=P!^k0\x98\xc0\x8dP\x9c\x16\x14\x90\xda\xa61.\xcb\xa7^\x8fYp\xf3\xe1\xbcD:\xa5\xe852Y\x9e\xcc[\xd51::Z=\xd0\xd330\xd5e\xb3UV\x16\xdb\'\x02\x01\xfb\xb9\x80X\\j\xd0\x19\xd4.\xa7\x19\xa0\n\xc8\xf6\x03XG\xe7\x89\xdc\xf9T\xba\xacJ%\x169\x13\x87K\x9f\xc1\x03p\x917\x1f\x12\xc2h/\xacc\x95\xf6s\xf6\x89\xf6\xc1\xf6\xf6\xc1\x89\xc1\x86\x86\x86n\x9d\xce`\nB\xe2\x8ad\x89\xec\xac{\xd7\x12\x84\x7f\xa9\xcf\xe5&amp;\xecs\x9c\xd8H\'\xda\x13\xa56d\t\xd7\x8f8\x88\x05\xd1\xa5Q\xe5o,\xa9\xaf\x1e\xed\x05c\xd9\x03\xed\xc8\xd3\xd0]\xd8\xb0\xe9\xedM\x9b\x9atj\x8f\x13\xa10\xb4r\xb1%\xbb{\x8d\xc3a\x7f\xf6\xbc\xedkt\xb8\xcee\x19\t\'\xcd\xdf\xe95")\x99FeHP\xf7P_=UW\xdc&gt;H\xb06u\x03S\x93\x0e#\xcbH\xa8\n\x18Gf\xdd\xbc\xcev\xdbn\xfe\xcd\'\xf5\xd8\x8d\x93R\xcf\xc4}\x85^#\x95JE\xb2\xbc&lt;\x91JR\xf5\xc3\x92\x12\x0c\xae\xe2@ P\x08\xd6\x82\x16\x11\xa5\x0f\x9b\x87\x9c\xd8\xb8*\xcdFX\xe6\x02\xc4\x8a;\x92d\xab\xb7\xfe\xc7\xbb\x18$\xe45\xa8(\x83R\x1e\xfa|\x94\xaf \x17D|\xad\x18V\xa1\x18J\xe6\xcdCC\xc4XfG\xd0\x81\xfd\xbe\xb0\xf1\xe6+\xf7\xadq\xe7\xcc\xe1\xd4\xc4\xe5\xb0\x8c\xef\x98\xd0\xc3\xcf\x00\x0b\x87w`-\xe0\x92\xb8\xf3C$ET\x16W\x04\xb4\x11,\x07`\x81\x07\x9d\x16\x93\'\xe80\x9a\xb3\x19kqR\xd5\xcc\xdc\xa4\xbb\x18\x89}"\'\xe9\x8e\xc6\x9c\xd7\x8f8\x04\x8b\x0c\xefd\xb8\xf4*\x81@\xe1\xf6\xdf\ns\x01Va\xa9\x1c*-\'\xba\xd0\x184\x99,.\xf8\xb70k\xf2:\x8f\xf5.\xc6|c\xce\xb0"\x951\x06\x97\xcb~\xfd\x88\xcb\tk\x00\x10\x0b\xf6g\xe4\xca#\x82\x08X\xd0\xf2\xf7\xf4\xb6\xa2\x0cI\\XZ\xea\xc21\xb0P\xa8t\xba\xd4j\x93\x052En\xd6\xe47\x9dt\xe2\r\xcc\xd8\x14\x93\n?;eV\xcc|\xb2\x80\x1c6!\xe4\xf9d\x04\x05\x8e\x04{\xe9\xa1\x82\xde\xbaC\xe1\xef\x81\x04V&lt;!.\x94[\xc8\x148\xbb hR\x03W\xd0i\xcc\xcdj\x1c~o\x84\x8e\xc8g\xb8\xf3\xc8a\xb9\x9co+\xec\xba\xbcNJ\xc4\x9d\x90%\xa0\xfd\xd1\xebeye\xa8/\xdb\x11\x02W\xd6\xd9*\xa0\x1b\x03\xac\xec\xacl\xa3Km0\xa8M`:\xc0\xb2\xec\xfbh\x84\xf7\x8a!\xff2\x15D\xac\xde\xba\xbc\nm\x05\x06\x93\xa2\xb5Dz\x11X+ou\xd9V\xd8\xb3\x07 \xe1k\x19\xaceB\xa7\t7!\xf4"`y\x8a\xbe\xb7\x8b\xf5\xda\x03\x95Z\x1a/4\xd9O\xc9\xc5\xa4\xf39\xba\x1aU\x94\x1at#\xf1\xa2W\xaf\xdf\xaaG?\x86\xda\x06\x9a\xc3Xfa\xb62\xa8\x86M\x08\xcd\x85XF]\xcd\xeb\xbb&gt;\x1b\xd9\xb0{\xcb\x16\xdeK\x86\xfc\x9c\x93}\xb66\x83:t\xe9}\xf4\xa1F\x03IU\x9f\xf7K2\x19V\xa9\xa0\x17\x02/V\xb7VV0XJ\xa1\xd9\x05Xh.\xb0\xd6\xb2F\xb3\xba\xa8\xe6\xad7\x0f\x1c\xf8\xd1o&gt;\xda\xf5\xe3w\xb7\xb0^2M4b\xfcl\x93\x13\'s\x89\xfb#\xee\xf5\xa0\xff\xf0\xe5\x1f\xf98\t\xd6H\xf9^)D\x97\xc8\xaa\x12($\nX\x10\xf4]\xb6Z9&amp;\x08c\x01$-\x03\xc1\xb2\x10,\xa3ZWTSS\xb3t\xe9\xd2\xeft\xd7\xde&gt;\xbe\x81\xe6p\x93\xaeF\'\xea\x0b\xe2\x0b\xe7y\x84x\xf8\x06\x1e\xbd\xf1\xf3\xce\xce\xcf\xde{\'\x04\xd6\x82\x90\xe7cx\xe9\xa1\x94\x80\xdc\x15\xc6\x9a\xaa\x03\x1f\xcaQ\'b6zp\xca\x02\xdb#\xc1\xcar\xa8M\xa8&amp;\xa9IKK+\xd2\x99\xd6\x1f\xbbs\x88\xf7\xff(\x9ay\xf4\x93Og\xc7o\xef\xda\xf5\xdb\x03\x17\xdc^/\xc1\xc2\xc0\x97\x8a\xa4R\xe0R\x10\xac\xfaV0V)b9\x8d\x0e\x13c,\x93\x0b\xb1\x969\x0c\x16]M\x1a\xc1J+jR\xfbf\xc0`\x14\xab\xfa\x95}\x84\xce\xbe\xe8\xab\x9f\xfe\xec\xf9\xd8\xcd\xc1\x9c\x15\xcb\xdf\xfc\xb7\x02\xa8\x80\x8b\xcf$/h\xaf\xad\xc4\x8b\xee\x92\xde:\xbcISjq\x05\x9d\x0e\x8c\xacM\x86\xee\xb5\x80\x85\'$N\xb5E\x97\x16^5EM\x06S\xff\x85;\xbby\x0b\xd4\xf2\xa9e}\x82\xff\xe8\xab\xeb\x9e&gt;\x7ft\xef\x8b\xf5\x8bW,\xcfY\x1e\xc3\xf2\x82\xb9 Cx\xbd*\x80\x82\x8e\xacu\xbb\xb6\x10/\xd2\xb8\x82\x0e\x8f\xc9\x00L\xb0\xa2X\xa6\xa6\x08\x16\xb8V\xa7\x03\x83\x9d\xba\xd3IG\xc5\xc3)\xf5V\xf4\\\x92J\x0c\xf9H\xf5E_=\xf3\xf4\xf9\xf4c\xdb\xaf\x7f\xb0/=\'\'g\xf9\x057@eF\xb0\x88PP\xa5\x82\x8d\xb1d\xb4n8\x8c\xe5\tB*E(\xc6t\x05\xc2l\xa7Z\x1d\xc3\x02\xd7b\xa6\xf5\xd9\xbe\xbc4\x82\xb7\xe8\xa3Xq\x17m\x93\x0f)\x93\xc6\x0b\x0c\xd4\xb3{\xb6\x89\xe1\xf5\x83\x8bs\xd2\xd3W\xfc5D\x8e\x8f\xd0b\x19^).\x15Z\x0b\xdf\xc3b,n\n\xe5&gt;\x97\xcb\x04H\x85\xb0o\x13,s\xae\xd0aP\x17E\x9d\x08\xd5\xab\xc9B\xb6\x00\xed\xc9w\xee\xdfy\xb7s\x0b/\xee:M\xb4cN\xbc\x90\x1f\xb3%\x8f\xbe|\x05\xa1\xa6\x9f=&lt;w\xe4\xee\xef\xff\xb4sq\xfa\x92%9\xbfh\xcbd\xcei\x80\n\x96\xcak\xf5Z\xd1\x87%\x90\xb5\xec\x15\xb5\x01\xb1\xdcb\x01*\x80\x82"GN\xb0\x94\xca\xa0AW\x93\x96\x16\x8b.\x003\xa1\xc9\x00\xad\xe5\xe4\'w6\x1c\xa2S\x8bfn\xea\xddz\xccP\xc0\xf4\x02\x98\xd0T\xf6/\xc6\xa6\x01\xeb\xf5\xf4E\x8b\xd2\x7f\xda\x83\x8a\xe6rr\xb4\xa5\x82\xe4\x80-,\xca*K\xc8\xf1\xa9\x1d\xcfNM8P\xc4\xaa\x90\xc1\x82n\xc3\xa5k\x8ab1i\x02]iqY\x00\xcedi\xb9}\x7f\xe4\x10\x8f\x1b\x7f\xd2\x1c\xedz\xb8\x9c\xf8\xcd\x07\x9c\x87L\x07\x0f\x8e=\xee\x9b\xb0\x1f\x9e\x9e\xfe\xf3\xcd\xcf[\xbe\xbfd\xd1\x1bKV\\\x081X\x99\xc8\xb4\x17R&lt;\x86V\xc8\x8f\xb5\r6\x8b\xb5b\x9cs\x8a\xc5Z\xad\x96`y\x80\xcbi\xd2E}X\xa464!\x19\x98l-\xb4\xdfP\xc0z\\\x16\xf9\xc9\xfbGi*\\B\x90\xdf\xb8\xf6"\x12\xe8\xf8\xee\xcd"\xd2\xd8\xa3{\x95\x13\xedG\xeeN\x1f\xbc\xdb\xdf\xb0o\xdfk\x80\xf5Z\xfa\xaf"\xe6\xca,\x87D*\x11\x90\xb4\x05^\xecad\xf2\x04\xabP\xac\r\xd4j1\xb7\x02\x97\xc3\xe10\xc4\xb0\x9a\x82\x1e\x08\xac&amp;L\xfa5Eow\x97\xca\xa1\xc6\x1e2\xee\xfc\xc7\xd4u0X\xa4\xe0\xa3\x92\xb7i\n\xdf\xbd\x8b\xb3\xcf\xc6\x1e=\xba\xf7\xd06\xd1\xde~\xe4\xf0\xd8\xf4\xd8\xe1\xc0[\xb0\x10\xeb\x8dE\x10\xf4\x84J\x95I\xa8$`37\xb1Vuo+\x16\xa9\xffe\xe3|`\x9a\xcc\xcf8\xde\xbf,\xed\xcajH\xcd%-&amp;\xbdU\xde\x9b#^Y8=\xe2\x00]\xec\x90\x81\xa6X9\xc2\xf1f$\x83\xabT\xa94\x18\x02\xf8\x12\xd0\xc3Xgs\x16\x13\x0fI\x9b\xd6R\xaf9mR)\xd9\xa8\xd1e\x18@\x17\x8cq\xc1^HE3\x99\xe0\x19\x9c\x7f/*\xe7]\x98\xc9\xbe\xcf\xefm\x91\xcd=\xd0?\xb4\x84\xf7\x93\xef\xf3\xfd=\xbf\xe7\xf7\xbe\xfd\x91\xbb\xb9\xae.\xd7a\xb3\xd8l\x94OpU}R\xf5\xd1\xfe\xe5\x1cn$y \xd0z\xf6\t\x80\x9dY\xc5\x89\xfd\xa5\x00\x00\x0b\x80IDAT\xbf\xd6\x1d\xae\xcf\xfd\xec\xcc\xc0\xc4\x93\xd7wJ\xb3%\x92w\xea\xd3O\xd2&gt;\xbf\xf7\xef7?\x1c,\xbe\xe1p:m\xbdS\x0b\xc3CC\xc9YO\x83\xc729\xe9Q\x00K\xa6=0\x93#B\xe5\xd0\x99\xad5k\xaa\xd7\x10\x15\x16\x8d\xd7\x81U\xee(\x82\xdf\x1d\x96r\x8b\x85t\x83\xb37m\xdd\xb4\xfe\xf02\xd6\xce\x8f\xaa\xaa\xaa\xf6 u\xdb\xb7\xef\xf9\xa4j\x13\xed\x97\xdaO\x9f\xccn[{f\xfc\xbb\xb9\xc1\xd2\xff?\xf9d\x03\xea\xeb\x97\xdb\xb0F\xb6\xf5\x8e\xcf\'S\x80\x1aNtX\xad\xb6D*5\x7fN\xa1\x95\xa9er\xc5\xd5Q\xf8\x8ai\xb5\xa6\x80\xb6:\x14T\x80\x8aV\x8cM\xe8\x03\x0b\xb12\xcb\xb5\x95\x97\x97\xa3\xb7\x87\xc9\xd0\xa0\xae_\xbf\xd1zv\x15\x83ZE\x9e\xc2\xec\xb3u\xcfvZJ~L\xbb\x93&amp;\x06N\x1eY\xbb\xb9\xae\xadm\xf3\xb9\xc9\xa5{\xa5\x92wORJJ\xef\x9cXzU|jvj~~:\x95:\x8fHN\x9d\xf2X\x9d\x93\x8bCC\xe7\xa7\xcf(\xb4r\x99L\xae\xed\xbb\x99\xc7\xc6\xa0\x88U\x80\x00V\xfb\xd1N\xb6\xd0\xc02\xa3\xc8\x01*\xban@\x9b:\x11\x1b\xeb\xfb\xf5\x00B\xff \xde\xef\xa4\nQu\x92]\x03}\xff\xfdk\x88G\x88\x89\x93\x9fn\xedx\xf5\xfaO\xd9\xff\xdb$d\xdf\x9a[z5\x99XH\xa6R;@\xb4#\xb50\xd5[\xe8ip\xceR&amp;\x87\xa6\xa7\xd6\xa2p\xc9\x81\xa596\x93\xc6\xa2\xfd\x17l\xb3\x03\xb0\xd8\x85\x0c\xd2(\xb7\xd0R\x8cJ\x01\xac"FU\xd7\xe6\xb1\xeaV\xa5\xe3\xa7\xe2\xc3N63\x1e\x19\x98xt\xed\xda\x1f\xd8g]\xc06\xf1\xf1\xc9#\xb3\x10,;{\xc5\xf5DI\xe9\xbd\x17/\x9f$\x93$\xd2\x8e\xe9\xf9\xa9\xf1\xdeB\xa7\xa7\xa1\xc1saa\x18\x95"9n\xf34h5\xe0\x92\xcb\xb5\xc6\xcf\xef\x97\xadcj\x11UE\xc5[,\xe08\x1c\x16v\xf1\x07\xeb\xc6"R\xab\xbe\xc8s\xcc\xaa\xcaZ\xf5Nd\xa9\xf6\xb3\x91x\xe6\xf1\x04\xc4b\xa2\xad\xfe`\xe0\xcc\xf7Ks\x17\x97{\xe2\xec\xd2;\xaf\xbf{\xb28|&gt;\x95\x9c\x1f\x7f\xdcasz\xd8\x07\x80m\xb3\x0cja\xd6\xe6Q(\xe52`\xb10\xffm\x14u!\xa7z%\x16\x9d\x10\xa4\xcf\xc8\x97\x97\x17\xd3\xb5\x1f\x14\xfcBJhQ\xae\xe3\xf2WgUY,\x08\xe6-\xe0NB\xd3\x89;\x110\x7f\xae=70\xf1\x0b\x80=\x9e|\x99Q+\xfb\x1fsK?,\x0e\x0f/L^\xb0\xe5\xd67\x9cE\xd4\x17\xf6\x8e\'\x92\xa9!\x06eU*\x95\nN\x06\xb9\x18\x99\xa6\xefv\xf3:\xb1&gt;\xb0\xbd={\xd3\xdeB=-.\xa6\xd3]$\x9b\xcd\xe1(,t\x14:n\xfc\xbeOOX*\x154\xcbZ\x81\xc5HU\xf4%\xc5{:\xdd\xfe\xc3u\x9f\x0eL\xac\xfe\xe07\x03\xe9bu\xeb\x9b\xd1?/.\xa6\x12\x10\x85\xfeCG}nG\xef\xf8\x14\x06\xe2y\x0c\xc4\x85I\x8bU\xa1\x00\x96\xb2\x01s\x0f\x9a\x08\xe2R\x1c\xb8\xd9\x8c\x155\x19\xac\x80\xb6\x1c\x950\xac\xa6]\x07AD\xfb3\x98j\x18\x8d\x7f\xb5\x94o\xbb\xfdy\x83\x0e\x87UI\xa5\x0cK\x95f\x12\xb1T,\xa4\xe2\rim\xdb|d`\xf5\x04+U\xb7\xee\x8d|\xbd\xb8\x98L\xcc\xa2hz\n;\x1e\x8f\xd3@$\xd3#\xa3\x89Y\x8bU\xa9\xa0\x00\x17\xe4\xca\xa7\x80dFp\xe5\xd1Y\xf0\x1cf\xf8\x92\xf6\xdaJ`\xb5\x1eD\xecj\xddE\\$\xdb\xb6\xe2m\xbf\xbd}\xbb\xdf\xa4\x93"t:\xa9*\x93\xc9\x8cT*\x91K\xcaB\xc54\xdd_wd@\xf2\xc7\xc1;\xf7N\xfc\xf8&amp;\xb9\x90\xb8\xe0\xb4:\xa94LO\xef@\x00\t\xb6\x9f\xedp\x12\x14eP\xc1nZ\xcd[\xae\xe7\xcd\x98\xa5\xcbr\xaa+\xd8y.\x88u\xa5i\x17\xa2\xb5\xa9\x89\x92\x89L\xb2\x9fn\xde\xbc\xdc`\xd2\x03J\xaf\xd7K!I\x96*\xc3D\x0ci\x99V`\x11X\x9b\xe4\xf5\xc3\x1f\xff\x0e\xa8\xa9\x0bN\x8f\xedB"\x89AH1\xcdF"2\xaa\\V\x8a\xd0\x0cFN\x93\xe6\xd2j\x8c7\x9e\xe7Q\x13\x98SPSRR{\x94\x89\xb5\xab\xb5\xb5\xa9\x91=9Hx\x8d\x8d\xd7gf\xbe\xf5\x9c5\x01Io2A4\x92\'\x83\x94\xc6\x92\x92\x94:\x91+\x83+\x81\xa9\x93\x89I\x8b\x07\x93\x0b\xaa\x13\xf2\x06"V\x1c\x80\xa4\xe0\xb84\x96\x18\xe0R\xa4\xb1\x98^\x97g\xbe\xdc\x82N~M\r\x95x\x12\xab\xa9\xb5\xe9Jg%\x01"\xaeWV\x1e=z\xff\xe1%K\x83\xdaDP\xb8gYT\xfdW\xf2\xe8\xb6\xcc\xa5\xca\x00K\xc8=N\x9a\xf1\x92\xa8\x98\xe4\xa5\xf1\xde\xcfP\xad8\x10\x89\x1a\xa5\x81\x8cF%\xc7)\xcc\x86\xfc\x0c\x175\xd0\xdf\xde?\xbe\x05X\x15\xc0:\xdd\xd9\xd8\xd8x\xa5\xf1tem{\xfbQ\xfc\xd0Y\xd9^R\xb2w\xf4\xe1\xf5b\'\x07\x9dLj\x84^\x9a\x19\x8eR\x95j\x85\xa7Vb\x89\xfe\x92$NYE\xa8\x7f\x0e\x81\xa9\xb7\xd0\x9a!\x92\x8bR\x89\xdf,8\xa3\x01a\xd4\xb0\x10\xb9\xae\x8e\x1e\x87\\\x15\x98\xa6+Owv\x9e\x16O\xd5\xef\x85\xd1jkKv77\x8f&lt;\xbb~\xf0\xb2BMP2\x99\xda\xa4\x13\xa92\xc7V\x89\xc3\x00_\x08f-\xa9J\xfc\x05\x95\xc4juZ&amp;S\xa8\x98\xa9\x85Y\xd8\x9b\x1089G\xa3\x8e[6\xba\xd1\x88W\x01\x04(\xb3\xd9l\xd4\xb0\x12\x010c~\xff\xd5\xd12\xda/BX\x0c\xaa\xa6\xa2\x9a\x1ah\x08\xb5;\xefK\xfao\x07W\r\xe0\x01\x14\xb0\xf4:V\xa32\xd6"\x04""\xdf1:\xe92V\x96\x04\xfdT\n\xe9[L`F6*8N$bH\xa4\x99"\x9dE,\x10\x89\x89\xb0(\x8f\x98\x83\xc41\xd9\x7fi\xb4\xac\xac\xe0\xd0\xbeJvQ\xa3\xa6\xa0\x9a\xae\x02\x15\xd4\xd4T43\xaa\xc6K\xfd\xe8\x85\x88\n\x92\xe1\xe8\xe9\xdc\xe1\xc0"\x06\xc6\xa7No2\xa5\xc9\x98b*)a%\xa9uINY\xfa\x8d\x0c\x82K\xa7N\xb4\x15Tb\xaf@/#S\xcaLt\x06\xc2\x92\xc9\x96\xb9\xf2\n\x906@\x1d\xaa\xa8\xce)\xdb\xf2\xe1\x96\r\x98\x91\xaa\xf3\x8e\x8f\xb4WV\xde\xec\x93\xabE\xa9\xc8\xf5z\xa9h\'RIO\x14\x04\x93\xc1b/\x88\xc9\x04\xd6\x10e\xcfa5\x80JL\x9e\xf2mM\xa0{\x0e\x9d\x0c\xacnF\n\xcd\xb1\x98\x99\xa1\x19\xa1\x17\xf5\xa9\xe0\xd2(\xfb.\xed\xdd}h\xdf&gt;\x98\xaa\xa2z\xdd\x86\x0f\xdf{\xef\xe7\x1bPe\xbf&lt;\xde\\[{\xff\xf9\x81e\xadpx\xb5\\F\xc6\x87n\x8c1}\xc3\xfb\xc4,\xa3\xf7L"\x1cFb2q\xcaiU\x88\xa3N\xcb\xad$"\xdb\xcb\xe9\x1e\xb8L$\x91I\xccc&gt;5\x84Z\xea(\xb8\xbeK\xed\xe4\xa5\xbd\xbb\xa1\xd0\x96_\xfe\xeeg\xbf\xa2K\xff\'\xee\xc3\xf33\xc7\xd2T25\xbc\xa3\xe7\x03~\x7f\xc0\xeb\r\x85\xa2&gt;\xa36\xc6\xf3|La\xd2\xf2QDL\xae\xe6\xa3x\x9dW2,i\x96\xc4\xe64\x18\xc9S\xcaL\xd5d\xcf\xd8\x139\x94\xc2\x9b(\rr%\xf3\x96HF\x7f\xd0\x0c\xd7S\xa3*G&gt;\xb9\x1b\xcfGG\x9e\x8d\x8c&lt;}\xfat\xee\x9bt\xcc=}\xf6\xec_\x7f\xf9\x8a\xcbP\xe9\x91;\xbd\x86\xf7F\\,\xdc\xb1X\xd8\xedv\xbb\xfc1sX\xb0\xdb\xed\xae\xa8&amp;\x80\x07A\x08\x18E\x8fI\</t>
        </is>
      </c>
      <c r="M111" s="3" t="n">
        <v>45492.6761574074</v>
      </c>
    </row>
    <row r="112">
      <c r="A112" t="n">
        <v>315916</v>
      </c>
      <c r="B112" t="n">
        <v>1977</v>
      </c>
      <c r="C112" t="inlineStr">
        <is>
          <t>Renzo Saravia</t>
        </is>
      </c>
      <c r="D112" t="inlineStr">
        <is>
          <t>R. Saravia</t>
        </is>
      </c>
      <c r="E112" t="inlineStr">
        <is>
          <t>LD</t>
        </is>
      </c>
      <c r="F112" t="inlineStr">
        <is>
          <t>LAT</t>
        </is>
      </c>
      <c r="G112" t="inlineStr">
        <is>
          <t>LD</t>
        </is>
      </c>
      <c r="H112" t="n">
        <v>178</v>
      </c>
      <c r="I112" t="n">
        <v>26</v>
      </c>
      <c r="J112" s="2" t="n">
        <v>34135</v>
      </c>
      <c r="K112" t="inlineStr">
        <is>
          <t>Right</t>
        </is>
      </c>
      <c r="L11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a4efdd6-28a1-47a3-b0b0-15da840cf5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07*\xf4\x00\x00\x02\xfdPLTE\xff\xff\xff\x0f\x16 \x0c\x08\n\x13\x0e\x0f\xfb\xfb\xfa\xfa\xfb\xfc\xfd\xfe\xfd\xfd\xfe\xfe\xfd\xfd\xfd\xfd\xfd\xfc\n\x0f\x18\x10\x0b\x0c\xfb\xfd\xfd\r\x13\x1d\t\x05\x07\t\r\x16\x16\x11\x13\xf8\xf9\xf9\xee\xbe\xb1\xfc\xfc\xfe\x11\x19$\xed\xba\xae\x0b\x11\x1a\xe9\xbd\xb3\x1c\x15\x17\xe9\xb8\xac\x07\x0c\x13\xed\xbd\xad\xec\xb9\xaa\xf2\xc1\xb3\x03\x02\x02\xf7\xfa\xfe\xde\xb0\xa4\xf1\xbf\xb0\xe6\xb9\xaf\xe7\xb4\xa8\xf2\xf8\xfd\xda\xab\xa1\xf4\xc3\xb4\xe1\xa5\x9b\xe1\xab\x9d\xda\x9c\x8f\xeb\xb4\xa9\xf0\xf0\xf1\xe4\xaf\xa2\xf0\xb9\xab\xf0\xbb\xb1\xcd\x90\x82\xe7\xb2\xa3\xe1\xb9\xb2\xd7\x97\x88\xed\xc2\xb7\xe4\xa8\xa1\xd2\x92\x84\xf2\xf5\xf7\xe2\xa7\x96\xed\xb7\xad\xd7\x9a\x8b\x0e\x0c\x0f\xe4\xbc\xb3\xd3\xae\xa9\xed\xf3\xfc\xda\xa8\x9c\xe3\xb3\xa8\xf3\xbe\xb4\xd2\x9f\x93\xea\xb7\xa7\xbb|m\xd0\xa8\x9c\xf5\xca\xbb\xd8\x98\x92\xd3\xaa\xa3#\x1b\x1d\xe4\xb7\xab\xdc\x9e\x94\xe1\xb6\xac\xed\xbf\xb5\xd0\x9a\x8e\xdd\xb3\xa9\xff\xfe\xfe\xd8\x9e\x97\xda\xa4\x97\xe6\xc0\xba\xf6\xc6\xb7\xca\xa4\x9a\xe0\xab\xa3\x1a\r\x0c\xea\xc3\xbe\xcb\x95\x8b\xc7\x8a|\xf3\xbc\xae\xcb\x8d}\xe2\xbd\xb7\xdd\xb5\xaf\xda\x90\x88\xfe\xfe\xff49B\xd2\x96\x88\xc3\x9c\x92\xe9\xac\x9c\xdf\xa0\x96\xe7\xaa\xa6^ag\xd8\xd9\xdd\xcc\x9f\x97\xd3\xa4\x98\xd7\xb3\xad\xe5\xe8\xec\xd1\x88\x80\xde\xa1\x9b\xdd\xbb\xb4\xd5\xa5\x9f\xca\x99\x90\xf1\xc5\xb8\xc0\x80r\xd7\xad\xa4\xc4\x85s\xbe\x9d\x99bfo\xda\xae\xa8\xdc\xa0\x8c\xe8\xee\xf4\xe8\xaf\xaa\xaeoa\xec\xea\xec&amp;\x13\x11\xb4ug\xe6\xa3\x9c\xe1\xad\xaa\xde\xa3\x91\xcf\x7f\x7f\xc9yz\xa5xv\xc4\x84y\x89\x8c\x94?BJ\x16\x1e)\xcc\xcc\xd1\xc4\x95\x8e\xd4\x92\x8e&gt;\x1f\x1c\xca\x8aw\xbc\x8d\x87QT^\xf7\xcd\xbf\xb9\x85\x7f\xed\xb0\xa3\xb0\x82\x7f\xca\x8e\x87\xb8\x81v\xe1\xdf\xe2\xda\xa2\xa3\xef\xb4\xa5\xdf\xe3\xe9\xe7\xb6\xb5\xb4\xb8\xc0\xf7\xc2\xba\xc3\x8f\x89\xc9\xa9\xa5ot|\xe4\x98\x9b\xd9\xce\xcf\xd8\xb8\xb3\xbc\xc0\xc8\xcf\x8f|\xe1\x96\x91\xf2\xc5\xc1\x92\x96\x9d\xc0\x89\x81\xcf\x99\x96\xc4\xc7\xce/!!\xbc\x95\x8e\xb1\x95\x96}\x80\x88\xcf\xd2\xd9\x9b\xa0\xa9\xa7g\\\xed\xb0\xaf\xf7\xf3\xf4G(#YDF"$+3\x1a\x16\xf4\xe6\xe6\xef\xb7\xb5ILS\xd4\x87\x89\xb1|u\xd7\xdd\xe5^5/\'.8y\\_P&lt;B\x89rs}D&lt;\xaf\x8f\x8c\xa4\xa9\xb2\x81OJ\xec\xa3\xa5\xff\xfe\xff\xaf\xb0\xb8\x97nm3/3\xf9\xc7\xc6I5:\xe2\xca\xca\x8eWK\xef\xbd\xbd\xa5ri\x97}~\xe8\x9b\xa1\xde\x8c\x92\x99eb\x86fg\x95]RS/)kXVaMP\xbaio\x89YY\xd3\xc4\xc3\xad\x9e\xa1\xf4\xbf\xbe\xa4\x8c\x8c&gt;-1\xdd\x86\x86X^i\xf7\xc4\xc0\xc7op\xe8\xdb\xdb\xf2\xc9\xc8l=5\xc8\xba\xbc\xdf\xc2\xc0\x9faT\xd1\xb5\xb3\xb1\xa9\xae\xc6\xb0\xb0\xf3\xd4\xd6xjj\xb2uq\xa5\x80\x7f\xfb\xcd\xcc\xdano\xa7KR\xbd\xa4\xa4\xbeyupKF\xda|z\xe7\x8b\x87\xc6WX\xff\xfd\xfd\x9c\x98\x9f\xff\xfe\xfd\xb6\x9e\'r\x00\x00 \x00IDATx\xda\xb4\x98oH\x1by\x1a\xc7\xcb\xfc\xc9\xcc0!7A8\xb2o\xe4\xa0\x1c6d!wb,\x19J\x97\xc5\xc3\x9b\xcb\xb1W-5\x1aBW\x03Z\xcb\x16\xd9#\xa7\xddR\xab\xf6\x85\x7f\xc8n\xa2\x14/B[Z\xa1\xcd\xb5\xa5\xd9\xda\xb55JE\xb2\xf1\xcfz\xad!D\x85\xadU\xca]}u\x05)\xa8/n}q=\xee\xfb\xfc\xc6\xb6\xefo\xc7\xc7d\x94\xf1\xcf|\xfc&gt;\xdf\xe7\xfb\xfb\xcd\x1c:\xf4\xff\x94tH\x92d\x9b$\xd9\x15\xbb \n\x82\xd3\xe9\xb9z\xf5\xea9\x8fSt\x8a"N\x88\xa2h\xb7\xdb\x15EV\x04Y\xc6\x0f\x1fl\x11\xcc\t|H\xf8B\x96\x15\x05\x97\xb6?&gt;7\x12\xbb\x8f\xba}\xbd\x7f\xb4\xff\xd9\xfd\xd6\xd6\x87\xb1\x18^#\x95\xa2\x1d\x84\x8al\xfe\x8e\xd4x\x90X\x1fJVd\xb9\xc49\xf2\xec\xee\xd8\xf9\xa1\x81&lt;\xd5\xf7\x93\xbf\xd4&amp;\xf3\xd3\xd3\x03M\x03\x03MMCcoZ=\xa2X"\xcb\xfb\xbf\xd0\xd8xpT\xef\xc1\xa0\x82\xe2\x89\xdd\x1d\xfa\xdepi.M\xe78\x95\xe7q\xc0\x91\xd7pB\xd54-=0\xfa\xac\xd5\xf9\x1eK:H\xb1\x14Q\xc6\x85\xe4\x12\xb1r\xe4\x87\xf3M\x06\xaf\x83\xe2\x17\x9c\xa3\xd4A\\\xc4\xe4ri\x1cG\x9f5\xce\xe1\xca\x9fy\xe3Q\xec\xa4l\xa3tP\x0e3{\'\x88\xb2 \x88\x9e\xd8\xdb3y\x1e4\x0e]\xe39|\xe2\x98^*\xc3RU\x95c_\xe8\xbck\xe0\xee\x88\x08\xeb+%\xd2\x89\x034\x96\xcd&amp;\x08\xb2(^z3=\xa9\xe9\x0e*N\xe7\xe8\xa0r\xba\xce\xa3\x87h\x9e\xc6\xf3:\x18]\x86\xe1\xe2yW\xbe\xbf\xb5R\x04\x97\xed\x80\xd4z7}\xa2\xf88\xd6\xdf\x04;\xa1o\x1c\xc7t\x02\x04X@\xc5\x99\xa5\xea\xaaj\n\x87C~\xb4\xd5\t\xae\x83\x89\x89\xa7\x94\x0b\xb0\x95"\xda=o\x86&amp;u*\x88\xc2\x95\x96\xa2_&lt;\xbc\xae\xea\xc4\x052\x87Ijv\x95p\xd3\xa31\x81a1\xdfKVw\xf0\x84dC&amp;\x88#\xfdyC\xd3ai\x8d\xd7\x1d\xa5\xa5\xa5\x0e]\x87\xb9\x00\x81\t\xc47\xd8)bR\x89\x95\xe6\x927\xb6G\x90\xaa\x87\x0e` )A\xff\x0b\xaf\x978\xef\x8fNj\x1a1P\x1bA\xc0\xb4\x81\xb9\xcc`\x80zT\x0es,yt\x15\xa7\xd5\xc9\xfes"\x99Kbiae\x0f\xa5\xc6\x13\x8a\x825&amp;v\x86d\x82\x0cL#\xc7\xbe\xeb\x99\xd9\x01\xe1(}\x8f\x853.\x17\xcf\xb1\xe0\x00W\xabS\xb1!\xebdk\xbbH\xff\xa8"\x88\xce\xd6Q\x8d\xa7\xfc\xe4\xc9[\x0c\x89\xa3\xfe\x99#\xf8\x01\x0b`x\x91^\xb0\x1a\xda\xa9\xe7\xc7F\xc8_V\xab\x85hP\x10W#c\x86\xee\xa2\xfe1\xc3\xb3t`\xc66\x83\x01z}\xe0b`\x1c\x9bMJ\xb1\xfc\xdbK\xa2"(\x92\xd5XHD\xf1\xd2\xddI\x9e\xa5\xa5\xae\x92X\xa5\x1c@\xb4}*\xf2\x16q\xa1\xcc\xe6Rx\xd0\xd1\x9cM\xbd\xe9z\xa5(*\xd6\xab%\x89\x9e7M\xb05\xd9\x987/\xc9\x03\x91l\xad"\xa2\xcc\x84wi\xcc\xe9fq,.8\xd6ZN\x1f\x8a9\xb1p\xb1U\xd5J,\xd1y\x7f\x88\x86\x8dw\x90\xc3\x19\x94\xa6:8\x07\x0bN\x03\x91N\x01a\xb8\xd8\xdb\x15D\xa9*\xde\xb0\x9e\xd9XN\x1b\x1bq\x96X,\x17\x9a(\\\x1d34Jn\x04\x95\xce\xb1\x11c\xf3O\x02\x11\x96\xa1\x05A\xe32\xd2\xe9\xb4\xd1\x85\n\xee\x17)\xcb\xc0\x8c\xb1V\xab\xdb(I\x82x{Zc\x10X\xfdT\xd36l\xe5\x83\xd9\x82\xa0\xed2\x8c)\xaat:&gt;1\x11\x8f\xc7\xa7\xde\x81\xb9\xde\x819&amp;\xefz\xac\xc6\xb2\x89\x9e\xfeIfm]3\x03\x8bb!\x18\xec\xa2\x8e\xe1\xdd\x05\x9a\x17T\x13\xa0\xa2\x9a"\xae.VAt\x9a\xa3\xe5`\xe8\xa1S\xb0\x14\xab\xd1&amp;\x8d\x9cg\xd3\x06\x81\xb8R3\xact\x95\x0f\x92P\x86\xd15\x15\x9f\xc8\xbe\x9e_\\\x9c\x7f\x9d\x05\x19\xc9EXS\xf1\xf8\x04d\x0bb\x1cx\x8a\x8b\xfcu\xb8\xde"\xac\xfd=\xb2\xfcp\x9a\x82\x9b\xc6\xcdQ\xaa\x92\xd3Q\x1a\xb9h*\x8e\xcbg\xe7\x8bk[\xe3\xe3\xe3[EB\xa3.B\xbd\xec\xeb\xd7\xd9\xec\x8b8\xba\xa9i\xb4S4\xd0E\xd9\x9a\x05\xdb\x0c@I\x16\xaf7\xd1r\x82,0\xccX\'\xdf\x80i\x8a]~q\xab\xb3\xbb\n\x15\xed\xee\xec\x1c_+\xce\xbfF\xcd\xcf/\xce\xa3^\x83\x0b\x8dd\xb3;\x14\x13\x15\xc9\xbcU\xb1D,\x9bR\xf9]\x9e\xe7\r\x17\xa7"\xa2x&gt;\xd8E\xf6fD\xf3\x8b\xc5\xad\xce\xaah_\xc8\xeb\r\x85B\xd1\xaa\xe8OUU\xc9\x99\x9d\x99\xee\xf1\xad\xb5b\x91\x10\xb3q\x08\xa6b\xa1\xe4\xf2?T\n\xfb\x9b\xfb\x9f\x1f\rX`e\xe1\xdcX\xda\xa5\x01\x8b\xa3\xb8\x0cN05\xa8q\x9d$S\xb4=\xe4\xf5\x95\x97G|^V\r\x9fVG"\xdep\xa8\xbd\xbb\x13]\x9d\x9fG#\x99Z\x0e\xa3\xff\x12a\xc9V\xa8E\x7fF\x11F\xcePN\xf2\xb4\xc6\x05\x83\x13\x8bkk\xb0\x12\x89\x14\x0e\x87\xfbB\xe1\xb0\xcf\xefF\xf9\xfd\xe5\xe5\xdf\xf8\xdd\xb5\xb5\xc7\x8f\xd6^\xf0\xfb\xbd\x89*hV,.f\xe3]lOf`\x87c\xae\xd7\x16`\xe1\xee\x19\x11?MI\xaeb\x9f\xc7\x05\'\x8a\xd0\xa8\xbb*\x1a\xf2\xf9# \xf1\xf9"\x91\xea@ss @`\xee@\xed\xf1#T\xb5~_*Q\x05\xbd\xb6\xb6\xe6\x19\x96\xaa"\xb9\xec\xc0\xa2-\xa1\x15X\x8a\xf8\xf8\xbb&lt;-+HvG0^$\xa6\xbe\xb07\xe2\xae\xad\xa9\xa9\xa9\xf6\xfb\x01\xd5VVV\xc6\xc0\x02ee\x8c\xeaH\x9b\xbb\xdc\x97j\x07\xd7\xf8\xf8Z\x96a\xe9\xc6\xd8U\xdc\x07A\xad\xa7\x16X^\xb1\t\xe2\xa5\xb1\xbca\xa4\x91\x0f\xc1\xae\x17E\xb8\xa9\xbd=\x14\xf6\xfa\x03\xc0\x02Iuus\x1ba\x95\xb5\xb5\xb9\xdd\xcd\xf4\xc5\xd1\xe6\xa3\xcdn\xe8\x98J0\xae\xad\xe2\x8b.l\xbc4\xed\xfcC\xa7\xfc\x1fz\x00\xd0h\rV\xeb\x99t\x9a\xe4\xea\x9a\xca\xae1\xaaD"\x9c\x8a\xf8\xdd\xd5\xa0\x02V\x80`*Pm\x81@3N]\xb8\x80v\xc2h\xa9T*\x01\xdf\x8f\xaf\x14\'\x82\x0e\xde\xa5O\xc7D\xb6\x1d\xb4\xc2\xf2\xb2,\xc0Zi\xc3\x85Ex\xeaE\x11\xa3\x17%\xac\x04\xba\x88k\x7f\xe6\'\xac@\x1b\xa8ZZZ\xc0\x05\x95\xa8p\xf4\xc3]\xa9\x14\xe6\x11a\xb67\x85\xf4\xe5\x06b\x82\xa0\xc8\xd6`\x95`_\x1a\x1bJ\x1b\xb49\xc8.\x8e\xb3@hO\xb4\x03\xcbG\x15\xf1W\x83\xeb\x1dV\xb3\x1b\x96\xf2\xf9L\xacr\xb4\x11\xb6\xef\xee\xde\xe9|9\xd1\x05_\x0e\xdc\x87Z%v\xdb\xd3\x9f\x1f\xf3r\tv\xf1\x0f\x870\x88\xe9x\xf6\xe5J\'A\x91X\xc0\xf2z\xc3\xe1\x94o\x1f\x8bu\xb1\x8d\xa6\xb1\xbc\xfc\xf3\xf2w\x8a\xf9\xbc\x89\xf6hUU\xf7\x8f{q,\xd9\xf9\xeb\x95\xd6\xa8\xd5\xc8n.\x9c\xb7\x07\xb0$\x13\x15u0\xc1*LX\xa9D\xaa\xdc\x1d\x00WsY\x05y\x1e9A\xde\xa2\x0c+\xf7\xa1\x8b~\x7f$\x95H\x84\xa2;3?f\xd2ji\xfe6\xf6\x10\xb8\xb1\xb3\xa2\x89\xb8\xb9p^o\xe25\xa3\xb0\xb8\xb4B\x1d\x84\xdb\xc3\x89P\xc8\xec!\xa8\x08+@Z\xf54\x83\xee\x08\x1b\xca\xdaZ\xca0w9\xd9&gt;\x1c\x0e%\x93\xbd\xb9\x82\xcb\xd1t_\xc0\xd6\xc6\x82\x07\x12\xa6\xb7\xa0\x96\xca\xa73\xcfWz\x93\xd4C\xe8\x14\x06U$BWv7\x07\xaa\xbf\xa9\x0e\xf4TT\x94\x01\xab\xe2\xe2\xc5\xba\x8f\x7f\xf3q]\xdd\xf1\xda\x00\xbeO\x9e\xc7\xbf\xe0\xbd\x97\x9cY\xdaH;`y\xc5f\x8d\xe5m\x10\xdd\xf9pZwm\xe6zgf\x92\x08\x87\xf6T\x18\xa6\xf2\xe2\xaa\x88\xd1\xb6\xb6\xe3\xb55\x81\xbf5\xf7\xf4\xf4\x80\xab\xa7\xe2\xe2G\x87\x0f\x7f\xf4\x87?\xfe\xf6r]\xedg\x11J\xaeD\x02+f\xa8\x8f\xe4\xe2\x07b\n=\xb7\xb4B-z.+\xb4\x0e\xf1F\xe6y\xefp2\x99$\xc3\x87\xb0\x0cB-w\xed\xf1\xba\xcbuG\xd0\xbf\xb22\xc2\xea\xe9\xf9{\xc5\'\x87?\x01\xd4\xc9\xfa\x93\xa7O\xff\xe9\xd3\x06\x18\x9e*DXK\x1b\xc6tL\x91m\xb2$Y\x82%\xd9\x85s\xa3\xae\xfc\xfa\xd2\xf0\x95$\x9aH\x1b\x06\\\'\xd4P\xf3\xe5\x97\x7f9\xfd\xc5Wue\x15-\x97\xebZ(\x1eZZ&gt;\xfe\xd5\xaf\x7f\xdf1\xbc;\x87Z]8\xf5\xbb\x86\xbe(\xe60\x9a\x08\xf7%\x87{s\x9b\x88Sj\xa2d\xc16\x10\x7f\xc6.z\xc6&amp;\x0b9\xc2\xaab\xbb\xbd\xe8\x95+\xf7n|=\xb8\xb0\xf0\xa0\xa3\xe3\xd4\xd9\x9a\x9a\xcb\xd7\xae=z\xf4\xe8\xc9\xa3G\xd7\xbe:{\xea\xd4nn}\xb6P\x98\x9d\xcd\xe4Vwg\xaa~\x02\x17\xdc\xf8\xd7\xc1\xe1\xa5\xcc4=S\xb2\xe26\x83n\\K\x80\xd5\x9f\xdf@\x0f\xef]A6"Owz{W\x96r\x99\xd9\xccz\xee\xf9\xee\xb7g\xcf^\xab_~\xf2\xe4\xc9\xf2\xf2\x93k_\x9c\xeax0\xb7\xbe\x91\x01\xd4la\xb3\x90\xd9{\xb9\xb6\x13%\xac\x86\xaf\xaf\xec\xe66n[\x8a%x\xfa\x0b\xebs\xbdW\x08\x0b{\x9a\xf1\x97\xb9\xdc\xc6\xec&amp;R\x7f\xb3\xb01\xb7p\xf3\xd8\xb5\xfa;w\x96\xffygy\xf9\xe4\xadc\x1d\xab9\xc2\xda\xc0\x1bp\xb3\x85\xec\xe2J2\x8a\x85\xbdapxn\xe3\x99\x93\x9e\x9c[\x83\x85\xcd\xa9\xa7?\xb3\xbd\xba;8x/\x89\x15nm/CR\xb0\x02\xd6\xea\xbfo\x1e;y\x87\xaa\xbe\xfe\xe4\xad\x9b\x0bs\xb9\xdc6^\xdb\xa0\xdb\xc8\x14\xf0s{+I\x0cc\xc3\x8d\xc1\xd5\xed7\x1eY\xb1f\x1b(av\x04\xcf\xdd\xf5\xb9\xdd\xe1\xc1\x1b\xf7\xfav\xc6\x17\xb3\x9b\x05FU\xc8P\x1b\x9f\xaf&gt;\xe8\xb8ib\xfd\xab\xbe\xfe\xd6\xcd\x8e\x85W\x0b\x0f\x1e\xe0\xf5j\xf7\xd5\xea\xdcv\x0e\xaa\xed\xadD\xdb\xbd\r\x7f\xfe\xf6\xd5\xdc?&lt;4B\xd2\t\x0b&lt;/\xc3\x0e\x9e\xb7\xdb\xffc\xcdl\x7f\xd2\xca\xb38\xfe\xc6\'\x12\xde8\xa61f\xe7\x05k\x97(h\xc5u`\xc4h\xae\xde\xc8r#\xf6\xb60\x91\x14\xb4e"\xc2\x16\x1c\\\x88\x8e\xb1\x81FY\x1e6\x19\xe8\x9a\xa1@i\\1\x8e\x19\\H5\x1b\xb1M%\x12S\xad\xd1\x96\xb1\x15mAiMq\x88]g\xd2i}\xdc\xd6\x87L\xb2\xe7\xd2\xfe\x07pH\xd0W7\x1f\xbe\xe7\xfc\xbe\xe7\x9c\xdf\xdd\x9f\x1f\xb3\xb8\xbd\xb6\x95\xa3\xbbw~\x02\xaeY\x82\x08bus\xfc\xfdP;$1\x1e\x1f\xdd\xde\xde\xbet\xb9\x06\xab\xa9\xa9\xc1\x9a\xb0\x1a\xac\xab\xa7\xfd\xb7w\xef\xc7W\x1f\xdc\xdbp\x82Z\xb8t~\xee\xd5\xf5\xe4\x95\xe0\xa3\xf4`e\x96\xfc&gt;\xb79&amp;\xb5xm\xc1\x8d\'w~\x9a}\x11\xdb\x05\x03\xd8\x9f\x9f\x1f\x936\r\r\xd5\\\xb9|i{+\x1c&amp;\xb0F\xbf\xba@E\xd4J\x85\x12\xa1\x80\x7f5V_\xfe[\xfb\xd0xtaE,v\xe0\xd2\xb1\xd5OXiY\x14\xb3H\xa4\xeb\xafV\xe7\xa5R\xb7\xd7\x19:zr/\xb6\xbb:\x0f\xc6\xd0\xa4\x80\xe0` \x0c\xb8\xe7h\xf8\xcc\x99/F\xb7\xbf\x1f\xad\xa6(Q\x11\x8e\xa3\xa8\x12\xa1Rj\x0b\xf2\x0b\x1b\xaf\xb4w\x87"^\x02K\xba\xf9\xeaz\x16Q\xf2\x17\xd3\x83\x95S\xf2\x16\xb04n\xaf=\xfa\x02\x8e^\xf7\x10\x86Q\x11\x04\xe1(4\x1a\x8d\xc5\xa2h\xff*\xbf\xe0,\x9d\xce&gt;?\xba5Z}A)jiq\x06MA\xbb\xcd\xedCj\x0b\x0b\x0b\x07\xae\x8c\x85\x82\x0e\x11\xaa\x90\xce\xbf\xba\x95\xc4J\xcb\xfa\x9a\xc4\xda\x9c\xb7(,\xfd\xa6\xd8\x83\xcd\xee&amp;\xac\x8b\n\x01\xb9Bq\x91\xd7i\x93\xd6\xfc\xb9\x16:\x90\\N/\xab;\x9fO\x119\xeb{WVL\xa1h\x08\x8c\xce\xcd\xafm(h\xac\xb1\xef\x89?b]%\xa7\x13\xeb\xfa[(-\x9f\xa6?\x14\x1d\xaf\xc18\x04\x13*\xf2\xdal\xb6\xa0\xd3\xb9\xb22Vs\x01\xa9`\xd1\xa0[\xb7\x95\x17\xe8E{:\x1d@\xc5\xd6\xef\xde}\xf2\xc0d\xb3\x89Jk\x1b\x1b9\xfd^\x11\nN\x0bX\xe4\xac4$1;\xfb\xeb\xec\xac\xac\x9co&gt;b\xd9C\xf3\xbf]\xe9B\xa8J\x87m\x7f\xdfd2\xd9M\x91\xc8\x9b5\x93\x82\xcaU\xa9$\x1e\x0fl\x1aB&lt;\x98\xa4\x9a\x8b\xdd\xbb\xfb\xf3\x9d\x9fg\xa3\xf6\xa0\x88Bi\xa8U\x88&gt;a\xe5\xe5\x90IY)\xbf\x98\xfa\xe8[\xa4o\xde\xc2\xa1\xd3X\xec\xfbC#\xedT*\x1f\xc6\x81\xe8\x8b\x99\x99_\xa2&amp;Sdm#b\xf7YU,\xc0\xf2xd&lt;\x06\xac\xb6\xce\xc8\xf8\xaf\xabs\xb3\xbb\xb1\xbf\xee\xce\x1e\x99\x82\n\xca\x85B\x8a\x12W$\xb1`\x84 \xa5e\x96\x87\xe7\x80Z\xe3R\xa9\xa5\xbf\xbf{d\xa4\x8b\x8a\x06M\xd1\xd9;\xf7\xef\xdfX\x8f\xcdE#\x91\xb5\xe5\x15\x07\x88E\x84GF\x13\xeb&amp;tk\x91n\xc0z\xb1\xbb\xfb\xfb\xe3\xe8\x8d\x99H?\xa5\xb1\xbaQ\x89\x7fT+\xf9\xb8G\xa9\xabE&lt;\'\xef\xfa\xbb\xf1ni\x7f\xbf\xa5i\xa4\x1dS\x06\xf7\x1f\xcc\xc6\xee\xc5b\xf7\xe6\xfe\xf1xuccyy\xc2l4$\xb1h\x9e\x8a\x96z\xdd\xda\xf2Zd?\xb4\xb1\x10\x8bn\xaen\x1c\xcd,8\x91\x86\x06*\x8ak\xa4\xdd\xe3\xefo\xe5\xe4\x81Z_\xa7\xda}\x08G\xce"\x93J\x08\xac\xb1~)\xd6^\xa3v\x87\x8e\xd6\xe7\xfe\xf5\xef\xdd\xd8\x8b\xdd\xcd\xc7\xab\x0b\x0f\x1f\xae\xf5\xb6\xa8\x0c\x90Eb\xdfie}\x0b3F\xef\x9e\xd3\x1e\x84\x04\x87"\x11\x18\x86\xbc\xb4b\xa1\x12o\xc5\x93X\x19y\xa4\xb4`\x11/\x11I\x93\xbf\xbe\xea\xee\x1e\x93*\xb0\xf6.\x8e\xf3\xe1\xfa/\xd1\xb7ow\x8f\x8e\x16\xa2\xa0\xc9\xc2\xf2\x9bz\xb1J\xf5)\x8d\x15\x84\\\xba=\x9b\xd7\xe1v[\xdc`k\xa8R\xc0h\x15\x14\x17\xa38\xb8\xfc\xfc\xfb[\xb9\x93_f\xa6\xde\xac\x89\xde\x93E\xce\xfc\xf2;\xc0\xd2h\x14\xea.\x04\xdf[^X\xd8\x88\xce=X\xd8 \xd4\x88\xac\xad\xe9:\xc5\xa0V\x92+!a\xb1:u\xba\x0f^\x91O\x80P\xa9\x14"\x10\x9cQ%(E \x8b\x80\xf5\xdd;\xdf\xc8T\xea\x17\xbb\xb0\'\x92\xc9\xe4\xcc?\xfd\x07\xb0D\xc0\xa5T:\x9c`\xe1+&amp;S\x88\xf0\xf1\xe0\xde\xc4\xda\x9bz\xb3Je0\x18 \x8b*\x15p\xb5t\xf6v:p\xbeK\xdf\x08\x0e\xdfX\xd8\x80\xa0\x0e\x06*\x10\xa0\xa8f\xccn\xb3\xbf4Z\x9f\xe6\xe6\xa4A-29\x83\x94{\x95\xc0\x12\x89p%\x0eM\x17\x1a\x8e\xc5\xa7Q(,nwp\xe2\x8d\xcelVM\x1b\x8c\x86i\t|\xab$\xb0\xb6\x8a\xcd\x0e\xdc\xe7\x82I:\xbf\xba:?\xbf\x16me\xb4\xa2\x02&gt;\xaa\xb1\xf4w\xbe&gt;\xf6t&lt;\x9d$\xa5\x8au\x11&amp;yrf\x06`\x8dK5\xd0\x82\xf1\x16\xb3\x03Ur8j\x97Z\xadVX\xbc\xc1\t]\'\x94\xbb\xca\xf8\t\xcb(\xa1\xd1x4\x86\x83\xabv\xf5\x00\x17\xe8U[\xcac\xb0\x18\xadU\x80\xa5Ae\x1e\xcfI\xe2\xd2d\xcaj]\x04\xb5\xb2\'\xaf\xfe\xf0\xc3\xf8|\x12K\xdc\tJ(\xa9==\x14\xe8@\n\x8bmOW\xffO\xa8*\xe3\xcb\xd7F\xd5\xb4\xca`|\xad\xe2\xf1\x04E\xb2V\xae\xc0\xa5\x87\xd0j\xe9L\x1e\x8f\xf5#\xa3\x85\x81\xa3\n\r\xe2_\xec;&gt;\x1c\x98$\xa5\xa1\xe6\xc9y\xff\x1d\x876c\x07,\x11\xe3\xdbNs\x0b\x8eP\xf4\xfa\x0bz\xa1\xda\xe7v\xf6\x12\xa7P\xac\xaa\x07,#\xd4\x97\xf1\xb5\xd1\xc3+\x923\xf9V\x1c\xd1k\x85\xc4\r@\x9b\x8cV\xc5"\xb6p\\\x81R\x02\xb7\x17\x13\x80\x95\xf2Nv1\x9bL\xca}\xea\xf8\xf0\xb2\xd7f\xd1\x88\xc4\xe6N\xb3\x99Q\x85"B\xa1\x9e\xc0rt\xd6\x9bY,\x06C\xf5\x81\xa0RM\'\xa0\xc4$\xb4"\xd8\x18y\x15\xc9?rb\xd3\xfe\xfb5\x1a\x8b\x90K\xa9\xac\r,\x0e\x9f|\xc2J\x89\xeb\x11\x18D\xee\xf6\xb0D\xd2*\xd2\xf8\x1c\xb0\x8c\x9a[X\x0c\x87@\xc0W\xbb\xa8j\xdc\xdc)fX\xb9V\xab\nT2L?\xf7x\xe0,\xaa@-\xad\x9f\xc9\xa3\xc9\x98L\xb9V\xde\xd6\xd7V\\YY\x01\xec8\xaa\x14\x02\xd5\xf1\xa1\xbe$\'U\xb9\xa0\xb6H\x99;\x89\x84L\xa0P\x10X\x04\x15\xa3\x8a\xc7\xe3\x83`|\x87\xd9\xccj\xb5r\xb9\xadPT\x86\x84gxx\xd8#\xf1H\xf8r\xfd@@\xdb\'\x93U2\xe9\xf4\x9b\x10\xcc\xb6\xb6k\xc0\x05X\xccg\x04V\xdfTZ\xb0\xc8;\x89\xe3\xe2\xda\xae&amp;\xc02\x8b\xe1TU\xc9\x88\t\x06\xb0Z\x19\x0c\x16\x97\xcbG\x1d\x90\xbfi\xcf\xa2\x9f\xed_\x1c\x1e\xe6Z\xe5\x03\xb0d\xcb\xfbdE\xa5t\xbaV{\xfb\xdc\xcd\xb6\xb6JZ\x15\x0eI\xec;\xd7\xbcxx\xea\x99Jne)bedN\r\x1f\xf7\x9d\xed\xe1h\xdcbq\x0b\xebG\x16q\x9b\xcc\x14\xea\xe5\x1d\\+\xcb\xca\xf5)\xf9f\x83\xd5:,\x8f/-\x1d\xc4\x17\x17\xb9\xd3\xc3\x81\x81B\xbf_^\xd4V\xcef\xb3\xcb\x9a\x9b\x81\xab\xb2R\x80\xe2\x1c%W;Xv|\x9aH\x07\x16)#oj\xf10Q\xa4\xc7|"\x07\xf1\x0e\x85\xc6\xeb\x83\xa2\xd1j\x85|\xab\xd5\xca\xe5\xab\xa9|\xe3t\x87~ \xbc\x04X\x07\x01?\xd3c\xd5\x16\xd6\x16\x06\x02\xdaRz\xd9\xe0\xe0\xa0\x9f~\xeev\x1b\xe8\x85\xa2\x98\xfa\xf93\xbf?q*I\x1d\x8b\x98\x02\xf3J\x98\x87\xc7\x15\xc2\x1e\x980q\x1a\xedZe\x9f\\Kg\x03\x15\x17\x12\xc8waB\xab\x81?\xb0\xbd\xb3\xb3\x1d\x8f/\x1dl\xc5\xcfk\xb9L\xbdp \x1c\x0f\xfb\xd9u\x80\xc5,m\xfe\xbc\xbc\xfcf\xb1\x00\xe9\xc2\x86\x9f=[&lt;9\x95M\xa5|\x12\xb3\xb3a\xca-\x91\x1f\x9f\xdcdvq4\xb8@ \xa8,.\xa7Cr\xb4E4.\x8f\xefr\xa9\xbb\\V\xfe\xc0\x0eP\x8d\xc6\xb7\x96\x96.a_li\xe5z}\x00\xfe\x8f\x07\x08\xac\xe6s\x7f\xfc\xecs:\xbd\x14qa\x18\xb3\xef$qr\xc8\x9eLy\x84 \xdc4\xa7D\x9fX\x0ct(8\x1c&gt;\x82\x94\x96\x03\x15|\xb4E2YG\x91\x9e\xaaV\xf3\xf9\xf9\xdb#\xef\x87\xc2q\xc0\n\xaf\xae\xdb\x96F\x81k\x00\x12\xbaUW\x07\\uee\x7f8C\xa7\x97#j\x0c\xebH\x1c\x1e\x9e\x9c\xec\xe4\x92\xd2\x81uq\xf2\xca\xf3gL\x17\x87\x83\xa9\x85\x94\x863g\xd8\x00E\x97\x137\xderm\x0f\xe6r\xe9\x97.m\xdcxb\xea\t\x87\xe3\xbe\xf5\xfb\x13u\xdf\xfb\x99\xda\xc0\xe8\xc1\xc1\xd2\xd6\xe0\xe0\xd6 \xb0\x95\xb1\xe9t!\x815}zzx"\x9f"\xa7a\x82 \xe5\xe4el{\x9e\x0f\xbb\x14\n\xac\xa7\xa1\xb00\xff\xb3\x02:\xac\xaaZ&amp;\xb3\x9c\x1e\x084\xf6\xb8\\\xda\xa5\x82\xbd\x99\x99\x90{ \x1c\xf0E\x16\x8c\xcdu}\x1d\xfe\xf8\xd6\x01p\r\x0e\xfe\x85\x90\x0b~\xc8Y!\xb5\x0bS\xbf\xfe\xdf\xe9\xa1\xe4r\xea&amp;\x9f\xc4\xca\xcc\xd8\xe1\x1e\x1b\xac\xea&amp;\xec\x02L\x04\xf9\xf9\x05Zv\x00\x04\xb8Ig\x87\xffO\xbb\xf9\xbe\xb4\x95fq\xdc\x171&amp;\x907&amp;\x84KH\x027\xf7r5\xa6\xb7\x99\xdcF1%!7\tn\xc2\xed\x8di\x12\r\xda\x99\\\xc5V\xc1\x04\xf3\xa3\x93\xed\xa4\xb8e\xd5f]\xd8d\x10\x1c\x85\x80[\x17uq0`\x97\x19e!\x92aY\x18v\xec\xc2\xaet\xa9\xfb*u\xba\x94jip+\x03\xeb\xca\xd0\xee\xb0\xe7\xb9\xb6\xbb\x7f\xc0\\\x1fB\xf2J\xfcp\xcey\xce\xf3=\xcfs\xce\xb3\xa5\xe9r%\xb5\xe3\xe8&lt;;+\x97\xb7v\x88\xc9rx\xb7\xd3\xbf\xdei}\xf0\xe2/\xa2\xb9\xfa\x1e\x88\\Z\x0bN\xe5r\xe1\xc37\x87\xcf\x87\x1a\xadJ\t\x14\xc4[\xa5\xaa\xb9\x9a:|s?\xff\x9b@\x1e\xa8\xec\x98N+\xfa\xc5\xe1\xf0@0-\xb5\xfbKa8d\xa6\xc1\x99[;K\xe5r\xb9VJ\x8d9D.\xe4\xc5\xbe\xb6\x07\x1e\xadCK\xe2\xb9@\xce?{uj}\x1dBK.\x85h\x96i\xb6\x85\xc3\xd3z\xd9\x15\xc8\x0b\x0cf\x0fbX\xd0j\x05\x0bX\x1f\x7f\xfe\xe21\xd9\tY\xd5\x0f[\x12\xb0xF\x80\xf2y1\x9cJ\x8dmm\xed\xbc\x00\'z&gt;\xb4Z=V\x1d\xa9c\x91\x0f\xc3\x1d\x93cC\xe1j\xf3\x8f\x7f\xe7&lt;\xc7j\xdd+\x9c\x9e\x0e\x02V\x88w\xda\xedv\x8c\x80\xb8\xd7Z=\xcf\x9e\x05\x81*\xec/\r.\xcfm\xdeq\t\xe9\xf8Z\xa08\x0f\x85E%UN\xa5 G&lt;h\xf3\x98\xb4\x06\xab\x85\xd5\x02V.\xd3~\xcb\xd29*@\xc4K\x805\x0c\xf9\xb4\xf9(uX_\xce\x01V\x88\xc7\x82\x03A\x9dZ\xeb\xf0&lt;\xf6\x04=\x96\xf6k"\xd4\xc2\xc2\\\xbf\x10o4\\\xae\xcc\xdc\xfc\xdcF%\\\x19\xecM-=\xf8I__\xdbe\x9b\x81\xa4\r$\x95\xa3\xdc\xed\xb7&gt;\x9b\x9a&lt;\xd9V@A&amp;A\xb1\x0f\xba\xb9\xcaO\xa5\xbc\x01\x97+\x94\x0f\x11X0\xa8\xb5\x82\xad&lt;;Z\xb23&lt;\xb2\xb8\xb8\x015\xe1\xc2r\x0f\x13\x8d\xa6]\xae\\\x05\n\xb1\xb9lqy\xb0B\x11\xb7\xfb\xda&lt;\x1e\x87\x85\xa4i6FQ\xeek\x1dS\xbbKU\x99F\n,\xb9F\xa5R\xdeKN;b\x14\xba}\x84\x1c\x81i\xb5\x98\x16\xc2\xcbA\x9a\xc3\xbd\xcb\x1b\x1b\xf3`\xab\xcde/\xce0L&gt;\x13\xee-\xde,\xce\x15\x8b\xd9Je\x9c\xd2\xc2649H\x92v\xd38\xc2Z\x9f\xda:\xd9\xd6h\x94\x92&lt;E\xa9d\xb2\xed\xc6\xf4\xe4X,\x87\xb0X\x96p\xe8tj\xab\xc7ak\x0f\x83\xff\xe6\xe7\xe7\xd1\xad\xea\x8d\x0f:R\xa3\xd7\xaetuM\xcc.\x0ef\x13\x89\x9e\xf1\xf1\x9b\xd9\x18\xca\xa5&gt;\x9b\x8dv\xe3\x94;\xe3\xee\xfc\xcc\xf1\xb2\xaaR)\x94-\x92t\x8d\xc8\x95\xb2\x93\xa5\xd8\xadn7\x98+\x8f\xe3\x1c\xec,\xad\xd5j1#*\xb4\x8a\xcb\xb3\x1f\xff\xb4\xeb\n\xaa\xaa\xf7\xd7\x87&gt;\xba1\xfb\xc15w\xce\x15\xe8\x1f\xcf8\x10\x17i\xa1\xbd\x14p\xd1\xd6g\'U\x99\\\xa5\xf8\xe1Gc]?\xeff\xb9\xbe=09\xd5\x11\x86\xe8\x82\x9a\x07gIR\xe7p\xd0\xed^\xa0\xda\xbc\xb9Y\\\x9c-L\x94FA\x9c\xae&lt;\xd9\xdd\x9d\x9a\x1a-M\xd4\xfcn\x0e\xe3\x03\x19\x12\xb0&lt;\x06\x0b\x19\xa1`+:_\x02\x95B.o\x19\x96\xa0\xab\xff\x1c\xac\xb9\xfal\xeaZ8\xe3\x82\xbd\x88S8\xcb\x92\x162\x16\xa9\x147\x8b\xfd\xfd\xd9\xc5\xc2\xc4\xfa\x14H\x96\'OV\x90ry2\xd59\xba^\xea5\xeb1\x0e\x9f\x84\x9d\x01i\x8b\x8c\xe1\xa1\\r\xafzI\xf6\xae}^\x9a~p\xf4\x90q\xf2xgkZ\xc4\x02k\xb1\xac\x8fv\'\xc6\xc7{2\xb8wqbh}\x05\x11\xad\xec\xef\xd7\xf6W\xe0{\x7f\x7f\xdd\xefo\'\rz\xb5\xc3q\xd9j%\xf1X\x8c\xc6\x03\xe9\xaaL\xa5R\x81\xad\x14-M\xd2`=jy\xab\xd9\xae\x9e\xbc\x8c\xba\x10W\x08\x0el\x9d\x0e\xb02y\x9e\xa5\x06A\xa3\xee\xd7j\xb5\xfbhA\x01\x04\x95u\xa1P\xab\xed\xfbS6\x93\x11\xb8\xacF\x1d\x1b\x8b\x98\xcd\x81\xc6\xb6J\xa5\x11\x9b\xc1\x86\x9b\xa4\x99\x80\x18\x1e\x86\x92\x7f\xbbz\xb4\xb7\xe6\x12\x18\x81A7\x0b\xf0\xbf\xa8\x10\x83\xb1\x89\xdeR\xadp\xf6\xddW\x0bs\x95J\xb1\xb8y\xe7\xdfw^?\xfc\xc7\xc3?&gt;\xad\xd7\xcf:\x0cF\xb5U\xabV\xeb\x08\xca\x1b\xa1\x02G\xadb#\x8b$\xad?\xef\xefm@vi\x9a[\xab\r\x97 \x08qg&lt;\x1a\xc5\x08\x8e\xc3\x82\x84\xd9;X+\xd4\x17\xee\x1c\xbf~\xb5\xbaz\xf0\xea`\xf5\xd5\xb7\xbf\xfe\xe7/\x7f\xf7\xd7O\xbf&gt;\xfd\xf2#Z\xad\xd7\xab\xd5F\x8c`#\x11\xea\xf8\x1e\xa4\x06E\x8bB\x9aW\x8c\xff\xa5\tt\xfd\xa68:\xce\x87\x84x|``\x00\xb8\x08{\x10\xef\xdd\xf8\xea\xe9\xef\xff\xf3\xc5\x9fV\xbf}}\x8e\xb5\xfa\xab\xdf\xfe\xf9\xe1\xd3o\x80jb\xc6g2y\x82\xea F\x90\x80\xd5\x80\xa2U.\x7f$i\x7f\xba\xd8\x88\xa7P\xbe\xbdt\xe0\n1\xf1(\xc2\xb2c\x98\x9dKl\xfc\xed\xef\x7f\xf8\xf4\x93O\xbeX\x05k\x1d\x1c\x1c\xbfv\xdd)\xce\x7fW\xaf\xd7\xdf\xfc\xec\xe3\x91[\xa6\xbe\xdb\xa07\x08\'FC}\xb1\xd7\x8a\xb0$\xed\xe6\x7f\xd7!\xa8T\xca\xf6\x10\x16\xa2\x024;\x86\xbbG~~z\xfa\xf57O\x7f\xb1\xb0\xb0pvV\x80O\xa1p\x08\xab^\x9f\xbd2j\xd3\xab1\xfb\xed \x04b\xac\x1dw\x1d\xc9\xce\xad\xd5$\xddz?s\xd4,;:\x16\x96\x9c\xd1\x81(\xb2\x98\x9d\xc3\xe9\x99\x1b_\x9e\x8a\xab^?\xfc\xd7\xf7\xdf?\x7f\x0e\xd9\x01m\xca\x1b\xfe\xf6N\x9f^\r2\x08]\xbd\xd14~\\\xd5\xc8!\x9365I\x8f\x05\xa7\xd0\xa5\x06`A\xc4#\xaeh\x087ww,\xd6\xd1*\xdc\x17\x89 m\xed&gt;\xd9\xdf\x1f\xf2\xa7:i\x8b\xd6d\x82\xf0#\x08\'\xc1\x92\xd4\xc1%\xb0\x95\xbc\xa9Ejk\x89_\xaa\xd6\xbd$\xe3Dn\x8c\x03\x1b\x83\x9b\xcd\xeepey\xa3p\xbfV\x13\xcf\x1eH\xf2[[\xbb)\x80"}z\x93U\x8d9\x91\xf8\'p6\xbf\xb7\x8d\x8e\x9d\xa6\xeb\x12\x0f\xb0\xbc\x1b\xd2\x92\xadB\xe6b\x98\x01\xe4\xc6(\xc3\xe3\xb8\xd9\xed.WJ\xa5\xc5\x12\x1c=\x00\xb5\xbb\xbb566FZl&gt;HXj5\xc1\xf3H\xfd\xb3,\n-4I&amp;\xf5\x18\xd2\xb9\xb5\x14\xb2\xd5@\x12\x12*\xf2\xa2\xd3\xc9@\xc2g)*\x96I\x95K\xfe\xd4\xcaz\xa9\xb6\xb8\x08\xf5\x7f\x8a\xd6\x19|Z\x93\xd1\xa4\x0e\x06!\xb2\xecv\x82\xc7\x93\xf7\xd0L\x8d\xe2z\x93\xe4\xd3Q\xd7\xc5\xa9(\xc0\x824\xcf\xa4\xe3\x8c\x90f\x04\x81!\xd0\xd5;U\x0e{\xbd\xe7Oy\xcb\x83^\x8a5\x99LFc\x9bQm\x04\xd9\x0fA\xcf\x87rk\xf7\xa0f\x95+\x7f\x90\x1e\x0b\xb8\xe4\xca\xd6\xd5L\x08y\x91ax!\r\x0b~\xb9\x10X,\xe1\x1d\xcff\x8b\x9b\xfd\xfd7\xc7\xdd\xac\xba\xad\x0f\xa9e#x\x91#\x90\xb1\xf2\x99\xb5{\xcd\x1a\xf8s\xf9\x85`)\x14\xad\xab\t*\xcf3`/\x08\xfcx\x1a,\xc7s\x1c\xc1\xe9\xd8\x1c\xc8\xd1\xf1\xfe\x9eL\x82b9\xa0\xeak3\x1a\x01K\xc7A\xf5F\xf0\x19oR\xb4\x96\\&gt;|AX{\xbdn&lt;\xc4#,\'z\xb6O3&lt;\x0fg\xa31\xe8\xcc\xf5g\x8b\xd9\xec\xa0\xd7\x1b\x89Mz\xda\x10\x96I\xaf\xd7\xe9\xf4\x04\xc6\xe2no\xa0\x8a\xe6,\xd1,\xa8\xe4X\xa8f\x04\xac\x88\x19G\xe6\x12\xb1\xd6\xe2\x90\x01\x88\xe0m\xa36\x96\xc8\x0e\x02So8\x12\x89\x98-\x97?4\x99\xb4Z\x83\x8e\xd3c\x04O\xe1tw\xe2H\x1c\xa7yt!X-\x80u\xb5c\x86\xe6y\x88/\'8q-\rG\x0b\xaa\xd0\xd8\x88\xb7\xe2\xcdP\x145\r\x82\'6i\xbbl\xd5\x1a\x80\n\x94\x19\x07\xb2\x11a)\xcf\xb1Z.\x02\x0b\x9c8\xd21c\xc6ChA\x15\x1dO\x0bX\x10\x89/\xb7;CM\x13\x0c\x1b\xe2x&gt;\xc4\xc6b\xa4\xc3\xe0\xd3\xe98\x1e\xa8(\x964\xcfx\x8fdJ\xc5\x05\xcd\x9a\x9ec]\x9d\xe9\x8e\xb1\xb0\xe7\xf3\xa0\xbc\xa2Q\xb0\x16hU(N\xa9&lt;\x13u2|&gt;\x1f\x8f3y\xd0\xd5:\x12L\xc5\xf3\xb9\x04e\xb3\x99\xbb{E,\xf9ELO\x9e;\x11\xb0"f\x96\xe3q\xe0J\xa7\xa3\x03A"\xc4\xb38\x9e\xcf\x87\x98%\xc8d\xaed4.\x08N\x82c\x11U(\x90pC\xf5Jw\x8f\xec\x01\x96\xf2\x02\xb1\xaet\xcc\xccDb\x1cd\xee\\\xce\x95L\x0f\x0c8\x05(;B&lt;\x0fY?.f\xb4(\xe3\x84\xb3\x10y9\xd4\x930\xdb\x0c&gt;\xdb\xad\xee\xae\xbdV\xa5\xe6"\xb1F\xee\xce\xcct\x9b9\x10\xcd\xf9\x9e@2\r~\x8c\x0b\x00\x85P\x18H\xfeql\x00-\xd8\xa7IW\xa0\x07&lt;\xe83\xd8hswW\x03\xb0\xa4\xd6[\xef\xb9\xe4\xa2\x13\xefv\x9bi\x1b\x89a&lt;\xde\xd3\xe3J\n\xe9F#\x0eDN\x88\xacd2\x1duFE\xaehT\x08\xf4\x83\xad|\x06\x03\x84\xd6LWz[\xa9R\\\x88\xb5\xfe\x8f\x05\\8\x08\x03\x0e\xef\xe9w\tk\r\x90\x13\xb0\'\xd3i\x01\xb0 \x9bE\x91\xe8\x89\xa7]=\x19\xda\xe7\xd3\xeb\xf5&gt;\xba\xfbnW\xf2\x92R~1\xd6\x12\x13D\xa3\xf7\xea\xddH\xbb\xd9\xc6\xa1kAN\xb4\xd7\x1aB\x82\x14\xb6\x96\x04\xd3\xc1/\xfa\xfc\x97\x95\xb3\x0bm#\xbb\xe2\xb8\x05\x1a}\x98\x11f$\x8d\x8c\xa2\x11\xb2"Y\xc9j,\xd5\xc4\xec\xd8\xe9Z\x89\xa3\xda\x04\xefj\x13\xdc\x18\xb6h\x0b\x96\x9d\x12%\x11t\xab\xbaQ5 \n\x82b\xd9}X\xa5\x0b5\x16\x02\x0b[!\x0e&amp;\xb1\x04\x01\xb3\x98\n\x97\x82 \xeeC!\x0b}\xab\x17\x83 \xe0\xe2\xcdC\x1f\xf2\xd4\x85\xfe\xcf\xbdv\x93\xee\xc3\xa6irm\xcbX\xd8\xf2o\xce\xf9\x9f\x8f{5\xf7\xfe\xfc\xf6\xe5\xe9\x0b\x81x\\\xf1x\xfc\xc0*\xce^\xfe\x92\xee&gt;y\xfb%\xa4W\xfa\x99\x99\'\xacU\xe2X\xe7\xf3\xc53g\t\x0bY\x14\r^?\x81\xdd\xbe\xbd\x0e&amp;\xf6m}\xfd\xe8\xf9\xd1\xfa\xfa\xe8\xf4\xdcx\x9f\xa2\x80\xca\xe3Y\xb9&gt;\x9c?w\xebK\x14\x1ft\x10\xefnr\xf1\xca\xf8\x97\xf4\x8f\xf7\x80uf \x10p\xf7&amp;\x86\xc8\x8f\xfd\xe3\xd3\x97/\x8f\x8f\xae\xae\xe2\xf3\xe5\x98\x9b\x1b\xbf\xe8\xf6\x80\xca\xee\x8f0\xacKH\xf3\xe2;\xeb\x9aOV2f\xb8\xb1,\x8f\x7f\n\xacaX+\xecv\xf7\x0e}\xf2cLb\xe1\xc8q44s\xd3\xd3w\xf8xxg\xee\xe1\\\xbf\x1b3W@\xf9=\n\xb0\x8a\xe7&gt;~&amp;=\x96\xf8\xf6\xeaw\x93\xd8i"&lt;C\xf3a\xd1dt&lt;\x9bg\xf9a` \x10\x0e@^H\x13\xa7O\xff\x1a\\\xe3w\x805\r&lt;\x0c@\xcd\xf5y\xfc!\xf4\x81\xc0J\xc6\xbf\x00V~\xf6\xaf\x99F\x86\xdf\x97a~7\xdb\x8f\xcct\x0c\x86\x95n\xd30&gt;~\xfe\x8b\xe1\x0f\xc9Z\xe4E\xb7[F\xe5\xe9M|pe\x9e\x19\x8c[\x8d\x0c7\x8eN\xd0\x8b\xde\x06M\xea\x18{;\xb1\x98\x7f\x7f\xf4\x9bv\x06\x99~\xa6\xeb\xdd\xdc\xb1\x88\xf01\xd2-\xbf\x18F\xe3\xdaW\x1f\xc3X\xdcZ\xca\x88\xe2\xf6\xa0N\xd3B\xfd\x95\xf9yB\xc3\x98\xc3W\xdfP6{-\x14\n\xf9O\xb0H\\\xbf\xfb\xf3Wi~l\x05\xdf\x01\xfb\xb6\xef\'\x12\x8eU\xa4\x930\x8c\xd2\xd7\x7f\x99"\xac\x81\xc1pX\xc1\'\xf4\x851t\x7f\x82\xd6\xea?\x98\xfc\xe8J\xdfG\x93\x98\xe9d\'&amp;\xdcv@\xd9a\xaedr\x85c\xfd\xe4\xb7\x7fz\xaeY9\x16?O\xe3\xadb\xd0\x01S\t\x9a\xae\xab\x92\xc3\xa1\x1e&lt;-~\x98\'\x1f\x0e\x12\xd6\x88,\xbbewo\xf6\xfe\xfd\t\x1a\xd9!\x8c,\x98&amp;\xeefo\rz=4\xcf\x80\xb1\x08\xebz\xfe\xdc\xec\x83\xbf\x1f\xa8\x02[F:\xdeu\xf7\xe4\xffZ\x8e`\xda\xecb{1\n\xd5j%\xa6\t\x8e\xcc\xc1\x1f\xf2\xef\x91\x13\xa1\xadx\xd8\r*`\xd9\xc12q\x17\x83\xd0\xd8\xc3\xc4\xc45\xbb7\x04(\xb2Vde\x85Y\xeb\xfdO\xffvP\x10\xacf+m\xcc\xa5\xbb)\x9f\xf0\x85\x8d7\x86\xa2k2\x99i\xfby\xba\xb9\x14\x8b\xf9D\xa1r\xf0\xab|\x1e\xb5\xe7\x0cj"\xa3\x92\xa3\x94\'\xb2\x9f\x1csq\xb8\x10\xb00\xc7\xa0I\x06\xa3bN\x9c=w\xef\xe9\xa3\x024/h\x9a\xc4z/\x9e\xa0\xdf\x90\x8b\xd9Z0#\xfa\x8cZA\x8fa\x04E1s\xf0\xcbb&gt;\x7ff\xb8x\x16\xc2\x92\xa3##\xb2\x1d\xc1x\xec\xba\xbb|L\x00(K\x0f\xc0J&amp;\x19\x16B1\x7f\xfe\xfc\xbd\xdf\xbcPi3\xbb\xdaJk\x14C\xf46\xd9\x1b\xee\xff\xc6o_ei\x01R\xd7\xaa\xb5\xa6\x1e\xd3cA\x9fC}\xf4\xa3b\xf1g\x14\x89\x01\xc2\x92\xc3\x01\xb7\xdd\x9e\x18\xfa/\xae\x89\x10\xcd\xc7\xae\xd1T1\x19\x89\x1c[\x8b\xb8\xee\xfd\xf1PB\xf0\x18}\x95\x86j\xa4\xe0\xb6\x9c\x1c\xf5\xf2&amp;r\xbfje\xe7\x8ahj;\xd5\xd3\xa9\x90\xb9|\xa2\xf4\xcd\xd3\xfc\xf0\x19\xd6\xd7\x04\xe2d\xae\xb0\x8c\t}v(\xc1\x95\xce\x9d\x98e\xd3D\x1a\x84\xb5r\x82\x95\xbf\xf7y\xda\'\x18\xe9\x88 =\xbdl5Z\x05\xc7\x1b\x9e%c&gt;9\x85E\xd24\xb5\x99Ju\x162\xc1 \x13\xd7\xe6?9V8\x1c\x08(r\x04^\xf4{a\xad\xc4\x7fB\x90\x02\x92[\x8b\xb0N\x9cH^\xcc?xQ\x10\x05:\xac\xc4W\xef\xe4\x1aF\x89\xb0\xfe\x97\x04f\xeezy~\x0e\tKRu\xb5\xb2Q\xaa\xd5[\x95\x98\x0f\\&gt;Q\xac&lt;\x9a\xa5\x928\x10p\xc3X\x11\x0c\x99\x9c\x98\x18\xf2\x12\x96\xd7\x8b\x07\x1a\x13\\\xf3\xdeW\xb0\xae\xe7g?_\x93\x04\x81\xf6\x9b\xf8\xf6R\x8b\xe5%\xed\xf8\xfd}\xf3kmf~\x99\xad,\xc8\xdbs\x15d\x00\x00\t\x0cIDATU\x05]_\xaa\x956Z\xb1\xa0\x16\xf4\x81\xcb\'\x1a\x83\x87\x0f\xce\x15Y\xe9A\xd3B\xca\x01\x17\x1a\x9cD\x169+A\xeb\xca\t/\xa3\xca\x92\xe2)\x97\x12\xd7\x17L\xf4?xQ\xb0\xd2IN\xa2\x18lU\x17R;U\x95\x15\x0f\xcb\xd5\xd7\xad\xf2\xb2#a\xd8\xed\xafV\x8bCR\x0bz\xab\xb9Sj\xc7b\xadj]\xf7\x81\x0b\xca\xf0-?\xbcw\tM`\x80\x19\x0b\xff3\x12\xb1\xdb\xa3^/a\xd9e\xf4Vv/\xb3\x15\xa8\xc6\xc6P{\xc6\xc6\x92Q\xd8\x0b\xa9k\xf8\xe1&gt;r\xbc\xd9\x814\x08\x99\xea{\xa5R\xbb I\x12/G\xb4|i\xfe\xbe)\x84\xc5\xc2vA\x89\xc8.\x95\xbd\\\xaa\xbc\xa7e\xaa\xb9TiO\x03\x97\x0f\xb2\xd0\x0e\x7f?[\x84\xe4\xd1w2cE"\x1eO\x14\xe9|\xc8\x9b\xb0\xf7\xca\xbd\x1eZ\xaca\x1e\x1c\x1b\x0b\xf9\x93\xa1\xb1\xa4\x7f,\xb2\xa2(+_L\xadR\xd2\x12\x1dV\xa3\xa47*A\xadZ.-,#\x85\xf1*\xf9\x1a,\xda\xc7kA\xb8\x88R\xa6^K\xa5j\x9bzz!\xe54,\xd62\x90\x04YL\xaa|\xfdi~\xea\xec \x8a\xcf\xc8\x08$O\xef\xe9D\xa3~Z\x9d\xe1\xc3\xcb\xe5\xce,\x15\x89\xfb\xbd\xfe\x10:.\xb4\\\xd3k\x8f)\xb9\x03K\xdb\xeb\xd4\xaaj\xac\x9eK\xd5\xea*\x93\xdb\xf7\xcf\xb7\xd9\xf1U\x0e\x8bC\x90\x04ui\xab\xb4\xbd\xd3le\xea\x9dm\xa7\xc1\xe9\xdc\xd9D\xa9\x16\xa1/M[{8K\xea",\x06%G\x99\xf0\xed\xbd\xf8 \xac\xd0q\xeb\x00e\x05\x06\xd0\xdd\x84\xa8\x00\r\xdc\xdcW\x05\x87\xc3\x81\x9a!\xa6;\xce\xc5R3\x13kl\x95v6\xd2\x9a\x00+\xe0\xbf~W\xf9\xfcp,V\tH[\x0e\x01\x11HGX\x95\xb6\xea\x19\x88\x0bP\xc0\xdam\xa2":|A\xe4T\xf5p\xee\xd2\x14e.\x14\x1f\x19)UN\xd27\x04d"A`T\t\xbd\xac\x1a\xfa\xf1\x03Rk(\xe4\x89\x84?{\xbe,\x89\xc0\x9a\x81\xb1\xda\xbbx\xc9\xdd\x85\x86^i\xee\xa4n\xecU$\xd4"\xc1\xf2\x9d\x1e\x9d\xdfMm\xee\xba\xfa\x04h&amp;\x93\xe0`P\xa9\xd2V\xb5\xa2on\xe1\x15\x9c\x06\x83\xc1\xb9X\xab\x88"\x99+\x16\x94\n\xe0\xba@\xd18BwC\x80\x0b\xeab\xeb\xb7\x98r\xd8ep\x85X\xe1\xa1\xc1\xd7\xdf&lt;\xf1yP\xb1\xb4\x8e\x00O\xe7\xf0\x82\x06\xdbb\xae\xae\xeb$\x94\xadMU2\n\'\xc2\xef:\xa9\x93&amp;\xae(z\x92t\xa5\xa6\xbf\xbd\x01\xa8zEo\xb5\xcb\x8b6\x822p/\xa2\x12\xc1\x8b\x88\xc7\xc2\xd1\xcd[\x17\xfaa/9\x19\x95\xdd\x14~v\x18\x8cK\x0b?{Y\x8d\xe6X\xa1k^\xd8\nTA\x81\x8a \xa6dZs\xd7f\xb0\x81\xcb\x00\x8d\xc4*\xcd\xf2ny\x03\xc5\x081)"\xf3\x9b8\r\xc8P=\x1d\x0ed\x14|\n\x82\xda\xd8\xe8\x94\xca\x0b\xf5J\xacR\xad\xed\x12\x10\xc72l7U\x92\x00q\t\xd6\xcc\xe1tq\xaa\xbfo ,G\x07o\xb9\x89\xc6#\xb3&amp;\xc7n\xc7\x03\xf3\x9e\x87{\x93f\x18\x81\xf9\xa3gtl\x86\x85\x1d\xfd\x94\xee\xd80\xc8^\xb6\xddZ=\xa3\x93k\xca\xdf\xa6U=\xa3\tF\xdaT\xc9\xf7\xbeu\xd1\xf6kj@\xf1Lasa\xa7\x94k7t\xa4\xaaZj\xd1`sq&amp;\x9b\xab\xdbv#-\x11?eUA(\xec\xdf\x9c\xba\xd0\xd7wQ\x96\x95\x01\x85c\xa1\xb3w+2\x92\xacl\xf7(,\x83!\xbbz\xe4\xc8\xca\xe0\xe8~\xc1HK\x81\x94\x13IY0\x16\xb3\x96\xc1\xe6,-4bz\x83\xc0\x9a\xe9V+#\xb1C\xc7\xf8\xfdJ\xb4\x13\x98\x86\x94\xa9n\x95\xcb5HJo\xb4s\xa9E\x88\x8a]\x95\xc1\xe0\xea9u\xea\xd46;\xfa\xc2$R\x9a\x90\xa4\xc2\xfe\xea-\xc8~0\x0em\xc10v\xb4]\xee\x00\x9bu(2}y\x88\xc9\x13\x8f\xc7\'\xaf\x1c\xad\xa9&gt;\x87`5\xf3\xedU\xe9\\\xb7\xcbf;~e\x9bm\xb1\xdcl\xe9\x0c\xac\xd3^JWT\xca\xae\xfc\xc6A3\xda\x044\n\xcb{[\xb9Z\xb3\x91\xd1Q\x19\xca\xbbN\'\xc7\xa2k\xea\x06\xd4\xa9\x9eS\xa5\xba$ \xed\xcd\x88"\xb2\xbd\xa4\xae\xad^`Y\xd5\xadD\xc8k\xf0a`\xe0"\xc8\xe2n7\xb7\x16\xa0\xc2\xe1\x8b\xa3\xfb\xcb\xe8\xfaLH\r$,!\xb3\xb0\xdd\xd3\xd3\xd3\xcd\xb8\xf8\xc3v\xa7\xcd\xc1vo\xe0\xbfk\x02;j\x10\x92\xb7PK\x95no\xd5\x166Q\x9977:)\x83\x8b\xa08\x96\x0bPx!&lt;\x18j\x15~\xde\x0br\x08zCi\xf9\xe8r\x1f\xccE\xcb\x0c~\xe60%pq\x10O\xd0\xfc\xde\x8d\x0f%\x1c\xe8\x9b?Z+P3#R\xb7\x80FWk\xa7\xba]\xdd\xc4EWls\xd9\xa0\x10\x17\x03\x8b\xa57vR\xb9v\x0b\x023\xb2\rJ\xa8\xc9\xcb\xd5\x85\x85vZ\xabl6s)\xa7\xcb\x06(\x83\x93q\xb9\x00DH\xcc\\\xdb\x1b\x1a\x85\x8a\x89\xf6\x94\xc1\x1fRf\x7f\xb5\x9f\xec\x15\xf7G\xed\xb4\x80\x1b\x0f\xc4\'\xa9\rS\x14(\r\x85|\xb0\x0f\xa6\x92L\xb8z\xb3h\xb5\xd2_I\xd5\x92\xab\x1b\x03\xaf\xd7\xcd&lt;\t.\x83\xd3\xd6\xbd]n6\xf4`\xab\x9d\xdb\xc9!\x8dAP\x16k\x97\x96\xae\xefU\x972\x99\xfa\x06\x04\xc5\x92\x01\x01Q\xbe\xb2\xb98\x11\x1f=\xaerZ`w\xf5\x11\x1a\x04\x00G\x8e~F\xfa\xa2\xb2(+q"\x1cD\x8f\xaf`\xfa\x08\xb8\xc9\xdb\xfb\xcfT\xfc\x81\x89\xbd\xe3G\x01&amp;,\x95]=\xdd\xcc\xf6\xe0r\x913\x98\xd5\x9c6\xd7\xe2\x0e|\x15\xcc\xd4\xb7:\xb5=\x04\x88d\xec\xaaW7+\x08S\xc6\x04;\x1d[\n\x7fs\xec\xbe\x1f\xf6\x1c{\xd1\xb5\xb3\xe4\xc3e\x9bL&lt;P\xc8`\xcb\x87\xab\xfdT\xb5\x93\xd1\xa8\x02]\r\x02rRAxz\xec\xa7\xd7\xf7\x97U\xa3\x83\xae\x83u\xeb0\x9a\xb5Rs\x12\x15\xbfV\x17I\xffd\x18\xfe]\xc5\x15\xb3\xb6\rDa\x19j[\x16\x12\xc2H\xdc\x90\x18\xbc\xc8P\x92\x06\xd2Et\xf1\xd2\xa5C\x87,\x9d\x02%\x9el\x88\xf6\x14\x07\xcf\xb22\x052\x04\x8a\xa1\xc6\xf5\x10\xf0\xe0\x98\x0e\x1e\nFS\x06\xff\x88L\x81BB\xc8\xd8)\x94~\xdf{\xaaC\x0f\xfb\x8c\xf1\xf9\xee\xf3\xf7\xbe\xf7\xde=Y\x921Yg\xbcN\xa2\xfe\xecj&lt;\x1f!SZ\xbdUo=\x1e.C\x85\x93\tU J\xac\xe7\xa8\r\x15\x963\x9c\xb5\x89K\x13\xab]a\xf2\x1cL\x1e[\xefw\x0e\x0f\x1b\xdb\r(|\xff\xe2\x94\x94m7&gt;~\x9f\\\xf2\x0c\x91\xc0\xad\xda\xfc\xef\x03\xf9\x83\xb7I\xf8i|\x9d\x0b\x93\x895MI\xf4\xab\x81,\xcc\xef\x16\xbd~r\xb6\x98#nZ\x10y\x0e0YV\x00\x0b\xb3\x12U\t]:\xbe\xc2\xda\xe2+\xfa\xe1\xb4-\xb8\xb0JUn2\xc5\xb0ry{|\xca]*\xc4\xb4s\xb1/M@\xe1CF\xec\xea\x81\x9e\x0c\x03j\xa3\xe9P\xe4N\xb</t>
        </is>
      </c>
      <c r="M112" s="3" t="n">
        <v>45492.67680555556</v>
      </c>
    </row>
    <row r="113">
      <c r="A113" t="n">
        <v>328519</v>
      </c>
      <c r="B113" t="n">
        <v>5926</v>
      </c>
      <c r="C113" t="inlineStr">
        <is>
          <t>Jemerson</t>
        </is>
      </c>
      <c r="D113" t="inlineStr">
        <is>
          <t>Jemerson</t>
        </is>
      </c>
      <c r="E113" t="inlineStr">
        <is>
          <t>ZAG</t>
        </is>
      </c>
      <c r="F113" t="inlineStr">
        <is>
          <t>ZAG</t>
        </is>
      </c>
      <c r="G113" t="inlineStr">
        <is>
          <t>ZAG</t>
        </is>
      </c>
      <c r="H113" t="n">
        <v>184</v>
      </c>
      <c r="I113" t="n">
        <v>34</v>
      </c>
      <c r="J113" s="2" t="n">
        <v>33839</v>
      </c>
      <c r="K113" t="inlineStr">
        <is>
          <t>Right</t>
        </is>
      </c>
      <c r="L11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f17c912-1320-48cd-8854-5927bca2063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cd\xdc$\x00\x00\x03\x00PLTE\xff\xff\xff\x04\x04\x08\xfd\xfd\xfd\x04\x07\r\x00\x00\x01\x0f\x16!\r\x15\x1f\x02\x02\x06\x01\x01\x03\xfd\xfe\xfe\xfc\xfc\xfb\x0c\x13\x1d\x08\x0c\x13\r\r\x11\x08\t\r\xf9\xfc\xfd\x06\t\x11A"\x1e\x13\x11\x14\x94aY\xf5\xfa\xfc=\x1f\x1aG&amp;!tD:\xfa\xfa\xfa\x12\t\txG&gt;\x81PF\x89UKc81V2-c0%\\,"\x8bYP|J@5\x18\x10\t\x0f\x17\x96d]N(#\'\x1b\x1b\x93^W8\x1c\x18rG@pB;\x0b\x11\x1ai&gt;8\x9bf]~MCuKF\x98cY(\x14\x106$#l5(iA=i&lt;3o8,c&lt;6p?7\xe8\xf3\xfcP-(e4*W+%^4.\x12\x19$\x1c\x13\x14,!#T( F"\x1c"\x17\x17\x84RI\xde\xea\xf7\x84ULG*\'.\x1d\x1bm=4wRR\x90[R\x19\r\x0c[0)eGD\xd5\xe2\xf2\xf7\xf7\xf7t;-V:9M1-\xf1\xf0\xf1\x13\x14\x19!\x10\r.\x14\x0e\xe3\xef\xfaR53&lt;*+tOL\xf0\xf8\xfdh2%zJF&lt;\x19\x11?($\xf5\xf4\xf5\x19\x18\x1ctX[\x90YM\x8e^UM"\x1aB\x1d\x14\x85F5\x86[X\xd1\xde\xf0\xde\xdf\xe2\x0b\x05\x05\xa1ka\xe8\xe9\xebE/-|PK\x94]R\x91M;mE?\xd8\xe6\xf7T#\x18cA&lt;\x8c^[\xef\xf4\xf8v?2\\=&lt;zD9oSU\x9a`S\xadhT\x99\\M~TP\xc8\xc4\xc7\x82]]\x89bamIE\x85PC\\94\xa0`N\x91`_|PF\x9fcX\xa5hT!\x1e#T?A\xa7n`\xcb\xd4\xe1\xe9\xee\xf4H45|XX\xca\x85p\xfb\xfd\xfe;CN\xd3\xdb\xe7\x91UG\xec\xf6\xfd\x9bic\xce\xdc\xec\xc1{g\xd8\xd7\xd93(,\xa1ZG\xb6p]\x99TAPXf239\x7fB1%)1\x18\x1f+hp}\x85YQ\xafwgYan\xca\xd7\xea\xe0\xd9\xd9\xba\xc3\xd1]CBmLL\xbc\x82q\xbcua\xa6cS\x8bQC\xc5\xce\xdeGO\\y^a]HJ\xc0\xc9\xd7\x84I&gt;I\x1e\x14i:./7D\xe6\xe3\xe3\xa3\xab\xb9fMO\xb7\xb5\xb9\xaem\\\xcc\xcb\xd0\x87\x84\x89\\\'\x1c\x80\x88\x96?13\xac\xb5\xc4x\x7f\x8dc+\x1d\xbe\xbd\xc1\xdd\xe4\xeb\xaf\xad\xb1\xcd\xd1\xd7K8&lt;\x8drtGHN~gl\x89fi\xb4\xbc\xcb\xa7f\\\x80M:\x86JO\xab`LWV[\x95\x9b\xa6\xa0\x8c\x90fgnvy\x82\xce\x90|\x93\x92\x97\x81dfqmq\x92gf\xf0\xe9\xe7\xbf\xd0\xe7%-;\x9bY^\xb8\xaa\xac\xff\xfe\xfeaag\x86\x8f\x9b\x98\x81\x82\x9a\xa3\xb3==A\x98wu\xd7\xcd\xcc\x8b\x94\xa1\x8eSW\xb1\xa1\xa3\xa4\xa4\xaa\xae\x95\x97\xd4\x9c\x8b\xa0\x9e\xa3\xa0bh\xd9\x9f\xa2\xa7nv\xea\xc4\xc5\xee\xdc\xd9\xdf\xb0\xb4\xc0\x88\x80\x8fHK\xc9\xaf\xb1\xbew\x82$\x0c{@\x00\x00 \x00IDATx\xda\xcc\x98QLZi\x16\xc7\xe7zI.\x10\xb9)4\xa0\xd8\x82V&amp;\xdc\xa0\xd3\xd1\x16+\x1a\xc4\x05a3`"FA$\xb0\xb1\x02\xe9`\'R\x98\xa9\xd1D\xdcnkVk:\xa5f}\xd84\x93H\xd7P\x12}qw\xdb\xa7\x0e1\xb121\x19c\'\xbe41\xd1\x10\xdf\xd6\x07\x9f\x9a\xf4}\xcf\xf9\xbe\x8b\xed&gt;/\xb8{ \xdc{\xb97\xb9?\xfe\xe7\x7f\xcew\xb8_|\xf1\xdf\x87L\x8c\xfazYM\xbd\xbc^\xf6\xc5\xffA\xc8j\x92\xf3\x1f\xf6WWwV\x93\xf3{\x93\xdb\'\x1f\xb7\xe42y4\xfa?\x83\x93\xd5\xc8\xe52\xf8\xdc*\x9e\xe5\xf3gg\x07\x87\x87\x87\xa7\'9\xc5\xd9\xf6\xd0\xd0\xfc\xd1\xe1~Tv\xe1`xG\xd9\xd0\xea\xceNR.\xab\xdf\xce\xf1\x0c\xcb\xf2\x81@ \xff\xbb\xafT\n\xfed\xf5\xdd\x89\x8a9X\x85\x8bd\x17\x8bF\xee\xb8ztpP\xdc\x19I\x1e\x07\x18\x8ec \xf8X\x86\xe7\x18\xee\xa0x\x9aa\x98\xcc\xc7\x91\xad\xad\xa1\xa1\xa1\x8b\x04\x8bN\xce\xcf\xef\x153\n&gt;vP,\xe6\x18N\n\x01\x1f\xac\x82\x91H\xb8@&gt;\xc6\x03\xe3A\xf1\xe8\xb4T\xfa\x90\xbc8\xac\x9a\xbd\xa3\xb3\\\x0e\xa5aj3\x19^Z\x0e\x8e\xe3\xa4\x12)\xa3\x80\x13,\xd0\x05\x14\xb1L\xbe4rQ\\\xb2\xfaR\xbe\x96\x85\xac\x81@\x0c\xcfr\x12\xa9D\x82T\x12)\x95\x8dg\x19\x00f\x15`\xb9Z\xfel\xa7\xe6\x82\xb8\xe4\xc9b\x8c@\xa16\x80 9\xd7\n\xbf\x90\xa2\xcf\xc0l\x1c5\\\xe0\xe3\x90\xecb\xb4\x9a,\xe5xD\x90\xa2J\x1c\xaaT\xa6"\x07\x1c\xdd\xa3X\x9c\xa28\x19\x95\xc9k\xaaM\x95|\xb7}L\xa88N\x82T \x10I!G\xe5#\xf9\xe4\xc8\x1e\x05S\x9c\x1d\x96\xb6\xf7\xb7\xaa\x9bI\xf9\xe4I6\xa3\xc2\x04a\x96&gt;\xc3\xa2\x99\x13\xf7iR%H\xcaq&lt;\x1f\xcb\xe5\xf6\x87\xaa\xa9\x97\xfc\xddi\x00\x8dN\xb0\x18\x94\x8b\xa2 \xdegX\xc4mp\x8e\'\xd72\xec\xa5Xi\xa4\x8aX\xb2\xe4\x89\x82\xe1\xca&gt;b\xc4,\xd2O*\r1\x1a\xf9\x8a \xe31\x9c\xe13\xa5d\xf5\xb2(\x93\xcf\xe7X\xeaj\xdaA\xcf\xcd\x85\x9f\x84JrNJt\x93\xd0\xaa\xe0b\x07\xa5\xad\xeau\xd1h)\xc6R\nL\xd8\xb9\x87D\xcf\x8bUp\x9eX\xacRq\xcb(\xf2\xa5\xfaj-C\xf2\xe4Q-C\x1b9C\x9b\x00S\xbeq\xb9-\x94\xb1\xa4b}\x8a\xaa1&lt;\x7f8Y\xb5\x1c\xee\xe4X\x8aE\x1a%CM/\xde\x99r\x8a\xeap\xb4\xdd\xe3\xa5\x84\x93e\xd9\xfcv\x95L_3R\x0c\xb0D\x1f\xea\xef\xcf\xb1&gt;9\x89\xaaD&lt;EV\'&lt;\x86\x15\x8a\x8f\x15\x87\xaa$\x16\x0cV&lt;K\xb1\xc4\x90\xfe\'V9q\xe2n\xb9e@)\xf2\xb5\x81\x93\x91\xea\x8cX\x93\x87\nX}\xb9r\xe5\x8bk\xcdy\xda8\xee|\x92\x90\x96\xf3*\xa5\r\x03\xa6\xc4\xda\xd8q\xb4:X\xdby\x96\xa7\x1e\xff\xc4 R\x9d/\xdc\x9f\x14\x03W\xd1/HO\xab"\xd6^\x9ee\xce;\x13m\x10\xb4\xcc\x12\t-\r\xdc&amp;\x12t\xe2\xa1\xd4\xe5\xc6\xc1\xd6\x06\x8e\x92\xd5\xb1\xd6&gt;\xc1\x92J&gt;\xcd\x08\t\x00\x1a\x18\x18\x18\x1d\xbdI\x82nF\x07\x06\x08\x9d\x98@:\xe2\xb0\x8aja%\x8f\x02&lt;\x9d\xa8\xe8\xd2\x83D\x00\x144\x18\x0c&amp;\xd3\xb8\xc1\xa4\x86\x1d\xc3\xf8\xf8\xb8\xc1\x10\x0c"\x1c%\x13\x07\t\xfeR\xa0:\x8dK\xbe\x97\x87a\x98\xa3\xc3\x15\x81\x02q\x82\x082\xf13\xc6\x04F&lt;\xfe\xf3\xc48A3 \x9a6!!\x8b")\xc5\xb3\x9dj`\x8d\x1c\xabx\xba\xe4pRd\xc2\xcc\x05\x83\xe3H\x15\x8fOOO\xc7\xe3\xcex\xbc\xafo:\x8e\x84\x04\x0c\xc8\x00\x0c\x7f\x04tS\x16\x96\xebjL\xf5\xc9S\x9e\xe7\xc9\x9a#\nE\x02\xa9\xa6\xa7\xfb~ijj\xea\x83\xc0\r\x00\xc6\'\x08\x16\x82A.\t\x16\x08\x96\xdb\xaeBCM\x1e]\xe2\xc9R\x98\x18 \x86\n\x12+M\x00\x15\xc046\x8e\x91Wc#\x805\xd9\xfa\x9cD/j\xb3Q-\x1d\xcfX\xfet\xab\xf2rE\x8b\x81Z\x16\xabJKm\x8e\xee\x9e\x98p\xc6)\xd4\xd8XGGG\xa1c\x0c\xc9\x00\xad/\xee\xc4L\x12\x8f\x05\x81\x0b\xa7D\x96=\x98\xac&lt;V\xcd^\x0ez&lt;#M\x8c\x06\x83Pz&amp;\xb5z\xc2\x89P\x8d==\x84\t\x03vzz\x1a\tY\x1fx\r\xc0L\x086\x9a\xc0~\xcb\xb2\x87UP\xab~?\x87\xd6J\x0c\xdc$Xj5B\x01\xd5X\x87\xa5\xa3\xc3b\xc1w\x87\x88\x07h\x90HTLm2\x81\xaa\xc1\x81\x04t.\x9e?\xaa\xc2?\xec\xad\xd3/\xa1?0\xda\xd1\xa0\x81P)i\xfe\x80jx\xb8cx\xd82l\xc1\x00:K\x01\xb1\xb0\x04\xe2N\xb5\x1a\xb1\x0c \x17\xc7\\\xaa=\xad&lt;\x96l\xf5\xaf\xb5&lt;\x11\x8bR\xa9\x81\xca\x06\x19\x04\xaa\xd9\xd9\xd9ax\xcd\x0e\x03\x9c\xa8\x95\xb7\xc9f\xb3\x11\xb9P/\x03\xc9"[\r\xac\x9a\xf9\x9c\x02\x1c\xaf\x05,B5\xe14\xf6\xd9\xbc=\x05\x8be\xb8\xbf\xdfB\x95\x1a\x13}\x05L\xd8-\xfa\x8c(\x97\xda\x04Y\xd420r]\xaa\x82\xe5\xeb\xf7\xf2`-\x1er\x88vW*\x9d\x1a\xa3\xd1\x06\\\x18\xc8\xd2C\xca\x91v\x08\x14\nN\x1b\x8d\x1a\xa7R\x8d`\x86\x81D\x82\xe7\x15\xb9w\x15\x1fP\x87&gt;\xc4\x18\x982\xd1Z\xc4\xee\x1a\r\xb9q\x9f\xcd\x86\x9d\x8a\xf4\x08\xac\xc41Q, \xc2K\x80K\td\xa6\x9bZ\xe8\xc5|~\xa7\xe2jEK\nH\x84\x98C\x10K\xa9!\x81\x925a\x93\xc0l\x82\xb5,\xa8\x1d6T\x90\n\xcej4\x04K\r\xcd^\xab\xe0s\xef*\x8e5Rd\x99\x84\x02\x1a&lt;\x8a\x05\\\x18\x1a\x8d\xdbj\xf3z\x1b\x89\xf1-\x160\xbdE\xf4|\xa3\xd7k\xb3Z\x91L\xa3D2\x03\x0c\x14\xdaDn\xb5\xd2X\xff\xfa\xcb\t\x0fS\x83\xfdf\x904\x07Je\x04\xa8\xde\x9e1l\n\xc3\x18/\x87\xc5\x80/zzz\xbd\xc0\xa5D\xbd\x9cJ\xd3M\xbb}@\x9b\xad\xfc\xa3\xae\xe4\x11\xcbkU.\xc1T\xc6\x82\x14a%\x02\x044\x88\x97w?\xc5K\x12\xb3\xb3\xdd\xba^\xbd\x91\xf0;\x9dj\x8fk\xd4\xae\x8d\xedW\xfa\xa9\xb8l\xf2\x80W\xa8\xec.\x0f\xa6\x10\xb3H\xa1\xca&lt;\xf7i\x90\xed\xda\xfd\xfbo\xee\xdf\xbd;7\xd7\xdd\xaf\xd3k\x94\xd0w5N0\xbd\xcb\xaeU\x14\xa3\x15.\xc5\x9a\x9d&lt;\xaf T\xa4\xb2\xd4\x1a\xa3WW\xe8\x9f\x05\x8e\xb5\xb5\xb5\x87KKK/^\xbcX[\x83\x83\x17KK\x0f\x1f&gt;|\xfe\xfa\xcd\xfb\xb9\xee\xban\xca\x85\x894\tv\xbb\xe2\xa8\xd2\xcfmj\xe63\x80%\x98\xb1\xb0\xb0\x14A\xab\xde\xc2\xec\xdc\xe2\xf3\xe7\x0f\x9f&gt;}\xfb\xf6\xed\xd3W\x7fz\xfa\xea\xd5\xd2+8x\xfa\x00\xe2\xf9b\xf3l\x7f\xa1S\xa77\xa2\xe35n\x8d\xd2\xe4\xb2\xab\x0e+\xdd\xe6\x11Ke\xf7\xb8\xad\x9a\x88\x1a\xed\xa5\xb1\xea{u\xd7oMM\xb5\xaf_\xbeqoyyc\xe3o\xf0\xfa\xe7\xc6\xc6\xc6\xf2\x83\x1f\xbe\xbd\xf6\xe8\xd1\xf7\xed\xb7\xba\xf4z\x7fDmVF4n\xb7\xd1\xad\xf4\xb8\xecg\xab\x15~&lt;R?\x9fQ\x0c\xb8\xcc~\xbf;b\xf6x\x04\xc1c\x8e\xa4R\xa9p\xd8l^I/&lt;Z\xbf\xb6\xfc\x0f16n|\xdf&gt;\xe8\xdb\rgwwWv\xc3f\xb8T\xf0D\xdcn\xab\xdf\xaf\x14\xec\x8e\x0f\xb2\xcafQ\xbe\x17\x03\xb1"~\x7f*\x02\xbf\xda\xeer\xb9\x04!\x13S\x05\x02\x01!\x1b\x1a\x1cl\xb9W\xc6\xba\xb7\x9eNe\x05\x95J\x15\x88e\x1c\x10\x82\x0b\x1ciN\xf9C!7 \x16+\x8d\xb5\x1dS\xb9\xc2\xa1\x90?\x9c\x15F\xed\xc0\xe4\x028\x95\xcan\x8f\xc5\x84p(\xbd\xf0\x13\xe8D\xe2\xa7A\xb3\x00\xee\x863v\xbb\xe0\xc1\x00\xbd\x04s*\xe4\xf3{\x84\xccq\xa5\x93\xb8\x1f\xb0;V|\xbe\x15\xb3\xcb\x85\xa2Y\xfd\x8f\xd3\xe9\x10X\xc7\xe4\xf1\xb8\xf5]-\x977\x96\xbf\xfe\xf1)X\xec\xcfze$\x02\x1d\xc4\xed\x7f&lt;\xb3\xb00\x93~\xacwG"\x1eO\xca\xe7\x0b\x99\x1d\x99\x93\n?{\xab\xdfW\xb9\xcc\xa1\xb4/\xe5\xf1D\xac\xba\xfe\xee\xba\'\xdf\\\xbb\xb6\xfe\xa4U\xd7\xdb\xdbS\xe8\xeeo\xbe\xb1|\xe3\xea\xd5;_o,_\xae\xeb,\x14\xfa\x0b\xfd\r\xcd\xef\x17\xaf~{y\xbd\xb9\xbbS\xf7\xd8o\x0e\x03V\xd8!\x9c\x8eT\x16k\xe8\x03`\xf9\xd2\xcf\xc2\x11_\x97\xae\xbf\xa1\xfd\xc9\xfa7W\xae\xb457\xb75\xd7\xcd\xbe|9\xf7\xfe\xce\x0fw\x16\xdf\xbc~\xb0\xfc\xe3\x9d\xc5\xf7\x10\ruuu\r\rmO\xbe\xfb\xeeJ\x03\xecO\xe9\xdd!_z\xc5,\xc04_I,Y\xb4\xa4\x12\xc2\xbeM\x1f\xd4\xdd\xf5\xd6\xdb\rSS\xd7;u0i\xe9:[A\x96\xb9\xd9\xb97o\x9a\xe7\xb0\x8d\xbd\x06\xa6\xd7\xaf\xdb@Eo\xaf\xae\xabkf\xe6z\xcb\x93\xb6\xe6\xb6\xa9\x10`\xf9\xc2\x8e\x83\xca\xae\x8a\xb2h\xd1\xeeH\xa57}\xcf\x16ZZ\xdb[t^\xbd^\x0fC\x02\xcc\x81\xbd\xfdu\x8b\xcd0\xcc[\xc6\xc8 \x01\xeb\xe3\xe2\xd5\xb6\xba^\x1cNmz}\xaf\xd7\xabkmk\xbb\xd2&gt;\xe3K\xa7\x7f\x0b;\xce\xf6*\x8b5r,dW67\x9fm.\xb4#\x95\xd1\x1a\xf2\xfb\xfd!\xdfc\xbdW\xd7=7\xd7\xf1\xeb\xafM\xbf\xe0?k\x1c\xbc\x1a\xda\xea\n6\xa3\xd5j\xd5\x87|&gt;\xbd\xad\xc9[\xf7\xfb\xb6\xdb\xb7|\xe9\xcdg)sv\xbf\xb23\xc4\xc8\x89\x10\xfemsss\xf0\xef\xed-\xb7\xa0\xba\xc2f\x87 8\xc2!\xab\xd5\xd6\xd9Zh\x9a\x86\xc0\x7f\xfa\x88\xd6\xd9\xaa\xb3\x195\xa9]G\xd6\x91\xcd\xa6\xfcV}WC\xdb\xed\x96\x19\xf8M+\xe1\xdd\xfd\n\xabE\xb0\x06g\x06\xff\xb00\x95N\xa7\x1c\xb1\xaf\xb2\xb9\xdc\xd9\xb3?\xbaa&gt;\xfd7\xed\xe6\xff\x92\xf6\xbe\xc7\xf1\xd1o\x05\xfb\xc1yWWK[\rM\x13\xad4\xcb\xd0de1\xfbb\xb2\xbe\x1c\xa3$\xab;+ek[\x85J\xb9\xb4\xb4\xd4\xd9IX\xfe aG\xe5x\xa1@N\xa9\xb0\xb0N4w\xe4\x80\xf7\x9c\xbb\xee\x1d\xb5\xc6\xc0{7a\x05q\x8b\xa2n\xdfW\xf7\xf5\x91s\xff\x83\xcf\xdeQ\xbf\xf4\x81\x1e\xbd\xbe?_\x9f\xb7\xdc\xf2\xee\xa5\xa5\xee\x0829G#\xaa\xeer.\xb4\xe6\xa7\x9f&gt;\xfd\xfc\xf3_\xff\xf3\x97\xb2\xb2\xd6\xc6\x16z.&gt;\x97-\x06,\xd6\xaf\xa8[\xab\xac\xf5%`\xb1\xa5c\xe2\x86\xd6\x8a\xef\xff\xf1#\x82\xf5\xcf\xdd1"\x99\x8c\xa8\xe7%Ub\x9c\x07\xac\xa5nr\xeama\xcb\xabO\xbf\x96\x95\xfd\xf0\xe3\x87\xefo\xe5t\xf0\xe9i\xb9\x03b\xf1\xe2\xdb\xd6\xb7\xaf\xd1\x8e-\xc0Z\x14s\xd8\x03lN\xa3DT\xf6a\x92\xc9\x94\xb0~\x1a"\x0b0\x82\xc4b\x0b\xa8\x12\xd2\'\xd2\xbdDF\x86?a#L4\xd4\xa7\x9398\x1c\x95H(\xa2\xb3\x01k\x12u\xac\xce_\xcaZ\xdf.\x8eq\x08\x90\xf5B\x98\x9ca`\xe6\x92\xb9Db*(Fd\xed\xa6\x82\x90\x8f\x02Wf\x14\xcc\xd5-\x10\x90\x89\x9c"zn&gt;\x81K\xa62\x01\x0b\x0e\x1b\xb0\x9eN\xa2\x9c\x89\x9d\xffJX\xcb\x04\x85\x01\xbeM\xb4\x12\xfc\x0bdr\x11b\xda{\x04\x10Y\xaa\x08P\xb5\x15\x02U\x04\xa2\x0b\xd9\x0c\xa6BG\x1a\xd1(G\x9e\xb1\xb9\\&gt;\x81\xc07\x89\xe7\x01kq4\t\xe5*\xcfb\xbd]\x14\xb7 y\x0f\xcd.\x97\x96\x06\t\xc9\x15P\xdb\x05\xe5\x90\x86K\x90\x88\x99\x88\xec\xe7E\xa3\x10^\xaa\xa5\x1e\x01Ld\xa6\xb1\xfc\xb1\x81\x015\xdf\x04\x1d\x8aHT\xcf\xaf\x02\xd6\x1e\xba\xaf\x87\x1f\xfc\xfeC\xeb\xdb\xd5\x9f\x1a\x85\\\xa1\x10\x1a5\x92\x80\t\x85J./OPE2\x8b\xbd\n\xaf\xa2\xbe0\x9a\xd8\x95\xf0\x90\r\x17x\x12\x06A!\x17\xf9W\xb8\xc4!1`5||\x94\x82j\xab~\xdd\xca\x9a\x04/tt@$\xff\xa12\x00\xaa\xb4\\\x15\x89F\xcaU\xd16\xaf\x02\x99\xea\xfb\xbd\x85\x99\x99\xc5\xda&gt;\xbdCQ\x9c \x13 \xcf\tR\x1b\x1b\x89&amp;\xc0j$\xb6\xec&lt;A\xd3\\\x0f\xb6^\x02V\x03\xcc\xe4\t9-Hl\xdc\xee\xf02\x0b\x07C\xe3&lt;\x95\xaa\xcd\xdb\xef\xda\xd4\xe9t\x9b\xae\x8db\xd5Rt|bb\xc2\xa5\xf0\xd6\xb7E\x91}Ri)\xd2\xaa\x00\xab\x81\xc8\xe1\xd7\x8c\xa2(\xcaR^\xaf6\xb6N.\xb6$\x1cR\xc7\x83\x8c+DBI\x11t8\xfa\xf0\x91H\x9b\xc2\xac[8\x8a\xd9c1\xb7\xceS\x0f\xbf\n\x05\xcd\x80\xe8Q$\x04c}q!\x0f2X\xbc:Dd/\x97\x1ev\xa2\x85\x95\x9c\xec{\xd5`z9\xb9h"\xc2x\xc5\xab\x87?\x96P\x87\xa0\xbe\x1c\x8ePa\xa1\xb7\xdfvy\xb9pt\x14;:\xba\xb4\xfbu\x80\xa3\x08\x85\x02~\xff\xa6\xeb\x0f\xf98X\\]]$\x9e\x1f\xe2\xd3\x8aU\x9f\xe3\xa8\x95\x87\xa4\xady\x8e\xbaarq\x88@X.F\xc4!\x12G\x1e\xd7f\xc0\xdc\x1f\xd4\x0e:\x02\xb69\xc0\xb2\x83\xb1b\xb1\x859\x9b-l\xf68\x1c\xebN\xa7\xdf\xbd\xb9\xb9\xe9\x028\x85w\xb0\x8466?\xc4)\xa9\x8f&gt;\xf3%\xa3e\xac\xce\x9dnU\xd1\xd0\xe2\xa2\xba\xa8\x08\xa1\xf2\x80Vumn\xba\xfdn\x9d\xde\x11\x92\xdb\xacy\x03c\xb36\xb7\xdf\xe9\x9c\xeb+\xe2rK\xf4\x01\xd7\xfaz\xd8i\xb7\xdb\xfd\xf0\x08\x90A*h\xf1\xd2\xe7bva[t\x04\xad\xbdnrR\xdc\xa0j\xabW\xaf\xae\x8e\x95\x0c\x0ez\xfb=Hp\xeb\x80\xc2\xee\x0c\x87\xf5!\xbdu\xe3NO{]%\x84\xf9\x84Y\xdb\xdd\xc3\xd3\x02w\xd8\xedv\xdac\x00fw\xba\x81\xcc\xd3\x1f\xca\x96&gt;\x9f\x97.G#\xc6\x95m\xd4\xb0\x8cP\xc3\x07\x9e?\xcf\xd7\x0ez!\xa2\x10$8v\x04+ \x07a?\x8eO\xcb\xa8\xed\x1b6[\xadVyH\xef\xea\xf7\x04\xc2~\xa7\xdf\x19\x03.\x08\xb7\x05\xbf\xce\xd3\x1f\x1c\x1f\xa9\x99\x97\xa6{\xa3\xbbh\xc5\xd6vr\xe7n4Z8\xf0\xfc\xe1\xb3\xf1\x90\xa2\x1f\xa8\x16.\xed\x08\x95\xdd\xad\x0b\xe8\xf5_C\xda\xeclm^eV\x9f\x95\xd1[@\xc9\x0b9\x82\x0es\x00&lt;\xecF\x1e9:9\x8a9\xfd\xae~\x87\x03\xb0\xf2\x83f\xef\x0ej\xef\x86\x93S\x0e\x8b76\x06\x1e\x1af\xef\x07\x83\x9e\xcd\xb0\xff2\x86`-\x84\x03fG(\xa4].\xe5\x92\xc9D\xf5\x08\x89\x81\x1dQ\xc3\xbcZ\xa4\r\x05\xf5:\xb7;\x8c\x84W\xec\xe4\x04\xb0t.\x97&gt;kj^\x164\xeb\x0f\xd1\xc3J:\xc8\x93\x03\x96Q\xd9\xd5\xa7w\xb9t\xfe\x05\xfb\x82\xdf\xe9\xb6\x82\xff\x14\xf5\xbc:L3\x93Y\x95SE\x9c%\xbdhdUU1\xefb\x88%\xe3\xfa\xf5p 0\xe1G\xbc\x88`A\xd2R\xa6\xa4\xe9As\x18E\xac\xedQ\x8d|#\xf7\xa1Q\xa3)\x186\xbb6\xdd\x10X\xfe\x80C\xab\xd5V\xf3\xc8\xb7\x9b%"\x1c|\x89Xbi\x0b\x13\xc46NtOB\x05\xb0a\x10g\xc3n\xe7B,\xe6tC\x8aL`\x95\x80\xe5\xf1\xec\xae\xa0XNw\xf5A\xfc\x94\xd1ha0\x10,\xbf?\xec\xd0.\x83\xe8"\'\x96\xb5\xc8\x910\xa9\xd0\x96\x9a%\xcc\n\x9c\xa8\x02\xf7X\xc4\xecP?\xcb\xe7,g\xe8\xc0`P%\x02\x01+e*?=T_\x9f\xbd\x97\x82\x9a\xb5V\xa6\x83!|\x8d\xd1h$1\xac\x10\xce\xee\x89\xf1"\xa2PH\x05C%\xde\x01UQ1\xe4\xba;0Fd\x12\xd4\xa6\xdb\x98\xd4v\xd1\xe3\xc78fGK\xa3\x90\xac5\x83\xbbu\x01\xb3\xb9\x0fq"O\x15\xa9\xdeKA\xad\x9e\xfa\x94\x85\xf5i\x08\x96\x85d\xd5\x9bu\xba \xaf\xb1\xa3\ny\x1d\x8dcb`\xc8c\xd7L\xed\xef\xbf\x87\xb3O\xfa\xfcY)\xc3W\x93\xa9\x12\xb0XENY\x055m\xc2\x1d^7\xeb\xfbj5S\xd2\xb4\xf6\xbb\xdd\x06\xf4\x9cxc\xa5\xa6\xbb\x946b0\x1a5\x16l\x9fyb\x98\x80aU \xae\x13aLlZ\x9al\xd6h\xb1h\xf6\xe1X\x80\xdc0"\x93=\xcb\x85\xd1\x1aq\xefw8\x8c\xdc\xb6\x1e0\xeb\xe5r\xc0\xa2\xf7\xa8\xe8[\xa8]\x87\x80\xee\xf3\xef\x9ev~\x8d\xc1\xa8Tj4\x14\xfdD\xb0\'a\xa9{\xac\xa1\x9a\x9a\x1a\x99\x0c/C\xec\xf4\x05\xce\xf1\xe9\x97\xaf\xb24:[\xaa\xd4H\x87\x84,\t\xee\xe6M\tmx\xc2\xacw\xc8k5\x06)\xbeX\xbb\x8b\xe2-A\xa8\x10\xc4\x9eR\xe9\x94a6\x81\xb5\xaemF\xaeb\xe4t4LM\xd5\xd4\x00\xd2\xe9\xe9\xf5\xc9\xc5\t\x9c\x8b\x8b\x93\xeb\xeb\xe3P\t\x87C0\xa9\xd9\xea\x979\xb8\x9b"\x8e50\xec\x00,\xe5T\xbe6D\xbaB\xf3\xba\xe7\xb6\xef\x1daY\xfa\xca\x00\xd62v\r\x03\xd6\xad[\xb7*X\x1d\xc2T\xae\xcc\x02LW\x17\'g\xe7\xe7gg\xe7\xf1\xb3\x8b\x8b\xb3\xa3\xeb\xeb}\xbe\xe0n3\x06\xd3\xf1\x94%\x12\xd1\xd7\xd7\x87\xe5\xf2\xbe.\x04+c\xc7\x97\xb4\x8d\x1e\xd6\x8d\xce-)-\x81\xa54h\n\xc2\x19\xd4{\xdf\x89\x98UL\x89d\xe8\xf4\x12,\xe4;\xbf\xd8kj:?\x8b?\x88\x03\xde\xc5\xd9\xd9\xe1\xbb!\x16N\xc4LU\xab1w\xf3l\xb6\x82\xdaZ\nEix\x11\xba\x7f\x80\xee\xa5\x83\x14\xdf\x9a,\x1f\xb0\xb2\xc0^\x056\x06\x97y\x8fy\xbbY\xf4\xf8\xd6\xc3\xad\xab=\xdf\xe8\xf9\xca\xdeygg\xfc\xbc\x13\xb0\xe2@\xf6h\xf4`\xb5\xea1\xee.\x1f?@,\xb5\xce\xd9\n(\xb5\x14\xacF9;&lt;\xbd\x87\xae \xdbn:\x18\xa9\x84\x90\xcf\x9a5\x18\x19\xb69&lt;\xa6\x83\xcb\xc7Hp\x15\xbf\x8c\x8e\xce\xac\xcc\xac&lt;\xf1\xad45\xc5\xe3\x9d\x7fj\xf2\xc5\xe3\xbe\xf8o\x7f\xff}U"\xa2\x12\xb5\x1bjr\xc9\xdc\\/\x85B\xc1b5\x06\xe3\xe9\x15\xca\xdb\xc0\x1b){\xbb\x16\xe3;\x03\x82E\xea\x9d\xa3p\x1a\x08\xd5\x84\xd4f\xe6\x87\xffn\x8d\xce\xfc\xed\xcd\x9b\xd1G\xbf=\xf2\xcd&lt;y\xf2\xe8\xcd\xcc\x9b\xad\xd1\xd7\x1f_u4\xf7\xf0\xf1\xc1t\x0e\xb9\x12\xb0\xb0\xd8\x02\xc0Z;\xd8k\xba\xb1\x8d*\x15\xe8\xea\xab\xcfS\xef\x8c]]J\x83q\xba\xb77\x9bOO\xc3\x17\x95S\xa9\r\xe2\x87k\x86\xb5\xdd\x9d\xc3\x8f\x1f\x0f?\x1e\xc2\xcf\x9d5\x83a\xbe%\x95\xda\xcd\x0b9\x1c\xe9\xa6\xba\x82\xb9^\x12\xb6\x80\xc1\xc0\x1a\x0f\xe2\xdf\xe0\xf3\x19I\xf1\xab\xc35#\x96\xa2Qj,\xa4\xe9\x0c\x02=;=\xbb\xa4\x0e4*\xb9\xae\xb8\x04\xff\xfe\xff\xe7+\x94\xb1\x92j~i]\xf5\xb8C/\x97\x99h\xbd6\x06\x96\xc4\xe8%i&gt;_}\x9bO\x8d\xa44\x1d\xbcc\x803 \xeaI\x94\x01\xfa\x8b\xca\x8c&lt;|Q\x1d\x81M\xd3\x86\xde\xef\xef\x7fM\x9c\xfd/_,\xd0\x86\xf04|\xa5\\\xaf\x97\xe7\x12\xee\xf7\x16\x14\x90\xc0\xbc$\xcd\xda\xde\xb7\xb9w\x9a\xfc\xe7\xbd\xdd\xe9iR\x97F\xa3\xb1h\xf2\xe9\xf9\x95Y\xf7++\xf3\xa1\xa0\xefS\x8e\x8f\x8f\xbf$\xaa\xfc\xf1\xe9\xf5\xa9\xc5B\xa9\xcd\xcap\xe8\xcd\xc3Y\xb4\xff\xf1r\xbe?i\xa5Y\x1c\x9f\xd8W\x98\xc1tefq\xe1B\xc2M\x19X\xc8\x85\xeb\x12\xc8\x057\xae$"?\xa7`\x107\x02\r\xa1\x02/\xc4\xac@h\xb0\xe3`\x16\xad\x1a00\x08I\x195\xfa\xa2\x93\xae\xa4\xfe\xe0E\xfd\x95tF\x1a\x9b\xbaM\xddZ\xb5\xeef\xb4\xcd\xb8&amp;\x1b;\xed\xee\xb6i\'\x9b\xec\xcb=\xcf\xb5\x7f\xc0\xecN\xef&gt;\xc9\xbd\xe2\x85\xe4~\xf2=\xe79\xe7&lt;\xf0\x9c+\xe7\x8c\xc7\x1a\x81jJ|\xed%C\xfbt\xa1\x908:\x99\x12\x8b\xc5\x90\x00{22\xdc\x80\x890L\x94&gt;9IK\x81G\xf1\x0e\xeb\xdfS \x0e\'\xf8\xe5\xef\xc7\xc7\x071\xdc(\x96r\x14@\xa5H\x0f\x1f\xb9&gt;`\x88\xcb\xf5\xe6\xf1\xc9\x89\x18\x81\xf5\x18\x95\xb8\xc1(\n\x06mi\x100\r\xe3/d&lt;\x1eW\x93Vo4\xa4\x18o\x8c\r\x8e\x1f\x8c\xc7\x0c\x06\xa94\xd4\xa8\x98\x9a\x9aJ\xf7\x1f\x9f60\x85\xd50\xf4x\xff\x84\xc6\x08\x95\rJ&gt;&amp;\x8a\xc5l\xa1t\xbaL&amp;\x9c\x05\x8f\x19\xea\x18U$b\xa2\xf8\x83\x07\x07\x07\xe3\xe3\x8aA\xcc`\x13\x87l0\x0b\x15\xe2t\xff\xfe&amp;c[\xc0k\x16^\xee\x9f\x9cL\xa5\xd3b\x8e\xa8l\xe0\x1bE\xb6\x18d\x15\x91\x92jRA\xb1\\\xc7f\xb7\x9a\xcd&amp;\xb2\xf1\xe0\x8b\x83\xf1\xc1\xc1\x98\r\xc3\xa4\xe2\x90\x14\xb0\xc4\xfd\xfd\xc3\xffdjO3\xc4\xfa\xbe\xa3\xfdk\'`\xb1~\x91\xd1h4\x18\x81\x0b\xb35J\xb1\x0c\xe5W\xe9\xeb\xeb\xd8\xf5\xad@\xa5\xf8\x02\xb4\n\x06\x83\xe0w\xc0,\x95*\x1a9\x10\xecV\x8f\\\x8c5"\xb1\xdaO\xc1\x8a\'\xe9\x9er\xd9`@`e\x11\x86\x14\xc3|c\x11\t\xfa\t\xf1W\xa6x\x08\xd6\xb0\xb1\xdb\xa3\x18\xc6\x87)a\xb3\xd98\nN(e-\xae\x9e\xd62\xd7\x8dQ3\xf4xo\x7f\xffZO\n\x98\xcaF_&amp;\n\xf7\x86\xfb+e\x84\xe9\xb7\xb0\xe017Q\xb8\xe1\xf6\xedQ\xfcs\xdc\xa0\xe4\x81\xf3\xd9\x90\r9=)k`o\x93\xc1\xae-\xd6\xc2=\x845\xdcc\xe4\x83Z&gt;\x19\x99\xe1\xf3\x95\\\xae\\+\xf8\xe4\xe3_~l\xa2|8\x0f\x87u\xdagZ\x1e\xce\xe5\xf2\x94FQ($\r\xf5\xf7\x14\x03\x81\x97\xdf0\xd9L\xe6:\xda\xdb;&gt;\xbe\xd6SF&amp;\xf4\xc9d$\xe9\x93\xc9\t\x0bW\xab\xa1\x08\x01\x04\xfeQ&gt;\x0eP\x9fq\xd1\xd0\xf2\xc0\xc8"Q\xb9\xa7\x98\x0c\x04~`\xb4/\xb0\xe1\xcdc\xc45\xdc\x93JE3&gt;\x19D*55&amp;\xb0py&lt;\x19\x8ch&amp;\x13\xf5Y4Z\xad\xe5\x8e\x064\xe4\xf1\xf9\xe52\x14\x8e\xd6d`\xf5\x94\xd1\xde(\xe4\\\x08k\xb8\x18\x8dF\xc9\x11J(\x14\x9a\xfcBB.C\x84\t5E\x91Q\x82\x124\x0b\x9b\x84\x14A\xc4}\xd1T\xaa\x9c*&amp;\x93\x81\xbd\xa1ZF\xfb\x8fz\xef\xed\xed\xad\xae\xae\xc2\xda"J&amp;\x12c?\xef0\xa9\xcc\x1d\x14\xa1V\x13\t\x8aR\x13\x02\xb5W\x9d@\xfb\x1f~fj\xeap\'H\xd2[\xf4V\xc0\x86\x8f\x17\x18m\x8bz~\xf9\x88\xc6\n$+#\x03n\xa7\xdb\xe4W\xa9\xcc\xaa\x8e\xb1\xc4\x185\xe0\x1e\x18\x897S#\tg\xc4\xaf\x92\xb4\x9aU~\x7f\xc7@\xa2\x92\x04*k\xe0e\x1f\xb3\xed\x93\xb5\xa7\x08+\x90L\xae\xe5"\x1d\xce\x080\xa9\xcc\x12\xb3\xbf\xc3\r+{\xf7\xc0\x80\xd0\x9epG"~z\xf7\x83^\xe5q\x0f,-\xd9\x93\x81b\xe0\x07\xa6\xbb\x14\x87\xf6\x8e\x81\xaa\xba\xb6\xb3\xe5)\x14@\x15\x89Y\xd2\xda*\x81d\x08\xbaE\xdcng\x87\xdf\xef\x81T\xd4\xd2\x82~\x06-\xe4r9P\xabX&lt;e\xb8\x1b\x90\xf5\na\xd1T\xb3\xb3\xfaVP\xa5U\x92mi\xd1\xab \xfd\x00\x9c_eF;XZ\xea\xd1\xd6\r\x89~\xab\xb0S\xb5Z\x8b\xd6\xe1!\xa6\xfb\x99\x17\xf6\x87\x87W\xab\xb9\x82\x07\xa0\xea\xeb\xbb\xeb!\x11v\xc3ZVb\xd6\xeb\xd1\x0e\x17(#h(6\x1c\xdd\x80\xe5LZ\xadV\xef\xf1+f\'"\x8b\xb5pl-\x0e\x07\xd6\xb6fg\xb3\xe8\xce\x9dp\xffN\x04\xd1\xd2\xdd\xd9\xdd\t\x17\xba\xd1\x19\xae\xc19;\xbb\x95\xabx\x81\x8a&lt;\x9ea\xb6?\x91\xf5\xc1\xc2\xb175\xbc\x9a\xccm\xe9\x01\x89\xcdF\x0cl6}t\xa2\x0b\xf5\xf5\xef^\x83\x84YO\xcen\xb5\xa6\xa2\xa4l\x7f\x81\xc5\xb4Z\xab$\xc8\xb5\x9a\x04\xbd\xb2\x00p\x01\xc0\x00\x0e\x11"\x1ez\xd4\xd5\xb1\x91X\xdd\xfa\x9d\xaa\xd7\x8b\xa8\xe4\xff\x0f\xac\x11/2c\x12\xbc^\xdf\xc2f\x7f\xc8&gt;;\xea\xe8\x03\xedz\xad;w\x1e1\xb6\xe8#v\xaf5\x1a\x85\x14E\x1c3\x8f\x15\x88\x8f\x90\xd1\x14\x14\x050\x1d=Yv\xfd\x85\x0b\xec\xf3u\x00v\x9e]\x0fT\xe7\xea\xea\xce\x7f\x08\xffugU\x85%\xaf\x17\xa5(\x1a\xab\xe69\xc331\xa0\x8e\xcb|Q+p\x05\xaaK;\xfal\xe7;\xa9\xc0\xa1\xd8u\xe7\x00\x8bv-\xfdV\xaeZ\xb1\x82X\x19\x1e\x94\x18\xab3\xb5,\xc6\xb1\xd4q\x92LY\xad\x81\x80\xb5\xbaV\xd0g\xbbi\xdf\x87\xa9\x08\xd1\x02\xc9V\xdf"\x99\xdd\xda\xc9\xd9+\xd6b*\xea\xe3A\x85C\x04\x86\\\xed\xae\xcb\x0c\x92=\x9fI\xaa\t\xb5\x1c\n-\x08\x93\x10\xedw&lt;\x10*\xd0f;H5\xb3\x80\x98\xcd\xea!\xb8\xbb\x9d\x03\xe0W\xa93*\xb9V\x93|\xb8\xbd\xf8\xaf\xa1\x06\x06\xb1^\xd1Xq\xe0\xf2Z!5V\xd7\xd6r;\x85\xadH\x04m\xff+x&lt;[\x85\x82\x13\xed\xc5\x01\xad\x00+\xc3\xe3jQ\xed\x9a\xfc\xd3\xc6\xb3\x1bo/3\x99|*\x04Eh\xa1\xc0\x92\x01\x17\x94,\xa0Xu\xc9\xe9t\xba\x85BH\xd7\x11H\xd7\xf6\x11\x18\xb4V|%\xce\xd5j\xe5\x16A\xf5\xde\xdc\rf\xb1\x1e.Q\x02J#G\x85\xdfH\xc5\x9b\x84Q\xa9\xd8\xed\xf6\x045\x06\xc3\xe9L\xc0E/9B\xa29\x98Q\xe28r-\rU\xfdv\xf7\xfa\xca]\x06\x9f\rQ\xfb\xc6IQ\x02\r\xd4\xa3r5\x1a \r@U*\xf0\'\x91P#\xa6\x94w$\x8e\x8a\xfcLFIc\xc9\t\ra\xdf\xca\xfe\xe6\xfa\xe2G\x1f]e\xa4]\x98U\xd3\xd0\xfbW\xf7\x18% 4Z9\xdc\x8fjn\x1e\xa3\x12T\x02\xcdM/\x19\x8fC&lt;3\xf23&gt;9\xbc)\x83\xf5\x18\x1f\xb8x\\\x0b\xc2\x9a\xfd\x05{w\xf3\xd2\xc4\xf6\xf6\xc4\xd5\xf7^K\xd4\xb4_\x9d\xf8n\xc7-\x1c\xd3X,\x16\xad\x1cfX\xf3\xc5\xe6f\x01T\xed\x94\x9a$\xc1\xdb|\xc62\x06\x0bD.\xbc\xc9\xe5\xe1\xc0\xc5\xc7yZ\r\xa1\xa1\xec[\xad\x9f\xee\xe6u]W\xa6K\xa5\x99\x89\xf7+\xd4\xd5\xbe\xed\x89G\xbb\x85\x0ea\xb3\xc0\x82\xb8\xb4\x16\x8d\x80\xa6R\xab\xe5`2\x9f\x12\xad\x0bE\x18\x9fvsX%",\x1f\xc2"\x08{A\xf2\xe9\xb7\xa5\x89\xb6+\xd3\xf3\x8e\'\x873\xef\xa9&amp;d\xb1j/o\x97J\xa5p\xdb[}\xa1\xa3I(\xd0X@\x03B\xa3\xb9\x83\xa0h\x99\x8c\x06\x1c\xe7\xc3j5$2\xf0yr-\x12K\x89|\x8b\xab\xb5\x10\x84\xda\xbecn\xf9\xde\xa1k\xbb\x12\x9e\x0f\xe77\x16\xb7]\xef\xc3\xfbY\xed\xae\xbeG\x8b\xcb\xf3\xe1p\xe9\x99$bB;\x9f4gC \x00\xdf\'}&gt;\xbeH\x84\x8d\xfeyT$\xe5\x88i\xbdx\xb4\ti\x8f?\xc3\xca\xa9$\x0f\xda\xc0\x88\x8e\xf0t\x9b#_\xea\xed\xedk\xffI\x0f\x93A\xcf\xcf\x99\xd8|TZ^\xce\xcfO\x87\x97o\x00\x96\xa9\xe9b\xb3\x00\xc0\x08\x8b\x06\xcdH2jD_\xdd\x04GG\xb1\x98X!\xe6\x80`F&gt;\xdf\x00\x03\xb9\x16\n\xa7\x04\x91X\xf2\xcf\x1ev\xe9\xba\xda\x1c\x0eG\xdb\xe2\xdc\xfd\xf5\xfc\x93\x87\xbd\r?\x05\xac\xd6\xd5\x9b_/\x95\xf2y\xc0\x9a^\xdf\xd5G\xfc\xa6O\x90\xa3\x83!\xb5\x16\x14V})#\xac\xe9C"\xc0j\x9c\x9a\xe2\x848R\xe02\x181L\x04\xf6\xc4\xf1\xcf!\xfb\x10\xea%\xcf\xee\x13\xdd$X\xf1\xca\x95\xae\x8d?t\xeen\xcc?9|\xfb\xbf\xe6oVM{_o\xefv~\xb1\xe4(\xcd\xcfO\xcfO/\xaf\xcc\x9a\xe8\xde\x10\xe0B1\x82^\xe3\xfb\x90\\X\x10\x0b\xc6\x14\xbf\x9b\x12\x8b9\x88KD\x7f\xb7%\xc2\xc0\xd1\xb8r\x88p\x03\x9e\xa7%\xdddW\x1b\x0c\xdd\xfa\x8b[7\xbf~\xb6\x98\xdfx\xf0\xdd#\xd7\x7fOV\xd3\xee\xea\xdd|\xd4\xbb\xf9z\xe5V\xbe\xcd1\x8dF\xfe)`\xf9\x01\x0b\xcch\xd1rq%.\x93\xc7i.\x0c\xc3\xbe\x8c)\x14\xe8\x8b\xd5F\xb0c\x88\x03/86\xf03\x88\x17\xe0\\\xce\xc2aW\x97N\xd7\x85N\xdb\x8e\xd2\xc6\xca\xcd\xeb\x87\xa5\xe5\xd7O_\x0c}\xd3\xfe\xe3\'\x1ezh\x95k\xe6\xe1\xc6\x93\xfc\xfa\x8b\xdd\xafW\x1e\x94\x90\xb3\x86\xa7\xc3\xe1\xfbgj\x81\\`D.\x0e7\x95\xabed&amp;\x8a\x8c\x86\x05\x1b\x1b9\x1c\xb1\x02N\x1c\x9a\x8a#\xb5\x89\x0c\x06\x1c&gt;Bt|\xbf9\xa9\x03,\x9dn\xf2\x92#\xech[~\xf0\xd5\xcd\xb9\xc5\xed\xe5\xfb\xb7\x9e\xdd\xed\xbd\xcc\xfa\x11^\x86&gt;S\xe3\x9a\xb9{x\xb8\xb1\xbe\xfeb\xe5\xfa\xdcF~\xbaK\xd7\x06\xde\x1a\x0e;\x16\xff\xe1?\xebi\xbb\xf8\xeb;\x80e0\xf8\xe4\x84\x1c\xa6\xa2\x8f\x0f\\\xc1X\xa3\x98#E\xbf\xef\x9cQ\x01\x96\xcd\x86\x19p\xae\x9cr\x1eNLN^\x9a\xd4M^\xbd\xb4\xfdz\xee\xefy\xc7\xf4\x1f\xe7\xfev\xfd\xc1\xa2\xe3?\x85\x9c_h\x1b\xd9\x19\xc5U\x89\x19\x90F\xf5\x08&lt;\x90!V\x1fl\x94\x12X\xe1`JR\xe2\xedv `%$\xa2H,)\xe8A\x14\xcc\xda\x0f\x95\xb0\xa8\xa8`\xf5\xb0\xb2k\x96\x10b\x17K\x0f\x1a\xd5\x16~\x99\xa0\x11\x8c\xaa&gt;\xa4\x9aE\x0fZ\xe1$\x08\t\xcb\xc24\xdeB\xec\x18v\x8bE\x88\xad\x06\xb1)~\xef\xf9\xee\xc8\t\xa5\xff\xae#\xc9\x7fF3\xbf{\xbe\xf3\x9d{e\xc7\xce\x0e:\x9d\xf3\xde\xfc\xff\xe3"\xa6p|\xf7\xb43$\xa5L\xb3u\x90M\x05R\x81M\xd6\xdcx{\xfe\x93;?\xbeu\x8b~\x1b\x8a\xfe\xf3\xf7\xc4\xed\x89K7n""\x1e=\x9a\x98\xf3.\x04\x19\x12n\xc4F\xdf7\x85\xc1\x82\xdek\x97~\xfb\xe9w\xbd(\x1b\x9bi\xa9\xdd\xe0K\xe5v(U\x1bh\xfdF\xb9],T\x0f[\xef\xb6\xb1Gt\xfe\x0f(\x98\xfc\xd9\xdeikP\xad\x1d\xb44\xads\x80\xf8k\x0fOk\xac\x8b W*\xfb\xe6\xce\xc7\xb7&gt;a\x9e\xff\x88\xbe\r97u\x17\xaaaY~41\x01\xae$t\x9a\x9e\x1e\x1fQ]\x85xW\xbd\x13\x97\xae\x7f\xb6\x93\x06\x93\x14\x8d\xa6\xd3\xe9c\x9d\xe3t\xb5U\x8d\xc5\xea\x87\x0030\xffZ\xbb]\x8f\x87\xff\xdbKI\x84\xf9\xfd\xf8j{\xd0\xac\xd6\xaa\x87e\xd3\xec\xb4\x8b\xa1\xda\xa0\xdc\xd0K\xc3\x00\x8c\x81\x8c\x86+v_\xde\xf9\xc4\xf2\x16\xb0\xbc\x93\xdek7o\xdc\x04\x16\x16\x1a\x86E\xdf\x85\'\x8b\xd1O\x10\t-\x19\x9c|p\xf9\xb3\xbd\x9cD\x83\xc0\xaa*\x87\xa1\xe8f\xabZ\x04\x98\xd1\xe8\xab\xe5\xc3\x83Z\xad\x16\xbf\xff\x9f\xb9\xe0\xf2\xf8.\xb8\xb3\xb5fGS5\x0b\xca(\xf1\x02\xc7kY\xf2+\x85a*\xb2\xfb\xc5\xc7\xbf\xa0N\xbc\x01\xc7#\xdc\xaf}t\xe3.\xed\x16\x1eA\xba\x05\xa2B+\xce\x90\xedg\xae\\\xb9\x9a\x04\xd5\xed\xcb\xf7\xde%dQ\xb2F\xba\x03\xb1x\xfc\x13\x00vP\x0c!&amp;\xccF\xc34N\x9b\xd5Bb\xfe\xdf\xc1\xec\xf3\xf1\xed^\xbdZm\x1f\x965S\xeb\x0c\xea\xb1Buh\xf49\xbf\xc0+|\xbf\x19A\x19#\xa8c(\x92\xdb\xfd\xcb\xa7?\xff\x199\x1e ^\\\x15U\x04\x17V\xc0\x07\xde \xc1\xb0\x1f[\x10\xd6x&amp;\x13\x0cN^\xfe\nT\xc0\x121$\xa9\x07\xb1x\x9e\xc7\xcd/\xe8\xd0\xa9\x0e\xc9\x9a-Cm\xa8\xe6\xab\xd6\xdej\xfc\xc3o\x99\x11\xa1\x1dJ\xf5\xea\x07\x03\x1c`j\xe5A\xbd\x10\xaa5\x8f\xd5\x92\xc2q\x02\x06\xcf\x97\x0bQJ\x1d\xa4t \x92\xeb=\xff\xd3\x8f~zw\x8459\x81\xf5\x05k\xe0\xd4_\x815\xb98\xce\xaa8\xcdJ\x99I&amp;3\x0b\x13\xdf\xee\xe4D9\xef\xcc\xe7\xf3\xa2\x18N\x1f\xea8#\x95Q 8\xaedv\x9a\xf5X(\x0b1L\xf5q\xe9\xef/\x9f\xef|mm\xc8h{\x90\xd8^\xdd;l\x91L\xe5V\x13KM\xad}j4t&lt;\x8d\xe3\xfd\xbc\xe0\xe7\xfc\x8d\xf6&amp;\x06\x152\x10\x99M\xc7\xdf}u\xfd\xfa%\xe4\x03\xd2|\xf2\xf6\x14\xa3\x9a\x9a\xc2\xea\xb3@XKKK[[\xd3TG\xd4\xf0\xd7g\xcf\xee\xcb.b\xca\xdb\xf3b:\xae\xb1\x93R\x159\xa6\x19\xaf\xf4\xb5N\xb3\x9a\x8d\x15\xeb\xcda\xd9l\x94\x1ao\xce\xb7I\xb2\xf9\xafW\xcf\x8f\xcb\x86f\x94;C\x14\xb8\x90\xad\x0e:ZC\x87H~?\x84\x12\xfc\x98\x1c\xafw\x02\xc8\x1d48yl3\x9a[=\xfb\x02\xfb\xcf9,\x85\x8b\x93\x13\xe8\xc2\xb9\xb9\x07\x18\xde \xfd\x98\xee\x9b\xa5\x8d\xa5\xa5\x19\x8c\xcc\xd5\xcf\xf7_\xc7%\xd1\x85\x06w\xa1\x84\xb2\x94;\xd5\xfd&gt;\x81\xbc\xc5\x8d\xa8x^\x10\x94\xbeI\xae\x8f\x85\x80\x069\x1e\xbf\x04\x98\xed\xbcl\x80\xe8\xb0]/\xc4\xb2\xf56\x95\xb1\xcf\xf9\xfct\xbc\x9f\x06\xd5\x10\x92\xabXiY\x8b\x93jx\xa7\xbb\xb7\x7f\xefWPk\x11\xc1\x84\x1e\x0c\x06\x17\xbc\x7f\xfe\x03\xebD\x88\xb5\x04\xad2X\x83\xfe\xf6\x8fgiQt\xb9\\v;\xa3J\xb7\x1f{\xdcn7\xce~A\xc6\xb3R\n\xe43\x03\xa9TI\x05\n\x08\xc6\xf8\xe9\xcd\x00\x00\x04\'IDAT&amp;\xf5\xcd\xb9\xad&lt;&lt;\xe8uC\xd9j\xf3\xb4\xac\xa9}]\x01\r\xff\xfe)\x90\x8c\xcc\xe5\xf7)F\x15\\\x92$J\x94\x8aRX\x9c\xff\xe3\xeb\xfd{\xbfYH"\xca\xbd\xde`reaaee%\x93Y[\x03\xd4\x16q-~y\xb4\x9ap\xc9\xb2\x9d\x86\x13\xbe\x82\xdfM\x8f\xcf\xef\xfb\x17\xb0\x8b\x1b\xe6\xaf\xf4\x81\xd6\xac"\x1b\xdb\x1d\xc3\x16\x07 UUW\x94\xf7n\xa4G~\x04\xe6\xc3y|hG\xa3&gt;\x1be\xedd\xb5\x94$\xcdo\xef\xed\xff\xee\xf3+3\xc9\xe0B2\x93\x01\xd3\xca\xc3\xf5\'\xc0\xda \xb9\x16\xbf&lt;\xdbM\xc8aY\x0e;\x89\x8aau\xcb\x98\x9f\x1f\xe7\xf3x\x80\'|\xd0\x8b\xb5&amp;u\x17\xaf\x94TcX\x8du{6\x04G_g\xc8\n\xc0\xe8P\xd6{,[p\x1a7\xfd\xe9\x0b\x07f\xc8\xbd\xaa\xa5\x81\xc5.\x92g\\X\xcd\xf7\xf6_P&lt;A\xa6\xcc\xc3\x87\xeb\xeb\xcbO\xd67hl\xbd8\xc3\nLT\xb2h\xa7E\x96&amp;\xd2\xed\xe8n\xa2\xf2x\x1c\x0e\x80\xd1\\/&lt;\x06\x1e&lt;\n\xb8&gt;&gt;\xa57\xb4\xd3\x03\x9b.\x10*\xcf\x88\xf05\x85\xc4bn\x14,\xbd\xdd49\x07&lt;\xc1\xbf\xeaI\x96S\xd0\xbc\xb2\xecr\x89\x92\x1c\x8e\xef&lt;\x7f1&gt;\xb3\xf6\x90~\x91s}yy}\xe3\xe9\xc6\xd2\xd6\xfe\xd1N7\xecbC\xc6\xd1,\x1b\xa4\\K\'\xdd\xa1\x95\x83\xce\xc6\xee\xfd\x82\xd5\x90$\x01\xa3c\xc5\xa2z\xda\xf0i\x85L4*\xb3\xa2P\xfb\t\x02\x9b\x14=\x93u\xa2@\xd5\xe4\xb4\xd5\xb0\x98g\x0e\xc6p\xd9]y\\SL\xec\x1c\xed\x8fg\x9e&lt;aTOA\xf5\xf6h7!9\x89\xc9\xce\xee\x08*/\xa5\xb3\xe6h\x92\x8c\n\x0f\xf4\xb7\x80|&gt;?\xa1\xd1\x05\x04\xa6\tgUT\xb0]d\xee\x08\x9aPu6%\xf6\x97\x01\x7f\xc0\xc8.\x92\xc2\xe8J\xe2\x07,V\x1eg^J\xac~\xffvzm}\xf9\xe9\xd3\xe5\xf5\xe9\xb7\xdf?K\x84\xd91\xa0b\xf5F\x0f"\x1aB5\xcd\xedq\x8f\xe6\xca\xa0\xa8\x90\xf8\x90k\xe8\xb8\x00\xaf\x08\x17j1\xf9l\xac\x84\x9c0b\xd2\x1b\xe8\x06\xcdG\xb3\xc0\x9d\x87\xb1\xd1\xbc`\x05LM\xcd\x06f%\xd4\x8f.\xe9\x1aQ\xe1\xa2\xe1\xdc\xf6\xce\xd1\xdb\xa5o\xd6\xb6\xce^o\xe7\xc2\xa2\xcc\x0c\x086|9/\x86e1\x9a\x0b\x85*\x9ag\x8cQ9\x98b\x0e\x8f\xef\x87x\xf48\x1e7\x07FCA\x9a)\x96\xaf\xad\xc7\x11\x16\x15Po\x98\xc7\x83z\xa5R3&lt;&gt;J.\x14\x97\xfce\t\xe7\x18\xc3\xf4\x1a\xf5P\x0c`"\xb3\ra\xd9\x9dv\xaa*\x96\xe0.$;\xda\x8d\xe7\xc2\xb2Kf\xcc$\xa8H\xd0\xa2\xb4I\xabVE\x1bcXTA\x875O\x9c\xda\xedP\x0b\xa9\x93v\x0b\x01\x8e2ZHTJ\x9b\x15\t\xd8\x02\x95\x87m\xbc\x16\xc4k\x93\x82A\xfaBW\x85\x1d\x87L\xf113\x00\xeb\xa0rrRIE\xa2\x12\x03s\xb2:\x8adl(\x16\xcfv\xd32y\x9cU\x99U\x8fEI:\x87%\x0bX\xc6\xd8\x98\xe3\xc2W\x8c\x8arBp\x9b\x95\xcaI1U\x00\x99\xda\xa7\x0b*\x1cu%\xd4\xa2\xf8GO\x86\xb0s\xa9\x9cTb\x01\xe4\x0b\x9e\xe8f\xc9\xa2Pj\xb0XEM}j\xf5\x84F1\x14\x89\xc2\xc6N\xa7\x15\x16\x94\xdf9\xbcI$\x8dHB9- \xba\x8b\x82\x8a\xf6\x1e\xa9b\x19Ed\x15|ozJ/\xb7Z\xaf\x84\xb0\xc7OU\xea\xed&amp;\x89f%\x82\rF\xeb\x1b\x83\x1am\xf1"\x91T\x91.\xdaR\x04\x1fM\x8c5\tg\xa5\x19\xf3\xa2\x9a\xa5-*\x0eM\x05@\x91\'[\xc3\xf2\xe9\\\x8e\x98D\x16\x1a\xa2+?\x8a[\xda\xf7a7\x9af+|*\x15;v\x13\x8e\x95Z\x17T~\x9fG\xad\x05f\xa3\x91\x18\xaa\x10\x98\r\xd5\xda-\x95\xd4B\'\xfa\xb8\xe3B\x80\x94\x82m\xb0e\x87\xa4C]\xe1)Gar\x81\xc5\x05U\x195\xd5\xd5\x1e\xd6DzYE\xaf\xf8\x18\x8a(\xa7s\tz/O^b\xa1pA\xc5\x98$\x89\xad\xef\xb4U\xebp\xa5\x12\xe7\xf8\xe5\xef}\x14\xce$\x1aQ\xb9\x1df\x01\x1b_R#\xb2\x19\xa8\x14\x03\xddS\x85\x16\xbf\x7f\x02LR\xf5\xde\x18\x85O\xe5\x00\x00\x00\x00IEND\xaeB`\x82'</t>
        </is>
      </c>
      <c r="M113" s="3" t="n">
        <v>45492.67728009259</v>
      </c>
    </row>
    <row r="114">
      <c r="A114" t="n">
        <v>329055</v>
      </c>
      <c r="B114" t="n">
        <v>49202</v>
      </c>
      <c r="C114" t="inlineStr">
        <is>
          <t>Walter</t>
        </is>
      </c>
      <c r="D114" t="inlineStr">
        <is>
          <t>Walter</t>
        </is>
      </c>
      <c r="E114" t="inlineStr">
        <is>
          <t>GOL</t>
        </is>
      </c>
      <c r="F114" t="inlineStr">
        <is>
          <t>GOL</t>
        </is>
      </c>
      <c r="G114" t="inlineStr">
        <is>
          <t>GOL</t>
        </is>
      </c>
      <c r="H114" t="n">
        <v>188</v>
      </c>
      <c r="I114" t="n">
        <v>1</v>
      </c>
      <c r="J114" s="2" t="n">
        <v>32098</v>
      </c>
      <c r="K114" t="inlineStr">
        <is>
          <t>Right</t>
        </is>
      </c>
      <c r="L11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597b331-3a5b-4ad9-98f6-7cc6bdc2e9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\xec\xb9\xe6\x00\x00\x00&gt;tEXtComment\x00xr:d:DAEewil2SDw:3197,j:2859061571337059036,t:23090301\x03\xa6\xfc\x13\x00\x00\x00\tpHYs\x00\x00\x0e\xc4\x00\x00\x0e\xc4\x01\x95+\x0e\x1b\x00\x00\x03\x00PLTE\xff\xff\xff\x1d\x1e-\x1a\x13\x12\x1f"2"\x1a\x18\x17\x12\x10\x1d\x16\x14\xff\xfe\xff\x18\x19$\x1f\x18\x16+!\x1e\x13\x0f\x0e3:R17N?/(\xce\xa9\x90\xf4\xf7\xfc1#\x1d\x1a\x1b(\xed\xcb\xae\x87gR(\x1e\x1b-3I\xfe\xfd\xfd#&amp;9\x16\x16 %\x1d\x1b\xdc\xb8\x9b\x13\x13\x1d9( \xd1\xac\x92:@YY@1\x80eS4&amp;!&amp;\x1b\x176=V\x8cjT/%"\xcd\xa6\x8c\xdf\xbb\x9f\xc9\xa4\x8c&gt;,#D3,\xbf\x9c\x80U;,\xe4\xbf\xa3\x80bN\xec\xc9\xaa\xea\xc7\xa8E0%\xef\xce\xb2N9+\x9cw`\xcb\xa7\x90\xe4\xbc\x9f\xcf\xa9\x93-\x1f\x1a+/E{_M\xec\xed\xf0\xb0\x8ft\xe8\xc3\xa4qQ?&amp;*=\xd0\xae\x97\xa0}c\x95pY\x8dnX_G:\xc5\xa4\x90H5*eH7\x94t](-A\xd9\xb5\x99kL:|aS\xdc\xb1\x92`C4w\\J\xe8\xc8\xae\xd6\xb0\x94\x91mV=43;C^\xc3\xa1\x8b\xfb\xfa\xfbjP@\x84gY9+\'sWG\xd5\xb2\x99O&lt;1\xc2\xa0\x84\xe0\xb5\x96\xbb\x90q\xf7\xf6\xf7\xa6\x83h\xb5\x8eo\xad\x8anxXC\xc9\xa9\x95\xb7\x95|\xc6\xa2\x85\xf2\xf1\xf3\xbd\x9azeL?\xa1\x81j\x9d\x9f\xab}]GYE9rL8\x8bp_\xc9\xa0\x89\xb7\x94u\xbd\x9a\x86\xe3\xc2\xa9\x9bs\\\xda\xac\x8f\xce\xcf\xd8wS&gt;\xe4\xe6\xecmTF\xe2\xb9\x9b\xd4\xb7\xa3\xa8\x86n\xbb\x99\x7f\xad\x84gS?5E:9\xdb\xb8\xa1\xdb\xdd\xe3\x87cK7/-\xd5\xac\x8a\x9b}l\x86\x86\x93\x95sc\xd5\xa7\x8c\xac\x89s\xa7}c\xbe\x94x\x84[F\xc2\x9a\x87\xd5\xd6\xdd\xd9\xb2\x9cI80\xb3\x92x\x9cye\xa5\x7fn\xc6\xc6\xcf\xdd\xbf\xa5\xee\xe7\xe8\x85bP\xb2\x89j\xbe\xbf\xc8\x8deL\xa5\x86x%\'4\x93iQEMg\xa7\xa7\xb2\xc5\x99\x82\xf0\xd1\xb7lE4J@=]MN\xa4w\\AFa\xc3\xab\x99\x8f\x90\x9dM3\'\xcb\xa2~\xe5\xe1\xe4\xea\xcc\xb4\xd1\xa7\x82`awUIH\xbd\x9f\x88\xc6\x9dx\xce\x9f\x89\xb8\xb8\xc0\xaf\xaf\xb91*)\xd6\xa4\x85AJS\xdd\xd7\xd9\xcc\xae\x9dw_Z\xab\x8dz46?vv\x88M%\x1d[6,\xb8\x94\x84VVk~\x7f\x8e\xbb\xae\xb1\xd3\xa9\x98\xb0\x92\x7f\x97\x97\xa3~VAefo\x9bmS\xc8\x8f~jj|e[\\sr\x7fQAA\x8cPJ\x9b\x8c\x908!\x19&lt;=H\xd7\xcc\xcei:3sml\x91\x81\x82OO^xA&gt;\xb2\xa3\xa5`;-\x83gd\xa3gb\xf2\xd4\xbe\xa4\x99\x9d\x82\x80z\x93vmT-"\xbf\xa4\x8fB$\x1ddPM\xb4\x8b|\xe6\xd5\xd5T\\^\x81qroYQ\xe2\xcc\xca\xcb\xc2\xc4D\x19\x0f\xb1vl\xc7\xbb\xbe\xb5\x9d\x8b\xbc\x80n,BG\xa8\x96\x8f\x93[Q\xb2pYB[^x\x9d\xa2\x98\x95\x88b\x82\x8a\x90\xb0\xaeSlq\xcc\x86o\xd9\xbe\xb7\xbb\xe5\xc5\x8f\x00\x00 \x00IDATx\xda\xc4\x98\xdfO\x1a{\x1a\xc6\x1b2\xd00$C\x0c\x90I \x92"q\x00\xe1\xa0X\xd45\x88\x1b\xa9\xb6%\x1c\\\xa0\x13\x7f \xe2\x11Q\x04\x89\x86"\xdb\x0bT\n\xa6\xd4t\xed^,t\x83\xa7Y\xb3\xc9\x9aa/\xb6r\x82\xcd\t\x89\xd5\x9b\x93\x18\xef\x08ac41\'\xf54\x8d\x17\x1a\x93\xf6/\xd8\xf7;\xb6\xe7\x1fX\xb0o20\\\xcd\'\xcf\xfb|\x9f\xf7\x1dn\xdd\xfa?\x8b$\xc9\xdb\xe4d0\x18\xec\x81+89\x0c\xbfo\x91\xb7\xbem\x01\xc3p\xcf\xee\xd1\xa7\xd3j\xb5z\x02W\xf5\xec\xf4jw\x92Dh\xdf\x14j\xf2\xa8zQ\xce\x17\x8b\xf9|\xb1\xc20\xc5b\xa5X&lt;\xbf8=\x9a\xfcv\\\xc0\xb4qt\xb6WaR)\x00\x82/:U)\xc2\x0f7\x95\xae\x1c_}\x1b\xb0\xdb$\x19\xdc=\xb8\xc8\x83JE\x80J\xa7K\xe94\x9d\xa2\xe9T\t\x87R\xe2\xc5\x83o\xc1\x05J}\xba\xc8\x83L\xc5\n\xb0\xa4i`*QL\x11\xee)\x0c\xc3\xa4\x12L\x9a:\xdb\xb8q.rr\xbbZi*\x81&lt;@\x05P\xa5R\x89\xa6Kt\x91\x01\xc5()\x1fCh\xe9\xe3\xa3a\xf2f\x1b\xd8s\xba\x97*\xa5i\x86\xa1\x91T\x0c\x03\\T\x1a:H\x97$i\x1a\xc7\xa4\x18\x90IJ\xc5O\xc1\x9b&lt;\x92d\xcfY\xbe\xc2\xb8\xd3)(\xd0\xa9\x94N\xa5\xa5x\t\x07\xc5\xd28\xc6A\x1dDr\xf1\xa5\x92\xd4\xc9\xf6\xf0\x8dq\x91=Up:\x83\x0c\x0e\x0588N\x03\x17\x05U\xc21\x1e\x87\xc7\xe7\xf1\xf9\xa8\x91|\x89\xbb|\xbaqC\x82\x91\xdb\'\x15\xa6\x92\xcch\xc7\x19\xd6\xec@#\xc1\xd3\xe8\x0b\x97Jp)pqx&lt;\x1e\x87\xafTb|\\\xe2&gt;?\xd8\xb8\x01\x8b\x81\xaf\xaaLJ\x8b\xaa\x91 \x9a(7\x85\xe3Rdz\xa0\xa2$ \x13\xc6\xe7}-\xb8\xbd\xb6~\xfd\x05#\x87\xcf*\xe3Z\x82\xd0f2-\x84V\xeb&amp;\x10\x17\x9e\xa6)\x89\x04\x97\xe0\x80\xc4\xda\x8a\xc7\x83&amp;\x82lH7L\x9a\xbf\xaa\xbb^\xe4nY\x9b!\x1a\x89\xf1\xe4\xb81\xb9\x00\xad$\x9a\x00\x8b\xa2\x11\x97D\x89\x8e\xa0T*\xe9\x86jh\xe8V\xf2\xb8\\ \xc30\xfa,H\xd6\xd9\xee\'4A\xb8[2s\x8e\x91\xf8\xc8\xc8@\x12\xc0\xd2nw#\xa8\xd6\xd4\xd0-Qb\x98R)ih\x81\xfa\x8f\xd1\xd8\xd2\xa4\x04\xc1\xb8&lt;&gt;\x87:\r\xd6\xb3\x8f\xe4\xf0U1M\xb8\xdd\x99\xf8\xda\xba\xd5\xda\xef\x98\x1bX\x80B\x9a\x11Z\xa2\xb1\x89j\x90\xe0\xdd\r\x8d\xed\xc6;\x03\x0f\xff\xe8\x98\xfe\xfe\xe1x\x93\x12\xe3r\xf9&lt;\x8e\xbbZ\xc7YD\x92\xbb\xc74h\x93\xb1\x1f\xbe\xbb\xbf.6)"\xfd\xadv\x93il\x04\xe8\x06\x16\xc0r--\xc4\x83\x07\xc6;\x0f\xa7\xe7[\xc5\xfd\xc0-\x9e6*y\x02.\x8f\x83\xa5\x0e\xea\xe7/2x\x92r\xbb\xdd\x0b\x91\x9d\xe5\\\xaes=l6\xaf\x84\xc3kkk\xa3\xf6\xd1Q\xbb\x03\xe0\x92\x99\xe4\xc0\x88\xc3\xf4\xac\xf9\x91\xb5\xc3\xb2b6\xfb}\xfd\x03\xdd\x02\x81\x80\xc3\xe1\xa7`v\xd7\xb1\x85\xee\x96\xe4\xe6\xbb\\\xcc\xe9\xb4\xe9B:]bqg\xe7\xf3\xe1&gt;\xd4f\xd8*\x16\x9bF\xe2\n\xab\xc5g\xf1\xf9|\xeb\xe6\xacngq\'\x10\x9e\xeb\xe6\n\x04`\xfd\xe2v\xbd\xe4\xda&gt;\xa6\xd3\xda\xf8\xa6\'\x16s\x8a\x9c9\xe1\xacJ8\xd3\xd7\xd77\xf3q\xe6\xfe\xcc\xc7\x9d\xc3\xf5p\xb8\xa3\xdf\x1a^7\x07\xb2\x81D \xa1\xd3y\xef\xdf\xef\x1c\n\xac\r(\xb9\xa8\xf0O\xf5q\x179y\x86\xcc~\xe8Q\xc7\x0cm"\x913&amp;\x93\xe5r\xab\xab\xcbP\xef\xfaff\x80,a6g\x13;;CC\x9a\xce!\xaf\xd7;;\xab\x19\xf2\xea\xb2\xd6$\x86\xf4\xe2\x9d\xd5\xc9]\xdbe7\xb3\xf7yU\xaf\xef\xed\x05\xae\xbb\x05\'[\xb1\x1c\xc0!\xb6\xe5\x19\xafng\x08\xe9\x07u\x1fQ\x01\x9aw\'\xb1\x1fy\xc0\x01,Ay\xbb\x1er\x91\xe4\xa7\x14}\xf99\x17\xeb\x05*\x84\x85jkk\xabP\x00\xb2X\x0c\xe8&lt;*Mg\xdf\xf2rn\xd5f\xf3\x08g\x81J\x97\xd0yu\x81\xc3}{#\x87+\xe0\xe2\xd5z\xc8EN\x9e\xd0\xcc\xe62\xa2b\xb1D\xd7T\xef\xdf\xbf\x070g\xa1\x10\xcb\xd9\\.\x1b\x1c\xd1\\n\x99\xc5\xf2\xce\x86B\xbaD\x14\x1a\x1b\x1ek\xe2A\x1fSG\xb5\xc7\xbaM^\xe5S\xbf\xbeS\xeb\xaf\xb1\x10\x17+\x18p\x81`\x05\xa4\x99\xcc&amp;S\xe7@\xb8\x9c\xcc\xe6RA\x07u\xa1P"\x145\xafg\xf7\xd7\x06\x9a Vy\x17=\xb5\xe7\x1a\xae2\xf9\xc3\\\x0e\xb0\x10\x99\xa1\xad\r\t\x06d[w\x9d\xacZ\xce\x98Z&amp;S\xabsz\xb5\xda\xe6\x91\xab\xbc:\xa0\x8aF\xa3Y\xb3\xdf\xbc\xbf\x1fIR\x18\x97C\x1f\xd5\xdc]\xe4v\x19\xc4\xca\xe9\xbb\xf4\x80e0\xf4\xb6]\x0b&amp;B&lt;N\'\x1cL\xa7^-c\xc1@+\xa1j\x16Q\x85\xa2SS\xfe\x95\xf5\x95\x95\xfdM\xbb\x1b\xe3\x08\xb0\xdaG\xfd\xe4)S\xdc_\xd6wu\x01\x97\xe1k#\x91d\xc8Y\x06\xb8bzu\xd7\x12\xf4\x11\xa8\xe4*\xb0\x15\x18+\xfa\xda\xf7\xf4\xe5\x9f\xff\x1e\x0e\xaf\xac\xbf`p\x8e\x80_\xf3\x8c 7.R\x970s\xd4\xc0\xd5\xdb\xfb;\x96\xa8\xed\xf7\xa4\x88\xe9\xf5z\x16K\xe6\x92kfu\xd1h(4\xf5\x14\xe2\xbe\xe3\xa5\x05\xb8\xd6\xce\xc1\xf5\xbcj\x8d\x07\x10I\x1e\xe5\x99\xd1\x8f\x9eU\xf5\xd25\x96\x81\xa5\xbaFCXp\xe9c15*\x198\x0ba\xe9\xa2S\xfe\xa7+&gt;\x9f\xa5\xe3\x95\xc5\x1a\xb9$\xf8\\\xceq\xb0\xd6\xe3\xf0\xe7J1\xb2\xd8\x07XKK,\x13\xdbB\xf6\xd3\x89\x0cV\x10\x19b\xc8^z}n\x95\xc5\x82\xe13\xf5\xfa\xf5k\xbf\xdfg\xb1vX\xfb\x15q\xad\x84+H\xed\xd6\xd6\xf30x\x98|$!\xb7A\x93\xd4\xd7X\xa8\x81\xe8@"\xdbCP\x14\xda\x0c0\x8fP\xac\xaa\xd9s\x08\xf9\x90\xf5\x03\x96y\xc5b\x85\x15g\xf4\x9c\xc0\xf9\x02\xea\xa0\xc6X\xc1\xdfR\xf9\xc8"`\r\x0e\xca\xf4\xbd_\xd5BJ\xa1\xf4\x82O\xa7\xc1\xf0\xc5cj\x99K\xa8A\x19\x8f\xb2\x01v\x1f\xd0\xaa\xbfY1\xa2\xc5\xf9\x1c\xdeIM\xb1H\x88\x87\xca\xe5\x87E\xb9\xc7\xe6\x1a\x94u}\x95\x0b!\x89P\xd4\xb3\\\xa2-\xd0\x8c\x8d/\x9b\\\xa8\xd2\xc0\xd8\xc9\x9a\xa3f\x7f\x18\xb0\xc4\xfd\x8a\x05-%\xe5\t\xca\x93\xe4\xedZb\xfd\x9c?\xdf\xfb\xf0\x8b\xd0\x05\xc5b\xa1h\xb8\x1e@wa\xfc ,\xc0+lm\x89\x0c\x10_6O\x9fP\xe3M\x04B\x81\xa8\xdf\xd7\xf1\xa8Y\xfcc\xbf=IP\x12\xbe\xa0R\xdbqMV\x8b\xe7\x8a\x0fY\xa1\x1c\xb0`\xfe\xb0\rd\xd3\x14\xc5\xfc{P\x0b\xba\xb9\x85\xaa\x00\xf1%\xfb\x9b\x07\xb5Q\x97\x08\x80X\xbe{\xcd\xe2V\xb1\xd81\x9evSXms\xfe6\x19\xbc\xa8\xcc\xd9?\x04\x84\x88Kmh\xbb\x0e\xd2/dwY\xaa\xc2]\x16\xcb\xf9E,\x15Zk\xa0\x8d~K\xb3\x18\xb0\x1cs\x19\x02\xde\xd9\xf8\xa5\x83\x9abm\x97\x99\x81\xcb\x17;r\x95JnS\x7fu\x16\x1cD\x91\x88=\x92\xe8\x86\xc53\xe8\x97P\xc8?~\x0c\x9e\xd7%`P_c\xb5\x8e\xcde\xb44Aa\xd4YM\xb7\x87\xdd2s\xbe\x17\x06\xb5\x00+\xe7\x04\xb5\x0c\xceX\xef\xf5p\x84\x82\x84\x85\x08\x03\xc4^\xa0z\xae\xfaI\xf5/\xef\x90\x86\xdd \x00\xab_\xa1P\x98\xc6\xe6\x92\x99\x0c\x98\x1e\xaf\x92\xb5\xc4:*\x17\xf7"\x87\x8bCBy\xdfj\xcc\t\x8f\xd7\xebQ\xa0w\xe9aH\xf6v-Mt\xa1\xb5\x02\xe6R\x17P\xbd\x99\x9dM$\x00*\xe1\xfd\x82\xd5jw\x98\xe2\xc9\xf1L\xba\t\x97\xfe6Y\xcb&amp;^\x9d\xa3\x83\xa8\xd1\x80\xb7\xd4\xb1\xde.\x18{r\xb9G\xee\xb2\xd9\xd4h\x1a-ML,-M,\xc1\xa4\x96=Q=~\xf3\x16\x16\x9a@(\x91`=\xbf\xf2B\xdcj29\x1c\x0b\xc9q\xdaMI\x8e{j\x89u\x90\x9f\x83\xd8\xeaT\xa9\xfa&lt;\xb9\x9cMc\x0e\xfb\xcc\xb0\x0f{5\x9drX\xfd\xd4\x805888\xc1Ni\xb4\xd1DQ\x8ef\xcd+&gt;\xbf\xdf\xbc\xbe\x12Q\xb4\x02V\x1c^o\xdd\x14^\xde\xa8)\x16\xa8\xb5\xb6\xd8\xd9\xd9\xf9\x07\xcf\xaa&lt;`\x1d\x8b\x9b\xfa-\x16\xf4\xd4\xa8N\xe5\xb1\xa9e\x13O\x9eLL\xb8\xd0R\x1a\xfd!\x9a\xf5\xc3[-\x84\xe8\xfc\xf4\x8f\xd6p8\xfc\n\xdc\x05\\s\xf0\xd6\xed\xa6\xf25}[&lt;\xb8\x8c\x8f\xae-\n\x85\x006d\xbeg\x8a\xc7\xc7L\xad\x0e\x87i\xfe\xd9\xa3\x97S\x1a\xf9\xaam\xf0\xc9\xf3A\xd7\xf3\xe7B\xef\xd4K\x9f\xc5\xd2amV\x8c\x8d\xcc\x19\xdb\xbf\x1b\x99o\xbeg\x8dDFA\xaf8\xfb/J~\xb7\x86X\xe4\xc1\x9e=\xb2\xb9\xa8\x12\n5\xd9\x0e1\x00\x8d\xc5\xe3\x03\x99\x07\xc6\xef\xee&lt;\x9c\xbf\xe7\x9fu\xb9\x10\xd3\xf37o\x81\xea\xd1?\xe6\xa7\xc7F\x06\x92\xe3Ic\xfb\x7f\x1b\xda\xef|?-\x06,\x85\xdd\x04]$\x88\xdab\xdd:\xd8\xfb\xf5\xc3\xfe\x90F\xd8\xf9\xcb\xabg\xad\xa3\xa3\xf0\x18\x85}n\xdch\xfc\xd3\xf7\xd3\xff\xfc\xf7\x0fo\x80\xe9/?\xbdy\xfb\xd7\xd0kK\xf3\xf4\xc3\x85\xf1v\xa2\xa5\xfdA{Kc\xc3\xffh5\xff\x97\xb4\xf7=\x8e\x8f\xc1]\xbf\x19\x07\x82\xe0D\xa1\x0co\x9aK\xb9R\xea\x90&amp;iYQ~\xc9\x0eM\x8f5\x9dVn+J\x9d)\x91k\x9f\xaex\x14?\xf9\x05\x9b\xb2\x14C\xe8\xb8\xc9\xa8\x15+\xe1\xc6mA\n\xd7\xe8*\x17.\xb2\xce\xe5\xcc\xee\xee\xe6:\x8dmt\xb6\x18\xc1\xfda\xf7\xbe\xdev\xcf_\xd0\xe7\xbeA\x7f\x88\x90\x87\xaf/\xcf\xf7\xeb\xf9\xfaX\xdb\xd0\xd4\xa9\xa6\xc0\xffS$\xea\xf6A\x06\x83A&lt;\xd6n?\xbd\x95s$\xa2\xb6y\xdc\x8b\x8b\xdb\xbb\x99]w\x1b\xb5K\xd8,\xc4|++kpV\xb4Z\xad\xfe\x0c\x8bT[Kb4u\xb0I\x1d\x1d\xec\x0e\x99\x1a\xbe\x83\x84\xc2\x07\xa1\'1\x08N\xe2\xc1\x81i\xb7\x9f\xd3\xca\x99\x8b\xb4\xb9\x17w\xd7\x9flm=y\x9by\xd0\xd2b\x80\xbe\xf3m \xac\x95\r=\x86a\xc9x\xac\xad\xcbc2\x1d\x98L&amp;\x8a\x1ar\xd9\xc1n\x1a-cI\x94\x0c\xc6w\xff\x17,\xde\x80x\xc6\xe4\xde\xcd\xbc\xdd\x02k\xff\xe4\xed\xee\xdc\xccP\x8b\xe1\xfe\x9d;\x1b\x1bk.\xc0\xc2r\xb9\\,&amp;\xd2=0\xdc_\x7f\xbb\xfey{\xc6m\x9a\x9e\xe8`/\x97\xb1\xf8\x12\xe5\xfc\xfc&lt;\xe9\x19\xb1I&lt;P\x99v\xc5\xad\xad\xfd\xe1\xd0\xb6e}dkd}\xce\xc3\x12t\xf6\x18\xfdV\xec\xee\x9d+\x80\xe5Z\xd1&amp;\xfd{\xc3\xe3\xd4\xbe\xbe&gt;\x91\x074\xa1\xca\xe3\x1es\x9b\xd4\xa3\x13\xe4Q\xb9\x04\x1d\xe5 c\x9e\xe8h\xa9T\xa6m\xce@\xabef\xb7_,\x16\x1bB\x92\x89\xf9\xda\xab\xa4yr)\xe1\xcfa\x86++\x8an\xdc\x973\x16\x8b=\xe3U\xd4*\xd5\xf3Y\xd2\xd5\x02\xbb\x9d\xe5\xf1\xa8\xe4\xd3J%`QPmA\xc9\xffB,\x96D\xa2\xda\x1e\t\xb6\xae[\xc4#\xe2+^\xa7\xe4\xf5\xb3\xbf\xfe\xf4\xed\x1f\x7fy?m\x8c\xc5\x9ca\xfd\x86\xa2Fq#\x998,\xb0e\xfe\x98\xea\xdf\xff\xfa\xe9\xf5\xef\xbf\xfd\xee\xd1\xacL\x008\x14\x108hF\xbe\x12\xe9\xe9\xdf\x9e\x12\xac[\xaa#\xde\x00O\x8c\xa8\xa2\xce\x04\xff\xcb\xfb\xc7\xcf~x\xf4\xc1$H\x03W\xdc\xeb\xab\xa3=\xac\xc4\x8c\x87W\x0b\x8d\x89\xa2\xfc\xcb\xcb\xe7\x8f\x7f\xf8\xd3\xa3\xc7\x13\rl\x19\x8bB\x059A[\xcc2\xd6\xf3\x05"G\x88\xbf\x1cH$G\xd9\x01\x10y\xc0\xd2[E\xd4\xd0\x9b\x0f\xa3\xb3\xb3\xa3\x82D\xc2\xb8\x97K&amp;}\xdd\xccU\xc7\x1d\'\xbbpXJ\x17{X\xa6\xe7\x13$R\x87,\xbd\xbc\xdc(\xa0\xb6\x81\x1d\xe3\x03\x16J"\xe95q\x1b\xfa\x8a\x0b\xd5\x9f\x0e$\xf2\xddl\x9072\xc2\xe9\x0f\xf8\x0c\x99\xcc\xe7\xcc\xee\xa2Pd\x15\xc5\xe1$\xbd\xde[\xb4\xc9\x1f\'o\t\xc9\x85\xc3e\xd9p\xc4\xe3\xf6\x98$j\x81\x1a\xea\nD\x1e\xb0X \xc1\x94\xe9\x0e\x06c\x9e8\xbb_Q\r\x9e\xfa@\xfd!\x93\x1dhmm\xe5\x04\x02P\xf4o\xa1\x19\xc5\x96\x07s3:\xaf5\xdeg\x8d\xbah\x93\xafV+1A\xa1pX\x9c\x8a\xb8\xd1\x8a\xd7\xedv{T\x14\xf9\xf0xU\x1b\x8c6\xaa\x03\x95\xbc\x83\xc4x\xf4\t=\xf5\'\xc2\xfcT\xdf\\X\xb8\xb9\xf0\x0f\xb5\xdcR\xc6\xe2\xf5\x8bGFF\xa0\x1b\xfb\x03\x16\xc3\xd1\xdc\\\xd8\x1a\x17Y\x974gX\xb1\xc6B\xa1Q\x10\xf1\x84\x17\x17\x17\xc3\xee\x10\xd2\tV\x04\x0c\x06\xa5\\\xf3M\xdf#\xd9\x82\x8f\xbbN\x04\xd5G\xda\xe4\xc7\x85\xcf,I ;\x00\'\x8b\xce\x16\x80\xf5[,\x96\xcc\xd1\\8\x1c&gt;\xf2\xe1\x1a;\xf3\xc7U\xba7&gt;\xd5\xd8\xd0$Py\xdc\xf0\xd7\xb0\xdb\xd3\x15\x99b\xa9"\x11p\x89\x80U\xc5\x1fl }x\xfa\xe7\x97\x8b\x8b/\xce\x1d\xaf\x8a\xeaw)\xfb\xb5IGFD\r\xf0\x06\x82A\xc7\x00\xbc\xdd\xdb\xda\xda*\xa3\x01\xd7\xd1\x91\x85^g\x93J\xb9\xab\xbdt,\xee\x17\xc8\xc8\xd3*\xcf"\x8aV(\xe4\x89\x08\x86\x81\n\xa2\xc5b\xc1e=\xd1\xd1D~/\xf9y\xefg\xf7\xed\xf3bUW\x7f&lt;\xd9\xd4p\xb9\xae\xa1P\x7fe\xeb@ww7P9\xe0u\x0f\xd8\xc4\xfd\x99\x8c%P\xef\xb2!\xac\xde\x87fo\xdc?%\x98\xe2C\xb4\x16\xb7Q\x16=\xa6\x08+\x02\xf2Z\x15\x01\x9bA\x91\xb4\x0f\x92\xd3\xe9\xfdDbgo\xe1\x02\x01X_75R\xcd\x950\xf8\x8b\x01\xb4\xbe\xaa\t:\x1ch\x1d\xbf\x95\x85\xfa\xa2\xd3\xeb\xeb\x00\xcb&amp;\xe5N:\x96\x10\xd6\x94\xbf\xaa\xef\x7fXcP]\xc0D\xa5R\xd1dC\x89(\xc9\xb2bq?\x91&gt;\xde\x7fWQq^\xacw_\xbf\xe6q\x9b\xb4\xbe\x85\xce\xe1(\x10\x16\x82r&lt;t8\x82Y\x8e\x99\xc3\xa9\xc7q\xdce\xc3m\xf6I\xe6R\x12\xb0\x8c{\xce\x98(4\xb3\xbd\x88\xca+\x1c\x12\xf5\x01\x15\x15\xb2\x18\x89P\xa6\'d2\x99\xc0X:\xde?\xb7\xb7\x86\xda\xca\x7f\xcd\xe77]\xf8}:\xdd\\\x0f\xa6\xfa7\xb0\xe0\xbd,\x8fW\xc7\x03\xacM\x97k\xd3f\xbf\xc64{c\x80\x05\\\xd4f\x84\xa4\x9b\x99\t\x8f5[\xad}e\x03\x0b\xe1R\xb6w\xc2\xd8( \x04\xab\xe2)`iS\xb6\x94\xcfl6\xdfZYS\xd0\x98\x90\xc6\x81\x1a\xa8\xaf,\xb82\x1cQmn\x02\xd6\x1fz+\xb1\xf8\x1e`\x19\xfd1Q\xb3W\xa8\xd3\xcd\xcd\r\xcd\xe8\x84\xa1\xae\xb6\x08\x8b\xcf\x82\xf2\x9an\xef\xec\xec\x99J\xec\x10\x80u\xa1b!\x7f\x9a?Y\x02\xac\x80\xd9\xbc\xb4\x84\xd7\xd0\x98\xdc`\xb7"\x18T(\x14\xb6:&lt;\x85\xdbpD\xa5\xe1\xf6\xae\x06}I?P%\x8cN\x91U(\xc4\xb0\xe8\x10Z\xba\xa1=\x12k\x9c\x05\xf1\x9a\x96u\x1a{\x8c\xfb\x84`]\x00\xac\x93_\xf3\xa9\x94!\xb0\x04YTt\xd3\xb8\xdc\x1a{0\x18\xc4q\x00\xc37q\xa9msmSjg\xae\xbezh\xd6\xc7\x01*a\xf4\xf7\t\x93^\x84\xa5\x1b\x02,\x11`\xb1\xf80\xda(\xc9\x80\xd5CL\xb4.\xdc^:==Y\xd2\xfa\x0c\x16h\xbbJP-\x9a\x83V\x13\xd4(p\xe8\x03[\xf9\r\xa5\x90{\xad\xf7\xd5\xa4You\x1a\xe1\xf2\xf6\xe7\xcaT\x18\xa6\xc3f\xc6B(Z\xa8\xb6\xf82r1\xbd\xafF\xb5\xf5\xee\xdcX\xd57\xb3\xa7\'\xa9\xfc\xe9?\xc3\x99\x80\x99S\x87\x14\x95\xeb\xa8\x91J\x91V\x9d\x1d\x94B;\x93\xd9\xdb\xeb0G\x93Bj\xc28\x05X\xd1!,\xea\xf5zu^\xc0\xa2F\x00\x8aEQ\xcf6\x1e\x1e\x97\x04\xea\xf41\x7f\xe1\xfc\x17\xf5\xf5\xff\xfc\x9a\xcf\xa6NN\x9b\x01\x8b\xc7\x83\xa2\xa21\x91\xbd\xb7\xd7\x94\x17\x0f`\xf3\x81J\xc3e2\x99A\xde\x92&gt;)\xd4\xf9\x01+\xee\x8d\xea\xf5\xfa(\xe6M67\x87DH\x1f \x8b\xcaAr\xe1\xb8\x94\x10\xec\x1f\xbf!`?\x02\n\x91R\xe0y_\xf8(p\x83S\tX\x0e\x1a\r\xad\xc1\xede(\x8d\x06\x85\xcd\x16\x9c\x9c\x0c\xf2\xcc&gt;LD\xf5Z\xa7 \x89\x98\x1e\xdc\x996\xeaMZE\xa2&gt;\xb4\xa5\xe4\xf3\xf9\xed\x1dJv\xa1T\x14$v\xbe\x10\x80U\xb1@O\xe1x*57\x03\xc5\x05X\xdd5\x0e.\xd3~\xb6\xa7\x01\xf5\x97J\xf1\xcd\x95%sp\x12&amp;\x9e\xbbB\xffx_n/\xe1OF\x11\xd5\xdd(&amp;\xb4\x82\xe3h+c\xc9\'\x96\xa7\xd3\xc7\xa5\xa2\xd1\xb8\xff\x89\x80\xa1\xab\xfa\xf6=\x1c\xcf\xf2\xb2\x06!`\xf1\x14\x8an(.n\x19\xcb\xae\x91\xa2kgE\x1b\xdb\xf7\x98\xcd&gt;\xed\xfd\x07}\xe4Fg\xceo\x8ccZ\xad\x0f\xbclT\xd7\xdc\x0c\xc1\x82h\xa1]\xd2l\x93\xba\xb8SJ\'\x8c\x07\x84\x0c\xce\xd5\x1f\xb38\x0c\xa6\x01T\\\x95p\xfd\x04Q\xb4\xd0\x8a\xcd\xae\x81&amp;t\xb96N\xff\xbeo\xf4\x1a\xb0!C\x8b\xb2\xc0v\xc6\xf7\xf6\x92Z\xdf\x1d\x9fV\xaf\x1f\xf2Z\xad]\x80UU^[\x0c6\xf6\x94vvJ\xfbS/\x89X\xbdUT/d\xf3\xf9\x94y\xc9\xb3m\xe9\xaf\xaf\xeb\xeev\xd0\x98\xe8\x00\x97bs\x05\xb0\xd6\xb0\xd3d\xae\xb9el\xae\xa5\xaf\xf10\r2\x1fKF\x11\x96V\x0f9&lt;\x0b\x16\xc8\xbcZ\xb9L.\xee\x00V1\xf2\x82\x90\xf1\xb4\xe2\xfa\xbd\xfc\xc9\xc9\x89\xaf\xcd\x9d\t\xd0\xd1\x10\x01X\\\xb4\x92\xd4\x80\xbe\xbb\xa4\xd2\xb5\xe4\xde\xd4\xde\xb0gl\xac\xad\x93](\xec\x94\x12\xf1\x9cW\xef\x03,\xe8\xc4\xe6.\xd1Y\x0e\xe5\xeav\xb0\x1c\x08+\xfd\x86\x18\xf3\x03\xb3M\xfe\xe4\xf4\xd4\xcb2\xc1\xc4\xc7CX \xf4@fG:*\xd5\xb8\xa2\xc6\xe5\x86B\xed\xb2\xc0)\xa8\xbd|\xe9\xe2\xe5B\xa3?\x97C5\x0f\xa5\x05\x17\xa2\xa8\x8dJu\xa2\xf5V\x13\x83\\\xda9\x84$~\xb9N\xcc\x83\x8c\n\xc8b*\x95\x13H\xc2\xf7oTB\xcd\xa3p]cj\xe02\x04m\xa8\xbb\xeb\\.\xa0_E\x15\x9a:\xbe\xb9t\xf1w\x17/\x1f\xf6 7\x84\x81r\r\xe9B]\xd0\x87\xd4\xaaq\xb9Z\xc9f\xc8J%Y\xba(yA\xd0\xf3\x95\x8a\xeb\x1f\xb3A\x87aX\xee1\x04\xe8\n\x18P\x7f\xc3\xb2)\x14\xf4\x96\xaa\xce\x86o\x00\xeb\xd2\xa5\xab\xe5\x1fl\x01W\xd3\xb83\x86\xae\x1f\xa8-\xb8\xa7\xcbI\x94\xabGIleB\xc0W\x0b\xbe\x10g\xc9\x16\xc4\xe2,\xafm\xfa\xbf\xbc\x9c\x7fL\x14\xe9\x19\xc7\xcdvv\xcd\x0c\xc9\\\xa6\xd9\xc9\xa4c\xc6\x8c3a\xbd\x9ba\x8ed\xb2\x98\xdb\xa0\x99\xc02\xcc\x10\x96\x1br^a\x99u\rh\x17\xcf\xae\xdd\x05\xce\x98\xeemz\xb2\xb9n%\x04\x81f\x81+z\xeb\x91\x10r\xa4\x05b[ll\xa8g\x829{\xa5\x1a{\xea\x15\t(16\xea\xa5j\xb4\xb6$\x973\xb1\xcf;\xf8W\xff\xde\xe9\x1b \xfc\xb7\x9f|\x9f\xe7\xfd\xbe\xcf\xfb\xe3\xd9{#P\xb7\xef{\x95]\x80\xf5\xde\xfe\x91*M18J\x08\x89\x1e/\x86\x1e\xb8\x01\x16~\xd3L\xe4\x8b\x13\x10\xc8\x03\xb5\ru\xe5u\x80\x85\x0e\xe6\r\xd9\x04*+V\xc2+\xc5\x8e\x9f]\xfa\xf3\xae~\xbdm\xec8\xca\xf9M\xac\xc6\x13\xed\xb5u\x95Q\x05\x1d\xfaI\x9c\xe8-\xf3a"\x0eA\xf4`!)\x1dI\x0c\x15\'\xaa\x10\xd6\xde:p\xd3\xea\xe6\xa8n\x18\xbc\xd9l\x9ak\x1d[KvG\xc6\xec\xfeS\xe7[\xa3|v\xf4x\xcb\xae\x9a}\xdb\xf65\xbe\xf9\xe6\xb6\xc6\xf7\xf3\xb0\xcdQ\x0c\x83\xe3$C\xa5\x00\x88\xa6h\xf4*\x10\xa7C\x92\xca\x9b\x99"\x14\xcf V\x9d\x1f\xd9V4M\xce\xf0f\xacm\xad\x94\xcf\xf1\x18f\xfc%`\xe9\xfd{\x0e\xb5\xd4\xec\xdbW\xd3\xf8\xfa\xeb\xef\xec\xf7\x07U\t~\x0c\x8a\x83\x0fTn\x8a"\x17\xe4B!\x0c\x17E\x91\xe28\xd5J\xf9\xf3\xb0J\xa3\x8b\xa8\x1dM\xb1d\x8e\x8c\x9b\xb1{\xcfJ{\x87\x0e\\\x8f\x7f}!\xb7ct`\xb8\xb3\xa6f\xfbG\xbf\xda\xb6\xf3\x80.\t\x82,\xa9qI\xe9\x1a\x9a\x08\x9f\xd22KCS\x8b\xeaM\xc8|\x8c\x0e\x85(\x99\x8f\xa5\xfc\xfe\xea\x1d\xc8\xe0c\xd9\xb4A\xde\xb9\xb1\xb6P\xf2G\xbbLk\xc7\xb3\x071\xff\xd8q$\xd7\xb6\x8f\xb6\xef9\x15\xe4\x04)\xa8\xc7\xaa\xcb\xfb\xd7\xd7\xd7\x9f&gt;}\xba\xbe\xb1q\xfdz\xc6R%\x01\xc8B!\x0eq\x01S\xb3\x16\x8d&amp;MEz\xb0p\x18\xe6\xe0\xd6-%\x1e\x0c3w\'\xd9\xdc72\xfcVcc\xcd\xfe\xde\xf2\x08dz0[w\xe4\xe4\xd3\xf5\xcdq\x1d\x8d\x8d\xa1.\x8bW)\x11\xb8$#\x99HhZ$\xa9\xebi&gt;h\xaf\x1cf\x98\x92C9\xa5\xc4\x7f\xf4\xec\xe8\x08T7\xaf\x1d\xaf\xcdGA,&gt;udO\xef\x15\xd0h\x03\x11\xad\xc2\x98Z]\x1a\x1aJ%\x83\x1c\x15\x10)I\x89j\x91\x88\xa9\xeb:\x1f\x8f\x937\\z\x1b\xc8\xb4&gt;\xd3\x93\xfd#\x15\xfb+F&gt;\x0cG,%\xc8\xfb\xaf\\\x01\xa8\xd5Wcyy\x11*\x84\xfb\x8bS\x89D"iHH.&gt;j\x9azZ\xb7\xd2\xf1\x82\xbc\xe6\xda\x93\xc5\x85\x0b\xb1\xee\x81C\xc7G\x0e\xec\xcdkZ"\x93\x9a(f\x96\x97W\xafo8\x99\xb5\x0e\x92\xad.\xdf\xfe\xc7}\x18V\xb5\xa6H!A\x8a\x9b&amp;\xcf\xf3\x16\xcf\xc7\xe5\xaf\x9e\xb4nu\tk\xfc\x9fM\xddc\x03{\x06\x1aR\xe5\xf9\xbd\xe5\x89"Xy\x11\x98\x9e_\xbd:&lt;|\xf5\xe1sD\xb6\xba\xbc8s\xff\xa6\x1aI\x98j\x88\x92\xe2\xba\xa5\xc4\x01,h\x90\xb7\xc6\xddzH\xc9t\xdcx\xd4\xd67\x00\xbb\x08\x7f8\\\xeb\x8f$PaU\xd1\xd3s\xee\xdc9\xe0\x9a\xbc\xf4\xfc\xe9\xf4\x95\x8d\xa1\xa1\x8c\xc9+\xb73\x91\x19\x8a#\x83i\x1e=~6\x0cCZq\xedY3\xc3&lt;{\x94m\x1b\x1d\xab\xcd\xe7k?&lt;\x96\xb0\x96\x8e\xf5\xb6\xcf\xcf\x9exg\xfbk\x15\xb5\xc5\xf2\xfec~\x7fyC\x15\x14~y\xcd\x9c\x02,\xd50\x82\xf1`.\x0eP\xa4l\xaf\xb8\x95Z\xe8\x82\xffB\xb2\xad\x7f\xb4\xca\x7f\xaa\xf6GEsj\x02Q\x9d={\xf6\xbd\x8a\x03\x9a\xa2\xe8Ie\x86o\x0e7\x84\xc3\xc5\x94\xd6\xd5\xa5\xf1AE\x01\xa4\xb8\xa1\x92\xb2d\x0b\xeea\xc1\\\\\xd1\x9b\xfa\x1b\xeaR\xa9\x86#\xe5f\xa6\xea\xf4\x8f\x11\xd5\xfc\xfb\xc72\xb0\x08\xa9\x12%\xc0\x8a\x13\x0eO\xa0s\x9bL&amp;\xc2+JPR\r\x12\x96LI\xb0\xef\xba\xf8\xa6\x99\xb9\x9cNg\xfd\xfe\xe6\xea\xf2\xaaJ3\x7f\xf2\xe0&lt;\xa85{\xfa\xd8\x12/q\x1c\x07\x1eJ\xa9&lt;\xd44\xc5\xa1T"\x93\xe9\xb2\x10\x96DB\xd9CJDi\xef\x11\xff\x17k\xe13YGw%u\xe5\xa9L~\xba\x1d\xb0f\x0fN\xa4x\x95C\x95\xa0HS\x9c\xa4D\xc0P\x97\x96\x00+\x02A\x84\x00r\x04!\x04\xce\xdfp\xb5\xc1`\xfc\x8e\x0c\\@U\x99\xf2O\x9c&lt;x\xba}~pz)\xa2\xa8\xa4\xb3\x0eR\x02\'\xcd(&amp;D0\x93@XA\x88-\xc9\xd10\xde}\xe2\xea3\xfe\x8e\xbb\xa4Px\xb4\xa3\xbb:\xe6\xdf[&gt;\xdd;\xdd;\xd8\x9b\xcf\xf0\xca\x8cL\xd28N\t\x02\xc5\xa9P\xe5LE\xba2Z\xc4t*D\x10\x91\xc5\xf0\xdf\xcd\xb9\x89\xb5\xb5cM \x02\xe9\xec\x8el\xb42\x85\xb2\xe8\xca\xe90\xd8\x14?#\t\xb8\x07\xb0([\xe0f\x14\xcb\xb2\xcc\x08X{\x10\xf2*Dc\xa8M\xe4\xb3\xdd.\x86\x10\xa6\xe2e2@\xd8\xe9l2\x1aK\xa4\xf2KC\xe1\xe9p\xcaR\x80\x8a\xf6!,\x08#E\x821\xf0|:\x07&amp;*Q4\r{4\x0f\x8e];\xec*\x16\xf3D\x17\x08\xda\xd6yK\x8fF#\x91\xc4\xde\x89b\xa5\t\xe5 \xc1\xe2&gt;1D\xa3z\x06\xca\x9d\x99`\xd0\x08\xe6\x0cU\xa0Qs\x8d\xd7\x87c\xb7\\m]a\x98\xbf\xb7q,M\x90\x85\\.\xc7[\xa6\xa9\xa5\xf2)\x85\xa38\x81f\x81\x08\xcae\x1a\x04\x03\x9f\xe2$\x95$IJ\xc4\x9d\xbd\x10F\xbbh\xa6\xaf\xb0d\x16c\t\xa1 \x1bq\x88\x95ej\x11(\xae8\x0e5\xf6@vcP/\x0b\x9cZP%I&amp;m!\x84{\xcb\x10\x16q\xd7e\xac\xc7\xfd2\rr\t\xb6m\xcb\xb0\xe8\xc5\xd3\xba\xa2r\x1c\x08\x03\x8a\x01\x17\x8b\xb8`:\xca\x12\xa0B\xbe\xe3e\xa8\x0f\x83\x15\xd6Z]\xc6\x1a\xd5\x03\xa8-K\xb0\x05J\xb0\xe5x:\x07\x11\xe3\x8c\x02\xec\xca\xc0\xe8\x05\x1a\xc7X\x1a6&gt;\xa4D\x85\x08\x82\x16A-\xe0\xc2\x84\xcbnc\x8d\xc5H\x02\xb5\x8d\x11\x01\x88\x9a]\x08\x1a2\xc7\x81r\xa4\x94\xcb\xc5\xc1Ti\x8c`1X\x85`b\x10\x04\xe6\xa4\x96\xd7\xcb\x92nc}\xf3\xb0?I9\xddu\xf0\xb1\x84@\x1a\x10\xae\x80 p6\x99F\x15&lt;\x08I\x13\x18&amp;\xd2\xa8\xa5\x0c\xc3q\x8f\x93[\xc4W\xae\x9a&lt;\xc2:4\x16\xe3\x10\x16\x8bC\x90\x04\xb2@\n\x14\x11\x08\x80\xbd\xe7\x92\x12G\x88\x04l\x121\x1c\x13\t\x96\x15q\xc0Bj\xe1\xc2\x83\x05f\xab\xbbX\xc3\x03\xcd\x12j\xb2\xf3\xe1\x81\x80\x18\xb0m\xc8l\xb4\xe8\x80i\xc8\x14E\x8b,\xcb\xa2\xb6D\xdc\xe7\xf4\xe5z\x9d\xd66\xa2pan\x8b\xbbv\xfa\xcd\xd1C\xdd\xaa\x1d@KJ\x80\xa0!|@\x14@\xcdv\xa8\xfb\x0f\xd6E\\D\x19\x85;}\xa6&gt;\x1c\xa4\xf2\xf9h2wa\x8eq\x19k\xf8\xe8\x91\x19\n\xb2\xd9\x07\xb9\x8d\xd3(\xfbi\x98\x95 \x13\xeeD\x8f\x15a\xfam6s"\xa5\xca\xbc8F\xc8\xfa\x1d\xf7\xb1*\x8e\xf0\x14\xcd:\xfd\xa3,\x0b\tN\x05~\xe1\xe47\xac|N\xcf\xa4\xb89\xff\x10\x14P\xf9\xd8\x80\x1d\xd7\xef\x8c\xbb\x8f\xb5\xa7Z\x06\xa1P\x972\x8b~\xc1\t@&amp;\x96\xd8\x8c\x1c\x86\xbd\xcas\xaf\x07\xf7\x80\x93\xe2\x84-\xa7\x93\xf7\xdc\xc7\x1a\xac\xf8\xb2\xa9\x00yE8\\\xecf\x1b\xb5\xc7\xc7:"9D\x1e\xf8\x075\x8d9G\x83\x82\xa1$\xa3\xff\x17\xac\x96\xbe(X*\x18&amp;\xeb\x0cP\tt\xc1X\xe4R^\xa7\xe9\x0f\xd9U\x99\xc7\x07\xb2y0\xc1\xe0\x93\xd9\x15\x97\xb1Z\x1f?\x1c\x1ci9\xda\xa7\x17r$8\'H\x84C\x9a\xa1N,Hq\x16/s\xb8&lt;&gt;\x07\x0e5\r\x13 \x96\x15\xd1\xce\x8c\xbb\xeb\xa6\x8059\xdc3|\xa8\xaf\xbb-\x8d\xaa)\xa7\xe7|\x13\xc3[\x86aeN\'\xa2\xc7\xe34p\xfa0Z0\xe2\xbceE5\x17\x83\xc8\x80V\xad\x1d/\x07\'\'[\xea\xeb\x8f~9\x96\x15P\xaa\xa3\xb3\xd2\xcd\xd8\x01\t\xf2)/\xf2\x06\x87\r\xa7)2\xa7CQ\x16\x8d6\xa1\x8eo7\x9a\xbe\x99-\xad\x1f\xfc\xf2\xe3\'/\x8f\xb6ON\xf6\xbc\xb1\xab\xfe\xd2\xa8.\xa0\xbc\xc7\x9c\xcc*C\xfa\xc0_\'\x84(\xa9\x9c\xf6\xf8\x90T\xd0\xa3\x11\xa8b\xa3\xc9{O\x16\xc6]\xf8\xba\x03\x869\xfc\xc9\xb7_\xac\x8c\xcc\xb7?\x04\xac\x9d\xe7v\x0e_\xea\xce\xdaP\xdf8\x16\x06\xf3\xcfY\x93\x91jH/\xe4\xa7\x90t\\\xdc\xd4b\x9a\x86\xb0\xac\xec\xa3k\xb7\xfeR\xea\xa3S\x86\xf9\xe0\x93\xef\xae\x9d\x19\x9c\x9foo\xaf\x98\x9c&lt;\xf7\xc6\x1b\xf5\xf5\x97\xfa\xd22YH\x17\xcec\xc8\xb16\xed\x13\xc1\x81L\xe0\xb5`\x1a\x84ji)tL\x19\x05\xac\xdb\xbcz\xfe\xe2\xd7k%\xfcF\r\x94\x14s?y\xf1\xd7\x81\xd9\xd9Y\xc0\x9a\xdc\xdf\x03\x03\xb8\xea\xbb\x93\xe9d\xf7\xa3\x02\x81J?\x8fs\x87\xe1A\x9e\xe0CE5$\x9eli\xd5\xb0m\xd34\xa4\xd6\xedE\x85\xbc\xf8\xbdO\xff\xf6qGiB\xc9\xa0\xf9\xf7\xf3/\xbe{\xb1r\xe2\xc4\x1f\xcf\xce\xb7\x1f\x84 \xc2\xd8U\xdfY\xff\xfb\xcf\xcf\x9c\xf9\xfcLS\x1c\x92\xcc~\x17\x12\rd\x03\xdf\x87]\xa1\x10O\x1b\xf1\\\xb2\xd2\xef?\x95\xda&lt;\xd4\xe5\x95E%x\xf1\xdf?\xf8\xfe\xd7w\xe7J\xc0\xc50\x1d\xbb\x7f\xfa\x87\xdf\xfc\xf6\x87\xdf\xbe\xf8\xd7\xdbo\x9fp\xb0zzP\x0b\xc8\xae\xce\xce\xce\x96\x96\x9a\xff\x92r\xbe1m\xdcg\x1c\xc7\xf2\x8by\x95/vO\xc85\x1d\xe1\xd2\xcc\x94\xb9#BB\xd8\xf2&lt;\xa3\x19\x08\xb4\xf6\x16\x05\x8d\xda$[\xc6\x06\xa4\x80InQ\x02B7G"\xea\xe4l\xb9(\xcav\n\xf4\xd4\xeeR\xcf7)\xad\xb9\x04\xcd\xcdt\'\x9d\xc8|\xd2l-\x96%\xc7o&lt;Qk\xda\x0b$\xde\x90w\x11\x91\x08\x04i\xcf\xf3;\x08QWm\xea\xfa\x08[\xfc\xb1\xe0\xc3\xf7\xfb}\x9e;\x8e\xfb\xfd\x80\xed\xda\x89\x07\x17n=\xb8\x00\xa7\xa6\xdf\x86\xb0\x1d}\xfd\xf5W\xbe{j\xf0rGck\xdfP+b\xe1\xf5\xd3#\xc7\x8e\x1d\xeb\xfa\xf5\xa6\xad\xc9\x96\xae\xcb_w\xe7\n\x80Z\x96\x8dB&amp;\xcbx\x9e=_\xff\xd6\xcf\tV\xfb\xd4%\xbf\xf7\x92\xd7\xeb\r\x00XO`b}\xf6\x83\x8f\xaf\x9d\xb8v\xfa\xc2\xdb\x87\x0e\xe16\x11G\x7fr\xab\xbf#\x12\xf1\xe1\x95\xae\xd6\x8f:\xde;\x85\xd7\x9a\x01\xebH\xd7\x1d\xdd\xd6\xd4d\xfbf\xba,~\x8d\x95\x0f\xe8^H3\xb2\xd9L6\xe6\xb1?{~\xff;\x80u\xef\x17\xe37\xa1\x13\xdb\xbcmmm~\x7f\x80\xacU\x9e\xf8\xdb\xc2\xec\xc3\x877"\x83\x97\xdf9u\xae\xbf\xff\xfd\xfe\xc1\xc6\xa1\xf3\xf3\xe7}}sC\xadW\x7f\xf9\x03\xa4:I\xd4\xd2\xb7l6\x00kj\xce\xf3\xcb\xa3x\x91\xfe\xb5\xff\'\xe6\xc3I\x91/dc\x19\x82\xb5\xf3\xfc\xe1\x0f\xc1\xc4{\xe3\xe37\xdb\x01\xab-\xd0\xd6\xe6p\x00S\x8b#\x10p\xc4\xfd\xfe\xf8\x95\xee\xf3\x8b\x8d\xad\xc7;&gt;z\xa3\xb1/\xe2#XC\xb7\x1b;\xde\xfb\xd5\x8f\xde9\tT]w\x8f\xfdlC\'X\xcd\xcdtU\x96\xb8\x0f\x91\xec\x1b_\x11i4$\x88\x9c\x92\xc9\xc4\x98\x0c&gt;yv\x9f\x7f\xec\xf81\x988&gt;&gt;\xdd&gt;\xd5\x06,~T+\xe0\x088ZZ\xe0\x03\xbfw\xe4\xca\xc2\xd9\xde\xc5\xc5\xbe\xbeHd\xce\xe7\xeb\xfd\x00\xb0Z\xafb#\x12\xac\xae\xbbw\xbb\xde\xdf\xdd4\xc5j\xae\x95dV.\xc9\xffX6\xf7\x9f\xfa\n:\xb1E\x83\x05\xad21O\x06\xe5b2\xcf&gt;\x9f\xfe-`\xfd\x01\xd4\x1a\xf1\x02K\x8b\x03\xb8\xfc~\x90\xcc\xe1\xf0{\xbd\x97F\xda\'\'o\xdc\x18[\\\xbc\x1e\xf1\xcd\xcd\xf5\xf6.\xce\x01\xd6\xef\x10\xab\xff\x08\x88\xf5vg\xe7g\xbbaS-[U\xd3d\x99\xaf\xb2\x9a\x98J\t\xa1\xff\xbd/\xd6&gt;\x93\x91S\xd4r\x96ab\x99\xac\x1d\xb2\x95\x8d\xc5b\xcf\xb6\xc7\xfe\xf2\xe7{\xd3\x88u\xc9\xebp8Zp\xbd\x88\x17\xad\xf4\x03\x16\xae8\x9f\x9c\xc4\x8d\x18|\x11\x1f`\xf9\x16}sC\xb7\xaf^E\xac\x93\x88\xd5y\xf8\xdd\x8d-\x8b\x89\x95\x97%U\xd54MUU\x91\xd5\xf9\x14\xfe\x8b\xea\xbf\xa1\x01S\x82S*9C\xe6BN\x9e\x81\x06d\x18*F\xb0&lt;;\xcf\xe7\xc7\xa7\xa6\x00k\x06L\x04\xb1Z\xfe\xde\xe3o\xc3\xe0#\x18\x8a5=3\xb9\xd0}\xe3\xfc\\\x1f"\xcd\xe1}\x19\xb7A-\x8c\x16\x8a\xf5\xd6\xabwv\xa36\xac\xa6\xe6\xb2\x04\xa5\xf0\xf0T*\xd7\xf3\xac\x90Z&amp;A\xfbR;\xf1\xd3\tA+\x16\n\x85\x1c\x97p:S9\xc6C\xb9\xa8\x18\x03\xe1\xca\x12\x17\xb7\xe7\xdb\x11\xeb\xe6\x9f\xa6@\xaa\x96\x96\x9e\x80\x03\x88\x1c\xe8c\xc0\x8f\xcb\xfef&amp;\xc1\xc6\xb1^\x08\xd6"\x08\x06\x19k\xdd\x13\x0b-&lt;\xfa\xe6\xc6\x16mb5\xd5\xd6XU*\xd7%\x91\x93k9V\x14R\x1c/\xa6\x92\xa3\x89\xe1/\x83\x1a\xfeP\xe4\xb3\x9e\x0c\xcf\xa9F\xd2\xe9L\x94\xec\xaeh\xd0\xe5\x01\x9d\xb2Y\x94\x8b\xd9\xd9\xbe\xd6=2\x8d\x9dh\xaa\x05\xe9r\x1c`\xc51[\x0b\x0b\x04\xcb\xe7[\xfctnh\xa8\xef\x00\xab\xf3\xf0\x9b\xb5-H\x16mN\x08[\xba\xb6\x91O\xcb\x9c\xc0i\xa2\xc0\t)\x91\x17\x93\xa9\xa4\xaa\x8e\x0e\xffG\xa28%\xc7\xd8s\xe8\x1e+;\x01K\tG\x83A\x8a\x89\xc5\xec\x0c\xc9\x16\xc8\xb5\xd6;3=3&gt;=\x82K\xc9`4@\x1b\x02\x93\xb7\r\xd7$y\xbd\xf1\xf6v\xc8\x16d\xde\x07y\xef\xc5;~^`uu\xbe\xf5j~k\x13\x98h\x1a\xb1\x88h6Z\xaf\x96T.\x05\xa1\x17RI,\xa9*\x84\xa05\x1b\xf6\xcc\x04\xf3pB1\xd9\\\xa6\x14B\xf7\xb8a\xe0J\x16\x81\n\xb2\xc5x\xec\xb1\x18\x91k\xf7\xd9\xc5\xb1\x99\x99\x99\xe9) \x01\xaa\x16S+\xaf\xdf\xa4\x8a\xcf\xfe\xfe\nd\x0b2\xef\xeb\x1d#XC\x8d\x1d\x1d\x83\xa7\xe0\xc0\xd3y\xf8\xe8\xbb\x84\xca\xf4\x10\xe0h|X,\xe9|\xbdl\x94\xf8\x8d\x8a""WQ\x0b\x85.)\x90k\x00\x00\x05\xffIDATB\x89\x84y)\xec\xb5Q\xa1\x94\xcb\xe4\x8a2\x97d%\xe0\x91t\x19\xe0\x9c\xce\x10[\xa7(\xbb\x07\xe5\x02\xb1 ]\x9e\x1d\x1e\xb8\xa6G\xa6\xc06\xb4\x10&amp;\xa9\xa3\rOq\xbc\xe0a&lt;&gt;2;\x0b\x13b\xfe&lt;n4\x02m8\xf4G\xbc\xe3g\xf0\xf2\xb9\xfe\xae\xc3\xdf\xcb\xbfLe\xb1X\x90\xc9b\xb1Z\xf1\xe1v[\xad\xe9\x8a\xc4\xa5\x92J1\t\\jI\xc0\x7f\xf1\x89\xb2\x02\xcd\'B\xcaE\x14\xcb\x19*\xe5x1\x81\x82\t0\xb8\x00\x89\x01\xb9\xd0E\x0f\xd8x\xfcl{\xdc\xebw\xb4\x98X\x0e&lt;\x02\r\xc4\xe3(V&lt;~\x7fv\xb2{~~l\x0c\x1e\xbdsxsn#\xb9-\xe3\xc2\xa1W\x80\xcab\xdb\xc3\xb2\x11"\x84\x02\xa4\xbdr\xbb\xc3\xb5z\x857t5\x19J\x88zA\x02+Y.\x19\xe2\x0c\x0e0\x8aF\x02e\x1a\x154\xa3(\x86\xc0Y\x995P\'\x97\xdd\xc4\xf2dv\xd6.&gt;\x1c\xc0m;\xcc\xccC\xbc _@4\x00lq4q~\xfe,\xd4\x18zx\x1c\xb1N\xfc\xf4\xdc\xad\xdflnE\xf7\xb4\x02,\xfa\x0bPi7@\x85\xe1\r\xb3\x9c\xad\xf0,\xab\xbb\x8a\xcb\xa3\r\x02\x90p,\xea$W\x8aR\x12\xc1\x9cI\xb9\xc4\x1b\x95\xac\x1d\xb2\x05@\x94\x8b!zy\xec\xcc\xce\xda\xda\x93\x89\x9e3g\xce\xf4\x9c\xe9\xc1\xa3N\x00\xd35@\xb4\xba?\x0bXgq\x81\xf7\xd9\xf9\xde\xbe\xa1\xbe\xc8\xf1\xd67\xbe?x\xea\xc2\x1d}\xd3\xfa\x02\x8aP\xd1\x04\x0b\x1e\xeeh\x90\xa2\\\xc10\x82!\x17\x80\xb9(W8\\\x14\x96\x1bB\xe8\x1b\x86\xca9\x9c\xe2\x0bE\x8e\x18)\xb0\xf5(\xbc\xc2\x05\xd9\x02\x95\xec\x84\x0b\xde\xa1\xa8\xad\xdd\xb5\xa7K\xb8\xdf\t\xde\xd2\x7f\x06f\x97\x7f\x00W\x1a\xac\x0f\xac\x03\xd7\x02 u/,\x98\xeb\xe1#\x17O\x9f\xb8\xfc\xc9g\xba\x9e\xb6\xbd(b!\xa6\xdd\x1a\x8d\xe6\xeb\x15Ca5Uc\x95r-\xec\x8eFQ.\xe0rE\xdd\xf92\xdb@FgUp\x9a\xfe\xb1\x06_b\xf9\xb2\x1e\x0cf\x0c\xbeh\x18\x95\x02E1v\x98\x14\x0c\xe2\xd9\x91tcu\x9b\x80!Y\xcf\x04`\x915\x10\x03\xeb\xeb\xf7\xe1\xf8\x83[\xd8t\x8f\xf9"\x91\xeb\xd7O?x\xb4\xa1o\xa6\xe9\x03(lB\x0bm\xb3\xd4\xcaE\x9e\xe7\x15\xbe\ne\x18&lt;\xab\xaa|=\x1a\x0e\xeea\x01\x97;\xd8\x808\\5\xc7\xa6H\xb0@\'@\xb7\xba)C\x12\xc84\x11\xd8\x0c\x85\xbay\xf6\xb1\xa2\xf0\x8b\xea\x8f\xf65\x0b\xe0\x1a\x9b%8!\\Z\x1aX\x87\xd4\xcf^\xb9?\xdb=\xb6x\xf1\xe2\xbfV7t=o\xb55\xedC\xd1M\xe6lH\xebE8\t\xa8+\xf5t:me*\x10+W]\x91D\xad\x1eF$R\xc1p\x98`9\x13\xa2\x91c\xb9\xe5eN\xae\xeaV\x8b\x9b\xa9h\x9c\xa6(%\x19\x0e\x10!\x95\xa1\xa8`\x14\xfc\x84\x11\x06X\xc1`\x14\xb8\xd35 \xfb\xe7\xca\xca\xc4\xc0\xd2\xc4\xd2\xca\xca\xca\xd2\xd2\np\x91z\xf2\xd7k\x8f\x1fml\xe9Q\xeb\xde\xe8\xa4\x0f,\xa4\xad\x05\xa5T\xaeY\xf2,\xc7\xa6-\x16\x8aM\x15!\xf2\xeeh\xb9$He\x93\x89\xc2\x9f\x11nH\x92)\xe5\x0cI\xb2Q\xce\xd5\x83\x16\xdaU(\xaa\x9c\xc83\xf0\n&amp;\x93\xabH\xa12\x15t\xd9\xed.\x18b\x1e\x82e\x82Y\xd3\xf9\xda\xc6\xea\xda\xe7\xdbO\x9f,\xed\xd5\xfa\x93\'O\xb7\xb7\xd7@\xa7\xcd\xb0\x95\xde\'\xa2q|\x9aPt\xba\xac\xf1y\xdaf-\n\x02W\xa7\xadEpC\xb7b\xda=U)\x95\x0b\xc2\xb7\x87\x9fb\x07W\x1a8\x85K\x8c\x8e\xc2_\x12J6\x08\xae\xd6\x15\x11\x84\xaa\x96\xea \x0fT,\xab-\x17\xe0\xc5@\x04/\xa6\xb0q \x03`$\xb4O\x1a\xba\x1c\xd8\xf4\x8dG\xab\xab\x8f\x1f\xaf\xad\xadUW\xcb\xbb[\x07H{G\x1b2\xd5\x9b\xa1\x00\xac\xa2\x95\xd3\x90\xaf\x8a\xaaq\x82\x9a/p\x90\x12\xb9F\x86\x03UI\xb1.;\xfe\xea\x0cVC\x88\xcfV\x15\x96\xaf\x14\xe0\xd8\xcc\x14e\tN"&lt;\xae\\R\xcd\x016pe8N\x87\xb6\x05&amp;\x0fz\x88\\Q\xd2\xceaT\xdf\x8a\x93\x9a\xc6a\x9d\xc6"\x1f\x99e\xa3\x0f\nNf\xcc\xb2\xb0%\xa0\xa2\xeb*\xaf\xabB\n\xce#\xe0\xa0\x13R\xb0\x07]\xae\x82 1v\x1cIL\x0c\xfa\xbe!%S\xf8Y\x14"\'q\n\xcb\x06\xc3\xc1 \x0b3&gt;\x87zQ\xb9$\x0b\xc1\xa2&lt;\x04\x0b\xb8\x00\x11\x07\x8d\x9bP\xed\x93\x99l/\x15v\x1c\x96\xe5e\xa8\xe6\xe6\xbcV\x06\xdc\xba$Uj\n\x1c\xa3\xd5B]\x08%\x93\x86\x1bFV\xb4\x92\xd4\xd0&gt;\x86p1\r\x85,e\xc6\x86a9E\xa7\xc4\x84l\x0fgp^\x08E\x94\x87\xe5\na\xf2u|C.l\xe3\xe8\x1e\xd2\xbebV\xc2\x86Z}\xa1\xf6\xed\xdb\xc7\x92\xcaMMyM\xd4dV\x83s\x07\xb1R\x11\xff]e\x19\xab:\x08CaX\xc9\xe2p\x02\xa5\xc3\xa5\x05\x9f$d\xc8\xec[t\xec\xe0^:\xbbd\xcct\x17\xa1\x90\xad\x08\x17\xb2\xa4\xd0\xc5\x0e:HA\\\\\xee#\xf4)zN\xe2\xedm\x154\x83\xc3\xc7\xff\xff\xe7?\xee\xa54\x8fM\xa1\xbe\xec\xb1\xe7\x11\x8b|Lx(#@*sc\x99\x93+TU\xcbP\xaa\r\x17\xee\xa07\x05\x0fS\x08\xd8\xa6\x04*\xa8\x8f\x8b7\xb5Nx/d\x1fl\xd4Q\x04\xb4}\xc9\xa5\xbc\xceN\x83\xbf\xb7m\xdbY\xe4\xc2\x7f-\xdc\xceG+\x14\x0c\xa6&lt;\x03qA\xc8|\x82O4\x10`\xa8F\x96)\x8f;Z\xda\xba\xeei\x0b\xedJ(\xfd\xcc\x04\x04\xa5\xe8;,|\xc2\xc2\x91V/\x1f\xd9\x9b\\\x1fT\xf4\xc7\x17\xaf|y\xb5\xa5M\xd3\xdfk\x8aNng\x8f6^Fm*s\xb8]\x9bj8c\x8c8\x05\x85\x84JP6&lt;\tWa\x1a\xb3\xf1\xe7\x9bx\xa4uF\xae\xf6\xc6\xf6\x97\x8e1\x11\x86\x90\x1c\x8cX\x05q\xc5\xc5\xbf$\x9f\xe0\xfe\xf0\x96\xdc\xff3\x91X\xcba=\xf9i\x9d\xe7\xb1^\xe7\t\x8b~V\xdd\xbdsMm4P\x9b\xf20\xed\x88\xf5\x04\x85\x9e6E&lt;o\xd5\xd0\x00\x00\x00\x00IEND\xaeB`\x82'</t>
        </is>
      </c>
      <c r="M114" s="3" t="n">
        <v>45492.67803240741</v>
      </c>
    </row>
    <row r="115">
      <c r="A115" t="n">
        <v>329069</v>
      </c>
      <c r="B115" t="n">
        <v>1963</v>
      </c>
      <c r="C115" t="inlineStr">
        <is>
          <t>Zé Rafael</t>
        </is>
      </c>
      <c r="D115" t="inlineStr">
        <is>
          <t>Z. Rafael</t>
        </is>
      </c>
      <c r="E115" t="inlineStr">
        <is>
          <t>VOL</t>
        </is>
      </c>
      <c r="F115" t="inlineStr">
        <is>
          <t>VOL</t>
        </is>
      </c>
      <c r="G115" t="inlineStr">
        <is>
          <t>VOL/MC</t>
        </is>
      </c>
      <c r="H115" t="n">
        <v>175</v>
      </c>
      <c r="I115" t="n">
        <v>8</v>
      </c>
      <c r="J115" s="2" t="n">
        <v>34135</v>
      </c>
      <c r="K115" t="inlineStr">
        <is>
          <t>Right</t>
        </is>
      </c>
      <c r="L115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289728f-ea38-4a4f-a6df-6e9e74177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/\xe2\xf7\x00\x00\x03\x00PLTE\xff\xff\xff\xf0\xf1\xf5\x00=)\x00J3\x00O7\x008%$\x13\x0b\xff\xff\xfe\x00M5\x00:\'\x00@* \x10\t)\x14\x0b=#\x16\xfe\xb7\x9b\xf3\xf4\xf7\x1c\x0c\x06M0"8\x1f\x13S3$\xeb\xee\xf2\xfd\xba\x9e\xfd\xb5\x98\xfd\xfc\xfd-\x19\x10\x006#C)\x1c^;+iB0Y6%\x00R;\xf8\xa2\x85\xfe\xb2\x95\x18\n\x05\xfa\xa5\x893\x1b\x10I-\x1f\x00B.\xf2\xc1\xa72 \x18~J6\x84P;\xee\xbc\xa3\xfe\xbd\xa2\xfc\xa9\x8cuI5W&lt;-:&amp;\x1dd=+.\x1d\x15(\x18\x11\xf4\xb7\x9aW-\x1c\xf3\xbb\x9f\x01U?\x9aZB\xed\xb9\x9e`0\x1f\xe4\xaa\x8fj:\'qC.\xf3\xa7\x8a\xfd\xae\x91\xee\xb5\x99\xf6\xc2\xa9\xf5\xbe\xa35$\x1b\xeb\xb0\x94\xa4aH\x89XC\x9ccK\xf2\xb2\x94\xe9\x92t\xed\xa0\x83\xe7\xea\xed\xf7\xb4\x96\x93YB}R?\x02YEB$\x16\xf3\xad\x8f\xf3\x9d\x80\xa7iP\xed\x99|\xe5\xaf\x95\xdd\x9c\x7f\xf3\xa1\x85\xdb\x96y\xadbH\xfe\xc0\xa7\x93S&lt;\xf7\xc7\xae\xe5\xb5\x9c\x8bR&lt;\xdf\x85h=,"kI8wN;\xf9\xf8\xf7\xb2fL\xe5\x98{\xb6u[\xd4\x85j|C.\xeb\xa8\x8a\xc8\x89mD1(\xbdnR\xc1tX\xe0\xe5\xea\xe7\xdf\xdc\xf9\xad\x8e\xcfx[T\'\x17\x02\\A\xea\x8co\xdc\x8es\x01bHI)\x19\xe1\xa1\x84\xce\xd8\xdd\x12\x06\x02`D5\xd1\x97}\x89K5\x91_J\xc1|a\xf8\xb0\x93\xaaqY\xda|bM90\xef\xc5\xb2\xb2mS\xca\x81e\x93gT\x02F3\xe4\x88l\xb5|b\xb9iN\xbb\x82h\xc2\xd0\xd40\x16\x0b\x7fZI\xe5\xa4\x88\xf9\xf2\xf0\x9fnX\xd1\x8er\xd5\x9e\x84t8&amp;\xc9w[\x0c&gt;#\x89m_\xd1}_\xeb\xe6\xe6L"\x12\xfd\xc7\xaf\xdc\xa5\x8boSD\x83aR\x9f\x84wC\x1b\r\xc1\x87m\xb4\x9e\x93\xa4YA\xc8\x90v\xc4\xa3\x95\x88\x89\x889\x15\x08\x93}s\xf9\x9e\x82\xd8\xdf\xe4\x8c\x94\x94\x9b\x9e\x9d\xc5\xb6\xaf\xc7oU\x05K=\xa0\xa8\xaf\xef\xce\xbf\x9bwf\xbe\xab\xa2)\r\x05\xde\xc6\xbb\xe2\xbe\xadlXN\xb0\xba\xc2\xba\xc5\xccs`V\xe7\xd5\xce\xde\xcd\xc6`ME i\\\xdd\xd7\xd7\x9b\x81/\xa3\x8d:\xcf\xc5\xc2\x90uj\x1bD%\xfa\xcc\xb7\xf2\xee\xee-O(\xbd\x976\xa9\x88/\xb1\x96\x89\xd5\xbf\xb4\xa0\xb9\xb9\xb0\xab\xa9\xd1\xac\x9a{g^\xa2\x8d\x82\x908+\xaa{fBsA\x0edSTE?\x001\x1f\x19ZK&gt;Z.\xa3\xa2R\xd2\xcf\xce\xa1I&lt;\\\x90\x8a\x8c\xa2\xa2el1\xb3\x949\x7fvq\xf8\x94v\xf7\xdb\xd2\xb2\x89x3si\xf5\xe8\xe4\xc2\xbd\xbcTe0s\x9c\x9aN\x82{\xd5\xb6\xa8\xa1\x92\x8c\xbe\x98\x86to/~x6\x89\xaa\xad\n(\x1e\x8bz0%b;Juo\xe0\xb8N\xbd\xafUf\x82E\xea\xbeS"IE&gt;XY\x83\x8fK\x06\x1d\x13\xd3\xba]p\x83\x87\xd5\xafH\xe6\xc5d\x00\x91\x8b\xd8\x00\x00 \x00IDATx\xda\xc4\x98\xd1O\x1a\xe9\x1a\xc6\xdb\x9b\xe1b\xc0\x05\x8c0A\x1bE\xc9\x19l\x85\x11\x8e\x8d\xeb\nt3U+\xa9\xa6"+Vs,\xa8\xc0V$\xdaF\xa3\x81\xb6jYh\xaaF\xadn\x1a\xb4]tk\xb6.MN7imK\xc2.1\xd1\xa4\x17\x1a\xc5l\xc2\x8dW&amp;\x9b\xf4\xa2\xf6\x8f8\xcf7\xf6\x9c\x7f\xe0\x0c\xdd\xd7`01\xe1\x97\xe7y\xde\xe7\x9b\x8f3g\xfe\xbf\x91H$\xea\xb3\xef\x8f6\xd2\xb9\xe4\x87\xfd\x93\xec\xc6q\xf6x\x7f\xa8O-\x91\x9c\xf9\xfb\x860mm\x1fe3\x11\x9e\xe7\xdd\x017\xcf\xf2,\xcbGR\xff\xfe\xb0rV-\xf9\xdb\xa0\xd4C\x1f\xf6s\x91\x1c\xcb\xb2&amp;2\xac\xe9\xf4\r\xcf\x05R\xd0Lr\xe6\x8bk&amp;!B\xad\x9cd\x02\xeeS\x10\xd6l6\x9b8\xbc\xc7\x1b\x86\xe5\xdc\x1c\x17\xc8l\x1c\xad|\xa5\xfe\xe2\xee\x1d\xed\x1f\x07\xa0\x8f\x99\xc2\x8f\t/\xf0\x10\xbd\x18\x93\xd9\xc4pn7\xcb\xbb#\xe9\x8d-\xc9\x97\x84\xea\xdb\x82{D)3\xb0(\xb9\xd6LS4MS\x14e\x02\x15m\xa6 \x18\xcf\x02\xcd\x9d\xfa\xf0\xd5\x17\x02\x93\xa8\xdf\x0f\xed\xe7x\x8eC\xcc\xa1\x8c\x89\xa2\xe54\xc50\x94\x00\xc60\x0c~\xcb)Z\x8a\x9c\xe9 Y\xe6\xe5\x97\xe1\x92\xf4\x1d\x1dg\x02d\xe3\x10$\x86\xf8\xc7TH\x95\x8c\x94\xa2\xb4r9%\xad`\x88z \x85\xad\xf0\x92\xe73\x1f\xdeK\xf2\x1f}I\xdf~\x0e\x1f\x86*01\xb0\x0c\xb6)\x95\x15\xb2\n)Ek\xb5r\xb0\xc9\x94\x0c\xf8\x88\x80\x14\xe2\xc6ql \xb7q4\xd4\'\xc9\xb7\x83G\x19\xac\x19\x86?M\xbb\x94\xe7d2e\x05\x11\x0b\xcaQ\x8cF\xc3\x9bC\xb4\x9c\x0cdcPgn.\x979y\x9fW.\x14\xd5q\xc0\x8d\xe2\x84\x81\xa4;ib\x94F\xa3d\xa5\x0c+\xe5y\x8e\xc2_n*D\xd1f\x1a\x92A3d\x9f\xe3\xdd|d\xbf/\x8fFJ\xde\'#\x81\x80\x1b[F\x1c"\xeb\xc70\x9cL\xc3\xb1\xbc\x94c\xcd\xbc\tXXA\xb9\x96\xe2\x19\x92/\xadVK\x9b \xac\xdb\xed\xce\xed\xe71\xf9\x92\xed\x0c\xa8\xdc\xe8rJ\xa8\x04\xca\x8c\x82\xe74\xac\x194f9-5\x83EJ\x85\xb4\x0co\x96\x9a\x90|m\x88\xc6\xff\xa2\xf49w\xeedE\x9d\xb7\xb8\x13\xb1p\xf4\x81\x89\x94\'"M\xb08X\xc8I\xb5\xa1\x90&lt;\x84\xa1\xe5!\xb9Vn\xd6\x98h\xf8\x18\xa2Mf)\xe9\x92@.w\x9c\xaf|\xa9\xb7\xd3\x91H\xc4\x8df@\xbaY7/\x95\xc9P\xeb\x1a\r\xcb\xd0\x15L\xe8t\xe4\xf2\x10\x00C\xf0S\x8a\xe0\xd3\xb4YN\xf6\xd5\x0cx\xf7~~\xe4R\xbf?I\x84s\x11\x84\x050&lt;\xe7f+dXBN\xa7Q*\x99\xb99@h\xe97o\xde\xcc\xbdyC\xfaK\x8a\xee\x80\xcdr\n\xf9\x82\x97\xe8}&gt;\x9d\x17\xb9$}/S\x89\x14b\x12\xe0\xb8\n%G\x8aA\xa3\xd3)\x14\x85\n\xc55\xd95\xe5\xdc\xdc\xcfOj\xea\xea\xeaj\xc6~\xfe\xf5\xd7\xb9\xb99\x861\xa1\xcahRg!R\xb4&amp;&gt;\xb5\x95\x1f\x0b\xb3\xe9\x1c,D=@%\r\x98\x14\xe7\x8aK\x0c\x06C\xa3\xa5plL76V\xf7}KCCC\xf7]\xbd\xa5\xbe\xaenL&amp;\xe3\xa5@\xd2\x92!\xdb\xc1r\xb9\xed&lt;\xa8%\x19\xdaH\xa5\x10-\x92y\xa5\x0eL\x85\xc5aOc{\xd4\x17\x8d\xf9\x1a-u5u\xf5\x95\r\xc1\xc7\xb7\x1e\x07\x83\xc1\xc1\xfe\x86\x16C\xb1BV\x81\xf8\x87\x88b\xa8]\xca\x1dIm\xab\xf3P\xef\xdb\xd9T&amp;\x12 \\0\xae\xf0\\\xb5\xa1\xb7\xb1%\xea\xf7:\xbd\xcd\xcd\xfe\x89\xda\xbb=M\xd1\xc7\xfe\x1b\xf7\xc9,\x03\xae\xbd\xc5pN&amp;\x15\xb0p\x10\xe1(b#\xc7C\x92&lt;`}H\xa5\xe0a$\xc0)\x14F\x8f\xa7\xb7\xf7^\xbb/6\xeat\xbcx\xe1p:\xbd\xa3\xb1\x89X\xec\xe1\xc3\x1b\xa7s\x7f\xf9\xb7`\xb4\xc5PxmNJJUN\x87\xb4\x90+\xb7\xdf\'\xbe\x89\x8f\xf6\xd3\x19\xe2`@\xa3+\xacnmm\x04T\xa7\xd3UZZ\xeap\xb8J]V\xbb\xd3\xd9\xdc\xdc\x0c0\x81\xed\xfe\xad\xdf\x06\xaf\xf7\xe8\xab\x0b\xc7\x94s\x14\xf2\x8e\xe2\xa7\xd9@zK\xf4\x13H\xb2\x95M\x11*\xa3Qw\xae\xb7\xb1ij\xc2\xefu\x94\x96W\x95\x97\x97\x83\xac\xbc\xdcju\xb9\\ \x1b\x19\x19y8\x02\xb0\xe5\xc7\x83\xd7\x1bZ*\r%\xe7t\xb29\xf2xAS\xa6@d_t,R\xa5\x81\x88\xc2h\x0cW\x1b\x1a\xa7\x06\x88{Ue\xb6*L9\xa8\xaa\x86\xcbK_@8\xe7\x08\x19\x08v\xff\x16\xb0j[z\xf4z\x90i*\xb0\x8af6\x109\x16\xfb`\x94\xf4mfs\xc6\x881\xec\x81T\xd3K^;P\xcaTe\x18\x1b\xb8\x88l\xa5\xc4O"W\xf3)V\xb0\x9fpU\xea[{=\xc5:\xd6\xc4\x10\xac\xf4\x8a\xd8XgO\xd2\x99\xb01\x1cnm\x9a\x18\xe8\xf4:\xca\xabl\xaa\x82\x02\x15\x19\x1bq\x92\xa0\x91\x98!`\x84\xeb\xc62\xc1\x82\x8d=\x95\x95\xad\x86\xb0Qgb\x94\\ \x92\x12{\x17%+k\tPyZ\x17\x01e\xb7[!U\xc1\xe7Q\xd9\x04\'ae\xa9\xcb\xd1L\x06b![33\xc0\xea\x06\x97\xc1S\\\xa8a5\x8a\x881+\xb6Zg\x80\x95\t{\xe6\x1f\xccv\x8e\x83j\xd8\x06\xfbT\x05E\x17\xba.\x14\xa9\xe0\xa3\xad\x9c$\xac\xb4\x94l#\xe4\x12\xb0\x06\x85tA/CI\xb1Q\xa7q#\x01\xc9Gb\xab5\xb4\x93\xf0$\x12\xf3\x0f\x9eu,X\x05*UYAQ\x17\xa8\nTe\xaa\xe1\xe1*\xb2\x8dP\x0b\xe1\x12\xd4B\xa1\x0e\xa2\xeckkk{\xf4\x9e\x12\xac\xafF\x17\t{D\xc7:\xb3\xb5\x93H$ZW\x81usx\x18YG\xae\n.|\x16\xcb6L\xd6\x11\x91\xff\x8c5"`\x05gf\xfak\xc92z\xa0\x96B\x13\x08\'\x12k\xe2\xab\x95\\]\x9d_}\xb08\x00,\xa2\x15\t\x15L,R\xd9`\xe0\xe7\xfar\x01K(U\xd2[8\x1ag\xae\x83\xaaRo\xa96\x1a\x15:c"\x9d\x12]-\xf5P2\x1e\x7f\xf0`q\njYO\xb1\xb0\x84`\x83VB\xe0\x85\xbe\'XN\xb2\x887\xfc\xcb0q\xa6\xa1\xb6\xbb\x12X$[\nc*\x9b\xda\x11\xfb\x89K\xb2\xb5\xb3\xf3zqqJ\xc0\x9a$yG\xa4\xc8\x90\xe2\x02\x96C\xb0\xd0\xe5p\x90\x8e\xc0\tD\xe4"\xd9\xc2"\x92\xc8\x17+\n\xc3\xe9x*\xbe"&gt;\xd6k\xcc\xf4\xec/\xc0\xbaZ&amp;\x0c\x98\x04\xb9\xaa\x04\x07\xa1\x97C\xa0\x82^\xa3\xcdD\xae\xe8\xf5\x86\xeeJ\xbd\x9e\x9c@\xe7\x8c\xc6D|\'\x15\x17\xbd\xb7\x8e\x80\xf5\xe7\x9f\xd3\x03K\xe37\xc9"\xdalD\xae\x82\xa2\xa2S\xae\x17\xff\x15\xcbN\xf2\xd5\xec\x1d\x1d%.\xf6C,=\x8e\x9f\xea\xea\xe2p&amp;\x93\xddI\x8b\x8f\xb5\x95\\\xfb\xeb\xd3_\xcf\xeet.\xfc\x0fK%\xd4V\x17\xd9\xc5r\x87\xc3\xear\x90\xe3\x1a\xe3m\xf6v\x8e\xfac\x13\x83\xed\xa7X\xdf\x97T\x97x\xd2\xa9x2\x1b\x17\xfd{\xa5\xa1\xb5\xddO\x9f&gt;\xfdr\xa7CP\x0bS\xa6Bmuu=\xedz\x8a\xea\x9a\xb4\xba\xac\xc3x\x8a\xb0\xba\xecv\xbb\xb7\x19b\xf9\xfd\x13\xc1~r\xf8\xe8\r\x16K\x89g5\x9d][\x8b\xef\xfc.:\xd6\xe1\xee\xc1\xf3Ow~\x1c\xbf\xd9\x86\xf2\xb4\x91#\xf1B\xd7SL\xd7S\xb4\xc4d\x9b\xd5\xda&amp;`\x81\x0b\x16\xc6\xfc\xb1X,\x18mo\xc2Ym0\x94\x94\xf4\xae\x11\xac\xe3\x9d?D?\x13\xd7\x9f\x7f|~\xf0\xe3O\x97\xaf\x10\xac\xaaa\x9bJ\xa0\xfa\xf6)i\xfa\x7f\x02\xcbe\x15\xa4rzI\xb0b\xfe\x81Xl\xc2w\x8a\xd5k\xf0\xcc\xef\xa6\xe3\x87\x87\xc9\x9dm\xd1\xbf}X?\xd8;88\xf8\xee\xf2\xe4\xe40\x99I`}\x8b\xe9\xea\xbax\xf5\n\x11\xcai\xb7\x9e2-\rL\xfb|\xd3xM5\xe1\xc1\x86`\xf5zVw\xe3\xc9\xdd\x93\xc3\xa4\xf8X\x9b\x1f\xf7 \xd7\xbb+W\'\x87\xdb\xac\x84\xeb\xe2\xc5\x8b\x97.}\xf7\xcd7\x0b^\xaf\xdd\t\xeb\xecm\xf6Q"\x94o\xaa\x85\x04\xbd\xd7@\x96\xd0Ro1\xb4\xce\'\xe2\xeb\xc9\xe4\xe1\xe1\xc9\xa1\xe8W\xb2G/?\xee\xed=?xu\x1ej\xb5\xb5Y\xed\xf6\xf1\x85\x8e\x8e;\xcff}\xd1h0\xe8o\xf6\x82\xad\xcdy\x03A\x8f6U\xd6\xd7\xd5\xdc\xbe\x8d\x1b\x9a\xc5\x82\x1bcMI\xeb\xea\xfc\xeb\xf5d|mw\xfd\xf0\x0f\xd1\xb1\xf6\xf6\xde\xbe=8x\xf5\xc3\xe4\x15B\xd5\xd9ygiz\xf1^OeOmw\xff\xf5A\xbf\xd7\xeb\x04\x16Z\xa1\xbd\xa5\xd2Rw\xfb\xc9\x93\x9az}KK#n\xb25\xb7K\xe2\xf1\xb5\xf5d6\xb9\xbe\xb9.:\x96\xfa\xed\xde\xdb\xbd\x8f\x07?\xbc\xbat\xe5J[\xc7Rlv`\xc0w\x8f\x94Rwm{?\xb0\xecv\xdc~\xfc\xc1h\xadp\xa7\xae\xd77M!^SM\x8d\xbd\xd55\x85\t(\x95\x8c\xef&lt;\x7f\xb9)&gt;\xd6\xef\xc0z\xf7\xaf\x7f\xbc:\x7f\xe9r\xe7\x84\xcf\x17[\xea\xec\\\x9a\xf0Eq\xbd\xef\x9f\x01\x96\xd5j\x9d\xb4/\xcf\xd4\x12\x07\xeb,-S\xcf\x06\x06f\x05\xac\x92bEx&gt;\xb9\x9b|\xbd\xb6\xb9\xb9)\xfa\x05V\xbd\xf2\xf6\xed\xc7w_\x9f\x7fu\xfe\xeb\xf1\t\xdf\xc4R\xc7\xf8\xc2\xc28T\x0bF\xa3\x83\xc1\xe5Q\xfb\xe4$\xc1j\xb8k\xa9{Rc\xd17NM\xcfNO\xb575V\xfe\x87V\xb3\xebI+\xdd\xe2\xf8\xb9:\xdeXR$h#\x9bH\xd5t@^\x86\x8c\xbb\xc1\xdd\r\xa8\x19|!Htp\x10\xa4\xd2\xa8\xa8\x1b\xa2)\x12\x89d\x1c\x04\x1d(QL\x11\xed&amp;X\xacJE\xc3x\x01\x89\x8a\x9e\xa4\xd8\x9b\x1a{Q\x93V\xbc&lt;^\x89\xe9M\xdb/p\xee\xcez\xb0\x99O\xb0\xbbb"\xc6\x9b_\xfe\xeba=\xeb\xbf\x9e\xa5\x94\xf3\xd9\xfc\x8d\xf8\x87\xad\xad\x8b\xc3L\x86y_\xfd\xfe\xe4\xe8\xf8\xf8A\xd3Y\xe0\xf7UPj\xc4\xb8\xbcl\xf7\x98\x9e\x81Z\x86Q\xdf\x98\xa9\xcf\xcf\x128{\xd74B"\x99\xc4\t\xd1\xd2\xb7\x9b\x83\x88^J\x92J9\x8f\xcf\x81\xeeakk\xebC&amp;s\xfe\x99q\xfb:\x9c?9:\n&lt;\x0c\x04^8VMF\x13\xc4\xeak8\xf3B\xaf7\x15\xf4\x99\xb4N\x81\xa4fj\xdeL\xbb\xd2i\x97uieC\xf6sy]w\xfd\xf44\xce\xe7\xe0l\xd9\xcc\xe9\xc5\x078Z\x99(\xe3f\x7f\xf8i\xfed\x1fa\xbd2\x02\x94{\xcc7\xba\x12\xe7q\\\x04\xe9\xb5\xd8|\x8e\x91&gt;h#\x10V"\x9d&amp;C\xd2\x8d\xfaO\xff\xfb#\x97+/\x7f\x9e\xc69\x10\xfc\xc8\x16`e\x8e\x86\x99~9(\xabz\x99\xcf\x9f\x04Z\x1f&lt;x\xe41\x9aV\x9fi\x0c\xb3\xbc;o\xef\xe5\xd2r\xd2k[]uk\xc1cL\xcd\xdb\x00+I\xb8\xc8\xad\xb7\xf5\xf0\xaf\xba\x9f\xcbs\xcf\x93\xc0%\xe3\x0cn}8\xcc\x1c\x9eW\xbd|\xc7\xf0d\xb7\xea\xfd\xd3|&gt;\xd0\xda\xd0\xfch\xd9hz\x96ZQbo\xa7\xdf\xfc\x92N\x88\x84tX\xabu\xf7\x82\xb3\xbe\x06,W2\x91H\xe8\x0fNy\xaeD\x92\xc3\xe3t\xa7\x93\xd3\x1c\x9c#\x9b9\xd8=\xcc\\d\xfe{\x1a\xda\x8d2\xab\xd6\xfb\xa7\'\xf9\xfd\x07M\xbf\xda=\xc6\xb1q\x03E]n\xf1\x13I\x17\x11\xb2\\e{U#\xbd5\x12\xc0\n\xd3x"AP^\xc5J\xa8M?$\xc5\x08\xa8\xf6.\x9c\xcf\xe3\r\xc6\xb7\x0f\x0f\xe3\x9f"\xd2\xd9\x1b\x06kWY4:\xfc\xf2(\x9f\xdf\x0f\x00\xd6\xb2q,\xa6Ii\x16\xbf\xad\x08)\xaaK\x93\x1aw\xdb\xed\xc8\xfeK\xae\x9f\xd8h\xdc\x95p\x91V\x8d\xc1\x9c\xb2X\xbdB\x92\x94\xa3\xc00\x84\xb5\xfdF\x8e)ggw\x99\xa3\xfa\x1ch\xd8\xcf\xef\x82Z-\xcd\x1d \x97{\x01\xee\xe4\xd5\xd5\xd7K\xc1\xa0\xcdl\xce\x9a&lt;\x9e\xbe&gt;\x89@\xbd\xb7\x00j\xc1uH\n-\n\xb3\xcdfVx)\xa5\x14\xba@\xa9tpp\x13\xb0\xfe#\xc7\xc8\xae\xc2.s\xc5!\xd0!\xf07z\x8e\x8f\x02-\x8d\x1d\x1d\x1dv\xad\xbdO\x0b\x97\xb3\xd1=\x99\r\x87cP\xef\xb5}5\xe0\xd2j\xa7\xc2\x14\xe4\x0c]\x87\x1a\x8d\xd9\x9cRX,\x16\xe8&amp;\x86P\xdcb\xc9E\x05\x06\xb1\xa2\xaaN1W\xdc1p\x14hmll\xd4\xa1\xcb\xda\x8e\xc6\x7f\xe0\x9e\xd7\xc6\xa0\x88ik\xf6j\xd5\x02\xd6-\x16\xd4\x0ca\x97att\xc2\x07w\x93\xa1}\xb6M\xa4\x87\x08mg\xbe\xbe\x99\x91\xae\x14\n\x1f\x19;[\x9fk\xa7\xa0\xeb\x137\x1c\x07Z\xb9\x8d,\x9d\xae\xa7\xc7nWAs3\x82$\x1b\xd1\xaa\x9c5{\x12h\xee%S6\nz\x1a\xc0R\x18|\xaf\xa1m.5\xa8\xc0\x05`\xf1\xdd\xcc\xf6\xa7\x99\xc8f\xaa\xf0\x85\xb1\xd2\x05X\x12\xb1\xb8\xbf\ta\x81\x07\x03\xac\xef\x01\xa2\xd9\xedNH_\r`\t$\xa0\x16\x81\xe3\xb7X&gt;\xa0Z\x8b\x95\xb0\xda\xda@-(\xf2ql\xb3m\xb4p\xc4\x18V\xb4\xf6Z-\x16\xb76\x05\x10Vc\xa5\x0ez\x1b\xa7_\x00\xb7\xb3J\xdb\xe3GCA4\xac\x04\x7f=5\xeeE\r\x04I)\xcc\xe3\xb1\xb5\xb5\xc9\xc9\xecxP\xd3\x05X\x91H\x08\xa9\x85\r\x1e\xdc\\\xe5\x99\xc3R_W\x82\x91\xf8\xaeV\xa5N\xe7\x87\xd0\x81\x0f\xeb\xf1\xdf\x1a~\xa0\x82$:{\'\x15R\xe0")\x8b&amp;\x1c\x9b\x04\xacX\x16\x0c\x7f\x89+\xbe{~\xb8\xe9r\xe9\x0f.\x99\xbb\xae\xa3\xfek\x96X\xdc\x11\x08\x04ZZ\xc1G\x97f\xa6\x95(\x9d\x95\\4Pb\tng\x96\xfe\xde1\x83\x08J(A{S\xb6\xf1\xd8$`\xc5\xc2`\x16\xdb\xf4\x91\xcd\xf8\xc7w\xdb\xa7\xf0/\xe9.s\xef\xd6Q.$\xb1\xbf#\xb0_\xc2*\r\x91\x04,\x84U\n\xb1X\xbd\'A\x7f\xfb\xb5\x08\x8bt\xe1\xb4\x05\xb0\xb2H\xae\x89R\x16\xf5\xfa\xc8\xc1\x97w\xdb\x91\x88\x8b\xa0\xbe0\xb6|S6\xfc\x18\x92(\xb67\x1f\x1f?nA0\\P\x89+\x16\x8b\xe1\x13\x0b}\xa8\xadq\xa2Y\x97\x13aI1&lt;\x01j\x99\x01\x0b\xe2\xbb\x85\x1d\x8a\x1c\x9cg\xben\x84\x08Bx\xc4\xdcNPUQ\xcde9\x17\x00+p\xd6\x8a\xd4\x02H1\xf2\xadH/8l\xb5jHi?\x17\x9ay\r\x1a\x1b%\tt\xe6\xb3(\x87\xe3fhQ\xc1X\xeb\xb7\xce\x0f\xbf\x0e\x86h\xc2z\xc2\\kS\xf6y]\xccR\x0bZ\x8f\x8f\xcf\xf6[\xd0\x14\x10I\x05\\\xfdb \xf3\x83\xf5G\x83\xc1\xb3\x16\xc0RH\xe5r~2A\xdf\x9e\xf9\x18\x1a\xce\xa3\xb7\x0cl\xe3\xe6d\xfbb#D\x93\xb3L\xf6\xcd\xc3g\xfd\x02u\x7f\xeb\xc0q\xa0\xd8\xa2C\x02\x89\xb9%(\x08\xa8Yj5\xd4\x0c\xdd\xe3\x87\xf6\x11\x9f\x88\x8f\xe3x"Ix\x01km\xad\xf4\x84g\x15b\x18&amp;\xfdprq\xb1)"\xe8K&amp;\x07\x82UE\xae\x80\xb5\xde2p|\\\x0c\xe8*K\xa7\x1d%\x11~X5\xd7\xb5\x12\x95\xca\xe3\xb1\xf7,\xbb\x1d\x06\xb2\xbb;\x91H&amp;]T\xca6\x11\x8b\x95f6B\xe8\xe7\xe5C\xdb\xef.\xb66I\xa1p\x97\xd1u\xb3"KR\tX\x03\x03\xc5\xfdF\x1d\x17q\x95\x92\xd8/Vu^\xab\x9d\x9dc\n\xca\xb1\xec\xf6\xcd\t\xbb\xef\xdf\xcf\xa5\xd3\x80\xa5\x00\xac\x89qC\xbb\xd5\nT&lt;Yd;\xf3\xf7)F\xce^\x9e3\xda4G\xd7%\xd7\x95\x8f\x07&gt;\xbe\xda/6\x83\\%.\x84U\xf9\xdbT\rK\xd0\x9b-\x14Rn\x9fF\x84\xe7\xfe\xb8\x7f7\x9dL\x10\xb4\xc26\x8e\x8a\x83\x02\xc4\xe2A\x1b\xb8\xf9\xf7\xc5)`\xe9w\x8f\x98\xc5*\xb2\xf6j\xb8\r\x1fw\x1a\x8aM~\x9dN\x87F\x81\xc0\xc5\xad\xbd\xbeV\xb3\xd4\xb5S\xd9\'\x9dn\x83\x97L&gt;\xcf\xdd\xcd\xa5\x13\xa8\xce\x9b\x01\xcb\x0cXh\xa0\xcb\xe3\xbdy\x13\x8f\x9f\x0ebC\xdf\x98u\x8aU\xc531K\xd5\xfcq\xe7\xd5~CO\x87\xaeR\x87\xb0\xc4 \xd6u-\x9a5\xd7t&gt;q\xbb}^"\x99\xce\xe5r\xd0I\xd3\x80\x15\x1e\x0f\x9b\xa1f)\xe5(\x893o7\xe2q\x0c\x1b\xbaax2_&lt;;[\xe7\xfe\xfab\xe7ESsO\x0f\xc8\xa5+\x1d/\xffo\xd0\xfe\xa9%{{\xda`08\xa1\x10\x12\xe9\xbbw\x01\x8b\xa6\xbcP\xe7\xc3\xff`\xc9d\xb2\xbfd\x91\x03\xbd|\xe8\x92a\xac(`\xad\x03\xd6\x9f\x8f\xec=\xf6\x8e\x0e]\xa9vq\x9d\xb5N4\x97\xffmd\xb5Md\xf5Z\xbb\xa8d)\x89`2\xac\ns8\xf8\x0f\xd6_l\xb6l\xe3 \x84\xe9\xbf1\xbb\xc9UVV\\__\x1f\xd8Y\\\xf5,\xdb\xed=\xa5S/\xe6\n$\xaa\x1eU__\xaf\xdb\xd6\xae$H\x82\xb4\x8a\xf0\xe7(\x8bh\x0caU(\x82h\x02^\xfa"\xb2!d\xa1\x904t\xc2\xf0:*\x14\xfa\xf5\xf5\x86\xd7K\x0e\x93\xc9\xe8\xe9\x81S\x8f^W\xd4\xd0\xd2\x83\xbf6(\xbcB\xb4\tAX\xacx:\xf7&lt;\x8d\xf6G\xe4J\x91\xd4\xda\x8e\x9eVx&lt;\x0e\x9b]]]-\xdb\\i\xdbe|\xed-\nI|\xf0\xe7\x92\xc3\xe10yT\xa8\xcf\x82\xbbP5\xf2,\x18\xd4x)\x11e\x15Q\x84\x8b\xb6Y\xf0t)\xba\xbb\xf9&lt;%\x86\t)\xa9\x14\xe3\x03\x15\xfbN5{&amp;t\x99a\xfc\xe1\xee_(\x8b\x0f_,9\x16G\x1d&amp;;|\x19\xe1\xcc\xfb\xdd\xbev\x85\xc5J\xd1\x8a.\xa1"eN\x85\xc7&amp;\xbc4\xe9J&amp;\xa1r\xe18_\x8e\xc9\x95J\xa5\x9c\x83\xa4\xbaS\xcf\x9e98\xff\x11+\x82\xd1\xb3\xfe\x87;\x8b\xbe\xd1\xb9Q\x87\x07q\xb1*M\xa3\xed\xe8M\x87\xa64\xa3\xb6\xd8Z,66\x16\xbe\xf2R4\x89\'\xba\x13\xd3I\x00\xe3\xf3IL\xce\xae\xaf\xab\xab\xa8\x00\xb5\x0eN~\xc8\x9es\xf4\xac\xe9\xf5\xa2/h0,:LF\xbb\x9fe\xf7\xb5S$I\xd2\x94"\x08\r\x8c9uu\xe5-\xd04\x8d&amp;\xa7p/\x821\xe3O\xbbx|Nu\xc5\xbd\xf2\xba\xbaj\x8e,\xfeC\xb0\xca\xca\x86\xf37ss\x86\xf6\xf6\xd9\x95%\x87\xd1\xae3uQ$A\xd3^\xcbU\xa1p\x05Q(\x94~\x17hH\xa3\x0bWZ\xa5\x84k\x1a\xc7\xbb+\xeeU\xdc\xfb\xa9\xae\xbe\x1e\xfbAj\x95U=\xbd\x99[jo\x1b\x1aj\x9b\x1d]5\xd9wDJ\x10\x87\xa6\x00&amp;;\xbf\xd0\xb90\x9f\xcd\xce\xcfO\x86\xaf\n\x14Ey\x85\x96\xa0\x01\xdc\x06\x87}\xa7\xae\xfc^\xf9\xbf\x7f\xf9\xa9z\xf02\xffc\xb6)\xcb\x00kQ\x0fW\x88\xa8\xcd0\xe73:\xacJ\xca\x9b\x9aDK5\x0bS\x9d}}\x0b\xf3\xf3`\xb3\xc3\xa9+\x85\xc5+\xf4Z4\x06+\x89OOW\xd4\xfd\x9f\x97\xf3\x8di"O\xe3\xb85q\x1a\xd3\x99\xa33\xc3\xa6\xbd\x99NH\x99\x91\xa5\x8d\x1dJ\x81+B\r\xf2\xa7\x05\x81Z(\xdc\x1d\xe9\t\xd7\x16\xc1\xe3D\xc4\xac\xd7\xc8\x9fzx+( \x9c\x95\xdb,\\\xf8\x13\x14\x89\xda\x8a(\xb7\'\xec\xfa\'a\x13_\xa0\xb8\x86\x98\x98x\x92xk4k\xce\xe4^\xf8f\xef\xc5%\xf7&lt;S\x93{\xbd\xb7\xce=e\x80\x867\x9f|\x9f\xe7\xf7\xcc\xf3L\x9f\x07\xd1a4\x92\x14=\xf5\xf6\xd5\x16UL{\xff\xedF\xcck\xb2y\xbdnO\xb4\xef\x97\xe7\x9d\x07\xfft\xf1L\xfaN\xe8\xf4\xaf$?t=y\xf2\xb3\x85!|\xf6\xd0\xdb\xdb\xd8\xe8,k\xb4\x0b\x82Od\x8c:\x86c$y\xfa\xadJ3\x8b\x86s\x8f6b\x16{\x10\x9f)\xb8\x9d\xfd\xe7=\x99\x07;\xd3\xb0s\xfd\xfd\x91\xdduM\x9dC\xcd\r\x17/^lh\xf6C\xed\xd7\xdb\xd8\x1b\x08\xf4\x16\n\x02\x97]\xe20\x1b\xb3$Y\x9e^Rk\x84\xd8\xf0\xc5\xcd\xd1\x90\t-\xe4n\xf4\x9f\xf0\xf4\xf66\xa5\xedL\xdf\xb9\xf3H\xcd\xde\x03\xad\xede\xce\xb2\x80\xd3\xdf\xd2\xe2w\x02Qoo\xc0\x190\t4E*s\x97l\xf7\x9d\xcf\x1f\xa86\xd3\x7f\xfb\xe5t\xc8\xc4\xb3\x82`\xf2z&lt;\xfe2g\xc3\'i\xe9W\xd2\xd3w\xff\xa2\xa2\xa9\xbf\x19h\x9c\r\r\xed\xa7\x9c\x01\'$\xd9\x80\xb3\xac\xbaP\xa0E\xa3\xc3\x91M|,\xc9w\x1e\xdfV\tJ\xab\xed\x98\x99\x0e\xday\x81\xe6x\x9b\xdbS]\x1d8Tq\x05\x0c\xc72\x8e\x8d\x0f\x81\x07\xff\xd6\xd0p\x08R\x188\x13\x10\xab-\xf6\\\x89q\x10\xc6l\x82\x13\xf8[k\x1dj\x89\xb5\xe5\xdc\x85i//\xc82\xe3\xe3mQ\x9b\xab\xba\xa1\xa9\x16\xa8\xd2\xd2\xd3\xea\xce\x9c\x1c?\x04\xb1\xd50\xb40\xde\xb9\x90\x8c\xfbL\x97@GD\x9d\xee\xd7\x0e\x1d\'w\x7f\xbdt_5,\xc3\xc4Z\xd4\xc4\xb2\x12\xc3\xd0\xbc\xcd\xbe+3\xd0\x0cr\xe1\xd0H-N\xb0,,t.t\x9eTf\xca\xf0\x89\xc8\xc1B!B\xfb\x8cD\x96^\'\xd2\xdd3\xf7\xd4[\x17\xd1\x86\x97b^Y\x82[/C\xdb\x85BWoCgEm\x9a2\xc0\xf5w\x1c\xbfkjJNR.\x0cao\x81\xc5\x03\'\x12F\x1dA\xd1\xc155G\xf9!\xd1{xVb9\nj\x17{\xa1+\xd0\xdeT\x97\x96v\x05^\xb5\xcaT\xe0\'\x90\xe7A\xb2\x85\xe6@&amp;\xe4\xf8\xdc\x08M\x19\t\x1dad\xd8\xa9\x0bj\xee#\x19\xc2\x8f6\x82\xacDK\x14\x13\xb1\xdb\xf1\x01[{kEm]\xed\x15\xc5\x8dg**N\x8e\x8f/,\xb4\'\xa9"&gt;\x8a\xa3\x08=A\x88%\xf4\xd4\x035\xb1\xb4\xe1/n\x86xt\xa2\x18\x81N+w\xd7\xc1@\xf3\xf8\xb1\xd6\xa6\xba\xda\x03P\xa7\xb6\x1ek\xedo\x1e\x82\xb8\xb2\x14\xday\x96\xa5F|\x14\x9bM\x10\x0eF\xa4G;\xd4]\xc7\x98x&lt;\xc5J\x12\'\x1a}&lt;/(\x0fJ\x03e-\x9f\x9d\x19o=\xd6\x7f\xe2D[\xcb\xa9\xb2\x00\xb6\x15\x02+\x80V\x7f\xa1(\xfac\x9d\x8e`\x18\xe1\xa6\xbaXZ\xc3\x83i\xc8[\x94\x91\xe4\x80\x8e\xa5\x85]\xbb\\\xbde-\xed-\xed\'Z\xca\xfc-\xfe\xc6F\xa8\x94\xf9\xa3t$\x02\xc7\x954\x8a\\\x96\x19\xe4\xca\xee\x9e\x99P\x19\xab\xe3r\x90\x05\x1f2\x14\xcdEh\x89?\x9a[\xe8\xaa&gt;\x05U\x18\xd4a\x96\xa8\xc5\x05\x85aa\xae\xcf\xc7P\x14\x94\x7f\x0c\xfcp\x18u\x8e,~F\xdd\xdd\x15H]\x97B&lt;\xcd\x00\x97\xc4A\x95\x0e\xfd\x83`\xb7x\xdc\x99\x16K\xc8\x05m\x85+\xf7\xa8\xc0\xfa\x18\xfc;C\x8a\x9c\xf4\xdbl\xd2\xe8(\x91\x82k\xe7\xd4\xc5\xd2\x1an\xc7F\x834E\x89\x14\xf8\x90\xa2\xd8\x08k2\xb9x\x13\xb4\xa9B.\x1c\x02\xdf\x9fi\x1f\xd4XP(\x03\x19\x97%\x97\x90\xd8\xf5L_P\x19\x0bR\xd7\x867\xc8\xb3\x94(B\xfbG\xf9hNb!\xbeY;\x1b\xf1E\xe8\x88\xcf\x17a(\x91!\xc0\x8c#T\tCs\x0e\x91\x93\x83\xd3\x97\xd4\xc6\xd2\xde\x7f\x14\xe5M\xb2O\x92h\xb8\x0bq\x90\xc2$_\x84\x8b@+A\xf9@C\x89\x19\x812Y\x8f\x0b\x05\xc6\x12#\xc3IR\x16+w\xab\x8f\xb5\xe5\xdc\x8d\xb9\x01\xb7]\xa6\xa1\x85\x97(\n\x9a@\x1f\\\x0c\xc5\x10\xe06q\x842\x8e\x90$a\xd6\xe1\xc6\x0f\xd4\x0e\xc0N\xb3\x7f@,\x95\xa9\xb4\xe1\x1b\xf5?\x1f\x1c\xed\x96\x83po\x84\xa3&amp;B*\x07\x95\x80\x85\xc0f\x02`\x8cz=\xee`\x18\xe1=\xc3\xca2\xc7\xfd?\xb0\xb6\x84o\xe4\x17\xcc\r\xd8\x83!(%|\xe87&amp;\x8b\xa1H\xbd\x0e\xbe\x08s\x17.8\xe8I\\\x0c\x81\xb4ER\xac\xccws\xb4&lt;}\xe9\x95\xdaN\x0c\x7fk-\x9d\x1c\x8eyC\x82,\xf9\xa8\x11#\t^\x03,3\xee\xcf\x10\xf8r\x10D\x97Y\xaf3\x1a!\xb9\x01\x97,A\x7f\xb1\xd6\xa16\x96\xe1[kQ\xc1X[\xcb\x80\x89fYHP\x10E:\\P\xd4w\xe9I\xd2\xac\'\xc1\x89]]\xb8\xafBfA\xcb\x83\xd1\'\xc9\xa3k_\xa9\xbc\x9d\xab5\xbc\xca(*-\x18\x1b\xde\x80\xfa\xb9[\xf2q\x84\x8e\xd4\xe16\'`\x11\xca\x9a\nDV\x97\x19B\x8c\xc4T\x0f\xd1\x07N\x1c}\xb9\xb4\xaart\x19^}ZT^Z\xd03\x1b\x8d\x06y\x9e\x96@)\x90\x89 \x11\x0b\xaa\x18\xdc\x01$\xcc\xe4\x08#\x81N\x90U)H\xbb\xf2\xe8\xcc\xda\xe5ka\x95\xd5\xfa4\xa7\xbc\xb4\xb4\xbe\xa0gx\xc0\x1d\xe49j\x04\xf4\x12\xf5\xb8\x07b\x86\xb8GH\x0c,\n\x1c\x0cq\x07\xd9L\xc2\'\x94k\xdf\\^\r\xab\xab\x16\xce\x96\x15\x01XO\xcf\xb0\x1b\x8aB\x9f(Br\xc0\xac\x00\xf1\xa4\xc7Ua\xb3^\x04.\x11\xdeB\xd4s\x80\x15\xfc\xfc\xf2\xado\xfe\xd1\xa1:VNNQ)F\xd8`\xd4f\x12 I\x8c\x88p\x1e\xcd\x04\xc9\x10\xb8\xfeg&amp;8\x8a\xc4\xa0Ob\xb1rpt\xba\xfb\xd6\xe5\xd7a5\xd3i\x07\xaa\x95\x93\x93\x93\x97\x9f\xbf\xbfgv8\x16bi\x10\x8c\x84\x1ca\x06,\x9d\x0e\xdd(2$R\xa1\x0f\x15\xac\xa9)\xf9\xce\x8b\x84\x8aE\x97\xe1&gt;bU\x01U^q~~\xfd\xe4\xe4\\\xcc&amp;\xf0\x02#\x8e\x80\x1bu\x18\xfb\x8a\xc1A$G\xc4\xa4\x0f\x05\xb9;\x18\xa4\xef\xbc\x98_U\xad\xa0\xd7\x86\'\xbeR\x9c\x08XyVk~}\xc1X\xcfpl`\xd4fbqI\x91\x84\xdb\xa2\x88\xe5\x16\x1af\x07(+X\x16n\xd6\xbc\x04X\xd7R\xd4\x13\xeb\xde_3\x00\xab*\'\xaf\xb8\xb88\xc3\n\xa9u\x12\xc066b\xee\x90\x90\x0bw#4\n\r\xb2\x16\x949\x11I\x99+\x93\x05\xe9\xcb\xf9\xf9\xf5\t\x95\xf6\x98\xb5\xe1\xca\xd5\xb1\xd2rpbU\x0ebedX\x8b\xea\x0b&amp;{\xe6fg\x07c^\x08\x7fZ1)\x02&amp;\xe1\xb2\'\xae{\xb2\x82\x00\x9d\xec\x8b\xf9x\xe2\x99JAoH\x99\xb86\x0bX\xe5U\xe5?\xc9+\xde\xb3\x07\xb0\xf2\xf7\x03\xd7\xd8\x18\x90m\x0cxM\x82\x00\x1d\x91\x80\x02)\xc6*\x86\xbft\xcf\'\xe2\x89\xd7\x1d\xeaD\x97A3\xb1\x14\xfb\r`\xe5T\x81\\{\xf6\xec\xf9\x15\xf8q\xff~\x88|\x04\xeb\x8b\xda\xec\xbc\xddd2\xe1\xd0\x16~`\'\xbc7\xf8\xed\xcb\x04`][\xd5\xa8\xe1FCXsx)\xba\xb7\x06\xe5\x82\xe8B\xb5&gt;\xcd\xc8\xc8\x07\xaez%\xc4&lt;\x99\xa6 \xceE\x05m\xb6\x90\r\xe9\x146\xfc\xc6?^\\\x8c\'\xd6\xd7\x9fi\xb4[\xb4\x1f\xde\x87\x9a\xc3\xd7,\x07jj\x94\xe0\x02/f\xa0\x81\x1f\xf7\xa3\'{f\xfd\x16\xafw\x14\xcc\xedu\xbb\xbd8\xc0o\xb2\'\xe7\xdd\xecS\xeb\xcb\x80\xb5\x98X\x7f}\xefp\xca\x87\x1e\xa8\x0c\xa7h*_{\x8f!\x16\x80A\xe6R\xd4\xb2Z\x93\x01\xd6\xd3\xd6\x17\x8d\x0e\x80E\xf1\x85\xd3\x81.\xe5\x91\xa6\xc9\x154\xcd,#\x96b\x8b\xf1\xe5J\xc3\x87$\x03\xb14\xa9\xcfF\xfb\x15\xb5\x92\xa9\x0b\xa02\xac\x98\xef\xeb\xeb\'\xc7\xe6\x06\xfb\xfab}1\xb4&gt;\x0fpe\x02\x18\x0e\xe1\x85l\xa3\xafW\x967\xe7\xc1\x12\xf1x\xe2\xdd\xd3w\x0f+?\xd8\xff\xba1 \x95Fs\xf5\xebS\xbbk\xaa0\xa1"\x985#\xa3XQ\x0b\xc2~\xac\xa7mxxpppc\x03\xbe\xc5&lt;n\xb7\x05\x1ci\x0beZ\xbc\xa1\xc7gW\x96\xe3\x88\x15\x8f\xcf\'\xde\x9d&gt;\xfd\xf4\xdd\xe6\xf1\x94\x1f\x7f*\xf1\x7f\xb1T\xa6\xa6h\x00\xacr\xbd\xba\xeeH\x15\xc6\x16b\x15\x83X\xd6&lt;+\xcaU06v~\xaemv\x18\x0c\xb2X\xdf\xfb\x812\x8b\x05\xf0\x06V\x8f\xaf,"V&lt;\x01\xd7\xf7[\xb7\xee\xb8~\xfd\xeew+?\xd6\x97ZC\xca\xf1\x7fn\xa6jR\xc04\xf7\x06\xfak\xde\x8b\x05j\x15c\xc8[\xff\x9b\xbd\xe6\x80lv\xaem\xb8\xcf\xef\x89Fqv\x0b\xc2-z\xe1\xf8\xd9\xe5M\x10\n\x82&gt;&gt;\xfff;\xd8\x8e\xd3\xa7\xaf\xbf\x97L\xfb?+\x95z\xf6\xbb\xbbO6S\xd0\x89\x10\xf4\x17&lt;{\xab\xf2\x14(\xe5\x86\x8dN\xb4&amp;\xcf"\xf8\xb1\x07\xc8\xe0k\xb6\x05?\xb4\xf2x&lt;1\xb8^\xde\x03\xb1\x00+\xbe\xb9\xb8\x9c\xf8\xf7\xf7?\xdd\xbam\xdb\xf6\x1d[w\x9c\x06\xc9\x9e?\xbc\n\x07\xf3\x87\xe7\x0c\xf0^\xea\xc3\xe7w\x7f\xb7\xef\xc9Y\x94\n\x04K\x05\xb9\xca\xf3\x8a\x937\xebb\xc4\xca\xcfW\x82\xab`\xb2@I\xabh\x80\xe5\xf7\xf8\xfd\xb1&gt;\xb4\xd5\xc3\xc7\x97\x11+\xb1\xb8\xb2\xb2\xf8\xafm\xdb\xb7n\x87\x0b&lt;\xb9\x03\xc8\x9e\xde}\x9e&lt;\x98\xda\x1f$T\xca\xd5\x87o\x9e&lt;\xd9\xb7\xefgo*S\x92\x06r\xf9\xff\x98\xf3Q\xdeG\xa8\x14\\\xd6\xbc\xa2\xa2|\xe5,\x16(\x82\x81\xfd\xa7Q\xf3\x0bM,=\xc3\xf88G\xe1\xe8Mn\x84\xe2\xcd\xb93\x17\xde\x0e9\x887&amp;\x95\xee\xc2\xa1xQ"\xb9p\xa0\xb00\x90\\\x9c\\HE!tn\xa6 K\x0f\x08)\x9c2\xec\xd0\xd2\xa5\xbd\xb1\x14\xb3\x0b\x13")\x8e\x96\x13\x8c\xac\xf4\xc6\x10uH\xb4P\xa9f[5\xff3\x93\xc9\xcc\xf4y\xdf\xef3i\xa7\xdb\xdd\xfd\xa2\x9e\xfc\x03\x7fy\x9e\xe7}\xbe\xef@\xd6\xd6W\x1e\xfd\x82\x89\x10\xfeO\xff`\x16\xac\xad\r\x94\xd6\xc6\x96e5^\x05\x08\xcb\xe3\xf5z\x88\x0c^\xea\xe5\xfe\xd02&gt;\xf9\xde\x03@P\xd6\xb0\xbf\x97N\xc7u]\xdb\x98\x11\xd1\xe2t\xad|LH\xd8\xab\xe7hE?\x8e\x8a\xa6_\x8c `\xcf\x9e%\x12\xeb+\x8f\x1f?\x02\x11\xa5\xff\xf7/\xccl\xa9\xb1\x81\xb5ee\xb3\xa5)\x16\x91yI1\xc4_/\x1f\x1dZ\xae\xef\'\x19fo\xeb\xa0\x1cO\xa7u\r\xab\xf5\xd253\x95\xcb\xff\xf9G\t\xda\xa8\x81\xb5@\x82E\xa3\xd1\xc5\x18\xa8\x18\xebY&amp;\x93\xcf,\xad\xaf\xf0D\xae`\x02\xbe6 Vcck\x0bT\x85\x82\xf5:\x00\x99\x08+\xe0%/}\xf7}$Y\x1cf6\xb2\xae\xef\x18\x00*\x04\xb3q\x14\x8f\xc7\xd3\xf1\xa2\xdb]\xd4\xb43\xe3\x16k\xc6\xff\xf27\x8f#\xb4Q\xd3\xa68?\xbb\x10\xa6\x1b\x0e E\xf8\x05\x97|\x02\\++\xbf[Y_[\xfb\xd5*\xc4\x02\xd3V\tT\xa6Y8\x03\x96w\x8aEFz}A_P)\x16\xe3{D6\xf3-\x9aQ!\x0c\xfb-\x1d\x91\xd24\xb7\xeavk\xda!\x8f\xa1\x94\xcb\xfc\xedG\x89\xe8l2\xc9d\xf3\x0bs\xb8\xdb`\xa8\x18\x89\x16\x8bFc\xf9\xa5ut\x18Sm\x1a\xa6U\xa2EZ\x01\xeb0\xe0\xa1\x05,i$\xa5\x9f\x15\xd3\xf4x\xb9\x7f\xd00?\xf9\xc17\x0b\xc5\x85\x00\xa5\xe2\xba[\x05\x13=\xe1\xa1\xeb\x96\xcb\xe5\xff\xd3\x8f~\x19Y\x00V\x12\x8b\xb1\xf2y\xa2\xc2\xdd\x10\xd2\x1fZ\x88F\x12Kk`ZJ$\x9e\xad\xfa\xcd\xacU\xb2\xac\x97\xa4\x95i\x98%\'\x80\xc5X\x1eN&gt;\xb8\xe0\xa5\x0fd\x8a\x02!\xf6\xce\x0e\xad\xffS\x08G\xe58~A#"Z\xb8\x1e1\x94x\xc1\xe5\xc5\xaf\x7f\x92\x88.0U29\xbb\xf0 \x96\xcf\x80+\x16\x0bc3\x82\xb3\xd1|&amp;\x01\xa4D&amp;\x93\xd9\xf4\x1bf6k!\xecDe\x1a\x86\xf5j\x7f\x9f\xb8X-6\x12XB\xb1 y\xa9\xef\xed\x95\xbfa7\xceN\xfa{\x04\xa53\x91\x82\xa5\xba\xd5V\x89\xa5b2\xba\x18\xff\xfc\xf1JdnVr\xcd\xcf-g\x12\x19\xb8\x08*\xfaz!\x9a\xcf\x83(\x93\xc7e\xdb\xe57\x0b\x85,\x16[Xz\x0b*\xe6\x92\x8a\xdda\xdd\x17h\x88\x7f\xfc\x7f\xfe\xa9\xc0: \xf7\xf4\xa9R\x8a\xc0\xd2\xffh\x18~\x97\\l\xe3?~\xfei&amp;\x86\xf3C2\xb9\x03\xac\xd0rb\x89\xb1\x00\xba\xf3Yr.\xb6\x1c\x01R\x04\x1f\x8bO\xd1\xa4\x93\xe1\xdb\xe1\xe1dcr\xf8\xf6\xf5\xf1\x9b7o\x8e%\x18\x04#,\xaf\xcc\x97\xe0B\x97)\xb9\x0f\xce\x9e\x16\xd5\xb9\xb0\x0fX\x00Rr\n&lt;T\xfbY`\xf9]~\x18b\x16\xc8\x11\xb3\xf0\xe5\xa3D,&lt;\xc7\x82\xed$gc\xf0,\x13y\x18J\xee\xec\xec|6\xff \xb6\xbc\x1c\x89\xf1znmlL\xce&lt;\xc7b\x81\xe9\x87?\xad9\xc7\x12K(&amp;:LR\xf9\xa80\x82\xff%\x951\x81R:\x9a\x13\x93\xa7\xba\x85R\xa0"\xb5\xfaGoqR\xfa\xfc_\x7f{\xfd\xba\xf5\xaaX&lt;+\xf8\xff\xf2\xf7\xb5\xc5\xf0\x9ct\raZ\xfaYB`%\t\x0bw!\x98\xc7\xd8\xc3\xcdU\xfc\x15\x07\xb9\xfb\xc4\xb0\xbf\x7f|\xec\x8cNN*\']\x07T\xfb\xcc\xe5\xf1\x06\xe4D\n2\x1fe?\xf8\x9f\xa7)\xeb\x08\xc5IP\x1a+\xa5\xe4r\x02KE=\xa8\xa7\xd7\xcd\xdc\xe0\xdd\xbb\xeb qj\xf1\xa1\xe1\x7f\xfa\xfc\xaf\x8b\xd8s\xc2\xb3\\]\xb1\xc4\xfaR&gt;\x1ab\x0fg1\x8fQ\x1c*\xc2O\xb6ML\xe1Q.H\xed\x04\x86}{\\\xa9T\x00\xd6u\xec\xa9\x89\x1e\xa9\x96l}\xb1\x1b*\xdb\xcc\x00\x00\x03\xbfIDAT\xee\xa4\x9ai`\xfatT\x02\x94*\n\xa9r\x9c+\x8dPO;MU\xbd&lt;?\xbfV\x80\xecV\xf4V\x03\xa7\x9c\xa7\xcfqn\xa0\xd9\xc3\x8a./-eb!x:?\x8f\xbe\x88&gt;\x08\x85\x9el\x1b\x14vP\x915\x88\xb5\'\xd0\xaeW\xea\x03\xdbi\xd7\xc6\xa3\x9a-L\xbc\xc3\xf2\xb2b\x8cv[\x9f\xe6p\x8f\xbb\x93\xcb\x93\xa3\xae\n(\x98\x9a\xd2\x9b\x17\x1d|\xf7\xf2\xfc\xea\x9a\x7f\xaa*\xa9\xbd\x06\x15\x05\x81\x81\xeb\t\x8e\\\x94\xaeH\x98\xaa\x7f!\xfc\x10M\xf1d\xfb)\x82hZ}\xda\xf5\xd0\xe3\xc4\x15\xa8\xd5\xeb\xf56\xa1\x0c*\x95Q-p\x17{\xa9\xd64\xfe\xd3{\xe5\xd2\xd1^\x9a\x94*\x8a\xf9\x9b\x16\x83\xa6\xa7R)\x1dT\xe7\x1d\xcd\xad\x00\xeb\x12X\x8a\n\xf6t\x19z\x11\xd8\x9f\xbf~\x88\x03*\xee\xca\xf2\x89\xccr\x94v\xca\x10\xb6\xc8M@\x19\xc0j\x94s\x94\x15\x1f9\x83w\xb5\x07\x95zu\xe0\xf18d\xe6\xa8\xdb\xb6\tQt\x97\xe7V-\x89\x85R\x9f\x94QUb\xfc\xa6\xad\xc0\xbd\x00\xa6\x94\xae]^t\x80\xa5*\x97\x9d\xcbS\x9eP\x15\xa2\xa6Z\x13nW\x06#2\x94\x02F\x139\x0b\x857\xb7\r\xbfA\x8fa+H\x0e\xd2x1\x97\xd7\xae\x8d*\xed\x80=\x82\x99\x95J\x15~\xda\x08\x99\xc0bC)\x83x\xb2T\xd9\x03H\xf5!\x94BR\xa5\xc1uz}\xd1\xbc&lt;\xef\x80\x86b\xa5\xf28 pZ\xaa54E\xeb\xb3b\xe10\x07\x1dwh_\xac\xa2L\xe8\x91=(\xe6\x04\x15\xb0n\x05s\xbcv\xb7^\x87\x87N\xbb{\x82\x01\xe8\xd6l`\xd9\xb5\xc1\xa0\xed\xd8^a$I\xd5\xa0Vg\xad\xee\xa8TU\x83}\xe9t\na\xef\x9c\xba\x9b\xef\xae\xa1\x11W\x98\xe837\xe9\x15?(\xc8\x865^|\x85\x8ca7\x0c\xcd\x12\x14\x98\xf0,Q\xac`\xa1O\x92\x91Z\xbc\x0bz\xdb\'\xd5\xaeM\x9a\xd5\xeb\'\x95]|n;\xdd\xde\xeen\xaf\xda\xf6:\x8cv\x8f\xa5\x92]%\xab\x8a\xe0H)H\x95J5/.N5`]*rw\xc4\xa2_\xa1k*}\x96\xc5\x8d\xa3\x04\xa3\xf4o\x02\x8a\x98\xa8w\'\xad\x1c;8\xc5\xf2\xdd\xa7-\x99\r\xb3\xed\x9a\xed\t\xd4*\xc0\x1a\x8d{\xbb\xd5\xda\xb8\xda\xdb\xed\x8d\x06\x03{P\xad\x8e\x1c`M\xfai\x1e@\xcd\xad\xca\xf9\xa37\xd7I)v\xf0\xe2\xea"\x05\xac\xce\xa9"\xf7lQ\xff\n\xab\xa6\xa7\xfa%T\xbf\x00\xf3\xbf\xf8\xea\xf9*\xbbG\xabpPT\x82\x02+\xc8\x1e\xfa\xb8\xbcH1/W\xa8\x87\xc6\xb22\xaaT\xeb\xd5n\xad\xba\x0b\xad\xc65\xc7\xee\xf6z\xd5\x1a\xb0H*\x82r\xcb\xf1Sy\xfc\x88\t\x8ff\x93\xb0H\xad&amp;1}\x88ENc \t\xcbO\xa2\x99\xfe\xdbe\xf5\x8b\nr\xc5&amp;\x06E\xb6X/\xd9\x03\xbc\xf3P\xc4N\x06m\xc0\x10V\xb5:\x1eWOFc\x8c\'&amp;Qt\x95tf\n%\xb0\x9a\x9d\xf7\xef;\x9d\xab\x9bS\xd6R\x91Lr\xb3\x14\xc70UM\xc5\x87\xa6\xd4\x8b\xf1\x84Z[e\xec\x119\x11-Q\x0f\xc2K!\x968k\x05\x02v{\x0c\xadj^\xa7\x02\xaa\x9a\xe3\x0c\x90\xafj\xbb\x06\xce{\xa0*r\x85\x8a\xb7\xd2\x84}\xa4T\xe7\xfd\xcd\xfb\xab\x9b\xce\xd5y\xd3\xcd\x16\xbby\x10e\x9d\x12\x12\x1dxTU\x8f\x1fe\x85X.\x03XD\xe5j\xb4\xd4\xdc\x14\xcb\x17\xbc\r\x17\xe7^\x92y\x98\xcc\xae\xb5\xdb\xb6=\x86\x83m\xe8\xd9\x85\x95]\xc4\xaczrO\xd3d\xb3\xbb\xe9d|+U\xb3s\xd3i6o\x80uNX\x92J\xc6KU\x159\x00\xfc\xa2\xf7KR.\x97H\xfb\xa4\x05f\xec\xa8\xb7jMM\x94%\xc1\xb9\xe7\xc3)\x8a\xccq\xba\xf5^o\x80\x9f\xb5!\xd6\x98^\xaa\xbd\x7f\x03\xf2.\xbd\xe3a\xc0\x18Z\x00\x00\x00\x00IEND\xaeB`\x82'</t>
        </is>
      </c>
      <c r="M115" s="3" t="n">
        <v>45492.67805555555</v>
      </c>
    </row>
    <row r="116">
      <c r="A116" t="n">
        <v>329597</v>
      </c>
      <c r="B116" t="n">
        <v>1954</v>
      </c>
      <c r="C116" t="inlineStr">
        <is>
          <t>Helibelton Palacios</t>
        </is>
      </c>
      <c r="D116" t="inlineStr">
        <is>
          <t>Helibelton Palacios</t>
        </is>
      </c>
      <c r="E116" t="inlineStr">
        <is>
          <t>LD</t>
        </is>
      </c>
      <c r="F116" t="inlineStr">
        <is>
          <t>LAT</t>
        </is>
      </c>
      <c r="G116" t="inlineStr">
        <is>
          <t>LD/ZAG</t>
        </is>
      </c>
      <c r="H116" t="n">
        <v>181</v>
      </c>
      <c r="I116" t="n">
        <v>28</v>
      </c>
      <c r="J116" s="2" t="n">
        <v>34128</v>
      </c>
      <c r="K116" t="inlineStr">
        <is>
          <t>Right</t>
        </is>
      </c>
      <c r="L11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0df9401-6135-4a5b-b131-af0fc820e4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b1\xbd\xd1\x00\x00\x00&gt;tEXtComment\x00xr:d:DAEewil2SDw:3796,j:1497870925631122622,t:24040619\x85uW\x81\x00\x00\x00\tpHYs\x00\x00\x0e\xc4\x00\x00\x0e\xc4\x01\x95+\x0e\x1b\x00\x00\x03\x00PLTE\xff\xff\xff\x00C\xdf\x01&gt;\xd7\x00I\xec\x00F\xe4\xfe\xfe\xfe=!#\x00\x01\x02\xfe\xff\xff\x00\x02\x05h73z@;\x00B\xdb\x00K\xe7s?&lt;X-+q&lt;7\x00C\xe2k:6Q \x19X\x1f\x12\x00G\xe8\x00G\xe1\x00@\xe0S)\'e2-?%\'\x00&lt;\xd1E##y=5\x00Q\xf3P\x1a\x11yDA\x002\xc4_1-\x85E@\x00+\xb6\x8bGBn?=\x00O\xea\x00D\xe7\x00L\xedhABL# 7\x12\x0eS/.\x92MEH\x1b\x16\x00&gt;\xdb\x00U\xf5c52&gt;\x18\x14\x84JGI,.G\'&amp;Q35`.(o70a98g=;\x86OM\x02\x05\tY21\x004\xc9=\x11\n$\x11\x115\x17\x16~D@C\x1e\x1eZ;&lt;\x17\x13\x168\x1d\x1e\x00X\xf6\x00-\xbdM)\'`"\x16\x008\xccI14\x7fHD\x95SNX68N03xIHB)-8%)a&gt;@\r\x06\x07\x018\xc7\x13\x08\ta\x19\t9/8\x9e_[\x81A&lt;rCC\xfb\xfc\xfd5!$7+0k3*&lt;.2\xdd\xeb\xf5!\x17\x1bW%\x1e\x8bLG\x06\t\x10-\x0f\x0cW\x18\n\x01K\xe3\x8dPL&gt;;E\x1b\x0b\x0b\x007\xd1\x00d\xfd\xf7\xfa\xfbE\x13\x0bZ*$\x8bUT^53w8.f,"\x81@6{NN\x00n\xfd\x8f^\\\x00y\xfe.\x1d!N\x13\x07\x00]\xfa_(\x1eO8&lt;ADK;\'.h&amp;\x18-\x18\x18=4;B-4\x07\x04\x05\x00%\xae\x10\x0e\x12\xb4\xd1\xec\x014\xbe\x95YV\xf2\xf6\xf8\x00N\xf1H=C\xe2\xef\xf8\x9cQI\xa2YN\xd5\xe7\xf4\xea\xf3\xf9\xeb\xf1\xf1u2(\x00]\xf0\xcd\xe0\xf0\x01 \xa6-#+tUV\x00S\xef\x9f\xc5\xf0\x81UU\xc1\xdb\xf1\x01e\xf5p0$mFHmOP\x8aC9 _\xe3VAC\x9dUU\x93ed\xe3\xe9\xea\xa1gg}904s\xe3{%\x16\xd7\xe5\xee\x14&amp;,x^`\x08\x12\x1eJJSn\x1f\x0fX\x89\xdb\x03Y\xe7I59\x93\xb8\xe5\xd4\xde\xe0\xbb\xc4\xc5\x00\x1d\x9e0&amp;6eHK$\x1d#Kt\xc8_rv\x8b\x97\x99\xc4\xcf\xd2\x81\xb2\xe8\tF\xd3\xcc\xd7\xd9H\x83\xd8\xa4\xb2\xb6\xaf]]\x13P\xdd\xbeoqk\x9c\xdd_STYeg\xc6S_j\x8d\xcb\xe2\xe5\xe0\x96\xac\xb2"V\xd1b~\x88\x95\xa3\xa6~ro\n\x0e=\x15&lt;\xba\x88\xa9\xd3\x8e/$3NW\xa9GQ\x02 \x90\xb4\xc7\xce\xb7\xb9\xb8\x8f\x8a\x89\xbdTO\x10"w\x1d3Ay\xa6\xe01^\xbf\xa4\xc6\xe1\xab\x9c\x95W\x94\xecs\xa8\xee\xa3E7v\x82\x86\x0b\x19ZE\\bw\x94\x9d\xabZL-f\xd5-78\xbc\x83\x88%?I\n0\xa8\xb9\xae\xaa\x93&gt;A\xd6\xd2\xcc\xc4\x9e\x9d%7\x95\xcb\xc5\xbd\x9apq:\x84\xef\x06s\xf7\x14E\xc6\xa5\xba\xcc\xdd\xdd\xd4@7\x7f\xf3\xfa\xa3\x88\x00\x00 \x00IDATx\xda\xc4\x98]Hb\xed\x16\xc7\xe7\xe6)M0\xc9.R\x14%\xc9\x0b\xfb\x10\xf2\xa3\xfc\x8a\xd4R(r\x1a\xb3h\xac\xfc\xa2\xb2\xc8\xc02S\xc4\x97^\x1b{EH^&amp;N]$\x04e\xcc\xdb\x07\xcc\x9e\xbaxq\x98\x89\n\xa2\xb98\xc1\x11\xbb\n\xe2@\x97CAt9\x17\x03g=[k:\xe7\xf6\xa8-7\x8f\xdb\xad\xd4\x8f\xff\x7f\xad\xf5\xac\xbd_\xbd\xfa?\x83\x82^!D\xf9\xc7\xf5]&amp;\x93\xf9\xe8M_\xef\xda^\xbdt \x8c\xb4\xeaE\xb6\xc4\xdd\xc3\xcd-\x1c\x99\xbb\xec\xdd.\xb2\xa1\x97\xa5\xb2\xd9\x90\xf7,\x9b\xbd\xce\x1c\xdf\xb8\x0fn\x08\xe2\xe0\xe1\xea!{\n\x9c\x14\xca\x0bRy\xcf\xce\x12\xe9c\x82\xb8"\xdc\x1a\x08X\xdc\xee\x83\x87\xe3\xbb\x9f\xe9\x04zA\xad\xd2w\xd9\x9f\x99\x07\xf7\xc1\x01\x00Q\xe1E\x1e\xf0\x91\xb8\xca\xec\xbe\x18\x97-\x91\xb9\xbd\xb9\xb9"4Tj\x8e\x08\x9f\x90\xe7\x1a7\xf1}\x15\xea\xe0e\xd4Z\xbd\xbb9\x00\xe7\xa8\xe5$\r^\xcb\xcb\xcb\xf3\x8c7\xe7\xbb^\xf42Uxv{\xa0\xc1($\x0e&amp;*\xcf\x01b0\xe2\xe6\xea\xfce\x12\x0c\x9d]iH\x9a&lt;\x95F\xf3\x88UN\x1ay\x95~\t\x1b\x91\xf7\'Aj\xa5y\x14\x8b\xf4\xb0&lt;\xef\'UCd^@.d;;&amp;\xf2\x9e=\xa3z\xc2*/w_]\x97\xbc\xafR(\x89\xec\x81&amp;\x9f\xea9\x0f\xb1rqM\xfe\x04#\xba\xb3\tTZ.\n\xf2^?h\x1e\x95\xca\xbb\x08D\xee\x1c\x1f5\xe7\xee\xc3y\x89\xab\x11yO\xaf\xdc\x8f=!\x97Qx\x85\xac\xa7&gt;\x0b\xf7\xc3iIm\x84\x06\x9f%\xa8O"\x01\x80\x9b\xfaK4Hw2\xe7\xa9\xd4\x83\xec**\xa5VgY\xb2\xb9?q\xb9\xa9y/\xf3y\x9f\xabH\x8d\xfb\xe1\xba\x846RV\xefr\xe9\xfe\xc4\x95K\xf4_]\x02/x\xf7&gt;\xc8\x96nsD\x94\xb3\xab|#x\xa6\xd1\xa3\x81\xd4\xe7X\x1a\xa2dYOA\xb6\x9f\xc4Sw\x7f\xae\xd8#V\xbe\xe9\xe3M\xc8}\x9b.Q\x93@\x89\xebc\xf7\xaf\xb4z\xa6\x15\xf5\x19\x16\x95\xcc|\x8d\xbbTY\x8f\x12\x99\xfbx,\xf6L\xa0\xff\xf2\xf1Y\xc6\x91\xe5\xe8\xbe9/\x85\\\x14\xd8\xa1\xe3\x03\x03\xb1X\xec\x7f\xdd{\xcau\xea\xd3N\x84\xb1\xe2\x17\xbb%\xe0\xb2\xad\x9e\x18\x06 b\x03\xb1\'\xe7r\xf6i\x9e\xdb\x98\x07\x04\xac\x01\xe2d\xb5\xe8\xa3\x04J\x9f\xdc\x0f\x0c\xc2+\xf6\xe8c~`\xc8\x0f4\xd4_s\x179\\h\xe2\xf1A\xe2\xb2\xc8\xa3\x04B\xdec\x030\xe1\x83\xe4\x8a\x91fRc\xf8\x02\\\x89\xe3/c\xe4\xf4\x9c\x13\x90\x1a\x8b\xc7\r\x06O\xb1\xf7 \x94\x8e\x90T\x18\x0b@\x06\xa7\xa7\xb5\x83x\x9d\x8ej\xb5\xa3Z\xad6:\xd101=8\x88\xc5\x84_Pc\x98\xd40j8.\xae\x8d(}\x11\'i\xe0\x1f\x0f\x02\xcd\x04D\x03\xb9\xcc\xcc\xcc\xb47Hf\xda!\x1a\xda\x1b\xe0\x9avB;\x8d\x7f40h0\x18\xd6/\xbdE\xc4\xb2yO\x0cX\x06,\xcf\xa0V\x8bq\x1a0H\xfb\xcco\x8f1\x83\x03\xb3aZ\xed4&amp;\x9b\x06\xae\xc8i\xf1\xaa\x11\x06\xd2\xabG\xaai\x0c\xd5\xde\xfe\x1cjrr\xf2\x91\xed\x89\x0b\xc0\xc0ZC|\xf4{\xd1\xb2\x9e\x82V\xb3\xf1\x18i\xde4\x96\x8aT\x8aT\x87D"\xe3m\x0e-/\x98N\xa7\x8bF\xb5\xa3\xa3\x06C\xfc\xfes\xb1\xe4B\xdes\x02g\xfb`\x1e\n\xa8f\xc4b1O\xcc\xe3MVONVW\xbf}\xfb\x16\xd6\xc9I\x1e\x0f{)\x16K\x80\xcb\x18\x8eF1\x97\xe1\xb8h\xa3\xc4\xee\x05@\xc5sZ\xe90\x95X\xccd2y\xccj\x88\xee\xee\xea\xeew\x10\x0b\xdd\xd5\xd5\xbcj&amp;O\xcc\x84\x97D\xa23\xda\xed\xe1Q-p\x11\x99\xe2\x8c\x12\x08\x9d\x13\xd0\x1b\xc9d\x99\xd0\xe9\x1a\xb0TL\xe6\xd8\xd8\xd8\xec\xc2Bw\xf7\x82\x13C\xbd\xdb\xdc\x9c\x7f\xd7\xbd\xb0\xb006[SYS_\xdf!)+\xb3\xd8sr]\x14G.\xe8\xa4\xd0\x830\x946\x1a\xcd9\xc8\x1c\x9b\xadlf\xb1\x9c\xf3\xf3\xf3\x9bkk\x9b\x9bk\xb0\xe2w\'\xab\xb6ynn\xae\xa6\xa6\xbe\xa3\xa3\x8cm\t\x87G!\x88\xcf\xc5\xe8\xa9\x08}\x8c\x00\x96\x01S\xe9\xb0\x85@US\xab\x14m\x8dT)\x14N\xa7\x1fb\xcd\xbf\xc6\xe5r\xf7\xf7\xb9\x0c\xbapkK\xa4T\xb6\xd5p\x00\x8bm\'\xb9\x0cE)F\x84\xae\xef\xe1\x8fG\xf3X \x16\xb3\xa6mN\xb8\x95\x0c\x9a\xe9t\xa0\xa1q\xf7\xd7\xd6\xfc4=\x97\xcb7\x99G\x82\xc9d2%\xeam\xec\xc2\\\x16H\xaf\xa3\xa3\xd1\xdb\xa2L\x12\xe8\xeeht\x14\xea*\x8a-\xcc\x89\xd5\xd6\xbfeN&amp;7\xccf\x93\x9eF\xe3\xfa\xfd\\\x1a\x8d\x0f!\r\x06\x83\x1b\x9f&gt;}J\xf5\xb74r8X.\xd0\xeb\xe8\xe8\xfe\xba\x08X\x94\xc4\xf1\xe8Q\x18cM`,\tPU*\xb7R\xa9dp#\x184\x9b\xf8t\x9a~\x9f;\xac\xe7\x9bLRup\x03S%\xbf\xf6w\xbe\x91s\xca\xcaH\xac\xf0:qYx,\x84vo\x81*\x1c\r\xebpfa\xacJ\x10+\x95L\x01\xd4\x88\x99\xcf\xd7\xeb\x05\x01R.\xf8\x14\x04\x0fI\xac\xde79\x17\xc1\xc6\xf5/\xeb\xdf\x0b\xff\x0c\x1aQN#\xeb\xebacX\x17\xd5A+\x9d\x91\x88\xeb+\xdb:E\x90\xd9"\xd1\x96H\xc8\x18\xa1\xd3\xf6\x03kk\x90\xeeB\xb8\x90\xfa\n\xbc\xc9T\x7fo\x0b\xc6*\x03,\xbb\xe5\xcb\xfa\xc5j\xe1\x9f\xf4\xa2\xf3\xfb\xf5u\xbb\xd1\xa8#\xd5\x02*\xf0\x10\xb0D*\x15\xb4\x82f\x96\x93A\x0b\xec\xfb\xf7i\xc34a\x85J\xd4\xdf\xf95\x95J\x81\x89-29\x89e\xb18\x1c_n?\x16\xdcE\x8a\xed\xf2\xde\xe1\xb0\x1b\xed$U;`\xd5W\xf6*\x95*\x95JY\xdb\xda\xda\xeaT0\xb8\x81\xe1\x00xH\x17\nE*eg\xbfh\xeb+\x98\x98\xc3\x020\x87\xc3z\x7fX\xf81\x02%N\xac\x18\xcbHj%\xc1j\xb5\xf5\xcea\xac\xb6V\x16k\xde\xc9\x80\x16\xc1P\xd0\xf8*\xba\xb0\xaa\xaaJ\xd9\xaf\xc2\x9d\xebk\'\x98\x08\xb5h\x01,\xeb\x92\xe7\xb0\xe0\xdb5\x9e\x1e\x1cV\x8b\xe5\x11\x0b\x8b\xd56\xa7\x12\x8e\x00WEE3\x0b\xc4\x1a\x86.Jc4\xd3\x19\n8\xa1\xd3Gp\xd6\x81\\r9\x87\xcdf\x93X\x91\x82\xdf\x9aQl\xbb\xc7\x0e\x87\xe3\t\xab\x03R\xabV\tX#t\xb0\xad\x99UEgp\xf9zF\x05\xdfDg)hz\\\x8e\xe6\x11\xc0\xea\xc4\xb5\x08\x9dk\x91\xc4\xca\x14\xbeC\xa4/\x1c\x8eEK\x19\xc6\xc2T]5\xb3\xb5\xcd\x15B&gt;t)\xb5\x94/\x14\xd2\x01\x85N\xa3\x9b\xf84\xbdI*\xc5\r\x15\xfa\x06`\xb54\xbe\xe9\x03\xb5\xd8.\x17`]\x16\xbc\x12)\xe9[\x87k\xd1\x0eX\xa4X\x9cz\x98\x1cX\x0c\x93I\xadV\xfb|\xea)5_0%U\x8f\x03\x15_\xeaS\x87B\xbe\x8d\ru\x10\xb0\x94m\x8d2\x19\xe6Z\xb4\x16\x03\x8bB9;\x04,K\x1eK\xd2!\xe61\x17\x9c4\x01\xa6\n\x85\x96}S\xe3S\xaf_/\xab\xf9|\xb5z\xd9\x17\xda\xd9\t\xed\x84B\x1bAasse\x8d\\\x0eX}\x8bKE\xc1B\xa7\x11\x8ce1\xea\x00J\x02\x1b5o\x96U\xc5\x07\xa5BC\xa1\xa1\xa1\xe5e\xa0R\xab\xcd"\x9f\xcf\xb7\xbc\xb3\xf7c\x0f\xc8vB&gt;)\x835\x0b\xb3\r\xe4|\xdf\x1fK\x1e\xc0*\xf4m\x19\xb2]{\x00k1\x87\xd5\x8e\xfbVWW\xafRd\xde\x08\x85\xf6v\x86\x00lh\xf9\xd3\x86Y=\xb4\xb7\x17\xda\xdb\xdb\xfb\xb1\xf3\xe3\xc7\x0e\xc85\xa2\xac\xac\x11K:rX\x91\xc8I\xa1\x07Td\xfb\x0cX\x90\xf4F\xa8E\xdc 8r9\x9b-\xfb\xbd\xa7\xa5s\xcb\xb7\x0cX+C\xcb\xc9\x8d\xa9\xd7\x80\x05\x07\x16+\x99\xfa\xf0\xe1\xf7\x9e\xbf\xdfp8\x1d\x1dFv\x9f\x0b\xa8"w\x89\x02\xcb\x85\xb1,\x0e\x17$=\x89%\xae\x97\xf5\xc88F#\x94&gt;\xbb\xb1J\xfa\xfa\xaf\x15\xd0K=\xf5\x1a\xde\xf6\x80q\xca,\xea\xec\xe9\xe9\x83\x1d\xc7\xf5\x87L\x0e\xbb\xe2"\xae\xc3\x88\xe7.Q\x04\xb5\xec\x8b.\x97\xc3n/\x934\xb4\x8b\x1b;?t\xb656v\xc9e\xf2\xae\nZ]\xd3x\xd3\xfb\xf1\xa9\xbfV\xbe}\xfb\x06\xc25\xd1\xe8\xaa\x16Y_\xdfbO\x8f\xabG\xd6\'\xef0Z\\K@\xe5\xf9wQ\xb0\xb0\\\xf6\xb2\xb2\x86v\xde\xac\xd2\x0c\x99d2\xf1\x19NVk\x95BP\xb7=\xdc4&gt;\xfe~\xe5\xfd\xca\xb7\x95\xf7M\x02F\xc5\\cc\x9b\x08\xa6\xaed\xb2\xbf\xb7\xb2CW\x06\x1e\x1ez&lt;\'\xb6\x82o&gt;\xa7\x1e#\xc6\xb2\xb0%3\x93\xd5\x0b\n\xf3\x86O\xca\xdd\xe7\x06\x02\x01\x98\x95\xb9\x81\xcdy\xae\xa0\xae\xe9}]\x13Pm\xd3\x14N\x05W?\x0eU\xba\x03\x89\x1f\xac\x98eJ\x16\xb1\x87E\xd8|\xd0\xd9\xa1\xd1\xee\xb0\xba\xd8\x9c\x19\xb8\x85~;\xcfP\xef\x0c\x8doo\xd755m\xc3@\xe3w\xce;a\x80\x08\xd4\x8d7\t\x020\xd8\x07\x04\x02\xf8$\xc0=\xcdgV\xb4\x8e1e\x9e\xc3\xc8R\xe1\xb7j\xfc\xac&amp;l\x04\xac&gt;\x8e\x18c\xbd\xf3\xfbvB\x02PK0&gt;\xbe\xbd\xef\xe7\xfa\xe1\xdeG\xcf\x1d\x16\xc0\x88\nXx\xc8\x19\x1e\x164\rA\x9bPW\xcd/\x8c\x8d\xc9\xfe&lt;\xf4X\x0b\xfe\xd0\x19!\xb4\xfa=l\xb4X\xadr|k\x0fX\xf3\x0b\xad\xb5\xad\xb3JQ\xff\\\xad\x13n\x10\xb1mR\xbd`J\xad\x1f\x1e\xe6r\xfd\xfb~\x85\x02&amp;\t\x13lCj\x06`\xd5\xbc\xf93\xe2\xb1\x16z:E\xbb\xe7\xe7\xff\xbat\x18\xed\xd6%\x0e\x895\xf9\xdbo\xcc^Y8\xba\xee\xf8\xfb\xc3?\xffC\xab\xf9\xbd$\xd2\xefq\xfc\xdcL\x84\x03\xce\xe0\xcc\x85#\r\x8a2s\x91\xa9`\xa63*\xd2\x93\xb5AC\xeaj\xfb\xb0m\xdaYc\xc7SX\xb0\x99N\x12Oh\xb9.\x1c0\xc2\xa0.\x8e\x10\x94Q\xdb\x13A\x14\xc4.\xb4l\x0b\x0f\xbb,.x\xb1^\xec\xb9\xa8s\x15\xecrX\xceB[\xec\xd5\xc3\xf9\x8cu\xce_0}/U\xf0\xc5\xe7\xd7\xf7\xfd\x9e\xf9\xf4\x11\xa4\x90\x93\xe2|\xc0\x017\xa4\x81\xcel\xc01\xf6\xc9\x8djl\xf7\xa4R\xf1xN\xab\xb5\xc8\xd1:E\x90V\xe5\xe2\x05\x91:w\xb6|\xfcT\xec\x1f*6\xb1\xf4\xfa\xe9\xee\xee\xf1\xa9\'\x0b\x7f;\xfcg#\x1f\xa9U\xdd\x04\x90\xc5\xc1\xfex\xc38/q\x9c\xb1o;2\xf4\x8f\xd7\x7f\x7f\xfd\x9b\xcb\xa7%\x88\x94\x05\xb3\xe4\x0f\'\x8b\xef\x90\xd1\xa5\xa7\x8a\rT\x04\xf9c\xdb\x06\xcd\xd4\xd3\xf3\xd7\xe2\x18\xdc\xd1z[g\xc7\xf8\xf8\xf1\xc2\xbd\xc7\x0f\x1f\x1d\x9e]l\xf6ZN\xfa\xdc")\x85\xc3x8\xac\xe2\xd8M\xe3\x83\xc8P\xe5\xf4\xdf\x0b\xf7&gt;\xbe\xbe\xf7K\xa7\xd9&lt;`\xf1Y\x06\x17\x8a\xc5\xb3\xdd\xd3\xda\xf9\xaeR\x89\x84.\xdc\x1e\x17\x85\xee\x8e[\xac\xe9\xce\xce\xf1\xa9\x8e\xca\xf9\xe4\xd4\xf8\xd4\xc7\xcb\xeb\xef?\xf6A\x12\x8ad\x0eW\xd9Y\x9c\xe2\xdc\xe9\xb4\x8a;\xb8\xb8\\\x98\x9az\xf2\xfa\xcd\xc2\xd4x\x9b\xc5\x82a\xae\x85G\x8f\xbf\xbeyf\xb3|Rjv!H\xbd\xd6M\xe6\xc8N\x19\xabsZ\xc6\xea\xee\x9e\'\x1e\xd4"\xdd\xceF\xa3\xea\xe6\xa4\x81A\x0bAJq.\x05\xb2\x9e\xf3\xb9\xf2&gt;\xca\xcd\xbe\xa8\x8dw&lt;;\xfcz\xd21\xd5\xe3\x04)\x0bX-=\xdd\xc4@\xe7\xc1\xaaB\xe5\x85\x8c\xae\x1e\xcc\x0b\x82D\xf4\x0c=\x1a\xeb\x84$\x12\xd3zR2\xacW&lt;R|\xb3zP\xdb\x1e\xbc\x7f\x1c\xb1\x91\xb9\x9c \x97~\xcar&lt;\xd8\xe5z\xd0\xaef\xb9t\xed\xa0\xea\x11{\xfb\xdb\xcc)\xec\xfeBQg\xceQ\xb6\xf1\xaabX\xc8Rc^(\x14r\xfd\x8f\x8b7X \x01%\xda;c\xa2yM\xfb\xf6\xe0\xa0\xcb\xe5\xec\xd4\x0b\x820&lt;&lt;\x0c\xbf2;\xf3\xe0+\x06\xdc\xea\x80\xe3\x85&lt;\xb60-\x96\x92\xb1&amp;#F\xd5\x860\xbd\xae\x14\xd6_\x90\xa7\xe7z\xa1 \xe4Z@A4\xb1DQ\xcc\xf1jzM\x12\xa1\x9c-!\x8b\xd9\xa6oB\x1d\x1d\x1d\x15$\x810\xbbB\x966\x1bA\xe1~\x93\xc9oO\xa58\x0e\xc3\x06\x17&amp;\x9d\x14\xb5\x91\x9b\x9fS\x0e\x0b\xb9\x10!\x18$\xf8\x04]\xa7\xac\x969\n\xe7\xb9\x94H\x10\xa2\xd6\x07\xf6\x95\xd07\x9f\x9b\x0e\x1f\xed\xef\x03\x97@\x12\x84\xaf\xdd\x8d\x99\xe1\x88\x1ce\x97\xdd-\xa6\x1d\\\x9e\xec\xe2\xa4\rq\xa2\xa1 \xd6+\x95 \xcc\xcf\xeb\x1e=\x1e\x02,\x91\xe3Q\x14\xa5QV\xa3\xd2\xb0,\xab\x12E\xa0\x9a\xb8\xc1\xda?\x12H\x12\xa2i\xf4\xb0\x1a\x0f\xeb\xf1hx\xb5\x81Uq\xda&amp;VJ\x8a\x8b\xe4\xb9b\x93\x0bA^VrG\xf3\xd3\xba\xb1\xa1\x16\x9b\x1e\xe4\x83\xdao\x8a2\x01\x14\x05\x97\xca\xb2\x14\x97#e\xa8\xe1\xe1}\x19kX\xe6"R\xaaX\xcc\xe0\x0fxg\x92\x0eG@moF+BH\x14\x91\xbaTl\xce\xb7\xb6\xae6\xa4\xfd#\xbd\xf3\xf1\x90\xae\x89\xe5\x0f\x98\xa2Q\x14\x8d\x02\x97FC\xe5\x84\x89&amp;\xd6\xd1\xd1-\xd6\x84^L\x19\xd9\x98!\x10\x08$\x12\x8e\x847\xa026\xb1\xe6\x0bq\xbd[I\x15\x81\x9c\xe3[\x05\xa2mq\xb1\xc5F\x92 \xad\x12\x0c\x13\x052?\x8akp\\\xba\r\xd6\xd1\xfe\xe7\xcf\xc0U\x00J\xd2\xa8\xd1\xb02\x96\xc9\xc4$\x92^\xd6\x88\xdd_\x9e|N~\xde\xd3W_*y+\x9ee\x13R\xaemq\xac\r.\xbf\r\x94\t\x96\xad\x0cH\x17Z\xad68pr~\xe2\x7fTp\xf6\x01kxB48\xe0;\x83#\x01\xfe\xb1\xe4\xc59\xec\xfe\xf1\xe4s\xed\x0fFl(\xa8\x9b\xe1V\xac\x802h\x1b\x8b8e\xacY&amp;\x08\x82\x9da\xb6h\xd4\x944\xdcPM\x0c\xef\x7f\xfe\x02G\xe6\x82DNp3I\x83\xdf\x10\x00(\xf0\x1e8\x05\xd1Z\x1e\xc4\xd4\x01\xfb\xa5\x82\x9e\xac\xb5u\xf7@\xc8\xf0N\x10\x81\x04YX\x9b\r\x82\xbb\xd9\tZMQS2\x90\x9b\x90\xe7\x02\xd4\xfb\x97o\xff\x92Oyo\xad\xd9\x90\xec\xdc\x0c\x94V\xb2\x04n-IS\x98ky\xd2\xc5\x1b\xd4\'WJ*Ad\xe9&lt;W\xc8t\x8d\x8d9o\xb0\xc0\r\xee\x04\x13&amp;S\xc2\xc1\x0bk\xe5\x95\x95\xf2\xec\xde\x8f\xf7\xdf?|\xf8\xf0\xfd\xfa\xc3\x8e\xb5l-\x97\x19\x95cn\xc6\xebM\x96F\xe6J\x0e4.G\xcb\xc5\xa3lC\xd1W\x19\xc8\xd33nX\xe8j&amp;\xb1\xb0\xb6u\x13-\xc6\xc4\xf8\xd1x\xe1\xb3\xd5\x1f\xb5\x06\x83\xd6/\xef?\xc8\\\xefwd\xabXJ\xd2j/8\xff\x99\x91\x17s%?}\x83e\xe7\xd2\xca\xbe\xb5\x06?&amp;\x15HH\xe2\x00!\x02Vb\xe4\xf7R)\xc90&amp;T\xcd\xe7\n\xb6\xa9\x87S=)~\xf6\x8b\x9c\xc3o?P\x9f\xb3\xbfg\xdc\xac18\xe4\x07\x12ss/F\x18\x9aO\xe7\x01+%\xf6)\xfb\x82\x05\xa2EgH\xb9\xe4E(\xf9=\x93\x1c\xac\x04c\x85\xd9\xa5\xa6\x08\x9b\r\x04\xd8/=\xc4\x1aT\xfc7\x93y\xfcY\x7fog\x879\xe6u$\x93`\xc9\xe6FJ\x0c\xad\xba\xc5:\xa8+\xea1\x90\xd1+CFh\x1b\xd39\xcd\x90\xc5\x8dh2\x08Y\x0b2[&amp;&amp;Y\n\xdb\t=\xa76P6\x1b\xb5\x96Qi\xdd\xe1\x80J$(G\xc9\xeb\x90\x0b\x1e\x82\x15L\xd0\xaa\x90\x8ce\xa4\xce\x15^lAv\x1b\x1b9\xe7s]\x9b\x99hr%\xacA(khEk\xb0\xf4{0.\xf0`R\xb5\x03m\x03f\xd1\xfb{F\xa0\x1cA\xb9O\x13AHu)he2v\x19+\x94f/\x14v\xfb\xc8\xd2\xa5*n)\xeaze,\xb2\x90\x01\xdfZ.o\x81\x1ddd\x0b\xbb\xb5\x86\x1bX5\xcf\xf3\xf4\xacc\xce\xcb\x83\xf9\x97\x8f\x1f\xc6[)\x99d\xa2{|\x13\xcbmg\xcf\x14v\xfb\xadH\xbd\xe1\t\x01\x96\xcd\x06XP^\xb30\x06\xb6\xa2\xf0\xff[\xb3\x99\xb5\r\x89S\xa9\xd5\xb4|\x1f9\xb2\xf6T.NG\x19+c2\xc9X&amp;4\x137\xa6]\xf9\xe5m\xb5\xbar\xa5\xb8\xabFv\xcf&gt;\x1d\xead\xe3\xa3\'\x05im\x0f\xb0\xc0\xe9\'d\xac8g\xb4\xb3a\x9c\xa6\xe57\x89Y\x15\xa81\x13c\x85\xdc\x99\xac;A\x07Pq\x18\xe8\xfb\xe5&gt;\xdcs\xbe\xaa\xbc\xdb\x07\xbb\xf8\xa6\xc5\xdc\xb4\x89r\xb8\x98r\x19\xa8\xa2\xb3\xb3\xf18\xc5\x01\x15\xe40\x03^Z\x9dm\xe7(9ZpE3\xccN\x10\x05\xe3\x88a\x16W\xfe\xb0V=\xad\xdf\xc9N\xcb\xd2W\x9d\x99\xb8\xc1*d\xa0\xb6\xac\x8c\x9f\x8fK\x12E\xa9&lt;\xe0\x11y&lt;3\x8b\xe2\xf8z\xd6\x03\x1f\xf04\x8a:\x12\xcc\xce\x08\r\xd0M\xac7o\xeb\xabw\xb2s\x007\x10`\x91$p\t\x855\xeb\nt"\xce\xe5\xc0\xe6k\xd8X6\xa6\xe1Q?\x8a\xf2\x9a\xf0z\xd6\xc0S\x94\xdd\x8e\x9b\x92\xc1\x9d\x9d\xa8L\xa5\xb5\xb8\x8e\xbf\xee"w\xb3\t\x81,\x9dF\xfe\x8f\xb5\xc1\xac\x94\x131*\x07X\xb8!\xec]_\x0fd2{4M\xfbgf\xd6\xb31Ve4\xdac\xc9\xe0J\x10\xd5\x181-\xd8\xc4\xe3\xd3\xa5\xbb[\xcf\x18\xbb\xc5\x82,2+\xd6\x80\x86\xe3$)\x1eux\xb3\xd9J\xd64\xbb\xb7\x17\x95\x9f\xd1\xac\xafg\xb3j\xbb\xd1\xe7\xce&amp;wvp\x95L\x05\x02\xe2\xdd\xe8\x9da\x9d\x15\xdb\xe4]\x0c\xc0"\xa5\xadr2\x96\xe6(&gt;\x1e\xd7\xb4oV+\x95\xeaf;\xcbn\x9eT\x0f\x0e*\x95l8\xcc\xda}\xee\xcdl)\x88\x83\x8e\xc7\xa0\x13\x0f_\xdd\xd5\xaa\x142\xfavYV\xa7\x80\x05\xd6\x9ef\x1c\x9e4\xc5q\xe0\n\xfbN\xaa\x95\xcd\x07\x0fNj\xb5\xda\xc9I\xa5qP9\xc9wY&lt;nw{x&amp;\xa1\xf2Y0\x8c\xf3\xe5?\xfeqw\xab?/k:\xb3\xbc\xb9\x02X9\x1eU\xa7\x8d\xa9\xde\x8e\x8eNs\xa8\xaf\xcf\xe5\n\x85\xfa\\\xf9\xfcv\xe8\xfe\xf6\xf6\xf2\xf1\xf1\xe2o\x91P\xba=\x96e\xd3\x80\xc5\x19}\xf9\xbb[\xb1\x81\x8b\xf1M\xb3\x15\x01\x8b\x10\xe28\xd8x\xd04=f\xccC\xc5\xb2\xc9\xb9\x037\x86U\x1a/\xbc\x07\xd5\x90+\xb2\xf8dJ\x17\xf2\xb0\xac\xd1g\xd1b\xc6th\xf9\xeb\xdd-\xeb"\xab\xa7\x8bN\x19\x8b\x00?M\xf1*\xad\xb6\xf7\xd7\x87\xb5\xf3\x8b\x8b\x8b\x9f?\xaf\xaf\xfe\xfcy}}U\xbf\xba\xbe:\xbb\xb8h\xfc\xe7\xd7\x87\xfd]\xe0\xb8}\xb7\xc1:\xbc\xcb\xe5\xd3\xd1W\xc5\x88Y.y\x19Kc\xb7\xa4C\xe6g\x87\xa7\x97?\xcf\x80\xa9^\xaf_\xfdY_\xad_\xd5\xdf\xbe\xbbl\x14{\x07\xb6].w\x1ar\xe83\x1aC\xcb\x1f\xffK\xcb\xf9\xc7\xa4}\xa7q|:\xbf\xf4;T\xb0\xdfF\x03\xc8\x12\xa5\x8e\xdeA\x88\x0b+\xe8\xc0a\xfc\x81\xa6D,\x88\xd4\x86\x1b\xe8\x8a=\x93\xeeV\t\xe5\x8f9\xccE\x8d|7`f\\\xe0"%\xa1\x98^\x9cm\xcf\x90tAI\xcf\xcaM\x1d\xd1r+=\xb3S\x96\xda\xee\x1aam\xe2\x1f\xa6q\xa6\xedZ\xb7\xdc\xf3\xf9\xb2\xde]r\xb9\x1f\xdb\xc9\xa3B\xa2\x82/\xdf\xcf\xfb\xf3\xf9&gt;\x0f&gt;\x1fs9B\x8c\xcc%E\x1b=`\xd5\xb2\xc56\x91L\xfcf\xd3\x85\xaf\x90ZO\xbe\xbfu\xeb{\xf4q\xed\xda\xd7\xdf^:g\x94]W*5\n\x05\xbc\xf3@,\xc8a\x0eO\x95\x99\xc6\xbe\xd2A\xdd|\xe8P\xf5\xa1C\xacZ\xb1\x8di\x95UL\xed\x96\x1c=w\xe9\xdb\x87\xdf&lt;y\xf2\xf5\xa3o\x1e=\xbcr\tv\xabs\x82\xebJ\xbdL\x03P56\x1elZ\xc3ws9\xa8\x8ba\xd7&gt;Br!.\xa1\x95\xe0\xcbN\xdb:\x8e\xef\xfe\xfe\xcb/wo\xdf^^\xbe\xb1\xbc\xbc|\x1bbw\xea\xca\xf5?\xe9\x95\x02\xb9F#\xaa\xa9\x11\xc1\x0e\xef\xf8\xfcr.\x8f\xe0A\x11\xf1\x17\x9d\x0eqUW\x0bYl\xbe\xbc\xd6*\xafxe\xf76\xf4b7\xb3q\xe3\xd1\xc3\xa9\xa9+\x17~w]\xa6\x17\xc8\x15"\xadV$\xd1\xce:\x1c9\x1e\x9a\xc7\xb0\x85a\x0e\x87\x0b\xc5`\xb5\xf0P-A\xb0\xadLY\xd3\xee\xf2\x8d\xbfc=|\xf4p\xf9\x17\xef\xbd{Q/\xd3\xebm\xa0\x95V\xab\x06\xaa?\xde\xca\xf5P\xb3\xe5\xd3S\x1c\x0e\xad\x19\x81Y\xd9t^\xad\xb5\x96x\xe57S7nB/v\xf3\xaf7Q\xabx\xe5\xd2\x85\x0e\xa3^&amp;\x93)\x00K\xad&amp;\x1d\x8e\xe1\xbb\xb9&gt;w\x8aa\xb7&gt;\xef\xe4p\x9a!\xaaY&lt;\xf0|m-\xdbx\xe1\xdc\x87S\xb7\xa9\x80\xd6\x15Qu\x08l\xb0\x06E\xda\x1a5I\x1a\x1c\x8eO\x16r&gt;\x98n\x1a\xfb\xd40\xd2\tr\t\xd1\x84\x06\xf3\xb4\x95\xfd:\x01\xfd\xf3\x87\xc7\xdf~\x1b\x9a \xe8V\xdf\xab\x03*\x99B\xa3\x81\x0c\x02\x15i0\xfcj\xf8Z\xce\xb1\xb0\xb1/\x0c\x0e\xc4\xc5\xe5\n\xa5,&amp;\xcbZ\xfbV\xc9\xcbM\x15\x15\x15\xed\xbf&lt;~\x1c\xda\xe8\xba\xbaw;\x04JD\xa5UC\x06\r\x06P\xeb\xa3\xdc\xab\x85Y\xfe\xdcc0d\xb9\xb8*\x11\xd3jE\xd3H(\x18M\xed\x15|#\x944r\xb1\x0cQ\x81\xd9\x91V\x0e\x07\xf9\xd1\x02\x9e{\xac\xbb=\x9d\x86\x9e\x1e\xe0\x92JU\xe8\xca\xc2\x86x\xfd-6A\xd0e2\x9b\\N@ECa\x81\xdd\x1d \x96\x81$\x87\x17r\x7f\xba\xc0t\xad\xa7\xb3\xb3g\x0e\xb8\xb8R\x89Ha\x13\xd3\xe9\xec\xac\\b\x9e\\L\xe7\xf3\x01K\x0e\\C\xb3T\n\x81\x8a\xfc\xe4\xb3\x9c\x1fhFX4Z\xe7\xdc\xdc\\\x80\xf6\x1c\x8b`\x14\xbeYX\xc2\x804\x162\x8c\x0cB&amp;\xd7\xcb\x94\xca!\x8aj\xce@\xaa\xc9\xe1/2\x1e&lt;\xb7`8\xf6\x99\x83\xc6\xa1u\x07\x02s\xdd\x1c\x89Hd\x13\x13|FEa\x13\x10\x15\xc2-\xc3h\xe4\xcb\xe5r\x01\x14\x86\xa4\x01\xd8\r\x0e5\xa9sl=\x8e\x87rzp\x18\xc7\xc6\xee8Zi\x1c\xc0\n\x04:\x01KA\'\x08FE\xfb\xd1\xf6\xc3MMG!\xda;:\x8c|\xbe@\xafT\xf7\x00U\x0f\t\xa9$\x1dW\xd7\xdc\xd3AK\xee\xb8p\xdc\xb7\xf8\x18\x92\x88\x06\x82\xe7\x03\x81\x11\x89\x8a)&amp;\x88\x92\x8a\xba\xba\xa6\xc3\x87\x8f\xa2\xd7\x95\xeb\xa0M4^\xd4+g\x03s\x00N\xce\xce\xaa%\xa4\xc1\xd9\xb7\xb14\x19\x1c\xcb\x15\x17\x8e{\x12\xeb\xf7(,\xc45\x1f\xe8\xa6\xa9\x98&lt;:QQw\xb4\xa9\xf0\xe5\xc2\xa6\xf6\xc3\x87\x01\xab\xe3\xa2@\xa3\xee\x9c\x87/\x9f\x9a\x1d\x02\x8b\xe9\x0c\xce\x97\xd6v\x8a&amp;s\xa5\x17\x86\x01\xd5\xceV7\x8d\xc6\xe5P\x83\xca\x10\xad\xb0K\x88lt1\xbb\xd6\xca\xa3\x97\xa0iX\xb8NkF\x02--\xbd\x14U\x8dZ\xa2;\xe5&lt;\xd0w\xaf\xed\xccd0\'\x0b\x12\xc7\xcc\x91=\xf7\xbd\xab\x80\x85\xb88\x80\xe5l\xe9\x1d\xa5I\xb9B\x95P\xc8\xa5\xb5rE\xb0,\xe5J\xa5\x963\xeft\xb6@\x06\x87\x00K\x0bX\xbd\x07^Zs\x97\x1d\x99\x0e\x9a\xf6]/\x1c\xb7\xb8\xe2{]\xee\xadw:\x81\n\xd2\xa8\x03\xae\x96\x13Ng\xef\xe0h#\\![\x07\xbb9R&amp;\xb4\xd0:\x90\xb1\xcf\xd9\xdbM\x0ee\xa9$\xe4\xa9\xee\x93\x07\xae\xee\x14\x15\x1f\x99\x0c\x9a\xf6\x1d\xcb\x12\\\xed\xea\xea\xaaZk\x00\xacf\xe0\xd2\xe9t\xdd\xbd-\xce\xf7\xfb _\r\xad\x8d\xa3\xa3\xad\x94\xe7h\xa3-\xce\xbe\xbe\xde\x11r\xe8cD\x05b\xe9z\xba\x1b\x0e\\\xfd\x03`\x1dy\x1a\xdag.\xd0j\xba\x12\xb0&gt;\xa0\xb0\xe0z\xc8\xd5\xa1Y\xc4\xc1^`\x80\xa0\xce&gt;5 \xb3!\xa8\x96\xc1S\x08\n\x02\xb0Hr\xa4\xbb\xe1\xfd\xbe\x8d\xfc\xe2#g&amp;\xee\x9b\xf7\x93\xcbd\xf2E\x9f.\xb9\xbb\xba\xdc\x80\x95\xb5\xbcT*\x81\xe0\xd0Z\x11\x18\xfa\xff\x14\x88\xef\x04"t\xce\x8f\xa8\x87&gt;\x86\xd0\x0c\xd5 k\xe9\xfe\x815n\x7f0\x86\xef\xdb\x9f9M&amp;Kh{\xe29\x168\x9e\xc3\x95BH\xb4\x12\xa9\x14L\xd5\xeb\xa4$s\xf6\xbd\x01\xaa\xf5\xce\x07H\x92\xc2Rjj\x86\x90\xb5t#\x83\r\x07\xb2X3vH#\xb6\x1f\xc6\xc7\xd1\x89\xf3P2\xbd\x92\xc5\xaa\xdaj\xa0ug\xb1T*\xa9J\xa2\x82[4\xa6?\x8a\x0e\xb6\xbd\xd32\x08K\x01\xea,D\xa5\xd1\x00\xd7\x0fX\')o\xfd\xbcl\xc6\xfe,\x9e\x08\xf9\xfe\xef\xa6\x11\x07\xc9-\xdehz\xfd\xf1R\xffR\x15\xc2\xba\x87\xd4\x02sI\x85@\xa4b\x89X,\x00\x93J\xb9\xcd\x8d\x8d\xaf5s\xc0p\x12\xb5Z;\xa4\xcc\xaa\x85\xb0$\xbaN\xc0Z\xab\xca+&gt;\x82\xb0\xd6\xd7W#Q\xbf\x0f\x04\xc3\x7f:\x14\x8e\xf9\\\xa9X,u\'\xb5\xfak\x84U\xe9\xdehi\xa5,/\x14\xb2\x80\x89\x89B\x84\xb8\xa4\xa8\xbe\x07\xbf\xa9g\x01\xabF\xa3\xd4\xeb\x01KC\xadDZ\xeb\xc97\xb6\xca\xcb\x8a_,\x1b\x07\xb5R\x89X:\x9dp\xf9\xb0\x9f\xb8\xb9\x82P\xb8/\x93L\xc7\xbe\xf3\x87\xc3\x0b\xe9\xf1\x99\xaaJ\xca\\\x8d\xa0V3\xa2be\xa9\x00\x8b\xca%\x97\xdb\x8c\xec\x06\xfb\xba\x16\xa0\xf4\xd0\xeck4\xd0\'RX\x90\xc3\x82,V"\xec\xf7\xc3\x93\xa6#A\x0f\xc2\xc2\x7f|\xfa,\x9eh,\x9d\xcc\x84\xc3a\x7f4\x99\x1e\x1fw#s\xb9Q\x16A,\x15\x05\xc5\xe3\xf1l6t\xfeIE\x85D\x04Y\xd3RT\x88+k.\x0e\xa7\xf1\xc4Vy^Aqq\xd1\x04`\xb9B^\xaf\x1fR\x90\x8em\x86|\xa6\x1fU\x87\xe1\x18f\xf1\xf9\xa3\xb1X\xf2\x0e@\x85C\x91\xbd\xf3;\xe3\xfdmU\xf5\x95\x95\xee\xf3k\xaf\xd1\xb8?\x88\xc5\xe3\x89\xc5P\xd9\x00\x18+\xeb4\x91H\xab\x01\x1c\x80\x12 0\xe8\xcaD\x12)\xb7\xe1\xeaNAYAiA\xd13\xfb\xc4\xfaz:\x12\xcd\x92E\xe2\x89\xa8\x17\xc8\xfe\x97\x85\x89S\xd7\x19\x9f9\x14M&amp;\xbf\x0b{\xcca\xb37\xba]\xee\xde\xd9\x99\xe9?SU\x89\xe2^cs3%\x96\x15aAqJ\x10b\x9eB\xc1c2\x156\x9bB\x86\xa8\xd0\x04?\xbc\xebe6\x05\x18\x8fvr+?\x0f\xb0\xf2\xce\x0c\xd8g\xce\x7fPuliz\xd1\xe5\xf7\x9a\xe1gD\xe2\x9b.\xef\x98\xe9\xbfK\x86\xbf`\xf2\x84\\\x99L\xc6\xe57{\xcc\xe8\xa1\xf1\xa5\xb6\xd5d*\xb5=1\xee&gt;\x06TmUk\xcd\xc2\xacTH,\x80"J\xe8b1\xf4\x1ab\x08\x99\x1c\xa4\x92\x0b\xa8\xd0\xcb\xd1y-\x95jt\xcd}\xf0`AAi\xd1\xb8}`:\x99\x8c\xa5\xf7\xf2\x8b&amp;#\x8b\xc1\x90\xd7cvE\x13\x8b\x19\xbf\xef?\xbd\x0cM1[B\x8b\x9b\xa9\x8c\xff\xf2e\xb3\x19\x84\x8eF\xb6\xf7\xea\xf7\x92\xae\xb0\xd9\x9c\x98\x98XBr\xd5\x97o\x0c\xa2\xce\x95Ga\x81V\xd0]\x10t\x142x\x83\x82\x19i\xc5\xe7\x1b\xe1\x06\xcag\xc8/\xb7e\xa3\x00\xc5\xc1\xbc\x01\xfb\xb3Ex\xd6P&amp;\x15_\x05\xb2\xe9\x07\xc1\x90\xc7\x13\x0e\xb9\\\xc0\xf5\xef.J\xb0\x91\x98,\xe6`2\x96r\xc1w.nF\xe2\xb1\xed\xc9\x95\xfac\xeeX&amp;\x0c\xbfVhq\xa2\x7f\xc6\x8d\xb0\xda\xca\xb7\xaaA+$\x10Ja\t\x83QX\x02\xf7\x00\x08h\xa8\x90\xe7\x0b\x04F\xa3\x00\xee\xd1\x04\x0e\x8f\xd9\xb8\xf5j)P\x95\xbe:c\x1fx\x06\xb6\xf2@\x12\xbc\xe0\xf9\xa5\xfc\xbc\xc9\xe9\xfb\x90N\xc8\x89o\xccb2a\xd8\xbf,L\xfc\x05\x8b\xcf\xebJ\xc4c\xc9\x05\x7f0\xb2\xbd\xba\xd7UYu\xecl~\xdbz:\x05\x0f\xf3\xb8"\xab{3\xfd\x13E\x14V\xbe{\xee4\x8fM\x87\xcc\xd1Q\xdb\x03\xbdE!\x83@P\x04]\x0c\x82\xa1y #\xe2\xe23\xf8|\x82.]s\x97\xa28\x08\xce\xb2\xcf\xac\xaeN\'\x00\xcd\x8c\xc86\xe3\xdb+++\x08-\x18\xa2\xc00\xdc\xf4O\x17&amp;\x1c\x9aR\x9f7\x08\xfa\xc0n`vE\xb6c\x11p\x00D&lt;\x99\xca\x80\xeb\xcd\xfe\xcd\x95\xf2\xfc\xfa\xae\x89\xfe\xf1\xae\xfa\xca\xfa\xfa\xf2\x83\x1b4P)\x9b9\n\x8b\xc1(\xa1\xd4\x92\xc3\xe7\x80\x06\xa0\xa0\x01"\xa0\'22x\xbd\x1b/\x02\xd4\xcfJ\xf3\xc6\xed\xf6g]\x95\xe5g\xcf.\xad\xc6\x17]^\xa4\x9a?\xb3\x19\x99\x9e\\933\xf9\xf4\xfe\x83\xa0\xcb\xef\x19\xb3X\x9e\xafL\xcc4\xe6\xf1g\x16SQW\xf8\xb7\xde`"\x96@N2\x9b\xc3ao\xd8\xec\xf3y&lt;\xde\xe0t~QYQ\xb9{f`\xe0o=\x9bAh\xdbJ\x1a\xc7=\xe39\xb53\xa1*Hb\x19*"\xa2\xac$\x16\x82\xf4\xe8.\xefPV\x87\xec\xc1\x02\x11/\xbd\xe8\x92}P\xc2\xcbA)2,t\xfbL\xc0\x85\x9eLLM\x9b\xb48\x06\x85\x98\xa5\xa1\x87\r=&lt;\x1a\n\xe9\xf2\x0e\r\x85\xd0[\x0f\x9bK/\xdd\x1e\x9a\xe5A{\xe8%\xd0K\xf6\xff\xc9\xed\x1b\x1c[I\xb0\xf4\xd3\xff\xfb\xcf\xf7}c&lt;E\x82QF\xf6\xbb?\x80\xe4R\xad\x10\x89u\xb1f\xfc\x8eL\x7f\xe1\xf2W,\x98nqqi\xe6/\xef\x9aa\x080\xa1H\xac$\xcb4\xe7QD\x96\xdf\xd8]\xb9\xff\xf0\xe1\n\x0c\xfc\x1al{\xc7\x07{{_\xc8m\xa4\xd8\x0f\x8d{H\x02\xdb\xdb\xdbO\x1f\xdd\xdf\xda8\xdd\x7f\xf3\xcb\xc6\xd3\x874\xee\xd7\x8f{\xf7\xee\xef\xbc:\x96\x96\xc5\xb8\xce\xacnw\xa4\x81\x95i\xc6\x7f\xfd~\x16"\x11Y\x1d\xc3\x99\xcb\x17h\xd1O3\x00\xf2\xcd^\xaf\x97eKX\x9f\xfd\xf8+\x1f\x02K\x99b\x02\xb1$\xde\xab%+,\x19\xb1\x02\xd1;\xdd\xd9\xa6\xeb\xd04\xd8x\xfe\xbe\xa6\xdb\xffr\x8a\xc2\xf4Cc\xfb)\t\xb3\xbb\xf3\xf2\xc3\xfe\xde\x1b\x14\x9a\x15\x84\xf3\xf5\xfb\x97/\x9f?\xdf\xc18\xdd\xdf+\xfc\xc2\xc2y\xb8\xe4#\xc8\xa5\xcb,+\xb9\xc8_\\\xc0\xd2\xf0\xe2\x95K\x97(\x86\x00\x04\x16\xf9\r\x1a\xcd\xcc\xce\x82kvf\xf6\xda\xda\xd2\xf7\xff\xc9\x89\xaa\xd94}\x12Kk\xcd%R\x98\x85\'\xa5\x0cf\x1d\xd7\x02!\x9e\x88\xe8\x16r\xec\xee\xce\xfbW\xfb\xfb_&gt;&lt;o\xecn\xec\x9c\x12\xd1\x9bO\xcf\xde#|[\x1b\x1f\xf6$\xe7G\xfa\xe8\xe8\xe8\xf8\xf8H3\xdfW\x84\x05\xc5x\x01\xb9\xa4\xe4eYF\xe6\xe7\xbb3W\xaf\xce]\xa4\xadP\xf5f\xc9\xdfS\x18/\x93\x9ff\xb02[\xa2\xdd\x93k\xd7\xbe{1\x98R5M\x885\x914\x98e\x15\x16\xb3\n\xa5@\'\x99YLM\xbf\xb1K\tv\xe5\xab\xe1^5\xf6\x8f\x8f\xde|B\x19\x80\xb3\x1e\xde\xdf\xda=\xdd\x13\x02\x97\xd6\x03\x98\xc0\xe4\xb9.|\x1fj1\xc9\xb4\xebj\xb8K\x19F\xa4K\xce\x86o\xff\xb4\xb8\xba\n\xc1\xe8\xebe\xc41u\xfd\xa5\x99z\x03\x12\x16\x8eW\xd7\xae\xde\xb8\xfbyXC5C\x885\x19x\x19L\xaa\na\x81\x0c\x9d\xbd",\xdf7\xec\xc0\xb6\xa1\x1bD:%\xbc-r\\\xe3\x97gHT\x8f\x1e\x81rc\xe7\xe5\xb3\xbdH\xf8\x96\xe4Y\xdaO5\xb3x&amp;A\xe5[:wS/\x8b\xech\xd2\x1d\x19\x82E\x9aG\xc2|\xf7\xe3\xdc\xea\xfc\xdc\xf2\xe2\xe2\xe22V\xd4\xb4\xcf\x94&gt;\xe5\xa2\xfd\x93\xab\xed\xf6\xd5\xa5\xd5\xa5\xdf\xdd\xfd\xec\xd4Ta\x18\xa2w\xc8\x0f\x0f\x0fQz\\-\x85\x80V\x84\x85\xbbE\xcf*p\xc0l;0\x85=u\xdc\xf3\x8d\xad\xc6\xf6\xca\xa3G[\x1b/\x9f\xbd\xfa\xf4\xe6X2\x9b\xba5^\xa6\xfd~\x1a\x19\x8c3e\xe9,\xc3M\x96I)\x023\xb2\xba\x13\xa4k;\xe2\x91\x14\xec\xdd\x9d\xdb\xf3sssX\xe7\xcf\xd5\x1f?\x90r\xf4A\xc4\xea\xc2\x93\'k\xab\x8b\xff\xb8\xeb!\x82aM\x15N\xd6UY&amp;\xde\x18hDf\x81\xcaW\x82\x19\x82^\x04cd\xb6JI)\xa0\x1c\xf2\xc5~ce{\xe75\x02\xc9e\x84\xd0@^\xa5\x18w\xfbc/c\x88\xbdv\xd3D\xfaUh\x1a\x86a\xf3\xcc\x1b\x1fLD\xcd\x15E\x0c\\\x7f\xbf\xb5\x0c\xa6\xf9y`][CD\x17\x97V1\x16\x1el&gt;Y\xbdr\xe7\xc5\xa0\x06\x9a&gt;M\x0e"[\xe0m:I\xb9\xed\xf5\xd3\x8c&lt;\x8b\xb6\x82DCY\x92\x0cr\xf8\x82\x1c\xcc\xa4\xe5\xfbU\xe3\xd9\xa7#\x000\x06\xf3\x94\xc0R\xd0\x96\xa7\xe3\xb1\xcbE\xa1\x07y\xd4tZ\xf1\xd0\x14\xa8\xb5\xa5\x97x\x87\xde\x81\x19\xe0\x17\xe2\x8a\x84q\xf6\xc7\x1b\xcb\xf3\x0b\x0b\x0b\x00\xbb\xd6n\xaf\xd2\xb7\x0c\xd6\xda\x9b\x0f67\xdbW\xee\xfc7o\xfe\x06\x156\x8f\xfa\xa5i\xa4^4\x0c\xa56K\xcf\xf3\xd2LB\xa6Z4\x90\xc8\x9a\x0f\xafxH(\xe87 \x12\xa6\x86\x94:E\xd8\xf0_%d\xd2?\xecgR\xe6\x9en\x0e\x1d\x8c\x10\x02\x19A\xe6e\x88A.\x02\xc3@\xac%\xf42\x9a\'7o\xdc\xae\xb9\x96\x17\xd7\xda\xed\x85\x85v\xbb\xbd\xf9\x91\xbe!\x03\x85\x89\x00\x00\x03\xdeIDATf\xf6\xe7w\xbc&amp;\xaa\xa9\xccP\xf7\xfb\x9e\x08K\x8f\r\x87N8t\x94N\x07\x8ce\x994\xebP2\x04S\x858\x00\x15\x12\x88\xf0\xab\xaa\x81D\x89\xfc\x16eiZR2\x11Q6\xe8\x1f\xbe\xa5\xbe=\x81\xb5\xaa8vxb\x07\x00\x83\x84cX6\x03\x15\xce\xc3\x18\xb0,S\x9f\xfd\xf5_\xb4Qdny\xbe\xbdI\xe3#\x8d\xc7?\x7f\x0e\xa6\x9e\xaa\x93C\xc8!\x8f\xe7*g8\xac\xc05t\xe2\xd8G\xb7\xea\xf6\xbd\x84\x0b\xc22\x94\x9a\xc6\x92s`\x15\x84\x85C\xab`:\xf5\x12F\xb6\xb2\x0e\x0e\x0e\xac\x1c7\x97\x94\x99\x1d\x0c\xe3V\x1c\xf5=`\x11\x15&amp;\xd2 \x85\xd9l\x9b\xc8\xea\x9b\x0c\xc4\xc9\xf9\x15p\xcd/\xcf\xad"x\x14\xc0\x8f\xff\xbb~\xa6\x83\xe9\x0c$\xa8f\xc8Q\xe1\x07\xb8\x80\n\x87C&lt;\x86&lt;g\xb1\xe3\x87F\xeey\x03X\xd7d\xd4Q\x13\x16\xaf\xd3\xedoX\x8a%^\x1aa\xd6q\xaa\xa7#\xbf($\x8b\xd2$ c9\xda\x8dD\x10\xb8c\xc2B\xc3\x95s\x9a\xcd6\x98h\x08\x11Dg\xff~L\xdf\xf7\xa4M&gt;\xb4\xcd\xe7\xa7\xf3\x13\xdb4\xebt\x05&amp;\x94i\x9e\xc3"Y2H8L\x81\xe1\xf0\x81+\xc8\x1c\xb1\xcfsR1\x86\x99h&amp;\xc9)\x96\xfa\x8aU\xa8\xc8\xed\xbb\x82%\x11r\xf1\xfa(\x19X\xa3\x91\x0f#4+\x88\xe54\x990\x9b0\x07\x86\x97\xbaZ\xb5\xd4\x94\xcb\xf8\xc6\x15\xe4\xe7\xd7\x17\x1e\xdf\x06\xd7\x83\x85\xf9\x7f\x9e\x9fD\x01\xa0TM\x05&lt;S\x90\x08\xa8\x85\xae\xaeX\xe8`\xfa\x84\xb1o\x85\x84\xe5\xf4z\x95,]\xd7\x9a\xacOZ\x93\x91\xcf\xa2&lt;\xab\xb1\xc8\xf2\x1aX\xda\xf3JYF=\x14\xae\xaeJ\xbcb\xe4GHT!\xb0\x9c\xd0d\xa26G\xdf\x83\xdd\x8c\xb8Wq\x83\xe6\xa2\xfd\x15\x0b\xb63\xed\x93\xf3\x9fn\xdf\xbau\xebo?\x9f\xb9\x08\xb8\xa9T\xddb\x05\x01u4\xadN\x8b\xe5y\x92\xe5\x10M9\x0e\xf34\xbc\xe5\x90jN\xdc\xea\xb5\xe2\xb8*F\x9d\x0e\xae&lt;QA&gt;\xc6\x14\xb5j\xac\x8c\x0b\x91y)\xf2I\xdc\xed\xaew[-\x95\xf9**K7\xf3k\xb1\x84\x08e\x9a\xa6\x1e\xd2&gt;g8\x0f\xcb \x18\xfc\xfe-\x90\x02\x97\x0f\x00v\xf3\xe6\xd9I\x89C\xf8\xc4\xac\xff\x06\xaa@4[\x9dN\x0f\xa7D\x9f\x86R\x91\xf8\xb1\xaf\xf1\xe48\xf5\x14\xe7\x996\x9c\xb8\xd7\xe9\x02\xab\xdb\xf1%Ka_M%\xa0\xc1]^XI\xbf?\xe6Uw\xd2]oU\xbdV\x05\xeb#\xd1[1\xc6P\xc1y`J\x07n\xc6\x0c\x1fw\xe7\xfbP\x0c\xcd\rq\x91h\xd0\x0by\x0c\xb1(\r\xa8S\xf7\xc7\x01\xa9H\xb0&amp;\xe2\xd4\xe9\xf5\xc0\x85\x92\x8a\xe5\\\x9a\xa8\xd8Qd+V\x9a\x8e#SW\x12V\x87\xb0bF\xd9{\xacQ\xe0\n\xd5(]\xd4\x11P\x1e\xf6\xf9d\xd2\xed\x84\x08re\xd9Q2\x86\xd6\xad\x8aqiZi\x9d\xfe\x90\xff*\x12\xbdrZ-\xe4\xff\x84\xac_\xc7\x12L\xa8MHz\xa6\xa9L\x9aQ\x01\xb0@\x08{\xb4z_G\xdc\xe4Y\x02.7\n\x11\x02\x8c\xd0\xf5H\xf5\xca\xf9\x86\xd5\t%fj(\xd1=\xad\x8fD#\xc9\xd1\xb2pT+\xef`2\xe98\xcd\xd1\xa8*\x0cP\xa5\xe4w\xe9y\xd2\x1a\xc0\xe90\x86\xaa\xfc\n\xf7]\xe1L~\x81\xa9\x85\x16#\xb2\x91\xee\xebF\xa7\x16\xaa\x1e\xf5*\x07zEh\xae\xd84\x82&gt;\xde\xe6\x0c\x19\xc9e\xb4\x14\xee\x8a\xc0\xfcA?\x95\x15\x8e\x80N\\-\x93\x01\xcbADa3\xbf\x81\xd8h%\xbd\xfe\xf8\xa0;\x19)\x0ek"7\xf5\xdf\xbe\x8db\xbc\xdb.\x85\xca\xbdT\xa20T\x15\x1a.\x12\xabB\x18[\x96\xd6GRG$\x14\xe0\x82\x1aJ\xd5\x1e\x17\xf4\xc38zE\xcc\xf1\x8a\xb0\xb8\x861b\'.\x10#\xeeK\xd5"\xae*V\x08\x82\xcb-X\x02X\xbd\x9ec\x1a"\x1c\x92\xd1\x90\r&amp;\xff\x07\xdar\x9e\xff\xcc[\x89\x18\x00\x00\x00\x00IEND\xaeB`\x82'</t>
        </is>
      </c>
      <c r="M116" s="3" t="n">
        <v>45492.67881944445</v>
      </c>
    </row>
    <row r="117">
      <c r="A117" t="n">
        <v>330057</v>
      </c>
      <c r="B117" t="n">
        <v>2020</v>
      </c>
      <c r="C117" t="inlineStr">
        <is>
          <t>Tinga</t>
        </is>
      </c>
      <c r="D117" t="inlineStr">
        <is>
          <t>Tinga</t>
        </is>
      </c>
      <c r="E117" t="inlineStr">
        <is>
          <t>LD</t>
        </is>
      </c>
      <c r="F117" t="inlineStr">
        <is>
          <t>LAT</t>
        </is>
      </c>
      <c r="G117" t="inlineStr">
        <is>
          <t>LD</t>
        </is>
      </c>
      <c r="H117" t="n">
        <v>179</v>
      </c>
      <c r="I117" t="n">
        <v>2</v>
      </c>
      <c r="J117" s="2" t="n">
        <v>34212</v>
      </c>
      <c r="K117" t="inlineStr">
        <is>
          <t>Right</t>
        </is>
      </c>
      <c r="L11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d29d51c-02de-4a41-88a4-71ebc7236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f\x84\xe0\x86\x00\x00\x00&gt;tEXtComment\x00xr:d:DAEewil2SDw:3048,j:4010854548617000738,t:23080814\x1a&amp;b^\x00\x00\x00\tpHYs\x00\x00\x0e\xc4\x00\x00\x0e\xc4\x01\x95+\x0e\x1b\x00\x00\x03\x00PLTE\xff\xff\xff"\x15\x13R#\x18\xaedT&gt;\x1f\x1aC!\x1b\x04P\xac\xfe\xfe\xfe\xb4gU/\x1e\x1cN%\x1c\xbam[\x86B4\xaa\x10\x11\xab_M&gt;#\x1f\x14\x14\x10D% 6\x1b\x15.\x19\x148\x1f\x1b\xae\x10\x14M)#\xb1cOJ-)\xa7ZIX1*C\x1d\x14S\'\x1d\xb5kZ\'\x1a\x18t7+n6)d3)C*\'d,!J!\x18h6*I%\x1d{&lt;/\xd7\xd4\xda\x0e\x0e\t\x81@2\x92K&lt;`)\x1e\x1d\x14\x13v;.P30\x17\x0f\r\x9bVG\xab\x13\x16T,$\xa1ZJ\x96QCY(\x1d2" \xabaQ\xa0TC\xb1\x14\x18\xc5\x1f&amp;\x8aI;\x9bQBr2$l0$=)\'h9/\x1d\x11\x0f\x8bE6H($\x90G7\xda\xd6\xdc\xa3WGV747&amp;%\x8fOA\xa5^N\xbdq_\'\x16\x12Q.*\xbf\x1d$\x8dK=\x04T\xb0\xd1\xce\xd5\xcb\xc7\xcd\x94N?\xd1\xca\xd0h-!^3+\xcc\xca\xd2\x82C7=\x19\x10\x86G9\x9aN&lt;\xff\xfe\xff\xb6\x16\x1a_/$w3%|@3\x1b\x1b\x16X|\xb2\x88&gt;/\x8cB2\xc1ud.\x11\x0b\x82&lt;.\xdc-6\xd5-6\xc4\xbe\xc5\xbc\xb5\xbb\xde\xd9\xdfY,#\xd4\xd0\xd7\x7f9+\xc8\xc2\xc8\xa4\x12\x15\xa4\x0b\r\xb1\xaa\xaf\xfb\xfb\xfbn:.\xcb%,[&gt;&gt;W$\x18\xd9\xd1\xd7$\n\x06{6(\xb7\xaf\xb5\xe7DN\xb7tcb80\xa9\xa3\xa8d&gt;6V;9\xc3zirF=\x84MC\x9d\x95\x9as&gt;5\xbc\x17\x1c\x92TI\xbf\xba\xc0\xde3=l@8^$\x195\x13\x0c\x9bYO\x03B\x91\xa4\x9b\xa0\x8e\x8b\x8b\xb8\x1d#eOP\xedNY\xd4&amp;/\xace^\x97I7\x023|\xf2\xf2\xf3_GG\x04F\x95\xe2;F\x053p}I&gt;\xc6\x7fowLD\x04;\x83\x88VKE21\xcc\xa3\xa9J\x1a\x0fl\x8d\xbc\xf8\xf6\xf6\x02&lt;\x8b\xd0\xda\xea\xe7\xe6\xe8]70\xe2\xdf\xe3\xa4[X\xae\x93\x94\xa1fZ\x9a\x08\tzB7\xb4\xa0\xa6OLL\x8c\x0e\x11\xadnczTN\xb0XF\x9e=/\xa5N&lt;\xee\xed\xed%&amp;!\xa1\x87\x91:64I?A\xc4&gt;F\x9dLJ\x93`T\xbc\\I\x9dttf\\_\x04)]\x14[\xa5ypswa_\xf3\x80\x98\x0e1Z\x9b\x80\x85kIB\xc1y|\'f\xa7\xca\xb3\xb9\xce\x87\x8amjn\x83}\x80\xad\x81\x7f\xd0\x96\x9ad\x84\xaf\x999I,+,\x0e\\\xae\xabPQ\xac \'\xe0\xcb\xcf\xa1\xa9\xbf\xd9\xbd\xbfTn\x97\x96(2@r\xac\x8a\xa0\xbf\xb6mq\xca[h\xb3=C\xcb\x84y\xc0eSwz\x90\xbcS_\x86ml\xc0\x8b\x9a\xaa\xb8\xcf\xdf\x8d\xa3\x8e\x95\xab\xb3(5z\x92\xb4\x1cS\x92\xd4ES\xd9\xab\xb6:_\x90\xc3(1\xcbnz\xa0bo\xb7\xc6\xda\xb7\x7f\x8d\x87. @Yu)P\x7f\x8cDa5=c2{\xe6\x1b\x00\x00 \x00IDATx\xda\xc4\x97kk\x1a\xeb\x16\xc7\xabQ\xa6\xda!3^\xb0\x89N\xbd\xc5\xd1\x13oQ\xd4\xc4\x80\xc6\xe88\xbd\xe81\x84\xd6&amp;x\x01\xe3\x10\xa9p\xb2\xdd9\xd0\xc8\t\xbaI\xd2\xd2$X\xd2\x84\x86\r)\xd9/B\x08\x84@/H\x90\x9c\x03\x15\x0b\x81B\x0f\x9c\xbeI\xdf\xf8\x19\xf6\x978\xeb\x19\xdb\xee~\x80I\xfa\x1f\x8d\xc17\xf9\xe5\xbf\xd6\xf3_\xeb\xb9vM\x00a\xa0\xa5\xfd\xb7\x0bk\xa0\x8d\xb5\x85__\x9f\xc0\x17\xd7~\xb20\xec\xe4\xf5\xf3\xb5\xdd\x8bV\xb7\r\xe2\xda\xddN\xeb\xd3\xda\xfd}\xec\'C\xed?\xd8mu9\x8e#9^$\x88\xe3\xba\x17\x0f\x97~\xa2c\xd8\xc9\x83\x8f]\x1e\xe5\xbb\x86\x87\x87\x11Y\xe7\xd3\xfd\xa5\x9fE\xb5\xf4\xcbn\x07q\x0c\xf7XH\xee/0\x8e\xfb\xb0\xf1z\t\xfb\x19\xf5{\xff\xf2\x03\xf7\x95\t=$\xaa$\x8f\xd5\xabd\xbb\xf5x\xff\xea+\xb9t\xff\xa2\xfd\xa3U.\x8e\xfb\xde^\x1cz\x01\xd8\xa7_\xae\x98\x0b\xc3\x16&gt;\xfc\x00\xe5\xd2\xebejB!!\xc6\xc6\xf4\xa2\xaf\x9d\x8f\x0eA\xeb\xe1\x95ra\'k\xdf\xba\xca#J)\t\xabU\xe3\xd3\xaeFi\x93V\xeb\xb3\x122\xbd^\xdf\xee\xd9\xd6\xf9\xed\xea\x1a\x0c\xdaj\xa3;\xec\xf1x\\\xe0\x91"\xae\xa9h\x0b\x15\xadvv5\x1a\x8d\xd24m*\xf8|\xf2\xf8\xc0\xa4\xcc\xe5\x82\xc2v\x1e\x9f`WEu\xfb#7\x0cLjs\\30\xa5\x9d\x9d}3\xcb\xcbd\x02\xaa(z\x99L\xb3Z\x8dD)\xd3C\x83m\\M\xe3c\'\x0b-2\x96\x92\xdd3\x0f\x8c\x8c\x8cLi\xdf\x80\x10\xd3\xea*m\x8a~\x17\xbd\x1a5\x15(\xabZO\xb6?\xbd\xbd\x82\x08\xc3\xf6w\xdbdl\xcc&lt;\x00BT\xda7\xbc[&amp;\xb0\n\x19\x15\xad\xf2\x0f\xfc\x12\xadViS\x85\x10\x91d\xeb\xc1\xa5\xfb\x85\xa8\x86E\xc4\xc0@\x8f\x0b\xb0\xc0\xa97\xab\xab|\x01i#\x12|\xae",\xe02\xd2\x05BO\x92\xd0`\x97L\xf5\xfe\x0bG\xea\'\xcdq\xb39\x0eXS&lt;\x96\x896!"\x03\xa8j\xa8\xf6\xc0\x90sU\xf0\x8b\x9eU\xa8\\d{\xf7r\x87\xf7\xfb/dL6iV(\x14\xe6x\\\xe3\xf3U\n\x05Sdb"b4N\xcc\xd5\xebsu\xc3wU\x8dU\xf0\x0b\x9dLJ\xe9\xe2.\x95\x0b{}\xc1\xc5\xd4fD\xa5P \xacJaff\xa2\xa7z\xbd\xbe\x08\xaf\xc5\xde\x8f\xc5\xb2\xcd\xed\x06\xb7\xa0\x8c\xc6HA\x02\x11\xfb\xe5=vi\x15\xbc =*\xf0\x8a\xe0\xb9\xac\xf2Q\xe7\x10\xa2\x9aCr\xdb\x16\xcb@3?_F\xb2\xdb\xe1m\xb3\xb9\r|\xb3\x99\x08}\x8c\xfbrI~aK\xbb\xe40\x9cA\x05A\xf4\xa8(\x84\x15\xe9a\x81E@3?_*\x95\x18\x1cg\x18\x06\x87\x0f;p\x19\x10\xd9\xac,vi\xfd\x85\xfd\x13\xa2]\xa4&amp;\x08B\xaa\x90"\xaa\x1f\xb0\xea\x8b&lt;Q\x89)\xb1\xac\x03\xc4\xb2L\x88\xc1\xed\xc5\xa2\x1b\x81\x19LD*\xe6\xe1\xd6\x96.\xa5\xb1Z0\x01U\x04!\x91\x82\xacr9\xb5\xdc\xc3\xe2\xa9\xca@\xc5 \xa2\xb4#\x1d\x80\x07&gt;\x1d!\xdcn\x07.\x003)d\xa9\xd8p\xe7\xe1%\xd8u\x02%\xf4\xb8dj\t\x12`\x89\xa9\xd1oXu\x1e\x8b\xe1\x99\xc2\xde\x1d\xbf\xdf\xef\r\x07\x02\xe9\xe9\x10\x9e)\x9e\x9eB%i\r\x0c"\x17\xf9q_x\xb3\xeew\xd1\xba\xc0c\x81[r1\x8f\xc5s\xd5{n\x81Ya\xc0J{\xbd~x\xc0\xb0\xc4t(c+\x9e\x82a\xd5YB\x96\x12\xc5\xb8\x97B\xef\x13\xd8\xd2\x17\xd8db\xfa\xafT\x80\x055\x1c\x1d\xad|\xf5\x0b\x1dA\xbe\x88,\xf4V:\x80\xca\x98N\xf0X\x06\x1b\xc2*\x10JU*\xe5\xe9\xdc\x16\x1a\xebv\x07\x96+\x97\xfe\x87\x1aR\xcb\xcb\xcb\xc0\xc57=jy\x10\x9c&gt;\x1c/\xe3x.4\rrL\x87r\x19\x9b\r\xf5}!\xae\x90(U1r\x17\x13:\x1c`o\'Ez5t\xbc\x04u&lt;\x14\x114Z\x18\x8aD&amp;\xf8"\x82p\x1e\xab\'D\x16\xca\xe5r\x19{\x11\x9a\xcb\xe4\xa3,\x12e\xca\xd3\x126T\xe1\x18\x92\x1e\xd8\x8de\xb0\x19\xf3X\xe8$R\x94o\xd493ap\x1bx\xac\x122\xeb/\xb0P\x08"\x02\xcfe2\x99"\xc2\x92k\xa4Ru\xaa\xfd\\X\xac\x05X\xfczX\n&gt;\x1f,=.\xe7Pd\xce`\x98\xab\x97q\x88\xac\x12\x84\xe8&lt;\xdeC\xcb1Lh\x1a\x9a+\x94\x81\x90\xb0\x19L\x94Oc\x95JT\xae\x0b!\x97Uhx\xb4$\x8bT\x10\xa6\x00\x05o\x8bE.G1\x1fAN\xd9lv\xa6\x04n\xcd\xe3v\x80\n\xf1XP\xc4\x04\x12p\x15\xed\xb6\x88Sn\xb5Z%\x84\xbe\xfbVH\xac\xf7-\xa0\x82s8\tf!0\x8b\x8e\x0f.\xe8\xf7:\x8a\x06\x1cGP\x88\x8ba\xa7\xd9\x10/h-\x046\x1d\xb2\xdb\xed\x19\xbb\xbb\xe2\xf3i\xa5\xca\x14\xf9\x9b\x90X\xbfv\x11\x16\xbf&lt;\x10R\x14\x11:\x8b\\\x8c\xa8&amp;\x16K0oX\x16\n\xc8\xc0\xe4y\x95\x0f\xa3 E!\x8f\xce"\x90A\xdb\xdb\xedx\xae\x087\x0f\x8dT\xad\xe2\x04&lt;\x8b\x18\xf6\x98\x03*\x15?\xa2y*\xab\x85\x1f\xd4\x11\x03\x9a\x85\xac\x83\xe5\xc7 \xcb\xbe\n\x8f\xdf\xf1\'\x93\x10\xf2\xe1\x80\xc3\xc1\xa0\x98\x08\xa1\xc3\x08~\xb9i\x9f\\\xaaT\xb9&gt;\n7\xb0\xd1\xee\xe0\x89\xa5\xd4\xe6I\x98\xd3\x92\xdeA\x84]\xcb\x191\xbamv\x1c\r\x1d0)\xff\xca\xe1\x08\x8f\'\x93}{}I\x7f\xd2\xef\x1f\xcf\xb3|\xd7\xe72\xc0U\xb6g\xaa\x94\x15\xdc\x8a}x-\x1c\xd6&gt;\xc4CL\x06L\x90\x0f\x12B\x01\xb7U\x8d\x0f\xdd\xbf\x8cnw\xb1\x98\x9b\x86\x91\xe3O\x86\xf3\xf9\xb4\xd7\xdf\x0c\xee\xed\x9d5\x83\xcdd3\xe8u0L\x0eu\x19\x94\xb1\xbch\xab\xfa\xe4V\xe5#\x91\x80A\x8f\xbd\xed\x92h\x1c\x82U\xf0@)\xad\xe8\x1a\xed\x83\x9f\x00GW\x8b\xa1\xf4\xb8?x\'&lt;\x9eN\x9c#5\x8e\xce\x9b\xa0F"\x84\xe3\x99L\x8e\xcfTX\t\x0b\x1a\x05L\xa0\xf6\x03\x01\xc3\xb4\x8bj\x08Xj5\x98EH\x94\x12\xa5R\xa5\x8a\xc5D2\xb3\xd6T\xdd&lt;M\xe7\xc7\x83\xd0R\x81\xc4\xd1\xf9\xd1\xd1\xe1\xd6\xe7\xcf\x7f|&gt;&lt;\\?8uon\xda\xca\x19\x84\x05K4\xedCX\xfa\x05\xe1\xdcz\xc0\xa1K4\xc2\x02\xbb\xd4\xcaG\x8f\x1e\xd5j\xb1ZL\x94RJ4\x15\xda]d\xf2\xe1;\xc9\xa6\x7fg}\xfd\xfch\xfd\xd9\xaav\xe4\xee\xd3\xa7w\xef&gt;y\xb2\x1a\xdd:\xb5\xd9Ps\xa1\xfdY\x0e\xff\x8cL\xff\x18\x13\xee \x92$\xd4\x10-\xa6j\xe4\xd4\xf6v6\x0b\x7f\x02\x0c\xdb\xceZ\xa8\x82\xd1].\xb1i\xef\xbbw;\x8d\xf5\xa3\xa3\x83g[ZM\x9c\x90(\xa6\xee&gt;\xf9\xfc\xec\xd9\xb3\x83b1\xd3\xc3\xa2t\x12\xb5Z\xffR\xb0\xbb,\xb6Arz\xbe\xe3\xa1\x8aY\x9d\x0eP\xaa\xee\xcd*]\x10\xeb\xb2\xc7\xe2\xc2\x0ct\xbe\xa1\xecH6w\x1a\x8dF\xe2\xe0`3Z\xf1i\x0b\xf4\xd6\x16T\x12t\x90)\x16\xa1\xb5\x8cF\xb1T*Q\x8av\x85\xbbb\xef\x92.\x91\x8c\xe8\xc5\x03\xe4\xe8r!\xe2^\xc4\x99\xe9Dhs\xf4X\xfc\xc294\x14\x99\x99c\xdf\x9d5\x93\xde\xc6N\x00\xe5T.\xe1\xf56\xcf\x9a\xd0i\xff&gt;\\_\xcf\x14\xf9K\x908\xab\x83-B8,l\x97\x03,&gt;\xb5\x14\x16\xb1X\xbc\xec\x9c\x99[\xc4Yoso\xaf1\xf1\xe2\x85\x13-\xa9u&amp;\xb9r\xb6\x07\x89\xe5M\x87\x18\x96\xcd\x87\xfd}++\xf0M\xf3\xbcq\x90A~\x19#\xe2\xacu@\xad\x12\xd2\xadoXq\x1f,\x7fb\xf1\x8b\x197&gt;\xedM\x9e\x81\x1aF`r:g\xealre\xe5\xc6\xad\xebA\x7f\x80\xc5\xe7\xe7_\x85\x93\xb7\x00\xab\xaf\xaf/\x18\xdcI\x00V\xd1\x10\x11\xeb4q\x89\x80X\xd8\x06\xe7\xd2\x8f\x01\x96bJK-\x8b)\xf0kh\xa2\xcc\x84\x1a;\x10O\x07C\xe0\x16\xd8\x87\xfbWn\xdc\xf8\xfb\x8d\xeb~G\x19\xae\x1c8\x13H\x9e\x01V\x7f\x10\xc0\x029\xc0rG(+\xdam\x04\xc3\xc2\x10\x96h\x0c\xa8\x06\xb4\x15\n\xb6R\x0b\xac5\x95Bu\xeb\xe8\xfc\xfc\xa8\xb1&gt;\x04\xcb\xf3\xf2\x8bH9|\xeb\x06\xa8\xcfk\x1b\x82a\x191B\xc8B\xf6\x0f\x0e\xf6\x07\xfb\xfd\t\xd8\x9e\xdd\xb4\\\x07\xf3T%\xe0I|\x0cn\xc9\xcc\x8a\xf8\x88\xd6\'\xb6\xc8u\x16\xdd6\x04W\xea^gd\xeb\xf0\xe0\xa0p\x0cZ\x9e\xa9;\x06o\xde\xbc~=\x98p\x8a\x8f-pZ\xb5O\x0e\xd7\x13\t\xe6\xd5\x9d\xfe\xfe~o\xd8\x91)\xd2\xf2\xacN\x9a\x95\xad\t\x87\xf5\x0f\xd4[\x93\xe6\xf8\xc0\x14`\xe9\xa6$\xb5ZMU\x13]\xb4~\xff}JN\xd3\xc7Y\xdd\xb1\x18z&gt;&lt;\xfe\x9f\x9b\xfd~\x9b\xf3x{[Y\xab\xb9\xba\xf7\xa6\xb6N\xf1E\xc458\x1e\xc8\x9dV\xa9\xac\xd4*\x1d\x13n\xe1\xc2\xfe\xd6\xe6\xb1\x80\x8a\xa2 |j\x9d\xa7fH\xfa{\x9d\xdd\x97\x7f\xde\xcdR\xbal\xf6x9R/9\xf2\xe3\xe3\xf9\x90\x9b\x16[\xff\xf8 \xab\xb5/:cfy\xc4\x9e\x1e\xec\xbf9\xe8\x85\xae\xafR\xdbYM|\xf2\xb9p)\xff\xb6\xebr\x01\x96y@C\x89u\xe0\x041\xf2/\xe9\xa3m\xc9\x7f\xff\xf7\xe7\xa1\x0fE~\xf6\xd89Q\x9fg\xf3y\x07k\xb7\xfd\x9fU\xf3}M+\xcd\xe2\xf86?\xf0VE\x89\x06\xf5\xfac\xf5V\xafn\xd5\xd1\x95\xabFAc\xdc\xe8\x98&amp;\x12d\xc61\xe4\xe6\x0eF\x88\x9a7\x95\x14\x1a1\x9b,\xe9FkC\xc0(,\x81H\xf3"\tIC\xa1\x9dlp\x96T\xcdl!u\x0660,\xdb\xed\xf4\xcdP\xfa\xa6\xa00\x7fB\xde\xecyn\xca\xfe\x03\xfa$\x81\x907\xf9\xf0=\xe79\xe7{\xce\xe3\xd1\xe6\xcb\xab\x9f\x84\xe2\xb4p\xe4\xea7\xc9\x89\xd9#\xe8\xef\x87\xec\x9aCX\x83\x92\xc1\xb1\xde\xb5\xea\xdf]\xbc\xfe\xe2O#w\xee\x04$\x12\x88!]\x16\xd1\n.Wq\x92)\x95\x1e\x97(\x1aa\xe9\xcc\xbe\xa5\x85j\x95\xa9&amp;\x17\xd5\xb5\xd86y\xf8\x88V\xe8s?_iON\xd6\x18A\xbf\xcb&gt;9\x0b\xce\x86\x0eH\x86^\xff\xa1wA|\xfe\xdf/n\xddCX0WpQ&gt;\xf7\xa1\xa2\xaa\xcdfI\xe7\t\r\xddH\xd1\x07\x05\x03\x82\xc8x\x19\xbe\xa1h\x81:\x96\x91\x97^\xbd:*\xae\xcd\xaf9Bp\x19m\x1e\xa3E#\xa7\xf5z\xc5?zh\x039\x0f\x7f\xb8\x051\x0c\x04\xd0\xf6\xc8\x89\xa6i\'\x18\xf9\x98/\xberr\xa2@\x87\xabU/\x04\xa3L\x95\ty\x93\xd0g|&gt;\x9f\x05\xccD\xc5\xeee\xdcv{\x08\x9f\xb2Gf\x11\x16\xad\x10\xfd\xab\x87\x13\x19L&gt;\xbfg\xb1$Je\x06Z\xa06N\x10\xbeXL\xeb\xec\x83\x12\xa6Cj\x99\xd5\x8b\xc9*D1\x84\xbb\x83K\xf3k\t\xbe\'j\x9b\xea\xc7\xfa\x058nG\x07\x82\x88\xb0\xf4\x92\x87\xbd\x9c_9\xefPj\xdd`\xc5\xe3$\xe1CK\\_\xcc\xb9\xd2\xc7\xd5#\xb5\x94\xdaQ\x03\xc2\xaa2\xb8 \xc4$\x17\xf9\xe3`\xa0\xa7\xfa]PN\xdd6\xb7\xdb\x067\xd1\x92\x8d\xd34\xf5\xeaE\xef."\x9c\xbf\x8e\xc9\xee\xa0-\xae2\x93!\x08\x8dFmX2XF}f\xb3\x13\xa5\x1a\xcd\xe6V\x95a\x00\xcb\r\t^g\xd0\xf2\x86\xf1\xba\xd9\xe3e\xa2\xd1hd\xce\x00X\n\xf2\xef\xcb\x9c\x1e\xbd\xb0/_\\&lt;\xbd\xf8\xdb\xf1\xb1\x8cU+\x13\xd7\xa0A\x1a\xce\x1ad\x90\xd6\t7\x93\x06\x03F\x18\x82\xa8j\xc1q\xbbT\x18\xe6v8\xbc\x88\n\xc7C\xee\x90\x9ba\xb14\x84\x82\xbb\xf9\x91\xb3\xfc\xf4E/f2\xce_\xaev\xae~\xca\x01\x16\xc8%\xa12\xb1QD\xb5\xb4\xb46?:\nX,\x15%\'\xf9L3\xe4\x06\xb5\x18F\xa0\n\xf3\xa480\t\x04.\xa9\x14\x92+\xe4\x85i\xd6\x93P\x13\x8a&gt;\xcb/\xff\xf9\xfe\xc7\xb3\x1f?t\xcd\xc5\xf9F6\x1d\x10\r\xcb\xacVP\x0b\xe6\xb08`\xdd\xac\xdf\xe7\xe7Gc\xd0\xff\xa0\xa3(g4\xea`\xb3\x8e\xd7\x99j\xb0Z\r\xa9Ta\x15\xe0\x08\xa0C\xf2x\x1dLZ\x0f1&amp;\x93\xc7\xa8&amp;u\xe6\x85\x85\xe0x\xb0\x9a&lt;\xeb6\xc38\x9c\xef\xd3\xe5\x972\xe1P\xde*\x93!,-Zg\xad\xa1\x17\x8by\xb5O\x0b\x05\x82\xab\xa42\xe4\xd2B\xb3\x8e\x85yx5\x99\\\xf0\x02\x16\x8f\x87\x90\xc2\xe1T\n\xac\x8e\xb4\xee\x8e\x9a\xc6\x01\xab/\xc64\xe14\xe6\xe7?v\x8b\xb5\xfc$]\xde\xc8\x05\x02\xf9\t\xe0\x92\x01\x16\xbb,e\xcfh\x0c\xa8\xfa\x9c\xce\xb8Vc\x1c\xc7\x0bo\xdf\xb7\xc3\x02w5\xc9\xa8T\xaau\xc0\x01\xa8B\xa1pP\x08cR&lt;j\xe2/B\xb3\x8c\xe1\xf0{\xbd\xde\xb8~\xd65\xd6\xcf\xe9\xb2\xfc\xa5l(\x97\x870B\xaf\x8ek\xd1R\x12m\xbd\xe1"*\xe8&gt;\xb3\x96 \xb5\xbe\xc5 \x9ej\xb7\x0b\xa9\x14\xaf^o\xf6\xaf\x83^ \x18\x80\x15\x0e\xe0\xaf&lt;\x0c\x87\xc1\xdfh\xc9:-\x18\x0fK\xb5Z\xf5F\xd7X\xcf\xafVi\xf9\xb4U\x98\x03\xb9\xac\xd6i\xca\xa9\xbdy\xe5a\xc5*\xd33$\xe9\'\xccZu\xd2-\xe5\x81,a\x10\xa7\x8e\x83w\xe6\xb1\x07\xf4:8H\xf10\x81\x17a\x91N#\xaf\xd3n\xb7:\x9d\xc6\xfbn\xb1.\xf2\xab\xb4Ng\x1d\xca\x81\\\x13\x13V\xf9\xcdn\x99=\xe6\x93\xd5\xc0\xa1\x9f\x8c+\xf5\xf2,?\xca\xd4\xe1\xfa\xd9\xb1T\x81\x87c\x08\x0by\xd5u\x08c*\x8c\tp/\xca-\x8ds\x8e\'M\x15Z\xa9p\xb5k\xac/\x07V\xa1\x17\x07\x86\xf2\xb9&lt;\x9a\x94A.d\x89}\x9f\xb1\x866\x08\x92^\xbd{K&gt;\x1b\xe1\x9b\x1c\x16\xae&gt;k\xc3x\xd2~`\n\xabx\x98\x8a\xb7\x8e\x0e\\E\x84\xa5!W\x12\xf5f\xab\xd3\xe2I\x1b\xed.\xdfY8_\x97W\xc11\x0c\xd0\xf9\xbd\x1c\x08\x96\x97S\x14\xe8\xe5c\x03\x19\xebK\xa7uD\x96\xbbz\xf7n:^\xb3\xcc\x15\xd5\xf4jZ\xeb\x00\xeb\xcc\xc3\xd0\xb0\xa1Bg}]\xd5\x8f*\xd7\xb8AM:-\xc1z\xbd\xd5j5\x1b\xa9.\x1b6\xe7A\xb9\xac\xd3\xeb\xd2\xe5\xfc\x1e\xcb\x05rQ\x19"\xa6E\x0bfrEQ.\xaf\x10\x19\xf0\x85"e\xb6\xb6uv\x16\xb1\xc4\xb6\x17\xdd8\x86\x900\x0c\xdbU\x9d\x03\x98K\x10B\xbb.C\x964\'\xd6\x1a-\x94\xf1\x8dB\xf7X\xb4\x1e\xfe\xfb\x80u\x07\xb8 \x8c\xd3\x12\x8a\x8a\x9b\xcd\xbeQ\xb0/\xe6\x95\x13\xf0\x80h\xdc\x10n\x1c\x15\xf7\x8f\xdeT*[\x8b\x8b&amp;;\x06A\x04,\x15\xc0\xf5\xefB\xbf\x06\xac$\xdf\xa2\xd1nG\x92\x8dz\xa7\x00X\xedn\xb1\xbe\x11\xe9\x07\xcb\xe9\x81!\xd9\x0e\xe2\xca\x01\x96\x84r\xb2\xebx5\x0c\x88N\xf0\xd0h\x08\x1a~\xb4\xef\xe7No\x14\'\x1d\xa6\x85q\x1b\xd4w\x00BX\xeb0\xbd\xe2S!\xa8\xfe\xe3\x06\x8d\xd6\xe7hBn\x1d\x14\x1a\x8d\xb7\xdd\xe6\xd6w\x12IyuuH8\xb4\xc7r\xe5\xad\xc0\x05^\x10\xaaW\x0c\xc6|g\xdf \xc2\x12\x0b_\xfag\x14\xd4\x84\xbc6\xe9\x08\x8eGC8\x1a\xa6]0\xb9\xa2\xa9Z0e\x07,\xbe\x85\xd4j\x1c@\xd5I\xb5\xab\xdd\xd7\xad\xa7;\x14\xfc_\xbdp\xf8\xffX\x14pA\x15\x05\xaa\xed\x95\x15\x1d\x8d\xa8D\x81\x8dG3\n\x89\\O\x95&lt;\x11\x93\x03\x8c\x03\xb4i\x17;Q\xbb\\!d!\x82|5\xb9m\xf0\n:\x9dN\xab\xd0\x14|\xe8\xba\x9c\xfe6\rj\xa5e\xc2\xfc\x0ep\xa1(\x02\x16\x97\xab\xcc\xb0\x16P\x07\x99\x95.\x0fR\x84\xdf\xffH\x17\x9f\x91K(\xff~\xd1\xe1\r\xd9\xa7\x04\xe8\xcb\x05\xa3\xab\x0b\xbc\x8d7:\x9e\xd0\xc4V&lt;\xb6\x83\x03\xac\xd9\xe84\xff}\xd1u\xf3\xf9\'`\xfdqU4v\xccb\xb1ADXJ\xaen\x10-\xe0`TUj\x8c\xb3\x86M\xc27W\xdc\x9c\x91\xcb\x1f\xed\x17\'\x915\xb5\xdb\xecv\x17\x0e\xba\x81\xc7a\xaa\xe3\x16M|\xc5$=H5\xaf\x1b\xf5\xe6\xb3\xe5\xae\x1d\xc4C+\rCtz\xf8xo\x0faML\x03\x17W\xcf\xd5\x0f\n\xd1\xb2\xb2Ls}\xea%\xa3\xc7\xe1p\x9c\x9e\xef\x9e\x16\xb3\x04Q\xda\xac\x15\x8b[\x95\xa9J\xc5f\xb3\x87Bv\xf0\xa7^\x14C\xca\x19\xc20\xfc\xfa\xba\xd1\xc4{\xe0\xb7\x1e\xe4\x03e\x08\x95xl\x8fU+7\x01z\xe9\xf5C\xc2a1\x82\xd2\x11\t\xa3\xd1`\x98\rVNOw\xcfw\xcf*s\x04\xe1\'\xb2\xa5\xfd\xc9J\xa5\xe2\x98t\xd8B6/\xd8f\xd4z\xf4\x99\xa5\xebd\xf0z\x01w\x7f\xea\xfa\xb3-\x1c\xce\xfd\xfc\xb4d\x1a\x84\xb9\x9dGj\xe5\xd80\xea\xf5B\xa4\x95\x88\xee\xab\x15\xd1\xd3\x1c\x9cI\xc0B\xe7\xfc\xac\x96\xcd\xfa\xe3\xfe\xfd#\x9b\xcd1\x19\x05\xf3\x0cTU~\xc2\xa2Qlz\x83\x8c7\xe8\xc6M\xcf\xba\x7f\x1b\x86\xab(\x92Y\x11\xd61+\x17\n\xa3\x04\xc4\x12\x89\xd3\xe2Ae\xb6\xb8_K\x18\x12\x89Y\xe3\xd6\r\xd6\xd9\xf9\xa7\xf3\xc9\xe2\xe3\xcc\xc6\xe3\xa3-\x9b-\x1a1EL&amp;G\x14\xec\x83\x85\xe0n\xadc\xcd\xa47\x14\xac\xdc\xef\x85\x97\x7f2 \x9b\x86J.\x1e\xcb\xb1Q\x04\x1b1\x1d\x80\x10\x8a\xc5\xc3\xfa\xb8\xa5V\xab\xa9-j\x83\x81o:\xad@\x1c\xe1\xa7r~^9*\x95fJ[6G\x14=F\x99`\xbe0Z\xd4\x94\xd2\x15N\xd5\xab^S\xf0\x97^L\xb0\x9c\xfb{9\x84\x95\x1e9\xfe\xac\xd6\x84\xf5\x0e\x88%\x1e\x90d\xe2dv\xb3\xb8\xa9V\x1b\xd4F\xc7\xe5\xe5\xa5\xc3q\xb9\xb55\x199;?;:\x9cQ\xd6\x00+\x1a\x19\xf7\xa0W2c\x82\xe4\xc6\xb1\xd4\x01\xaf\xe9\x8dN}\xe8\xc5@\xc6Y~\xb83A\xa7\xd3\xe2{c\xb9\x9b\xb6\x08X\xc3H\xabL\xc6\x99!\x00K\xa3\x9e\x9d\xf5\x00\x15$y\xe5\xb2\x121\xd4*o\x8e\x8a%\xbf\x7f\xcb\x01B\xb1\xef&gt;\x80E\xe8\xb6\xa5\xedv\xaa\xd5\xdc\xfd\xd8\x9b\x0f\x8fp\x9e?\xc9\r\xc0U\xbc7r\x9cc\x83\x08X"\xf1\xb0\x10&amp;Y.\x97\xf2of\xd5\x88\t\xa8N\xd1\xd9\xadX|\xd9\xe2\x9b\xa3W\x8f\x89YV\xad9\xf4t\x97\xc8f\x06_a\xa9v\xa1\xf3\xf6\xbb^m\x03\xbf}\xf1N&amp;\xbczwod\xec\xf8\x18yA\xabLx[$\x94P33:\x057Nn\x1a"\x97\xbf\x9e^^\xfe\n\x05\xe2\xd3\xa7\xdd\xdd\xad\xcd\xcc\xcc\xe3\xc3\xc3\xc3R\xed3\x96\xc7S#\xe3\xd4\xc4\x9f_\xbco\xbf\xfd\xd8\xc3\xcd\xc8\xb7\x17\x0f\xbe~\xfa\xd5\xeb\x91\xb1\xb1c\xf8&gt;\xbe3v\xef\xf6\xed\xe1!p8\\\xdd\xffh9\xdf\x906\xb3,\x8c7M\xd2\x18\x91d\xf3\x87\xe4m\xd4T\xa3\x892\xad\xfb6\xc4\xf8*\xd8m\xa2q\xcc\x9b`\x10u\xeb\xbf)\xae\xb4\x85e\xdb*\x03\x898\x1f\x84$%\x1a"q$"8XX\x113T\xd6\xb4\x03\x8e\xae\x1f\x8a\xe3\xceR;\x8acgF\xd9vY\xb6\xbb\xd3\xce~(\xa5\x94\x85\xf9P\x96\x0e\xbb\xcf\xb9\xb1e?\xce\x8c\xe6@\xad\xf4\xd3\x8f\xe7\x9c{\xee\xb9\xef}n\xf3\x91\xc6\x8a\xa6\xcf\xff\x86\x98y\x80\xf8n\xe6N"n\r\xc7b\xb1\xf9d\xdcw\xba\x9e\xdaG|\xce:\xd0\xe7\x98\x9e\xc5\x81\xfah\xdd\x9e\xf4\xdd\xe0\xfa\x86\x90N\xbbD\n\x86\xa5\xf6\xd0EzQ_\xe9P\x7f\xe3\xe7\xd2\x99;w\xbe{\xf0\xcd7\x845\xe9K,@\xacX2\xde\xeb\xeb\x8d\x0f\xc5\x87:\xc3\x8e\xce\xb0\xe9\xb9\xe2\x98\xe2\xe2\xc5\xa36\xff(\x96VDh%(\x05A\x10\xf1SIF\r\xb9\xcd0Pj\xad(\xe8\x98\xb4\xb7\xb6&amp;\xee\xfc\x119\xac\x9d\x99\xa9\x9d\\ \xaaXl\xb9?\xee\xb6\xba3&amp;S\xa7\xdb$O\x11\xd1\xc5cG\x8d5\xbbI\xb5\x05\x9d(\x04\xa5N\xa9\xd73W\x8b\xa3\xaf\xb4\x04\x92\x843\x8e\xd2\xfe\xdeV\x9f\x1d\xcb11\x1aKf\x92\xb1\xb9\xb8\xd5\x1a.\xed\x0cwvB/\xcbx\x8e\xccnSJ\x11j\x99\tJ\x10\x94-\xe0\x92\x1d\\\\c\xa6\xd0\xa8-z\x199v\xe3\xcb\xf1\xb9\xd1\x85X\x94\x1f\x8e\xc6\xb0o\xbb\xddn\xd3@8c2\xf0\xd7s\x845\xf2W\x97K\x04\x96Y)\x8a\xba\x96\x16\xf0\x81K-+,\x94\xc9\x0b5t\x1d\xab\x95an\r\xbbc\x0b\x0b\xf3Q/N\xe0\xf31k__\x94\x15\x96A~s)GX(.\x17\x92(Pa\xe9Z$f\xb3N\xabG"m\x18s\x0c\x01\x19~\xd7jm\x9d\xc9\xf9\xb5\x85\xf9\x18Qy\xbc\xb1\xb8\x15\xd3a\x9f\t\xc5\x15\xb0m\xe7\xca\xb18\xbb\'\x8ai\x91\x12\xa84\x9b%U\xe0\x02\x98V\xeep80\xb0jd\x1a\x8f\xbc\xd0\x90\\X *\x9eGs\x0bD\x93\xe4\xd5\x1d0\x99L\x06\x83\xec\xdeb\xce\x8c\x94\xd4\x1cH\xab,\x16E\x8bN\xef1\x04\x02\x8e\x01G&gt;\xea\xca\x94\x89&amp;\xd7\xfe\xbc;\xec\x85X\x16\x0b\xc7G\xc9T\x8c\x81\xd5a\x90\xcb?\xc9\x95q^1\xf2\x99RI\xc5\xa5\x14\xcc\x92\x86\x86\xaa\xaa*\xb0\xb5\xe8\xd5\x1a\x9b\xc1\xd4\x89\xe2\x06\x16\xd0\xa2\xd1]@q.\x97\xc5e\xe1\xbd\xf8\x17\x88\xc5yz\xfa&gt;\xcd\x99\x1bviE0\x0b\xa8x\xd2\xaa\xe1l\x03B\xd2\x02\xb9\xf4r\x1b\x8e\x18\xc4E_\x022Q\xfa@\x07\xa6\xb4(r8\x8f\xa0\xae8\x8fL\x16\xff:gX\xa1=3\xb5\x07PI\x1a\xce\x9e=\xfb\x0b\x90\xb1&lt;\xca\x0c\x8e&gt;\xf7\x90\xdb]\xda\x19\rGw\xa3(+\x1ej\x89\xa2\xd2\xc2q\xf4;\xc6\xa0\xd2\xde\x7f\xe4\xcc\xd3\xac\xd8\xa2\xf6\x80\xa8\xaa",\n\x12L\xa7\x0e\x98\xc2\xf1x\x12A\xce\x8c(\xfbnh\xb1`m\x08\xa8/\x8b\xcb\xa5\xd7\xe6\xbf\xe3\xcb\x1dV\xe8\x00K"\xf9?.\x89D\xa7A\xa9\xc7\xe2\xb1Xr\r\x01,\x9e\xb7X\xb0\x9d\x8b\x82(\x02J\xd4\xebd\x15M\xbe\xbf\xe7.\x89[i\x81\xa0@%ix\xa3V\x83D\xa9\x0e\x00\x0b\xa3L\x96\xca;\x8c\x14Z,"\xb5\x92\xec\xd2\xd5Z\x1b\x1b[s\x89\xc5[\x94J\x89\x04I&lt;P\x8b\x15\x97Rm\x00V2\xb6\xb6\x06\xb0]\x9a\x129R\xcb\x05*,Z\xf4_C\x7f\xe3\x15\xdf\xf5\\b\x81\x8b\xd6!ZC\x15Q1\xb5XmE\xa3\xf3\xbb7\xbc\xbb\xbb\xf4\xd9\x97z\x16K"m\x08\xa2\xce\xb3\xdc\xd4\xd4\xe4\xbb\x9d3\xac\xc5m\x8e\xf7\xa6\xc5\xaa7AX\x12\xf2\xff\xc8\x03&amp;\x13\xda\xd50?|C-\xe3x^\xa3V\xbbh\x06ba\x88\xd7\x9fn\xbc\x92\xb8\x9bC\xac\x00\xc7\xdfH\x9b!\xd4\x1b\xac*\xd6!\xb4jz\\C\x9f\xa2-Z\x0b\xf4R\xab\xf5\x18\x15\x05\x14\xa2Ym\xean\xed\xe8hj\x1c\xcd\xd9\xb3-\xc5\xe2&amp;2\xe4\x1dN\x9b\xcff\xb9\xd0\xe9\xb3\x1b\x10f\x1c\x17\xc7y\xd1\xd8\xd5\x16\xde\xe3\xe1\\j\x97\xe8\x82P\x12\xb3\x10\x9d\x03\xd5\xe9\xa6+\xcb\xcf\xfe\xa0\xc8\xd5^\xbd\x89\xfd\x97\xbfq#-H\x0e\xd2\x98\xdd\x17[\xcc:\xc1\x85r\x12]\x82\xc8\xa5\xa9\x93\xd2\x12D\xdf\x15,\xe19\x1f\xce\x19\x1dM\x97\xe3\xff\xbc\x95\x1b.\x85\xe2\xeet\xc0\xc3\x05\x02&lt;\xcf\xbb\x94\x92\x86\x03\xaa\x16\xec?\x10\x86\x04\xa2N\xe5J[\xf0S\t\x01u\x82\xc5\x94\x04\x15\xe2#\xc2\xba\x94+\xae\xdb7\xd9m\x14\xbd\x86\xb2\x08f\xe4\x90f\x1b\xb3\x19X8\xf9\x0b\xd9\ng\x8dJ)\xb4\xe8\\\x9c)\x13\x8e\x8d\xd2\xbd\xa2\xf3\xf4\x15\xc2\xca\x11\x17N\xfd\xec\x9b\x9b\x87\x1e\x1eqj\xc1\xccj\x0bX\x14\xb4%\x91xf\x8c\x17-\xc8)\x97\t\x87A\x95\xb0\x93\x05\xf5\xbd+\x97c\xc0:B\xae\x8b\x8a7qL1x\x93\xe7\x00EO|&lt;\x9cG\xa3V\x9a\x0f\xb2\xc8\xb80\xeb \xb1\xe8\xaf\rJ\xecF\x80\x8a&amp;G\x13\t;}tC\x83`XG\xc6\xa5\x08-\xce\xce...\x86B!\x85b|\x98\xd4\xf2h\xe4r"\xd3h\xf4z6OPu12I\x03\x93K\x1f\xe8\x04S4\x19\x9bOL\xda\xab\x9b\x81\xd5A+\xf1\xe5\xcb\xc7O\x1f\x1e\rW\xa828655\xb5\x8f?c\x91\xe0\xb6\x97\xc7\xec\xe4a\xd6t\x80\xc9e\x18\xe5\xb5\x82\x1e\xb5\xa4\xa7\xa0\xc9^\xad\xe18S\'I\x15\x9b\x9fKLV77\xd3\x1d:a\xad\x07\xa7R\xed/\x8e\x84+\xd4&gt;\xb6\xbf\xb5\xb79\xbd\x81\xd34N\xf9\xbc\x97.\x0b46\xb9\xbc\x90\xb8\xc8\xdd\xccX\xe8\xbc\xc8\x9e\xfe\x90y\x97\x9eu2\xa9F\x17\x12\x93~v\x83\x0e\xac\xc6\xe5/\x83[[\xd7\x8e\x86\xebn\x84a\xadl\xa4\xd9ZcX\x1e\x8dGSN\x0f\x0c\xf07\x9d\x13e=8\x92\x15f\x0f\x8b\x0eSg&amp;\x03&amp;\x1c\xa8\xe7PW\t\xfb\xc9f\xc8e\xc7Rl\\\xde\x1f\xdb\xdc\xfct\xbc\xeb\xf1\xe1\xb9Bm\xa9\xd4\xd4\xd6\xe6\xf4\xca\x86\x8b\x8aGG\xf7\x89\x01V[\x85\xd0\x87\xb9\xc1!X!s\xf4\x93La\x1cV\x89\x88\x82\xaa\x9d\xbcn\x00\xab;\xe7\xech\xec~\xbe\xbfrsj\xe4\xfd\xae\xa7\x87\xad{Eh|,5\xb6Eb\x89\x0c\x8bc7Q\x0c\xab\xf0\x00\x8c\x1c\xfd\xc7k\xfa0\xca\xbb\x87\x86\xe2\xcb\xdds\xa3\xa3ss\xf3\x0ck\xb2\xda\xaf\x02\x16j\xbe\x0eK\xb1{{occ+r\xb5\xeb\xc5\xadCr)B\xc1\xb1Tj\x1fb}&amp;\xd0BSr^\xc22xP\\\xf2\xc2\xb7\x82\xe5\xd7\\(\x19Z^\xee\xee\xedmmML&amp;|\xbd\xbeQD\x02\x85\xa5R\x11\xd7\x01\xd6\xdat:\xbd=6\xde\x05\xb9\x0e\xc95\x1b\x01\xd6\xd8&amp;\n^\xc9\xf6\x18\x8b7\xe3\xc5\x99/\xdff+\xb7\x95\x97#\x93h\x136[~\x8d\xb5\xa2\xa0\xd1w\xee\xbds\xf6\xea\xc9I\xbb\xd3iO\xf8F\xeb\x13v\x7fm-\xc3\xaa\xae\xabsv4\xf5\xceo\x88\xaei`\xb5\xbdxxH.T|*\x12\xd9\xa7\xd2j\xc0\x98\x80q\xcf\x9b\xe1\x1dE\xcc\xc3\xc5\x8cH\xd4W\xf3\x8f\xd7X\xfb;\xea\xfc\xcd\xcd\xd5~\xa9\xd4_]M\x9f\xe3}\xadD\x95\xc5bW&gt;\xa7\xebc\xbc\xa0\x07V{[\xd7\xbf\x0f\xd7W\x15K)\xc2JmR\xc5\x83J\xa7\xf5@-SQ\x11y\xca\x8e\xe7\xe7\xd3\xfa\xf3\xd0+Ek\xbf\xef\xa4T\xaaRI\xf3\x8a\xa5\xb5\x00s\x9es:\xab\x8dR\xa3\x8aqQCu\xfa\xea\x973z\xc2\xea\x1a\x1c$\xb9\x0e\xc3\xf5\xf5:\x92\x18\x89Lm`HaX2L\xa1\x0ez\xa4EV\xdd"r\xbd\x19 VMYIw\x9dTj\x94\x16\x83\x8a\xb0\xecH\xe7I\x95\xd1H\xd7c*,E;au\xc7\x03\xda\xe9\xd4\xd5\xf6\xb6\xc1\xf6[\x87\xd9\x87\x14\xa1\xff\xbc"\xac`d\x0fX-\x0c\xcb\x86c\xf3@\x11\xb3\xbb\x81\x8d\\\xb1\xf4\xc0\xedL\xd9\xa9\x8f\x8cR\xa9\xb4Xz\x80\x85\xd6\x00\xa4&lt;c-+zt.\xa4\xb5w9#\x9b\x8e \x89\x83m//\x1d\x82\xeb\xe2\xd2\xabG\x90+\x12\x0cFV\x04\xa5N\xab\xd3je\xf2|\xc7@\r\xb0j\xc8^}\xa6\xe6x\xf9q\x8851q\xa6\xac@\x95\xc7RHT\x14~\xf2\xfd0\xc1\xa8\xa3\x02\xab\xb5w\xd9-\xdfF\x83\x18\xac\xac\x8c&lt;\xfc\xf9\\\xe8Z\xafV\xef\xa5R\xa9\xe0\xc8\xc8\xd4\x86\x9e&lt;\xfbZ\x14\x133\x07\xd2\xbb\xc42\xe6\xc1;\xfe\x01\xa0&amp;&amp;&amp;N\xd9\xf3\x8a\x8bg\xa4\xaaZ\xbf\x9f\xc0\xfc\xfeZc\x9e\xd1\xc8\xb0(\x8bN\'\xd4r\xe7o\x07\xdfo\x03\xd6\xc7\xeb\x97~\x1e\x17\xe6\x98\xd9\x97\xcf\xee\xad&gt;\xfa\x04Y\x1c\x19\x19\xd9wi\xb5\xda\x0f\xb5\xd8b\xca\x19\xd7\x19@1S\xd9\x07\xc0"\xae\xb2FU\x1eY\x0b\xa4~\x80\xa9\xb0\n\xa5Fc^q\x1e\x95\x17j\x9e\x16g}\xb75\xff\xf9H;\xc3z\xf0\xf0\xc9\x93\x9f\xce\xa5P\x84\x96\x1e\xbf\xdey\xb6\xfe\xed\xea=\xca\xe2\xc8Hp\xcf%\xcbb\xd1\x8b\xb6\x1af\x1c\xa1\'\xc0e,\x85$\xd7o\x9c\xb5\xd4\x12\xd8\xcd\xb9JE\xe6\xe6\xbc&lt;\xa6\x16a\xb1\xa6\xd1{~\xe0\xcbk\xbfn\xab\xac\xac\xfc\xfe_\x8f\xbf\xfa\xe2\xab\'?\x91\x0bPO_\xef\xec\xec&lt;\x1b{\xb4\xfah\x9d\xb0\xae]\x0bnz\n?\xec\xa1\x87\xb8\x0c\xab\xac\xec|\xc9)z\xc8\xc0L\xe9\xc4u\xe1\x1dg\xb5\nTT\xf5*\xe9[\xaclq\x01\xcb\xee\xeb.\x8b\xa6\xaef\xb1\xfe\xf4\xf1\xa5\x13\'\x18\xd8\x8f\xe5B\xfan?\xfd\xe1\xfe\xfd\xfb;;\xaf\xc7\xee\xad\xa2\xba\x08k|&lt;rS\xde\xd3\xc3\xc4b\xaf\xb4\x80UA\xd7\xae%\x17Pd\xa5\xa5e\xf4\xba\xe0\x9c\x9f\xb0j\xc9"OPd\x1b\xc9\x93\xd6\xbeux\xf6O\xac\xb1\xd2z\xb7\xf2\xfb\xdf\xfd\xe5\xe9\x17\'\xb2`?\x8a\x0b\xe9\xbb\xfd\xf2\x87\xdf#\xc0\xf5\xdf\xa9\xf5\xcb\xab\xdfB.`]\xbd:\xe6\x95\xf5\x94\xb37\x8955\x03ee%%\xbf\xec/((\xa88u\x9e\xfd\xaf\x06\xe7\x7f\xf5\xdb\xff5r\xb61m\x9dg\x18\xb6\x14\x8dD3\xce\x8fi\xac\xcaZ\x942\xa9\xc2"\x13\x12N[%\x06V\xf5G\x1d\t\x90\x0c&gt;\x9c\xc5,\x93\xb3(S$8\x87y\xc7Fa\xb3\xe6XTt\x8c\x81"\x858\x01m\x8b\x19\xf3\xe4f\xe9D\x98ud\xaa\xfe\xb0\xe4T,,\x8b\x05x\xe3\xa3` \x90\x98)\xc6!\x10\xbeB\xd6&amp;\xbb\x9f\xf7=\x0eL\xfb\xbc\xc1\x9fD\x9c\x8b\xfb~\x9e\xe7\xbcD\xef\xe1\xbd\xf2\x13\x18\xf3\xb0\xeb\x15\xe6\x95\x9e\xdbEX\x95\xa4\x8a\xc2\x8bC\xb2\x00*\x8b%\xd4\x90x4\x9a\xc34\xba\xf8\x7fp\xe1w.8ET\xbf\xe8\xbdM).G"7a\x17\xb0\x14\xe5\xf27\xbe\xf3\xea\x97\x8f\x1e}\x8d_ \xfc\x0eaUW\xd7\x15\x1e&gt;|\xfe|q\xe1\xe1\x9f\x14\x1d)?~\x88]\xe3@T\xcc*\xe2\xc2\xf0?TI\x83\xe3\xd4;o C\x865\xd1\x90\xd8\x19\x9d\xce\xd1\xc0\xce\xfe\x0f.@=\xda\xeceP\x10\xec\xfa\xbc-Z\x16\xf9\xfb8KQR\xa4?}\xf5\xd5\xd70M\xdf\xceb\x15\x16\x95U\x9f\xa2\xab\xb0\x8a\xf9\x05n\xe5\xc7+i\x97\x08P\x18\x12\xec\xa2!A\xa3\x1e\xefV\x16_\xfc\xd8\xab\xd8\x88\xaa1Q\x9f\xb0\x9f\x1d\xd6\xb0r\x86\x17w\xfe\xcb\xff\xf6\xee\xdf\xff\xbb\x9d{Y&amp;\x88b|H\xd555\xa02,\xa1\xe3\x8f_\xa2-\xba\xa7\xdf\xc6\x8d.\xc4-.:UVF\x17\xc0\x9f9S\x94\x9b\xfb^\xedwK\x80\x85r\xd2\x98\xb8]\xd4\x96\x07\x80U\xf2\xfa\xe9(N\x88D\xe5\xd9\xaeO\xd8&amp;_b\xc1\xb0\xfb\xff\xe9\x0f\x04\xa1\xa8&gt;\x9a\xdc\x85\n\x065\xbb\xda~\x1e\x89\xf4\xa8,EA\xe8\xb8\xf2\xb5\x1f\x9c&lt;IP\xc0z\xfd[\x87\x7fX\x94[]\x96\x9b[TG\x17\xba\x1e\xa9\xa5\xdab{\xb6\x90\xa1&gt;?\xcb\xc5\xe6\xd7\x81}\x15\xdf\xfcXfT\x96\xc6\xd9\xf5\xfa\t\xe7\xf5=X99\x8b\x8f\xfe\xdd\xdfI!\xa8\xb5/4\xa6`0x\x03\x9f\x9a]\xf1\x85\xf0\xc28\xa5\x08,\xd1{\xe5\xe8\xe9\x82\x02p\x9d\xfe6\x06D1\x96Y\xa8\xae\xba\xa2\xdcS\xb9e\xd5\xb5\xb5\xe5\x87\x8e\x1d\xa0\x9dw\x07\x0e\xb0\rx\xfa*\xbd\x9e\xed\xe2\xa2\xbd\\o\x9e9\x19\x15\x9c\x96F\xc8\xb2\x11\xe8\xdc0\xae\xed\xc5\xaa\xc9\x99&gt;\xbb\xf3/`\xac\xd2\x19\x14\x11\xdd\xd0\x14dvu=\x8d\x84\x17\x06x\x8a6\x8f\xf7WG\xbf^\xf0FA\x01\xa8hn\xe5\x96U\xbc\x85\xf2\xca-c\xfb}N\x1c\xc4\x1aB\xe3\xd1\x9f\xab\xaab\x9b)a\x9e\xde\x97\x7f\xac\xf6\xdde\xc9\xe6i\xec\'\xaeD\xe7\xfa\xbc\xf1\xfa\xf0t\xcdK\xa8\x9c\x9a\x9a\x9aij\xc9\xfd{\x07\xd5\xef\xe76{\xb9O\x8c\xe7\x12\xd7\x8d^\x1a\xa9]\xea\xcdp\xf8\x96\xcaz\xd1;\xa0\xaa\xf1\xe5+\xef\x17\x14\x14\xc0+*\xf4\xb2\n\xcc\xefj\xa2\xaa-/?A\xfbr\t\x8a\xef\xed\xa4\xad\xb0\x8cL\xaf\xef\xf9t\xf9\xb2 \xc8^53\xe6i\x9cM\xd5o{\x9c\x8b\xc3\xc3\x04\x93\x05\xa3\x8f\xd1\xeb\x1f\xbd\xfc\xab]p\nP\xbd,:\x8d\xe9\x1a\xe9\xd2\x93{\x8f\xffr\xf7\xee\x8b\xc7-\x03S\xe1\xf0LhlL\x8d\x0f=\x1d\x82o\xde\xb6;\xef\xbf{\x1e\x11\x16\xa2\xff*J*+K\xde\xaa\xad\xa8=r\xa4\xfc\xc4\xb1}\xf9\xfa*\xb6\x0f\x96S\x91\xaa\xaa|\xf9\x7f\x88\xcbN\xb8$J\x0f\\\x0b\xb7\x9e%\x02\x9d\x13\x96\x9d\xd1\xe1\xc5\xc5\xe1\x9a\x9a]2R\xb6\xf6qF\xa6\x99\x00\xa3v]"(05ez\xbe\xf7\xd9\xed\xde\xcf\xbbZ\xa2\x0ba\xd7L\xe6\xe6\xd3x4\x1e\xed\xeaR\xbd\x92\xd4\xb2\xfc\xc1\xcf\x8a\x0b\xcf\x14\xd2\x15l87\xd3\xfa\x1d\x9fT\xf0zf\x10\x19\xc5\xa0Z\xcfU\xf9z\x86T\'\xa5m\x96@\xd8\x00\x00\x05\xc2IDAT\xd7\xdf?\x9b\xb6:\xdc\x91\xc8jj\xbeqnx\xf8\xe1\xd8\xdc\xe4h\xce\x1e2z\xcek\xff\x97;\xf7\x82ZxY\xa2kO6\'\x1f\xab\xcff&gt;1\xb9#\x1f\xde\xed\xed\xbd\xd7\xa2\x8e/\xb8\x92\xa8\xb0\xf1\x01\x84\xa8\xd2\x14S\xa4\xae;\x1f`,\xd4\xe5\xd6\x1e\xdc\xd7\x835\x16\xcey%8%\x12\x96\x9eoen=G;\x87[\xcf\xf9\x06\xe3\x1d\xc6F\x82\xea\xef_i\xe8nn7\x84#\xb7\xc6\x9c\x93\xd3O\xa6b\xa9\t\xef\xda\xe24\x07\xab\xd1\xb8\xa8\xf6u\x80\x02\xd3\xaeK\x88nm.42\x934\x19\x0c\xeep8\xf2\x95\xdb\xc1\xe0\xc3\x16u`&amp;\x1cv\xbb&gt;\x19W\xb1\x96\xa0\x05\x85,\tR\xfc7uEu\xd5\xc7\x0f\xe6\xfb\xb0(\xc52\xe1\x107\x8b2$\xa2\xbeV&amp;\xdf\xe0\x80B\rHnm\xac\xd7C\xdd\xed\x86\xc8\xf7\xff::\xbd\xb9\xd5\xdd\xdd\x1cK\x8c\xcd\x9d\xe5Yr2V\xfb:\n\xef\xa5M,\xba\tb\x82\x0c.\xc2\x8a|\xd6\x1b\xfc\xe2\xa1:\xe8\x02\x16\xb82c\xb2\xb7I\xe5C_h\xb9\xf3\xebS\xd5%\xc7\xe8\xba\xba|,L_\x01\x93\x8f\xc5FP}}D\xd6\xe7\x1bj\xc2\n\x8b\xb0\xfa\x1b\xe7S\xf5\xf5\x9d\x9d\x04fu]|1\xfc\xbc\x99\xb4\x15\x1b\xa1,\xd1\x95&lt;Jz\xac\xd1\xed2\x91OM\x99\xf4R\xd2l\x06\x92\xcbep\x99\x0cnw\xf8\xe2\xdd`\xf0\x05j\x1eTn\x83k)$\xcb0\xcc\xcb\xb8Dy\xf9\xa7\x15o2,\x1f,\xcb\xf7\xf1\xf0Z\xab\xce\xf5q\xc1\xabqY\xb0\xd3\xa2\x01)\xce\xa7\x9a\xbb\xc1D\\\xf5\xcd\xe6\xc8\xc2\xaa\xb5\x94\xd4\xdc\x8c,\xe55\x80q2\xb2M\x97m\xbc\'\x9bkM\xa1\x91%\xb3\xd9\x9cg2\x01\nLp,\xcf\xe0\x8e\xfc\xf8\xc5\x8f"@\n\xbb\t\xcc5\x13\xea\xe8\x90\xb1\xfc\x92\xc1%\xd8\xa4\xa1\xdf\xb2k#}\xbe\xc1\xc1\xc1\x9eA&lt;R\x88U\xadY\xac\xa1\x01\xc9ngX\x16\xcb|\xaa\xa1\xa1\x9b\xab\xb9\xd4\xea0\xe5\x99\xcd~\xbf\xdfj%\xb0-dy_+2\x82\xd31(\xd4\xf8\x9c:\xb2\x94\xcc\xcb\xcb\x83O\x06\xf2\x8a\x91\xf1\xfab&gt;\xe5\x19\xf0\xdc\x8d/\xcd\x84\xa4\x0e\x08\x0b0\x8c}\x9b\x12\xfft\x08\x8d0\xd05\xa0i\x9c\xa9\xaf\xefo\xa0\xf2\r\xa983\xd8\xedN\x8f\xd1\xe8\x01\x15\x11\x95Z\xdb\xdb\xdb\x1d\xf4\xb3\x9b\xcc\x8c\x0b`@\x83e\xdb!\x96%\x93\xee\x12\x15\xd4}9\x93N\x9a\xc1\x84\x98\xdc\xae=B\x99\xbb\xdc\x8c*/\xcf\x8c\x1f\x0f2-e\x14Ibh\x92 :E\x89\xce(t\xa63\x1a\xf9\xa7\xd3)*cM\xe0\x1b\x8c\xcb\x82@X\xf8\r\xcc\x19Jo\xc1#+\x11\x91\xa8xM\xe6\xa4\xc3\xcfEd\xa5[\xe9\x89\x8e5\x0e\xa6\xbb\xb69I\xe1\xf9\xdb\xe9\x9f\x1bH&amp;-\xc4,\x19q\x19\x18\x97\xc3\xdf\xee\xc77Z}0\xa6\x80LA\xd1\xe37dp\x18I\x04fa\xa2a\xd0h\x11eU\xb2\x13\x95\x8d4\x11k.\x05\x95\x96Z)=g\xafv\xb1\x18X,!\xb3,uk\xde\x89\xf4\xaa\xc3\x81\x92\xe2?\x01\x8enf\xfe\xd2\x03gss0\xa0\x99\x1d\x90\xdf\x91\x9c\t)\n\x19\x01\xb74&amp;cV\x1c\x0b2\n\x82\xcdNVA"\xa8\xba\xa9\xed(Gz\xc4C\x03\xa9\x997#\xbbg\xb4\xa5\xe8\xcb\xfbg\xa7u\xa14\x8c\x02\x94\xd9\xc4\xc5\x80\xd8\xe1\x1d\x1c6\xcf\xc0J\x0c`@3Q\x00\x8ev\xc7RH\x14\xed\x82(\x886\xa7\x93\xe5\x07:\x0f*\xc8\xe81j\x96\xd9\xd0\x10"\x83r:=\x13\xb1\x86\xee\xfa\xce\xc0\x85@ \x80\x01\xc1\x80:\x99\xe85u&amp;\xbd\xa3\xb5Cwl{lN\xe7w\xeca\xdaK\xd5\xce\xc4\x1f\x1c~s\x92\x11QU\x98\xe9\r\xc6%\x8atTp\x18\x9d6\x94\x9bMQ\x14\x9bG\x14\xa9\xc0E\x04l\x17\xa9\x0bmD\x85#\x07.\\\xb8\n\x11\xda\xfa\xfa\xfa\x05\xae\x00\xdd\x02\x01v\x17`\x80t[\xdf\xd6\xb1\x82\xe2H.\x03\x0f\xd1DX\x1c\xc8\xaaU\x81u\xea\xf9\x14\n\xcbO\xe3\xc3\xcc\x90\xc1\x85\xe3\x92\x17\xc4\xe5\xb4wa\x8e\xb5\xc9\x1d"\xa6\x9a\xd7\xe6T\xd0\r\xf8*\xc3\xf2\x84b\xf0\x82c\xe1\x06\x90Tf$u5\xfb\xe2\xea\x1e]`\xee\x81L\xa7A\xb9L{\xc4\x1d3\xe3\xe8\xbc\x12K\xad\xab\x03Btu\x95\xb11\'\xad\x8c\x0b)\x11\x17\x95\x96\xd8\xd6$+\x97\xbd\xb2\xd0"\xda\x04\x11Tv\xcd,\xcd\xabNVG\x88.\xb0\x9e\xda\xcel\x8c\x85\x9e=H\xad\xff\x13\x92\xc6\xc5\x86-\xb0\xd8\xd8\xd4\xee\xb8m\x06-\xacl\xa0\xe8\x93\xd5\xf8\xdc\xc3\xa9\xb8,\xdd\xcc\xda\x87\xfbXH\xe4n\x11\x97\xadK\x11$\xb8%\xb4t(^L\x0e\x81e\x88/\x8b\x89X\x03\xca\n6P\xf94\xc7\xd2\x99\xd0\xca\xc6,Z\xc2&amp;g\x1e\xa4\xd7)@\xb2\x8c\x19\x07\xa8N^c:\xb7A#\xe2|T\xe4\xa85\r\x0c\x99\x9a\\\x0b0i!.uEm\xca\xb3%k)\x07\xa3\xa6Y\ny\x88\xca\xc3\xfaO\x11\x14\x01\xc3\x1fK\xbd\xa6&amp;E\xe4X\xa8\xbc\xd9\x91\x18YDG\xa5\x80b\xcfV\xfe\x0c\x11\x18\xce\x91R\xe6\xc1R7;\x1fq\xb1\xc2gM\t,\x97\xc9\xa0\xc9\xa4\x15;\xeb\xc1\xe4\x02dJN\xc5\x9b:$9\xfa\xd8&gt;\xe7\xb5EW\xb5ic\xf5\xf3fN\xccg\x07\x84\xc5c\xe7\xa3S\x14\x10\xa0@\xf9\x11\xd5\xfc6\xaa\xaa\xbe\x81\x91\x91\x1b)FE`!\x0b\xb8VV\x12\xe9UvZ\x04\n}d\'\x9an\xb7\xa2\\X7`ha^&amp;\xa1\xa9\xa7\xd1.5\xfa\xfc\xb9*\xa8CQE\x9a\x83\x15\xb6\xa1$z\xd0\x91\x1d\xca\xd0jz\xde\xc35;;+\x88$\x01gp\xfe\x0cT\x1b\xe9\x86]Q\x92\xdb\x1a\xd6\xca\x06-\xbff\xf1j\xe5\xe9V\xf6\xbbe\xdb\x0b/\xff\x01\xda\xf2\xccq\xdc\xc0%\xdf\x00\x00\x00\x00IEND\xaeB`\x82'</t>
        </is>
      </c>
      <c r="M117" s="3" t="n">
        <v>45492.67644675926</v>
      </c>
    </row>
    <row r="118">
      <c r="A118" t="n">
        <v>330063</v>
      </c>
      <c r="B118" t="n">
        <v>1958</v>
      </c>
      <c r="C118" t="inlineStr">
        <is>
          <t>Danilo Barbosa</t>
        </is>
      </c>
      <c r="D118" t="inlineStr">
        <is>
          <t>Danilo Barbosa</t>
        </is>
      </c>
      <c r="E118" t="inlineStr">
        <is>
          <t>VOL</t>
        </is>
      </c>
      <c r="F118" t="inlineStr">
        <is>
          <t>VOL</t>
        </is>
      </c>
      <c r="G118" t="inlineStr">
        <is>
          <t>VOL/MC/ZAG</t>
        </is>
      </c>
      <c r="H118" t="n">
        <v>182</v>
      </c>
      <c r="I118" t="n">
        <v>5</v>
      </c>
      <c r="J118" s="2" t="n">
        <v>35122</v>
      </c>
      <c r="K118" t="inlineStr">
        <is>
          <t>Right</t>
        </is>
      </c>
      <c r="L11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600fab0-70d0-4ea6-a463-0c7276b29b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'.Tn\x00\x00\x03\x00PLTE\xff\xff\xff\xfe\xfa\xf3\xfe\xff\xfa\xfc\xf8\xf2\xfd\xfe\xf9\xfd\xfa\xf5\xff\xfc\xf7\xfe\xfc\xf8\xfe\xfc\xf6\xfd\xfd\xf7952830\'# *&amp;#\xf5\xf0\xe8\xfd\xf9\xf1&gt;96\x15\x14\x11\xf9\xb7\x8a\xf9\xf5\xef\xfc\xfb\xf7\xff\xfe\xfe\xfb\xf7\xf0\xf7\xb3\x82C&gt;;&lt;74\x18\x18\x15@;82.+\xf8\xb5\x860,)\x1c\x1a\x17\x1f\x1e\x1b50-\xa9kB\xfa\xf9\xf7\xfc\xfc\xfa\xfa\xf5\xeb\xf6\xf3\xec\xff\xfa\xf6\xd7\x94e\xf5\xb5\x89-*\'\xf4\xb0~\xfd\xc3\x9a\xf7\xb9\x8e\xf7\xf5\xf4\xf7\xb1\x7f\xf9\xf2\xe9\xfd\xfd\xfb\xdf\x99g\xdf\x9cm\xc9\x86X\xd2\x8d_\x1c\x17\x14"!\x1e52/\xd6\x90`\xf0\xaby\xf1\xae}\xfa\xb6\x87\xf4\xb3\x85\xfd\xfb\xf3-($\xcd\x8b^$\x1f\x1c\xfd\xc0\x96\x9ff@\xfb\xb9\x8b\xf2\xb1\x83\xb5uJ\xfb\xba\x8e\xfb\xbc\x93!\x1b\x19\xda\x97hJEC\xf5\xae{\xee\xae\x81\xfe\xff\xf9\xe4\x9fn\xaapH\xfc\xf7\xed\xa3jB\xc1\x83Z\xe8\xa5u\x11\x0f\r\xdf\x95b\xd3\x92f\xbb\x7fV\xe7\xa2p\xbb{P\xce\x8ed\xee\xa5r\xe3\xa1r\xfe\xc7\x9f\xfc\xbc\x8f\xe3\x9cj\xbbvK\xf3\xady\xf2\xf1\xf0\xc7\x82U\xcd\x87Z\xd7\x89U\xef\xa8u\xdb\x94b\xc1yN\xc2\x7fR\x19\x14\x10\xe7\xe6\xe5\x97`8\xd1\x8aZ\xeb\xa3q\xfd\xbe\x93\xec\xab}\xb1oEGA&gt;\xea\xa0m\xec\xa8x\xde\xdc\xda\xff\xff\xfa\xff\xfe\xf9\xf0\xed\xe4\xee\xe8\xdf\xa3e=\xc7\x89`\x9c`:\xde\x91^\xd6\x97l\xff\xff\xfc\xd7\x8dZ\xb0tK\xb5zR\x91fI\xfd\xca\xa3\xee\xed\xebB-!\xe9\x9dh\x96gB\x82\x7f~\xdc\x8eY\xe1\xa3x\xcf\x85T\x9dd&lt;\xff\xfd\xfaK3&amp;\x96Y5NJI:%\x1a\x91R1\xe3\x96`\xc8\x7fP\xe7\xa8{\x90_;[YX\xf3\xaaw"\x1a\x14\x86[?1$\x1czF,\xda\x9am\xff\xfd\xf6lF0\xe2\xe1\xe0^4!\xa0mHieeV&gt;0~W?\x9f\x9c\x9b\x8dbCQ.\x1d\xe5\x99g\xf5\xec\xe3\xc8\xc6\xc6\x8c\x89\x89UQQ\x95\x93\x92\xcf\x94m\xfd\xcf\xa7\x85J+|P6\x8eZ64+$m&lt;%qmm\xbd\x88cc^_\xd8\x9dv\xce\xcc\xcc^=,\xd9\xd8\xd7\xaf\xad\xad\xb6\xb3\xb2\x98iJ\xbc\xba\xb9\xa3vZ.\x1e\x16\xa0nQ\xa7_8\x96_?\xad}^\x86R6sP;\xb0g=`F5yvv\xff\xfe\xfa\xb8nF\xe7\xad\x85\xc3\xc1\xc0\xacuQ&lt;/)\xfa\xb4\x83\xaa\xa8\xa8\xd5\xd4\xd2\xdb\xa7\x83\xdc\xae\x8eF&amp;\x18\xc5\x8fkjM8\xea\xe2\xd9\x96oTK:/\x96L&amp;\xd3~J\xf6\xbd\x94\xfc\xd7\xb1\xa1V2\xb5\x8ftz?\x1f\xcf\xb0\x9e\xaf\x84g\xbe\x9c\x83\xea\xd7\xcbwYF\x86cI\xf4\xa3\x88\xcaxH\xa6\xa3\xa3\xd8\x8bt\xea\xcc\xb8\xc8\xa1\x8a\xf7\xac\x91\xce\xaa\x8f\xd6\xbe\xaf\xde\xb6\x94`L@\xfd\xbd\x9f\xca\x97v\xdc\xca\xc0\xc1o@\xf1\xc4\x9b\xeb\x9f}\xe6\xc2\xa4~cP\xea\xb3\x91\xa1\x1e\x85=\x00\x00 \x00IDATx\xda\xcc\x98\xffO\x13y\x1a\xc7\xfd\x19\xa6\tCB\x80\x01:\x03\xf6\x07)H\x03\xc8\x8c\x056e\xe0Pf\xad\xd1\xc8\xb6\x8at=\xc0Z\x84\x01\xb9\x85\x9e\xbf \xbdtAZ\xe0j(\xa5,PZS+\x05K\x10\x94\xd2\x82R@\xad \xa0\xe1K\xc1\r\x1a\x90\xbd]\xb3\xc9n\xd6\xe4~\xd9\x18/\xeb\xdd3\xde\xbfp\x83\xf7\xa4i\xda\x9f\xe6\xd5\xf7\xfb\xfdy\x9e\xe7\xd3\x03\x07\xfe\x97\x95\xde\x1a\x15u\xe0\xff\xa6\xa2.n\xcd\xaf\x8f\xbe{&lt;;\xfbX\x94\xceq\x89&gt;;\x9c(-\xadf\xe6\xaeP\x80\x88#\x06\xdb_\x8c\xb5\xcf\x1e\x8c:x\xf5b\xd4gUM\xd4zk}\xbc\xbd\x8bB1\x92U\x90\x82\xb0\x08D6\xb6u\xebq\xdf\xba\xa8\xb5\xf5\xf3Q]\x9dk\x7f\x10\x8b*\x14\x18\xce\x90$-\x130\x18%\xa0e}\r\xe8\xd4\xad\xf9\xd1\xcf\x05u\xf1]Wb\\8\x82\xe1b$\xf1D\xac,&lt;BH\x10\x04N\xd0\x0c"\xa0\xdf\xcd\xbd\x03\'?C\xca\xd3f\xa6\x8e\x1e\x8d\x8bI\x04,\x81 1\\\x18\x7f\xe2\x84\x90\xc0P\x0cC\t\x86Ab\xfb\xfa\xc6\xdb[E\x07\xf7\x99,\xbd\xe6n\x03-\x84(\xc53(%\x16\xd0\xa8\x02%pp\x13\xe3,\xa5H\x06\xc1\xa9\x13a/j\xae\xb6\xee+\x97\xe8\xe5\x03\x9a\xe68\x12\x11\x14\xa5\x04(\x86\xe3\x14E\x11\x04\x82P\x04\n\\\xf0\x15\xc7\xc5\xcc\xe0\xdc\xcc\xc1\xfd\xa4\x1a\xed\x13\x84\xcb\x08\x16#\xc48\x8eP\x18\x8a\xa2\xe2\xbe\xc1\x13\x02\n\xc3pN0\x9c@1\x02g\x18:\xa6\xbdf\xff\xe4J\x9f\xe9\xc2}\x11\x08\x10`\x18Cq\x85)\x88\xd8p\x8a;\x92\n\x05Epfb\xc0E"\xc2\xf8\xb9\xf4\xfd\xa2J[\xef"h\x1aX8aH\x1a\xa7\x84\x14\x8d\x90\x90.\x06\t\x8bG\x15b\n\xe5\n|eI\x01\xf3\xe0\xe2&gt;Q\xb5\x0e\xc7R8I"\x04\x8b\xe3\x1c\x0b\x8d\x84\x8bi\xa1\x00\xc3\xc8\xf8\xb8\x06!\x82\xd2\x08w\x1c9,\x12\xc5h\xc1\xdd\xb4\xfd\xd1j\x98\x12\xe0\xb8\x82\xa40\x86  \xd88\xcb\xdad2\x19M \xac0.\x8c\x12 ,\xc2*8\xb9X\x92\xcb\x1c)~\xbc\x1f6\xa6\x8f\x86%"\x90 \x06#h\x16\x17\x13\x84\x002D\x00\x16\x12s\x14\x97\x89\x11\x06a\x19R\xa1@\xc1_\x16\x07.\x96\xed\xab\xd9\x0f\xb1\xda\xd1D\x1aD 1\x82dq\x9ae\xe1\r\x8e\x9c\xcc\x1e\x0c50$\xc3\x906\x1b\x8cG\xe0bA*\xfc\x93^\xc3\xfb\xd0\xeek\xc2P\x84\x81D\t\x11\x06\x88l,\xa9\xb0\xd9}!\xbb\x8d\x0e\x06}4K\xc2l\xb4\x91\x10\x7f\x05J\xb2\x00\xc6\x9d\n\x94\x1a\x86\xe6\x95\x96&amp;\xe2\x13k\x96\xc2h\xf0P0\x16\x87\xd8\x82L\xd0b\x0f\x06\x03\xcf\xdd\xbb\xbe\xa0\xdd\xc2}\x0e\xda\xed6\x9b\x8d\x014\xc0\x83\xc6\x8aB\xf80jT4\xbb~\x95\xd7\xe8\xcf\xa3\x18B(0YW\x97\x1d\x98&lt;\x0e\x87\xdf\xe5==\xf4\xdc\xe9|\xed\x0c8].\x97\xd3\xd9\xd9i0x&lt;\x1e\x8e\xd2\xc6\xc2\x81$\x19\xbck|\xf8%\xafb\xa5\xf5a\x18"\xc3\x11\x1ci0l\xc3\xd3\xcd?\xbeu,\x15l\xb4y\x97\nN\x174\xddhjj&lt;\xd3\xd6;\xb0\xd4=\xe1p\xb8\\\x9em\xbb\xedS\xd6\xe8\xc1\x19\x11\xbfM+\x0ef\x9e0\x1c\xb71&gt;x\xaa?\xb0\x04X\xdd\xc7\xaa.\x15\x9f.\xafVW\xab\xd5&amp;\x93\xa9\xaa\x1cj\xe5G \xf3\xbb\\\x86\xa0\rW\xb0\xc4\x14\xbfXQ3B\xc0\x12\xc4P\x16\x8fe\xdbe\xf0\xfb]\x13o\x1aM\x99\xca\x8c\xcc:\xadU9b\xec\xe8\xe8\xd0\x00\x99\xa6\xa7\xaa|\x01\xc0\xde\xfa=\x16\x1b\xc4\x9e\xc5_\xf0\xba\xac\xa6M\xd1\x10,\x92\x16\xd8=~\x8f\xc35\xb1`v\xac\xa8\x0f\x8dhK.g\xd7\xd5i\x8dF\xab\xaeC\x03u\xc5\xa4\xee)_m4w;\xc0G\xaeK(\x1aF\xf9L\xfcl\x0c\x02\xcb\x01\xca0A\xd7\x9bn\xff[\xffjY\xf1\xe2b\xf3\xb5\xe9;\x1b\xd3\xa5%*\xc0R\x02\xd6\x15\x8d\xe6\x92\xba\xaa\xaa&gt;\xe9\x06\xc7e\x87fO2\x11\xed3&lt;\xb6\xf8\xf9\x98xXgH\x1b\xe3y\xf3aoe\xd5\xe1yZr\xb3\xf9\x8e;dqMT\x97\xa9@\xae\x11k\x87F\xaf\xd3izz\xca\xeb\x1b\x9bjk\xcd\x0e\x0b\xfc\x0c\x8c@\xdayt1m&lt;"\x11#\x08\x86\xb5t\xff\x06^Y{&amp;\\\x8b\x97J\x87\x82\x9e3\xea\xb3_gW\xa8\xb4Zc\x99R\xa7S*;L=\xe5\xc7\x92\x00\xabv1@r\xed^\xc1\xe7\xc4n\x9dB\x10\x0cVu\x9b\x1f\xa8\xf6:\x8cJ\xab\x1e\xda\xc2d\xbd.;2777Z.W\x19\xcb\xca\x94\x97\x95J\xa5\x1e\xd4Jj\xbc\xd14\xd9\xeb\xb4\x00\x17NN\xf1\xb8\xe0\xccvQ4\x811\xec\xf6\xc2\xde\xde\x9e\xc6j\xb4\x1aOfk3\x8c\xaa\xca\x8a\nItt\xc2\xe6f\x85\x16\x94\xeaPZuz\xf5\xf9c\xe0\xa2yr\xd2\xe1\xb1q.\xf28\xb0\xa3F\xe3\x11\x06g\xd1\xe0\xc4o@\xa5\x1c\xd1\xd6U\xaa\xfa\xfbSrNUVH\xe4\x15)\x92\xcdhye\x9dQ\x07]\xe2\x93\x89\xf5IM\xddf\x0e\x0bf#\x15\xfb\x92\xbf\xc4\xaf\x0bl\xb0\xdb\xb1\xae\x15\xa0\x92Z\xad\x10%m\xbf&lt;W\xae\xca\xce\x89L\x90\xc8\xe5\x12\x89D^\xa9\x1a\xd1A\x97\x00\xac\xf2\xa4\x85\x05\xb3\xd9\xbc\x14\x80\xb3\x88!\x02\xfeNb\xfac\x9afP\xd4\xd2\xfd\x01\xb0tV\xabQ\xabUeoJ\xe4)9\xd1\x9b\xd1\x92OFF\xa7T\xd4\x19\x95\x1a\xae\x9f\x1e\xab_i\xaa\xed\xee\xee]\xb6\x908N\xe0\xc3\xbca\x1d\x9cc\xc4$F\x07\x1a\xf7\xf6L\x9a\x0e\x9d\xd5h4\xd6UFKRR$\x92\x14\xb9\x1c^\\\xf5\xf7\xf7\x8f\xe85\xea\xffbq\xe1\xf2v\xda\x08X\x9f\xc7\xf9\xbb\x87m12\x92\xf19\xebM\xd0\x1d:2J\xb4\xda:Ut\xe4\xf1\xc8\x84\xc2\x1c\xe0\x02\x07\xe5\xfd\x95\xf2\x8a\xec\xca\x922\x9d\xa9\x9a\xcb\xd6\x8dZ\xb3y\x12\\d\x00k\x8b\xb7\xc4\x8b\xb6H\x04#C\xfe\x15\x0eK\xaf\xccP\x1a\xfb\xb3s\x8f\x1f\xe6*27!!77!:\x05l\xcc\xfe\xea\xab\x8c\xac#\xe7\xcf\x1fK*(h2\xd7N:-4,]w\xf9Sk\x8e\xa41\xdc\xe0_=rE\xd3a\xb5\xea\x94Z\xf9\xe6\x9f\x8e\x17]\xb8~\xfdBj\x11Tj~Q\xd1\xe1\xe3\x91_\x9c\xfc\xeeKi^uu\xf5\xf9O\x1d\x95\xeb\\\x0c\x8e\xb5\xf3\x88\xc5 8\x1e\xec\xbdt\x05\xe6\x8b2\xa3\xe4\x9b\xc2\xe4\x1fRS\xef\xff\xe3\xfe}\xe0J\xcdO\x05\xbc\x0b\xf9E\xc9\xc9\xc9k\x7f\xcf\xcc\xbcy(\xaf\xf8\\s\xd2\x8d\xb6;^\x0b\\eQ^\xb1\x844k\xf9V\xaa\xd7\xeb22\xaf\x15\xbfz\xff\xec\xd1\xb3g?\xfd\xf3\xfd\xbf/\\\x00\xb0\xfcT\xd0-\xb5\xa8\xb0pm\xed\xfb\xf7\xaf~\x9e~2\xb04\xd0\xdb\xd6\xd62`\xc0)\x02\xe5\xd1\xc4y&amp;&gt;\xde\xee\xcdRJ\xa5\xd2\xbc6\xf7\xae{\xb73\x142t\xfe\xfeq\xe7\xfb\xd4\xeb\xa9\x9c^\xf9\xf9\x87O&gt;\x9c\xde\xf9\x05\xb6\xfb\xd0\xee\xae\xcf\xe73\x0c=j\xb9\xed\xb4Q\x0c\xf6\x8e\xc7\xbe%\xf0\x85\xdc?\x1f\xd2K\xa5\xc5\xcb\x16\xb8\xf0\x84|!\x9f,h\xdfu&gt;[+\xfa\x0b E&amp;\'\x17&gt;|\xb2\xdcig\x08\x8cU\xb0p\xcd\xb0Y\x96\x1f\xddn1\x104\xb9\xc5\xe7\xf0\x89\xef\xf4\xde\xcb\xd2\xeb\xb3z;\xddC\xbf~\xfc\xf8\xcb\xeb\xe7\xee\xce\xce\xc0\xc0Fian\xf2\x17\x85999\xdfL\xdf\t\x18Bv\xbba\xf7\xf9k\xb7\xdb\xddi\xe9\x1ch{\xfa\xdaN\xb3\xfc\x99x\xe0j\x97x\xb7\xa5\xf4l\x96~\xfa\xf5\xf2\x93\x87\x7f\xfc\xf1\xaf\xb5\xbf]\xfbvc\xa3\xf9\\^f\x85\xa4\xf0\xe4_KN\x9d\xca8w\xba\xd7\xebw,\x9e\x9e~\xf8\xf0\xd5\xf4\x93;\xde\xc0r\xcb\xd3!;\xc3\'V\xcd\x03\xc4\xfd\xf4^i\xde\xe5\xf3-\xef\xbf;\xf9\xc3\xe1\xc3k7\xabVV\xabzL\xfa\xb2\xca\xe8\xc8?\x17\x9e:\x94\xa7^]YXXi&lt;s\xba\xb9\xb8\xf8ZO\xf3\xed\xb6%o\xcb\xce\x90\x85&amp;\x87y\xc4\x1a\xb4\xbbw\xee\x1d\xb9t(\xef\xec\xd7\xda\x92\xd2E\xc7\xf2\xef\x86m\xd7[\xf3\xaaZ\xaa\x95\'\xe4V\xeaL\xabIM\xe6\xa6nG`7&amp;d0\x04\x96\n\nj{\x07\x06Z\x86\x0c4&gt;\xcf\xe3v\xfa\xc2\x12\xd8\xb9\x97e\x92~\x99q\xeal\x81\xc7N\xc7\x8e\x85\x8d\xb5{\xdf\x9a\xd5\x97\x8d\xaa~\x89J\xf7\x01\xae;K~\xcf\xd0\xdd\xc1\xb1D\xb8f\xdb\xb6\'\x16{{\x07v~5\xd0\x04\x8f\x7f\x88\x8b\xc6\r\x81G\xf7\xf2\xa4V\xe9\x95\xea\xa5\xedm\xef\xc0\xf2\xb2s\xa8\xb9\xc9\xd1\xadVZ\xb5\xfd\x15*]\xf9\x02\xdc&lt;&lt;\x8e\x8d\x9fv\xbc~\xff\x92\xe3?\xbc\x9a\xddO\x1a{\x1a\xc7{\xd3\xec\xcd\xa6\x17\xecz\xe6\x8a\x9b\xc9\xee\x86\t\xb0ny\xd9\x04\x90\r\xe1=D\x02\x07&amp;\xce\xf0\xe6\x80\x01\x15\x92"\x10\xbd\xd8\x82\xce\n\x98#q$\x9ac\xc5\x90Fb$\xdbP\xbc\xe1Xc\x88\xf1\x82\xe3\x11\xb46\xc1\x98nTZ\x0f\xb5V\xabgkj\xad\'}9\x9et\x7f\xecf\xff\x84\xe1\xb9$!\xf9\xe4\xf9\xfd\xe6\xfb|\xbf3\xcf\xc3\x1f\xf6\x97\x17\x17\x97\xe2\x07\x13\xbf\xfd+}\x02q\xa3\xe5_?&gt;\x01X\xbc\xd1{\xd3\x80\xc5\x9c\xa1\xb6w\xb1\x88\xb7\xea\x8a\xb0\x86\x87\xd2]\x00\xcb\x1b:\x9a\x9a,W\xcd$\t4\xde\xac^\x9a\x9f?\x9e\x9a\x9c\xc9\x1d\xac\xee\xef\xff\xf4\x89\xae\xf76-\xb7\xbf\xff\xf1\xc9\x81\xcd3dp\xb2\xa6\xdd\x1e\x1d\xaaW\xa5t\x9e\xcf\x9f\xcf\x87\xc7\xba{\x80\xa7\xb1\x8fyC\xe5z}k\xab\xear\xfb\x05n+&lt;9\x05|\xa0"9\x13\x7f\x00\x9a\xb6v\x97\x1e\xae\x96[\x17\'?\xcd\xad\xd9\xc6\x87y\xbaa\x11\xc9w\xea\xf8\x1d\xc3\xe3\xe3\xfe\xb1\xb1\xa1\xa1|k\xba\'\xdd\xdf\xed\n\x85\xcaGe\xaf\xdb7}&gt;\xed\xf1L\x9f\xbb\xf1hx0&lt;\x98\x8bW&amp;\x8f\xea\'\xf4\x04\xfe\x9b{\xe7/b\x95\x9d\x88\xbf\xdb\xef\x11fP1\xca\x1b\xcd\x1b\x80\xe9\xb2\xf7\xf4;\xd3\xedv{Wz\xc8\x05\xc3\xa1\xf2\x96O\xa8c\xf5\xf2\x1c\xa8\xb8\x8f\'\x12\xe0\xc6d%\x17W\x84\xcb\xf5SZ2Y\xcb\xc5yw\xc7=?n\xf6\xfbE:GP\n\xa5\xed=iqO;S\xf3\xb4?\xfdT"fCl\x83\x0f6\xc5\xe0\xeat/\xdf`A\x83zU\xd0\x82b6s,\x1b\xcfU\x8ax\xfd\x15-\x99\xace\xe5\xf3\x98\xa3\'\x83G\x84,~P\n\xc6\x1f\xd4\n\xb51\x98Jy\x00\x910%\xe2\xf4S%S\x82\xc1a8\xa4v\xf7Z\xd0\x016[\xc2\x96\xa0\x8eL!\x82G\x13\xb9\x8a\xbaZ\x9fyN\xcb\xa0.\x8c\xf7\xfc\x92\x8a\xe0\x02]*\xa8\x97"\x08\x97\xab\xd4\x10\x01\x8dF\xce\xd1\xb4\xe7{\x9d\xe96Ng\x80rMN\x1e\xc1\x02\x9eE\x02I\x99LH\x15L5\xb0@\xbb*\xf0\xd6\xd1\xe2\x19\x1dw\xfef\xe1&lt;/G\xcdf\xa1E\xafW!\x0cm\'(N\x80\x08\x04\xe4\x0cg\x87\xc1.\xd1\xbc|\xd9\xc9\xb5\r\xc2j8$tv1\x18\xc0IKUz\x8a\x8c\xe0\xeal\xae\x14\xf3\x85\x16\xe9\x90\x88\x96\xdf\x99?\xf7wuafV\x0f\xa0\xd2rF\xbe\x03\xa6\x94#\xd7(\tM0ux\xa8d\x06^~\xc7A\x84\xb0\xd5\x16\t\x87\xbdN\x15\xd2\xb0\xf8RU\x8a\xb4\xe1\xc6l|\xf1\xa8\xea\x9a\xba\xfa=\r\xddZp\x8f\xff\xc2i\xcd\x1414\xa8\xe2rF^\x02\xaf\x0c\x1c)\x03\xd1@).\xe7P? 9\x943(\xb5"\x8a\xe3\xc6\xc1\xadi\x1e\xbbM\xd9\xb0\xf5\x14&amp;\x88\xc1\xd9\xd2d\xfdhk\xf0\x84\x86\xcfe\xffx.\xeb\x1bA\xf2\x91"\xe6\xd0\xb7i\xe4\r,\xe0\xdc\x95m\x84\x16\xe9\xeb\x9f.\x1f\xa9\xdd6&gt;f\x9c\x05\xba&gt;8\x18\xaez\xfd\xa3=\xec6H\x92"e\xbe(\x9c\xc8%\x8f\xea\xf5\xfa;:\x14\xe2\x02\xb3\xdb\xf3\xf7\x04\xc5\x82#\x08)\xc1!\x8ep\x02Z\x04"\xe4\x1c\xae\xf3\xc5\xb9\'\xf2\xf1c\xc4xg\xf3\xd9\xc4\xfc\xf2\xe2d\xd5\xe7\x19\x1e\xbb7\xda\xd5:\xc0\x97\xf9\xd4\xa1p"n,\xd7\x8fi\xc2\xea\x1dz1\xd4\x9f)\x16t\xa8J\xda8 \xa6R)e\x82\x1b\xafQ\t\xfd\xe6\xd2\xc1F\r\xdf\x01.~~~y\xc6*\x10u\x88\xc6\xc6:\xfa\xedN\x81\x1a6%\x13\xa5\xf5\xa3c\xfa\xb0\xb6\xce\xa1\xed\x9a\x8de\x91\xb0[\xd9\x8d\x17GL\x86&amp;@\x10\xdc\xed\x95\x8d\x83g\xab\xab\xcf\xd6^\xff\x1b\xd8\xe4o&amp;\xe6\x1fU\xac\x82\x90\xbb\xa3\xb7;\xcfs\xc3\xc9\xc1;\x89\xf8\xec\xf1\xf1\xe0\xd1{:\xee\xd6\x99ht\xfcso\xaa\x10a9\xc5\xed\xf6\xbe\xaev\x08R)\t\x86\x9e\xfa\xf8\xbat\x7fuunn~.\xfehvv\xfe\xe1?\x1f\xeeO\xcc\xddO\x98y\x1d\xdd\xdd"_\xe3Ue&lt;w\xbc\x98\x80\x17\xaf\xe8\x18\x8a\x0b\xba\xbc}|\xab\x9a\x89`\xac&gt;\xfb\xe8\xa8\x1dx\x86\xd66)UL$\xb2K\xeb\xa5\xf5"\xe6\xb1\xc6\x04\xc3B\xb7kgsn\xf5\xdboV\xef\xe3\x86\xfc\xf4\xb8/\x0cru\xa9\x04\x87\x8c\xf5cZt\xeb\xab\x95\xee\x0e\x03\x8f\xccDH\x8c\xe7\xec\xc8\xf7\xa7[\xd9\x00\xaa\xb4\xb8\x14\xb3\x91\xdb\x87\x1f.\xaf\xf3(\xc5\x1b\x12\x89\xf2"wL17\x01:V\xb4L{\xadaEv&amp;\x97\xf5z\xd5\xe5\xc93Z\xac)\xf5b\x18=\x1c\xd9\x8e\xd8\xf8\x16GoG\x7fk\xbb\xfec\xe9\xc1\x0c\xae3\xa4\xdf\\^^^\xf3=B\x8f\xd7\xebr\xf9\xbc.uTQ\xd9\x9c\xdf\xbfo\x93\x85\\Ic\x03\xab\xaa\x8enm\xdc\xa5eT\xff\xdc\xdd;\xc0\x95#\x91\x9aC\xcc\x14;\xfb \t\xb5\xfe8\xab3\xf03\xfc\xebk\xf2\xed\xb4\xd7U-\x97\x81\x95\xdf\x9c\x9aLVf\x96*\x9bs\x0f\x14\xb2\x10\xac\x88\xc13\xf1l\xb9\x0c\x97k\xb7h\xf1[\x0b\xfc\xbc\xb8\xabU_\xa8\xf1\xd9J&amp;ji}*[\xcafx\xe3\x1e\x81\xb7\n\x1bwN\xdf\x9d\xbe:}\x7f\xba\xf6\xea ~\x7fyynv\xb6R\x84\xa7|\xb0\xc2\x84\x9b\x12\xf1\x9d\xad2\xbcuB\xcbND\xcbo.FG\x07T\xc8J\x8d\xd43\x08\xb1\x13b\nc\x05,\xb4\xb9Y9X;\xbd\xf8t\xebo_/\xfc\xf1\xeb\x85Og\'W\xefV\x7f\xf8vy\x12_\x89\xb8\xac0\x08\x8c\x89x)\xac\x0e\x85j\xb4\x9c!\xa8\xbf|\xe9\'\xb4r\xcaFRR%\xe4\x18\x80\x82`\xe2\xc1\xf3\xfbk\'W\'W\x17\xcf\xcf\x1auq\xf2ncc\xed\xd1\xc3\xe5As\xc6\xe14\xb8\x8c\xa6h4\x11\x07?\xd6N\x9e\xd3Du\xa3e\xe1\xd7 \x9b\xda\xcb\x88\xf8*\x82\x18\xb005Z=\xe5\x90U]\xb6\xb7\xb6\xb7\xff\xaf\x88/T\rO-\x85]B\x07\x85\xea\xd4Q8fT\xac\xdf\xfd\xf3\xdd\xbf\xd3\xb8\xd5\xd2\xf2\xd5\xd9\xc5\xd9\xad=\x11?H\x04\xf4\x0eHK(\x111$\xe6\x19\xae\xaf\xdf\xbc\xb9|\xf3\xbf\xba\xc6&lt;`\xde\x18\xadB&gt;?\xe3\x8b\x1aC\xd1lr\xfdO\xe0\xaft\x7fF\xbf\xfd+F\xa2\xd2\x00\xe2\x10+AAR.\x17\xc8\xc3\x87\xff\xd6%`\xbb\xd6E\xcc\xd6\x90\x1a\xc7\xf8\xce\xf1h\x14\x8e\x1a\xb3\xc9\xb5\xa6lh\\a:CP\x83\x04{ `\xa9\x94\xcc60\xad9\x1f&gt;\x1c~\xf9\xb2\xb7\xbb\rj\xb7\x10\xb1\x86\xac@t\x05\xd6\xa8\x11\x06\xaau\xe7U3\xd6\x92Z\xceH\x1d\x0f\x95"R1\x9b\xa9$\xe4\x01\xa5\x92\x08p\x0ew\x0b\xc5\xd7\x07\x0f\xe2\xaf_\x17\x0b\xa4\xcc\xea\x13\xd80\x1b\x1e\x8a\xc2\xa6\xac\xe2\xce`S\xb0n,\xac\xf0\x9c\x0e\xbd\x14\xea\xe9\x824\x01\xb9\x9cP\x12\x9c\xce\xc3\xdd\xe2\xfa\xe3\'\x13\xab\x8f\xe3\x1b+\x19\xa1L&amp;d\xd9d\xb8\xd1d\x82\xe1d2|\xda\x14\xac\x9b\xbbN\x83\x01\x15\x8bA2T\x06\xb4\xda@\x1bC\xde9\xd2I\x01g\xba\xba&lt;\x9b\xa5\xa4\x0e\x11\xcb/d\xc9\xcc\xb1\x06\x96I\x11N\x9e\xfc\xa1\x19X\xb7w\x9d\x16\x10O\xd1\xf6V6\x83`0\x18m\x08HA\x1c\xbd\r\xdf)\xd4`k*H\xb1\x84"!\xa0\x8a\x1a\x15I\x85\xc2\x14\xbes\xd5\x9c\x1d\xae]^_\x9f\xc5b\x11K$\x0c\xae\x8a\xcd~\xca\xd0r\xe4\x84\xf6\x90\x8b\xe8\xf5(/C9tB\xa1[\x1d\xc3\xa3\xa6\xb0\xa2Q\x95O\xcd\xd9x{OZ,\x06\x83\xd3\x89\x06\x11\r@aj\x08\xa2\r\xe4kD\x8f\xa6P\xdd\xb8\x9f$E~\xab\x15\xc7\xa3\x8a\x84\xa2\xd1\xadD\x93\xba\xb5\x87\xf1\x1d|&gt;\x8f\xe7H\xa9\x18\x1a)\xc8A\x0c6$E\xf4\xc8v0\xe5\xc8\x08|\xb2\x0cK(0\xe3\xe0\x0c\x13\x89d\x18\xce&amp;\x9as\xb7\x00\x16\x99a\xe9\x80\x8a\xa3z\x06\x10.&amp;\xa2\x94\xb2\xb9\\\x8a\xdaNmS6\x99\xdb\x8ca2\x81\x007*\xb2\x89\x84"lZ\xcf5\xe7I\xbc\xf13\xab@\xdaX:\x1d\xc9OI\x11\xa0\xa8\\\x02(\xd7\xf6\n\x99JQT\x047\xcbl\x02\xb3\xc0\x17\x05P\xf1R6Q*U\x9a\x84\xb5\xd7\x8b\xd9l\x18\x86\x91$?\x88(\t\xae6\xc0E\xb6k\xb5\x02\x95"k\x11\x1c7\x0b\xccf\xb3\xd5X\xca\xe5\xe2\x89D\xae\xa4h\x92\x9c\xde\xf8\x0f/\xe7\x1a\xd3\xd6y\xc6\xf19\xc6\xf6\xf1\x92\xd8\xd9qlw\xd5N\x94\x11l\x8e\xb1\x8c\x8d}\xbc\xd4&gt;\xd8u\xe3\xeb,&lt;_\xf0\x0c6 \x8cc\xd7\xc6\x8a\xcdE8\x92\xcd%\x04Ph\x9b\x0b\xac\x19\x01!w\x81*\xc5\xa1\xa1i\xab@\xd4\x8c,7\x8aF\x18\x89V\x9avm`\xfd\x14-[\xf8\xb8iR\xbfL{^\xb2\xcf[\xd6&amp;~A\xe2\x1b\xfa\xe9\xff\xfc\xdf\xf7\xfd?\xc7\xcf\xf1W}\x89\xba\x9e\x9e\x06X\xc7\x16;\xac\xb8\xc2\xe1p-~\xbc\xbctmq\xf1\xda\xd2\xb5\x95\xe5\xf5\xfa\xc1\xc1\xd0\xc0\xf2V~vh6?q\xc1\xdc\xfb\xb8HX\'/\xb9\x1b\xeaA\x92\xda\x9e\x87\x8b\xa7:p\x19P]\x9b-\xac&lt;|\xb8\xbc\xb4&lt;\xb4u\xfb\xf6\xec\x85\x01\xcf\xd0\x93\xc2\xc4l\xfe\xae\xd9\xe3+\xd2U\xfd\x83\xaf\x8e\xab\xdd\x9a\x86\xdaP}hp\xe5\xd1\x9f4\xa7\x16\xeb&gt;~\xf4xh~hiyvh\xa8P\xd8Z]\xcd\xdf\x9e\xcd\x17\xf2\x0b\x13\x13g\xe0\x9c/\x1e\xd6X\x97\xbf\xa9\x8eJFk\xd7W\x1eA\x1a\xbd\xb0\xbe\xb4\xb4\xf4\xe7\xd9\xfcl~+\xbf\xb1\xb6633](\xcc/\xa4&amp;R\x88\xca\xdc\xbb,(\x12V\xdf\x1bq\xbf\xc6IQ=\xa6\xfa\x95\xad\xd5\xfc\xc6Fauck\xabP\x98^}2:&lt;|vt\r\xa4J\xa5\x10\x15\xdc\xd5)3\xafH\xde\x1a\x1bk\xd4\xb7\x05\xc9\xda\x9etzphuz\xed\x9b\xe1\xb3\xc3\xa3\xa3\xa33\xc0\xf4\xe9;g\xbf\xdeX\xcd\xa7&amp;&amp;R\x08\xaa\xd4\xd7\xddk\xce\x15\xab\x88o4F\xf4\x8dMu\xdaX:V\xbf\\\xd8\xf8\x1d`\r\x8f\xbe\xff\xfe\xe8\xf0\xd7\xc3\xa33\xd3\xf3P\xc1\xd4\x9bf\x84\xe5\xf3\x9d\xe95o\x16\r\xabM_3\xd9\xa8N\xa7\xb5\xbat\xed\xfaD\x1e\xbc4?\x7f\xe5\xca\x95\xbb\xf3\xd3\xd3\xbf\x99_XX\x98H\x99Q\xda\xf2\xf9\xba}\xe67\xffV$\xac@\xb8m\xb2&amp;\xa2\x0f\xaau:\xddq\'i+5\xff\xfe\xd7O\xd7\xdd+\x0b\x0b\xbfJ!_\x95v\x0e@&lt;\xed.-\xed6\x7f[\x9c`s\xfcRW\xe3d$B\xc7\xdb\x12Zm@\x1dV\xab5$U\x1b\xb2%\x936h\xc1\xba\xcd\xbe^\xe4\xf6N[\x8b\xad\xb4\xb4\xf3\x0f\xdd\xe6\x7f\x14\tk\xac+\x1e\x89\xc8\xe5qT\xc6\x84\xceM\xcb-\xcd\x04\x9d\xc9\xe83ng,\x04d\x80\xe5\xb1\xd9\x00\xab\xd3\x86\n\xf9\x97\xe2`\xbd\xde\xd7\x15Q*\xc5\x0f"\x8d\x97\x12:2\x10\x8e+-\xd5\x10S\x89jqF\xad\x8b\x85&lt;\xdd\xa9\x94\xd9ckiim\t\x01\x96\xd9\xfc\xf7\xe2`\x9d\x1ck\x8b\xc8khyM\xfc\xd2X\x80L\x84\x83z\x83\xcc\xe1P(\xec\xb2q\x8d\xb6\x07"M/\xc2jM&amp;[\xa3-\x9d\x9d&gt;\xdf_\x8b\x86\xa5\x97+k\xa0\x8a\x81\x93\x01\x8d&amp;\xe8\xcf\xb8\x1c\x87\x80\n\xb7\x8e;\xc1c\x03&gt;38\xbe%IQ\xe7\xce\xb5\x86l\x1e\xdf\xa3"a]\xd2\xd3hhK.\xef\xea\xeb\x0b\xbb\xd5\xe1\xc6\x8c\xdc\x80\xe32C\xc6]\x17M"\x903\xdd\x9d\xad\xa7uZ\xea\\\xb2\xd5\xe6\xe9~\\\x8c\xd4,\xfc\x0f\x96\x98PB\x15\x13\x01\xa7&amp;\xdc\x96\xc9\xb8d\xae\x8e\x8e&amp;\xf51S24Pj\x06\xb1N\xa7\xd3&amp;*\nry\xcc+\xc5x\xc1\xa0l\xb1/\x9c\xa1\xc1\xf2\x84\x18\x8e\xd40`\xf9;h\x97\xd5\xe0\x82(\xef$M\xd1\x90\x07\xeeg\x0f\xa5\xd5j!;\x9f\x03\xf1|\xcb\x17\x8b\x90\xb8D\x8b\x81.\xbd\x1e\r\x02\x8a\x95\x93\xf1\xc6\xa0\xdb\xe9vY\xad\x06\x19a\xed\xf0k\x8ei)\xd4M\x0f\x84(h\x16\xebL1\xea\x1cT\xd1\xf7\xaf\x1b/\xbc\'\x13\xce5\x04\xda\xe2\x80\x05?t$2\xd9\xd8\xd6\xe8\xef\xb0Z]\x1d\xfe`\x93\xdbY\xa7\x8b\xd6\x0fzZB\xc9\xd8\xe94\xa9\x01\xed\x00k\xa0t\xedb\xe5\x0b\x7f\x90\xf4m\xba/\x8c6"`\xa1\x91N}\x9c\xee0\xc8d\xd6\x8c;\xec\xd6\x9cw\xa2.\xdf\xd6\x8a\x06\\\x12\t\x12:\xb3(\xa8\xe5\x99\xf9\xf0h\xe5\x8b}\xfbNxt\xe9\xf5\x80[O\x83X\xe2\xeaj4\nH\xd3V\x99LfP\xea\xe3~\xf4\x04\x10\xb0B-\xc9\xf4\xf1@@\x9b&amp;\xb51*d[\xf7\xccT\xdc\xcafs\'^\xdc\x86\x1c9p\xf3\xc9qu[$\xa2|\x80F\x14\x81L\xa9\xb7\x12\xb8\xdd!#\x0c\xb4&gt;\xe3w;\x1bj\x07[Z\xa3i]B\x9d u\xdaXm\xbd\xcd\xb3\xbe\xf6\xcb{\xd9\xcd\xcd/s\x82\xca\xb2\xca\xc3\x95\xcf\x9bN8\xc25\x1e~k5\xa1nD\x1f\xac\xc0}#\x16\xe3\x0fjj\xc4\x044?v\xa8#x&gt;H6\xd4\xb6\x84\xa21\x93V\xa7v\xd6!\xb5\xea\x07:=k/\x7fx4\x97\xdb&lt;\xba\x99\xcb}v\xf1\xe6\xf5\xe7\xfa\xda\xa2p\xc4\xc8\xe7r\x8f\xbc\xb7\x91@\x01BN\xe0\n\x8b\xc5R\xbd=\x9d\xdb\xdc~\xa8]\xe1h\x86\x1eh\xbc\x89\xa4Z\xa3\x94IG:\xddj\x92\xd4\x99(H\x15\xeb\x1b\xfbw~\xc0\xdb\x9c\xdb\x84\x95\xbdq\xf3\xa3\xcb\x1f]\x7f^[@\xc8\xc1\xf8"c\t\xf7\xc4\'k\xc7\xc2]\xf1I9\xae\xc0\t\xc2\xd2l\x11\xc7\xe5\xe2\xf6Ch2\xb0]am\xda\xc6j\x8dj\xd1\xc3\x00\'\tq\x0ca\rn\xec\x7f\xf5\x964\x97\x9b\x03\xc5\xb2"\xa9\xf4\xdd\xcf\xee\xdc\xb9Q\xf9\\\x94b\xf2\x19|\x16g\xa4\xec\xc4\xbd\xd1\x87\xc1\xb6\x88\x12\xc4\xc2\r\x06\xdc\xd1n\x8f\x88\t\x8b\x1d\x8d+\x1e\xb2\xbbN\xb94\x08K\xeb$I\x12\xa8\xb4\xa4.\xd6j\x0b\rn\x1c\xdc}K\x90\x9d\xe3!.\xaf \xcb\x13\x1c&gt;r\xf4\xc6\x89\xaa\xef\xa7\x98P8\x82\xb1\x98\x0c\xc0\xaa\xe2\x94\x1d\xbe\xfc\xea\x92?H\x8b\xabq\xbb\x1d\xc7\xed\n{\xb3\x98 d\x8af\x85B\xe1\x90Y]\xfe\xf3\x80E\x91\xe7I-\x80\xd5\xc1\x91\n\xde\n\r\xae\x1d\xdcu\x13hT*U.\xa7\x12\trY)O*\x10\x08Xe\xdf\xe3\xb9\xb8\xb0\x8a\xcd\xe23\x0f`\x0c\xc6\xd4/\xb0\xb2\xca\x8b\xbb\xe6O\xf9\xf5\xa0\x96\xc5n\xb74\xb7\xdbqBL\xe0\xed\x10  \xd9\x18\xc6\xdd\x1a\xa7\t9\x0b\xbc\x05\\:\xb8\x7f\x92\x83\xa1\xfa\x99\xfd?\xbd#\xe2\xa9\xbc^UnN"b\xf0r&lt;\x1e\x80I\x04R\xc1\xde\xef&amp;\x99p\x84\xc3\xc5\xcaY\x0c\x16\x861\xa6\xa6J\xb8U\xcc/*\x86ki}\r!\xab\x11[\xec\xcd\xcdv\xfc\x01\xecG\x078\x1e\x12\x97u\xbc\taQ\xdaDB\xad&amp;\xebt:S,\nX\xcbW_~\xe9K/\xcf\xcb\xe7Krs^\x01\xc6\xcaf\x05\xc0\x05K\xa5\x12\x1c\xf8\x0e\xe7E\xff\x08\x1bc\xa1\x85!\xb18%%\xdc\xbd\xb7^\xf9\xb4@w\xd0\xcaj\x82\x00\xc5\x9a\xed\x168S\xed\x87\x1c\x90Nqkp{h\x98\x8a\xe9\xd4\xea\xed3\xde\x94\x06\xacPr\xf5\xe7?{{S\xa2\xe23\x18^\x84\xc5\xe0\x08rR\t\x7f\x9b\x8b\'\x95J\x99\xff\x9fb\xc2\x1dlv9\xa3\x9c\xc5dal\x0c\xc3\xa6\xd8\x9c\xfb\xf7\xb9%\xd7\xf7\xec\xfa\xfc\x9a\\\xae\xac\xc6\xd1\xc9e\x81_\x02\xd4r &lt;}0\xd8\xd4\xe4L\x83X\x80\x15P\x93T:\x06\xc7ih\xfd\x9b\xd7~t\xef\x84D\xc2\x00{\xce\xe5\xbc|&amp;\xc6\xe2\xe5D|\x89D*\x05\xbf\xf1\x04\x00\xf6\xec_\x89\x80\x8c\x0e\xff\x88\x81\xa4bC%\x01\xeb~\x7f\xbf\x91{\xe4\xb7\xfb*V\xf5\xb4\x01\xc4\xaa\xb6 *\x9c\x90[e\xb8Bf\x90\xd34\xca6i\x10\x0b\x9a!uBG\xc5\x10V\xcf\xea\xae\xdd\xfb/VJ\xbc\xe0\x02~6\xe7e\x18\xb1)Q.k4\x82\xebyY\x95j[\xb2\xcagT\xac\x8aS\x8e\x19\x19\x8crvyy9\xc6fc\x00\xc6\xe5\xec\xe8\xc7\xb8\x95\x97\xf7\xed\xbb\xba\x02Q\xe6\x01\x1c[\x16\x90\x8c\x00s\xc1f4Xi\xb9k\xdc\xef\xd4\xa5\xb5N\xf4d5\x007O\x94\x8a%kWF\x0f\xee\xfa\xf1u\xa6\x84o\x9c\x9a\x02\xb7K\x00\x8b3%\xdd\x94bF\x81\x88\x97\x95\x88$&lt;\x1e\xf0=K)\x85\xfdU\x18\x83\x8f\xb1\x80\x8a\rZ\xb1\xb7\xb1`\x95Tq\x8d\x07&gt;\xd8y\xf5\'\xff\\T\xd2J\xe4\xadj\x02\xeek\xa5\xb8Zl\x90\xd7D"\x99SM\x80u&lt;\x81\xb0\x12\xe9X\x9a\xa2L\xc9h\xfe\x9d\x8a\xd7\xde{\x17\xc4\xe2c\\\x86*\x07\x16\xe3rP\x191.S\x80\x90D\x08J$\xcdJY\xfd\xff\x83\x8a]\xceb\xc1\xf6c` \xd5S,\xee^\x0e\x93\xc3-))a\x95\x1c\xfed\xdf\x9e\x1fn\xfd\x117@~\x97A\x1b\x06\x176\x9d\xd1Gh\x9a\xd6\xfb\x9b\xdcP\xbb\x84\xc6\x1d\x86?&amp;S,\x966\xd5_\x18\xae\xd8]\xf1\x85\x80\x0f\xfb\x90\x8b\xb1\xa49\x9e\x04\xb0\xb8\x1cc\x96\xc7\xc0\x98"8\xcd\x98\x02\x91\x94\'\xf1\nx&lt;\xe6\x8e~\xe1\x7f\x91\n\x15\x0e\xd6\xd4\x14lC\xe6S,\x0ew\xef^\xec\x00\x02\xe3V\xddye\xcfK\x9f\xaf\xc8\xc4V\xb0\x94\x0c,FX\xa1u\x85&amp;[\x1e\x0f\xba\xdd@\xa5\x06\xb1H-\xfa\xe4\xc7\xd4\x13\xb5M_\xddY\xf1\xf6\r\x91\x17n\t\x0c+\xff7\xdd\xe6\x1b\x12G~\xc6qw\xfe8\x7f~\xbb\xee\x90\x9d\x9b\xce0\x93I\x86\xd9]\xe3\xec*n\xd3\xe0`\xe2\xee\x9d$U\xb2\xc4 \x17z\rF\r\xec\x8b\\APYv]\x8f@|\xa3\x85}c\xf0\xcd!\\9\x11L}\xe1\xbf\x93C\x82\x174\x08\xa5}\x91HS\x1b{Pz\x10\t\xcd\x91B\xa0\x04C!\xf4\xda\xefoV/=\xdaNH0\xb8d&gt;\xf3}\xbe\xcf\xf7y~\x98\xe9]ZJ\x84xH/&amp;?I\xc0$ JF5\x8d\xea\x05\xae\x18/\xfc\x9f\x80}\x8f\x11\xea!\x15\xaa\xd7XO\xb1jT\xf5\x92\xa8\xb2&lt;\xc7\xf5H\x9c$L\xdd\xb7t\xf9\xdeWM\xa3\xa9\xf3\x17.\xd4^\xc1(aE-\xb5\x0f_\xbfz\xf6\xe3\x8f\x7fv3\x88\t\\}\xb7?\xfc\xc5oe\xdf\xca\xad$!I6+\xb2\xbc\xb6\xb4\xd4\x1a\xa2\x8e\x10\xd9\xf1%\xc4\x8e\x96lmHhQ6F\x05k\x1do\xc8J\xd3\xff\xc3ch?a\x0e\xddWc\x81\xa5\x1a) U\x8bs\xf1\x8c*\xc0\x04\xc1}\xa2+E\xf2\xf2_\xe7\xdbq\x00:\x0f\xbb\xff1ukxx\xf8\xda\xf0\xf0\xd5\xb3?\xbey\xf3\xeaud\xea\xe5s0\xfc\xfb\xb7\x7f\xfe\xd3G&gt;\xb1\xf3\xe5P,\xcajY\x1a\x81\xe8=\x8d\x17\xe2\x9c(\xc2M\xd9z1\x86\x89\x94\x88\x86\x02\xaeh \x18\xaff\xfek\xce\xa8\x02\xa2*tD%\xd2\x10\xe5k_s\xaa@\xb5\xa7\\ja\xcdRd\xebE\xe7\x95K\xc8\xd5\x14\xa2"U\xba1|\xeb\xd6\xf0\x8dR?\xa0\x86\xb1\x0c\x9e9\xd3\x87\xe3\xc5\xfb\xb7?\xfc\x8c\x98\x06y\xd8\xa2E\xa3Q\x8d\xe5\xa4\xa1\xe5\xa1\xe4\xb8\xc6\xf3\x82\x80\x7f\xbca\x1c\x81\xcf\xf6"!\x12lH\x04W2\xc4\x83\x95\x95x\xf7\x87\x83F\x15\x04\xd4\xbf\xf1X*\x14Sdk\x88b\xbcP\xc0w\xe1yN\x95\xe2\xe5MG\xb1\xbf\xf9\xd33\xa4\xc2I\xec\xf1\x1d\xa9\xf6\xd2\xadv(\x86C\xc6\xd5\xeb\xa5R\xff\xd9s}}\x1f]&gt;\xd3w\xee\x0f\xf7d9\xfc\xb8\xc0\xb3\x98;\xb1,\xa7n\xcdn&gt;\x9c\x8a\xb1\xa2H\x13Z\xfb\xa4\x01Y\xc1&amp;\x93Z\x02bR\xa9\x92,\xb8\x1aX\x9e\xff\xcf\xfa\tH&amp;\t(B \x14\x08y^\xa2\xca\t\xf8Z\x9dZ\xdci\xe1h+\xd2\xdf\xf1\'\xba%\x7f\xf0\xb7\xb7\xe0j\xa2S\x07\xa6\x07\x15\xfd\x01\x15\xa5*}z\x95\xfe0\xe1\xf3/\xfa~\xf2%1\xed\xfc\xbe\xaaE{\x13\x89D\x16\xcf\xb3z\xca[\x99\x8f\xf1\xf5\xbc$\xa8\x1c\xa4AA\xc0\x85\x90\xd0\xf0\x19ZB16&gt;\x9e\x94\xdeQ\xc5\x05\x01}\x1b\x8c?\x1a\x9f \x94Th\x8c\xe7Q\xd5L\xcb\xf2c\x7f\xdb\xa5\x1f\x81b==\x92\xbb-\xe76~\xf5|\x12[C\xd3\xc9\xae\xee\xee\x13\xe0\xbaQj/\x95\xdaSh\xd0\xd1\xb3\x97\xef|t\xe7\xab;w~s\xd7 \xce\xab\x18\x1b\xd5\xb0&lt;\x00k\xba\xbcjm\x84g\xb7\xe7\xd5\x0c\xc7d\x18\x1e\x99\x10\n\xd1\xb4\xd74\x8d\n\x8aq\x14\n\xb1\xa0\xfd~&amp;\x07w\x14\x83\xce\x13y\x89j\x85q\x83\x1c\x169Uu\xf7\xab\xbaa=m\x89\x83;\xc0\xe2\x98\xc2\xa2\xe3D\xee\xbe^Oco\x00\xdb\x89\x1f\xa5\xe8\xc1\xfaRG*u\xa1\xe3|\xffe\xd4\xb0\x7ft\xf4\x8bG\xc4t\xaaSjV\xcb&amp;\x12\xbd\xbdQ\x81)\xcfZ\x8e\xd5f\xafV_\xed\xecO\xb9\xae\x1bK\xa2"\xb1$\x12"\x06@\xc4X,FCc\xfc\xd8U"\xad\x9a\x10\xd4\xbc^Tqw\x04\x04?\x17\x8d\xf1\xaeZ\xd8Z[\xf5}#\xf2\xaa\x85\xe1$|\x87\x1bc8\xee\xbd\xa1\xc7\x119\xf7\xe6k\xfa\xbf);\xbb\xbb\xba.tt\xd0)y\xb2\xe3\xca\xc5\xd4\xb5\xfe3w&gt;\xff\xf4J\xd3\xef?#\x8a\xb5YvY1\x9a\xe8\xd5\x12\tV\xd8\x05\x16\xb1\xdbl\xe2\xc8D\xdf\xac\xae\xed\xccS66\x16\xcb&amp;`\xabFVc\x11$ZVk8\xa6\xe2Q\xb5`\x87\t\n\xc8\x05XbVc\x85\xc2\xfe\xca\x8c\xaf\x1b\x86\x19Y+djE\x1c\x1bc\x98L|~\xc1v"o^\x1f\xac\xa7\xe9"\xdf\xd5\xd4\x81\x04\xbb0\xd8=x1U\xbav\xf6\xdah\xc7\xb3\xb7\xbf\xdb36\xf2\xcb\xae\xcaC\x8ch\xb4\x15XP\xcb\xf1\xadpN6ub9\xc4\x97W\xab;\xe5\x16\x11JiIj8\x96e!\x19\xd2\xad\x16\xa0\xa2\x08\x19h\xeba\xee\t\x15:\xfd\x02\xd1Twh\xa7Zt\x88\xa2[\x8a\xf9\xc1J\x81\x91\xa4c\xac\xb8\x9b\xd9\x9f\xcd\x11\xef\xde\xb7\x07\xeb\xc1;d\'0\xb4/^\x1c\x01\xe0\xc9\xf3\xd7\xfaG;\x9a\xd7\xbf\xbd\xe7\xef\xedmK*\x1b\xcd\xf6\xf6jZC\xe0\xadY\x9fx\xa7\xc3\x8e\xa9\xf8\x96Q,\x1aV\xc4\x9f]+\xbb1\x1e\xb9\xa5a-`\xd9\xdavWWG\xef%\xb9\xae@\x05\x129:\x8fqo\x89.3nyqS\xc9Yy\xc5P,]\x0fW\xa7\xa6U.\xf0\x16\xb08&amp;\x9e)\xcf\xda\x8aw\xf7\xf9\xc1\xc1\xc1$N=\xcd\'\xba\xe8\x01(=x\xa2\xe3\xca\x95K\xcd\x03\xaf\x91\r\x1b\x8b\xc9,?G\xfb\x10\xed\x8fY\xc8 Y\x88\xd7\x16\xb6\x0c\x93XD7eC!\xb6W-\xb8@I\xc6\xd8F\x94\x91R\xb1|\x9d\xa0\xc1\xe04\xdf\x84JP!\xaef1\xd7\x9dZ\xae\xe6#\xc4\xf0\x88\xe9\x9b\x0e\xc9\xeb\xe1\xfbC\x19!\xf0\xbc \x80\x8b\xc9LL&lt;X\r\xcb\xce/\xff\xf2O\x08\x96\xee\xc6Z?\xd29000\xd2\x85\x03Q\xf3\xc0\xe1\x1b\x99X\xd5!&gt;\xcbf\xe1,\x91\xc7\x8c\x89J\xc2\xd6\xa6L\xecp\x9b\x1d`\x15M\x99\x18\xa6bU\x0b\xf4\x9e\xb0\xbb\x16\x12\xd1\x91\xd8\xf1\xd8:6\x06\xac\xc0\xef\xef.\x8eU\x87\x1e\xdeW\xda&lt;[Qr\xc4\xb0\x14\xdb\x98\xd1#\x0b\xe5\x0cs\xf4\x01P1\x13\x13\xaa\xbb\xbcj\x11y\xef\xd7\x875\xae\xae\x91\xf4\x00:\xa0\xb9\xa9\xa93\xfd\xf6;\xcbp\x16\xca\x9c+\xf2\xc0\xd2(Vo4;=\xbf)\xcbV\xb8-b\xe8\x8eGt\xc5\x97\x15\x1d\xbdZ\x10\xc4\xfa9\xac\x13@b\xd9l\rK\xe3\xa7\xde\x97\x05\x00\x00\x07\xf2IDAT\xc5#\r\x02-\xa8\xbb\x04\x06\xe3%Bd\xe2(\x86g\xf8\x8e\x91\xd3\x815\xbb\x1f?\xfe \xc7\x8cMLL@\xb1\xfdY\x0f\xe4\x7f~=9\x99\xee\x1c\x19\xecN\xd3\xbeln~\xf6v\xfd\xc5\x9e\x9f\xdb\xdc\x8f\xab\x9c\xcaGi4\xb0\xad\xe3\x89\xa8\xc8\xd4\xd4:\x1d&amp;\xba\x9f\xf3)\x96Y4\xfd\xb5\x82\xd8\x88(\x08B\x93\x1e\xfcp\xd5\xd1\xcd\xa5V\xbf#2\x8a\x85\xa9\'\xcb\x86l9\x8a\x1c\x91m"G\x8aE\xe2\xad&gt;\x88s\xef\xb0h7r\x99\xf8\xd6B\x84\x98\xf2\xa3\x7f\x0c\x0c\xe0\xf8\xda\x19\xbc\x0f8\xd8\x95&gt;x\xbeG\xec\x99\x07\xf1L\x1ck\x9a\x86\rP\x08Q\xb5\xc4\xdd2\xc5j;\x1d\xf6u9b\x17\x15\x07X\xba\xbc\xd6\x82\xae\x17y\x95\xde]\xa5\xce\xc2\xf0\xc1\n\x0bw\x07\xc3\x8e\x0b\x8c\x05\x93q\\\xcb\xb6Nd\xdf\xf7\x15\x02,\x83xy#\xe7\xcc\xec\xa8\xdcq\x95{\x02.\x18\x7fb\x7f\xc1\x82E\xbey\xf1l xC\x11\xbf\x06G\xd6_\xdfsr3O\\\x88%eC\xd4ZL\xa8\x81\xaa%\x947\xf1\xb0\xc0\xb2(\x96iXH\n\xddXl\x11\x81\x15df\xd0w\x8d\x14\x8b\x0e=\xacw=GX\x95J\x05\x8a\xc5\x97\xf3D\x91\x1d_qr\xb2eZv\xd1\xcf\x19\xc5\x87\xea\x91\xb7\xa4\x9e\x1e\xca5\xc1p\x15U\r\xf4\x02\xd7[$+\xa2b2=8\xf9\xd77\xb6\x95\x7f\x82\xa1 Hs\xac\x86\xc4\xa2X\x08\x88\xb9\xe9\xf9\x05\xc5\xb0\xc2\xa7\xda\x80\x94\xf3\xf0\xa5\xa1\xeb\xba\xf9\xd4\xe5\x91\r\xe2\\([\x1f\nB\xbd\xbe\xbe\x0e\xbb\x95\xf0\xbdXt\x0e\x8fq\x80\x8c?\x98\x81\xaf\x08\x91-\xcf\xb1\x14\xcf\xd2\xbd\x88\xae?=*"]o\xa0Wpq\xbb\xcc\xd0cg\xc3\xf0\xd1\x90\xeb\xf4m\xce\x81\xce\xf4\xe1\x1b;\x97\xdfQ\xe3\xaa\xc4ib4\x8ai\xc8sY\xa8\x85{\xce/\x98\x86\x1f&gt;u:g\xe8v\xc44l\xa3\x08\xaem^lDf\xd2\xa3\x03\x1cFgr\xa5\x0eA\xaaR\x1c\xaa\x16\xc3T\xc6\x981N\xdc\xe58\xc4\xb1\xac\x10Y\xb6m\xdbW G\xc4+\xea\x8bn\r\xabB\x1f\x80\n\x06\xdbO\xec\n\x99\xa9\x15\xe2\xa0?\xbe;\xa4\xaf\x1b\xa4\xd7\x0f_z\x91\xe2\x0e\'18,\xcd\x850\x80[5\xa9\x87mXB\x111\x1at\xd8\xf5\xf4\xa906\x8b0\xfa\xc9\xd7M%\xff\x04\x87vl\xc4\xc1\xca\x19\xd4\x92\x8f\xd5\xd5cA@\x83\x05\x8f?\x86\x0bs\x18\x7fa\x86\xee\xfb\x88:\xf8\xd3\xf6\x0c\x126\xcc\xb0W4WZ\x04\xe1\x07X\xb8\xc6v\xa79nj\xcd\xb7d\xd9yy8\x99N\xaf\x7f\xfdr#B}\x85\xbdQ\xc0^D\xb1X\xa9\x07\x96\x87Z\xd3\x14\x8b\x1cc\x19\xe8\xa7\xa2b\xac&gt;\x80\xcb\x83\x9d\xb318\xfc\x89\xec\xd6\x16\xb0p\xfcS)\t\x98\x98\x80\xaa\x82\xe0/TI\x80\xe5y9\xc5\x0b\x9bF\xd8\xc9\x93j\x8bTS\xabR\xfb\x93\xa3\\\xbb\xd38|\x14\x1e\xe6#\x08\xa4\x97\x87\xeb\xeb\x7f\x7f\xb4a\xaf.\xbb\xa8\x81T\x11x\x8a\xd5\xda\xca\n\xc0\xa2j\t\x01V\xd0\x8a\xffn\xc3\xec}\x13\xc7\xa2(\x1el\x83\x8d\xed\x17\x9e\x84\x83l=\xcb\xf1\x93\r\x91\\ \xa8p\x85E\xb9\xb2\x844\x7f\x03\xe5\xbaCb\x98\xadRQ\xa4\x89DG7B\xca\x8ab\x02\xa9F(\x8a&amp;hz"\xa5H\xca\xa9\xb7Zi\xff\x83=\x17f5;\x1f\x16\x14|\x08~\xef\xbe\xf3\xce=\xd7B\xda\x16g~.\xcc\xc5\'\x15\xfe\x0e\x89\x1bH\x07\x90\xbb&gt;\xba\xdb\x9fT\xd0o\x14\xed\xfaP)e\xa8\x0cI\xf5\x9a\xa2\x8dV&amp;4\xefY\x19\x0b\xbcA\xe6Jf\xe6\xde\xbe\xd0\xfe\x87E\xe7\x11`O\xd8\xf1\xc8i?o\x02\x89D\xf1\xcf_\x7f2\x1f~\x15i\x146\xaa\xe5\x92\x8a\xa0EXF\xf3C\x07X\xc5\r:\x8eo\x87=\xdf\xb3\x98\xe4\x90\x06\x87\xe9\xd6\xd5J\xa5\x84rU\xc8\xb7\x9ch\xb9\xb0\x8f\xd5\xea\xc6\x04\x05\xa6\xe1\xf0\xa8\xff\xaa\xf3\xc8-\xee\x99\x16c\xa9\x19J\xd2gnn\x0b\xc7\xf8\x01K;`\xa1^\xdd\x87\xfb,\xf0&gt;~\xf9\x92\xf8\xfbILoM\xa7UL\x02j\xb3\xd9\xe9\x94\xb4\xe1E\xf3\x14Xqq#\x84%Yh\xc3\x0c3)2\xe6\xf2`[4\x1a\xc6E\xcd\xf8\x8a\xa5G\x9f\x93\x10\x92\xd7\xf5\xebv\x11\x13\x15]\xdaT\xc7\x01 \x870\x05\xb7R\xc6&lt;+L\xdd,qs\xf3\xa6\xa8V\x7f\xc6R\xa80\x8e\x1eO\xae\x92\x8f8\xb9r]t\xe3\xc3\xd7\xe8p\xbdW[\xcdN\x93\xb0P4\xc2\xda\xba\xc2\x82\xb8z\x89\xe5e\x99\x9b\x84Bd\xdb\xa2^7\x0c`\x91\xee/Tg\xb4\x0f\x7f?\xb9\x86\xb3\xc6\xaf\xfb\xd7X!\xd5\x7fu\x00\xdd\x89\x97\x0b\xa4\x0f\x99\xda\xcc\xf5\x07\xa6\xc8|\xa4\x90\xc5D\xd1\x7f\xba\xa6\xbaB\xb6\xe2\xe8Qq\x07\x9b\xe3\x7f\x8f\xf4n\xacP\xcb\xef#\xd9\x1a\r\x9a\xb7\xfa\xda\xd48`i\xcb\xad\xeb\x9a\x07,i\x06\x99\xf0\xcf!\xfd\xabY\xabQ\xa1\xbb0\x06\xdd\x1e\xaa\xe9\x9f\xf2\xc1\x00\x9b\xf8\xa4\xcc\xd6\xfe#\xd4\xf0v\xf8\xf6\x88\x85\xe5\xa3\xdc\x92s?e\xbe\xcb\x06\xc2\xb4\xe5x\xcc7\x0f\xdfa=\x1dj7\xd5.#,#\xd2\x8b\x97\x05\x97\xf3\xc7\x88",\xac/\x9a\xb5\xfa0\xf9#\xd6pJ|\x84u\x03W7\x930L \xae\x8c\xa7\xe7\t\xcf\xaeF\xa7u\x9a\xfc\xfaUL\xf3\xe5\x92\xb3J\xec\x8061~\xce\x83\xf5\x08\xe6\xa7=i\xc8\x7f4\\h\xce\xe8*\xf5D\xe0g\x9eg\'\xae\xb4\xbd\xdc\xf56\xb7\xdfW\xcb\xa1{\tS\xbd=\x8b\x1c%z\xdd[\x96\xb5y&gt;\xbb\x04J?v\xa2\x87\xdd\xac\x011\xd4O;\x9d7\xd5\xe1\xdb\xf7\xf0z\x92&lt;6\x11cv/L\x02\x13fj\x9d3\x97\xed\xdb\xa7\xadoXF\xb1\xb0m\xff\xc4@\x03\xbc\xb2\xe4\xfd\xf2\x9aVIX4\x8ac\xf9w\xa9\x89\x06\x11`\x0f\xa1\xf8\x8c\x03k~\xdb\xad\xfeP-z={\xbc\x8dF\xbb\xb9\xc5\xe5\xf65&gt;\xa39\xb2\xdc\x8d\x9e7\xebYM\xd7\x8c\xfa\x87N\x07\x9b\xa9\x1c\xb0\xfa\xfa\xf2?,\x96\xa4\x1e\xc8z=\x91\x10\x16\xce,\xb0\x8c\x12\x12\xd6\xe7 d\x12\xd5\xba~\xd8\x08\x93\xdf\xc6\x8e\x02I\x1c\xd22\x94b8/\xa6i\xb2\xcc\xc4\x1e\xe2\x99\xb9\xb9\xe0\xf3\xe7\x9f\xb4\x85\xbc\xe1\x8c\xd6\xf3\x97\x95\xf0\xc6\xd6v\x12w\xbb\x1a\xe9\xa0\xbd\x9b\'/\xf5\xd2\x14\xd5\xfa\xd0i\x12V\xa5\xd4&lt;\xfa\x96@cO\xd9\x80\x05\xa9\x87\x80b\x9f[\x84uJV\xa2V\r\xb5\xac\xb7\xafz\xbd 8\xb9\xa8\x8e\xd6\xc8bl\xdd\x06\x16\xfe\x85FW8\x84a|\x1e\x9b\x921\xc1\x07\x19\xe7v\x90\xe7B\xccw?h\x8b\xb0t\xb8\x1f\xc7\xa7\xdc]\x1712\x18\xdd\x04k\xaf\\_\xec\xea}t\x1fd\xe575\x87\xb0\xde\x00\xaf\xb2\xbc\xe7.\xf7$\xb0\xfc\xd4\x930\xaes?\xd8\xb6O\xdf\x1d\xb1\xe0\xf6\xfa\xa79\xa2\xbe\x0f\xac\xc9\xc2\xcc\xdddS\xe8\xd4-\x0e\xa3+Q\x95\x1f6\x123\xca\xd8\xfb\xcdwSx|.\xdc\xf9\x8bS\xfd\xaeT\x87\xc7t\xb4\xca\xf3\xf9\xd8Z\xb5\xcf\x88J\xd3.\xdb/&gt;\xc2\xf0\xae\xdd\xc7*\xeb\xa7\x08\x81\x90\xad\x8e4XC\xf3\xb9\xe7\xdc4\xd3\xc0\xb6\x03\xe9\xa5\xa9H\xce\x13\xb9\x1d\xb5\xde\x95\t\xcb)\xab\xd8\xc34dVpR\x8ev9\xcf\xc7\xc2\xdau\xbb\x94)\xca\xc6\x14J5J\xea\xe4&gt;\t\x062\x0fB\xcb\xf5\xe1\xf1.w\xf3G\xfdWW\xfb\x80\x85xB\x81\x15\x85\x8en\xc7\x99\xe0\xe3\xe7\x08\xbfCX\x8dCZ\xa1a\x8bz\xa2\x07,\xd3g,\xf0=3\x85C0\xeb\xbeh\xfd\xa1V\x8cZ\x9f\xa2\xe0\xe8\x8e\x85\x81\x0cNJ\xed;\xec\xe18O\xb7\xd1\xd97\xac~M]\x</t>
        </is>
      </c>
      <c r="M118" s="3" t="n">
        <v>45492.67645833334</v>
      </c>
    </row>
    <row r="119">
      <c r="A119" t="n">
        <v>330693</v>
      </c>
      <c r="B119" t="n">
        <v>1954</v>
      </c>
      <c r="C119" t="inlineStr">
        <is>
          <t>Ramiro</t>
        </is>
      </c>
      <c r="D119" t="inlineStr">
        <is>
          <t>Ramiro</t>
        </is>
      </c>
      <c r="E119" t="inlineStr">
        <is>
          <t>VOL</t>
        </is>
      </c>
      <c r="F119" t="inlineStr">
        <is>
          <t>VOL</t>
        </is>
      </c>
      <c r="G119" t="inlineStr">
        <is>
          <t>VOL/MC/PD</t>
        </is>
      </c>
      <c r="H119" t="n">
        <v>167</v>
      </c>
      <c r="I119" t="n">
        <v>17</v>
      </c>
      <c r="J119" s="2" t="n">
        <v>34110</v>
      </c>
      <c r="K119" t="inlineStr">
        <is>
          <t>Right</t>
        </is>
      </c>
      <c r="L1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11f0b61-f889-4bf4-ab04-8da5ff84fec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2\x05\x1c\x00\x00\x00&gt;tEXtComment\x00xr:d:DAEewil2SDw:3796,j:1497870925631122622,t:24040619\x85uW\x81\x00\x00\x00\tpHYs\x00\x00\x0e\xc4\x00\x00\x0e\xc4\x01\x95+\x0e\x1b\x00\x00\x03\x00PLTE\xff\xff\xff\x06\x04\x03\xfd\xfd\xfe\x007\xce\x00+\xb1\x00*\xb4\x00.\xb4\xfe\xff\xff\x02\x00\x00\x00)\xae\xc0\x93\x85#\r\x08\xc2\x96\x8a\x00+\xb7\x1b\x08\x06\xca\x8ay\x004\xc9\x01\'\xb2\x14\x06\x05\x00(\xaa\x8eRE\xb6m_8\x1b\x12\x1b\x10\r\xc8~o\xb7re\xcd\x8c~0\x15\r\xb9\x8f\x85\x0e\x04\x03\x8eYSD*#\xc8\x85s\xb3\x84x\x99YK\xb9\x8b\x81\x8aTL\x9b^S\x00!\xa0\xa1^NyF&lt;\x00\x1a\x8d\xa2bU2!\x1d)\x11\x0c\xa1h`\x9ffZ\x98g`\r\n\n\x94\\V&lt;$\x1c\x00-\xbb\x01"\x9b\x88LA\x00\x1d\x98\x000\xbf\xadxn"\x17\x14\xce\x96\x8d8*%\xbc\x91\x88\x86PF\xad}u\xb3\x89\x80\xa9hZ\xa8sg\xb0nc\x83SL:/,mB6M,!\xa6VJ\xc6\x99\x90\xad\x84{\xaadU\xb7\x84}\xb6gX\x90WK\x9eWH\x98QB\x87XQ\x00\x1c\x93\xf0\xf3\xf6\x00&lt;\xd2\xbbyn\x01#\xa7\xb4vi\xbd\x96\x8c\xbcj[b:/\xbep`\xc6\xa0\x96fHC\xbb\x7fu\x02%\xad-\x1a\x14\x9cvo\x99bY\'\x1f\x1d\xfa\xfb\xfbN2+\xb3|q\xa6m`\x01\x16\x86vME\xcf\x9b\x95\xaffY\xa1OC\xc3wf\x89_WH&amp;\x1a\xca\x84w\xbf\x8a\x80\x95RJ\x95\\O\xbb\x88|~LB\x12\x11\x10\xbdveB2-\x00B\xd9{QK\xa3~v\x00&amp;\xa4\xeb\xed\xef\x90aZ\xcd\x91\x87qF?\xael]\x004\xc4\xb1aT\x002\xb7\xf6\xf7\xf8W5-\xb5\xcc\xdc\xa8aO\xc9\x8e\x82w&gt;4\x819.^?9\x8cE=\xc3\x8d\x88\xa7kh\xc6\x89\x80D74V/$\x90L=\xc2~m\x80?7\x88@5e@8\xaaZY\xa2XSoRL\xadSG\xaf\\NU:4\xc2\x83y\xab\xb3\xb7\x82G&lt;\xaa\xc0\xdb\x00K\xe3\x1e#$\x18\x18\x18\xc5vm\x8eia\xa4G&gt;\xe1\xe8\xee\xbe\xd4\xe0r6+b2%\xa6wn\x9e`_\x9emf\x98E8\xc0\x9b\x94{ZSAFG@ \x15\xb1``\xaelm\xa8``\x94qh\xc0\xc8\xca\xda\xdc\xdd\xca\xa5\x9f\\bd\xa3\xa6\xa8\x1c9\xb0oy{p)\x1f\x9fON\xc7\xda\xe4\xd4\xd5\xd6J=;\xbc_XUD@\x99FF\xb7TP\x80b^Aa\xbe\xb7pr\xbdbfs\x8c\xc9\xb6\xbf\xc2LVY\xab\x8d\x88\xa0\xb6\xd3+D\xb4\x18*\x9e\xd2\xdc\xe9\x17-\xac\xd0\xad\xb0\xc7\x7f\x83\xc6ld+6\x95\xa8NUb#\x19(-.Xr\xb9}\x97\xcf\xc8\xcf\xd2\x99\x98\x9b\xc6r|\x7f\x87\x89j\x82\xba\x94\xab\xd4\x8c\xa0\xc5Q\x16\x11079\x82-%9R\xb5\xe4\xe2\xe3\x01\x11y\xb3w|\x8b\x93\x94d\x80\xc8fkm\xb0\x9d\x9d\x9a\x7f\x80\xd3\xbf\xc2k]\x8d\x87nqJa\xadWUS\xc1\xce\xe9\x98\xaf\xc9DG\x97\x9842\x13\x18a\x1d\x11&gt;\x11\x0b"\x88|\x97\x16P\xc97.mP:R\xfe_\x10z\x00\x00 \x00IDATx\xda\xc4\x98\xdfO\x1ak\x1a\xc7\x9d\xb9\xc1,\x06\x12"\x8chQjK \x80v$1\x11\xa7z\xac\x0bJ\x01\xb5!\xc4\xa3\xb6\x04\x1dl\xa3H\xc1_\xa3\xb1\xa1\x1ec0\xd2\xb4\x88\x96\xc6\xb4U0\x19z\x8e9nO\xf7`\xda\xc5C\xc3\x85\xddf7\x9b\xc0^\xee\x05\x89\x8d7$\xcd\x1a\xef\xce\x1f\xb0\xcf;x\xce6\xd9\xcb\x1d\xed\xe3\xcc0\xa3\x17|\xf2}\xbe\xcf\xf7}\xc7\xb2\xb2\xff\xab\xf0R\x85&lt;\x02\x1c/\xc3CA\xb8\xe0e_\xbb\x00\xc2\xe3\xf1|N\x07s\xb9\x10\xdc\x95\x1d&amp;B\x1e\x0e\xf3k2!\x95\x1c\xc1\\\xfa(\x93\xcd\xe6O\x0e&gt;\xe7\x12\xc7\xd9\xc3\xa3\xdc\xae\xe7+r\tp\x0f\x1e::\xc9\xe62\xa9\xd3B\xb2\xc0\xb2\xa9\xcci*_\xcc\xe73\x99\xf4\xd1A\x08\x17|%\xad\x82\xe9\x83\\\xb6\xc0\x14\x8b\xc9$\xc9\x90L\x92!\x81\x8dM\xb2\xa9d*\x9fy\xef\xc0q\xc1\xc5K\x86;v\xd3y\x10\'Ib$\x83\x95\x93\xf0\x81\x95cI\x12\x9e\x01\xb1PH%\x0eC\x0e\xc7\x05\xf7\x12\xc7\x1d\x89\x93&lt;\x8b\xb1\x05\x06h\xa00\x12\xcer\x0e\xac\x1c\xc30\x92M\x162\xe9\\"\x18\xc2/\x12\xca\x13\xdc=\xce\xb3\x0cIB\xff\xc8r\x8e\xabt\xc1H\x84\x89\x00\x93l\xfe8s|pq\x16\x13\x80\xab\x0e\x13yDD2\x0c\xc8\xc5!\x9d\x15\x10\x95\x1e\x01\xb0\xc0\x16\xdf\xa7\x1d\x17\xe40\x90*}\x0cC\x07J1p&amp;\xcf\xda\xf8_\xb0\xdf\x1f1\x06\xcc\x9f\xf3\\\x88`\xb8\x03\xe6/_H\xb2\x0cC\'\x99$\xfa\xc4\xca\xb1\xffe*=\xb1\xc5lz\x17\xbf\x10\xafgR\x056i\x84\xd1\xa3\x8d\x84\x91aQ2\x90\xbf\x81a\xd8\x97d\xc8\xfbl*\xe1\xc0/\x82\n\xf4a\x08\x89\x91T\xd0:#m\xa4\x198\xb0/Y\xbeP\x0e\x0cF&amp;OsA\xfc\x9cm\xe58\xcc\xa6\n\x0cA*\x14 \x94\x91\xa2\x8dF\x9a\xa0\x01\xeb,&amp;\xb0\xdf\xdb\x88\x90\x90r\x10i\xc5L\xe2\\s\x02\xf7\xa4\x8fOS(\x17\x8c\x8c\x02h\x8c:\x1d\\\x08ZGb\nN%\x0e\xebL)\x8cT`%L\xb6p\xfa\xf9&lt;s\x15\xdc~\xc2\x1a\xc1\xe8\xc8V\xa8h\x8a.\xe8\x8cF\x13S^BP\xfc\x86\x85\x81\x9a\x10\x1c\xf0\x0c\'I\xa6\x12\xbb\xc1s\x03\xc3=\x070\x82h\xf5#$H+P\xcb\xa4\xa3L4\xb1N+$\x88K!\xc2J\x9eWH$\xa8\xcf\x12\xb2\x1c\xfe\xa0P\x90\xc9l\xe2\xc8q^A!\x08&amp;\xf2\x050\x12\xa9\x90\x10F\x9a\xd6\xe9\xdc\xbau\xcaD\xe9\x8c\x94A$\x14\xc1\xf7KD\x1c\x9cDD\x10\x84\x04\x8a\xc0\x08\x11"$\x98b\xfe8qp&gt;\x03)\xc0\x0f\x8e\x0b\xb4\x91\x81\xef4\xc2A\x19\x80h\xde4O\x99tu\x86\x9a\x1a\xbdP$\x12"\x18\x91P(\xd4\x13"\xf4!r\xbb%"\x91\x88P\x90\x18\x9b\xcff\x0f\xce\xa7\x8d\xbb\xd9\x02\xf8\tQ\x19\xddpP\xa6yC\xdd\xfc:5?_W\xb7\xef\xdf\x97\xd5\x08\xf5\x00TS#s#H\xb8\xd1\xebt\xf0\x0b=\x08\x06\xbb\n\xd8\xf2$\x82\x9e\xf3\x88\xac\xa3\x14\xa7\x13!$\x84z\xb7\xceD\x19\xbaF\xbbV&gt;\xd6\xadl\x9a\x1f\xfd\xf8\xe3\x9e\x7f\xbfF&amp;\x93\xf9\xfd\xfe:\xbf\x7f\x7f\x7f\xdfP\x07?\xfa\x1a\x80\x05\xbd\xc0^\x90\xbe\xc5O\xe7\xd0F\x8f#\x97*I\x05\xa2\x00\x81\x7fcoP\xa3\xd1\x8cm\x9a\xdb\xfa\xfa\xfa\x9e&gt;\xda\xeb\xf2\xfb7\x06\xcd\xe613\xd4\xa6yspe\xc3o@\x1aB3K\x13\xc1f\x8fx\x1fG&lt;x\\d\x93g\xd6\x91um\xec\xed={\xfa\xb4\xbe\xb7\x1eJk]]UW\xee\x0c\xee\x99g{\xa6\xb5\x1dZ(UO\xdb\xec\xce\xce\xa3\x95.\xae\xb9"\t\xc2*g\xd9\x0c\xdf1!\xc0\xd3E\x08"\xd0\n\x1a\xe8\xdf{\xd6\x0c\nMtwwo-o-\xdb\xed\x03RiG}\xf3N\xa5vI:77\'\x97K\xbd\xda\xbe\xde\x0e\xab\xbarV3\xb8\xe1G\\\n.\xce\x8a\xef=&lt;c\x85\x12\x10\xef\xd0C\xbd\xbe\xc6\xff\xe8\xc9\xd3\xbe\t\xa8\xee\xad-\x80Z^\xb6\x0f@yW\xb5\xde!\x80\x9a\x93J\x87\x86\xec\xcb^\xaf\xd7jUOO7\x9b\x07\xbbdz\x91\x04aa,\xef\xeer|J2\x12\x08,}\xcd\xc6\xb3\'o\xdeL\xfc01\xf1\xf2%`m\xd9\xed\x88jhh\x00\x98|&gt;\xdf\x9c\x1ca\r\xd8\xedR\xfb\xb2u\xf5\xf9\xf3\xfaJ\x8dy\x03\xb88\xb9\x98\xfc\'^WGX\rS\x90\xa2\x12\xa3[\xb6\xb1\xd3\xfc\xe4\rH\xf5\x03`\xbd\xdcZ^\xe6\xa8\x06\x86\xfe\x05HU1\x1f\xa85\xc4\x15\xfc\xda\xee\xb5&gt;W\xd7O_\x9d5w\xc9\x84\x1c\x17\xc6dyu\x17\x1e\xfa\x94\x94\x10"X\x9b\xbb4\xcd\xcdO\xfa&amp;z\xbb\xbb\x81\xea\xe5\xdf\xe0\xcb\x07\xec\xa0\x94\x0fQU\xf9b&gt;\xd0l\x08(\x07\xc0nR\xafW\xabV\xab\xa6\xdbv\x06\xfd5"\x8e\x8b\xcc\xa7y\xcd\xae`\x16E\x96\xdb-3\xb75?ET\x13\x80\xb5\x05T\xd0&gt;\xe0@L\xca\xaa\xaaX\x0c\xb5\xd1\x07\xea\xa1&amp;\x0e .\x95j\xba\xa7\r\xe4\xd2\x13\x12\xb4\x983\xc7&lt;\xee\xbdp\xfc\xb0(AT\xbaQM\xe5\x14\xa7\xd5*\xb2\xd5_\x078\x9d\x00&amp;\xa6\x0c(\xab\x941\xae|\xbe!\xdf\xd0\x80T.\x97/y;\xb4\xaa\xa6\x9e\xab\xb3+2=\xd7F\x8c\x81=\x0e\x8fX\xefinq\xae\x1b\x9c\xad\x9c\xeaET\xcb\xdc\x00\x0eq\x9eR\x06\xaa\x02p\xa2R\xc6\x94J$\x9c\xcf\'w:\x9d\xf2\xa5\xa5wZ$\x17\xd7E$\x17\xc6&amp;x\xcc\x08\xfc\x84\xc3\xa2\xea\x06\xdb\xa6\xa6@\xacU\xaf\xd5+\x97;c\x08\x04T\x12+\xd1\r\xdc\x02\x95X\xac\x04\xe5\x02\xf1\x98\xcb\xe5\xba\xdb\xdf\xb9\xf4N\xd54}\xd5\xdce\xd0\xa3=\x06l\x0e\xb3\xbcuQ \x08ea\x91\xd6\xe9\xa8Qs\xdb\x14\x8aQ\xab\xd5+u\xc6\xe2\x91p8\x1c\x05\x0eDR\x1d\x10#$1T\xa0:\x1c\x0eT9]\xae\x96\xfe\xce\xce{*U\xd3\xad\xefF\rn\xc4\x85q\xb3\xc8[\x0fC\xa7\xe0+\x84\xa5\xe1z\x08\xb9 \x95:\'\xc3\x11Kk\xebbX\x1c\x10\x07\x02\xe2j\xe0\xa9\x0e#*q\xf5\xe2\xf8\xf8/\xb7g\\6Pkm\xadQ\xd5tu\xec1\xe5\x06\xd3\xc3\x96\x90\xc9\x1f\xf0\x15\x118\x1e\xccpX\x86QM[_\xafzu\xd9k\x97\xca\xe3\x91\xc8b\xc5"G\x85PP\x89\xc5\x88+\xbc\xd8\xda\xda:&gt;^1\xe3r\xfe\xe3\xed\xdb\xb5\x06U\xd3\x1f\xbf{\x0c\xdb\t\x02\xe4\x92(R\x87\xbc%\x17\xbe\xfb+\x87U\xb7\xa2i\x06\xacn\xeb\x92\\\xea\x8aNF\xa3\xd1p\xb8\x9a\xd3\t\xda\xc8]\xc5J\xd0\rZ\x1b\x8eD\'gl6\xd7\xdd\x1b\r\r\xafGn\x8d\x01\x96[\x08\\\x84\x84?,\xbc\x84e\xd0\xd5=\xd64\xd7\xab\xd5\xabK\x9d\x9d\xfd\xf1\xf8d\x14\x8c\x15U*\xe1\x08 .d\x7f%w\x8fp\x11\xd6\x8c\xad\xbd\xa5\xa1\xa1\xe1\xda\xfd\x85;\xa3\xb0\xb9\x86=\xabH\xc2\xabZ\x19\x1d\xecF\xa9\xd1\xc1\x12\x96T*w\xc5\xa1\x9c\xbeWU\xafP\x8e\x82D\xd5bn$A\xb5\x00T4:993c\xbb\xdc\xde~\xa3\x84\xb5m\x02,\x02\x16\xfb\xd4g\x81\x80/\xb5\x0e2\x94\x01\xf6\xed\xdb\x08Kk\xedX\xea\xecw9\xd1\xf2\x07\xa1\xf5\xeaUU\xac\xaad.$\x19\x92\x0bF\x00\xb0\\\xae\x19\xdb\xdd\xbb--?5\x8e\xdcZ\xb8\xf3q^\x87\xb8\x00\xeb\x88\xaf\xe0\xc2\xcb\x8e~\xa5\x0c\x14\xb5\xbem\x9e\xadT\xafZ\xbd\x1d\x1d\xfd\xce9\xe7\xabX,\x0eH\xa5\xe4\xaa\x0e#\xbd\x94H/x\x02oE\xfep\xe5\n\xc2\x02\xb9\x1a\x11\xd6\xba\x89r\xa3wK^\xbd\x95\xa1\xa83\xac^u\t\xcb\x05\xde\x8a\xc6\xa3\xdc\x1cB\xd7\x90Vg\xa9\x05\xee\x02\xac\x8a\xeb\xd7/\x81\xb5ZZn\\k\xac\xe5\xb0P\x1bi:\xcf\xdf\x1b6\xee\xc9\x9aL\xf0\xa63\xba\xc9auX!\xe1\xe3\xf1(\xa4\xe9"\x12\xa9Z\x1cE\xe3\x08w\xe1\xea\xf0b\xf5"\x04\x84\xc5b\xa9\xb8~\xc5v\xf9\xc6\xbd\x1b\xf7\x1aG\x1e\xdez\xf1q}\xde\x04m4\xd2\xfc\xc5)\xc8u\xf2\xc1\x04rm\xdf\xd1T\xaaa\xab\xde\xd1\xdf\xef\x8aG\xa3\x91\xc5V\x0b\xc4)J\x89RA\x90\xb6"\xa8q\xa0\x8a|\x1b\xb1\xd9.\xbf}\xd7\xd8\xd00\xf2\xf0\xfe\xc2\xc7\x0f\xeb\xe8M\xd7H\x9f8\xf8\\\x13\xd7\xe1\xbd\x9e\xda\xde\x04,(m\'R+\x12\x89\x00\x16\x04\'D=\xa8\xb6\x88\x80\xa0 \xe2-\xb7-\x7f\xfe\x16zh\xbb\xdb\xd2\xa0R\xbd\x06\xb5\x16\xee|\xf8\x00r\xd14\xfd&gt;\xc4\xa3Z\x89\x0f\x14e2A@T\xd6\xf7&gt;G\t\x81\xbc5\x19\x89T\x8c\xa3*\xa1\x95\x08\xc7\x17-\xb7o\x03\xd4\x15\x9b\xad\xbd\xbde\xed\xb5\xaa\xa7i\xa4\x96\xc3ZGX\xc54\x9f\xbb\xd3\xc3\x14\x98k~\xd4\xdc\\Y?U\xaf\xb6\xca\xfb\xa1Z\xfem\x9b\xbcTa\x19\xb7\xb4\x8e\xff2~V\x91\xd6\x8a\x8aH\xe4\xfa7\xdf\xdc|\xf0`\xf8\xe1\xf7?\xad\xbdn\xea\xa9m\xaa\xbd\x0f\xe6\x02\xb5(\x9a\xce\x1c\xf0\xf9F\x1d&lt;\x85A\xa2V4m==\x95\xf5\xda\x8e\xce\xb5\x91\x91\x91k\xc3\x0f\xfet\xd3f\xbb~%b9\x13\x0cl\x1e\x89\\\xfa\xe7\xcd\x07\xc3\xc3\xc3\x7f\xf9\xfb\xcfc\x0b\x0b\xb5MM\xb5\xb5\xb5\xf7\x11\x16x\x0b\xb8\xb2\xbc\xfeg\xd0q\x0cX\x86AD\x05ji\xaf\xce\x8e\x8d\x8d\xbdx\xf1\xe2\xce\xcf\xf7\x1f^\x1bn\x9f\xb4\xfc\x875\xf3yMkM\xe3\xf8\x90\xcd\xc0\xddt\xa3A\xbd\xa0\xb9\xa2(v&lt;b@\x08\x16o\xcd9INk\xfd\xb5\x10\xa7\t\x91\xd6\x1b\x15\xe3\xa9I5\x8e\xe2\xd0D\x91\x06\xe3\x8f\x18c\xfc\x155\x13\x18\x1c\xc1\xd4\xa4iU\xb8\xb9\x17\x94\xc6\xea`\x18fe\x83\xd9\xcc\x9dE&amp;\x94\\f&amp;\x8b.\xb2\x9c\xe7\xa4\xf3\'\x9c\x17\x11Q\xd1\x0f\xcf\xfb\x9c\xef\xf3\xfd\xbe\xe7\xae\xa96\xbey\xf8\xf8\xe1c\x00\xfa\xeb\xee&lt;|F\xae\x98\x1d\xbb\xc3r\x1e\xcf\x9f\x92\x12\xf1\x03\x95\xa6\x19"\xc6\xafSSS\xbe,F\x83\xe5\xa2yb\xb1X\xc9\xe2\x1b\x7f6\xfa~)k\xd7\x1fN|\xf7\rY\xac\x8d\x15\x10u\xc9\xf1\xbcei\xf4\xdb\xfb\xe3\x1c\xce\x92\xcf\xc7)\x050\xb6\x13\xc0\x8e\xe7\xbf^\x8bT^\x88\xff\xc7\xb2\xcc\xf3h2\x99\xcb3\xbbn\xb1X8K\xef\xc7\xc7\xc7\x97f\xb2\x1e\x9ex\xd2\xfaRN\xea\xd5\xcb\x15\xeb\xa4Y\x0fIzff{6`\xc7\xb0\x00|5\xe6\xd7;\xd9z\x12\xcb\x07\xbf\xf13\x95Aqd\xe1O\xff\x9az\x90\xb4\xf3\x14\n\x9ep\xd6\xc2)\xd9\xff"\x91H\x9cz\xcc#L\xcbh"\x9bqg\x874Z\x1b/\xad6\xb3F\xc3S\xe8Wm\x13\xd6\xef\xac\x13\ti`v;\xeb\x87\xde\xd2\x83\xce\xfb|S\xef\xfeFiN\x84\xf8\xfa\xc0w\x87%\x9c]\x9f\xb5;\'VVV^\xaeL n\xb7[\xe3\x16\xd9\x82t\x98\xda\x8c\xe5\x15\x93\x114\x1d"\x85\x87g\x9e\x9c\xb0\xc2D\x9c\x14k\x84\xb0\xcdN=\xd9[\xa7\xc9\xe4\x17J\x0fm\xc0C|\x99J&amp;\xed\xf0\x87\xc2\xea\xb4\xc7-F\x8d\x13o\x0eW1L\x8f\xf1h\x1a$\xa8\x0c\x17!\x07\x19\x8c\xc6I\x9bT\xb1/\xf4x\x84v\x0f\xb6\xca\x96\x8aa\xf4\xb0=B\x0f|\x0f6\x11\xc0\xfe\xfd#\xa5g6#\xaf`*&amp;\xfd&lt;\x0c\xf3Dd4\xbe\x98\x8f\xed\xce\x97|\xbe\xd3X@\x98\xde\xa7\x89DD\x05r#\x8c\xf0\xc9CZ$"\x0c\xacs|\xf7}\xa5l \x80\x89\x11\x84\xad\x00|=\xd9[\xc9\xd3\x7f\xbeZ\xa0\xb4\\\xaf~\x05\x07\xe1gc&lt;\xb7\x1b\x045}\xc0y\xf6\xc3\xbb?\x7f9}W\xba\xac\xcaR\x02\xc1\xd1Q\xa5R(\xe6E\x88Y\xe39\xb8,\xfd\x94\xfc\xf8\x87w\xcf~\xf7~f{\xda\x8dL"_\xf54\xe9KN\xfd\xf4\xdf\xbf\x7f\xa02(\xbe\xfe\x19\xd4p\x97\xadw\x8bD\x02Zu\xf4\xdb\xd1\xf1\xfb\xbeg\x96\x8f\xc7\xf3\x97\x174\xadVGbU\nm.y\xe4py\x99=\x8em\x8fZff\x96FG/\xf7\x91\xc9I\xf1\xaa\x13\xb3\x7f\xf4M%}3\xd1\xf8\x1f)\xbcw\xf0\xfa\xf3?@\xb7\xecz\xbd;h\x14\xed_^^\x1eL\xcff#\x11\xbf\'\x9d\x96\xf1I\xaa\xdbJ\xa1P \xb4\x02.wU\x96N+x\xe9\x88\xf0\x18KG\x0e\xaa\xfbn\xc4f\x93\xea\xc9j=HZ\xa2G]\xde\x7f\xa8\xf3\x817\xd2\x16\xc7\xe7\x0b\xe8\xf5\\\xa5R\x9b\x89fR)\x97\xd4\xe5j\xbbd\x99L\\K\x1c\xc1*\xf4z\x05B\xa7\xd5r\xdd\xf0^\xca\xa5mskb3\x9fK\xe3"6\x11"\xd5;w\xa1Z\xa5@;\xef\xca&lt;\xa6\x08\x0bF\xe2\xf5\xed\xd5\x12T\xcb\tXA\x81N\xa7\xd3\x8al\xa8R$\xe0\xc63G\x04^\xb9\xc3\xea\xf4\nm\xc0\xc2\xc3\xdaT&amp;\xeeR\x92\x0b\x11\x08\x94\x08\x18A\x01\x1f\xaau\x9a| t\xd7j\xcd\xe1\xef\xa9\x8b\x18M\xbc[\xf5%\xfdzL\xa7\n*\x05a\x01pA\x93\xb9t:\xbcX$H\xacJ\xef\xaeZ.2r\xab\xf2\xba\x94\x8bo\x16!\x08\xdff\xb5N"JD\xc3\xd3\xfbK\x0f8\n\x89\xa4\xd9\xcc\xbd\xa5.U\xd7nk\xaeY\xe8-\x85N\x15\x16\x19\xd1\xa0H\x90\x07&amp;\x82&lt;:-V\x80\xeb\xb6\xd2\xebt:x7\x05o\xaaP&amp;\xd3\x11\xce\x83]T\x06\x83\xa8\xcd\xfa=\xe0\xf10\x7f\xec\xfe\xb6^\x92\xa8\x0f{o\x7fK\x99\x9a\x9ets"\x0f`\xf1\xb4ZmP\xa9\n:\xf0\nQ(\x82\x86\xd2C\x05\x12\x0b\xa8\xce\xcf\xcf\x81K\xa7%\x88\xb0\x83\xfeT\xad\x06`5\x93i\x9c\x10O|\xcf\xd7\x00\xd6&lt;g\x96\xfd\xfcIc\xd8;\xa1N ^=\xe94\x15\xe4\xf0I\t\x82*\x15\xdd\x11*\x16z\x9d\xbb\xa3@:y\x05Bg\x9d\x93\xab\xd7&amp;\x0f\xbf\x1c\x8e\xaf\xe7\xa9j\x88\xb9(\n\xf9\xd5\xa6\xe1\xf1\xfc\xf3\xbe\x18\xbb\xd1oV*\'\x14\xce\xc4\x0f\xa6\xa6\xc2\x17P\xd0tJ\x95\x08u\xdc\x1d\xe4\x9e\x97\xcbe\xef\x0bo\xa8@\x10\x95\xde9DkF\xf9i\xbe\xad#p\xa3\x89\t#\xf2\xfc\xbc\x0c\xe9\x96\x89&amp;\x0e\xa5\xd0\\\x18\x96\xe5\xc4$\xcd\x1c`\xddP\xa7[#\xaf\x07}\xb6%\xc0\x83\xf4*R\xaa\x1c\xf4\xb9\xf32\x84C\xc0\x9a\xa3\x17+GD\xa1\xf3i\x8d\xc5\xfa\xc4*\xd7\xdb\xdd\xeeQ\x1e\xa5\xcfA\xd8\xbe[ef#!\xe1+\xa5`r8\x01\xc9\x9bf\xee6\xff\xe3o\xa8\xc3Z\xb8\xa9\xe7K\x01\x9e\x06b\x0f\xa2bz\xcb\x0c\xd6\xda\x06\xe3\xc5\x9c:\x14\x82.\xc3\x8bg\x83\x81\x9c%\x1f&lt;B\xf3y\xbc\xdd\x1e\x86\x0b\x1d0\x14,\xd6\xda\xd6\x9e\xc9\xd08\\E\xc4z\x7f\xc02\x9d\x117\x1a\x95\xc6+*}\xe0I!\x97\x05,-(\x03j`,\xaf-\xca\x97\x19s\xa1\x02\x0e\x0f\x1c/t6\x16!\xfa\x0c\x1e5\x9a\xcdz}\x98K\x10\x15uy\x99\x05\x06\x7f\xed\x93\xa1\x9f\x90\x98\x95R{v]x\xd4\xec\x7fj\xbe}M\xe5\xa8\xde|\x8a\xce\x07\x14\x1a\x81K\xa4d\xee-o\x9c\x0c\xe4\xcb;t\x9c\x80&gt;s\x14q\x02\xef0 fo5D\xa2&amp;\x8a\xd6sV\xf1Q\xe5)\xb0\x9f\x0c\x167M\xfd\xc4\xa1D\\\xf3g-X\xbbY\xff\xe5\xe1\x80B\x7f:\xf2y\xb3\x1c\x12\x82\xd3\xe2s\x05\x0e\xc3\xde\x96|\xb0\xc8bxC8jb\xe6\xf2\xf1h$C\xa8\xbd\x06/\xca\xa7\xa5\xd3qW;g\x9d\x08\x13\xc59\x06kq0\xd8\x84j\x89%b\x04\xb0\xf4\x89a\xe5\xec\x9aB,h\xadOg=a\x16\xb0\xf8"\xbaagK~"gx\xe9\xa1\xa0\xc1\xc0\xcc_]^^\xb4\xa2\xdd\xbc\xd2!\xda\xafV[\x17\xad.\x8a\x1a\x8d\xa8\x8a\x0e\xddu\xb2\xb8i`\x02\x96\x04\xf1\xc7\xd6\x9d\x8d\xe1\xed\xb01X\xa0\x10k\xf0K\xa7\'\x8ca\\.7L\xf7\x96\xf7\xe4\x8b\xac1\xaf\x9an20\x1d\xb9x4\x1aM\xc73\xd1h\x9c&amp;s)\xe2\xf1x\xbe\xd9D\xad&amp;\x13}\x8e\xb1,\'7\xb1\x89HV\xcd\xfe\x92\xc5\x99\xe8\xde\xde\x127\x14\xfa\xad\xd7\x83\xb3^\x8f=Ob\x81&lt;x\xf7\xe4r\xc0b\x1a\x0c\xa8\n\x87\xc9\x1c\xadF\xf7e\x99\xab\xa8\xcb\xbc\x0f\xaf\xe2\xf1\x94+\xdf\xe8\x9b\x0cE5c\xe3\xd1\xa6\xa9!6#\xabR\xff\xfa\xccj\xee\xaau\xd5\xa5\x12ka\xd0\xab\x14\x9c1?\x8d\xc6U\xa9\xd4s;\x1bk\xf7^\x18LF%7\x95\x8aG\xab\xd5jd_\xc8\x03)\xc7&lt;\xd5H\xb5\xd5\x8a\xa7ty\x07\x93\x89\xe2\xea\x9d\xb5-\x03\xca\xe7\x8bW\x8f\xed\x96\x19v\xf7\xea\xaa]\xfb@\xe5&amp;\xde\xe0\xb7\xb7\x9eu;M#\x08\xabBsc\x1b,\xc6\x9c\xc1\x1a\xd4\x02T\x148\xaa\xd3\x91\xd9\xe9@\x00\xae\x89\xfdH\xeb\xa2\x1a\x8dgR:A\x18\xb5\x85\xe7\xeem1\x1d\\\xb7Xz\xbc[*EZ\x19i\xad\xf6a\x84\xca\xde\xca\x11W\xd5\x98\x87\x062\x1f\x0e\xd1\xc7\xd6\xeey\x99F\xa5\x96\x96\xc9D[\xad\xd6\xc5\xc1A\xf5`;{P\x9d\xaeV/.Z\xad(i\x14e\xba\xb0M\x14\xda\xd9c\xaa\xb8n\x9b\xf9x\xf7c\xe9\xe0\xaayXk|\xa6\x16+w\xdb\x8a\x05d4\x81*\x1c\x06\xac1fP\xa5#\x9b=\x1a\x85\x86i]E\xaf\xaa\xe9(\xe0\xc0\xca\xc43\xb0R2\x99V+\x08{\xf7P\x81\x8b\xff\xc6\xac\x0f\xac[\xf4\x13\x8f\x9f\xd7\x1eRy\xe7n\xe1&amp;\xd7$\xaa1\xbb\x82\xa6\x02\x17\xa8\x1e\xdb\xf0:T\xda\x14 \xa4\x08\x1c\'\xea\xf5\\\xbd^\xef\x9c\x9d\xe5\x9a\x8dF#\xd1\xc4qA\n\x96N\xab\xd3\x06\xf7@\xcc\xf8o$\xce\xdd\xf5\x19\xc9u\xe2y\xed\x84\xca\xb4\xbf\xf0!\xd7\xe8\xf3f\xed&lt;\r\x98\xe60}g\xcc\x01\xde8\x055\xc1\xf1\\\xa2\xd9\x7fr\xdd\xef\x9f\xd5{g\xfd\xfe\xf5\xf5u\xb3\xd6n\xe7\x95\x08WC\xe3\xa6ta\x83R\xa3@\x0e\xcdN\x7fi}\x15\x90%7T\xde~\x1d\xf9|\xddx"\xc9b\n\xb7-\xa8\x85M4\xe0\x048\xfa\x0cW\x04\x8e\xa1=$kU\x1f\x0e\x87\x95a\x0e\x9e\xbb\x99L:\xed\x12\xbbe47M\'\xf8\x1f-\xe7\xfb\x93V\x9a\xc5\xf1\xe6\xbe1\xbb$\xbep\xe1:\x84\xca\xdd\xb2\xdc\xc0"?\xc2\xcd\x92\xb4\xb1\xd7A(\xb7\xa3#\x95\x18r[\x1a\x0c\x12\x91%\xa6\x90\xc2\x10\x1b\x8c,\xa4\x91\xb8\x0chK\xb1\xfcH\xa4\xce\x8b\x92fP\xa7\x14\x15\x8d\xcc\xb4\xb1S\xd7\xd55\xbe\x98l;m\xb2\xb5\xcd\xecd\xb7;\x93j\xe3v\xb2\x99v\x93\xdd\xf3\xe0\xbf\xe0=\t\xbe\x81\x84\x0f\xdfs\xeey\xce\xb9\xf7\x1cY\xb5\x94v\xba\xb5\xe1P\xcc%\x9e\x9c\x9cl\x7fu\xa4\xcf\xf6G\x7f\xb3\xf9\x836b\xa4I\xbdA&amp;\x13X\x87\xcf\xf5@A/Q$\xef\xdf\xffG2\xe9\xd7\xae\xe7\x96\xe6\xfc\xda\xb9\xa5\x07\xebsZ\xcb\xc6\xd43H\xfcq&gt;\xb4g\xe7\xba\x06\x9dR\xa9s^,\xce\'\\\xe2\xc5\xb9\xb9\xbb\xbdG\xdb\xec\x9f\x16\xb0R\xbb\xc7,\xe92(H\xbdPpN\xa6\xd7+\xb2\x9f~\xff\xfd\xfd\xe2\xee~\xed\xd6Nm{\xb9V\xdb\xde\xde\xdd\xdd\xae\xd5n\xedzc&lt;\x9c\xdfg\x88\xca\xba\xd8\x8e0-VM\x8a-\x80\x15^\x9c\xeb_;\xda\xb9\x91\x817\x8bY:\xe11\x07\x0c\x83\x12\xe8~\x86\x87\xc6\xc7\xf5\xd6\xcdg\xca\x0c0\xdd\xda^\xde^~\xfe|\xf9\xf0u\x0bl\xf75\xc1\xef\xebc\xc7\xc7\xad\x83\xee0\x1dP\xa9\xc4\xde\xf2\xf4thn\xff\xcd\xd8\xd1bAy\xba(ND\xa4\x017\xab\xb8!\x1b\x17v\x0fu\xe9\xfb\n9[y\xb7\xb6\r\x1c\xb5\xe5e@[~\xbe\\\xab\xabu\x10z \xb4"\xacAV5\xa3S\xb8\x9d\x80\x95x\xb4\xf7\xe6\xd5\xc0Q\x0f\xff`\xbdo\x8a\x08K\xcf\xea\x937\xc6\x05Ba4\x9a\xb6\x1a\xb2\xeb\xe1\xfdZ\xd1{\xb0\xb1[\x03\x9c[\xb5\xda\xc1~\xd1\xd8\xaf\xf5\xe7\x0cB\x81\x95\xd5\x1bX\x95v\x86V\xab\xb4\xda\xb0\'\xb1\xba2p\xf4\x03\x82\r\xd8X-\x11\xa1\xb5\xee\xa8\xbe\xe7\x86\x0cN&lt;6\x9d\x16\x0e\re\xd7\x91=]Z\xfc\xa1n\x8b\x0b\xd9\xa7\x0f\xd6\x1fd\x87\x84,"\xd7\xbbI1M\xab\xd5Z\xad%\x92x\xbb\xc6\xc5\xd8"\xf4\xd6v\x937\xac\xd0\xeb%h\xf4H\x10\xedK\x0b\xbb\xa3C9(\xdd\x9fn\x1d\xda\x0b\xb0\xcd\xa5\\n\xc9\xc0\n\x85\x02\x96e\xbbH\xb3\x05.D\xb5\x96\x8ed8\xc4\xcaX\xa4\xa4\xde-\xf1K\xf4\x02!`\xa1\x81\x95h6\x9b\xddz\xf1\xf8\xf1\x8b\xba=\x9e\x98\xd8\\\xdc\x1c\x1cd\x85\x06!\xdb\xe1T;\xe9\xa04\x10\xd0\x84iOf\xfa\xed\n\'C\x9e\xd8\xe8\xebD\xd0\x12p\xab%\x12(\xe8\xf5\x06\xeb0\xb4\xceQ\xa1p\xf36P\x1d\xda\xc4\xe3?|\xf4\xd1\xc4\xe5&gt;\x10\x0b\xfaV\x8dQj\xe6\xcb\x83f\xb1\xd8b\xf1$\x1e\xbe^\x19\xe0\x04k\xe0 \x161J\xc9\x00\x1c+2\xbdB\x11\x15BO\x0f\xeeB\xbe\xfb\xe3//OL\x1c?}\x17=\x1a\xabc\x19X\xbd[c\x0c\xca\xa1\xd6\xd1I-\xf2\x90=q\xfd+nF\x9b\xb1\x81\x97L&amp;\x14\xe4\xfb%fh\x80\xcc\x125\x04X\xb7@\xc8n\x82L\x9f\x9c89\xf8\xf1\x89\xf6\x8f\x01\x0e\xa8\xacV\xe0R\x9b-t\xd0dK\xc1\xd1`\x8cD\x12\xae\xb6\x97\\a\xd5\x18S\x1eNk&gt;?`\xd6\xe9tdT \x14\x08Xk\xdf\xe3\xc2 \xab\x97)\x0c\xac\xbb\x83\xbd\x0c\x06T\xac!\xea\x0cF\xe4\x1e\x8f\r\x8d1\x86L\x19\x17u\xa6\xc6\xcd&lt;,\x86=\x7fd3y,4M\xf3\xf9\xf4\xccL@1$\x10\x0e\x0f[\xd3\x85&gt;\xa1a\xe8\xacLo\xd0\x1b\xfa@\xacB!\r\xa1\xa5\xd0J\xe5rO&gt;\xcf\xc4l%\x93-FP\xd79\x9a\x03G7\xe7\x99\x98I\x0e\x01#\x8fO\xc5\xa7t=g\x87\x86\x87\x87\xd3\x1f\x14\xae\x15\xa0\x03\x8a\x1a\xa2h\x94\x04\xfa\xfbBz\xd8\x10\x95\x80\x07M\x99\xbc\x9d`b\xa9R\xa9R!V\xd7\xb8\x99\xd2\xc5\x1a^\xbde\x18\xa8\xd9M\xa5\x92\r\xda\n\xd4n\x08\x87/]J\x17\xd04F\xa1\xaf\xf0\xc95\xf4\xa8\xf8\xda\xaf\xd3V\x81^!\xa1=\x89Tj\x9a\xa9\x10.&amp;\xc5\xe0\xd4#\x8e|X\x7f\xc0\xcf@\xa8\xd8b)\xf8\xfd\xcfJ3:&gt;\xb8q\xf8R\x1a\xda\xd4k\x1f\xdc\xbem\xb5Zo\xd7\xed\xa2\x00\xb0H\x08w\x86qUp\x82\xf1\xb9\x08\x8aZ]\xe1j4\x1d\x1b]\xbd\x92\x8ael\xe8\x8e;\x90\xc5\xe3|R\xd6%\xb8\x94~\xf2\xe4\xf6\xed\'_\xff\xe9\xec\xd5\xad\'[\x17/n]\x14D\x15\xa46 7\xc5\xe0s\x95\n^\xc7:\xf3#W\x1b\x06\x186\xfa\xd5\xbd+\xa9L\x82\xa8\xf8\x18\x86)\x99\xe2P~\x9e\xeb\x12\\\xb8\xd0\xbd\xb0\xf5\x04\xcd\xc5~\r\xe5\xfc\x85\x85\x85(\xc9\x0f\x06\x81*\xe5"\x88\n\xee\xb8B\x10\x14~o\x99\xb39\xfe\x06lm\xf5\x0c\x01\xbf\xbdB\x10\x84/e*\xc9u3|\x89,\x075\xb3`ka\xe1j\xf7\xd5\xee\x02\x14\x1592 \x8f\x98\xc0\x85&gt;_\x85B\xcf;\xa86\n\x7f}\x87\xbb\xbd\x07\xac\xb7v\x8f\xaaT\xd0\xa42^aR\xbeT&lt;\xa83\xfb\x93\xfe\xf1\x85\xabP\xcc\xa3\xd7\xe6\xe2\xe4\x1cIJm\x91H\x06\x05\x14\x8eS"\x11\xde\xda\x8a\x13?\x8eq\xb8\x8440\xfa\xf2!\x85\x83g\xd0\x0c:S\xf1\xd9L \xd8\x8c.\xa0\xc8e\xb3\x0bpf/,\xcd\xcdk\x9c^\x8f-a\x8f\x11h\xba\xdf\x01j\xb59DTf\x8f\xd3%\x91\x81\xb5UJD\xe0\xf0}\xa2J]2[&lt;.\x0f\x06\xf9*\xc5\x17g\xb3\xb9\\\x8e\xd4j5a\x8f-\x96p]\x01\xad\x94\xa2\xbaV\x0e"\x13\xda;\xc6\xa5\xc1\x01D\x88p\\\xc9S*q\xca!B\\\xb6\x8c\xe9\xf3\xb89\x07\xfdY\xcf\x83u?-\x85b\xc1\xc5LSm\xb8\xa3\xbec\xd0\xda*""\x1e\xae\xb1\xb0\xb5\xbcO\xa4\xe4\x81!\xc5\x80\xcb\x97\xca\xd8J\xb6xOO\xf2f2\x99\xd4\xd1\x1e\xe8\xea\t\xaa\xadU\x89\xd63\x80K\tT\x16\x0b\xc7X\xc7\xb0\x95\xb0\xc9\xc7C\x9b\x0cJ0\xe0\x02\xc1\x18\x94\xc4t7o\xde\x9c\xa1\xe5r\x9b\x0b\xd2\x02\xd5\xda\xca\x13\xc1\xa7\x80]\xc4\x84,Fch\x8f\xd3\xb5;\xec\xd8\x9aw&amp;\xe2\xe3565"\xc9\x94J\x1e"#R\xb1\x12\x1c\x93&amp;\x93\xc7\x9e\x891p\x05:ZO5;x\xa7@-*\x13\n{-\x80\xc5\xed\xf20\xb6\xe2\x9d\xd1\xc9\x19\x90\x0b\xf9\x08$C\x8b\x19mD\xcc\x17\x83L5\x1d\x9b\x9eFT"\xa5\xe3\xf0}%e\x0f\x87\xbda\xa91\xb83\xc0\xe9\xa5\x88\xad\x88!#\x04\t\xf8N\xe4\xc9F\x90\x8d\xa7t8\x08\xcag+\xa5\xa6\xa9\x87.\x1f\xd5\xeap\x9cj&gt;\\\xda \xec!o8,\x16K\x8d{\x18\xd7\xb1\xa5\xd3\xf1u\x9e\x98\xa8\xf1\x90\xaa\xa9\xa5\xa9\x89\xa7\x84\xf4\x04\xe7\x91\x0b\xbfN\xe1\x0e\x9e\xb2\xf5TKSc#\x0f\x9f\xce\x97\xd1\xc4\x88X,6r\xad\xd6+\r\xdf\xec7\xd3\xa1\x0c~H\x05\\-J\x11\xf8\x8d\xf21\x04\x0e\x87\r\xa4\x85S\xcd--@\x95(\x97\xbd\xe1b\xd8\x82\xd4\xda\x19\xe36\xb6F\xe7o\xf0\xcd\x81\x80\xd8hwA\xfaBZ\xb5\xb44\xf1DJ%U\x01\xf7\xc1\xc5\xa9\xac\xc36;\x08{\xb9\\,V5\x9a\xb0V+\xa6\xf7\xc7\xb8U\x0ba\xf1%\xa4\xd6\x1c\x82\x0cE8\xd0t~\x0b\x8a/H\x16\xf5\xd5\xac\xba\x80&lt;\xe5\x95D~c\xc3[\xd4\x145\x1a4\xc1e\xdc\xef\xe5X\xadjR\xc7\x97\x80^f\xa3\x17\xda,\x17\xd5\xda\x0c\x8aA$\x81\xf3x\x08\xaa\x19\xf2\xbf\x0b\x94\xda\xd8(V\x8baM\x1dKJs\x8b\x85a\xbd#\xc9\xa4?`\x86\x06&gt;\xec4\x86\xf2v{\xe2\x11\x1a\xd1G\xabu\xe8\xdasP\xc4t"\x9f\xdf(nl .p\xa1\xd3\x19\xa8cq\xba\xc8\x8c\x8d\xed@\xa3\x18 \xd5j\xb5S\x1d\xb6\x94\xcb\xe5P9o\x87\xe3\x06\x8eo\x9cb\x00\xc9n\xcf\xa3\xa0*"\xb1\xe6\xab\x1a\x95\x13BKj\xdc\xf8\xef\xdf\xbf\xe1\xf0\xbf\x1e`\xd8\x1e\xdf\xef\x0f\x90\x12R\xa5\xd2h\x9cb\x8b\xb7\x8c\x0cd\xcbd\x80g\xa3n\x00U\xadV\x8b\x9aju\x1e\xb0H\x84e\x7f\xf7\xee\xdb\xcfz9\xe3\xc2\xb0\xbfJ\xfd\x88K\xa1v".\xaf\xb7\xe8\x05\x03\x8eC\x96\xea\xc1\xc1\x01\xfc\xed?\xb4\xd9y\x95J\r\xc5\x8e4\xe8\x89\xbd\xff\xf9\xdb\xef\xb8\xe2j\xc0\xee\xecJ%\x12\x92T\x90j\xb7\xbb\xa3c\xde\x19.j\xbc^\xc41\xd2\xd9\xd9\xb9\xb3_\x1f\xa2,\xd6\x99FFFf;&amp;U\xea9\xa7Vl\x94\xcb\x89\xf7\xff\xfa\xf2o\xdcp5\x0c\xfc\xf4\x9f\xff\xd1$P)\xd4\xea\x8e\x8e\x8e\xd9\x93\xf3\x90\x02@&amp;`\xf8\xf0\xf8\xf9\xd3\xc7\x8fw\x8e\xf4W\x0f\x0e\xa1:\xdbO\x9e\x9c\x9dT!.\xc0\x9a\x8a\xe3\xef\x7f\xfb\xe5w\\\x04~\x03\xf6\xcd\xbf\xdf\x95 ?\x80\x0bUnP\xeb\xe4l\x7f\xbfF\x03\xe2\x8c\xf4w\x02\xd6\xf9\xf3;;\xfbu\x99\xfa\xdb;;\xdb\x11\x17\xc8\xe5\x04\xb5B\x91\xf8\xcd\xcf\x95?\xff\xea\x9f?\rpp\x9fr\xf4/\xbfo\xfdt\xe6\x86D-S \x17v\xb8;f\x01\xac\x8a\xc4\x1a\xf9pg\xe7\xfc]P\x0bd\x1a\x19i\xef&lt;\x01\xd6\xde\x8e\xe4BN\xa4#\xf1\xa9)\xdf\xfb\xdf\xfd\xe2\xcf\x9f\xdd\xc1\x1a\xfe\xcf\xca\xd9\x84\xb6\x91\x9eq\xdcX32#4\xa0a\xf6(\xb2\xa82\xc3\x8a\x92\x9ae\xc63&gt;(\x16\xa1\xddb#|\x90\xd5YQR\x0f\t\xc6\xabS\x8bZ\xedAdR\xca\xa0\xac\xc0\xa1)=x\x0f=et\x08R\xd6k\x04\xbd\x05D\xd1\xad\x06\x81\xf5u\x10AbA\xd6A\x18\xcc\x06G\xd8\xc6i\x92\xed\xffy\xc7I\xb7\xf43\xbby\xac\x19}\xcf\xfc\xe6\xff\xfc\x9f\xe7}\xb1g&lt;\xf7n\xa96\xddN\xf6\xfd{;\x8b\x94C\xa2Z\xba\x0e9\xae\xef\xd2\x89\xc2\xb0V"\x0e\xb5\x18\xd6j"\x91 \xac\xc8\xea\xf2u\xc8\xf5\xe5o\xaf\\\xdb\x06\xd6\x17\x7f\xcb\xcaB\xfd\xb8K\x82\xcd\xbd\xc3N\xeaN\xb4\xd8O\xee\xed\xfc\xfe\x07h[\x9f,}\xbcD\'Kna\x9d`\xa7\x0b/G\x12I\xa2:8 \xa8d\x12+\xcf]_\xc2\xf2\x1fm\xef\xdc#,\xd9o\xef\xbbwff\xde\xd99\\\xb3\xeb\xc3\xba\xa6\xc5\x9e\xdf\xdby\x80J\x84Z\x1fomE"\x1b\x1b\xe0ZZ\x8e\xac\xae\xa2\xecvw\x97o\x1fxJ%\xf3\xd1D\x92.\x11\xd9\xdd\xdb[\xc0\x98\xf8\xc1\xa3\x9d\x9d\'\x84\xc5\xc9\xda\xcb\xe6\xb8Uy\'\xff\x83\x07\xdb\xa8\x0c;\x9a\xa6\xe9\xcf\x1f}\xbe\xf3\x1eZ\xc4\'K[\x1b\x1b\xf9\\&gt;\x9f\x8flm\x01\x8b&lt;\x8e\xe5\x00L\t\xe0\xe6\xa3\xd1|2\x81\x97vw\xf7\x16\xd0\xb8&gt;x\xb4\r\xac\x98,\x08\x9c\x96~y&gt;\x1aW\xd7\xbf?\xd7\xecf\xa55\xaa\xa7\x80\x95\xbax\xf2\xf9\xce\xe2\xaf\xd1\xe4\xafomm\xd0I\xb1\xd1|$\xb2\x15\xa1\xc2[]\x8d$\x120\x16\x12\x18\r\xc7\xa3\xf9hry9\xb2D\x9e\xbf2\xff\xe96\xa9es\x02\xc7\xd9N\xf9\xb8[i\x94\xba\xeb\x9b\xdf\xcbassw\xbbg\xfdb\x91a\x1d\xfd\xf0\xd16\xb5\x88\x1f\x01\x0bT\xf9x\x80\x81E\x08,B^\x8f&amp;\xa0T8\x1e\x8f\'\xf1$\xb9\x0co-|8?Og\x19?y\xce!\x04`\xed\xb7\xdcF\xb7\xd4\xea\xae\x7f\xf7\xaa\xa4\x7f\x84\xd4-u\x07i\xc2\xd2\xf5\xec\xf3\xbf\x00k\xed7\xf0\xfcV2\x9a\x0b`\xff\xe1x8\n\x84D&gt;\x91\xc0\x030\x85A\x15\x0e\'\xa3\x84\x05.L\x04\xe7\x17\x1f,\xbe\xf7\xd3\x0b\x95\xf33\xb5\x8a1\xad\xde&lt;m\xb8\xd5;\xdfu\xf8\x9eE\x02\xbb\x95nk?\xed\xe8\xe4\xad\xd4\xc5\xaf\xde`\xfd,\x9f\x0b\x04\xd1\xdb\xf3HX8\x1ce@\xe1h\x98i\x15\xbf\x0f,j]\xcb\x7f\x80\xb9\xae\\[\\[\xfcs\xcc\x10E\x9e\xb3\xd3\xe5z\xbf\xdf1\xdb\xc3\xd3J\x05\xf3\x9d\xb7\x07\x83\xc4\xb3w\xba\xddJk\xda\xef\x15\xd26q\xa1\x16\x1f-^[\xa3R\x84\xe9\x81\x15\x04\x18\x88\x12\x0c\x89\xc8@\x95\x89\xdf\x87\x82\xd1d$\xb9\xbc\x85Z\\\xb8\xf5\xe1\xda\xfc\x95\xed\xe7\x82JXf\xa1\xbc\x7f\xd6\x1a\x8f\xda\x9d\xf6\xf1a\x83\xcd\xc3\xde.\x95s\xe8\n\xb0fwXW\xb2\xb1t\xc1O\xe6\xd2\xb4\xa3\xcf\x16\xe7\xd7n]\xbd\x8a^\xba\x91\x0f\x80+\xc02\xc9\xb0\x12\xa4T\x06\xb7 \xc3\xa2\x0e\xc1j\x91&amp;]_\\\xa8\xaa\n,\xae\\\x18\x94\x10\xeexZ\xef\xb5\xf7\x87n\xe5\xee[I\x06SU \xd5\xe9\xa0\xd3\x99\x8e\xc7\x93BZ\x81\\\x8a\xad]&lt;X\xbbr\xeb*\xda&lt;\xb0H\xae\\\x00\x81\x01\x91\x91\xd1=\xda=a%\x93\x97\\{\x98:\xdf\xfa\xf4}\xcd ,\xd9(\x17\x8e\x0f]\x02\xab\xba\xc3i\xbbW\x9f4]J\xe6\xcc\xff\x856\xbb\xb9\xb9^\xa9TN\x9b\xed\xce\xf4\xac\xd1h4\xd3e\x83\xb0\x149\xf5\xcd\xda\xad\x85=\x8c\x88\xc0\xca\x07\x82\x81`.\x18\xc8\x01%C\t\x85T\xc1@&amp;\x18\x88\x87\x13Ij\x15\xd4\xban\xee-\xec-|t\xa1\x1a\xc4e\xa6\xcb\x85N\xa7\xbe\x7f|\xd8rK\xd5\xaa;\x1e\xb4\xeb\xa4Y\xa3\xb2\xfe\xbf5\xc3\x00xw\xbd\xd2u\x8f\xdb\xbd\xf3q\xa3\x81#;|Y(\x0b)\x80\xd9\\\xe7O{71$^\xa7.\x1f\r\xb0\xc8\x05\t\nX@\x02[ \x97\x8b\xc2\xf2\x10,\xe1\xc9\xb5\xf7\xe3?\xca\x0eaIb\xb9l\xa4\x14\xc54\xb9\xf6`\x08\xd5\xb0q\xf7p4\x98NGC\xb7{wn\xee\xbf\xa0\xcd\xd1_5+\xeep\xbf\xde\x9b4K\r\x1cSs\xbf\r\xac\x82\xa2\xeb\xba"s\xfdg\xbb\xbb\xc8\xe12\xc6\x98&lt;Ka\x90\x16D\x9c=\tf\xc2t-g\x94*\x00\r\x16r\xdd\xfc\xe5gY\xc7p\x80e\xf9\xca\x05S\xb1mY\xe0,K\x80hCh\xd6hTK(\x82\xc1`H\x13\xeb\xd9\xff\xe4)\xd4\x1fc\xaa\x0f\xce\xa0s\x954\xb3d\xd3)\x97C\xc0\xd25p=\xc4\x14pi\xe9\r\x16\xb82X\xad\xc0\xffD\x96\x89\xe7\xf2Q/&lt;\xac\x87?\xbf0(TQ*\x94U\xdd\x06\x96\x8c\xce*\x83\x0c\xae?\x1e"\xa1U\xa0\x9d\x8d\xa6\x83\xd6\xfa\xdc\xbf\x1b\xc8\xe7\xa8}\x1e\xee\xc3\x8a\xd3\xa6[\xf5\xa0\x04\nYN\x97\xcb\x92\xce\xf4\x92\xfa\xcf\x90\x1c\xcc\xaa\xd0\xe7\xff\xa1U\x90Ue \x07\xff\x07\xc8\xfd\xac&gt;1\x1c\xdd^\xf8\xc5)8\x14\xe5\x00\x00\x05\x10IDAT+\x95\xc42\x0c\xce)\xa7\x15\x12\xcb\x84\\\xe0\xc2 )\xf1R\xaf^oO\x06\xcd\xb1[j5\x07\xa3\xd2\xfa\xbf\xfc\xc2\x82z\xc2is\xd2\xebMF-b*\xb5\x8e\xdb\x96\x84\rp\x00+"\x8d2:\xaa\xae\x99\xe0ZeS\xbdH\xf45Q0\xc0\xb0\xbc4\x06\xa9\x1eY\xdf\x80\\\x0b\xdf\xf4\xd5K\xb1\xc4B\x81O\x91V2\xc3".\x0e=\x83\xe7x\x9e\xb7z\xed\xc1a\xa9t6&gt;\xabV\xd6\xff\xc9R3\x04\xd5\xaeOFg\xa4)\xd8\xf7\xeb\x12\xef\xf7\xd3\x060\xf6\xfb\x9dB\xd9\xb1\x15\xe2\xb2\xa5\xce\tFf\xa2\xa2k\x11\t\xe8&gt;\xeba\x94\xc3 ]\x9d\x88\xca\xcc\xc4\xd9\xf4\xfe\xe1+\xdb\xf0B\xe5\x8d\x82\x11\xcbfc:\xc0\x04\xfe\x12\x8b\xa3M\x17\x8b\xb8IV\x0f5Yr[\xad\xd2\xb7}&gt;w\xa7\xd4\x9c0\xa6F\xd5=\x04\x93\x05\xa8\xa2\x9f\xf3\xb0\x04\xdb\x0c\x95\xcb\xa2e\x92`\x8a\xd4;y\x1a\x8dF\x12\xe1\xe0\xca\r\xfc\xacP)\xe6r\xc0!\x87\xadd\x18V\x06=\xf5\xf6_\xfb\xbc!\xaa$\x97\xaa\xf2\x0e\xc6\x1fY!\xb2\x94BD\x97t\x1c\xe7G\x14\x8bE^B\x81"\x99\xee\x1b(L\xa9Z\xa3\xe9h\xec\xa2I1\x9d8I\x02\x13\x05\xe32S\x8a\xa8\x86\xcai&lt;\xd2\xc8`\x96\xd5?I\x04\xa2\xe1\xc0\xca\r\x8a\x15\xf4\xad\\.\x13\'JDm\xa5V\xab\x85\xd7\xde{v\xde\x01\x93\x88EU\x8b*/\x8a\xa1\xb4/dpJJ1S88t\nH\x86D2*F&amp;I\xf5\xc9q\xeb5\xd4f\xf7p@\x9c\x10\nL\xed"\xcfs~\xde/\xfa\xbd\x90\x15SS\x0c\xc7\x111\xfc\xc3\xa9\xb6F\x05)\xf4\xce\x9f\xc1Z\xc0z\xfc\x18`L\x9fZ\xd0\x83\xacQD~\xf7\xaa#1$\x86%\xf2\x8an\xf8|"\x96\x90l\x1av\x16q\x94\x8d\xc5R:\xc0\xfc\xb4/P\x81\r\xbb\xae{F_?\x1d\x0eF\xd4\rJ\x87\xc7\x93:\xcf\x93J&lt;\xcf&gt;\x07\xc5d=\xa6+\x9a\x11r\x0c%k8\x16d7\x15\x05\xe3\x10\x81\xbd\xc8\xdc\xf8\x16H\x86\xa4\xa3\x0b\'k\xb5\x95\xe0\xeaIG\xe2U\xb1(\x82L\xf4c\x8d\xa1U\xf6\x85\x94\x98\x04.\xc90\xecT,\xa6\xf0f\xf6\xe8(\xab\x9b&amp;j\x93\xf7$\xa3\x80\xa3\xc8\xe7\x03Vy\xd4\xad@\x83\xf7P\x1e~\x8e\xd1\x0bv*\xab\x8b\xa8o\xc7\x11\x14-\x9b\x92Ye\n\xa6M\xddG\x92\x00\xf65a\x11\x14\x12\xb9R\xc3\xe3\xc7x\xb6rp\xd27!\x15\x0b\x95V\x00\x80\xa5\x1c\x1foB.\x16\x8eh\x8a!\x89D\xcb*\x96\xa9\xe82\xefy\x86a\x01j:r\x1b\xac\x19\xf0\x92xIL\xef\xe1S`\xcajb\xc8\x17B\xa8)N\x8e\xd1\x01J\xa8g\xea\x85\xb2`q\xbc\x04\x8f}Uc(72\xb5\x1b\xb5\xc7\x14\xb5\xa7\x04\xc5\xf3\x0c\x8a\xd6h\x00p:\xbem\x86B\x0c\x896\xe8K\xfbh\x94\xd4S\xa8\x01]5HL\x8e\xe4@Jg\xdc\xe6tp\xd6(Q\xe1\x81\x89lG\xe9\x83\x1e\xb6\x1e\x83\xbe1\xdb\xc0\x06\x1c\xba\x19\x18\xa6\xb1a]\x11$\x81\xe3\xbc\xfa\xc4\x1a`\x9d\xf3\x93\xafH\xb3\x0c$\x03\xd4\xd7/\xce;\x04E\xc1\x88\xb0\x12\x94\x14}9\x16\x93\r\xc7\xe3\xb2t\x8b\xeepsDY\x03\xb0c\xa2u\xc8p\x96l\n3Sx\n}\xa1\x8ev[\xf4\xea\x81\xb7\x14-Ev&lt;\x8a)*\x8e(\xe4q\x85\x0c=F\xfe\x84\xdbM\x81\x93\x18\x16\xa3\xe3Q\xb3&amp;\xc8^\x1c\xd4`\xfd\xda\x8b\x93~\xc7"\xa5\x18\x15\x16?\xd6\xc8\x11\xe6\xb6\xc8bL7eO/Q\xa3\x02 \xf1\xd2\xd8\x87\xa3\x9a\xa6jX(q\xb4\r\xdb\x9eiav0\xe9I\xacu\x90\x9b\x04\x8d%\x1b-\x8fs\xd2\x85B\x9a6`\xf2$\xb9\x1c\xc3\x01\xa3$5E\x94,\xc1\x12^c12\xce2;\xfd\xf3\x93\xa7\x8c\xc9\x02\xf5\xa5Z\x0c\xcd\x92D\xc7\xe10\xb5\xa5,:"\x89\xe4\xc0\x18\x9el\xbe\x10\x8a\x02h\x05\x1f\x12"\x81_\x81og\xaa\xa5\xe3\xbag5\xf2\x13g"s\xd9\x94&amp;\x17C\x05\n\xa2\x82J\x16\xb3\x16B\xb3mEp|\x8e*\x81\xcb\x03\xf3RI\xfd\xd6Rt\xa6\x13\x07\xf9(8\xcf]\x92\xa4\xb2\xbd\xf3\x8a\x82&lt;j\x12\xbe\xef\xb3R\xf4Z\x9a\xbd.\xe2`\t\x0b\x01\xaf\x85\x1cKO\xd93\xe3\x89\xc4\x98HmN\xc64\xaf\xe8\x84\xf0&amp;K\xde\xdfk,\x83\x14\x88A\x18\x8a\x0e\xd8\x16\\\x08\t\xdeAp\xdd\x81\x9eC\xc4m\xb6s\x85BW2\'\xe9\xf1\xbc\xc5\xfco\x19\x97\x06\xc3\xf3\xff$\nuq2\xa4\xc0\xda\xc2]KIWZ\xc4}7\x11\x8d\x04\xb1\x07JWLE\xbc\xc1\xc6_1\x18\x15\xdb0\x80\x1ej[(:\xd2\xb9#\xbeg\x81y\xe7ZNt\x8f\xe9eo\x00%\xd6}\x9f\x12P6\xc7\x18/\xd3\xa7\xeb`\x84\xd7\xbd\xe3\x9b\xc0(^\x89\xf21\xf9\xf7\x0c\x96\xe5\x92)\xd6\x8a\xf4Wtu\xc3\xdc2\xb4\xe3\x14\r#\x16\x83\xccp5}\xb0VO\xfb|l\x08\xf7);\x10\xea\xd1&amp;\x16\x94\x92@+!\x0e\xcc&lt;\xeb\x8c\x13\xeb&gt;\xbb\x8a\xdb\xc7\xf8\x01T\xe6#\x92\xf3uc\x08\x00\x00\x00\x00IEND\xaeB`\x82'</t>
        </is>
      </c>
      <c r="M119" s="3" t="n">
        <v>45492.67748842593</v>
      </c>
    </row>
    <row r="120">
      <c r="A120" t="n">
        <v>331397</v>
      </c>
      <c r="B120" t="n">
        <v>1999</v>
      </c>
      <c r="C120" t="inlineStr">
        <is>
          <t>Lucas Evangelista</t>
        </is>
      </c>
      <c r="D120" t="inlineStr">
        <is>
          <t>L. Evangelista</t>
        </is>
      </c>
      <c r="E120" t="inlineStr">
        <is>
          <t>VOL</t>
        </is>
      </c>
      <c r="F120" t="inlineStr">
        <is>
          <t>VOL</t>
        </is>
      </c>
      <c r="G120" t="inlineStr">
        <is>
          <t>VOL/MC</t>
        </is>
      </c>
      <c r="H120" t="n">
        <v>181</v>
      </c>
      <c r="I120" t="n">
        <v>8</v>
      </c>
      <c r="J120" s="2" t="n">
        <v>34824</v>
      </c>
      <c r="K120" t="inlineStr">
        <is>
          <t>Left</t>
        </is>
      </c>
      <c r="L12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14dfa0-432a-4bb3-b379-77ef559d01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o\x07\xb6\x08\x00\x00\x00&gt;tEXtComment\x00xr:d:DAEewil2SDw:3129,j:9030118292309124670,t:23082714\xb3\xea\x8f\xec\x00\x00\x00\tpHYs\x00\x00\x0e\xc4\x00\x00\x0e\xc4\x01\x95+\x0e\x1b\x00\x00\x03\x00PLTE\xff\xff\xff\xff\xfe\xff\x0f\x0c\x0e\x13\x10\x11\x08\x06\x07\x0c\n\x0b\n\x08\t\x00\x00\x00\x03\x02\x03\x06\x04\x05\x16\x14\x15\xfe\xfd\xfd9"\x1d/\x16\x0e6\x1e\x182\x19\x14:\x1d\x16\xbc~g\xd6\xde\xf7\xb1t[\x1b\x17\x18X?:\x1e\x1a\x1c\xb8{eB)$\xd5\x9a\x86\xc2\xca\xe4\xce\x92~\xfc\xfb\xfc\xcc\xd3\xeb7\x19\x11A\x1e\x13Y0$\xd8\xe2\xf9B.*\xd7\x9e\x8b\xdc\xe1\xf9=% \xc0\x81h\xd2\xdc\xf45\x15\r\xb7x^\xb9\xc1\xdaR-#\x89P&lt;H%\x1f\xf8\xf8\xf9P(\x1c\xb4\xbc\xd6\xc7\xce\xe8\xd7\xdc\xf3I1,\xd3\xd8\xf1\xcf\xd6\xefd\x01\x08J,%&lt;\x1a\x10\xf5\xf4\xf4R82\xbf}a`3#B$\x1b? \x19&amp;\x16\x13Q&lt;9P3+!\r\x07.+,\xd3\x94\x81\xbe\x82l\xe0\xe6\xfaq=+i8)\xb0\xb9\xd2\'$&amp;\xd9\x96\x7f\xe3\xb1\xa4$\x1e\x1f\xdb\xe6\xfb\xca\x8cv[EB`MK533\xd6\xd5\xec\xc6\x86p\xc5\x82i\xdb\xa4\x91\xc4\x89t?&lt;=\xa5\xad\xc6\x18\n\x07(\x11\t-\x1c\x19JGG\xab\xb4\xcd\xc7\x90{I"\x16\xbex]_]]\xcd\x8ez\xe2\xae\x9e\x97X@\x82F2\xbe\xc5\xe0\xce\x98\x7f\xa4dJ\xb7qW\xb9\x82l\x10\x06\x04mXV\xe6\xb6\xa9\xbd\x86p\xaao\\\x85\x82\x84\xdd\xaa\x9bfSP\x9d\xa6\xbe\xf0\xee\xf0\xde\x9e\x8b\xd8\xa0\x92\xafoU\x1c\x11\x0f\xb2xb[\x02\x05\xdb\'6\xabjN\xdb\xde\xf6\xed\xe9\xe9TQR\xa2n^\xd8\xc7\xdf\xd3!2\xd8\xbe\xd6\xa6\xa1\xa1\x96\x9e\xb4\xb2}jzC/\x9e^F\x9eeT\xe0\xa8\x94\xdb\xd0\xe8\xc1\xc6\xde\xde\xd9\xef\x8cXF8(&amp;mjk\xd6\xae\xc5\xa5jS\xdf\xe2\xf4dGA_A;\x8f\x95\xaa}RG\xbf\x8dw\xce\x97\x86\xe0\xeb\xfb\xe5\xe3\xe60\x0e\x08\xd6\xd6\xd8\xe52&gt;\xb1\xad\xad\xb6\x85w\x8f`R|K;\xd4\xa1\xba\x98_M\xe9\xba\xb2\xb9\xb7\xb7c;.\xd9\xb7\xceJ52qLB\xd6\xd0\xe4[8./! \x86\x8b\x9dxww\xd3\x94\xae\xc5|f\xd4\x8ew\xabwdr\x03\r\x98\x94\x95kB7\x91K5\xcf\x84r\xde\xde\xdf\xb9\xb6\xca\xc3\xc2\xc2\xc7\x19+\xcf\xc2\xda\xb9\x11$\x82\x03\x11\xe1\xc5\xdd\xe8\xa2\xb7uD5\xc9\x80\x86\xb4\x9c\xb3\xc3\xbb\xbb\xcb\xc7\xc9\xa8\r \x92i\\\xe9\xc2\xd5\x8e\x8c\x8e\xe9\xe8\xf2\xe4\xb5\xc9\xbb\x8d\x83\xcc\xcc\xdf\xb6as\xbc\x94\xaava^\xb7Qf\x96\x06\x18\xd2\xa1\x93\xc9\xb6\xce\x82^S\xad|\x92\xce\x86\xa0\x95ON\xdaavD\x08\x08\xd2\xd0\xd1\xc6\x9d\x92\xac\x8e\x9f\xbb\xa7\xbek/1\xc4n\x82\xb0n\x84\xe6\xd2\xe2\xdc\x8b\x9f\xa5|p\xe1\xc6\xc2\xb0aQ\x8bDIh &amp;\xe7s\x87\x81jl\xf0\xdc\xdc\xe6\x84\x97\xc0~\x94\xd3\xa8\x9e\xb0\xae\xc5\xa5\xa6\xb8\x98tm\xdcK\\\xa1P\\\\\x13\x14\xe4\xd4\xd2\xd2\xb6\xb1\x863?\xa7`m\xd4w\x89\xd4HI\xb4BD\xb4rn\x80#*\\\xa4o\xd2\x00\x00 \x00IDATx\xda\xcc\x99\xdfk\x13k\x1e\xc6\xddyg&amp;3\x93\xfeP\xfa\xee\x1cK\xc2Q\x0c\x96\rv\xd3\x0b/\xd6\xd0\xae\xc5N\x97\xca\xc0\x10\x18\xda:D\x07\xed\x84\xca\xb6\xf4&amp;Bh{Q2{\x11\xb0\xbb\x17\x1a\xca\x82\x94\x10\x82"\x11\x96S\x82B\x94\x90k{\x91\xeb\xc3^\xf5\x7f9\xcf\xf7\x9d\xd4\xeaq\xef\x1c\xeb\x0e\x1a\xfa\xe3\x1c\xf3\xe9\xf3&lt;\xef\xf3\xfd\xce\xf4\xc2\x85o\xbe\x92\xc9t.\x9d\xbc\xf0\x7fv\xa5s\xf9|\xa3\x97?\x03K\xfePDh\x94\xa4+_\xa96\xda\xe5Z3\x9f\xceA4R.\x9d\xfead\xc9|\xbe\xd2hTr\xb9j\xb3\xda\xacu\x82r\xedc\xaf\xd9o\xe6\x1b\xcd\xe6\xc9q\xb3W\xf9\x11\\\xc9\\\xbe\xd7n\xf7\xdb\xb5\x8f\xd5^\xbb\xd5\xaf\x05AP\x0f\xfczg\xd0n\x97\xeb\xddn\xa7\xd3\xa9UI\xca\xf3\xa5\xca5?\xb6\x06A\xd0-\x87\xe5~\xad\\\xee\xd4}\xd7\xf3\\\xd3\r\xcb\xdd\xc0\xf3\xf0\xe2\xbba\xad\xdf\xabT*\xd5\xfc9jU\xed\xb7[\xdd \x18\x84VX\x07\x87\xebZ\xb6\xe5p\xdbr}\xcf\xb6|\xe8\xe6\xda^\xbd&gt;\x00{\xb9V=7\xc9\x92\x95\xe6\xc9\xc7\xb2\xef\x07\xaem\xd96\xe7\xdcv\x0c\xbc:\xa6m\x9b\xb6_\xaf{\x9e\xcd-\xd7\x13\xc4^?}~\x1eR\x84B\xd8\xc6\x98\xa4(L\xe2\\b\xf4\xca\r\xeeX\xa1g\x9a\xdc\xb0m+\xf4\x1d.Y\xed\xdc9\xc9\x95?F\xae \x84\xe5(\xb2\xae\xcb\xaa\xacJ\xb8d]e\xcc\xa0?\x8a\xa22\xd3\xc2e;\xb6\xe1\xd4\xce\xe7L&amp;\xf3\xedN\xc7\xc3[:&amp;\x93u-\xa1\xa9\xba\xae0\xc6t]S\r\x03\xd2)\xb2\xaa(\x8e\x0bC\r\xd31\xacZ\xb3\x8a*\xa9\xe4\x93\xdf\xb9\x1a\xda\xbe\xe79\xf0\x89\x1bPH\xd3t(\xc6\xb8\xa4\xca\xb88\x87RPO\x91l\xd7P$\x06[\xbdA\xad\xd5\xeav\xca\xdd\xdew\x1dO\xc9J\xc7\r]\x83I\x12S\x88\x04\x14\xa4\x16,TU\xfc\xd5u\xb2\x15\\\x86\xa2\xc3[\x83[a\x10\xf8\xb6\xe3z\xe5\xeaw\xac\xb1t\xbe\x89#h+H:t\x91`\x99\xaa\xcb\x8c\xa9\xb26d\x12T*\xbe\x87\x17\xe8e86\xea\xc34,/\xe8\x7f\'\xb90\xee*\xc7\xb5A\xc7\xb7\rI\x91\x00\x06=\xa0\x98\xae\x9a\xf0Pd\x1f\x9ej:\x80eI\x8a\xbcd\x92\x010\xc7q\\?h}\xa7#\x89\x91\xdcB\xa5\xfb\xae\xc3T\xd5@\x9a4Y\xe0\xc88\x7ft\x14#*8\xaa@(\x88\x08\x87\x15\xb2\x93\x1b\xa6i\xbb\xe1\xa0\x99\x8b\x7f\x82\'\x93\xb9f\xbfU\x0f\x11\x14\x13\x1d\xa0\xe3\re]\xe1\x8cD\x92e\x85\x19\xf8T\x13&amp;\xaaL\xf0\xc9\xca\xa9\xa3\xe84\xc6M\xdb\xeb\xd4\x8e\xe3.\x8b?\xe4\xaa\xc7\xddN\x80Ch\xa1C\x19\xbd%,b\x86\xa4%\x04\x0b\x11\x91V\x1a\x91\xe0\xa3D\x82\x0c\x16_\xa2Z\xa36\x03YXk\xc4\xabW\xba\xf1\xb1F\xbd\x8e\xe9\xc7YT\x9eP\x08\x11\xd24\xe1\\B\xbcF\x14\xb2\x0c*M\xa2\xd3@\xaa\xc9\x04\xc6\xe8G\x90\xcc0\xe6\x80%\x1b\xfd\x16\xaa\xdduL\x8ew`\x92\xac\xa1\xd3a\x1e9G\xd5\x00\x90\x84\xae}\xc2\xc2\x87\x8a\xf8\x14m\x8b\xcf\x902\xc6\rD\xcc\xeb\xc6:\xb9\x11,\x88\xe5r\xca\x15,a\xd4W\nC\xac\xa9OUI\x8a\xd2$,\x04\x03^\xc9O\xb2\x12\xb0\xbah\\\x85\xc6\x92\xe1w\xe3t\x11\xcdp2\x08\x03\x97\x9b8e\xf8\xc9\x19,\x94D\xb1\xe3=aV\xa4\x0c!F1\x97\xb5\x88I\xc8\xa5\x0bVD\xcd`\xdc-7\xd2\xf9\xd8\xe6P\xae\xd7l\x95;\xa1Mc\x18(\xd0I(\x14\xc5\x1cu\xa5R\x80p%\x84\x89\xaa\x1a\xf9\x97\xd0\x12\x9f"\'\xcbTu\x86\xed\xb7{\xfd~\\\xaba\xa5\xdf\xea Y\x0e|\xa0\x02U\x19U\xb8\x1cQ\xc1DY\xa1\n\x85H\tM\x98\x88\xc8\x0b\x9d\xc8\xc3\xc4\x90P\x172\x9b\x16Vj\x18\x19\xcf1\xecu;\xa1\xeb\xb9\x1c\x9dM\xdea\xf4\xd0$\x14!\xd2u\x89\xa9\x12&lt;%\xc5\xe8\xed\xa3L\x9d\xbax\xcaG\xb1\x97)_\x96\x1f\x0ez\xf1l\x86\x95\x16\x16M\x87Gq\x97d\x9a\x86T\x9b"]\xba\x90\x01\xbe\xd2\xb8\x89\xf49\x95\x08g \x11E.\xfa\n\xfe\x0ffp\xf8\x18S\xa9b\xe6\xd0*\xcai\x9d\xc28\x14\xab\x83hI\x81%d\x93\x85\x80\x9f\xb0\x84\x81\xba"\xdc\xc4\x7f\x10}I\x87\\\x18D\xe1q:\x9e\xb1\xd3hupg#\xda]\xa2.\x15UD\x0b\x82$\xa6\xb3\x88&gt;EK\xfb\xa4\x95\xb0O\x17!\xd3E\x8b\x88/\x03\xcb\xe4f\xd8\xcf\xc5\x83\xd5\x1ct&lt;W\xac\r\x8cR$Ve\x89\x86\x0b\x82\xae\r#-\xa6\xcf\x17X\x89\xe8[\xe2(F_\xa7\xccc\x03\xebV\xe2\xa9\xd2~7p\x1d\xb4;vt&amp;\xf6,:Tb\xb4\xe8\xe2m\xa9\xbd\xce\xb0\xb4\x84\xf6\xc5\x19L$Nq\xb1\x99\xc1D\xa7\xde\x88\xe9\x1c\x06\x08\x16\x8dB\xda\xfbh]Q\xa23(J\x89zJ\x16\xb3Z\xfe\x84uF2\xfch\xf8\x1d\x1d[\x8e\xc9c\xc1J\xa6O\xea\xb8\xef3\xa2\xc5\x0eZ\xc9\x8a\x98&gt;\x9a\x98*4\x84(\xec\xa7\xddzF\xf2\xf9\x15\xa9J\xcb\x8ed\x98v\'\x16\xac\xe4I\x88}\x94\r\xf7:\x85N\x1diF\x87\x8f\n\x8c6\x05\x14\x17\xad3\xc3^H$\xbe\xc6\xd2\xa3)\xa4\xa8(\xaer\x1cuJX\xc8;7h)&amp;\xc5(\xf4\xb4\x94*\x9c\xeeW\xf1\r\xda\x8c\xc9\xe1\xd3\xbdF\xd7\xbf\x96kx\x16u\x15\xf3\xa7\xdc\x8c\x07+\xf0l\x03\x9dEA\xc7$\xa4\x95\xb8\xb8[\xdc\x9d?\x1a\xb9|\xed\xda\xb5\xe7\xcf\x9f\x1fq\xe2\x82\x9c[[\xc5bQ\xda\x92\xf5\xff\xa1\xd8\x10KbV\xd0\x8e\xa3!\x92M\xdcTp\xba\xd5\x91i\x97\xc1\x0f\xae\xcc_\xfc\xf3_o\xdfy\xf3\xfe\xd5\xcb\x97/\xff\xfb\xe2\xc5\xbfo\x1e\xcd\xcf\xef\x16\x8b\xbb\xa3\xe3\x17\xc7F\x17\x16\x8a[B\xb0\xaf\xd90\xd7%f\xe3\xde,\x0e\xb5z\xe5\xd0b\n\xf5\x036\x18j\x85\xf9;K\xaf\xa6\xa7\x9f\xbd&gt;8\x98\x98\xc8f\xb3\x13\x07\xaf\x9f\xfd\xe7\xfd/wn\\\x9d\xbb;777s\xeb\xe7Q\x90i\xc3F\xfb\xbd\\\xb87\xab\xc7\x12\xae~\xe0[t7\x13\x1d8M\xdb\xbd\xf1t}cosmmV\\k\xb3kk\x9b\x13\x13\xffx\xf9\xf2\xd9\xf4\xf4\x87\xc7\x8f\x97\xe6f\x1e\xdd\x1a\x8d$\xfb\x9aKf\xb6\xd5\x89\x01+\x99\xaf\x85\xb8\x01\x95t1\x08\xf1V\xec\xce\xf4\xfe\xde&amp;Q\xbd}\xfbvee\x85\xc8\xf0Yvbgoc\x7f\x7f\xfd\xc3\xe3\xa5\xbbs3Wn\xdd_(\x16\xb7\xb6\xb6\xb4\xdf\xab\xc5x&lt;X\x95V`Y\xa6"\x86\x1f5\xd5\xf5\xe9\x8d\xbd\x9d\xcd5\x81$\xaeH\xb2\xd9\xd9\xec\xe6\xde\xde\xc6\xfa\x07\xe2\xba\xfa\xe8\xca\xad?\xdd\xbf\xbf@h\xda\x17bQ\xb8\xea\'\xb9\x18\xd4:\x19X\x0e\xc76*\xc6\xae\xf2\xe0\xfd\xfe\x06\xa8fW\x96K\xefJ\xef\xde\xbd+\x14\x96\x05Z6\xbb\xb6\xb9\xb9\xb3\xb7\x0e\xb9\x9e\x0e\xb9F\xc1\xb5P\xfc|\xaf\xa0-Br\xfcZ\x0c\x99\xcf\xf5j!\xee\xc2\x98*\xfeQ~s\x9ar\xf5\x16T\x8b\x8b\x8b\xa9\xc5\x14\xd0\x96\x87\x92A\xaf\xcd\r\xc2z\xba4\xf7\xe8\xd1\x95\x9f\xc1\x05\xc5\xce\x8c\x14\xbd&amp;I\xdc+7\xd3\xdf\xaeV\xbb\x8c\x99\xc8\xa2\xc7\x0c\x92\xf3\xc7\xf5\x8d\x9d,i\x95Z\x9c\xc4\x95*\x95R\x85\xe5\xe5!VV`A.\xc4\xfe\xca-p\x8dB\xb1-\xfds\x17\xb1\xd1\xfb\xddf\xee\x9b\xfb\xa1Z\x0e}\x17\xf7\xf2t\x10\x15\xe3\xf9\xfb\xf5\x9d\x89\xec\xd4r!\xb5x\x98\xc9lg\x16S\xa9T\t&gt;NM\xadL\xcd\xaeewD\xb8\x1e\x0f\xb1\xc6\xc7\xc7G\xe7\xef\x17\xe5\xd3m\x87\x8aKQ\x0c\xaf\xfc\xcd\x9b \xb6\xad\xd0\xf2\x80\xa5+\n\x1c\xe0\x97\xdf\xbf\xde\xc9\xae\xad,\x17J\x87\x93\x99\xed_\xb7\'\xc9\xcaRaeeyY`\xed\x01kz\x88uqll\xec\xc1\x83\xf9\x85\xadh!\x13\\\x98\x12f\x18\xc3\xe3g\xc2BA0\xb1\x8e2\xe7\xe6\xab\x7f\xeed/\t\x0f\x0f\'\xb7\xb7\xb73\x93\x87\x10\x0c6\xe2\xcf\xd4Ok\x9b{T\x11O\xef\x12\xd6\x15\xc2\x1a{0\x8e\n;\xdd\xc2h\x8b\x90\xecr/\x86\x93\xd8\xc0j\xeapC\x157.Gw^\x1c\x00\x8bLD\xb62\xe0\x9a\x9c\x14X\xf7\xa2\x80\xed\x08\xac\xa5\xb9\x08\x0b\\#c\xe3\xf3\xc5(]\x1a=FA\x9f\xba\x83J\x1cu\xda\xaf\xfb\x16\xe7\x8a\xcc0\xaf\x8f~yv\xb0\xf3\x13\xb0(\xf1\x82\x0br\x95J\x85\x02\x89\x85tA\xad\xfd\xcf\xb1F\x805\xba[\xd4O\x0f"\xc5\xd3\xed\xc6q\xff\x9a\xce\xb7\x03\xcb1q\xc7#1s\x04X\x13\x97\xa6\xc8D:\x89B\xaeC\x84\xbeT\xb8G\xb1\x17X\xebgX\x82\xeb\xc1|Q\x1f\xee\xfb\xf4h\x80\xf9\xc7q\xdc\x90%\x93\x90\x0b\xb7\xae\xf40\x84_\x7fCj\x01\xeb\x1e\x85\x8b\xa8\x04\x16l\x04\x17\x04\xcbb\x00\xad\x8b\xf1C\x91\xbfx{$\xc2\x8aV\x1d\xf1\x08\x93\xf1\xa0\x17\xcf\x9dOo\x10x\x06\x16\x1bl\xbc\xa4\x16jkJ\xb4\xe9afuuu;s\xf8\xf7\x94\xb0\x11d+Y\n\xd7\x19\xd6H\x84\xb5+\xc9C,Y2\xecrL\xcf r\xc7u\xcfT\xf0s\x9a\xce\xc8\x9bg4\xa6g)\\\x87\xc2C\x84\x8b\x1a\xa2\xf0\xb0\xf00U\x88\xb0\xa6\x9f~\x86\x85\xd4\xcf\xef\xee*b\x01\xa3h1\xbf\x1f\xd3\x13\x1b4\xaa\xc5)Y\xa6s\xf9\xcd\xf4\xc6\xe6fvm\x16G\xf1pru\x9b\xd4\xcad\xc8C\xb4}\xaa\xb4|i\x02\xd3\x9az\xeb\xeaLT\x10\xe0::\x9a7\xd9\xd0E\x95\xd9\x83\xd8~\x97W\xc1T\xa4\xdf5\x99G\x7fY",\xec\x0b+\x85\xd4d\xe6_O\x9e&lt;!\xae\xc5\xc5R\x01T\xa9\x87\x85\xa9\x89\x83\rJ\xd7\xdd\xab3\x8fn_\x84T\xd7G\xc6F\xb0U3\xf1\xc0\x10XFx\x12\xdb\x837\x9cE\xfa\xc5\x05\xe3G7^\xed\xd3V\x03\x17\x0b\x8b\x99\xd5\'\xe2\xfa\x156\x96\xd0c\x98\xdb\xf7\xfe6qpp\xb0\x01\xac\x1b3\xd8\xab\x7f\xa3\xdd\xec^\xd3J\xd3\x00^\x93\xb4\xbb\x8d\x1aOh\x8e\x1f$\xe8A1X\x8e\xa7^xqR\xab\xc7\x8f\x18"\xd1\x10-\x89\x0e1!\xb1\xb1!M\xa2\xa6JM\r\x0ci.\x82\x89^h(J*ui\x143\x121,\x9e\xb0\xa9\xc3\xde\tS\xc2\x0c\x85\r\x84\xc2\xc0\xf62\xed\xc2\x14\x02\x85eov\xd8\xe75\x0c,\xcb^\x9ey=\x7f\xc0\x8f\xe7\xfbK\xa4A\x81 \xab\xcc\x8a\xbbQ\xff\rZ\xec\x14\xef\xbd\xe6l\x1cx\xff\xcd\x8b\x87\xd0Et\xf6\xcd\x10\xed\xfa\x01\xb2\xf2d\xbf\xcc\x1bu\xb9\\\xc16\x17\x84\xae\xb99\x00\xf3\xf5\x02Vj7\xb3c\xd4!.\x0cYWVytt\xdc\x87\xea\xb5?\x80\xb0\xc4\x10\x1e8\x9b\x06B\xe4\xea\x1e\xef\xee\x10\xf7\x9c\x82\xb0@T\xa0C\xbb\n\x80\\\xae\xe8\xd5\xd5\xd5E\x01\xd4\xe7\xf3\xcd\xf9|\x11\xc9\x1a\x14\xf6\xdaV\x95$i\xda\xc4\x80\xb8\x04j\xa5\xde2\x9b\x15w\\o\xd3\xba\xc7\x86\xdfp\xb6d\xe1\x7f\xff\xe7o\xc6\xc6\xc47\xfb\xd4e\xe4\x87\x83S#&gt;_\xe1\xe2\xe2\xe3\xc7\x8b\xeb\xd7?\xe1\x8b\xf8\xe0\xf5\xf6\xde\xa9d\xf6O\xeb\xb4\x1aR4&lt;\x81Z-\x90\x1eY\xdc\x1ep\xe4\xeb\xe9o\xf7\xf8\xf06w\xeb\xd8\xcd\x1f\x1f\xbd@\xc3@\xa9\x16\xb0\x1e\x0c\x0eN\xfa\x0e\x0e./\xbf\x9e]^^\x1e\xc0\xf3\x8d\x8c\xf8\x80tEr\xb7\xd2\xaa+Q\x9cB\x03\x94\xd5\xe9\xc4\x8cZ\xadGX\xb3\xe3\xed\xd5FW\'\xb4\xfa\x7f\xe2n\xd4\xfc\xd3\xf6\x1eD\xd4\xce&gt;i\xe6\xf9\xf2\xdd\x07\x8d\xa9\xe4\xd9~\xcc\xed\xb6X,8\x9e\xcf\xe7k\xa5\xaddd$2r\xe7\xce\xcb2!\x10w\\\xaf\xca\xbaVowM\xcf(\xf5z\x8b\'\x06Xh\xb2\n\x91\xef\xe16\x87\x0b\xcf{\xdf\xa1\xfc\xd3-\xcefPe:\xb8\x95\x83f\x1am}\xc7\xc6\x13f\x11C\x9efN\xc0\xb0F\x9e\xa42U\xc6\x9f\x98n7\xd7\xb6v\x7f\x91\xc8\x82iyB/\xc6;\x91\xcdw\x88\xc7\xbf\xe1r\x8f\x01-\xec\xecXgG\xf7\xf1&gt;\x18\xfcT\xca P\x1a\x0c\x06\xbd\xba\x07\xaaO!F\xd5[\x95d\xa1`\xef\xdd]4RP\xbe\xdb\xa6mP\xc3\xfb\xa1`\x86\xdaaFiq\xbbc\xb3\xe2\xce\x9b(!\x8a\x87\xf7\xdeq\xb9^\xe1\xbf\xdb\x1b\x87d=\x0eX\x83+U\xe9i\xe9\xacT&gt;\xad\x12$I\x12\xd5\xd1\x9d\xcc\xda\x9c\xca[\x08h\x89!\xc4\xe2\x17\xf5@5c\x9b\x060\x919q\x0c\xa6\x15\x9amo\x1c\xffxkl\xef\xaf\\.\xc9 ]\xef!g\x02\xac\x07\x83\xa9\xfa\xfe\xd6V\xa9U.\x95juBG\xb42\xa9\xa4O\x96\x8e\x16\xee.\xcek\x84E\xa1\xdf\xeaV\x9a\x13H\x89\xc0\x05\x99\xe7\x08\x8f\x85\xdc}\x1dh\xfeuk\xf6\x07nWQ\x03?\xd4\x04\x89\xd5\xae\xbe\xdar\xefH)s\xb2Q\xd9\xd1n\x9d\xe5\xa4"\x8c\xd2\x19\xb5/#K\xaatP\xb5\xbc\xa8@\xca\xd3\xe3G\xb3\xc3\x1d`^\t\xb3_(Rg\x95\x80\xe5A\xb7\t]\xab6\xe5\xd3\xd7|\x1e\x87X\x9b\x1f\xd7*e\xd3\xb4\xb8vwPR9YY\xd3fJ9\xcf\x8b\x17\xe2D\x0fm\xdcy\xbc\xb1\xa4\x8a_c\xd9\xfc\x8c\xd4\xf2\xe8\xd1C\xf3t\xdf\xf8\xb4y\xc6/RK\xdbXc\x10NWmrL\xcf\xa5#\xde\xe0\x7fz\xfe\xb9\xd9\xdcj\xe9\xf7%\x93\x93\xc9W#/\x1fk\t\xf7\xd3\xbd\xbd\xe1\x844\xefX\xdc\xdd\xe8w:\xbd\xb2\xe5\xb7\xba\xa2\xcd\x8f\xc9=O\x95\xa0\xc2\x19e\x16\xc4%R+\x95\xe0\x89\x9e\xe3\xce\xd5i\xbfH\xae\x91\x9fs\xb9\xb9\xbbw\xf1v\xf1\xf9\x84s\xa1\xb4/\xf1A\xa10y\xe7\xc9\x8e\xe3r{\xd6l\x16\xd5\xf7\xff\x91\xda\x80\xa6\xd1\x19\x975\x1e\x1b\x87lB\rS\xffP\xa3 \x19f\x05Y\xb3P(\x90J\x8f\xdc\xb1\xd80xg\x8f\xda_\x1c\xca\xfd\x9d\xc3\x05\xff\xfd\xb9\xb7\xbb\x8dFSvP\x92L,\xc9\x96|w\x9fh\x7f&gt;\xf8\xdbW+E\xec\xff\xbcv\x10\xb1\xdbY\x84\xb5;:/\x14*\xc8jm\xbfJR\x0c\xa6\xb6\x08DB\xcc$\xd5\x03\x16\x10bj\x81_3Dr\x18\xb7x\x80\xb5\xdcl4\x17|)\xc9\x9c\xcc\xeb]\x9a\x80\x9c\xfc\xeb\xfb\xf7_K\xa5\xd4\xda\xc1\xc7\x82\x8ce\xd9\xb8\n\xb0t\x98\xd0T?\xad\xb5\xaa\xc4\xbcB\xae\x96\xaa{0\x06a\x85b\xca\x19\x8c\xc6\xe4\xc5\xe2\x90\x8eC\xe3\xe2\r\\\xfc\xbb\xc16\xe3\xf6\xc9\xad\xde9Y:\x08U\xa9j\xb2Wr\x92\xaaT*\xbf\x16\xae\xa22\'H\x0ba\x11\xb4PN\x9e\x96\xcbeh\xab\xa1\x800\x99L\x14E[\x01\xebH`\xa25\x1a\r\xb7X7n\x1c.7X6\x1c\xf5mI\x10\x16\x14Yi\x15\xf4\xac\x92\xe4\xc1\xab\xc2\x05\xc2\x02\x93\xf7N=\x19\xad\xe3\x8c\x86\xaa\xd6\xcaZ\x00#t\x14M\xa2\x02\xe7\x1a\x8bf\x8a\x1a\xf8\xa8m.#\xd7\x97@\x83u\xba\xa2\x93k\xbd\x13m,\xf8\xbc\xeb\xeb\x17\x17\xeb\xebWW\xd18P9\xd3\xe9\xe6\x93V5G\xcb\x19\xe2\xb4\xac\xcdh\xcb\xa3\xf5\xba\xd1X\'H\xab\x01\xb0p\xb5\t\x84\xc5h\x8a$\x97\xf7\\\xfcg\xcd@\xd3\x99f\xbfM\xf5\xa2\xfa/x\xfd\xc2a\xa8N]\xaet&lt;\x0e`\xf1\xf8\xe4\xb7;\xf5\xbc\x01S\x90\x8e\x16\xc2j\x8d\x9eV\xab\xd5:i\xc8{B!\x8fTX\x94k\x18\xachx\xc7\xe5\xa9\xcd=\xfbr3\xee\x0c\xbc\xad \xact\xd0\x15\x04\x1cW\x18\xbd\xc3p\x1a\x98\x9c\xac\xdd9\xf5y\xd1\x88\x1b\x18L\xe7\xd8Y\xcch\x11\x97\xa3j$\xac9O\xe8&lt;\xe4Q\x175CC\n\x93&amp;\xf7=\x87T\xbc{\xeb\x9f\x9bq6\xb0\xbb\x0bX\xd7E\xfc5T\xf8\x10\xb0\x90\xb0&amp;\x9bl\xe3\xb3\xd6Q7\xa8\xe5&amp;\xe3\xe8\xa2V\x8bf\x82\x0e#A\xe2\xa1P\xe8\xfc&lt;&amp;\xd5\x00\x16FiB\xaf\xb9\xbc\x15\x1c\x88.\xb3\xf1\xa9\xc0\xf2\x9d^\x1f4b\xd1\xff\xa2jK\xcb\xc96\xd9f\xe3\xf9c\x07iU\xf70\xc4\xe8"\xbc\x9d\x16\xa2\xb2\xe6\xce\x11\x96\x87V\x0c\xc1\xa3\xb1\xf3M\x0e\xb1x\x03\xe1\x00\xeb\x0c\x04\xa6F$\x93\xa8?\x04\x1d\xfeFu\xe8\x02Y\xb1N\xbb\xca\xdeX\x06,\x9a\x913\xe4(\x88\n\t\x8b\xa0\xe9z.\x06T\xe71\x9a4\x01\x18\xc5\xfc\xc2\xe9\xf5\x0f\xffS`\xa1\x19\x98\xb2\xf7\'\x11\x967\x8aL\x0b\xd0~\xc3\xb2\xc7]aUcY\x0b &amp;L\xa1s\xb4F\xdbT\x10\x1dp&lt;\x07X!\x0fE0 -\xca\xf4\x94\xcb\xb0\xc5\xe3\x7f\x99b\xd9@\xd3[HF\x16d*\x957\xdd\x06kc\x85\xbd(&lt;\x84\xc3\x85\x915\xb0\xad:\xa4\x1d\x9dc\x14\x1e\xa8\x90\xb6Z\xf3\xb8\x1ba\xe14hQ3\xc4\xd0\xdb\\:"\x8f\xf7e\xa1\xe9l4d\xb2\xe4\x8a\xaf_\x85&amp;5A\x14\x1b\x90\xc5\xbb\xe2v\x95J\xb5.k\xaeUZ\x84\x15\x1eI\x1a\xaf\xa9\x00\xcb\x80C\xd4:\x0f\xc5,\x14\xa6)j\xe4\x1a\x9c\xd3\xf8\xc0\xe3\xdf\x8f6\x9c\xec\x14;\xb1!\xf1\x81\xb8\xbc \xaf 2\xb0\xc3p8\x081~ba!"\xa9\x94\xab$M\xd6s9\x9ap8\x10\x15b\xac\x83\xb4B\xa1\x98\x15\xf2!\xe4D\r\xb7\xa6u\x83?\xf0\xa9\xd9\xb4C\x1c\xd8\xd8@\xae\xa8BzLG\x91?\xba\xd6\xed\xbe\xadZ\xed\xecd+S5\x89D\x0c\x9d\xcfQd\x159!\xc4w+m\xc0\xdd1\x14M!&gt;X\xb1\xa2\xfe\r\xb7ge&lt;\xfe\xe6:k\x8f\xa7\x9d\xbd\'\x91\xfe\xb6\xb4\xda\x06\x86\x0c\xdf\x1b\xd1*l\xfez\xa9R\x93\xda\xa6\xa1\xd8S\xeb\x19\x8a0"a\x19p\xab^o\x00W\x0c\xb91\xb9\x82\xc4\x19\x8e\xfd\xb0=\xd9=\x8c\xabd2\xf6\xc1\xda\xca\x92\x0c\xd9\x967\x1e\x87h\x8f\xc2}r\xf4\x9f\x8e\xfdR\xaaL`\xa8\x17\xb3\t\xe5\x18C\x91\x04J\x86\x80E\x1fyb\xb1\x98E#ghJ\x91\x7f\xc7\xf5\xc9"\xf8b:\xee\\`\'NV\xfaem\xaet\x1a\xb0\xc0!\xc3\x85\xca\xa2v\xeb\xe0\xa0T5A\x17\x86\xb80\xccD\xb6u\x08X\xe0\x8b\xc0u\x84\xc9\xe5\x18Fqs\x98\xf1?W\x1a\x87(!\xab\x92\xc99\xd9\x92\xac\xed\x8c\xe9 \x9a\xd9\xb8\xa2s\xa9\xcc\xd9\xe5\xe5\x87\xfd\\Ob\x15\x95\xec\x98b^G\xe8 G\xe3z\xc0\xc2=1\x8f\xde\xa4\x90\x0f\x99\xce_s\x7fy\xca\xe7=\x0b\xc6\xd3i\xafd\xe3U\x01IK\xa5\x8aG\x01+\x18]/\xbc/\xe5s\xb5&lt;\x85\xbb\x8f\x13\xb7n\x03W\x0f\xa30Qm,\x9a\x06\x9b\xf7x\x00\x8b\x9a\'c\xef~\x8f\xd3yPc0\x98\xb6C\x84\x98C\xd2\x92\xc9\x10dz\xbd\xd0\x7f\xf9\x01?V\x1e\t\xcc3\xd9\xe3&gt;\xe8\x9dW\xa7\xcd\xa2\x1e\x86\x99\xa7\xad\xb8\x01j@\x83\x1b\xb0~\xf9\xcby\xed+7\'?\xff\'Hl~r]\x1c\xacD\xe6\xae\xb9@\x91\xaa\xf7\x97g\x1f\xf2\xca\xe3\xbe\x99c\xb39{\x8cN\x07o\xdf\xbe\x05`3=&amp;\n\xb0 @\xb4\xb1\xb6\x9fm\xbe~\xf6{\xfd\xcb\x86\xc7\x1f\xb8\x7f\xff_\xc9\xc8+\xc4%s\xc2\xef\xd5\x07\x8b\x12\xddA$\xd4R\xa1\x10\xc7\xb3\x89Ut\xa4\xd7u\xebfbF 5\xb8q\xc0\xb2\xb8\xc1\xb6\xb6\xff\xc3\xcb\xf9\xc7\xa4\x9d\x9fq\xbc\xd4\xbb\xfdQ\x10DJa\xa7\xf5\x07\x11\x15\x7fp\x9dhQ\xea\x0f\xba\x14Z\xb7H\xbcp\x8b\xf1$\xb5\xc9r\xa7\x17\xae\x91\xa65QL4\x18#W\xe2\x80((Tm\x8a\xd6\xec\x04\x8bi\x82gv&amp;\x8d\xb6\xb4W\x9d\xa2\xcb5\xf3\xeazz\xb6vV\xd3n\xbd\x1a\x7f^v\xdd\xf3|@\xb3%\xb7\x1f\xdd\x84\xe7\x8b\xf2\xef+\xef\xf7\xf3&lt;\xdf\xcfO\xc8\x8d\xa0\x03A\x0b\xaap\xb9\xca^R\x1eUy\xa5\xf2\x97?\x8dr\xccr\x8b\xdcf\x98\xa7\xd2m}ii\x06\xd3g\x11?\xaf\xfd\xe0\x13&lt;\xbc\xf8\xf6!\x15_RL\xda)\x14"`\x05\xf7\xaa\x14t{{Uy%P\x01\x96\xc3f.:\xe2vZ\xad\xa9\xc3\x86g\xcf\x9e\xcd\x9d\x8eK\xcf\xc7\xfd0p\xf2\'a\x87i\x12\xb6S$B\xb1\x08VP\x83\x1a\xbdI\xb00\xcag\xcdEEE"\x97in\xce\xa0\x9b\x9b\x9b[\x84f%\xce\x8f`\x14\xd4~\xf0\xd6[\x07\x0f\xb9El\x89\x13\xb0.^&lt;\x1f|,*b!WT\xa5N\xe2v\xbby6[o\x1a0\xad\xacl/\xe2R|\x04\xee\x04\x97\x81ba*\'["\t\xa8u-\xc8X\x94\x03/\x10\x0b\xb8\xa2\xa2L|\xc8\xaba\xdb\xa2?VW7\x1e%www\x93u-U\xed\'a*\x11[*\x15I\xa5\xef\x9d\x0f&gt;\xd6\x01j\xc3&lt;Tb\x14\x9ah\xe2\x8b\xda]\xc3q\xe9\xab+\xebss\xdb\xaf_\xafb\xa4G\x14\xc0\xdb\'\x8fQ[\xab\xe2I\xd9\xc5\x12\x89\xf4"b\x05\xfd\x0eR\xceK\xd2 *O\x9d\xd2\xdd\xb0\x8d\x8f\xdbl=;3\x8f\xbf\xff\xfeO_a\xac\xaf,\x8a\xe9\x8c&lt;\xdcVa\xd0\x01\x0b\xf4\x82\xe1\xd6\xc5\xf7~\x1bl,j\xf4\x96\x03\xb0\xec\x95Q\xa7\xec:\x9d\xc7\xe3(\xf9\xc1\xe1\xf5&gt;}\xea}&lt;\xf3\xd8;\xb3\xde\x0b\xc5\x98\x9f\x9e\x1fA\xa7E\xf0\x9d\xc0\xc4&amp;\x1e\x16\x07]-\nu\xd3\xa1\xb6\x97\xdb\xedQQ\x95v\xbd\x1e\xbe~\xed\xf5z\x1fz\xbd\x8fwff@\xact\x8c&lt;\\\x16\xe1J\xd8\xecb\xf8\x00\x15;\xf8&amp;Rr\xe6\xf5UUvP\xac\xdc\xee\x00\xe1\xa2N!\x97\xd7\xfb\xc3\xcc\xcc\xce\xdc\x9d\xb8w\x81J,\xe6\xe6\xe5q\xa1\xcb\x03\x10\xbe\xa8\xa5\xd2\xa0\x9bx\x80z`\xcb\xe3\xe7\xb2\xabA\xb6\x12\xdc\xa3\xfe\x1db\xed\xac\xcf\xad,\xc6\x81T|n:\x17B\xec,\xb6\x16\xb3\x11M\xca\xbe\x17\xfckw\x94\x06\xbdG\xafF0\xb5\xbe\xaa\xa4\xe4}\xb5Gg\xe8\xe9\xb1\r\xe7\x82R\x90T\x114&gt;\x81\xe2\x8b%\xed\xe8!\xee\xc1\x84\x02\x8b*\xf4\x19\xf4ju\x15&lt;jY\xd5\xfb2\xad\xcet\xe7\x868\x9fNW\x95\x853\x18x"\x83KB\x84\xdbAl,F\xa94\x14j\t\xe7\r:d\x82?=\x87\xc3ai\xc8LL,\xe6CS\x88\xc0"\xe4Cp\xe1%\xcdn\x87G\x02\x11\n,\x98\xf8k\x90\x0b\xc08\x1e\xad\x96\xa5\xd1\x18Lw\x86].\x97\xb5\xfd$\x94 9X\x03\x8a\x89$l\x14K"r:\x9d\xa1\xc1\xdad\xe9\x0c\x1e5\x06G\xab\x81\xe83\xf5\xc1\x14\xe3\xcfk=\xc3\xe4\xadH\x82{\x92x(\x11\xf1x"g\x08*\x11W,A"\x9d\x1e}\xacbr\x982\x19\x87\xa3\xf7\xcd\xcf;\xc6{\xc0L\xe8X\xb8\x94\x9b/f[\xad@u\x12\xb1D\xa1\xc1jP\xb3\xb4\x1a\x9dG\xaf\xe7\x94\xc8\xa0\x16\xcb+\xcb}&gt;\x9fc\xad\xc7\xe6\xfa,\x1d\xe6\x88\xd8N\xb9\xd0\x1d\x80\xca\xc9\xe3r\x81+DXv\x96\xd6\xcf%+\x89*/\xbfr\xc5\xe7\x18_[\x9b\x9d\x9du\x9d\xa41\xe8\xd0J\xf3\xf2`@\x83Z\xf1\xf8\xd8.B\x84U=\xcf\xda\xe5\x82A\xce\x15\x07L3f\xc7mV\xabUB+(P1\x18P\x8bN\xe8\x0c\x84\x8aF\x0b\x15\x16%\xe7%K+\xe0hu\xe3\x08f\xd7\x8f\xbb\xda\xdb\x01\x89\xc73\xab\njk\x0b T4\'\xd6 \x8fK\xc3f\xc1\x159C\xa2\x96p\x8b\xc5\x82\x86\xa51\x18\xd6\xd6\xc6=\xe3\xb3H\xc4\x83\x01tA\xed\xa1\x83\x07k\x91\xcc\xec\x94JD\\&gt;\x1fO\xfe\xf0\xb9\xbc\x90`Q\xa2\xb74\x88\x05\xdd\xa1\xc7e\x9d\xb5I\xcdnw\x11\x9e\x9c\'W[\x0e\x1e\x0c\xab-\xe29\x9db.\x9ft0\x82u-\x14jE/kX\x02\x0e\x93\xc9j\xebi\x17I\xd9f\x84\xc2\x8b6\x10o\xe3}\xbcZ\x95\x99\xc7E\xa5`X\x8fX\xe2\x10amz4\x02N"S\xcb\xd2\xb9\x9c&lt;\xde/\x8a\x0e\xe3\x05 \xbc\x95\x81Wn\xc2\xc2\x0e\xbb\x01\x8a\x8e\xfb\xe8\xf0\x92\xa4cn]\x13\x86\xe0G\x18\xa8/\x1c\x1a-\'1\x91)\xd0\xf6\x9c\x84\x9c:r$\x8c\x08\x85X\xe8\xa1\x8a\x86Tx\x18\xc1\x8f\xc5s~.\x8c\x8e\xde\xd7M\xea\x1fo\\&gt;\xc8-&amp;pq\xda\x86\xb9nr\xd9\xc6\x7f\xa3\x05\xa1\nT*\x06=@\x05\\h\xa2\xe8\xf9\xbd{\x9b\xc1\x17\x8c`\x81\\2&amp;\xc7\xe0\x12\xb9\x0f\x17\xa1\\\xe8 (\xa5b\x10\xefv\xa9\x10\x0b\x1a\x974\xbd\xfd\xeb/\x82\x8b\x15]\xbd\xac\x07\x13\x89\\L\x8e\xce\xc6v\xbb\xcdE\x87\xa0\x12\xb15\x00M\xd9?bA\xcacr\xf1\x18e\xd9+\xcb\xc1\xbc\xb6O\xdd\\\xdf6@\xcac-\xc2\x8b\x1a\xbaD;\xb6(\xb7\x9bFS\xa9 \xcd\xf1\x1c\xcb\x1eV8\xb6|\xc0\x12\xd1\n\xca\x1e\xad,\xe7\x04i\xe1\x06/\xc8_8\xb7h@\xb58@\x05\xf5\xc8\xf1\x18lV\xd7\xf0\x8d\x1bq\xa98\xd7O\xf6{\xb7\xa7\x164z\xc8y\x11\x9fQ\xd6}|\xe5\xaf\xcb\r9\xfb\xff\xd3(\xf8\xa35\x93\xb7\x8asM\x04\x8by\x02\x1e&amp;S\xcda\xb5\x19\xfaL\xbd\xbd\xc3\xb9\xa90\xdc\x8a\x89\x89\t\x87\xbf\x18\x82\x15\x13\xc0\x12\xf1\x00\xeb\xd1\xf1\xa1\xa1\xed\xb9\xb5\x85o\xaa\xa3)\xfb\xbci\xf0b\xc22b\x85Q\x1f`\x01\x11$W"`\tX\x00fJ\xbbs&amp;7\x15g\x19\x04*9\x1c\x1fl\xa7\x88\xc5\xf3cA\xd4m\xac&gt;\x7fu5g\x1fW\x06)\xd1\xd5\x13SK\x8a\x91Y\x83A\xe7A,\x80JL&lt;!\x10ha8a\xc0#\x81g\xe2\xfc\x8b611\xc9\x18hf\x04-\x9f\x8f\\\xb4\x82n\xc4\xaa\xab\xab\xdb8?8\xf8\xea\xead\xce&gt;\xe5?5\xe7\xc5\xc4X\xbd"~\xfa\xb9\xa1-\x80\x85\xc1\xc4\x0bH,M[__Z\xefi\x94+6;;\x86\x04\x80\xa1\x89\x11\x80\xc55\xd3\xca\x1e\xd5\x05\xb0\x9e\x0f^\x18\xecx5r\xb5K\xb8\x0fJ\xe5tML\x18\x13\x14\tr\xcbZ\x8f\x1fKF\xb0N\xa0\x87\xe8"`\x11\x1b\xc9\xd1\xefl?\x1b\x98\x08\xf3F\xb0\xd1L\xef\x0eP\xd5\xad^\x00\xac\xc1\x8e\x8ef \xcb\xf9\x7f\xbc\xa4@\xf9Y\xc6nO)\x13\xe2\xe3\xe3\x15\x96\x85\xbe\x80Z\xb2D\xd9\xaf\xa0\x12\x05\x01.S\x1a\xd9\xdaL\x8f\x8d\x8d\xcd\x87\x8f_3r\xae\x19F8\xc9\x01\x0b\xeb\xea.\x0e"\x16p!\xd9\x97]\xffk\x9aQ\xa3\x85\xd5\x96\x96\xdbO\xa7\xea\x81I\x11o\x1ck]3\xe8`\x1c\x0fX\x10\x89LH.\x96\x80\xa5\xa9\xc1\x03\xa7\x9f\xe2a\xe6s\xa0\x17F\xb6\x9f*\x9f\x1c\x03\xdf\xa3\xdax\xde1H\x02\xa8 .\x8d\x0cLB\xcbx\xb3\xf7%\x05\xe6\xd0\xc2\xc9\xc9\x96\xd6\xbf&lt;\x1d\x03\xa9\x8c\xc6\xa5\xb1\xa91\xe3\xddq\x8d^\xaf\'X$\xb9@+-\xab\xa6\x8d\x9c\xb1\x86\xac\x07\xaetD\xcb\x0ep\xe1\xa0\x0b\x13\x0b\xa1\x8e\x1f\x1f\x1e\xec\x18\xdc\x15\xab\xf9\x12D\xe9\xc8\xf4\xe4\x1b\xf52\n\xba7)\x97\x1b\xaf\xdflU&amp;$\xd47\xf6\xf7\xb7N-Y\x8c\x03\x0bD-5j\xc5\xdc5\xb1\xa6\xed2`\xe1!\x83\xd4w!p1)6";\x06\xcf\t\xaa\xc2I\xba\x1f\xc7\x7f\xab\x17::\x08\x13\x11\xebRii\xe9\xd9\xb3\x85\xc7\xde\x04\x0c\xdd\x93[\xe4\nK\xeb\xcd\xd6[\x8dMM\xfdMcFc\x82\xdch\x91O\xfb\xf4Z\x9c\xbdV1eL\xa6\xc0\x9f\xf355\x1f_6\x11\xae\xb88\xe4:\x97\x97\x17\xeboa\xe1\xc9\x81"\x84\x7fC\xb6\x8e\x8e=(\x10\x8bP\x15\x16\x1eK\x99\xee\xfa\xef~\x87\r\xa0&amp;\xe5\t\x10\x8a\xc6\xeb\xfd\xad\xd7[\xfb\x9b\x1a\xe3\x15\x90\xf2\x96\x16\x8b\xbc\xf3\x1b\x9f\x1e\xd7E\xaa\xd42&amp;v\x08\xd6\x9e\\i\x1f\xe1\xe9\x87\xb8T(\xc8s\xe7Hv\xc5\xf8\xa1P\xab!\xe8\xf2\xbfon\xf6#\x11\x07\xfdZa\x14\x16N\x7fQ\xfd\x1f\x8f\xdfP\xab\x1b\x96,\xf5\x91\x91\x19\x19\x91\x99\x03\xcaL\xe5\x80\xb2&gt;!^\x91P\xafT\xb6\x18\x15\x9d\x8a\xce\x81\x97\x0e0\x91\xf8\x98\xb8KE\xb00\xeb\x81\x0b\x12?\x8f`%\'\x03\x0e\xc1\x02\xaa\xd1\xed\xcf\x9b\xf7b\x8f*\x05\xe2\x18\xc0\x15\xfeF9)\xfc\xb7\xaf\xbe\x9c\x89\xdbSS\xfdMM\x8dG\x95\xb7\xfa\x95IYYI\x91\x91\x91P\x87\xca\xd6~\xa3\x05\xa8:;-_\xfa\xc0@\xa6\x0c\xc08~\x0f\xdb&gt;\x0e`\x9d9\x93K\x12?/?;9\xf9\xd1\xd0\xe8\xd0.\xd4\xe8\xf6\xc2%\x12\xcd\xfe\xaf\x00U\x05&lt;)\x80\xf5\xdd\xdd\xbbw\xff\xd8\x10\xfd\xaf\x8a\x92R\r\xed|\xa0\xa5\x11\xd2\xa9\xa9\xf5\xfa\xcd\xfe\x8c\xcc\xa3\x99I\x91\x19\x91P\x89c-\xca\x0c\x85\x02\xb1:\xbb\xa6\xb6\xe6\x1d\xf8\xa6&amp;9_\x83w&amp;?\xfc\x10]\xfc\xf44\x82\xc5a[\x8d\xdd\x00\x96\xa1\x00\xd3\xe8\x83\x95\x85\xd2R\x80\xd9e\n8\x98R\xf1NEEJ\xe1\xc8\x1f\x9e\xec\xec&lt;Y\xf8\xd6\xf8c9\x06\xc5\'l\xc0v\x9e\x94\x94\x95t\xb4\xe9\xfa\xc3\x87\x8d\x91\xf5YY\x99\x19`h|F\xa31&gt;))^!\x07.\xf9\xd2\x92\xfc\xea\x96\xaf\x8a\t\x03\x1c\x01\xb9\xc9\x89\x97\x1d\x10\xeb#\xff9\x16H\xae\x8d\xd1\x07\x0fF\x870\x80\xe9\xc1\xfd\xf5\xbbg\x01\x0bqv\xa5"T)\x15?{\xa7bd\xe1\xc9WO\xbe\x1dA\xed\x8eBUR(\xff\xdc\xa6 \xcf\'&amp;Z@\x9b\xcc\xaci`\xba\xd9\xaf\x8c\x8f\xcc8\xaa\x04\x0f\x93"\x93n5B\xce\'e`W\xed4Nt\x81\x93\x03\xf7\xe6e\x02\xc2E\xb0.\x130t\xf2L\xee\xea\xeb\xfb\xf7\xef?\x00\xb1\xfcL\xf7\xff\xf6\xf5w\x85gI\xfc\xbdj\xf3\x07m\xdc\x0c\xc3\xf8u\xee\xa6\xe5@T\x83@ \xaa\xe1\xb0\xc4\xa7\xa1t\x17x\xb9\xe5\x1bJ\x96l\x87i\xf7\xc2Q|\x1ad\x8d\x92\x07UK\xeb\xd2P\xd0b\xd0\xa2\xedZc\x19\x9b\xfa\x08!\xae-\x0c\xc2A\xf4l\xfc\x07\x02\x06\x1b\x07wir\xd0\xe7\x95\x93\xe3\xfa*D\x96l\xd0\x8f\xe7y\xbf\xe7\xfdbH)\xd9G\xad \x96.\x0e\xff\xfdg\xb5\xf0E\x98\x89;~|\xfd?\xc1\xa0\xd4\xf5\xdau\rA5Y\n\xa8\xc8a\xd4S\xa6d\x1ah~\xee\xb6CK\x91qG\x96\x95\xe6\xd5\xba\xd5j\xf6\xafF\x83\xcd\xcf\xdf&lt;\x7f\xfe\xf5\x97\xaf\xdf\xa0\xe5O\x8a\xbdz\xf5\xf6\xed\xdb\xcb^\xb7w\t\xb1\xc8\xbc\xcb\xcb^o:\xacT\xcb,\xc0\xef\xb3\xf3\xb3\'\xadNX\xf9\x84\xa0Pp\x13\xcd\xaf\xf9\x7f|\xf5i$|\xdft]O\x10\x98\x94&amp;7I\x103f\x08\xe0\x90\xa8\xe1\x99\x13\xb49\xaex\xea\xba\xa9\xd3\x8e\x02w4\x18\x0cFWW\xeb\xf5\xee\xf7\xf7?!\xbb^\x03\x8a\xfem\xe5\xdb\xdb\x0f\x1f\x1a\x8d.\xa8\x80\x85\x02S\xaf\xfb\xe7B\xab\x9e\x9dU\xab\'.B:\xc5\x95V\xab\xd5\xc4|\x99h\x9a\xae\x8b\x90M$.\x8a\xb1O\xbe\xaa\r=\xd71T&amp;\xb9\x80r\x19$c\xaa\n\xef\x80\xa5\x98y\x942\xd3t\x82$B%I\x12\x00j}\x8d\xd6\xb7F\xdb\xc1/\x7f\xbf{\xff\xdb\x0f\xaf\x7f|\xf3\xe6\xf6\xf6\xe1\xe1\xe2\xe2\xa2\xde\xe8\xf6\x80\x050@u\x1b\x0f\xcb\xe4f6\x9b\xdf\x1d:\xe7\x8fL\x80\xa2\xb4\x02\x94/v\x96\xfb\xb1V\x91L]\x04\x1a\xe9E\xf5\xf1\xef\x99\xeb\xd0q\x9a*3\xd3\xe4&gt;\x02\x14^1\xf2\x10\x98\xa6\xe0E\x81\x13\xc3\xd7\xa0\xedx\x9e\xdb\xe7\xbc\x89\x1f\x85V\xa4u\x05*L\x82\xe6\xaf\xef\xfe\xfa\xaeD\x02T\xbd\x14\xabG\xd5\xed6\x1aE\x94\xa7\xf9b8_M&amp;\xab\xf9\xf0\x0e\x06\x9e\xb4\xaa\x90V\xdab\xbaLMM\x03\x96NX\xa2X!I\x9f\xa4\xba\xe6\x0e\xa4Ry{\x93\xb8\xdc\xc0+\x81\x91\x89&lt;\xcf\xc7 M\x82 \x8a\xdc\x94#$\x1c\x0f[\tE\x10lL\x00\xab\xb5\xde\x81J\xc1\xb5l\xb9\xc5\xc5\x89\xaaQz\x88\xe6\xc2\xd1\xa8\x1foR\x89\x9e\xa7i\x9d\xc5b\x91\xcdP\xf3\xe1\xe1p2\xb1\xd6\x99M\x97\xb94\xaej\x92\xee\xa3\xbd\xc8L\xbf\xf2\x84\xf5\xd9\x8b\x96\xe7r(\xc3\xa2m\x1b2\x99\x9c\x8a\x01.N\x01t\x13\xb9h4SUm\xdb\xf0\xb8\x8d\x08S\x14Y\xc0!\xf7w\xbb5\x02CVl\xc3\x88\xb7@\x82T%V\x83dB\xd5\x8b \x96\x08\x8b\xb8\xf0\\\x1fpY6[\xcd\xb2\xe1\xf0\xac\xda\x99O\xa7\x99&amp;J\xe3CU\x1a\xfb\xbe_\xabV}]\xd4\x1e\xb1&gt;\x7fa\xf1\xbe\'\x0b\x8c\x0f\xb6#&lt;\x81\xc7\xb1\xe79i\xea\xc0\xb2&lt;\xb9\xbfq\x11[\xaaAk\xd0\xe0P\x12W\xd8\xe5\xd8\x82\xad\xb6\xb7\xdb~\x0b\xf9jY\xa1b8[b\x02U\xbd\xf1T\xf5\xe3\xc6a\xa6\x05ve\xe8\x00\x00\x01\xf8IDAT.\x95\xf6\xd0\x9a\x83\x16\x185\xbe\x0f\xb6\xf9l8\x9c|\x98f\x9d&lt;\xcf\xa3\xd90\x88\xb2\x8cP}\x92\xeb\xfc\xbc\xd4*\xf4\xfaMEP\xbdhweY6\xe4\xc2\xb3\xe1!7x2]FX\x9c\xe81C@\xa4z\x9e"\x1b\xb6\n0\xdbV\xe3\xa8\xd8y4\xcc\xa1W\x18\x86qQ\x92\xd0q\xaa\x87\xe3}\xc0\x99)=b\x11\x95T\xba\x89(@H-V\xd3\xc9~\xbf\xdc\xef\x11\x8f\xc3\xd5&amp;\xc0H\xd9\xaff\x8b\x14\\\xd5s\xa2\xb20\x80e\x84\xf8n\xdb\xb6\x95\x96\xcc`\x9f\r\xbf\x00\x13PN\xa8h5\x0c\x1f\xc0\x18\xcc\x96\x05\x05\xde\x92\x9d\xf1\xa6\x18x\xd8S\xe0\xceK`Y\xf1\x14\xbe\xd5\x9f\xea\xa2\xb8\xdfE\x0e7M\xa9\xac\xb2\x9bu\x9cac\x8d\xb0:\xfb\xe9$\xf3\xfd\xd4\x1f\x8f\x1d\xce\xb4\x0e\x0f\r\xae\x8b\x87\xf9l\x9f$\xd9\xa2\n\x07[M\x0f\xd1-\xbb\xdbb\x14\xd2\x06K\x95$\x03\xbd\x03\x0c\xcf\x8dM,J\xdaH\xd0n\xa2\x1cA\xf4\x06Sm\xc3\x01U\x13\xaa\x91\x88B\x18\xdaV&lt;\xe9\xd6O=\x7f\xf1p\xdc&amp;\xa3A;F\x12\x7f\xe4\x12}_\xa7si\xa6?\\M2\xe2#\tM\x81U4\xc3\xb2M\xc9?\x1c:A\x90d\x9d\xea\xb3/Zr\x13\x1a\x08|\xb3q-\xaa\x97\x86$A\x15\x99\x82\x9dcL\x0b%\x12Q\te\x9b\xcb\x06\xe4\xe4nQ\x04M2\xbbIC\xdd\xe9;\xf1xy\xa2:\x16\xbbA{\x8d]#/\xa9J,\x13\xa9\xe4\x8b:.t\x98)\xe6\xfb\xc9MZ\xa6\x01Jg\x82\x8a\x80\xb0\x14f\xfaw\x87\x1a\x16\x9c\xe4k\xcf^\xc8v\xd8\xc2\xa3\xe2\x11\x17\xec\x12K ,\xdb\x96y\x14`6\n6L\x93K\xb3\x18:\xdeC\xc4G)\x0f\x8a\xe3f\xd4F\x05\xd8 \x82)\xf6\xe289\x1e\x8b\xed.j;\xa1\x91\x06ml\xd3J\xaaG,\xc8%\xd2\t\x1cy\xb6\xdc\xe7e\x9b\x11\x94^bU$45\xb0\xce|\t\x1f\xf5;\xff\x01\xd8e\xfa\xef\x11\x8b\x07\x87\x00\x00\x00\x00IEND\xaeB`\x82'</t>
        </is>
      </c>
      <c r="M120" s="3" t="n">
        <v>45492.67847222222</v>
      </c>
    </row>
    <row r="121">
      <c r="A121" t="n">
        <v>331853</v>
      </c>
      <c r="B121" t="n">
        <v>37082</v>
      </c>
      <c r="C121" t="inlineStr">
        <is>
          <t>Marlon</t>
        </is>
      </c>
      <c r="D121" t="inlineStr">
        <is>
          <t>Marlon</t>
        </is>
      </c>
      <c r="E121" t="inlineStr">
        <is>
          <t>ZAG</t>
        </is>
      </c>
      <c r="F121" t="inlineStr">
        <is>
          <t>ZAG</t>
        </is>
      </c>
      <c r="G121" t="inlineStr">
        <is>
          <t>ZAG</t>
        </is>
      </c>
      <c r="H121" t="n">
        <v>182</v>
      </c>
      <c r="I121" t="n">
        <v>4</v>
      </c>
      <c r="J121" s="2" t="n">
        <v>34948</v>
      </c>
      <c r="K121" t="inlineStr">
        <is>
          <t>Right</t>
        </is>
      </c>
      <c r="L12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1db462e4-c10e-4cb4-ac7a-8107521242d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9\x1e\xaf\x00\x00\x03\x00PLTE\xff\xff\xffSB=o\x1d5nQA\xa3oZ\x8b6AtRD\xff\xfe\xfe\x9ciW\xee\xee\xf6\x9co`_I=O=9\x97eUjSG\x85ZE\xfc\xfc\xfb\x9dk[\xa6ub\xf1\xf1\xf5\x8f`K\x89\\H\xa7xg\x8fi]\xa1lX\xf9\xf7\xf7vVF{WK\x81WC\x9ehRZE&gt;\x9fn]\xaa{j\x864&gt;\xa9xdoUG|]O\x99l^\x85]Mi\x1c3aLB1(*\x9bfP\x81ZG\xa4q`tN&gt;\xa0sd\x99dM\x909B\x94bPeNG\x85dQkJA\x8af\\\x81aB\xae{g\x89hB\x8e]G\xa2wggPA\x8fpZ\x91gV{]&lt;\xa6u\\|[IsZK\x82`Lo#8H98eI?mK;7-.\xa1jT&gt;34F53\x89bM[HC\x94`K\xae\x7fm\xa7qZ\xf2\xf2\xf7{VE\x8cbUZD7uX;\xa0r_\x91+F8ce\x7fYL\xef\xee\xf0fF;fTT\x99rd\x84hc\xb3~j\x95j\\*#&amp;\x94q`}cRCtpzc_2PS`C8\xb2w_\x89kWu]P\xf5\xf1\xef\xdf\xde\xe9\xa6{i\x83^St\x194\x8a\\Pd\x16-3Y[\xabx^2IK\x8egP\x84*;\x9cCH\xeb\xe9\xf0\x92nf.CE\xf0\xf1\xf8;SR\x83iV\xed\xe6\xe4\x96lT\xb7\x82q\xc3\x93\x83\x84c&lt;nMFm\\ZzRI\xa7\x7fo\x8alh\xc0\x8dx\xaf\x86q\x92oE)&gt;A\x8b-=\\NL\xcf\xbc\xb7P92|Q@u%9&gt;]`\xe8\xe1\xdd&lt;YY\xadqY\x94&lt;G\xb9\x8f~\xdd\xd0\xca\xe5\xe4\xeeV?2\x91tl\xadtc\xa8lS\x99uH\xba\x7fb_J5\x9ezLpS7Ifd?kh\xbc\x88q\xa2GK\x8bkI\xe3\xdb\xda\x9coX\x99xqZ=;A-+$;&gt;\xf0\xeb\xeal\x12+x0&gt;qSOo\x161QHH"\x1c \xc0\x86igN6\xb9\x8ax\x82&lt;DwZW\x8ao_\x80`Z\x9d\x7fy\x9czeJ&gt;A\x9cri\xb4\x86v\x87uk]\x11(\x98xV\xc0\xab\x98\xbf\x90\x95\xd4\xc9\xbc\xc8\xb6\xa5\xe2\xd8\xd0\xb9{\x84\xcb\x94u\xa7\x89\x7f\xd9\xd4\xd9\x93rL\xcc\xc7\xd0Xyu\xaace\xc6\xb9\xc0\xa6\x96\x99\x9dQZPpm\xb3\x86\x8eeA4\xa1\x7fS\xb0\xa4\xa3\xbc\xb2\xaf\xce\xaa\xac\xaaPT\x93\x9d\xa5\xa0\xad\xb2_:+\xd8\xc3\xc4\xb7pt\xaezwxmlg|\x80\xd0\xd2\xdc\xa6npNVX\xbe\xa8\xbd\xb6\x9d~\xd6\xa7\x92S1$\xcd\x9a\x80\x89OE\xaf\x91p\x94\x88\x8a\xa0_N\xcf\x9e\x89x9R\xa7\x88^\x88}z\xa6\x8ai\xbf\x9d\xa5\xb6\xa0\x8cx\x8d\x8d\xb3\xbd\xc2)9&lt;\x8aOb\xd1\xbe\xaa\x86\x92\x96\x96^lidh\x9df\x81d.J\x84\xd0\x9eU\x00\x00 \x00IDATx\xda\xcc\x98\xdfK\xa2{\x1e\xc7\'\x1eQ\xf1\xc9gS\x9a\x99\xd439\xf8\x0bq\x9c\x0ef=\xba=j\x1a\xc7\xb6\x9d\x9c\xa2T\x087\x94\xe4\x10*E\xb0x1\x17\x96c;q\x12f\xba\xf0"\xf1\x88\x98\xb0x&lt;{\x08\x86\x01cvNL\x07\xc3\x82C\x0bs\xb3\x9d\xb9\xd9\xebn\xbai\xa5\x9b\xae\xf6\xfd}\xea\xfc\x07O\xcd~H{\xf2\xa6\x17\xef\xf7\xfb\xf3\xfe&gt;\x8f\xf7\xee\t0\x122=dT\xaa\x1e\x89\xe4\xde\xff\xc1\x10 Uj7\xb5\xbbZ8&gt;.\xb6\x8b\x85\xddTJ%\xf9\xd2L@Z=\xbe:\xc4\x9c\x9dw:\x17\x17\xe7g\x87\x87G\xc5U\x15\xd1\xef\x8bQ\xf5\xa4\n\xed\xab\xb3\xce\xe9\xe9\xe9\xceN\xa5R\xc9\xe7+;;;\xa7`\xbbZ\xfdbvJzv\x8bWg\xe7\x17;\x84\x86 U\xae\xdfx\xb2\xb3\xa3va\xf7\x0b\x98\t\xa5\x8e\x0f\xcf/\x88Pug&gt;\xcf\x0bU!\x92\x11\xac\x1b\xb2b\xaaGr\xc7P\xaa\xc2\xd5\x19\xac\x03\xd5\t\xcb\xe6\xeb\x04\x8d\x10U\xf2N\xdeI^\xb3\xb3\xa3\xc2\x9d\n\x06\xa9\xdag\x17\xad\x93\x93\xd6\xe9N\x9e\xf5\xb0\xce\xba3\x97\xcb9\x9d\x84-\x8f\xf7\x1d|L\xf4\xbb\xb8l\xaf\xde\x9d`\x84\xea\x1c\xff\xb9\xee&lt;9qz&lt;\x1e\xd6\xe3qzB\xa1\x90\xc7\x93\xcb\xe5\xf3 \xccWNw\x9c\xac\xf3\xa4rzq\xb8zgX\xaa\xe3\xab\x0e\x01\n\xb1\xf5z\x9d\xad;\xd9P\x88\r\xd5\x80\xc5\x82\x88\x85h9g\xe5\xb4R\xc7\x85\xb3rqx|7FJT\xc5\xb3\x16O\xc5c\xd5\'Y\xa2\x14\x98B5\x0f\x88\xd8\x1c\xfe&amp;\xb2\xc1\xce\x9c\'W\xb98\xbfJ\xdd\x01\x171\x10T\xd0\x88e\xed\xf51\x16\x0e\xe2\n\x82\x8d\xb1!xY\xe3\xff\xca\xb1\x04\xd1\t\xc0\\\xa5\xd2i\xa7n\xbb\xc2$\x92\xd5#Bu\xe2d\xbd\xde\xb1\xb1\x19u\xa8V\x83Pl\x1d\x1cx\xd5\xa0\x18Y\x81\x93\x13\x9e\x0fW,\xd6\xe0\xbc}\xdbM\xa1*\\\xb6\x88V,\xb4\xa1j\x14U\x13S\x145\x0e\x99\xea\xac\xc7\xc96\x9b\x84\x11\xd1\xc7jBD\x92.\xb2\xa0\xf9\x8b\xa3\xdb]H&gt;V\x95&lt;\xa8\xc6\xbcbj\x9cR{g@\x15\x19\xa7B\xc4\xc6P\x8dB\xf2\xa1\x91\'\x07#=\xf5\x16z\x83l\x803\xdf\xba\xcd\x85\x94\xa8\xda\x9dV\x05\x06\xc2A5%\xa6\xc4j\xb5w\x8c\x8aD\xc6\xc7\xc7\xab\xcd\xf1\xc5\xc5H\xa4I5\xabP,DDs:[P\xd5C2\x86\xcb\xc3[\xd3\x0b+\xd8AW!\xec\x1e\x8a\x12\x8b\xd533^\xb5Z\r\xad\xc4\xd4Pd1\x18\\\xf4G\x82\x8b\xc1Rp\xb1Z\r6\xc9\x9a\x9e\xb4Zu\x84\x9e\x9f\xca\xe5q\xcf\xedPa\x05\xf3\xa8\x05\xb5\x9a\xd8\'Vk\xbc^`\x89\x87\x86\x86(j\x88\x8c?\xe2\xf7G\x16\x17\x17K[[%3]\xaaz\x12\xc0BGxn\xb8R\xb7Cut\x8a\n\xf7P\x9c\xdf\xef\xa7\xd4\x10K\xad\x81\x8f\x94\x7fh}\x08/\xf1\xfa\xfa\x10\xde\xc5b?\x04+\xd1\x83\xc1\xad mH\xc0D~\rrh\xd8\xd6\x9b[\xe8UIOq\x9f$\xb8F\x9b\xf5zPA.\xef+\xc86\xe4\xf7\x8b\xc5\xeb\xaf4\xe2u1y\xbd\xe2?\xe3\xf4&gt;\x86\xd33z\x9f\x9ekV\x83H[\rV:;m\x95\xf0-Z8#\xa1\xf24iF37GB5g\x9a\xd3\xa8\t\x87fN\xb3\xb2b2\xad\xcc\x9a^\xcd\xadLNN\x9a\xe6\xbc\x06C\xd2\x90\xc9\xc4\xf5\x1c\xc7Q\xd8\x82j\xb5\x06\xc1\xf2\x9d\xa2\xd0zIR\x87.\x96\x9c2MZ\xaf1\xcd\xce\x9a\xf8Y^1\xad\\\x8f\xcdf\x93\xcb{WV\xe4\xd2\xc6\xdaZ\xcc8??\xbf\xe0ZH\xc4\x93z_\x1ct\xd5R\x95\x9c\xe3\xf9\xb3\x82\xc0\xb1\xef9\xdeg\xd91*\x14\xa295\xa8\xf81\x99f\xddn\xb9\xdc\r(9\xa006\x9bT\xd1h\x84\x95K\x1b\x9b\xe7\x9b\x1b\xfb\xf3.W&amp;\x9ep%\x0cL\xa9\x04,O\xaeu$\xb0\x8d\xa9\xa3:\xba\n\x96\xd0\x9cf\x164n\xb7\xcd\xbd2+\x97*\x14\x04F\xfe\xfbH1\xa2Q\xe5\x12\xa8\xce\xf1\xb3\xb4\xbf\xe0J$\x12\xae8Wj\x86r\xe0\xea\x14\x04uQR\xf8\x15-N\xa1\x01\xfc\x8c\x81hDd\x02\x94Vk\xd5J!\x95\x94G\xe2\xb1\xd6\xa4\xd0kij\xa3\xb3\xb9\xb9\xd9\xd9\x07\x17\xc02\xc9\x1b\x1b\xebo\x04uQu\x95\tQ$\xc0\x18\x03/\x96\\\xa1\xe0\xa9x,\x9b\xfc\x06\x0b|\xe0\xd26\xc2aexii\x89\xa7r%2\x99\x8c/X\xaa\xd6pWq)\xa8\x8b\xa9K5\xa5VS\x1c\x87\xbd_\x9eu\xc7b1\xa9\x96\x8cU\xab\x05\x9e\xfcw\x17\t\x9f\x14ji\xc3\xca\x11\xe5h\xb8\xc5K\x95H\xd8\x13\x898\x83\xde\xc7}\xd8\xbe\xa0.\x16~VS\x80\xe2\xfc\x1c\xe3\xb3\xbbcF\x85Q\xa1\rky\xb5\xacZ\x05I\x94T\xc1\x83Y\xf8kKC\x14\x0e\x87\xb1\x93\xeet\x9ap\xc1E=M\x0e\xcaZ\xa2-\xa0\x8b=o2\x90\x8a\xe6\xf4~\xc6\x97\x9c\x8d\x19\x8d1#\xa4RX\x95V\x9dNg\xb5\xf6)0\xda&gt;\x9eH\xfa\xa8\xd1\x90\xda,\x8f\x1e5\xd6\x1ak\xe9\xb4\x1dC\xf4JrA\x94*n/.w\x85\x93+\xf5\xabW\xadgh\x8etw2!\x93\x19\xa5F\x02\xa2s8\xa2Q\x87N\t.m\xdf5\x96\x85\xb8h\xb1Y,\x96\xafmk\xe9\xc9I\xfb\x18\xb82\xf6\xb8\x8f\x0eVk\xcdf\xc8\xd3*\n\'\xd7\x0f\xdf\xeb)\x86#\xc9b\x0c\xcb\xb1\x81\x01\x99\x11X\x08\x90\xce\x11u8\x1ce\x91BaU\xf0V"^\xbd6\xdbs\x94\xeb\xf3^\xcc\xe4$/\x97\x1dX\x1c\xce \xdc\xf4\x84\\E\xe1\xd4:\xfe\x85\xd1\xc3C\x8ea\xf4\xc9\xe5\x850\xa1\xd2Z\xc3Z\xabR\xa7S*y"\x05\xcf\x04*\xb9\x05d\xfc\xe4\xd3\xbc\\\xfc\x18|\xe6`\x90?\x1d]\xc7\x02b\xfdS\xcf\x999\x9f\x1ej\xf9\x0c1\x99L\xd6P\x84\xc3\xd60\xf2\xae\xb8a\xba\x8e=\x98,\x8f\xf0\xcb\x86\xfa\xb2\xf5\xa6A\x05\x171\x861\x9f\x99\xa6\xe9*\xb0\x12\xc2\xa9%)f\xcc\xb4\x99\xe1\xb1\x92\xcb\xc02\x1aea\xbe `%\xf6\xb1\xaf\xafO\xd4\'\x15\x89\xacx\x97NL\x80\x0b\x06\x87\x1b\xe9\xde\xfb\xd7\\8\xb9\xf5\xc0\xe28\xf8\x98i\x0b\xa7V;N\x9b\xe1 \xc3\xbc\xf5\x11,,\xa2\x8c/S\xbeNEV+O$*\x97\xcb\xd3}\xd2&gt;\x12\xfd&gt;\x91U9:\xbaF\\$b\x19\xbc\xc0\n\x12\xb5\x84\xc5\xca\x0c\x9a\x19\x9e+\xf9\xfe\xa1\x8c`\xf1\x91\xb7"\\\x0e]\xb9\xac\x14\x89\xca@+;\xa2\xe5\xbeGD8iC$\x1a\x1d\x1dm\x90\xde"jy\xbd&gt;\x0eX\xb4\xe0j\x99\xcd\x83\x80\xf21\xef?\x90h\x19c\x04\n\x81\xc7*bP]`S\x96\xa3\xd9\xa8\x08^\xf6I-`\x13\x89Dk\x18\xb7\xdd\xeb5\xf8|&gt;=\xb08\xc8\x15\x17\xf0T\xfct\x8d\x85d}\x18\x9e\x1f\x18\xc0*\x92v \xf5\x10\xcd\xee\xed\xedeI\x7f\x91\xebl\xd4\n\xf7\xa6\x115\x82\xd5 X\r\xb7\xdd@\xee\n\xb1\x8aP+X\xf5}\x16\x0c\xab\xe7s\xd2\x1c\x18\xd43\x83\xc0\xfa82\x80\xde\x92\x85\x1f\xe8\x1e?\xde&lt;8\xd8\xdb\xdb~\xb9}\x00\xb6lvj\nX:+l\x15Y\xe1 \xc4J\xa7\xd7\x1a\xe1\x86\x0b\\IC\x921\xd3U\xa4K/ \xd6o&gt;:\x00\xb5p\xab\xf9bc\xe9\x9a\xea\xf1\xd4\xe6\xe6\xde\xf6\xf6\xf6\xcb\x97\xdb{\xd9\x83\xef^~\xb77\x15\xcd\xfe=\xab\xb3:\xb2\xd1\xd1Q\xe5_G\xa7y,p\xb5\xc0\x85\xb9\xa9\x08\x01\xd5\x92\xbcI\x06\x90y_\xfc\xc3\x8b\x91\x8d\x11Dk`\xe4\x01\xa8\xa0\x15\xb0\xf6\x0e\xa6\xa6\xa6\x80u\xf0\xc0\x91\xcdf\x95V8\x0b\x17I\xec\xd7&amp;\t\x97ka\xc1e\x8f\xc7!\x17R\x1f\xac\xea\x7fS\twR\'\x03f3\x93\x8c\x0f\xcf/\x8d\x90\xd2Z\x18\x1e~\xf1\xe2\xc5\xc7\x1fGF&gt;\xce/,\x18c2\xf87\xa5\xd3eI\xe4\x95\x8e\xe9\t\xd4\xaaI\xa3\xc1\xb3\x91\x01y\x8f\xdbq{\xc3s]c\t\xf7\xb8\xd8N\xf6\xc3\xc4dfa\x04X\xb1\x87\x86\xc1\xc0\xeb\xd7\xaf\xff\xf2\xed\xfb\xc1@\x00\xfdj_\xb6\xa3^\xadV]4Z\x9e\xf8\xda"\x9a\xe8\x9dy\xf2d\x9d\xee~\xf6M7\xa6+`\xf6%pO\x1f\'\xc7u0\xe8\xfb,\x98Z\x92\x7f%\xbb\xba`\xe2\xf0&lt;\xe41\x0e3\x81\xae\xaew\xef\x02\xef\xba\xbf\xc1t\xd1\xeb\x1a\x8d\xc6&gt;\x1b\xd3\x86u\x8e\xf2\xf4\xc4\xf3^\xdb\xfd\xa7\xe3\xe3\x91\xc5\xee\xeeg\x7f\xfe\x13\xe6\xa7g\xdd\xfd\x10\xfa\x1a\xab\x14L~\x12\xae \x8a\xdf\xf6\xf7\x9b\x19\xbd}~\x7f\x7f~\xf8-t"\xf3\xfe-\xc4\xea\xef\xff\x07M\xbe"\x993*\x95\x0e\xd8g\xfb\xe3\xfd\xaf\x9e\xe2\x81?\xb8\xf5l\xeb\x19\x86\x08\xd6\xd5\x8f\x04\x18\x08VWw)\xf9I\xb8:\xfd\xe1\x97@\x00.\x1a\x16\xf0\xf8\xf7\xe1\xfd\xf7?oo\x1flnn,\xed\x0f\x93\xaf\x93(J\xac\xd1,\xcb\x1e\x90\xacO&lt;\xbf\xff\x87\xa7\x91R\xe9?[[[\xa5 \xed\x1f"\xf9"m\x8a}\x01\x16\x18\xff&amp;`\xcb\xef\xfe7\xd0\xd5?\xe8[\xc6S\xe9\xc3\x0f?\xf2\xa5\x00\xae\xa9\x8d\x01\xf7\xd8\x8cX,Vk\xe6f\x07\x1eOe\x1d\xd3\x8f\x9e\xf7~5\xfe\xef\x12f12\xa4~b\xc2Q\x9dN\xa7\xdd\xffc\xd5|_\xd2n\xf78~DQ)\xcb-tZ\xa9\x1bKej\xdf#\x9a\x9e\xb0%\x96\xd47\xf3GR1\x90oi\x19\xe1\xd7\xc2\x10\xa4\x07=h\x16N\xd3\x07Ka\x88\xd1\x14a \xdc\xa5\x0cb\xeb\xc8\xdc\xda\x82\x8d{\xc3\xce\xa3=\xf0\xec\xbe\x1fx\xd8`\xe3d\xb2\x82\xfbp?\x19\x0c\xce\xe7\xf2\x9c\xff@/\x15\xa2G/?\x9f\xf7\xf5\xb9\xde\xef\xef\xe5\xb0\x17\x85l\xc0\x8a\xb3\x96\xf7Z\x18|&gt;Z\x91\xb8\x96\xa0X\xda\x8d\xd3\xed\x7f\xa7\x00k\xca74\xbf`1B\xec\xef\x1d\x01\xaa\xc8)\x0c{\xbb\xdc\xc6M\xe0\x95\x8a\x87\xc0\xa9=\x0e\x0bZ\xdc\x06\x97w`\xa0\x84\xb0\xc6X_~iaL\xfc\xed!\x85"\xb2\xf6\xf1\xe6\xdd\xbc\x08\x8c\xf5T*v#\xa8\xd7j\xd7\x128AP\xa7-3\x92H\xec\xb4\x18\x1b\x0c\xc89\n*\x8e\xe3\x18}Za\x94J-R6\x1by\x1b#r\xce\xa5\xd2\x8a\x885F\xf9\xe3i\xab\x98\xe0\xb3;G\x01u\xf5i\xe7\xe7ObHXC\xc3\xc8r\x1ei&lt;\xfb\xf1Z\xbc"X\x97\xc4RE\x98\xf6\x83&amp;\xdb4PQ\x13\xd3\x18\x0e\x82\xeb\xc1`%F\x8c\xe8\xe1\xafx\xb3\x81%\xfa\xde\xa2\xb1\x85\xae\x0c\xbb\xf7\x1e\xc0~\xb2vj\xdd\'\xb1b1\xe6s\xc3\xe9;J\x91MN.\xca\n\x85Z\xad\x92\xf0GR\xc5h4\x9a\xcd(\x15T(\x17Fx\xd4GG\xea\xfd8H\x0c\xca\xd9\x03\xce\xc6\xb8\xd4\xc0\xb2~\xecn\xc5M#\x83\xb1\xba\xf7\xfe\xfd\xee\xee\x17\n\x12\xfdK\xc0J\xc5\x86\xdck \x93g\xdfd\xdf\x9e=_|f\x8d\xc7+x\xf8\xdeV\x0e\xd6qR\xa9\xa0c8Q\x19\x0f\xa9\x1f\x8eMN&gt;\x7f.3\xc7gg\xdb\xfbz\xc5\x90\x7fV(cf\xeb\xa7\xd5\xfb\xcd_\xe81\x18\xd7v\xe7U\x07mn1h\x9eb]\xe1\xcdG"\xa0\xf4\xb5P&lt;&gt;\xf7\xe5\xdb\xeb\xc9\xc5\x89\x07\xcb!\x82\xa0K\x99\x83\xd9l\x16\xb0\xe4l\x0c\xc3=\xe3G\xea/\xdf\x7f~\xfb\xb68\xf9\xf3\xa7Yf\xdeo\xa7\xf7\x88\x97\x1aX\x0f\xcf\xde\xfd\xf9\xe7\xfb\xfb\x7fa4[\xac\x94\xcd\xeer\xf5\xcb\x15w),\xd1\n\xcf=4\xe4\xe6i\xd7\xc4Z\xed\xc0\xcb\xe59k&gt;\xaf\xd1hBGk\x0b\xb4\x00\x99\x04,R\xa8C\xc5"\xf2s\xdf\xbf?\x98\x9c\x94\xbd\xfe\xb2,2C\xc1 \xcc\xf5-\xadP\xccc\x9d\x9b\x03\xebl\xc5\xbb&amp;of\x19\x8c\xa7\xc5Lv\xfb\xea"7\x18\xeccQ\xa0Z&gt;\xc0Zp\xbb\x87"\x91\xc8\xe1\x06o-\xac!4\xa1\x17\xbc\x03Z2If\x8f\x8f\xc9\x8c2\x81\xb0\x88\xa3\x9d\xc7\xce9\xd1\xfe&gt;A\xed\x15S\xa1\x8d\x10\x05VV\xe0\x8b\x81\xce\xa4l\xecl\xb5Y\xac\xfb\xb9L\xf6\xea\xfc\xc7\xf9v.8KY)!,\t\x18\x1b_$\x16\x19\x92\xcc80\xa0\nK;\xecv\x84\x95\xcd\x92\x199\x1b\x0eD"t\xf4\xd2\xb9\xe3\x14\xd31\xfa\x88\xb1\xa7\xaf\x0f\xde\xe0\xd5\x96D"\x18\x1c\x96uN\xe2\xd5\xd3f\xb1\x1e\xb9.]\x17\x17\xe7\xe7\xe5\xe8m\xaah\x89w\xe2C\xee\x14\x02b\xd7=\x89\xde\xef\x08\xd3\xc3\x0e\xa9J\x18 \xc9\x06\x16\x99\xcc\xc8\xa1\x8b\x18\xae\t\xa1\xe6\x86\x00\x8b\xde3\x8d\xf6\xa1q\x00\xc4\xd5N5Z \xd3\xae\xb7\x02+}\x99&gt;.\x97/\xca\xb9\xc1\x91\xf6M\xf7\xc9\xd0\xc9\x14\x1c~\x86\xebrH\xcf~\xf4&lt;\x90)\xe4\x07\\\xa4=\x03\\\x00\x97\x11\xea\x128\xc6f\x0b\x04\xd0L\x8f\xa7B\xe0\xd3\x0e\x8b&gt;x\xf0\xf6\xed\xb0w\xf3N\x8f\xc5\x12\x04s\x988\xbc\xdf,\xd6\x07\xdae:\t\\\xe5\xe3A\xa3Z\x0b\x16\xc27\xb5\x95s\x05\xf8B\xb9R\xd5\xd1!\xa7\xd9\x1bK\xa8\x14f2I\xb2Q-\x01\x86\x0b8J\xa1\\\xc5\x9d\xa6c\xd8\xb4t\x1d\xc2\x90\xe1\xb6ax\xb8\xd4\tX\xebA\xb6\x02/5\x8f\xc5\xb7\xa53\xd9\xf2\xd5E\xd6\xee\xe8,A\xb5\xa6b\xb9h\x8e\xb4\x03\x96\\h\x12\xf2\xed4\xa6\\\xa9\xb4)M\x08+\x99\xc9(\x11\x16&amp;\xe0\xaa\x84BD\xc6\xe5r:h\x86@\xc0po\xd8[\x1a\xed\xf9\x1b\xf4P\x80Uw\x9a\xc6zt\xab~\xfd2{q^\xce\x98\x8c}\x80\xe5\x8b!,W2c\x02(\xa1\xd0\xc4\x87x\xcd\xe7\x9bL\xff\xef!`\xb1\x13\x18\x9e\x10\xb0\xb9P1\x00S\xca\x99|\xc0\xfag\xd0\xbbY\x12?y\xc2\x0e\x06\x05\x95\xea\xab\xa6w\xe2\xd3\xed\xba\xed\xf2\xf8\xbc\x9c\xcd\x90\xfa\xd1\xd2\xfcP\x04\xb0r9\x17B\x00\x08\xbe\x1d\x12\xfe\r\x08\xf9\xf6d\x16mD2\t\x8eK\x90H\x08t:\x1d\xc7\xa6D\x11\x1bZ\x0c\xc52\x04\xe1\xb0^\xfa{\x15g\x07\x05\xd5\xeaYw\x93\x07\x10\xa3\xfb\x87\xad~Y\xbe:N&amp;\x8fo/\x95N|\x11\x88\x83P\xae-\x97\x8bL\x93i\x97k+}\xbd\xad\x9f/Tf\xb20\xb6\xd0^\x94\xeb`\xd0\x03\x17\xc8\xced\x02\xe9\x05HxA\xb5\x06\xc0\xd0?\xa9V\xb1uA\xad\xf2\xa9\xd9\x1f\xba\x80\xb8\x0c\xf5\xcb\x8b\x0b2\x93\x8cN-\x95"\x91)\xb0{p(\xe7 |\xc11\xb8\x95\xa6\xa9\xfc\x92\xfe\xa4Ii\x82i\x9amp)\xd9\xc88`l\x13IB)\xa1\xb5\x01X\x86\x03\xbdwxx\xbaZ\xabX\x14\xb5\xd0\xbf\x9a=\xada\x9e\xa6\xea\xca\xabh&amp;C\x96sb\'\xcc\xf6\xff\x80\xb6\xb6\xb7\xa3\x8d\xe5\xe2\xdb\xb8\xfe\x99\x1bP\xa6\xc6\x8cG+K\xda\x95\\\x01\x87\x03\xfaR%\x1bP\x08\xcb`x\xfb\x16\xb0\x8c\x95ZU!\xa8:\x1f5o"V\xdf\xd5u\xd1\\\xe6\x92\xbc\x88",$-\xc0B+\x9a\xbe\xac\'\xfc3\x0bS0\xd5\x8e\xa30\xdb\xce\xaf\xe0\x8fl6`R2i\xdc\n\x91\xf03\xed\xe4 \x19H\xda\xed\x06\x03\x84k\xc0\xc2\x01\xebI\xd3\x8ao\x88kWU\'\xb3\x97\xb0\x1b\x11\x16d\xe9h.\x8a\xb8\xa2\xb9\xb4\x0e\xc3\xa4z\x89\xc4uu~~\x05\x9f\xdf\x7f??\x07\xae\xe3\xe3\x00l=&amp;^%\xc2\xfe\x0e;\x8c\x7f{&amp;c7t\x9d\xfc\x0f\xab\x86U\xaa\x9f\xba\xaf5\xef\x02?\xb4%\x94I\xdb%\x19M\x89\x9d\xb1H,\x05\xcdC\xea\xdaJ\xeap\xc2\xb1p\xb3\xbf\xff\x06\xa2\x04,\x04\x07c7\x0b-3\x18\x94\x95Z\x05\x03.~\x126\xac\xc9n\xb8=\xe4\xf6zG\xab\xb5\x1a^\r\xfdz\xad\xf9\xac\xc8x\x9aJ\xd4M\xba\xba\xd0\xb5\x85\x9ax\x86\n\x05\x1b\xd0\x95\xb6\xe1\x95\xb0\xbe\xbf\xab\xab\xbf\x7fAJ\x1f\xf1\xde+^\\\xa0Z\x91&amp;\x15\xb7\x07\x8e\xc5j\xb5\x82\xd1\xc3~\x15\xccY{\xc6`@\xf7,\x9b\x9d\xb5Z\x15\x8f;\x7fi\xc5mz\xf7\xeeLBe\xb2\xd5u\xfc\xd1\xe5C\x08\x18\xdb\xdb\xc5-\xd7`\xfaz\xb8\xa2\x99i\x83S\xfb:\x18\x89\xf1|^t\xe4\xce!\xc5\xcb\x15\xf4\xf1\xfdx|\x96 p\xd8\x8fa\x8eM.\x17\xd2\x0c\x866\xf7\xb0wI]\xabL\xef\xc7\xbf\xaf\xb6 X\xc3\xa0\x8f\xd5\xeb\xb4\\@x\xb3on\xe7\x15zvT,\xba\xd2\xfd3D\xc5!i\xfbk\x9b\xde\xef_\x0b\x8d\xe7Y,kHJ3\xf0\xa5\x9e}\x80\x8a\xcfBr\xa5\x87\xc1J(l6\x9b\x92yp\x10\xd4\x0f\x0f\x8cv\xeeO[j\xc4o-\xb9\x83e\xac\xbe\xeb\xe02sQW\x97xn\xf9\xf0,u\n\xd1\xc7\x95f:\xf2\x9a\x19\x1e\x8f\xb7v\x04\x16\x06B\xfd\x98\x99%\n9\xe8D\xbcP(L\x14\xc0\x90\x8e\x87\xe8`\xeb=\x04\xd7\xa6\xe3t\xe8\xd7\xd7-\x03K\xa3\x9d\xedF\x0b^\xdak\xcd/"\x18\x1fb\xfc\xeb\xf6\x00\xcd00\xb7\xfc\xf8\x10&amp;j\xec\xf46_\x85\xb3^\xbc|\xf1\xa2Sm\xa5\xb0X\xe6\x02\xe2\xcak\xe8\x1aO\xdc\\\x90-\xca&amp;\n\x05\xf3~\x9e\xd0\x10\xf9}\r\x87\xc3Q5\x9e8\x8fv\xaa\xef\x8e\xac\xbb[u\xeb\xc3\xe8~7H\x13*i9\xef\xdc\xf2\xce\xe3C\xdf\x90o\xaa\x9fY\x8f[\x8f\xd4j\xf5\x1d\x91UD\xc9\x8b\xf2\xd6\x90Z\xfd\xa27L\xd7\x8c\xc7\x0b2Ya\x02\xde@\x86\x1e$\xc5\xe9\x1c\x8e\xdf\xa2\x18\x19\x01\xaa;\xb3T\xefI\xeb~w\xb0Wt\x91\x81\\\xd9=\xe7t:w\xde\x80c\xeeb\xe2\xe6g\xafYjT\xb0\x9d\r\x1e\xbc\xbe~\xfd\xfa\xf9\xebM\xb0\x86a\x8d\xc7\xe3\xc9\xb3\xe2\xd0\xd88\xcbl\x9e\x9c\x88;8~\x05\x9dN\xef\xb3Z\xd5wF\xf4\x91\xd6\xdd\xae\xac\xbe\x87!^\xce}\xfc\xf9\x00\xb0xo|S7Tq\x08\xafj\xe7\xe1\xe7\xb3\xb3\xb3\xd3\xcf\xb7\x10\x14Zi\xbe\xca\xc6\xf1\xfb\xb9\xfe\xb55\xb1X\xdc\xa7fM@G\t\xbf\xbf\x97J\xa5\xde\xa5\xdc\xb1\xf6\xe9\xf5g-\xbc\xe8\xbc\xff\xe3*Z|\xff\x8f?\x96wv6\xb4\x1b\x91\xd3[\x9c\xc2\xa2\x8c\xe5\x8c\xf8\xdel\xc0\x7f6xZ-\x8f\'i\x93H:\xfc\xe1\xc6\xea\xed\x15\x8b\xd7\x00\xad\xd3,[|n\xa6K\x1d\xd4\xbbw\xdbEjkOp\xbe\x85\x97\xfb\x10\x17?\xfc\xba\xb7\xba\xfa\t\xb4\xf5\xf8\xe5\xf2al\x8a[x\xfe_Z\xce\xe8\xa5\xad&lt;\x8b\xe3\rBR\x93\xe8\xc6\xd8\xe6\x12\xef\xee54\xc6M\xd8\x1a\x98\xd4PH\x9b\x07\xb7ICB\x08i$\x10M.\xea\x12Bm\r\xbemeh\x18H\xd2&lt;%\x16\x84\x99\xb4\xd9? MD&amp;D\x98Q3\x89\x01\xad\x8a"\xd6"\xa8,8\x95-\x9d\x87\xc5n\x91\xceC\xa1\x03\xfb=\xd7\x96}[fw\xbc\x07E}\xf2\xc3\xf7\x9c\xdf\xf9\xfd\xce\xef~sG\x95\x95Jyz:\xb6\xd4\xd8\xdb\x9c\xaa\xd5J\x9b\x9b%f2\x8e\xa9#\x99\xc4t\x11+Ocm:\x9f\xbaF\xe7g\xa5\x93\xa1\x16\x85\x82\xe3\xbc\xd9\xe6\xe6\xda\xdcy&gt;\x15&amp;\x83\xb7L{\x00\xb5\n\xd1h\xe1\x91\xef\x12\xb0&lt;\xca\xd9\xd1Y\x8e\xdf{\x9f;:\xcc\x1f\xbd?Z\xcf\xed\xbd\xfaye\xd3\xcag\x96\nK\xfd\xe5\xd9\xf9\xf9Q4\x0b`\x85\xec!\xa3\xc2\xc8I$\xc7\xdb\xe7\xef\xdc\x95]P=\xa7\x95\xc8G35_Glt\xd4\xe3\xf5\xccfO\x0er\xf9\xfc\xcczb\xe6hf\xaexxX\\\x7f\xbez\xb8\xb2\xb9R\x1aK\x12\x16:\x98i^i\x0f\xb0\x1c\xa7\x90H$\xa7sb\x98\x04U[\xc7|i\xb3\x16\xc5\x1edN\xcf\x9a$Hb\xf8\xe4\xcdv\xb183\x93H\xd0W~=Q\xcc?\xcf\xaf\xad\xacmn\x8e{\xe8^\xa4\x8c\xa2O\xda{\xdb9he\xb1\xec\x0e\x89\x81%+6S\xcdZ-\x9a*\x14\xa6\x02e\xb4\x07\xc6ZY\xa8\xed\x1f\x1c\x1d\x15\x13\t\xfaZ/\xce\x14\xf3\xeb\xf9\xb5\xb5\x95\xcd\x92\xc53;]\xeeO\x96=\xe5@\x805\x0eJ\x94FK\xea@\x14\x0b\xaal\xee$\x15-\x14\xa2)\x1e\xbd*\xed\xad,5t\x8d\x0fq\xab\xf5U\xed\xf0\xf0\xfd\xeeQ\xfe(w\x94\xcf\xe7rk?\xfd4f\xed\x19.\x97\x9d\xe9P\x97BY\x19\xe9Mrt=/\xf9eK\x1c#\xde\xd0~8\x95)e\xa2\xc0\x8a\x04\xfa+V\x9bo\xd9g\x08|\xf8\xf8\xf1\xf5\xeb\x9d\x8f\x1b\xab\xab{\xdf\xac\xae./\xeb\xe4\xf2I6\x9dN&amp;C\x818\xeb\xe4\xe2v\xd6\xc2I\x8c\x16\xa3\xe4T$\x7f\xa0\xf6 \x15&gt;.\xd5\nHbc\x84\xad0\x1a\xddW\xdf}\xf7\xaa\x81f\xfa\xe3\xc6\xc6\x8f\x14;\xf4\xbd\xd3\xd16\x19\n\x91_\tXI&amp;\xa0\xe78c\xa5\xdd\x9b\xdd\xedT\x89A%#,\xac\xc3\x1a\xc8J\x918\xcb\xe8|\xbee\x1c\xbf\xd0\xde\x81\xb5\n\xb2\x9dO1\x12 \xc7\x0baY*\x81\xb8\x85S\xb4\x8f[$\xe1\x17"\x99)\t\x0b\xd5\xb5\t\xb0\xd2\x945\x8e$\xea|\xdf\x08\xe3\x06\xb4\x12\xa8\xde\xbe|\xbb\xf3\xf6b\x87\xc1@P\x81k!V\xdf\x13\xd7\xd3\xf3\xf7vt\xad\xa2hX\xd10\x0e75`\x152\xd8q\x1a:\x9d\xee+p\xad\xfeK\x90\xeco;/\x11o\xff\xd0\xd6\x06\xa8\xc0\xb5\xf8\x9f{BlO|\xe0\x86\x11\x85\xe5UVw\xfd"Y\x9b\xb5k|*\x1cn\x16\x90D\xda\x1c\xb1i\xebP^\xcb\xf4Xc\xd9\xa7\xb3u\xb7\xfd\xf3\xfb\xef\x1f_\x9e\xbc\xdc;\x19\x08\xc4C\xa1\x1eag\xd4;\xdb\xe9T\xe6\x10-\x87\x18\xce\xf8p*\x15\xcd\x94J\x99)\x94\xfdT\xe3\x91N\xa3\xa1g\xc3&gt;\x8d\x1c\x1c,\x9b\x14\x0c\xa8t\xc7;\xd9\xcb\xb2]]\x10\xab\xc7b\x01\x16\'Q\x1e\xcf\x88\xe5\x03\xd7\xe6\x16\xa3)D\xa9\xc4\x17J\xc0b\x1a\x1a\x8dZ\xe3\xf3\xe94r{(\xdd\xefT8\x9d\xc3\xc0\x8a\xc5Z\x04\x9b\xa5^?\xc0\xf6\x0cXp\xfc3z%\xd9}\xd5\x85\x0bba\x8d\xf1\xd1p6\xcb\x97x(\xd6\x98Z\xb2\x8e\x98\xaf\x9a\xb1\x1e}\x1a\x83=\xd4\xaf(#\x88\xabE\xca\xf6\xf6\x12\x16\xc2b\xb9a\xe4\xb0\xf7\x1c\xcf\\\x10\x11\x8b!\xaeT\x94\x87\\%\xbeRY0\x98;\x82:\x9d\x06\x13\x10+\xedW\x0c;c1\x8c\x16,Kj\xb1\x03\xedT\xec\xe8\xa3J\t\xc4\xd2\x8a\x86\xa5\xcaE\x18k&amp;\x95\r\xa7\x16\xe8\xf8\xbc\x90\xb5\x8c3\xe6\x0e\xbb\xdcf6\x18\x028\x91\xa6\xa58l\xa5\xd9\xd0do(\xcd\xf6\xf6\xd0cZ/\xce\xfaJ\x87D\x92\xdaR\x89\xa8\x16\x0e\xa2&lt;V#\xea&gt;\x15\xe6S\xdep\xd4j\x0e\xdaG\xcc6\xb3\x1c-A\xa8z6\x04\xa9\x90\xc1\xd0\xb5\x01/x8\x92J\xa9D\xd3\x92\x89\x8b\xb5\xc8\xa3\xe8\xc3\x88\x05T\xd9\x02#\x0f\xca\rr\x9bF#Gg\x8f\xa7\xd3!D/\xb0B\xbd\xacQ\xe2p;@$\x918\x1c"c\x8d\xe1\xd0\xceG\x17\xc2Bd\xb3\xf5\xb0\xd5j\xc7hm\xb65\x0c\xd8i\xd2ii\x9aE\xfaPX8\xbes\x12\xb7\xcb\xedp(%J\x8f#\xdb\x9c\x11\x13\x8b\xb9fE\x1a\xa3\xe47H\x85\xb3uGva|\x81a"\x86\x08\x13\xc0|\xed\x14l\xf3\xc9.\x9a1\xa4\xc6A\x87\xcb5\xeb\xa6\xc1\xd6#i?\x15\x17+`\xb5.f\xa2\xe1j5\x9bJe\x1d\xae\xba\xd7\x92\x8aZ\xd1\xf0\xad\x95\x8a\x85S*\xcb\x9c\xb2\xacp\xf6;\x9dF\xa3\x02\x07S\xb7\x1br\xe1\xdb+&amp;\x16\xba&lt;c\x05W\x06M\xa2\x9a\r\x87\xab\xf8\x87u\x94\xfd\xd2\x12\xc6Xj\x04\xc8X\x19d\x14H\x9d\xdbdrC)\x97\xcb-\xb1\x88\xab\xd6\x1a\xf6gDF\xd0\xabZ\xaf;\x1c\xf5:J?l\t[\xd0\x08\x1c\x1e\xac&lt;\xa5\x12\x8bO\t\x89\\&amp;\x93\x0b\tD})\xbd\x16}S\\,\x86\xc0xpe\xeb\xf5jV\xd0\xabZ\xfd\xd4\x9e\xc8\x8eA\xf5\xed&amp;\xbb\x88itt\xd4\x85a\xdf\rT\xc2*\x8a\xab\x96]\xe0\xe23Q\x88\x05,\x97\xc9\xe5&amp;\xd5\xce\x1a\x81\xd2A\x16\x16\x13&amp;|L\xd3\xf3TZ\x02\x95\xd1\xd2."\x96\xacs\x85\x11\xe6z&amp;\xc3SS\x05XU\xc8\x15\xca\xc7\xed\x01\x16\xf2\xe7\x10\xa8F\x01\x85)\x11P\xa0\xe5\x14\xe2b]\xb8\x07,\xbb\x95\x19!.\xaa\xfb:R\xe8Fe\x9f\x919H3\x87\x9b\xa8\xe6\x89\x8aj\x8b4\x14\x1d\x0bj\x91V#S\x88L&amp;\xc3\xa7P`\xf5:*\xc9D,D\xe7v\xfd\x07\xca\xe4\xf2\x10\x159\x7f\xc4W\x8b!\xb7\xbc\xa1\x11!4j\x14\x84%(\xf49\xe6\xcf\xa8\x90B\x0f\xb9\x918\xaf\xe2L-\xf1\xb6\xea!\xc2b\x80\x15\x894\x1a\xa4\x18\x1fMe\xab\xc2\xca3\x91b\xa8s\x023\x11\x94\xcb#,\x03\xce{\x86\xc5\x8bw\x82\x90\xcd\xfd\xcc\xd8\x99\x11\x03\x02\xdbs$"\xe8\x85f_\x17\xfcc\xc8\xa0\xfb\x13\x1d\xe5\x8fn(\xa71L+8\xa1\xb6\xf8\xbcxX\x89M\x92jL.\xa7+69\x14\x8bL1Kd/;[\x80g\x05F\xd5\x7f\xe6\xbf{J9\x1c\x04\x95\xd1\xd8\x1e\x15m\xc0\x90\xa9fj\x0c\x19\x87A%\xc7\xb1AN\xa9l\x8cY\x97\x88\x8cSz\\gT\xb3\x1e\xa1+H\x06\xa9\xda\x01\xa5\x10\xb0\xc6w\xf3\x89s\xffL\'\xbd3\xa0s\xe8\xc1Q\x811\xc8\x83A\xf9g.y\x04\x07@(\x86n\xd6Sq\x96\xa7=\xb3\xb3t%O(\xd8\x16\x07\x07\x9f\x92T\xf8\xc3\t\xac\xe6\xc9\xee\xc1\xd6\x9c\xf6&lt;\xc9T*\xff\xfd\xed\xed\x17ov\x19\xbb!(\x98\x87\x05.\x8a\x86mb\xc2F\x87\xd3@\x9c\x15\xee\x98c1\xcc?@Q\x80\xea\xe9\xa0@\xa5p\xde\xd0\x8f/6\x9b\xcd\x93\xfd\xed\xa1s\xe3\x92\xa9\xfc\xfe\xad\xbf#NN\xadv\x83Y\xa3\xd1\x90P\xf230\x1b=&amp;\xc6\xe8j\x0e\x1a\xec\xbdw\xfan\xdf\xa6\xcf\xe0Q\x90\x9bs\x90\x8b\x11\x94\xf3F\x8b~\xfc!q5O\x0f\xceC0\x1a8eZ\xbf\xff\xc1\xfe\xf1\xf1\xf1/8Y\x8d\x18\xe4\x13&gt;\x1at\xe4\xb4\x1c\x83A\xf3\xc4\xa3G\xbeG\xbe\x89\t\x0c\x8c\xc1\xb6K\x7f\xba#\xedk\xa1\xcb\xee~R,\x16\x1b\x8c\r\x92V\xc0\x1a\xf8\x0b\xb8\n\xcd\xe3\xd3\x17sC\xf48\xf17&gt;\xd9GQ\xf9\xfd\xda\xfb\xa7\xd5l\xd6\x12^\x00V\xd06\x81\x01\xccv\x15\x99\xec\x80^\x9a\t\x8c\x89:\x0c\xfd\xe0\xea\xf8\xe2\xf2\xef\xeftI\x11-8\xa4\nT1\x82\x02\x15a=\\,\x14\x9a\xd1\x93\xad\xa1\xa1{Z\xd5o\x90L\xa6\x9d{\xe0\xef\x04\x95\xf6\xfe\xb1\x12;H\x05X\xf2\xa0M\xadVkt:\xf5\xd5\xee\x8e\x8e\xa0\xcd\xa6\x81z\x04\xa5Q\xab\xbb\tK\xe0jqb`\xa4p:\xfb[Z\x92\x845.p\xfd\xd0\xe4\x0f\x1e\x0c\r\r%\x8a\x89\xff\xf3\xc2R\xa6M\xbc\xd8\xddjm\xfd\x12\\ON\x14\xc9\xa4\xbe\xb2\xc4\x8ca\x9a\xd0\x10\x06\x91\x04\xbb\x83j\xfc\xd0M\x00I\x1d\x0cv\x7fR\xab\x8f\xa8\x9c\xc3\xe4\xbf#(@\xb6\xe8\xbb\x06\x04\xb9\xc6\n?,\xee&gt;\x01\xd6\xd0\xfa\xfe\xe1\xcc\xff\xf8R\x12T\x94Luo\xeb}\xe9\xddG`\xb5\xfa\xfd_\xb6\xee[\xf4\xc9\xca8\xb0\xc8\xfdM\xfa\x08\n\xa9\xc1\xa3\x11\x94\nvw?k\x03\xd5\xe3\xbe&gt;\x14\xd7m\xfa|\xee\xb0s\xb8\x9f\xbc\xb2zp\xe9\x85\xe2zx\xf7\xe6\xd8\xcd\xbb\xbb\xf7\t\xab3\xf7\xf1\xf5j.\xa1\xfaUNA\xd9\xe7\xb8w\xb4\xf7\xe1\xdb[\x7f\xfc\xf0\x8fV\x92\xab\xb3\xf3\xc5\x82T\xda5\xbed\x1d\x8b\xc8\xcd\x13(.\x14\xd4\x15\xd2H\xa3\xb9\xa2#\xba\xe0\xb3\x8bm\x97~GPRp\xf5\x91\xcb\xb3\x85~\'\xb3l\x97\xa0\x17\xb0\xee\xdeD&lt;\xfc\x84\x95\xd8\xf8\xfa\xeb\x97\x1b\xbf\x06L\xa6:{#\xcd\xbdbn\xef\xc3\xf7\xdf\xde\xbau\xeb\xddv\xab \x97\x7f\xab\xd0\x95\xee\xea!,\xea\t:\xe4\xf1\xfau\x1d\xb0\xd4Wt\xd7uW\xd4W\x9f]\xfc\x02T\x8f\x05c\x86\x00&amp;\x95&gt;\x06\xd2\x9d;l\x17\xa2E\xc0\xba\xbbx\x86%$\xb1sn\xf5\xaf\x88\x9d\x8d\xdc\x9c\xea\xbf\xbf\xc6Ex\xfbK1\x9f{\xbf\xd7\x00\x14Q\xddz\xf7\xa6U\x90\xcb\xffd\xbf\x87e\x81\xc5D\xc0\xa5\xd1\t\xf1o&gt;\xee/\xa6\xad\xf3\x0c\x03\xb8\xe5\xd9\x1d\xae\xd4\xb8\xfck\x8d\xb0\x95\x9a\xa6\xb8\x82\xac\xd8\x8b&amp;D\x9a\x08\x8a\xb5\xc9RF\x81H\x83\xa0v\xa9*\xe4\x8b\xc5\x85\xe08\xc6\x853\xb4I\xd5va\x82\xe2\x13\xcb\x8aU\xf5\n\x0bQM\x10Dn\xd8Zi*\x92/\xd0\x10\x06\x0cRBl\x91\xcc\x04n\xaaH\xd1\x84\xa0S\xb2t\xcf\xf3~6\xc9\xaam\x1f\x06s\x91\x8b\x9f\x9e\xf7=\xef\xf9\x82\xce\xe7\xe6:.\xf8\xc0:N\x16Kx\x1d \xc8\xbae56\xc2U[[bIZ\x7f\xb9#\xac\xbe\xbe\xad\xa9\xa9\xe1\xe1\xa9\xa9\xec\x83\xad\x1b5\xff\'\xb2\x1f\xd7\xdc\xdc\xdf|\xf84{\xf9\xdb\x85\x05\xa8\xc8\x9a\x9b[\x8f(\x96e\xe5\xf3\xda\x0b\'~\xfb\xfa\xeb\x1f\x7fx\x1as\x9d\x7f;j\xa6\x0b\xa8\xe6\xf7\x9b\xebZM_z\xaa\xaa\xe1\xc2\x97\x9d\xa0\xeb\xdd\xf6\xc6F{cwc[[-\xd3:\xa6\x8a\xf8\xf1\x993\x9f\xae\xf1J\xac\x04k\x98,\xbc\xb2\xf7\xb7n\xce\xfe\xaf\x87\x81\xa0z\xb8\xc0\xe5\x14U,\xc6\xb4\xbcO\x03\x8a5\x1a\xb93pa\xe0gP\x81uZ\x86\x15@\x12\x17Xp\x95\xbfRU]m\xc5\x92\x9fv&gt;)U\xdd\x88u\xa1VX\x1c\\\xa7\x84\xf5\xf5\xb2\xd4P\x8a\x98 \x0bkjuik\xfa\xbf\xdf\xc8/M\xac\x9a\x17\xd4\x9aSY\xb9\xbc1UE\xb0\xba,\xcb_\x9f\x18\x80\xea\xe5\x0f\x11\xd6\'RCQU4\xbf\x7f\xf1w\x17\x9b\xebL\xa8bK5VK\x15\xdf\x81\xaa\xae\xb7\x92%\'\xe8\xdf|\x93O\xc4\xa2\x88_\x9e\xb9\x93\xb4X\xc8B\xcb\xbb\xdd("_\xf4\xad\xa6\'~p\xbc\x19\xcaW\xa7\xd3\xd9\x1e\xc9i\xc19\x17\xf3JTF#\xde\x9f\x95\xe2\xb2\xac\xfdz\xe0u\xece\xb0i@\xcf\x7f\x82\xfe\xe2q\xbb\xba\xba\xf7/\xf2|\x0f]M\x1d\x1d&lt;\xff\xe7\xf1\xa83\x80\xb01\xae\xee6\xa8^\xc2\xe0\x12\xd6\x99\x8f\xd7,}\x96\xca\xca\xca\xae\xe9\x87f\xa7\xd9\xcd\xa8\xa6\x94m\xea\xde\xd2v\xcd\x0bw%\\{\xb3\x13\x0f\x13==f\xb3\x19\xc5S\xcdN\x93\xd1\x183\xaa\x11\x81eI\xae\xa3\x86\xef\xbc\x83\t!U|\xe35\xc5j\xbe(q5_\xe9\xb4548\x1a&lt;\x9e&amp;O\x95\xca\r,\xe93\xa4\xc5?\xee\xb6\x9f:u\x965\xac\x94\xd5u3KV\x82\xac{\xb2\xb2\xf7\xee\xdd\xdf\x1a+=\xd9\xc5\x81\xb0\xbd\x99\xed\xe1\x02\xcb\xcb\x88\\.#\x17~7&gt;^\xb3(\x97et\xf9\xeb\xb3o\xa9M\x03\\o\x94\xe2j\xe6R,\x87\xc3\xd7\x80\xc8\xaaZZT\x9b\xa9\xee\xef\xe6\x88\xa8m#\xeb\xea\xd93w"E\xd6\xd60Y\xca\xa5`\xab\xe9\xfb\xab\xbf\xdf\xbe$0L\x85\xe9\xfdlBT=N\xe7\x9c\xe4d\x84Kd1\xe3\xdc~\xa4\x14\x97e\xed\xd3\x8fps&gt;\xcd\xb4\xc8bgUT\xb4\xd65_\x91\x07\xc7L\x8e\xa6&amp;\x85bVD\xd9\xc5U\xcb\x19\xc1gO\xc9\xfa|\x05$\x16\xb1o\xd3\x0c\x96\x19y%(#k\xe9\xc6\xf4\xd6\xd2}\x8c\x0b\xb8^\x1d\xdbzXD\xf5\x84\xc3h+\xc9\xc9\xe5\x9aW\x81\xc5b\xeb\xc9H)\xaf\xe4:\xe2\x92\xbcx)\xbeVAU]\xeb\x95:&gt;6\xd6\xda\xe9k(\xa9\x14\xcbj\xb7bBt\xb7u\xd3\xd4\xc6\xb4\xae\x9e=\xbf^\nk\xfa\xa1\xd3i\x962\xbaE\x06\xd8\xd2tM\xcd\x8d\x89t\xfa\xe6\xa5W\r\xdbK\xc3=\xa5\x15F\xa7\xbb\x86\\\xa4\xcd\xcf\x135\x08\xd6f YbY\x96\xff\xf6\x91\xecI\x99\x16{\x8bq\x89\xa9\xf5J\xab\xcd\x07T\x87\xa0\xac\xfc&amp;\x8b\x93\xab\r\xa3\xeb\x02\x8ftBu\xf5\xf3\x95\xae"k"K\x16\x97\x9b?\xe0\x9aZ]?\x0cT\xd6\x8cmoM\x8c\x19T\xfd\xc6UXH\xc9\xe5\x1aBw\xc5\x06\x07\xa5\x84F/.\xc5\x80\xc4EXd\xed\xaf\xdc-\xff\x8a.\xeed\xa0jU\xa8+\xad_8\xa0*\x86\x85!Ql.;P\x8dr\xbc\x00\xac\xab\xed\x12\x16d\xa3\xb3\x9b\t\xa7r\xb9\xb1\xf8\x8e\xb1\xfaY\xe6 \xbf\xd3W3{s\xdb\xa0b\xe2+\x1c\xc6\x08u!.\xe45\x08\x96\xcbH\x9a\x11\xac\x80\xa5\xe4J\xee\xbf\xcc\xf3\x92\x12\x17Yu\x15\xad&amp;S\xa7\x89\xb0N\xb6VSGK\x15hU\x92\x96\xd5\xcaA\xaf\x96\xb0\xea\xbfAguI^c\x0f\xdc\xcep\xb1\x8a\x89\x84\x9b=6&lt;e\xe3\xb7\x8f\x00\x00\x05\xf2IDAT\xf5\xc1\xc6F\xe6 w\x18\xe8\x9b5\x94\n\x98\xc8&gt;[\xda|\xe6eZ\x8bCF\xd5`\xbc\x18]\xcf\x96\x93\xaa\x8cp\xb1\x8co\x95\x97\xbf\x0cX\x85\xc4\x85\xd62a\xf1\xe1\xbfN\x9fC\x9a\x0b\x93\x8b5\xb4\xa3\x84V\x99\xa7\n\xd5~\xeeT\xfbWw#PacY9z\xe3\x81\xd9\xc9e\x96\xa8\x9c2*\xa6\xfe&lt;\xb9\x91\xc9d\n\x07\xf9\x15\xb0\x86\xb3O\x9f-\xa5\xf7V\x02\x91\xc8\xde\xdc\x10.\xc1!\xe4u\xc42&gt;\xddI\x06T\x1dGI\xdb\xfe\x03\x0f\xe1rc\n\xd4I\xb2l\x88\x8b\xb2/|\x0e\x07]\xc5\xacX@Y\xf5\x8d\xf5\xf5\xf5\xed\xf8\xaa}\x14(\x85\xd57\xb6\x04\x0b\xe3r#0\xe5\x1b\x9e\xba,,\xca\x0c\xe9\xfd\xbd\xede\xc4\x81\xc6\t\xec\xac{\x87\\^\xe3\xd0\xe2\xa2ry]`\xfds\x05\xac\xfc\xce\xa8\n\xcc\x12\xb9{\xba\\\x8e\x08\x97\xf3\xfc2z\xcb\xc4\xb3\x9b&amp;\x9f\xcfg\xf2a\x9a6u\xb4\xa8\xacd\x11U\xcf\x935\xe7\xda\xdb\x1b\xbb\xff(%\x04\xab\xab/\x19\xd94\xab\xac\xdc2&amp;\xf0+\xd2\xca\xee\x82\xb5\x81Jn\x18x\xf9\xe3"\x0b\xac\x1c\xe6\x9e\x14&gt;p\xb1\x80.q\xb9\\\xde\xe7\xac\'\x07\xc5\xfe\xb2\x8c\xae|s^\x8e.\x97\x95\x9f\x94E\x91\x83\xcfU;X\xc4\xa6\x8e\xaa#\x15k\xc8\xa8\xac`\xd57^\xffj\xcd"\xd7 \\\x91d$\xed\x06\x85\xb5#\x8b\xcd\x8f\xb4\xee\xfd\x1d\xa2I.\x83%\x92\x0c\xec\x1c\xe6\x0f2\x93\xba\x1e\xfa\xd3\xe2\x11k\x88\x93\xfe\x88u\xa0\xe5\xc45\x1a9,\xc4o\x9f\x97\xb4\xca\x8f\xf3\xe4\xb2\xc9d\xf35445\x90$o*\xacF\xbc\xa4\xeb\xeb\xab\x19V\xbd\xfdz\xad\xccw\xa4\xd5\x15YNF\xfa6\xdd*\xad\x84\xea1\xb7s\xce9|\xff\xd1\xc6d&lt;\xae\x93\x95\xcf\x1d\x14@\x8c\xeb\xbdzp\xf71&lt;\x18Xd\xcdsV\xe0\xc2\xf4\xaa\xb4B\xbb9\xf6} \x9f\xe9\r\x86n\x0f\x94\x0b\xeb\xb8\x89\x15\xb4IJbBb\x88\xab8\xe2QA\xab|P\xca\xb9z\xab\xfd\'\xbf\xf8,\x1f\xb0p6tU\x1e\xe6#`\x99K5T\xe3\xcb\x19\x8b\x99\xef\xdf\xc9\xe8\x9a\x16\'K\x8fk\xfex&lt;\x08\x95\x1e,&lt;E\xb7\xcfK\\l{\x81\xe1\xa6(\xac\xd0n&gt;i\xd9y\x92\xeaM\xf5\x06\xfd\xb7O\x14]T\xf9\xe4\x12\xe4\x0b\xf7D\x1f\xee\xd5tq\xc3\xc5\xbd\x17\x0f\xb7\xf1?\x1e?\xdf\x9d\xcc&lt;Y\x91\x11\xbfR\xc8\t\x8bQ\xb9eD\xb8\xd1\xf8s1cx\xf5n&amp;\xaei\xda\xe4\xc6\xa4\xc1\x8f\xa5\xe1[\x0f\xc6\xf5\xdc&amp;&lt;\xf3\x1cY\x8bJ\xc5\xceW\xac\x91ht7wX\xe8U\xcb\xaf\xbd\'\x1f4R\xcenw\x949\x84\xc4\x87\xe7M&amp;\xf9\x90\x03\xa6ES\xf5\xb9\xa2\xea\xed\xddT\x7f\x7f\x7f!\xbfc\xe9Z\xfe\xc7.Yi\xdes$,\'\xa7\x16\xb7.\xe1\xec\xdd\x82VL\xcb\x1f\xe2\x02K\x0fN\x1e\xee\xbb\x8458(3B\xe22&gt;\xde#+\x1a\x8d\x8eh\xba\xde\x1b\x0c\x8a+\xa8];_n:\xc9\xd3\xfa6\x9bO\xb1||8\xde\xe4++\xf3\xc8\x88\xaf\xc6\xa6\xebr\x95\xec\xa4\xdf\x15\x14\xd7\xc1\xe1\xca\xa3]-\xd7\x07V\xa2\xc82;9\xe7\x9d\xc2Z;\x88kq\xb06\x0cZhddDX\xfe\xc2\xce\xbewq\xe8\xd6\xe0`l\xd0%\xa3\xeb\x05\x16\xd2\x9a\x01\x0c,\x05c!\xcb\xa4\xdfy\xb4\x9b]\xe5\xb3\x01\xd5i\xb2\x95\xbd\xe2\xe1\xdc\xaaV\x9f\xbep\xd9j\xff\xd15\xbd\xa4\xea\xef\xdf\xf8\xd7\xae\xa6IZ\xc3D!,\xb7\xdc}\xc8rf\xd7r\xe8-\x9d\xac\xb8?DV(\xae\xeb\xb9\xc0\x9e\x17\xcd\xce\xb4\xe6\xd5D\xe5\xfe\xe6\x88\x15\x8d~7\x12\x0f\x06\x8f`\xda1\x8fMz\xde\xc4\xbd\x03\xc3\xc2\xb0\xef\xb4\xd9\xca&lt;-(\xa0R\xb5X\xaf\xfft7\xf5\\\x95\xd2\xb5\x90?\x9eWi\x99\xd5\x88\xa0J\xa5\x95\x988\xdc\x88\x83\xb5\x01V\\\x0bE\xfdZ\xd4\xafo\x1c&amp;\xc1\x1ab\\\x83\xf3\xb7\xa4\x98\xf3\xf3\x83\xae\xef\xf7"\x18\x10Qd\x8a\xbcP\xee\xa0\xff(\xb0k\'\x1a\xd8\\6\x1b\xa6\xa8\x03\xbfu\xb6^\xc1\xc0\x07\x8b\'\x1e\xe4\x1ed\x7f\xe9Z\xfc\xb9*\x85\x86F\xc7h`E\xd2f\xf7\xb8y\xdc\\\xbc\xfbHZ\xb1\xc4\xd6r\x01\x03\x02.C*\xae\xc7Cq\xff\x8c?x\xb0\x93\\\x9bC\x11\xc9\xba\x85%M6\x0f\x96%\xb0S@V333h0\x16\x9c2\xd5\xf9\xc7\xce\x97\xd90R\xcb&lt;\x1d\x0e\xde\x84:O\xb2\x8a\x9e*\xeep\xaa\xb1\xeb\xea~[\xd3SG\xac\x14\x1b&amp;\x14\x1a\xd1\xf2\x95\x91\xd9\xf4\x02\xf6-\xe1\xf1\xf1\xf1\x1e7\xde\xc2\xdc\'\x84\x13\xe9HN\x9a+g\xc8\xa4t=\xae\x87f\xfcz&gt;\x19X\xc3\xe0\x12\xcf\xbc\xfa\xc9\x8b\xb2\xc4\x9a\x91\x15\xfd.\xfa\x82+\xe8\xdf}\xef\xfc\xf1\x93\x15\xa6\x06~\x16\x0b\x0f\xb0\xd8\xf8\x01(H\n\xf7\xa0o\xed\xef\xde\x8e\xf7R\x95*\xd5O\xd6H(\xdfe\x99\xdd\\0+\x96\xdb\x8d\x1f\xe1\xb03\x1c\x1ew/%\x0f\'\xc1\xca\xac\x18&amp;\xfb\xe9\x1a\x99A\xc3\'\x97\xb7\x1e3\xadb\\\xf3\xac\xa1\xb0\x92/\xb2\x8a.\x05\x0b\x06\xb5\xdb\xbfy\x05CBN\xd7\xa0\xef9\xc3\x98\x15^\xd7\x7f\xa9\x05\xa9\x92\xb4\x04%Y\t\xab\xeb\xd2\xe6\x82\x93\x9cqT\x92*\xae\xf1\x9e\xa5\xb1\x00\xaf\xc5\xc9\x82A\xd3\xfb1I\xa33\xa1\\22\xbd?\xb7\xc8\xf2\xddRq\xc9\xf7\x0fYt\x8d\x8cp\xda\xf9U`\x98\x15\x03e\x9cZe\xb89\xda|\xea\xc6\xd8\xd2b=v;\x84\x7f\x90J\x89\xac\x97\x17VqE\xc1\xaa\x01\x8bQ\xc92\x87\x8b,\xf3\xe6X\xe5N&gt;\x83\xd1e@\xe7\xa3\x15\xa3Q\x7f~\xb4r:\xed\x05\x8b!1.\xc5\xf2~\xbf7\xaaX\xcf\xf3\xc2\n\xfd\x07\xec\x83\x01\x0fG\x84O\r\xfc\x8e\x16{\xf7\xbfg\xbd\xa9\x1a\x12\x9e\xa0\x8awb*(\xa4&lt;\xe1\x0e\xbb#\t\n\xadnp$*\x82(\x90\x9b@\xc4\x91\xda\xf2\xf2\xf2\xc7\xb7/O\x06\x00~\xcc\x9c\x1f\xa1\x94\xac$\x00\x00\x00\x00IEND\xaeB`\x82'</t>
        </is>
      </c>
      <c r="M121" s="3" t="n">
        <v>45492.67604166667</v>
      </c>
    </row>
    <row r="122">
      <c r="A122" t="n">
        <v>333275</v>
      </c>
      <c r="B122" t="n">
        <v>1977</v>
      </c>
      <c r="C122" t="inlineStr">
        <is>
          <t>Junior Alonso</t>
        </is>
      </c>
      <c r="D122" t="inlineStr">
        <is>
          <t>J. Alonso</t>
        </is>
      </c>
      <c r="E122" t="inlineStr">
        <is>
          <t>ZAG</t>
        </is>
      </c>
      <c r="F122" t="inlineStr">
        <is>
          <t>ZAG</t>
        </is>
      </c>
      <c r="G122" t="inlineStr">
        <is>
          <t>ZAG</t>
        </is>
      </c>
      <c r="H122" t="n">
        <v>185</v>
      </c>
      <c r="I122" t="n">
        <v>8</v>
      </c>
      <c r="J122" s="2" t="n">
        <v>34008</v>
      </c>
      <c r="K122" t="inlineStr">
        <is>
          <t>Left</t>
        </is>
      </c>
      <c r="L122" t="inlineStr">
        <is>
          <t>b'\x89PNG\r\n\x1a\n\x00\x00\x00\rIHDR\x00\x00\x00\x96\x00\x00\x00\x96\x08\x06\x00\x00\x00&lt;\x01q\xe2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2cfd14e4-4d49-4842-a9a5-b772ffb9c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80\x83\x1c\x00\x00r*IDATx\x9c\xec\xbd\xdb\x93\xa5\xd9Y\xe6\xf7[\xc7\xef\xb4\x0f\x99Y\x99u&gt;I\xad\x03R#@\x80@H\xc3\x0c0"b\x82\x19\x88\xf1\x95\xb1/f`.\xf8;\xb8\x19\x07\x0e\x1c\xbe5\x130\x1e\r0&amp;\xb0E\xd8\x8e0\x9a1\x12\x12j\x9d`,5BB\xdd\xeaV\x9fU\xd5U\x95\x99\x95\x99;\xf7\xe1;\xac\x93/\xd6\x97%\xb0\xc3FD\xcc\x90\xd9\xa0\xd5\xbd#\xaa\xf2P{\xef\xef{\xf6\xbb\xde\xf5\xbe\xcf\xf3\xbc"\xa5\x94\xf8\xeez\xb2b\x8c\x84\x10\xf0\xde\x13|@\x08PZ#\xa5|\xf2\x10B \x848\xef\x97z\xa1\x97&gt;\xef\x17p^+\xa5\x84\xf7\x9e\xbe\xef\xe9\xfb\x1e\xe7\x1c\xce9\x96\xcb%GGG&lt;x\xf3M\x1e?~\x8c5\x96\xdd\xcb{TUE\xd34lmm\xd14\rZk\nk\xa9\x9b\x86\xb2,\x91R\x9e\xf7[\xbaP\xeb\xef\x14\xb0b\x8c\xf4}\xcf\xc9\xc9\t\'\'\'\x1c\xec\x1f\xf0\xcd\x17^\xe0\xe5W^\xe6\xe1\xa3G&lt;\x1a\x1f\xa7\xcbS\x96\xa7\xa7\x0cn@\x08\x81\xd6\x96\x94\x12EQ0\x99L\xb8q\xe3\x06\xf3\xf9\x9c;\xb7o\xf3\x81\x0f\xfc\x08O\x7f\xef\xd3\xec\xec\xec0\x9dN\xa9\xab\x1a\xa5\xd5\xdf\xf9\x88&amp;\xfe6o\x85)%\x82\x0f,N\x17\x9c\x9e\x9er||\xccK\xdf|\x89O|\xe2\x13|\xf6s\x9f\xe5\xf8\xf8\x98\xbe\xeb\x881\x90R\xc4\xfb@L\x91\x14\x13&gt;D\xa4\x14\x08\x011\xa6q\xfb\x93\xa4\x94\xff,\xa5D)EY\x96\\\xbdz\x95\xf7\xff\xc0\xfb\xf9\xf0\x87&gt;\xcc{\xde\xfb\x1e\xf6.\xef1\x9f\xcfst\xab\x1b\xa4\xfa\xbb\x17\xcd\xfeV\x02\xcb9\xc7\xc3\x87\x0f9&lt;&lt;\xe4\xe8\xe8\x88/~\xfe\x8b|\xee\x0b\x9f\xe3\xb9\xe7\x9ec\xb9\\\xd2\xb6\x9b\x9cC\x85\x98s(%\x11d\x00))\x91J\xe1C\xfe\xbe\x92\x92\x98"\x00BHH\x10S\xe2, \xc5\x98\x90B\xa0\x8d\xc1h\x8d\xb5\x05\xb3\xf9\x8c\x0f\x7f\xf8\xc3\xfc\xc4?\xf8\t\xde\xff\x83\xef\xe7\xd6\xad[\xec\xec\xec`\x8c9\xbf\x8b\xf27\xbc\xfeV\x01+\x84\xc0\xe1\xe1c\x9e\x7f\xfe9&gt;\xfa\xd1\x8f\xf2\xf1\x8f\x7f\x9c\xae\xeb\x18\x86\x01\xef=go5\xc6\x0c\xa8\x0c\x0e\x01c\x14\x82\x94\xffO\xf9\xcb\x19t\x8a\x18#i\xfc\xbaTb\x04W|\xf2\xb3\x02A"\xff\xdbJib\x8a\x18c0\xc6p\xeb\xd6-\xfe\xc9?\xfe\'\xfc\xcc?\xfe\x19\xde\xf7\xbe\xf7\xb1\xb3\xbd\x83\x90\x7f\xfb\xb7\xc9\xb7&lt;\xb0RJl6\x1b\xee\xdf\xbf\xcf\xfd\xfb\xf7\xf9\x83\xff\xf0\x07\xfc\xcf\x1f\xfb_\xb8w\xef[8\xe7\x10B\xf0\x17\xdf\xe2\xd9\x9f\xcf\x80%\x84D\x90PJAL\x19D$\x94\x92\xe3\xcfJ\xa4\x14hm\xf0\xde\xe3\xbd\'\xa3.\xa3o\x0cf\xc0\x08\xb6\xbf\x00\xb2\xb3\xedR\x08\xc1\x9d;w\xf8\x17\xbf\xf8/\xf8\xb9\x9f\xfb9\xde\xf6\xb6\xb7Q\xd5\xd5\xdf\xd85:\x8f\xf5\x96\x06V\x08\x817\xdf|\xc0g?\xfb\x0c\xff\xee\xdf\xfd6\x9f\xff\xc2\x17h7\x1b\x9c\xf3\xfc\xff\xbd\xad\'\xc1I@e\r\x856\x84\x18\t1`\x94&amp;\x04\x8f1:\x97\x1eb\xc2Z\x8b\x94\x8aa\xe8\x19\x06\x87\xb6\x86\x18\xe3\x08\\\x89@\xe0B\x06\x9c\x14\x82\x10\xe3Y \x04@JAJ\xd04\r\x1f\xfa\xd0\x87\xf8\xc5_\xf8E~\xe0\xfd?\xc0\xed\xdb\xb7\xa9\xeb\xfao\xe4Z\xfdM\xaf\xb7,\xb0B\x08&lt;\xff\x8do\xf0\xd1\x7f\xf3\x9b\xfc\xe6o\xfe\x1bN\x8e\x8f\xf11 $\xc4\x1c8 \x82\x14\x82\x14\x13B\nbL @\x89\xfc\xed `^\x94\\\x9e\xcdX\xb6\x1d\x8b~\xc3\xa5\xd9\x9c\xe0\x1cE]\xe2\xbcg\xb3\xd9\xd04\rm\xd7\x13cDJ\x89s\x0e\x80\xbe\x1f\xd0FB\x12\x84\x08&gt;\x06b\xcc!,\xc6\x0c\\\x01\xe3\x01 \xbfn)\x05M3\xe1C\x1f\xfa\x10\xbf\xf0\xcf\x7f\x81\x1f\xf9\xd1\x1f\xe1\xfa\xf5\xeb\x94ey\x1e\x97\xf1?\xdbzK\x02+\x84\xc0W\xbf\xfaU~\xf5W\xff;~\xff\xe3\x1fg\xbd^\x93b\x02r"\x9ds\xa48\xe6B\x00\x02\xa94!\x04\xf2\xdf\x12J&amp;\x94UX\xe0\xda\xf6.A$\xde&lt;\xdcg{:G\x02\xed\xd0\xa3\x94B)\xc5|&gt;\xe7\xf0\xf1c\xdc\xe0\xd8\xde\xde\xe6t\xb9\xc4{O\x8c\x11\xa5$eY\xe1Cd\xdd\xb69Z\x11\t!\xf1\xff\xbe\xb29\xb7\xca[\xabf{{\x87\x8f|\xe4#\xfc\xfc\x7f\xf9\xf3\xfc\xd8\x87~\x8c\x9d\x9d\x9d\xbf\xa1+\xf8\x9f\x7f\xbd\xe5\x80\x15B\xe0\xcb_\xfe2\xff\xfd\xaf\xfe\xb7\xfc\xe1\xa7\xfe\x90\xd5fMH\xa0\x84 \x85\x88B`\x94\x01\x19@\x08\x06\x17\x18\x9cG*E\x88"G\x10\x12J\tli)\x95\xa2)\nVm\xc7\xbam\xd9\xdb\xd9\xc6y\x87\xd2\x9a\xb2,\t!PU\x15\xcb\xe5\x92\xe3\xe3\x13\x80\'\xa5\x88\xb2(\x90Rp\xe7\xce]^z\xe55\x06\xef\x90J18G\x0c\x91\x94\xd2\xb8%g@=9 \xf0\xed\x83\x83\x10\x92\xa7\xdf\xfb^\xfe\xd9?\xfb\xe7\xfc\xd3\xff\xe2\x9fr\xe7\xf6\x1d\x94V\xe7qi\xff\x93.\xf5\xcb\xbf\xfc\xcb\xbf|\xde/\xe2;]1F\xbe\xf2\x95\xaf\xf0\xdf\xfc\xcb\x7f\xc9\xe7&gt;\xf5\x87\x0c\xdd\x06c\xd4X&amp;\x80\xaa*)\x8b\x02\xad$EiQ:\'\xde\xc6(\xb4\x840x4\x11\xad\xc0\x1a\xcd|\xd2`\x94\xe2t\xb9\xc4\xb9\x81K\x97\xb6\xd9\xde\xdeb\xbd\xd9p\xf9\xf2e\xb6\xb6\xb6\xc6\xf2D\xcbt2\xcd\xf5-\xe7\xf11R\x18KU\x95\xe3\xc9Q\xe3\xdc@\xdf{ \xe5\xa8\x95\xc4\x93\x92\x84\x94\x02)\xe4x\xd2\xfc6\xc8\x84\x10\xc4\x18\xd8\xdf\xdf\xe7K_\xfa\x12G\x8f\x8f\xd8\xd9\xd9a{g\x9b\xa2(\xce\xefB\xff\'Xo\x19`\xa5\x94x\xf5\x95W\xf9\x95_\xf9\x15&gt;\xf9\x89O2\x0c\x1e\x84"%PR`\x8cA)\x85\xd4\x9an\x18@HR\x12h\xadh\xaa\nk-\xa4\x842:\x83\xaa\xb6lO\xa6H%\xd9\xf4-\x93\xa6\xe1\xed\xb7n\x11S\xe0t\xb9\xa2\xac*\xca\xb2\xe4\xe4\xe4\x84v\xdd2\x9b\xcd0c\xe9!\x04?\x16O\x05\xce9\xba\xae\xcb51)\x18\x9c\xcf\xb9\x1c92\n\x91\xf3&lt;)\xf2\xdfa\x04W\xe2I\xb1U\x08\xc1f\xd3\xf2\xf5\xaf\x7f\x9d\x97^z\x89K;\x97\xb8y\xf3\xe6[\x1a\\o\x99\x96\xce\xe2d\xc1\xbf\xfe\x8d\x7f\xcd\'\xff\xe0\x13l\x96K\xb46\x94\xc6 \x93G&amp;\xcf\xbc\xb0\xe3\x8du4e\x06\x8f\x96\x12\t\xa4\x08C\x88\xc8\xc2\x12\x94\x86\xe4i\xb4\x80\xbe\xcd\xc5M\t\xb3ICe\x0b\x96\xab%Ea999\xe1\xf1\xe3\xc7\xb8~\xa0*\x0b\x1e\x1f\x1eb\x8c!x\xff\xe45\xa5\x94\x1b\xd6\xce\xf9\xb1L\x91K\x17\xa4\xb1NF~\xc8\xf1\xb4\x98\xc6\xfaW\x14\x02k51%\x9c\xf3#\xb8\xa0\xef{\x9ey\xe6\x19\xba\xaeG\x1b\xcdO\xff\xf4O\xbfeO\x8do\t`\xc5\x18\xf9\xbd\xdf\xfb=~\xe7w\xfe\'\x8e\x8f\x1e\xa3\x95\xa2\x94\x8e\xedB\xb1S\x15l\xd9\t\xd7\xb6\xe7H\t\xce;\xa4VH\x11\xa9\xac\xa5\xb4\x15&gt;\n\x1e&lt;&gt;\xe6\xde\xf1\x92U\x14\xb8(\xd9\x9dM(M\xc1\xd2{6~ \x0c\x8e\xc3G\xfbt~ \xc6H\xdbvh\xad\xb1\xd6\xe2\x9cc\x18\x06RL\xc4\x10F\x90$\x94\xd2\x08\\\xde\xea\xa4$$\x81H\x12!\x03 \x90c\x05UJ\x89\x929J\x85$q\x91\xffG9$\xffLJ\xb9\x8e\xf6\'\x7f\xf2\xc7\xfc\xda\xff\xf0k\\\xbbv\x8d\x1f\xfa\xa1\x1f\xca5\xb6\xb7\xd8zK\x00\xeb3\x9fy\x86\x7f\xfb\xd1\x7f\xcb\xa3\xfdG\x08\x01\xf3\n\xde\xbd3\xe1\xee\xde6\x97gSv\xea\x8a\xc6ZH\x01k\x0b\x94Q$&lt;\xc4Ha\n\xa4\xb2\x1c]\xdb\xe1\xde\xf1\x82G\xa7k\x8eVkvvv\xb8\xba\xb3\xc7\x1b\xfb\x87t\xde\xf3\xf0h\xc9j\xddquo\x9bH\x06V\xf4\x01k5R\x1b\xa2\x8f\xf4]\x97A]ZbJ\x18-Qe\x89w\x03\xd6\x18\x10\xd0\r=!\x19\xce\x12\xf3\x98@K\x81\xd1\x12?\xf4\x08!\x08(\xd6C\x87O\x11\xa1\x80\x90\x10)\x97D\x90\x92\x10#\x9fy\xe63\xfc\xfa\xaf\xff:\x97.]\xe2\xa9\xa7\x9e:\xef[\xf0\xd7^\x17\x1eX\xfb\xfb\x07\xfc\xc6\xff\xf8\x1b|\xe3\xc5\x17\x901rc\xbb\xe1}7\xb7\xf9\xde+3.Mj&amp;UE\xa1-J\xe4\x8dGH\tR\xa0\x00)@+\t\x08J3aw\xde\xb0h{\x8e\xd7-\x18\xcbVSS\x88-\x8eWk\x1e\x1d\xafX\xf5-\x851(\xadY\xad6\x04\xef\xd1"\x1f\x0c\xa4L\x88BR\x18M"\xd0\x0f\x91FDL\xa9\xb0e\xcd\xa5\xed9ID\x8e\x96\x0b\x8eV=m\x9f\xa8jK\xef\x02\xc3\xe0\x99X\x83\xb4\x05m\xd7\xe1\x93F\x98\x82\xd6\r\x84\x94\x88\xf2/D0\x01RI\xba\xa1\xe7c\x1f\xfb\x18w\xef\xde\xe5\x97~\xe9\x97\xd8\xdb\xdb;\xc7\xbb\xf0\xd7_\x17\x1eX\xbf\xfb\xbb\xbf\xcb3\x9f{\x86\xa3\xe3\x03\xde\x7f\xed2?r\xeb2\xef\xbc\xba\xcb|\xa2\xd1J\xa0\xa5\xc4(\x8d\xd1:\xf7\xf5\xc87\xc9\xa4\xfc=-%\x90\x88)\x91\x94f\xab\x9erm\x07\x82\x8c\x84\xe8\xd1j\xca\xc9\xe6\x12\xbd\x0b\xbc\xfe\xe0\x80\xe5\xe2\x84\xa2n\x10\t\\\xd7s}k\xc2\xb4\xd08\xeb\xb9qe\x8f\xcb\xbb\x97\x90\xc1s|tJQh\xe6MC\xa5\r\x93\xba"$\xcf\xa2\xdd\xe6\xa8\xeb98Z\x11R\xe4\xf8\xb4\xa5m#M)h\xea)\xeb\xbe\xe0\xc1\xa2C%\xd0Z\xe3\x13\x04\xa0\x8b\x1e\x17\xc3\x98\xd8\xe7\xb2\xfd\xe9\xe9\x82\x8f~\xf4\xa3&lt;\xf5\xd4S\xfc\xec\xcf\xfe,M\xd3\x9c\xf3\xdd\xf8\xce\xd7\x85\x06\xd6\x8b/\xbe\xc4\xff\xfa\xbf\xfd\xef\x1c\xde{\x93\x0f\xdc\xb9\xc9G\xde{\x87\xb7M+\n\xf9m\xda\x8a\x1d\x01\xa5\x95Bh\x8dP#\xc3\x13A\x8eU I\xc8\xdcA\xc6(E\x89@\xc8\x88GQU\x16)5\xd3\xa2\xe4\x1dW\xf7\xf8\xd6\xc1\x011\t\xf6n]\x83\x10\xb8sm\x87\xed\xc6b\xa2\xe3\xed7\xaf1\x9f5\x08\xe7\xd9\xac7\x18\xa31B\x11\xfa\x1e\x99\x12&gt;z\x86X\x10\xa4d}\xad\xe7\xf8t\xcdr\xdd!\x95\xceu\xb4\x10\x18|\xe2\xb5\xe2\x847N\x16&lt;Z\xb7\xc8$\x01\x85J\x92M\x1cp!\xd3vr)"\xf1\xf2\xcb/\xf1\x1b\xbf\xfe\xeb|\xdf\xf7}\x1f\xef}\xef{\xcf\xf9\x8e|\xe7\xebB\x03\xeb\xdf\xff\xfb\x8f\xf3\xcdo\xbe\xc0\xad\xa6\xe6\'\xde~\x8b\xb7\xef\xd4\x94\x85@&amp;\xd0B#\x85DJ\x85R\x1a\xa5\x15J\x1b\x84R\x08%IJ"RD\x92\x8b\xa7c\xee\x0cR \x92@"(L\x81\t\x1e#\x0c{\x939\xc7\x9b\x9e\xfbW\xb7\x90Ba\xa4\xc4H\xc9\xde\xa59\xa5\x02\xdc\xc0\xf6t\x82Q\x82\xa1\xef\xd8\xa9\xcb\\\x0cm;\x92L\x88\x04&gt;\x1a"%\xc9yv\x1a\xcb\xae\xb6\xb8i@(\x89),\x9b\xbe\xa5\xeb\x1d{M\xc1\xb5\xe3\x8aW\x8f\x97\xbcq\xbc\xe4h3@\x84R\xe4\x13k\x1f=\x89\\DM\t\xfe\xf8O\xfe\x98\xcf\x7f\xfe\xf3\xdc\xbau\x8b\xe9tz\xae\xf7\xe4;]\x17\x16X\xcf?\xff\r\xfe\xe0\x93\xff\'\'\xc7\x8f\xf8\xa1;7\xb8\xbbU3\xa9\rNxtT\x14\xca\xe4\x06\xb0\x90h\xad\xd1\xc6"\x95BHI\xe6$\x80T\n\x99x\x92o\xc5\x14\x91\x08\x946Hk\x11Z\xa2\x9d\xa3P\x01\xbbU\xb0\xeb#{\xbbSd\x02\x19"ZI\xca\xd2b\xa4$8G\x0c\x01k\x0cR)@\xe0\x83\xc7\x14%\xa6\xa8\xf0\x83\x87\xe0s\x83\xbas\xf4}\x87\xd2\x06\x08D"\x83\x1f\xa8KIY\x164\x8de{Zpcw\x9b\xd7\x0fOy\xfe\xfe&gt;\xf7NW\xac\x02$\xa3\t1\xe1C \x02B\n\xda\xb6\xe3\xb7~\xeb\xb7\xf8\xf0\x87?\xfc\x96\x89Z\x17\x12XC?\xf0{\x1f\xfb\x18\xcf&gt;\xfb%\xb6*x\xc7\xcd\x1df\x95\xc6hC\x0cP(\xcb\x19aJ\x1b\x831\x05R+\x18\x99\x9dB\x08\xb4\x14h%\x11c[E\x9e5\x82\xd3\x18\tHh\xa1\xb1u\x95\x0b\x9aR S\xc2V\x15"xD\xcc\x9c\xaa\x98b\x06\x94\xb5\x04\x1f\xf2\xef\xa5\x0c`\xe1\x1d\xe8\x88AaLD\xc7H\x12\x02/\x07$\x11\x11=D\x81\x88~\x8c\xb0\x1a?\x0c\xe8B\xa1\x8db\xd2\x08v\xeb\x9a\xdb[[\xbcpx\xc2\x9f\xde\xbb\xc7\xfdE\x8bQ\x12D\xca\xdbbJ\x08\xe0\xd9g\x9f\xe5\x8b_\xf8\xc2[&amp;j]H`}\xe6\x99\xcf\xf0\xfb\x1f\xff\x04G\xfb\xc7|\xf0\xdd\xbb\\\x9eYj\xa3(1L\xa6s|\xdf\x93R\xc8aH\x8a\x9c\xeb"\xc6\xadQ\xa2\x95Bi\x81V\x8a\xbc\x01\xe6\n|J\x99\x1a\x93\xf9V`\xb5AH\x03e\x81\xa9\xcb\xcc\x89_\xb7\xa4\xe0\x88)\'\xd2\n\x10!\xe4\xea\xfeX\x08\x17ca4h\x89L\x90\\\xc8\xc5Q\x99\x18\xbcG\xcaDa5~\xf0h\x91\x0f\x14Vh\x9c\x8ft\x02\x02\x89\xc6*\xa4\x10\xd4:P\xd6\x05\xa6)\x90"\x10\xc2\x03\xee\xafz|\x8a(%\x88c\x85\xbe\xef;~\xed_\xfd+&gt;\xf8c?\xc6\xd3O?}~7\xe7;\\\x17\x12X\x9f\xfe\xf4\xa7\xf9\xf3\xe7\xbeJ)\x03\xb7\xe7[\xec\xd4\x13da\x90\x85\xcd\')\x9f\x1b\xccJ\xeb\xbc\x1d\x8e\x9f\xf0L\xaa\x03!%\x85\xb5D\x12!%\xac\xb6#SA\x93\xc6\xfe\x9d \xa1\xb5%\xc4\xc8\xe0:\xc2\xc6c\x8a\x82jR\x93\xc6\xff\xa2\x0f\x88$\x91J\x13C\x80$\xf2\xbf#\x1c\xbd\xebs\xd5\x1c\x89\x08\x89\xe0z\x18\x06\x84\x92\x0c\xb9eHJ\x82\xe8\x1d \x111`\xac$\xc9H\x1f\x02F[\x8cV\x085\xe0\x85cZ\n\xae\xef\xd4\\;*y\xbci\xf1ZBT\x08\x17\t)\x10R\xe0\xb9\xe7\x9e\xe3\xd9/}\x99\xbbw\xef^\xf8\x13\xe2\x85\x03\xd6\xfe\xfe\x01\xaf\xbc\xf2*\xeb\xcd\x92\xbb\x97flO\x1a\x94\xc8y\x11R\xe1B\x8e$b&lt;i))s?nduJ\x99\xab\xd4\x81D=i0\xb6\xcc\xe2\x07\x04Jj\xfa\xe0\t1\xe4-R$\x90`"\xa4\xe0\xf0\xeb@\x10\x82\x90r-\x89\x94\x1b\xcc\xe2L\xda\xa5\x04B)|t\xa0\x0cZ\xda\xf1\xec\t\xca\x17D\xdb\x13\x86\x81\xd8\xae3\xa5&amp;\x81\x1f\x19\xa9\x898F@E1\x9e\\\x13\x99co\x8d\xc6\x1a\x875\x8a\xdd\xad\x19\xdb\xeb\x9ev\xd51\xb8p\xc6\xfb!\x91[&gt;\x9f\xfa\xf4\xa7\xf9\x89\x9f\xfa\xc9\xef\x02\xeb\xaf\xbb\xfe\xec\xcf\xbe\xc2+\xaf\xbc\x0c1P\x17\x16-D\x16\x8e\xca|#\x04`\x0bK\x12\xb9R\xad\x95"\xa5\x84V\x16%\x15EQd\xb0Y\x85*JTQ\x10}\xcc4\x16R\xae\xa2G\x81w-a\xf0\x88\x94\xd0R\xe5\x02k\x8a\x10r4\x93\xe4\x9cM\x8c\xdbb\x88\x89(\x05^\x8e\x80\xd3\xb9\x90J\x92\x08)Q\xb6$\xf9\x92^\xb7\xe80\xe0\x83#\xc5\x88\xd2z\xe4fE"\t!\x152\x86\xb1}\x03JH\x8c\x02#\x15ZJ\nc0Z\xe5\xd7\xf2\x84\x8bO\x16y \xf8\xe2\x17\xbf\xc0\xd1\xd1\x117o\xde\xbc\xd0\x12\xb3\x0b\x05\xac\x94\x12\xcf&gt;\xfb,\xaf\xbe\xfa*\xa5\x92TR\xd0\xd8\x82\xed\xad-\xaa\xba\xc2\xa7\xdc\xf2\x00\x91\xfbsJ\x8e7W\xa0\x95\x1e{{\xf9\x86\x87\x04\xc3\xe0I\xc8|\x83b"\xba\x80P\n\x14\x14EIP\x81\x18\x02b\x14D\x08!@A\x8a\x9e@\xcc\\\xc1\x04\x902\x1b4)\x88\xa0\x94A\xa6H\n\x81DDK\x9b\x9f\x13\xc0K\x941h\xaf38H$\x9fk\x9e\xc4HJ\x19\xcc\x90\x9f3\x86\x001\x9fV\xadT\x94FQ\xea\\o\x0bZ@\x14\x04\x1f\tc\xe4\xdb\xdf?\xe0\xf9\xe7\x9e\xe7\x9d\xef|\xe7\x85nP_(`\r\xfd\xc0\xbd{\xf7899aoR\xb3\xd3\x944\x95EII7\x0c\x08m)\xb4\xa6\xd0\x1a?&amp;\xd7i\xcc{\xce\x04\x0c&gt;\x04\xc4X\xdb"&amp;|?\x10\xbdGK\x85\x14y\x0b\xf2&gt;\xe0R\xc0h\x83RE\xa6\xe1\x8dM`\x1f\x02\xc2h\xa4\x10\x10\x03\xc9{\x92\x8fY;\x11\xcfN\x98\x01R$!H"\x1f\n|\xccB\x8b\xe8\xc6\xa6\xb4\xd2H\x9d\xf9\xc8g\xed\x9a\x94\x022J\x12c\xc4\xf2\x01\xef&lt;\x81\x84\x96\x82\xd2\x1a*k)\xb4B\x11\x11D\x942h\x04$E\x8a\x91\xb6\xdd\xf0\x87\x7f\xf8I~\xfc\xef\xff\xf8\x85\x06\xd6\x85RR~\xe3\x85\x17y\xf9\xe5W\x08!\xa0\x08L\nCi\x14\xc1;bLhc\x11\xa8\\\xa7\x12\n!\xd4\x13\xf1\xa8\x90gI\xfcHV\x89Y\xca\x95\x19\xa5:\x170\xfb\x81n\xb3&amp;\x0c\x03*\x81Lg\x0cf\x89P\x1aU\x14\xa8\xc2 \xb4"\x90\x08\t\x18\x9fGJ\x8dH\n\x11%\xc1;\x82\x1fH\xd1#\xc2@\x18Z\xfa\xf5)}\xbb"\xb8&gt;S\xa0G\x81\xab\x90\x92$2\xd0\x18\x1fB+\x90*\x17k\xa5\x1c\xf9Z9b\x1a)\x99T%ua1Jq\xa6\x14\x8b1BL\x0c\xce\xf1\xe9?\xfa#\x8e\x8f\x8f\xcf\xf1N\xfd\xd5\xebBE\xacg\x9f\xfd2/\xbc\xf0\r\x84\x10L\x8a\x82\xcb[s*kH\xa3\x88A\x9b\xcc\x1a\x80\x91\t\x80\xf8Kf\x1dJ)\x94\xcc\x05L%\xc0E\x8f\xf7\t%$\xc9e\x93\x8f$\x05"A?Dz\xa9HI\x80\x92\xd8\xa2\xc0\x96\x165\xb6\x8b\xfcx\xb2C\x08\x82\x18#\x8e\x88\xa0 0\xb6\x8d\x12@$\xc6D\x0c\x99sO\xca \x90\x08\x92\x94\xa4\x98\xdbKBIF)"!\x02r,\xe0*I\x18\x02&gt;x\x049J*2#BIA\x8c\xb9\x91\xeecBJA\x80L&gt;l\xdb\'\xe2\x8e\x8b\xb8.\x0c\xb0RJ\xbc\xf2\xca\xcb\xdc\xbbw\x0f)\x04MY2\xa9K\x94\xc8\xc2\x03c3\x91O\nE\x8a&gt;\x83eL^c\x8ch\xad\x891\xa7`!x|\x8a\xa0dV-\x8f\xbaA[\x14\x0c\xde1\xb8\x9e\xe0{\x84\xd0y;\xf5\xd0\r\x1d\xfd\x9a\'}F7\x0c\x00H\xa9\xc7\xa4?\x9fB\xb55 5\x08\x99\xc9}1&lt;a\xb1&amp;\x04)F\xd2xR\x15\x00)\xbf6!3W+\x05I\x12\x89\xe0&lt;\xa4D\x8c\x89~\x18\xf0&gt;`\x8c\xa1.J\xaa\xc2"\x85 \x86HL\xe3\x87G\xc4\xd1\n \xd7\xeb\x0e\x0f\x0eq\xce]X\x96\xe9\x85\x01V\x08\x81\xb6mq\xdeSk\x98\xe8Hm%\xb6.1MM\x1c\xe9/1\xe5\xfa\x93P\x02\xa35\xde\xfbq\x1b\xcc\x82R-$!ER\xcc\xc9w\xde*UN~} \xfa\x88D\x92\x94\x1d\xc5\x0e&lt;\x89L\x081\x96S%R\x9a\xec\xfd0\xca\xee\x93\xf3\x04\xe7\xf1mK\x94r\xd4\x1ajB\xcae\x84\x11E\xb9\xe9\xad4!D\x82\x08([ \xb5a\xe8;d\x12\xf8\x94\x10I#E\xca\xb9\x96\x80 \x05A\x00"P\x94\x12#\x02"B`\x8c\x961\xa0d"D\tD\xfa\xa1\xe5\xf1\xe1!\xde\xfb\xef\x02\xeb\xafZ]\xd7\xd1\xb6]ff\n\xc1\xf6tBSU\xa4\x18p\xdea\xc7\x88E\xcaJ\x9b3\x05\x8c\xd6zd\x02\xe4\x1b\x1c\x82\'\x11\x89\xde#\xce\x12{!\x08&gt;G\xb1\xe4=\x91\x98\x93\x7f2\x88H\xa3\xd6\xf0\xacU#\x04R\x0bR\x14\xa4\x18@\x92\x99\xa1\xe3a!\xc6\x88w\x0eD|\xa2\xb4\x0ecyA\xaa\\c\x13\x8c\x1e\x0fRb\x8cA \x08\xc1\xe1C\x00!AID\xcc&gt;\x11JkTH\xe0=J&amp;Jk(\xb5\xc6\xea@\x1f\x021\xe5z\x96\x10\nDz"\xc08\xd37^\xc4ua\x80\xb5\xd9l\xd8\xb4= (\xb4aV\x95\x94*\'\xb6Y/\x98\xb7\x1e%U\xee\x01\x8e\x12))\xf3\xd7\xe3\xa8b\xceJ\xd1\x94+\xe22\x8bU\xdd\xe0\xf2\xe9.e\x16\xa8\x8f\x0ee\xf3iS\x90\xa3[$B\x0c %R\xe5F\xb6\x90\x12\x91\xc4\x18\xf5\x04R\x8d\xe2\r\xd2\xf8\x9c\x10C \x04O\x8c\x01!\x12\xc1C\x1c\x86\xdc\xa8N\xe0b"\x183\xe6\x81\x1a\xa5\r)\x001\x10`&lt;\x88H\xb4V\xe8\x18\x91c\x02_j\x85$\x7f\xc8\xc4xFTH\xa2\xc89\xdd\xbd{\xf7\xe8\xfb\xfe\xdc\xee\xd7_\xb5.\x0c\xb0\xba.\xcb\xd7A0\xabKfUI\xa1$\x85\x92y+"\xe1}@\x1a\x95\x13ym\x08!K\x9es\x12{\x96\xd6\x83\xf3\x1e\xa35Z\x9b\xac1L\t\xaf\x1c"\x85\xb1\xc6\x95\xa3\x86\x14\x02\x11\x13!\x841\n\xe6H\x17\xa3\x1ckd9\x8f\x13O\x1cD2i0\xd3t2\xa7\xc59G\x8c\x11c$Bd379\x9e\xf4\x12\xdf\x16\\ r\xe5_*\r\xd1\xe7mw|\x08!PR\xa1D@!(\x8d\xa6.\x14:y\\\xcc\xbf\x17d@\xfaD\x14\x10c\xe0\xde\x9b\xf7\x19\xc6&lt;\xf0"\xae\x0b\x03\xac3g=\x91`\xab)\xd8\x99\xd5T\x85\xc5hM\x8a\xe4$\x96L;\xf6\xd1#B\x8e\x1egGz\x10\xf4! \x85\xc4\xc5\x84Q\x9a($Q\xe6\xb6\x8f\x1e),\xe6\xdb\x95\x88|\x94\x1f\x05\x12\xa4D\x88\x01\xef\xf3\xf6\xa2T.\xb6\xc6\xf19\xce\x84\xa71F\\\x0cH\xa9\xd0\xca`\x84\xca[[\x8ay\xcb\x12\x01\xad\xf5\x93\x93\xac\x94\nm\xb2"\xc7\xfb\xec\x1a\xe8\xcf\xf4\xf6B"\xe4\xb8\xfd\x86\x88\x00\xb4\x10\xcc\xab\x82\xcb\xb3\x86\xfd\x93\x15n5\xe0\xc7\xe7\x16"\x8dl\r8z|\xf4\xdd\xad\xf0;Y}\xdf3\xf4\x1d\x85\x82KM\xc9\xc4j\x8c\x92\xe8\xb1\'\x88\xd4 5Id\xb1Ar\x0e%U\xf6L\xf0\x81\x10\x03!\x91\xf3\x19\xa5\x89\xda \x95!j\x8d\x8f\t\xa5%J\x95\x99\r\x11\xc2\x08H\x101!B\x8ex:E\xd4(\xef\x12Rb\xb4\xc9m\xa4$\x08#\x85\x85\x10H&gt;\x83#\x89\x94#\x8d\xb1OZ8\xd2Xb\xf4\xc4\x94\x1dkH\xb9t\x1bB.)@\xb6D\x8a!o\xdfg^\x0fB\xe4|\xd0(Ie\x14\x97\xb7\xa6\xcc\x0f\x8eY\x0e\x81\xa3\x8d\x07\xa9\xb3\x961\x89\\0\xdel\x88!\xfe\x7f_\xd0s^\x17\x06Xm\xdb\xd2\xf7\x1d\x93\xca\xb2;\xab\xa8l\xd6\x05*\xa9\x90\xba\xc8\x80\x1a\x8f\xe7I\x89l\x9cF\xc0\x87\x84\xf3\x91~phk\x19B\xa2i&amp;D)\xe9cD\'\x81\xb1\x16]\x94H\xad\xd0Z\xa3b\xc8}\xbc\xb1\xba\x1e\x9dG\x8d\xee}:F\xa28\xdb\x02\xe5XN\x88\xa4\xc1\x11S\x02)\xb1\xd6&lt;\xa9\x9c\xa7\x18sC\x9c\x84O\x91 \x12!\x92\xbd$b|\x02\x9c\x94\xb2\xa7C\x8eN\x89\x10\xe2XNHD\xc8\x02\x10\xad\xb0ZQ*\xc9\xc4j\xa6UA\xd5zd\x97\x0f\x1cg\x8dl)%\x83s\x84\x10\x9e\x88^/\xda\xba0\xc0\xea\xfb\x8e\xbe\xefi\xaa\x82\xad\xa6\xa2*r\xff\xed\xac\x1a\x90\xc6\x08\x11\x92D\'A?x\x9c\x0bt\xce\xe3#\xf8\x94\xb0(\x92L`#\xabu\xcf\xc9\xf1\x02\xad\r{\xbb{\xec\x96\rC\xef\x18\x96\x1b&amp;\xd3\x86\xbaj(\x8c!y\x87\xeb\xbbL_\x1e\x0f\x02II\xe4\xd8\x83\x8c1"Ht\xeb\r2E\xa2\xcb*h\xad\x14~\xe8\xe9\xda6\x9f\x0c\x95\xc1\xf5\x1d\x9bM\x8b\x12\x82\x18&lt;.xRH\x88\xb2\xcc\xee6!\xf3\xc1\xa2\xcb=\xca4\x9e\x1a\x95\xd6D\x97\xa3\x99Q\x8a\xd2\x1a\xe4\xa6eZ[\x8aeKe4\xcb\xce\x11Ic\xaf$\xe1\x83\x7f\xd2\xc6\xba\x88\xeb\xc2\x00k\x18\x1c\xce\rTF1--\x88\x88K\x1e\xad\xca\x91w\xa5\x9e\xd8;n\x1c\xec\x1f.9Y\xb5\x1coZ6!!\xac\xa5\xef\x07vv\xb6\x88\x0f\x8f\xd8?:E\x0b\xb8\xb2\xbd\xcd\x9b\x87Kv\xf7\x8f\x89)\xb1\\\xad\xb8\xfb\xb6\xbb\\\xb9\xbc\xcb\xde\xa5\x12\xa1 I\x0fJ"\x8d!\xba\x80\x0f\x8e\xca\x14\x08eI\xe4\xedvq\xd2\x81\xf7,\x17\x0b\nk\xa8*\x8b\x0f\x03\xebv\x8dR\x06%\x14\xed\x10Y\xac;\x8c2\x840@\nh$C\x9f0F\xa3\xb5D\x88@\x186\xa4\x91m\x11R\xcc\xe5\x0c-\x10)a\xb4Fv\x03\x85\x91lU\x86+M\xc9z\xe5\xe8\xa4\xa4\x05H\x81\x18\x03!\xb8\xb1\xf4v\xf1\xa2\x15\\ `\x9d]\x1f-\x15\x85\xb1XS`\xf4X\x12H\xd9\x00m\x08\x81u?ptr\xca\xf3\xaf?\xa0\x0f\x82\xa84\x07\x8b%\x8b\xcd\x86M\xdf\xe5O?\x91i]a\xa5$\x10\xd8\x99\xcfYl\x96\xcc\xe63H\xf0\xb5\xe7\xbe\xcez}\x87\xcdz\x97\xa64\xcc\x9a\x8a\x98i\xa8\xb9D\xe1\x12\x83\xf3\x04\x97\xe8\\\xe0\xd1\xfe!\xfb\xfb\xfb\x9c\x1c\x1e"\x89loo\xe1|O?t\x14e\x89w\x91\xae\xed\x08\xc1\x11\x83C\xca\x81\xe0z*#)\x8c\xe5\xf1\xa3\x874u\xc9\x95+\x97\x98\xd6\x05\xba\xa8\x08}G\xf0&gt;\xb7\x94R\xfc\xf6I7\x06\xca\xb2`&amp;\x02[\x9d\xe7`\xe9\x984\x8ee\xc8\x15\xfa\x90\xb2E\x92\x0f\xd9#\xe2\xbb[\xe1_\xb1\x84\xc82tk2\xb7\xdd\x9a\x02%5)$\xd00\x0c\x03\xeb\xce\xf3\xf8t\xc5\xe1\xf1\x82\xaa\x992\xb5%R\x17HY0\x9f\'\x82H\xdc{\xf4\x10\x17\x03\xab\xb6\xe7\xe6\xd5\xab,\xd6-\x85-\xb8\xb45\xa3\xb0\x16!\x04]\xd7r\xff\xc1\x03\xfc\xd0S\x17\x8a\xf7\xbc\xf3)\xb4\xb1\xb9\xb0\x1a=&gt;\x06^\x7f\xf5U\xba\x90\xe8\x86@H\x8a\xc7\x8b\x15_\xf9\xf3\xe7\xf9\xd1\x0f\xfc0\xc1T&lt;\xf7\xcd\x97\xb9\xff\xf0M\xb6v.\xd1v\x03GG\xc7lm\xcd\x99N\x1a\xf0\x81\xed\xad\t\xab\xe0\x89\x8b5\xfb\x0f\xf7)\xb4\xa6\r\x81\xedY\xcdNS\xe1\x10\x84\x91\xcf\x9eb\x1a\xdb5d\xe3\x12\x91\xa8\x8cfZZj+\xa9K\x83^\xb5\x88\x18\x9e8\x05\xe6\xc6\xd3\xc5]\x17\x06X\xc6h\xac6\x0c\xca\x8cr\xad\xdc\\\xb5E\xc1\xe0&lt;\xabM\xc7\xe3\xe5\x86\xa3uG9\xdfaj\rJi6\xab\x8eIe\x88m\xc7\x9b\x07\x07x\xd7\x91\xa4\xa0\xb25a\x88D#8xx\x80_\xb7X2\xcfiR\xd6 \xe0\xf4t\xc1\xfc\xeae\xfa\xb6\xc3(\x89\x08\xb9\xd1-\x84\xe0k_\xfb\x1a\xf5t\x8br\xb2E3\xdbf\xd3\r\xccw\xf7p(\xbe\xf1\xea\xb7x\xe9\xde\x03\x8eOO\xf9\xea\xcb\xdf\xe2t\xb5!!\xb8y\xe3:W\xaf\\\xe6\xf4\xf0\x88;\xb7\xae\xb2=\xa9\xd0H&amp;\xdb{\x84\xbe\xe3\xd1\xe11\x8f\xf6\x1fq\xfb\xdaef\x93\x1a\xab4!\x0c#\x17l\xa4Uk\x81!R\x89\xc4\xb4,\xa8K\x8b\x96m\xa6R\x0bA\x1c\xa9\xd7\xc6\x18\xe4\xc8D\xbd\x88\xeb\xc2\x00\xab\xae\x1b\xea\xa6as&amp;8\x95\xf9b\xbb\x90\xd8\xf4\x8eG\x8f\x8fyx\xb4\xa0\x9c\xed0\xf8\xc8\xc3\xc5!\xd6\x16he8i\xd7,Vk\x86\x14\x10Z\xb1\xd9\xac989\xe0\xc0\x18\xae\xed^bg:\xc5\xa7\xc0b\xb5dk&gt;\xcb^W\xc1!\x83\xa7\xb2\x86\x18&lt;}\xdbRO\xa7\xb9)\xdcu\\\xbbr\x99n\x08\xf4\xed\x1am\x0b\nk\x984\x13\xfe\xe3\x97\xbe\xc4\xc9r\xc9\xbao98&gt;f\xd5\r\x9c\xac[&amp;\x93)G\xa7K\\\x0c\xec6s\x8e\x8e\x164\x85a\xef\xf2.*A\xe8:\x86~\x8dL\x9e\x93\xe5\x06\x90\xec\xcc\x1a\x06\xefI\xc1c\xe4Y\'\x01\xb4\xd1\x84\x18)\x8d\xa5.J\xbc\x7f\x9c\x8b\xb8Rr\xe6\xa6{\xd6\xca\xba\xa8\xeb\xc2\x00kg{\x9b\xd9|\xce\xc3\x18sY!E\xa4R\xb4\x83\xe3p\xb1\xe4\xf5\x07\xfbx\x14\x85\x00\xa5\x04\xd3f\xce\xc1\xc1!{\xbb\x97\xb9~\xe5:;\xdb=I\x08\x1e\xed\x1f\xb2\xda\xacY5\xa7x7`T\xa4\xaa\x14\xf3\xad\x86\xba\xb1\xac6\xa7\xd4\xa5bo{\x86k\x03)\xf4$? \x0b\x8b@\xd0;\x0f1\xb0\xd5\xd4\xdc;\xdd\xc7\x05xp\xba\xa2\xa8\'\xb4\xeb\x15\xeb\xd3S\xd6\xeb\x15X\x85\xd2\x8a\xb2,({G\xdf\xaei\n\x89\x8c\x96~\xb3ako\x8b\xba*Y.O\xa9\xb4a\xb3\\\xb1\xbd5\xe3\xea\x95]\x1e\xbdy\x8f\xd3\xf5\x12\xab$\x85R\x84\xe4\x88\x82\x91fMN\xecCn~\x17EA\xe7&lt;at\xb7I\xc3\x00"e\xcf\xf9\x0b\xbc\x19^\x1c`\xed\xec\xb0\xb5\xb5E\xd7\xf7\xf4\xde\x8d\xcc\x82\xc8\xba\xedy\xf4x\x81G\xb3\xbd\xbb\xcb\xa4\x99"\x05L\xeb\x82\xa9\xd5Tu\xc5l:ek{\x0b%\x14\x8b\xe3\x13\xf6\x0f\xf69|\xbc\x8f\xd6\n\xd7wX\xad\xa8\t\xd8\xd0\xa3\x08\xf8\xf5)\xbe\x92\xecn\xcd)\xb5$y\x8f8\xf3w\x1f\x9b\xd2"\x06d\x0c\xa8\x04[\x93\t\x8b\xd5\x1a\xc2\xc0\xac\xa9\xd0\xa5\xe1xu\xca\xd6\xb4\xa1\x1d&lt;\x95\xb5\x0c\xdd\xc0\xde\xce\x8c\xf9\xa4\xa1*\x1a\xae\\\xb9D\xd3\x94\x84\xa1\xe3\xf8\xf8\x041\xd6\xb9\x1e\xee\x1f\x8c\xc9w\xa4\xed:\x9a\xad)\xc3\xd0\xd1\xf5=E\x91\xf5\x9110\x12\x05U\xae\xcd\xf9DL2\x9b\xc9\xc1_\xe2\xc2_\xd4ua\x80U75\xcd\xa4\xa1\xf7\x8e\xc1y\x84\xd2\xb4]G\xdf\x0f\x14\xd6p\xf7\xe6\r\x8a\xa6\xa1m[\xe6[\xdbL\xa6S\x8a\xba\xa40\x12\xab\x15\x89\xc8\xa4\xae\xb9\xbas\x83\xdb7w9=\xbc\xca\xe1\xd1\x01\xedzE\xb7^\x93\x82\xa3[\xf4\x04\xe7I\x95e\xa1\x12\x16\x8f\xac\x1b\x8c\xcc&lt;*#%)9p\x1dFD&amp;\x95f\xd9\x0e\xb4\xab\x05\x9b\x93\x15&amp;\x0eLL\xa4*\x15SU\xe4\xbe\x9d.\x91\xb6\xa1\xd0\x05;[Sf\xb3\t\xcdt\x07k\x15\xc3j\x81\x17\x82bG\xb1\xee;\x16\xeb5:BS\x16\xd8\xb2a\xdd\xb7T\x9b\x81\xaa\xa8\x18\xfa\x16\xef&lt;F\x9c%\xe5\xb9p\xea\x03\x0c\x1ez\x17\x882\x9b\xf7\xf2\xdd\xe4\xfd;_g\xee\xc4R\x19B\xcc\xccI\x1f\x13VKv\xb7\'\xf4.\x11]\xc7\xa4.\xb9ti\x9b\xc9d\xca\x10\x1dua\xb1:\xf7\xf2\xfa\xb6g9l\xd8\x04\xc7i;p\xbc\\3\xb4k\xda\xf5\x1a\x99\xb2\xe9\xed\xe0\x07\xfc\xc6\xa3\x95\xa4\x12\x9eZFh\x1a\x08\x01\xdf\xb5\xb8a\xc5\xb0:\xc6oNQ\xa9cur\xc8\xb2\x8dlV=&gt;\xf4l\xd5\x86rR\xb3\xd3\xecQ\x16\x05\xa1\xaa)\xe6\x97)m\xc3l\xd2POJ\x8c\xb2l\x86\x8e~\xb5\xc5\xe2\xe1\x01\xab\xcd\x9au\xfbf\xfeP4\x13\\\xcc\xd4\xea\xc1G\xba\xc11\xab\xa7\x0c\xed&amp;[\x18\x89,\xc0\x8d"\xe1R\xe2t\xdd\x11B\x9e\xf1\x13B\xa6\xe5d\xbbq\xf1\xed\x1a\xcd\x05\\\x17\x06X\x00W\xf6.3\x9f\xcfI\xa3a\x19$\xca\xaa\x82\xc1\xd1\xbb\x0eH\xd4u\x95\xcdjmd*\x0b\x16\xab\ro\x9c,\x98M\xe7\xbc\xf8\xea\xeb\xbc\xf1\xe0\x11\xd7\xf7\xaeR\xed\xee\x12\xca-f\x93mLq\xca\xb0Z\xd2\xaf\x17\x982a\n=\x1a\x86\xa4\xdc6J\x89\xe4:\x86M\xc2\xb95a\xe8\xb2&lt;\xde;\x8c\x04+#\x9d\xf4\xcc\xe73\xa6\xf3\x86&gt;@?$V\xebS\x9cm\xd9\x91\x15\xd3\xbd\t\x85Qh\x95\xd0\xac\x98\x8a\x88\x95\t1m\xa8\xaa\x82\xa20\x1c/\x0esk\xca\xc3zy\x82\x0f\x9e~\x18\xe8\xfb\xfeI\xfd\xcd\xa7H\xf0\x9e\xc1\x07\x9c\x8f,N\x17\x99\x12d\rq\x1c\xdb\x92.t\xac\xca\xebB\x01\xeb\xf2\xde\x1e\xd3\xe9\x8c4J\xb125\xc6\x83\x80\xeb7\xae\xa1m\x91\xad\x8a\x04\xac\x17\xa7&lt;^\xac\xb9wt\xca\xcb\xfb\x87&lt;:^\xf2\xca\xc3\x07\xec\x1f\x1fs\xfb\xf2\r\xf6\xae\\!\xa5\xc0\xad\xed\x1d~\xf0\x1d\xef`\xfb\xb6\xe1[\xdfz\x91~\xb5O\xa5\xa00\x06-$2\xa6\xdcT\xee6D\xdf\xe3\\\x87\xf0\x9e8\x0c\xe8\x94\xd8\x9e4\xc48Z\x16\x15\x05\xc7G\xc7\x0cA\xe3;\x87\xd4\x9a\xf2R\xcd\xc1\xc9\x8a\xa3\xa3\x97\xe8\xba\x16Yi\xb4\x81\xdb\xb3m\xf6\x9a\x06[\x97H+)\x8b\x19ZFN\xdb\x966vX\xab)TCt=\xce{\n\xab2w,\x84\xdcT\'G\xecM\xdb"$\x18%\tQ\xe0G\xaa\xd0E\xb7\x8f\xbcP\xc0\x9a\xcd\xa64u\x8d\x18\x99\x991\x04\x9c\xf7\xa8\xc2"\x04\x14\xd6\xa0\x8d\xa5\xebz^x\xf9[|\xe1\xcf\xbe\xc6\xfd\xc5\x8a!j\xb6\xb6vY\x9e\x0e\xccg\xbb&lt;\xff\xad\xd7\xd9\x0c\x1b\x16\x8f\x8f8\xbaz\x15\x04\xech\xc5\xf7\xdc\xd8C7\x86\xae]\x12\x93D!PB\xa2\x11\x88\x14\x89&gt;\x10\xfa\x8e\xbemiW\x1b\x90\x1a\x11\x04\x95\xd6h$Q\x08f\xd3mB9aq\xb2\xe2\xb4\x1b\xf8\xfa\xcb\xf7Xt\x03\xab\xd3%\xc7\xa7\x0b\xa2\x92\xe8\x04Wf3v\xb6\x1a\x9e\xba\xbb\xc7\xf7\xdd\xbd\xcb\xe5rB]\x16t\x04\xa2\x1b\xa0\xc8\xdeZ\xa9\x17\xf4n\xc8m!\xa3q\xc3\x90\xe5kB\x10\t\xa3wC\xe6\xf1g\x17f\x81\x12\xd04\xf5\x85\x06\xd7\x85\x02VS\xd7l\xcd\xa7\x98\xb8"\xc5\\\xb7\x99m\xcd1E\x91u\x7f\xde\xd1\x0f\x03\xdf|\xf1\x9b|\xf9\x857\xf8\xf2\x8b\xaf1\x9bn\xf3_\xff\xfc\xcf\xf3\xae\xf7}/\xbf\xf3\xdb\xbf\xcd\xe3\x83}\x0e\xf7\x13S\x15\xb9\xf1\xb6\x1b|\xff\xfb\x7f\x90\x0f|\xe0\x83\xbc\xf6\xd5\xafq\xef\xd57\xd8)\x12\xdb\xdb\x13\x96\xdd\x06%4\x85.\xb1\xdaRX\x93E\xa9!2\xd8\x01\xad-\x9bn\xc09\x8f\x92\x12\x17\x02[\xdb\x97Yw\x9e\x87\xc7\xa7XU\xa1\x95\xe4\x9d\xef|/\x07\xa7\xa7|\xe5\xcb\x7f\x8a\xb1\rAi\x1e\xdf\xbf\xc7\xbd\x87\x878\x05;\xdf,y\xfe\xce}~\xea\xe9ws\xf7\xd6\x15\xb6\xeb\x82N\xd4\xf4\x83\xa2o7\xa4\xa0\xc0\xc7,m\x93){s\x19\xfdd6\x8f\xd2\xf9\x16\x05?\x9a\x84\xc8,W\x9bom\xa1\xf5\x85\xba}\x7fi]\xa8W6\x9f\xcf\xb8~\xed\n\xd5\xe3\x9e\x18\x03\xda\xe4\xe9\x10U]#\xa5\xa4\xdbt&lt;\xde\x7f\xc4\xc1\xfd\xfb,\x0e\x1e\xf1\xbe\xcbWx\xea\xc6m\xdeVYnn\x95\xfc\xe8\x0f\xbf\x87O\xfc\xfek\xdc\x99T\\.\x0c7\xae_\xe6\xe9\xbb7\xb9,%b\xf7\x12\xcf\xbf\xf9\x1a\x07\x87\xc7X\x1d1uAS\xd5\x14\xb6\x06$&gt;\xa4\xacK\x94y\xcbk\xa6\x13\x96\xebCb\x8cl\xba\rI\x1b\x8e\x8f\x8fX\xac\x1dW\xaf\xdf b\xf8\x9e\xdbw\xb9\xfd\xf4\xf7\xb0\xeaZ6\xc7\x0fy\xe5\xb5{&lt;\xde,\x985\xf0\xae\xcbo\xe3\xa7&gt;\xf23\xfc\x87O}\x8ag\xbe\xfa\r\x0eO\x16\xfc\xc3\xf7\xbd\x93\xf7\xbf\xe3.\xba\xd4D\x91\x10\xc6d\xde\x96\xcdU\xf4\xde\xf7H\x99\xfd\xbc\xfc\x98\xe0\x1bm\xd1\xca\xa0d\x18\xa3\xb8CH\xc1|:\xffn\xc4\xfaN\xd7|&gt;\xe7\xc6\xb5\xab\x0c\xebG\x08\x910\xd6&gt;\xd1\x0b\xe6r`"\xb9\xc0\x95K\xbb\xfc\xc4|\x87\xd2\x96\xa04\xcb\xfdWy\xf4\'kn\x87\xc0\x0f\xde\xb9\x81|\xdbm\x8cQ\xcc\'\r\xdd\x9b\x0f\xf9\xd2\xd7_ 9\xcf\xbc0D3\xa1\x13\x9e\xb9\xac\xa9\xaa\x9a\xaal2\xcb \x9e\x99\xd8\x9a\x91\xbf\xa5I\x12B\xf2\x84\x98\x8d\xd4\x1e\xef\xef\xb3Xy\xb41tm\xe0\xc1\xc3G|\xf5\xeb_\xe1\xca\xe5m\xbe\xef\xd6\x1e\xb34\xf0\xad\xc7\x8f\x11\xa6\xe4{\x9fz\'\xb7\xad\xe4\xdd\xb3\x19\xf7\x8d\xe1\xcf_\xbb\x8f\x89\x89F\x95\\\xbdd(\xaa\x8a\xaaj\xb0MM\x1c\x1c}\xb7\xce\xf2\xb5H\xf6\x8a\xf0.\xfb\xc3K5\x16C\xc9\x8d\xf1\x18Q\x02fu\x85\xba\xa0\x9aB\xb8`\xc0\x8a\xc1\xd3\xd8&lt;@R\x8a3\x17\x16\x8df\x9c\xb6\xe4\x1d\xf3I\xcd\xac\xae\xc0h\xbc\xf3D\x04\xd3\xc9\x0c\x8d\xc0m6\xbc\xeb\xc6\x15\xaa\xa6"J\x01\xfd@j7\xccUDi\xc9|{\xcaz0,\xdb5\xb6(1EA\x94\xb9=B\x8aD\x979\xf7Fid\x94\xe8\xcc]FI\x05C`^\xd7\\\xdb\x9db\x95`Z\x17\xbcyp@\xff8p\xb2^p\xf9\xd2\x0e\xf5\x9d[|\xcfSwr;*DN\xde|\x91\xb7oK\xaa\xf7\xdda\xe3=\xf3IM\n\x1b\xa2oPH\xac2\x14\xc6\xe2\x85\xc0\xfb\x1e\xe9\xbb\x1c\xa9RB \xe8\xfc\x1aAO\xef\x13\x95-\xe9\xba5Q\xe5!\x05\xfb\x8f\x1e&lt;\xd1&gt;^\xc4u!\x80\x15C\xee\xc9\xbd\xf4\xe7\x7f\xca\xe9\xc1\x03&amp;E\x89\xd4\x12)\x12\x04\x8f\xef\xc7\xb2M\xca\t\xbc\x14\x12\xb4D\x94e\xf6c@\x8c*\x99\xc8\xbc.\xb3\x9d\xa3THS\x92\x8a!\x9f\xfc\xa2G\x19E\xef:jSQ\x8e.jC\xc8^\x0b)x\xbcs\x84\xb1\xea\xef\x07?V\xb8%\x93\xc9\x14\xd9ul6\x1dMi\xa9\xaa\x1a\xa9\x0c\x97\xaf^\xa2\xebz\\\xc8L\xd2\xad\xaa\xa0\xaek\xba\xa1\xc7u\x1dbZ\xb0\xd3\xecpe\xbb \x01\xa6,\x91\xe4\x99?\x85=\x93\xd0K\x94\x92\x18\xa3\xf1^\xe3\xfc\x80s.\xb3:b@\xc4\x80\x07\xbc\xeb\x99\x97\x89\x0f\xdc\xbd\xc2\xed\xabW\xd9+;^\xfa\xa3\xff\x83\xe1]O\xd3l\xef1\xbfv\x83b2\xfd\xb6\xe5\xd29\xafs\x05V\xbf8\xe6\xe4\x95\x17h\xf7\xdf\xa4\xdd\xacx\xe3?\xfe_\xc8\x07\xfbLf\x13*\xad1R\x91\xbcgH&gt;\xcb\xbfB&gt;%!\x12\x95\xb6\x19\x10#\xc3SW\x96\xb2\xd8Ej\x9b\x99\x02^\xe0c@\x19\xc9z\xb3D\x1099zLUTT\xb6\xc4*\x8d\xeb\xb3\xa9\xac(\xc8\x8ae\x95\xa7K\xb4\x9b\x96~\x18\xb0\xb6\xc0\xa7\x98)\xcdM\x83\x91\x9an\xb9f\xb6\xb5C3\x99 \x85\xc4(AJ\x91B\x1b\xac\xc9\xc0he$\xd9Lk\x0en\xa0R\x10\x05(\xa9\x88"Q\x94e\x16\\\x8c4\x1d\xe2\xe81!U\x96\x96\x89\xfc\x9c\xa5\xb2\x88\x00\x0e\x0f\x0c\xfc\xe8\xbb\x9e\xe2\x1f\xbd\xff\xed\\\x99\xcf\xd1\xba\xa0\xdc\x7f\x8d!t\xb4B\xf3@X\xe6\xd7os\xe3\x83\x7f\x0f3\x99\x9e{\xcb\xe7\xdc\x80\xe5\xdb\r\x9b\x07o\xb0~\xe3E\x96G\x0f\x18\xfc@\x1a\x16\x081\x10l"\x8aD\x18\x06\xc28\x83&amp;\x8b5\x05\xdaf\xb9\xbdR\x16m4\xc6\xe4S\x941\x16\xef\x13\xc6T\x08iH&gt;\xe6\xc1\x98"R\xd4\x05G\x87\x07Te\x8d83]\x0b\x81\xbe\xeb)L\x891\x16)\xb2L\xde;O\xd7u\xf4]\xcfh\x17Ba2M\xba\xd4\x05\xbd\x1dX-\x17l\xefl\xa3\xa4\xa2.G\x1b\x801\x0f\x8c\xb1\xa0r\x1d1x\xda\xb6#H\xa8\x8a"\x8bXU\xaeC\xa5Q\x14\x1b| z\x9f\xb7a\x1f\xc0\'\xf0\x01\x17\x1cJH\xac\xd4\xcc\xeb\x1aS($\x82\xef\xbf}\x9d\xdbW\x9fb\xd64\xf8\xbe\xc7"\x10\xed\x92n\xb3aq\xbabup\x1f\xb3\xb5\xc5\xb5\xef\xffa\x94\xb5\xe7uk\x81s\x04V\xbb\xff\x90\xd7&gt;\xf7G\x9c|\xebu\x8a\xaa\x80RS)Co\x14DG\xf0\x991\xaa\x94\x1a-\x81$\xdaXlQP\x14\x05B\x15\x98\xd2R\x96\x05Rg\xf7d\\B\x9b\x8a$%H\xd0!\x92\xba\x96\xf6t\x81\n\x91\xaa\xa8\x08)\xe0\x87\x1e| \x101\xb6\xa0\xa8j\xa4\x90\xa4\xe8Av\xb9\x9d\xe4\xb3GVVfK\xb4\x90\xe8\xa2\xa0\xb2%N)\xba\xd5\x86K\x97v)\xab\n\xa53m\xba\xacJB\xf04!o\xa3]\xdf3\x0c\x03\x83\xcfEO\xa4\xc0\x92\xf0a\xc8\xfc\xf7Q\x8c\x91b\x1c\x19\r\x11-\xb2\x8e2\x92\xb7\xc2iU\xa1\x81\xbaP\\\x9f5T\xb3\x86\xa03H\x1f\x1c\x1d\xb3z\xed\x1e\xa7\xcb\r;;W(c\xcf\xfe7^`v\xf3.\xd3+W\xcfu[&lt;\x17`\xa5\xe0Y\x1d&gt;\xe2\xf0\xf5W9x\xb8\xcf\x80`\xef\xd6u\xa22\xa0\xb3?\x81\x12\xa3{\x8c\xb6hk\xb0\xb6\xa4\xack\xb4\xb5\x18c\xb0U\x93\x9d\x8eu.,J\xa9\x91\x16\xac-A\x80K\x9e~y\xca\xe6\xe4\x98v\xb5\xa40\x1a\xe7\x03QHP\x8a\xe0\x06\x94\xd0\x08m\x10\xc6fG\xe6\xe8)C`2\x9b\xd3\x0f\x1d\xd1e\xa5q\xd7u\x14EAUV\x90\x04\x93\xd9,\x83\xc59\xea\x9d\x1d&lt;`\x9b\x86$\x05*%T\x0c(!0M\xcc,\x86\xbe\xa3\xed\xda\xac\xce&amp;\xe2\xfa&lt;\xb7\xda\x0b\x97\xe9\xc9\x02b\xc8\xbd\xbf\x9csi\x94\xb2`\x03[ME)$[e\x99M\xd9\x84\x87\x14X\xae\x97\xec\xef?\xa0\x9cns\xf3]\xef\xe2\xca\xedw`L\x89_.Y=\xb8\xcfd\xef\xf2\xdf=`\x05\xe7\x88\xfd\xc0\xa5\xab\xd7\xd8\xbe~\x83\xc7\xc7Gt}\xcb\xa6[\x83VX]d\xe34)\xd1\xd6R\x96\x15\xb6\xac\xa8\xea\x1am,\xcah\xb4\xca\x16\x1cg\xd6E\xd9S\xc1#F\x9f\x83pzB\xb78\xc1w\x1b\x8aBa\x8d\xe1\xe8dA?8\xa2w\xa4\x98\xa8\xcb\x9a\xaai\xa8\x9a)Jk\xbc\xeb\xd11PO\x1a6\x9b\x9a\xf6\xa4#\xc6\x84\xb1Y\xbd\xd3\x0f=\xf3\xf9\x16F\x0bf\xb39\xed\xe09&gt;&gt;b\xe7\xf2e\xc4h\x9c\xab\x94B0j\x05S\xc2\x08\x85.\nLa\xb3\xf6\xd1\rHr$vJ\xe2\x9d"z\x8fOgVH\x02\xed&lt;\x1b\xd7\xd3\xbb\x8e\x14\x02\x8dL\xecN\xa6\xd9\xffT+\x941x\x96\xdc\xbas\x1bkk\xea\xe9\x9cK\xd3\n\xa9\n6n\x18]\xa5\xcfW\xc1s&gt;\x11\xcb{TJl\xef]EU\x05US\xf1\xf0\xdek\x1c\xf5-\x10QI\x8e\xde\x0b\x1akK\x8c-@\nB\xcc\x96\x8f2BJ}\xce\xb3b\x02\x17\x90R\xa3\x95&amp;\xb9\x81\xf5\xe9\t\xe1x\x89\x0c\x8e\xa6*p^2\xb8\x81\x10=rl\xe2VM\xc3lk\x8b\xa2\xae\xd1E1N\x18\xc8V\x92\xb6(\xa9\xab\x9a\xde\xf5\xa8Ae\xe1B\xf0H%qn\xc0\x96\x1a\x1fzv\xb6\xb7Xm:\x96\x8b\x13&amp;\xd3\x19u\xdd\x10\x05\xb8q\xda\xb9\x18\x07s\x1a-\x10\n\xbc\x1b\x18RD\xda\xec\xe2\x9c\xc7\xcdI\x82\x94O\xb8\xef\xce\xe5mR\x90PV\x02\x03\xcd\x98\xc8\xfb$\xe8:G#\rUY3m\xa6\xf4.;\xda\xf8\x94mvuS!\xb48w\x0e\xe0\xb9\x00K\xc4\x88\x11\t\xafU\xa6\xb2X\x83s=\xa1\x8bhm\xf02 \x90\x18\x91G\x98(\x9d\xad\x1f\xb5\x10\xc8\x18\x90!\xe7[ s%Z%d\n\xc4\xde3t\x1bb\xdb!tv\xe9C\x0b\x04\x89a\xbdA"p1\x0b[\'\xb3m\xcaf\x86\xaaJ\xa85V\xd7HY\xe0}O,\x0b\x8a\xe9\x84"t\xf4\xd1a\xa4d\xe8]\xf6y\xe8[|a\x00\x89\x12\x8a\xa6np&gt;+\xb3\xdb\xd5\x82\xaa\xaa\xb3l^ita\x91\xe3X_\xa5\x122&amp;\xa4\x89x)\x89!"D\x97\xcdEF\x1fy!\xce\xc6\xfeJd\x8a\x88\x00\xba*\xb9~iJp\xed\x93Y\xd5\xab\xd3S6\'\'H\xef\xb2O\xbdi1R"\'\r\xa9[c\xad9o\\\x9d\x9fUd\xf6S\xc8\xdbGpn\x94\x9e\xc8\xecNL\xcc\xf9\xc68\x17\'\xf79\xb2\xfb\x9d\x1e?\xe9\xc2Z\xa4\xb5Hc\x90R\x10\xdd\x80o7\xd0\x0fX@iEUU\xd9\xdde\x94I\xe5\xf1\xba\x8a\xb2*)\xaa\n[\x96cu_#\x95\xc9\xf9\x9b\xb5y\xda\x85\xb6\x14\xb6\xa4\xa9\x1a\xa4\x18M\xdd\x8caH\x89\x942\xbbs\xb5\xde\xa0\xb5\xa6\xae\xab\xbc\xf5\xa4&lt;\x88S\xc9&lt;\x8b\x1a$J\xe5\xc9\x19Y\x05$I\xa3\xf7\x962\x06S\x94hc\xb2\x04\x7fd\x85*\x9d\xdf_\x16\xcb\x82\x96\x9ai]RZ\x8dw\x8eM\xdb\xb1\\\xae1\xc6\xb2\xde\xacp}\x8b\xf0\x8e08\xca\xa2D\xa4\xf8\x84\x17\x7f\x9e\xeb|"\x96\x92(\x9d\x93\xf0TYdJ\x14\xda\xa2\xeb\x92\xe8&lt;FY\x94\xb1\xe8\xa2\xc8.\xc72;\x11+c)m\x99\xa7\x91\x1a5r\x93\x122f\x8ex\x1c&lt;i\xc8,\x00i\xb2\x9c&gt;\x85|sD\x92\xd9\tFk\x8c-\xd1E\x99i82\x1b\xe3\x9e\x89\xd8\xb3y\xad\xcc\xfd\xc2z\x8a\x96\x1a\xd7G|X\xd3\x87D\xddT\x04x2\xb3\'\xc5\x0cb[\x14H!\x081\xa2\x9fX\x1e\xa5&lt;\xeaW\x08\x94)P6d\xcb\xda\xd1\tP%\x81\xb1\x15\xaew\xf4m\x87\xf3\x1eA\xaew\xf1dvY\xa20\x1a%j \xf1\xf2\xab\xafr\xe7\xfaM\x9a\xbaB\xe2\xe9\xd7\x1b\x86\xae\xc5h\x85w\xd9\x7f\xcbJ\xcdy\xef\x85\xe7Sn\xd0\x16Y6y\xe2\x83\xcc\xbc\x90\xaaj\xa8g\x13\xda\xd5:\x1b\xc9J=&amp;\xc4\x92$F\xd3Z\x99\xd5\xca\x12\x8126\xcb\xd8\xdd\x80\x1b\x06\xe2\xe0H\x02\xb45\xf9\x06\x0b9N\xb08s\xd8\x0bHe(\xca2\x0fV*+\x84\xb1\xe3\xc87\x03Z\x93\xa2@\x1a\x83.K\x0c\x89n\xe8\x90\xce0\x9b\xce\t\x016\xfd\x06=\xb5h]\xe4(\xa4M\x1eh\x10\xb3\xf0\xc3\x18\x83\x08Y&gt;\x9f\xdf\x03\xb8a@\xeb,U\xb3e\x</t>
        </is>
      </c>
      <c r="M122" s="3" t="n">
        <v>45492.67825231481</v>
      </c>
    </row>
    <row r="123">
      <c r="A123" t="n">
        <v>333587</v>
      </c>
      <c r="B123" t="n">
        <v>5981</v>
      </c>
      <c r="C123" t="inlineStr">
        <is>
          <t>Giorgian De Arrascaeta</t>
        </is>
      </c>
      <c r="D123" t="inlineStr">
        <is>
          <t>G. De Arrascaeta</t>
        </is>
      </c>
      <c r="E123" t="inlineStr">
        <is>
          <t>MEI</t>
        </is>
      </c>
      <c r="F123" t="inlineStr">
        <is>
          <t>MC</t>
        </is>
      </c>
      <c r="G123" t="inlineStr">
        <is>
          <t>MEI</t>
        </is>
      </c>
      <c r="H123" t="n">
        <v>173</v>
      </c>
      <c r="I123" t="n">
        <v>14</v>
      </c>
      <c r="J123" s="2" t="n">
        <v>34485</v>
      </c>
      <c r="K123" t="inlineStr">
        <is>
          <t>Right</t>
        </is>
      </c>
      <c r="L123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20f011-4195-4878-b6f8-81a54056af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N\xb2^\x00\x00\x03\x00PLTE\xfd\xfd\xfd\x1d\x1b(" /\'#3 \x1e-\x18\x16$#"1\xff\xfe\xfe\xff\xff\xff\x1b\x18&amp;(&amp;6 \x1b+$%4\x1b\x19*\x16\x13!\xc6|]\xb7kO\xbbnQ\xc7\x80b\xcb\x81`\x1f\x18(\xbdrT\x1d\x1c-\xd3\x8dm\xce\x86c\xde\x99w\xd1\x89h\xfc\xfa\xfb\xde\x9d|Y92\xa4YC\x95VD\xafbI\x9cUA\xd7\x92s\xaa_F\xbeuX+*:\xc2xZ\x92{q\x96Q&gt;\xb4fL\xd8\x8cn\xe2\xa0}\xc7\x87o\' 0\x9b\x84z\x1c\x15$\xe1\x9dy\x90P=\xdc\x95t\xbarY\xcc\x86j$\x1c,\xc0y_\x8duj\xf2\xed\xee\xd0\x91z\xabhQc;1\xc6\x8cxH\'"mA5\x13\x10\x1d\xd9\x97z\x9bZJ\x9ebM\xd0\xbf\xc3\xa2pb\x9dgV\xa4kXtL@\x92eY\xbf\x83m\xfa\xf6\xf7\xbf\x87t\xa3eP\xa0\x89\x82\xb4oX@"\x1c\xb0mS\x99\x80r\xd3\xa6\xad|SJ\xf6\xf2\xf3M43\xd8\x99\x82\xa2\x88x\xcb\x8dtN.(\xcd\x95\x8d\x98ka\xb0yh@,0\x8dK9\xb7xb\xb8}i\xca\x99\x9c\x85PC)\x16\x1f\x87F5Z.$\xabn[wE8\x8eTD\xb7\x80p\xdf\x113\xbb\xa7\xa0\xa7\x91\x8c\x7fA0\x95aR\x8bjh\xe4\x07)\xc0~f\xad\x97\x8e\xb1\x9b\x96\xc6\xb2\xb0cC&lt;kHC\xbevg\xadqbQ;&gt;ZCE\xcb\x8d\x801!-\x93]J\x86WJ\xc3~r\xdd\x9f\x81\xd1z]\xc5\x8f\x89\xc0\x88\x80\x9a^O~J&gt;:&amp;)rQJ\xd4\x93\x81\xdf\x96}E3&lt;\xcf{d\xdb\xd2\xd7\xec\xe6\xe8\xa7\x8e\x82\xbe\xaa\xab\x8c\\N\xd4\x9f\x9d\xd5\x81i\xdb\x8dw\xc1\xa6\x90\xa7wi\xb1cZ\xae\x91}\xd4\x9b\x90\xce\x134kON\xa8^S\xb6\x9f\x9b\xc9rZ\xd8\xc9\xcb\xb9\xa1\x8c~\\W\xf1\x07/\xcb\xa0\xa8\x85b]p8*1\x17\x164\x14&amp;\x95\x7fyB\x1a-\xca\xb7\xb9\xadzs8\x1e\x1d\xe2\x9e\x8aa\x1a/\xbb\x0f.\x0e\n\x15\xacVJ\xef\xd3\xd3\xb5\x88\x8a\xec\xc6\xc6\xb5\x98\x82\xdb\xaf\xb8\xd6\xbc\xa5\xb5\x81y\xc8\xaf\x99\xf2\xdd\xderVSnYc|dj\xf7\xe5\xe7\xd2\xb6\x9c\xae\x1e;bJMS\x18,s\x1f5\x88 8\xa8~\x80\xb2t]\xc1\x93\x96\x87_T#\x0f\x11\x9d\x161\xdd\xaa\xa5\xc3\x1f&gt;\xf5\x04&amp;\xbdgU\xa8\x88\x92\xb9ldf1#\x89y\x8320D\xcf\t&amp;n\x10%\xed\x03\x12\x9b)C\xc0\xb5\xc1\xb9`N\xe2\xd8\xdf\xd0\x83s\x8e\x0c$\x82\x19,\xe9\xb6\xba\xe4\xde\xe2\x99\x88\x8e\xb6\x9c\xa9\xb2\x8e\x9a\xc9wj\xdd\x03\n\xcf\xc6\xd4HBT\x9erm\xbd\x02\x08\xe6\xa6\x95\xc4l_L\x13\x14\x98qt\xab\x0c&amp;?\x15\x15\xd0%C\xdf\x83\x97\xe9\x94\xa8\xa6\x97\xa3\x80\x0e\x0f\x92:+\xdbu\x8c\xd8Nj\xd36U\x9bD4\xd9e~\xdb"A\xabE5\x9bIY\xbd@[\x8f\x8a\x9a\xc3r\x86\xc0Wo\xfc\x98\x87K\x00\x00 \x00IDATx\xda\xec\x98\xcdOZ_\x1a\xc7\xd9]v\xa2\r\xf9M~\x04\xb5\xa9\x91\x9a\x18\x12\x83\x81;\xbe\x90 \nJEAh\xa8\xa3\xb1\xadi\xd1\xe6R\x89\x174\xd4\x06\x16\xad\x86Y\xf0\xe2\xc2\xc6\xc4\x10 \xbe\x84`W\xd3\xd8j\x94\x18\x17\xb5v3M]u\x9c\x85/\x9bnf\xd5\xff`\x9e\xe7\x9c{y\xd3\xb6v\xa6N\x7f\x8by\x1a\xe9\xbd\xe7\\\xce\xf9\xf0&lt;\xcfy\xce\xf7\x1e\t\xf3\x874\xc9\xff\xed\x7fm\x16\x8b\xc5\xe9d\xa3Q\xd6iQ\xfcA\x90\x14\x16g\xf48\x12I&amp;\xb3\xf1x\xd6\x18\x014\xd6\xf9\xcb\xe9\x14\x96h\xc4\xe8\x8fs\xa7\t\x9f\x8f\xf7\xf0&gt;\x1f\xa0e\x8d\xc9#\xf6W\x82),l\xc4\x8f@\x80\xe4\xf1X=h\xbc/\xc1\xf9\xfd\xc6\x08k\xf9EL\ng4\xe9\xf7yb\xb1\x98\xc7z\x02\xff\xacV\xb5\xda\nl\xc0\x15\xf7g\x8dG\xce\x9f1\x0b\xf3\x9d\xe6\xb2~\x05{\x0c\xd9\x94\xb0\xaa\xd4.\xab:\xa3F\xcb\xa82jd\xb3z|\x1c\x82EX\xc5\xd7\xbf_\xde|A7V/F\x8a\xff3\xc2\x03\x8c\xa4\xf8\xa3\xd0/\xb6(\x9c\xc7\xc6\xb8\xcf\xe3Q\xebt\xea\x18\x10\xd93\x00\xa5Re\x90\x0c\xb1\x12\t\x00\x03.\xf24\x93\x1f\xa30&lt;S4\x1a\xed*\xee\xa7&amp;\x15n\x19\xe99,BC\x9a\xa5\xf4\x06\x0cW\x1eB\x81_\xd4:\x158\xcb\x0e\x9e\x02*\x1d\x18\x90!\x18\xc4\x92O\xc4\xa9\xbf\xe8\xd7pJ\xa94?5S\xd6L/\x98"\xfc\xa2\xdbo`\xc1\x05C\x06\x82\xb5g\x84\x8c\xa2\x99d\xd7\xa9\xd4v\xbb\x1d\x90\x90J\x85\xbeR\x91+u\x8c\x07\x8f\xf9\x93QKa~F*\xfe\xb4&lt;\x16\x19Z\x9a\xef/\x89J\x19\x16\xb9\x93\x88\xbf\xab\x14\x8b\x91X\xd8\xa3$\x17S\xa9H\xd0\x08\x8a\xf8\xa7\xcaXc1\x97\x9dz\xcd\xae\x8eA$\x13\xf1\xe4\xb1S!\xe6\xc7\xb7\xb0\x98r,\xea&lt;i\xbe\x1d\x9f\xa2OS,\xd2\xcc0\xc2 \n6\x19\xf7\xc5\\\xe0#o\x0eP\xecj;a\x80\xec\xb2\xbb`I\xaa\x81\xca.\xf8\x0b\xab\x86\x0f*\x05q\x18\x93\x0f"\x0e\xc8\x88)#b\t\xfdL\xbe\x1f\x81\xa4\xc4\xe8\xfc\xe4\n\xff\x84ViI\xbf\x02\xea\x14\xafV\xbb\\.\x95\x17\x92\x9d\xe7cp\xe9B/\x91F\x88) \xdaU$\xc9p9\xf0\x9c\x9fd\x18\x83\xc3\xd0\x1fL\x87\xca_\xd2\xd9\xc84\x0ci\xa7\xfd\x12qv\xf2\x1cm\xcf\x7fC\xa4\x11\xfa\x19E4\x92\xe5\xac\x90\xe6\x08`\xf5q[\\*\x95XH\xa5\xf8E\x17F\x0f&lt;e\'p^\x1d\xdc\xe5\xb6wtV_\xdc\x9fH\x18\xa3\x8a\xc2\x94"V\xf95\xc3\x14\xb7\x15=p\xb1\x15\x18\x81\n\x16\xa0U\xa5\xcb@\xc8\xd4\x9e\xd4\xc2\xc2\x16X*\xb5\xb0\x05d\xa9\r\x97\x9d,E\x00S\xbb0\x9aP32j\xc4\xe2\xb9$\xab(\x19\xb3\x08\x8b\xb9\x08\xe0\x12X\xd2"\xaa\xa4?\xe1\xc9\x80\x9f\\\xae\x18@-l\xbd\xd9\xdd\xddZ\xd8@Km\xc1\x05\xfa\x0c2\x8d\xacL\x12bH\xae8\x07\x9bR\x16*\xfeW\xb0.\x9e\xea\x07\xb0$\xce\x88\x91\xe3\xad\x99L\xcc\x13\xe3S\xa9\xc5\xc5\x8d\xd4\x02xjw\x8b:\x0b\xff66\x16\x89\xb9\x00\xcdn\x8dAa\xe39\x9f5\xa3\x820Z\x98\xab\xc1"\xce\xe2\xadP\x1a\xf8\xc5\x8d\x05\xd1R\xe4#E\x98\x08\x11\xf1\xdd\xe2"]\x981\x17\x8f\xee\xe21\x8cL\xc9`\xdf\x99\x8b\xf9\x11,\xa3\x0fK\xa8\'\x05\x11\xdb\xda\xdd\xdd\x85\x10\x82\xabv\xb7R\x8b.,X:]\xb7n\x08p\x08\xdc".M\xe0\xe2y\xd8\x1f9\x8f/{la~\xc0[\x97\xc7\x92(\xa2\xe0,\xdc\x86\xb7v\xdf \x11|`\xfc\x80\x00\x97\x9e7\x1d\x9eR*\xa7\x97\xc2iX\x86.\x17\x8d\xa4+\x96\xe0|PVA\x86\x19\x8b\xb9\x98\xef{\xeb\xf2B&amp;\xc2\xf11(Do\xd0\xa8\xb3H\x9a\x7f^Io\x87\xc3\x00u\xfb\xf6\xe0m\xa5\xf2\xc9\xd4\xd2\xf6\x8aWp\x1a\x8a/\xce\xc7\xc5\x13\x1e.\x19\xbd\x1aa\xe8\x84\x84\x17\xa9\x10\x0b\xa1\\\x9f\xbb\xbb\x0f\x1cf\x87\xc3l\x9eR\xb6*\x95\x83\x83J\xb4\'S\xdb+P)\x16\xf9\r\xd8\xb1\x13|\xc2\xcf%\xb8\xec\xdf\x9cW\xa2\xfa\xa2\xd9\x84/\xef+p\xd3\xfa\x8b\xce\xa1\xee\xd0\xe8x0\xd8\xd1\xd1\x11\x0c\x86F\xe7\xcccz\xbd~L\xdf\n|\xca\xa9\xe9\xed4\xecJV\xdc\x82P\xe9\xc4\xfdI\xf6\xbf\x96\x81\x17\xc4\xd6\x19\xf1s\x94\n\x98\xd6;;\xbb\x82\xe3\xe3\xc1\x8e^[\x1f\x98\xa6\xaf\xcf\xd6\xd2k\x80\x96\xf1\x9a\x9a\xf1\x91\x07c\xab\x1f\x1f&gt;l\x9d\x0e;Vt\xb0D&lt;\xd6\xc3\x8c\x87\xf3g\x8f\x15?\xa8B\x19Q\xca0\x17\xeaQ\xd2\xcc\x1a\xfd~\xff\x1bX\x83\x0b\x9b\x9d\xe0 \xdb~\x9f\xcd\xd6\xa7\xd1\xd4\xd5\xc95ry\xa5Lfk\xa8\xbdQm\xa8\xae\xae\xbe~\xb3i\xe4\xc1\xe3\xc7\xabc\xfa\xd5U\xfd\x98\xf9\xe0_jk\x067\xa1\xec\x91\x85)\xd1[L\xf9\xf4\x92\xf3\xc2\xa6H\xcb\x9c\x13\xa6\xf8\x01\xe5!\x9b\xf5o-,l\xbchi\xb1\xd9\xe4\xf5\x15\x15\xf5u`\x80$\xd7T\x82\xc9\x00\x0b\x0c\xb0\xae\xdf\xbc92\xf2\xe0\x01\xa0=\x9e\x1b\x1d\x1d\x9f\x0f\xa5u\xd6\x13OB\x88b\x01KR\xa4\xfe\x8af\xccc\x95@\x94\x89f\xb1\x15\xb0\x8cY.\xc5\xbb:m\xe8\x9c:\xc0\xaa\xa8\x070y\x9d\xbc\xb2\x92b5\xd4\xd6\xd6\x8a\\\x08622\xd2\xd4\xd4\x04\x81\x9dO{3\x9e\xd3,]\x8b\xa5\xeaTBuo\xe9\xd4e\xde*\x91\x81R\xa6 \xf3\xd1[l\xd2\xe8\x07\xfd7\xe4\xd6\x00\x88\x9c`\x01W=\xb8\x0bCx\x9e\xab\x89\x18\xe4Z\x8d!8\x1a\xcee&gt;\x9c\x92\xe4*\x95\x81\x92\x82\xb0\xcb\xeb\xadRu*-\x96\x87T\xaf\t\xa2\x94\xecQ\x12\x82\xa5:\xe8\xb2i\xe42\x19bU\x81U\xd4#\x15\x98\xbc\x94\x8b\x92\x01R\x13P\x19:\xc6\xcdK\xb9\x93\xc3\xd3\x88E\x18\xb6D\x9d\n\xa2UZ*\x03I\xa1\xc7\xb2KE1#\xeaAQ\x0b\xd2&amp;F\xe2L\xfa\xe3\'\xe9P/\xe6\xb9\\C\xb10\xbf\x08P\xa5\\\xe0j\xa0\\\xe81 \xabA2CGop,\xec=&lt;\xfcbd%tT\x02F\x95\x9fT\x9c^h\x11\xfa%L^}\x8a\xcdy\x89Ew&amp;A\xb1:?\x1d\xe6v\xc2\x80\x85Trp\x97\xb6\x02\xb1\xea1\x842\x92]\x7f\xaf\xfcGC-rU\x13\x7f\x19\xae\xd7\x10\x87\x19zM\xb3\xa3\x8e\\.w\xf2)\x9aW\x9fE\x9b5s\xb1\x0c&lt;\xbfA1\xcc\x05\x1b=\xfbe\xef\xc9\x94y\xde\xd4\xa7\xa9C.\\\x85u\x98Z\xc4G\r\x94L&amp;F\x11\x9d\x05P\x90a\x04\xabw&gt;\x9d\xde\xd9\xc9\x9d\x1e)\xbe\xaeHK\xf5\xb9\xe4\xbb\xfb\xa6\x88u\xf2\xe4\xf6\x94#h\xea\xc3\xa2@\xac\xb2R\x83\xaej\xc0\xcaP\x8b`2Z$h\xed\x12\r\xb0\xdc\xee\x89\x83\xf4\xf6\xd2\xceI\xc4ry\xacK\x1a`)\xa7\x1d\x13n\xac\xa0H\xa6\xc1\xe0\xc9h:Q.\x01\x8bPA\x81 \xe5\x01\xb0:z\x03\x81\xae\xee\xf4\xd2\xcc\xde\xa1\xd1ri\x05qy\xac\x99\xa9\xe9P\x17ba\xbd\xc2\xe8\xd9\x80\xa3\xa5\xa1\xb6\x85\xd4\xd1\x1b\r\xc4qb\x85h\x12\xa8\x00\xcb\x14\x08\xb8\xbb\x1d\xd333;q\xe7\xa5e\xd4\xe5\xb1\xf6\xa6\xc3\x07]\xfbZ\xad\x96\xd6Q\r\t :\x8c\xb0\xa0\xbf\xc4\x95\x88\xe5\x01\x8bV\xd3\x08\xc60\x8f\xb5t\xc2^\x05\xd6R\xba\xbb\xf3\xde$\x14\x06-d=V\x06RWI~\xdd\xa0\xe9%\xab\xad\x15\xb8\x10l\x1c\xb7n\x83\xc9\x1d\x08\x04\x86\xba\xd3\xdb{3\x87Q\xe6\xb2X\x97=\x91f\x0f\xf7\x96V\x86\x1e\xddjl\xa6TP\xe1\xa1\xceW]\xbb\x06\xb5\x8b.\xc1\x06\x9aj\x85@by\x00\xac\xc0\xf0\xf0\xf0\xfa\xdb\xb7\x99\xf4L\xeeX\xf2\xb3\x0f\xc0\xd9\xc3\xa5\xb4\xf7\xc5\xa3\xb6;\x80\xa5\xad\xc3r\xdaL\xedOX\xebe\xb4H\x90"&amp;\x13\xc1\x90\xcb0\xdb\x15\x18^_\xdf|\xf5\xea,\xb3\xb7s\xfc\xd3e `\xad|^\x7f\xd4x\xa7qR\x0b\xb9\xa5\xad\x82\xab\xc6\xb6\xc6\xc6F C0\x08i\x9d\x9cJ\nYKKKoG\x87\xa1&amp;\x8f\xb5\xf9\xee\xdd\xd9\xd9\x87\x9d\x9d\xa3+\xc0\xda\xf1~\xde\xbc\xd5F\xb0 \xef\'\xef\xdd\x85\xe0\xdc{\xd4\xd3\x83d\x00&amp;l\xdeu\x9a&gt;\x9b\xa9\x17\xe4*\x04\x90`\xf5\x066\x9f\xdd_^~wzv\x98\xbb\no\xe5\xbco\x9f?\xfd3b\x01\xd4\xbe\xa9\xab\x1b\xec\xa0\xbb\xbbs\xb8\xa7\xf1\x0e\x82U\xe1\x87V\xb3\xef\xee\n\xce\x87Bsss\xa3\xe3\x14\xeb\xf9\xfd\x81\x81\xe5\xe5\xd3\xb3\x93\x93\xe8\x7f\xae\x99/N7\x86=\x01\xacg\x7f\x01,\x80\x9a\x0cL\x84\xccS\xf0\x06v[\xd9j\x0eu\x05&amp;\xef\xfc\xd6\\\xd5\xfc\xfb\xefUZM\xcb\xec\xe8X+\x91\xf3\xad\xfa\xb9\xd1\xe0lG\xaf\xfb\xd9\xb2\x80\xf5\x85\xfdA\xcd\\.JK\x84!\xf5\x16\xc1\xfa\xeb\xd3\xc6\x1e\xed\xdd\xbb\xa6\x90\xb9u\xb0\xff\xe5\xcb\xb5\xb5\x97/\xdb\x95\xe6\x90i\xf2\x9f\xcd\xb8\x04\x80*Hz\xfa\xa1\xb3\x7fP\xa9\x0fM\xccv\xb8\x9f\r\xbc~\xfdz\xe0\xf4\xecC\x9c-\x9bP&lt;a+S\xa1\x85\xa7\xbeuHI\xeeX\x8f\xd7\xbb\xf9\xeci\xdb\xad\x9e\xbb\xee \xbc~)\x07\xdbq\xf6\xfe\xfe\xf6A\xe5X\xb0\xaf\xb9\xb9\xbe\n}U3\xd7\xda\xfer\xed\xfd\xda\xda\xda\xfb\xf7k\xed\xad\x8ePh\xa2\xf3\xd5\xf2\xeb\xd7Y\xf0\xd6\xd9\'g\xd9\x91.s^\x06\x96\x9d\x9d\xe6O\xea\x8a\x0f\x81\x8bN\x12\xd9/\x80\xf5\xb4\xad\xb1\xa7\'\x10\xd2\xc3\xfbV8lF\xd3\xebW!X5\xb6\xaa\xe6z\xad\\\xd6b\x18\xd5?l\x07W\xf5\xb7#0&lt;\xd6\xda\xea\x18zu\x7f\xe0\xf5\xc0\xf2\xe9\x87\x0fF\xa7 5\xcbO\x03\x0b|y\x19X\x8a%\\H\x85\x9aV\xc0r\x9ez\xbd\xeb\xcf\xdbz\xee\rOLO\x99\x0f\x86\x86:;a\xc1\x19@\x80\xe2nl\xabh\xae\xaa\x93\xdd\xa8\xaey\xb0\xfa\xf1\xe3G\xfd\xd8\x98\x19\xdei\xe1\xadV\xd9\xde\xaet\xbc}70@\xb0&gt;9\x99\xef`Q=(\xa8S\xb2aK\x8a\xcfN\xa5\x8c\x10Q\xa1Y*u\xc6\xc1[mmm\xf7L\x8e\xf0\xc1\xd0\x8b\xcdG\xc3\xfb\xa6\xd9q|\xc3i\xaa\xb6i\xea\xaf\xfd\xf6{E\xe5\rC\xcd\xc8\xe3\xc7c\xa3\xb0=\xbb\xf7\xdd&amp;S\xd7\xbc\x19_\xb4\xbd\xaf\xa0@,\x9f!\xd6\xbfi5\xbb\x984\xb34\x8esG\xef\xb4\x1a\xa3K#\x82\x1a\x17\xdf\x90M(\x86\x91\xcf\x88\xa2\x16\xe9\x82\xb1]\x02\xe8\xf05\xf2\x95]l\xc8\xb6}\xe9\x10|\xcb\xd7\x0c\x84\xceV_Rb\x86\xc5L\x1c\xbc\xa85\x19\x904\xc4l\xbcS\xa61A\xdc;j\xa6\xd9\xd5\xec6\xd5\xc6\x9bza\xe2\xc5f\x9f\x03\xb6\xa5\xa3m\xdd\x84=\xd1\x04H\xd4\x9f\xe7y\xdes\xfe\xff\xff9\x1f\xcbN/\xbd\x17\xc6\x94\x0f\xb3\xd3\xcf\x8c\x91\x81/\xa0\x88\x1e\x91q\xf0\x9a\xcc\xa1p\xb8\x07g\xa6\x87%B\x0b\x8c\xd4d\x7fgcK{s]\x93\x80\xce\xe2L:\xd1\xd203\xe5\x85\x87ppH\x06{\xf4\xdd\x1f\xd6\xf3\xa6S\xac\xda\xe6[\xf0_\x8c\xcc\xff\xf6\xc7%\x0f\x1fZ^\xa1\x10\x19\x83\xd37\xee\xfc\xe1\x1b\xe8\xea\'\xaa\x83\x83m\x8e\xb2\xb1\x05\xa3uA\x11Yzp\xd4\xdb\x92\xe1o\xbf\xbd#\x04\xe3o\x9e\x92=Z\x1a\xbf\xf5\xff\xc1\xa2^\xe9\xed\xbdys\xfe\xf5\x0f\x80\xa5\x81:\x8a\x0c\x1c\x9bE\xfb\xe5\xbd\x7f\xff\xf4\xec\xde\xd7\xda\xc3\x03\xcb\xa4\xb5\xa1\x85F61`\x1b4\x0b\xc5b\x8b\xa5\xf5\xeb{_\x01\xb2Vh\xb3\xbb\x03++\xa8\x88\xa6\xaduh\xf9Z\n\x9b\x91\x8c)\x90\x1f\xcb\x8f\xff\x8c\xb04l\x8d\x8b\xe9\xb4X\xee\xb4\xa2\xd9\x12\xdfm=&lt;Hq\x04\r\x8d\xbe\xbaz\xb49;-\x87\x07\xe2;?\xfe\xfdo_\xfd\xf4\xcd\x97OT\x16\x9b}"\xe0\x87\xcdg\xcc\xb4\xfe\xfa\xf7\x037GF(\xd4\x1aaQWg\xf7\x9a\xb8\xb8\xd2\x8a\xb0\x80\xabA\xc9\xe4\xd8\xa7\xa0iZa\r\x80\xde\xdav\xf6s\xeb|\xbed7\x94P\xef\xdc&gt;8\x14\x0b\xef~\x7fo\xf1\xd9\x131\x0c\x8b\xcd;\x91C\x9b"`\xad?\x9e\xbf}\x1b\xd9\x8c\x9a\xa4\x81\xd4\xecN2\x1a\xad\xebr\r:\x80\xaa\xa7\x85\xc7\x1d\xe5\x1a\xe4\x8eG\xe336X\xb5`=\x98\x14tv%}\xc9z\xc0\x9at\xa6,\x07\x16\t\xacgB\xa1d\xf8\xc6\xf4\xcf!\x9b}\xc8\xed\x80]\x11\xb0^\x8f\xbf\x1c\x94\x8d\xadQk\xa3\xe5\xa9\xd9h\x12\xc3\xc8\x1e\x8d\xcc\x81\xa8\x1aA\'\xf0\\l\xb6\xdch\xedo\x03\x8c\x94\xb3m\xb4\xb3\x0bf\xab\xf0\x0e+e\x9e\xf1z\xbdS\x83\x832\xd9\x94Y\x0f\xcbE\x0ea\xad\xaf{\xa5\x89\xa2.s\x91*^`\x17\xbf\x94\xc5\x92X,\x86\xf1\'\x14|MKK#r\xf9l\r\xac\xf7\x06\x81\x9439i\xef\x17\\nJ"\xac4Z\x1eP\xb4\x95\n\xd9a\x8b\xbe&gt;\x04+W\xbf\x97\xc3\x91\x0e9\x00ke=g\x8d\x17\xd3{\xd9Z\xdd\xbd\xc8D|X$\x82\xf1\x8d\n~3`56\xf4h\x10\x95qC\x00\xab\xbcT\xc0\xed\x82\x12\xfa\xa2\x80\xc5d\x95\x93\xad\xed\x94\xcdl\x97J\xfb\xfb\x83\xd2\xb6\xf2.`u\xe8\x00k%` &lt;\'\x85l\x8d\xa8\xa8\xab\xcb&gt;\xec7X\x0f\xdb\x18\x087\xd3Z\x1a[@*\xb0]\xa0\xf6@\x83vt\x08\xb8u\x8d&gt;\x1f\xc2*\xa5\x99\x88\x0b\xe5Z\xceI\x90Zec\xcdA\xbeZ`DXy?\xe1\t\x9f\xecejqV]\x9e-\xc0\xc2|&lt;\xc3D \xdc\xdeL\xa3\xd1\x9a{P\xf6P_v\xd0\x1d\xf5\xbch\xd4\xd7\xe8\x8bV\xb0\x90q\x050\xd8\x91\xdaXL\x16\xbc\x97B1\xaf#\xac\x85\xbc\xc9\xef\xf1\xec\x9c\xecd.|&amp;^\x9d\x12\x9e\xf3\x13Y\xcc\x87]\xa5u)\xdd\x08\x0b\x06\x905&amp;\x9b\xca.\x9fN\xef\xe65\xa0\xb9\xaa`\xd1O\xe7\x0b\xb0PdCg\xd2;@\xd7\x0b\xac\x805f2\x05\x88\xc2^)\xbcZ\x9d\x06\x9e\xfd\xf3\xd43h\x1f\x9b\xc7\xac\xcf\x17\x8b\xd0\xba;\xdc\xfe0\xbf\xb9\x02\xd6X\x97l\xba\\\xc6b4u\xa1\xc9"Qo\xa5\x13\xf4J{M\xeaY@\x84\xc6\xf5\x0e\x81R\xb9\xe1@X:B\xd9\xbd_\x9a[\xbdh\xb1\xce\x1c\xa1W\xf2\xc3\xb7\n\x82\xf2\xc2\xe7\x8b\xc4\xa2\x8c\x0e\x03h\xe6\xf6\xf2\x80\x0eCf\xa7\xc4\xe8`\xd4\xd7\x91\x18\t#\xea\xdb/\x01\x16\xe2\xaa`\x81\xa1\x05c&amp;\x10\x8c*\r\x06\x05\xa8yS\xa0\xa8\xe4v\xee\xcf\xad\xfe:\r\xa4~2\r\xfc\x00\xebR5V\x96\xf4E\xc8d\x89\'\xf7\xeb\xc2}\x00\xc5o\x8fa-\x8d&gt;\x98\xafB}!\tTQ\x98,\xd2\x07UL\xa4\xa5P;(\xa3\x9e\x89\xdc?\x18\xc6Q\xa02\x1a\x03\xa6\xa7OM\xc6\xa3cFao.s\xeeY\xf5\xafe\xe0yXU\x01+\xfa8\xa3&amp;\xb1d\xa9\xd4\xc3\xf6\xeb\xd4\x80\xd5\xdc\xde\x17\x89\xd1\x10W\xb2\xa9P(\x90\xd1\xfd$\x9a.\xc0b$\x12R\x16S\xca\xd1\xa3\x1a2\x90\xc3\xeeV\x8e*7\x8c\x0e\xcf,`\xe1GG\xc7\xe9wX\xd4K\x1f\xc1\xa2T\xc9\xc0\xf7!%\xe5]\x88Z\xf9a\xf8^\xdd$\xa3\xa5t\x89\xc6\x07,\xf5\xd5\xf6\xf6\xc8\xfd\xfb\x91\xab\xed\xb4r\x97\xd3K\xd0\xedd\x0cV[2Y(\xc4\xe3\tx\x16\xa1\xe5Y0Y\xf5\x97/#(\xc0"\xfc\x08\x8b8\xfe\xe5\xe8\x04\xdf\\\xa3Vc\x9d\x9e[WE\xb7UG\xe8\xef\x82Rj\xd5;\xf4U~\xd5\xfb\x82\xdc?9I\xd3\xf8\x01\xff\x9c\x1a\x8a\x18YF\xa3o\'Y\xa2\x1f\x1f\x17\xa2X,\x12Y~\xb5\x1c#\xa38N\x14\xe3t\xd6d\xca\xa9\x87\xc9B9\xaf\x92k0\x18\x1d\n\x1d\x88\xf9|\x80\xfe\xe6\x97c&lt;;B\xa5\x9e\x86\x94\xa7\x01mU&gt;\xfa&gt;;\xbd\x88\xb0\xc9\x92\xc9\x93\xa3\x13\xb2\x82\xd5\x87 `\x84\xf7\n\xf4\xa3\xa3\x8e\xbd\n\xd5\xabW1l\x87@\xa3\x98\xd0oo;\x99\x8c\xfa\xa6N.\x17&lt;\xa5\\\xa4\x10\x95\xb1\x88\xf8\x9b7GD\x86R\xab\xd8\xedJ&amp;\x16-\x9d\x1cG\xd5\x08\xab\x0f\xb0"\xaf^m.\xef\x00\x95\x93\xe9\x8a\xc5H\x1e\x17\xf7\xa0\xd9\xda!\xdc\xc1\xa0\xb5\x18\xe78\xb7S\x9ct7\xb7\x93\xe7"\\\x04\xdb\x1f\x08\x00\xd6\x82\x1fO\xbcys\xac[\xad\x99\x0c\x84\xdd\x87$\x93\x8c\x06u \x10V\xf7\xa9#WQ\xcd\xf8\xfb@\xa5\xc7\xf9\x91X]w"a\xd5\xc4\xa2\xd1\xbd\xa1\x900\xa5\x97&amp;\xda8\xce\x14LW\xa1\x93\xc7f\x13\x84gN\xe7G\xeb\x83\xbf\x08\xbd\x95\xde\xec\xad]H\xb9\xb6\t]\x1d\xa5\xa9s\x15\xac\xf6Xd\x99\xbf\xc7\x80\x16\xb2\xb2\xf9\xb1\x1d\\\x19\x1f\x1a\xb4F\xa1\xe1CB\xa1mR\xdf&amp;E\x06h\x92\xc9\xb8\xccck\x08h\xf7\xd9\n\x16~LO\x17\xb3#\xb5;\x14\x1e\x01\xc5\x15\x8e`}\x8e\\X\x1d\xbe\x1fAK\xc4\x8e\x12:h\xdam\xc0qw\xd0n\xbeqm\xc8J\x97J\xcd7\xc0\xce\x82\xa8I\x04\x83\xe6\x94\x93\xc5P\xe2\x84\x9c\xd0m\xce\xeafaK\xd4\xe1t\x02\'2Wj\x18R\xae\x86Aqa1G\xce\x13V\xab\xdb1\xac\x9d\xcfcY\x0e[\x87\xa7\xbdS3f\x89\xb0U\xdbzw\xdak\x0f\xd9\x84Z\x95\xca"\x0c\x99\xedv\xb3\xcd\x92\xe20\xb8\xf0l\x9a\xc66M\xb3\x0b\xa6\xbc\xce#\xd2\xc5\xf1\x0c\xa5\x86X7_\xf4\x90\x18\x16\x9bX\x12\x01V_;\xd6\xcc\x16\xa4\x0e\x17\xc5\x16\x89D2,Di\x84X\xac\x95 \xab\xaaZ\\\x04}\xdf\n\x8a\x19&gt;\xddf\xd5s7@\x01n\xce\xce\x9a\xf2y\x9dHG\xa4uk\xd4\x1abQ\xd6\x96I\x1f\x89\xe1\x8e\x00\xbf\xbc\xce7\xbbX\xe2E\x95\xd6\x82\xd2"\x84%\x16?y"\x06&amp;\x15`\x01\x17\x1a\x87\xf0b[\xaa\xdcP@\x05gg\xf3\xbby\x1d\xe1!\xf0\xec\xc8\x05\r\xd9\x05\xcf\xcf\xb31\xd2\x875\x80l\xe6\xf3\x9b\x9b{4\x06\'\x9a,\xe4P\xc1f\x08\x85B\x8b\xeaP\xa5EqH%\xc5Q\xa9\x0eQj\xa3\xd5\x8f*\x15:\x13\xc2\x02m\x8a\x13\xf8\xecZ\x8d\xc3\xc0\xb5M\xd8_\xea\xdd\n\r_\xc3\x86\xc1\xdd\x86ZI\xbcCV+\x8a\xb7\'\xdc\th&amp;\x9b-dK\t\xd1\xd0Z\x00\x11\xb8\xc4\x92QC@\x07\x8f"\x12\xf2x"NdG\xfeWaJ\xfd\xb4\x0c\xba\xb2\xf6B\x1d\x15\xad\xe4D\x1a&gt;Pi6\xb6\xb5Z\x8byB\xee\xc2a\x10\xc4\xde~)\x9eH\xa4\xe9Li0\x18\xf4\x02"t\xbfx\x11\xfam\xd4\xe0\x07\xf3j2\xad\xbc\x9c \x8a\xc4f\xefy\xbf\x9f\xfa\x19q\xfc\xe9\x0b\x07\xbd\x99l\xe6\xb6_\x04NL\xae\xd1\x18`Z\xc01\x87\xcc27^t8\x8a\xf1\xf4\xe9H\x80\x88h3\x87l\x120\xfd\xe0\xf5\x95.\xbf\x1f\\u~}&lt;\x81{6WkqC\x83z\xe6\xfe\xeb\x95\x81\x15\x85\\n4\x8a4\xec\xb6\xd00\xf4\x95X\xfc\xbb\xbf.,\xdc\x06\x9d\x1ep\'\x80I\x9a\x90\r\x8e\x8f\xcf\xdc\xd0\x82\xcd\xb7XZ%m&lt;y \x07\xa6:\xbf\xb5e\x9a{z!*\xea9\xd9\xe9\xd9\x0b\x07\xd4\xaa\xbb\x8b\x14\xca\xc0\x8aQ.w\x811SoxC\xb6\x90=\xd5\xfa\x8f\x81\x07\x0f\x9e?\x98\x7f&gt;\xb0\x90\x87\xb6^_\xf9\xf3\x9f\xfe\xb2u\xeb\xfb\xc5g*x\x12$f\xab\xcb\x91\x93=Z\n\xe4w\x07\xbe[\xed\xbd\xf2\xc1\xbdS\xca\x87\'\xfbU\xf7N?.\x03\xcf\xdc\xa4,\xab#\xca\xbfv\x1d.\x17[\xae\xe0\xcf\xc9\x07\xcd!\xf3\x90\xa0m&lt;?66\xf0x\x00\xc8\x06\xe6\xe7\xe7\x1f&gt;|\xfcpw\xeb\xd6]\xb1\xc5f\x86\xf5&gt;h0\xe4\x96\xc6eK\x81\x95\x7f&gt;\xa0\xbc\xd5{\x94\xcf\xa8\xd3w\xb7\x1c\xceW\xa7\xd57)\xdf\xde\xc2|\xfe\xc7\x9c\x11\x9aK\xa1\x10)\xdcS3AW\x0f\x97\x11/\x16\xff\xb3\xb4\x82\xc2\xd1\xc7cc\xbb\xbb\xbb\xeb/\xaf\xd9\xc0\xffK\xed\x12\xdb\xcc\x90\xc1\xbd\xf4H&amp;\xcb\xf9\xb7\x1e~w\x9a3~\x02\xeb\xfdy\xfa\x7fi7\xff\x98\xa6\xb2,\x8e7\x0c\xf8*\xa382\xfe\xc2\xb6k\x86\xc0f\xe36\xd1@%\xb4\x14\xad\xf8^ym\tC,m\x80\xb6\xa1\xa1\x91\xb1\xfc\xd1B\xb2-\xb4T$\x0b\xb4\xb5\x81XBJ\xb0L6u\x1b\x89\x0b\xc2\x06\x8d1\x14\x08\x1d\x90\xed\x08\x1b\x89hp\x17\xc4\xdd5B\xe2`\xfc\x91\xa8\x99\x89\xba\xb3\xe7\xbeBiU\x06\xbb#\x87\x82\xe0#\xed\x87\xef\xbd\xbd\xef{\xcf=\'8N\xe1u\xa5\xc1\xc3\xf4\xe5s\xf6e\xd7\x1a\xca$b-g\xbbE0\xb9\x94.\\\xad$t\xe5\x9c\xfd\xfb\xc1\x92&gt;z\xf4hjj\xaa\x1d\xf8\xda_\x1f}\x8d\xb6&gt;\xe0"\xf2\xca\xb2\x0e;\x85B|\x11w\xb9\x1a\xfev\xf3\x9882\t\x19\xf4\xa1+G\xe8\xa1#~,\xac\xeet\xa5Rr\xb9\xb4 &lt;w\x8a\x85\x1d\xa8\xa3\x9f\xc4\xc7\xaeKD\xca\x1a\x9c$\x94\xb8S\xa7\xde\xbd\xff\xcc\x99\xd9\x07\x0ff\xe1\xf3\xd1\xa3\xf6\x7f\xb4Ct\x82k\xfe*\x0f\xf6\xdbeY\x86:\x9dbq\x11\xef\x0e\x8ea\xe43\xaf\x1e\xe4\x87\x17ubX\x98\x0cQ\x04\xad\xf9\xdb\x06\xd1x9\x11P(\xc9\xdc\xba\xd2\xddmi\xf5\xe0\xeb\xedmm\xb3\xc0\x85t\x03\xc5:\xdb\x0b\xf2y\xbc\x9c\xba,\x83\x94$\xf5\x08\xeb\xf2\xcd\xbb\x99\x18=\xba\x17\xfa@%\xe7Z&amp;\x08~\xa7\xe5\xec5\x89ZM\x06\x14.g\xaeS-H;C\xf9z\xb9\x9d;{\xfaAFFu5,\xaf\xa5\xe9\xf9\xed\xbc\xce\x93\xb9\xac\xac\xdc\x80\xd7\xabX\xec\xee\xbe\xfe\xaf\x87\x8c5\xebN?T\x01\x17\xee\xb7\xd6\xfb{\xa8\xeb\x85\xc7\xaekE\x12\xa5K\x11\xc8=,u\t\xd2\xc0\xa8^\x92sk%j\\\xa7kl\x14\xd6\xc0\x86\xa2:\x03\xb0\x8e~\xc3*\xce\xb2\x01\x15\x0c\xe3\xf5\xa5\xe7\xf7i\x91\xcf\x8f}&lt;\xd6G\x05\xa3\xf9\xe6\xa2\x16 HO\xae-\xa0\x14\xa0\xdd\x05`\x89\xd0\x19PV\x16+\xb7L\'\x04c\x98\xde\x9eW\xc6\xca\x06\x0f\xe6\xd5+\x14\xdd\x8bK\xb7\xeef\xd2\xe9\xff\xef ~\\&amp;\xbc\xe5\xdf^\x97K\xebRxm\xb6\x00.\x9amC\x9b\x9eKlaY\x16r7Y\xdf\xec+\x07\xaa\xfc\x82\xc6\xc3\xc5_\xcbXf\x9f\x97Tt\xeb\xf5\xb7\x9a\x19tzT\xe5\xb0\xd1\xaaEo9\xeb\x83\x97r\x916\xb7/@\x96\xab\x83\\\xf6\xd3\xbc\xa6\x13\xd9\xd9\'\x9a\xf6uNUO\xe5/\x8be6\xfb=\x8a\xc5\xa5\xa1\xa1\x9b\xf7\xb1\xb5\x07l\r\xac(\x9b\xbb2\xff\xe0\xf5\x81^\xa4\x11IA\xe0U\x9c\xd9\xb6K\x97\xda\x1e\xb4\x9f&lt;|\x02\\\xf2\xd1\xf6\xa9\xf4\xf6v\x1e\x88eU\x99\xfc~\xb7wiI?8\xf4m\xcb\x86\xf7\x90\x15^u\xf9&lt;\nP\xcb\xec\xf6\x92$)\xac\xa9\xae\x86ek\xaas_\x13\xdc#\x7f\xf7\x9bN\xb4r5\x96\x19\x8a\xadV\x99\xd9\xed\xd3\xeb\xf5C\x83K\x7fn\xa1mtd\xce\xf3\x15&gt;\xaf\x02ay\xbcd\xc0\to\xc0\xf2|`9\n\xb1\x0f}9y\xf2d\xd3a\x83L%\x03\xb9|^\xa0\xd2_&gt;\xbe\xe1XX\xcb\xbc\\\xe2\xf1x\xbcn\x93\x0c\xe4\n\x90\x81\\)\x90\xe9\x1aO\x11\x84\xb3\xac\xac\xac\xa9\tv\x1dY,\x96L\xe6@X@5t\xb9\xe3\xf8\xf0\xa7sWk\\\x1f\xbe*\xb7\xbb|n\x9b\xdbl\xf2{=RO\x9d\xcdV\xe7\x04\xcd\xeat:\'*=\x85\x1dO1*\xd7uPX@\xb5T\xd2q|\x80\xb1\xee\xf3c\xd1\xd5\x9d\x86\xbe\xa3\xafxzy}-\xe9\xf7\xfb\xcd\x0e\x93\xdb\xe7\xf6\xd9lRi \x00\xbb\xc5:\'p\xa1b]\x84\xe5\xb0Z-\x805\x08\x13\xab\xa1\xa3\xa3\x15\xb00,\xc2&amp;\xbf\x97\xad\r\xbf\x1eVI\x19\xd9~D{\xef\xacz\xe5\x9b\x81\t{}=\xdfc6\x9b\x1c\x0e\xb3\xdb\x0f`\x1e/\xa8V\'\x95\x92\xe0J\x8d\x06\x96L\xa5B#hQ9\xcc\xfe\xc1A}CIII\xeb\x808,\x1b\x19\x81\x15j\x93\xa1\x7f\xd8\x06\xae\xdb~\xb4\xec\x90\x06Z\x93\xcf\xd4\xcb]n\x93\xc9\xa1r\xf8\xcdf\xb3/(Yn\x1d\xa9 \xa5\xb9\xc0\xa5\xb2\xaaT\xe8\xa2\x19\x16\x08\xfd\xb5?\x96\xd4\x96\xb4\xf6\x8bW\xdb\x8f\xe8\xef\x1d\xa1\x87h\xdf\xc9\x9d\xd2\xc2\x91\xdfOR\x86\xaa\x02(\xac\x8edA}=\x17\xb7\x99\x1d\x16\x8b\xc3d2\x01\x98\xdbh3\x1a\xa5\x01\xa9\xd4\x88\xd4\x92\x01\x17H\t\x17\xfc\xden~m-\xbf\xb6\xb5\xbf\x10[&gt;n~\xa7\xeet\xf5/\x8e\x90\x07[\x19\xd7P\x820h\xffBk\x1a\xf6n\xc7R\x7f\x87 \x8dY/\xe7\xe36\x93\xcab\xa5\xb8\xdc~\x83\xc1\x08\\&gt;#\xcb`\x92YA,\x07\xc4\x02\xac\xf1.\xb0\xb1\x00Fa}\xb0Yk\xd5\x81\xbe\xab\x16\x86-\x1f\xa4-\xbbVl%A\xb9\x92\xb1\x0c\xbfNc \xac\xa4\xfaz\xbbD!5\xc3\x04\x929L2\x98g2T\xf2mc\xc9\xd0\xcc\xb2RT\x0e\x87\xdb\xabP\xaa\xd5"6\x0c\xe2\x95\xc2P\x9fO\xb0\x97\x89\xb6\xe2C\x97\x1d\xea\xb2\x01\xc5Vk\nV\xeb\x04\xb1_&gt;\xe8\xa3\xae3\xfa\xe5\x80\x05rq\xb5\n\x8f\tq\xc1\x0c7\xc9\xe0&gt;-c\x05\x070\xa8\x96\xca\xe1V\xe0\xae\x9a\xf1q\xf5i\x84\x95\x19^WJ_\x1e\x8f\xc8W\x0b\xff\x8fH\xac\xf5m ]|\x05a!.\x89\x12\xf7\x18@\x1a\x0b\xdcf\x8a\xad=_gSR\xf5h4\x16\x08\x95\xcc\xe6\xc5\xf1\xf2\xf2\xf2\xfcR\x845\x9f\xb9Z\xde\xba\x82\xf5\x8b~+J\xd3\x0cXv\x84%\x10\xd8\xf9\x12-\x1e0\xca\xac\x1a\x8d\xc6j\xed\xe9\xe9\xb1fg\xc3?\xf0\x93\xe6\x90\xc6j\xb2)H\x82 \x84\x05\x05\x14\xd6\xd5\xbf\xdcm\x8e\xaaE$Z\xacB\xc0JJKJK\xe6\xf2\xf9\xa0\x17)eY)\x14\x14=\x9a\xef\xbfG\x0f\x8b\xca\x18 IB\xd7\x98\x93\x07X\xec\xda\x8e\xd6\xe3\x83\x8e[\xcd\xb4\x8d\xc3\xc2\n\xe7)\xac\xa4\xe4"~\x11_\xab\xc4a\xad2\x14#\x1e*\xfe\nP=\xc5F\x8fB\xa1\x80\x1b\xe5\xd1\x9c&lt;^~\x06`M\\\x1d\xd2|\xf6\xb6\x10\xdb8\x1b\x98\x89\xb0 8l&gt;\x92K\xabT\xd6\xe8\xa4p\xc3A\x89\xad\x0b\x17z\xb2Y\x86\\\'\xa9p\xb9p"\x07a\x15\xe4\xa7$r\x01\xeb\xb2\xe9\xc0\xe0C\x06\xb6Q\xa6\x19\xcb\x9c\x87)\x9f\xc6LJ\xe6\x16\xf1\xb9|\x89D+\xd1*\x85p3\x04\xb7\x85\x8e\xf2\xcb\xca\xeat\x04\x8e\xbb\x945D\xe3\xa9S9\xbc\xfc\xf4\x8c*6`\xb5\xea\xad\xf1\xb7\xeeG\xc1\x15\x15\x16-\xf3O\x13\x08\x0b\xe6|2*\x1fAX\xc0\x05\xfby\xa1\x90\xd0\x9dr\xa2\x0f\xa7\x0eV\x06\x9ch\x84\x99\xc5+\x00\xacRe\xc9\xc4D\xeb5\xe3\xa1\x85\xb7!.l\x9d\xcd_\x94\xe6\xf4\xfe\xf3\xeb%\xd4\x02\x91\xc4L\xe2\x16\xc1\xe4B\xab8\x02\xab\x19/-\x1f\x17\x12\xc4\xa9\x1cx\xff\x11\n\x1c\'\xf2`g\xcd+H\x07\xb5$\x1d\x13\x13\x1d\rR\xcb\xf4\xe0\xdb\xe6B\x06\xe3\xd37!e\xbe\x1dt\xd9\xe5r\xa0J\x83%B\xc0Ez\x89$|\xb6Z\xa9T\x96\x96\x96\x96\x0b\x85yD\x1e\xc8F\xe0B\x02iU\xf0\xc5\xf6\xf4\x0c\xb6\x1dai\x8d\x87\xa6\x17\x16\x86\xde\xde}\xf8\xcf\xccO\x07\xc6(\xec\x9f?\xd6\xfc|\xc1&amp;\xb2\xcb\x99h\xca\x0b\x04L9\xe2\x92h\xb5(U\xa2T+\xc7K\xc7\xc7\x0b\xf2rr\xf2`\xb9\x02*\x84\xf5\xc5\xf6\xed)U\x14V\t\xce\xfa|\x1ab\x01\xac\xce\x7f\x9f]\x19\xfe565\xf4\x8dx\xe0\xea\x7f\x96^\x0f\xdd\x1aL\x95\xb2\xed\xf2z\xe6A\x04\xc6d\n`\x1c\xb9\x125J\x0f\xc2\'\xc85^\xc0\xcb\xc9!r\x84\x04`\xf1(\xaa\x9d\xbfM\x04\xac\xd6\xd6Z\xa75fz:5&gt;55\xbew\xe6\xcd\xcf/\xe6\x07\xc4\xbf\x0e\x0b\x03\xa8\xf9\x17o\xc6\xc0\x12,L[\xea8\\\x84\x05\\i\x14\x16\xb7\x88-\x12\xa1\x07\x9b]\x05X&lt;J\xae\xbc\x1c\xf8@\x1d\x1b;w\xa6d$r\xb8\x1d\xad\x1d\rF\xcdg\xa9\xf1\xb1\xbbbcv\xdc\xe9;79\xf2\xe6\xc5\xb3`K\x19\xf6\x11IJ,2Q\x19\xfc\x85\xe1\xf9\xa7/\x7f\x1a\xe9M\x85!H=$\xe5$\xdb\x99A\xb5\x90\\0\xbf\x8aD"\x84\xc6\xe1TU\x95\xa6\x17\xe4\x83\\\x10h\xb2\xa7P\xc5\xd8\x89\x89l\x84\x85\xcbv\xc4\xc7\xc7n\xdd\xbcu\xeb\x81\xde\x91s\x15\x9333o~\x84\xb1\x0czizx\xa5\'\x16\xd9\x1c\xbf\xea~\xc2\xb1\x18\xc3\xfd\xcf^&gt;\x99\x9c\x19\xed\x9a\xa6\xb0\x8c\x19\xc9\\\x01\xa8\x85\xf4J:\x88\xc0\x92\x8b\xd8E\xbb9{8\x9c\xc4\xaa\x8c\x94\xf4|\x1e\xd2\n\xc6o\xa5@&lt;\x91R\xabDj\x89\x89\x8f\xd9\x1c\x17\x17w\xe0\x88\xe6\xbb\xb1\xc9\x8as7\xc6f&amp;_"\xb0w\x93\x94\xeb\xe5Nam\xa1\xa0^=\x19\x19\xbd\xa8\xd9\x95\n\x11\xbfI&amp;\xdc\x9d\xccd\xfe\x1e\x02\xa8 \x98pwDe\x11\x1cT\x10\xb4\x8d\xaagF\xad\\\xdbS\xb6Q\x81\xaa\x84\xaafK:\xbae;6m\xda\x1a\x97\x90\x10\x97p\xa1\xab\xab\xabw\xa4\xa2\xa2\xef\xde\xd8\x08\x05&amp;\x0eu\xa1G\xda\xc0p\xaf\x1ev\xea\xcf\x10SP?=\x99\x19\xbd3w\xe7\xf3\xf8\xd4\xf8\xf8-[\xacu\x1c\x01\x0c"\xe2:\x08_\xe1Aq\xed\xdd\x8b*\x82\xbe\xdc\xb6-%\xd8^\x93\x022}\x89\x02Xa\x85\xa8\x95Z\xb6\xc6"\xaa\x84#]s\x8f\xe7\xbe\xeb\xba8v\xae\xb2\xe2\xc6(\x80\xbdz1?,\xa6}\xa0\x0e""\xe7D\xf5\x02Q\tS\xf1\xf0\x95\xa7\x00U12:\xfa\xb8\xb2rn\xc7\x16\x14\x9bb\x0c\xa5\x08\xeb \x05\x86\xd0\x0e&amp;\xa5\xed\xa7\xb0\xf6\xee\xa5J6P\xf3\x16\xaa\xa5\x07\xa4=\x88\x93\xaa\xa9R\xca\x0el\xde\x8c\xa8\x12\x12~\xe8\xab\xac\xbc=\xf7CW\xef\xe3\x8a\xcas7\xee\xc1P\xbe\xfaq\x9eRl-\x07\x11vC\x80\xe1\x9b\x7f\xf1\xf3\x9b\xc9\x8a\'3\xbd\xf7n\x9f?\x7f{\xee\x00\x82\x8a\x8d\x8dQ9\x93W\xe4\nr\xc1{2y/*\x07\xa2\xe0P\xab\x01\x9a\xe7\xc0\xb4g\x0f*@C`UFK\\\x10\xea\xc8\x91{}\x95\xe7\xcfW\xf6\xdd\xe9\xbax\xaf\xaf\xa2\xb2\xa2o\x0c$C`\x0c\xdaZ6p\xb5\xdb\x9c&amp;\xbe\xf2\xb4}\x06&amp;\xc0\xc8h\xef\x8d\xdb\x7fG\xcf\x92\xb0\t\xa4\xda\xb5+\xf6\x90\xe1\x7f\x85\x9coh\x1b\xf7\x1d\xc6u\x7f\xc7\xdd\xe9d\xf0\xc4\xb9I\xdc7\x06\xef\x85\x92\xe3B\x89\xcc\x0ca*k\xd7\x95n\xaf\xb6$\x14\xb3\xb0\x81\xa00\xbd\x08\xcah\x06I\xc40\x0c\xb2R\n\xdd\x8b\x05\xaa\xbd(x0\xa1\xbc\x90BW\xfc\xc2l\xc5\x93\xb4\xbd\xd0\xec7\x89\x15\x17c7\x04lc(\x8e\x9b\x14\'\xd8$\xb5\xf7&lt;\xdf\xdf\x9d\xe5,\xed\xfaU\xce\xa73\x12\xf7\xb9\xe7y~\xdf\xdf\xef\x84\x9c\x8b\x12\xf9\xe3\xc3\x89\\\xd0k$7\x84G.\xc7oQ\r\xd2\xbe\x17^H\\\x1d\x1b\xb88v\xe1Z\x04 \x85Ukt\xe6\xca\xbc\xce\xfb5F\xbf\\\xaa\xce\xae\xb4\x17\x9fn\x7f|\xe6\xd8\xb7\xacN\xbf\xf3\xc6G_\xec/6\x17Js\x9dV\xafY\x9e\xafvZ\x95\xa8`\xea\xb6\x1d\xf8\xbey\xfew#h\x10\'\x8f\xf7]\x84^,\xa4\x1f1;\xfa\xdd\x18\xeb(=\xc4`\x1c\x1b{\xedlB\x85]\x94\xaf\xb5V\xaa\x10l\xb3U\xac\xd5\xdb\xb3\xa5r\xb9\xda\xec\xb6\x17\xf7\x1f\xe0\xce\xfb\xff\xad\xb7\x8e\xcd&lt;\xd8y\xbcK\xa8Fcya~\xbe\xd9\xae\x87\xa6S\xf0\x03\xd34\x1d\xcb\xcf_\xfe\x95\x92\xeb\xe4p\xa2\x16\xb1\xd0\xc58*)\x17c%b\xa9\xbf\x14|\xebR\xb1PH\xb02\xd9(\x8aj\x8dny\x1e\x82}^,\xd6\x1b]%\xd9\xe2\x13\x80\xa5\xbeia\x83P=\xd8~\xb4\xbb\xbb;K(HU\xee6*y\xd3s2\x99 \x08t\xdf\xb2\xfc\xca\x1f\xde\x94\xd0\x9fd\xa3P&amp;\xb2(\xda\xc8\x10\xa8\x06(VL5\xf0\xbd\xb1\xb7~\\)\xdc\xbc\x19ce"\x96S\xab\xf3z\xcb\xcd\xe5\x16\xc0Z+\xdd\xeaT\x99`{\xd3\x9f\x1c8\x99z\x16\xea\xb3\xedG[[\xb3\x9dv\xa3\xb7\xbcY\x9e\xbf\xd3\\\x81TH:\xb8|`\x05~\xc6\xd2\xdf}}\xfc\xc80\xd3\x05\xaeD\xac\x11&lt;\x101f~ I\x16\xd2&gt;\x00\xaak\x99\x9b\xc0b\xcb\xcaX`\xcaf\xb9\xd5\x98\x0e\x82\xf5\xee\xc7\x92\x95\x9a\x00\xfb\xd7\xf4\xcc\xb1\xe7\xff\xce\x87=akkn\x96Px\xdb\x9d\x85n\xa3\x96\xf7Lr\xc1?\xc8e\x06\xc03.\xbf:&gt;L&amp;%\x17\xa8r@ar6\xa2\x00\x00\x06\x8eIDATB\x91J\x1cL\xda\xd8`\x9f\n\r&gt;S\xc8\x82\xc9#V\x94-\xb6\xba\x0bS\x00[\xd8\\i\xd5\x00\xd6i\x96\xd0\xfa\x17\x9f\xfc\xed\x95\xef\xa7\x9e\xfd\x90\xf2\xccG\xff\xd9\xd9\x9a\xc3&lt;\xdaY\xde\\\xb8\x03\xa8\xcd^=\x14(`\x81\x0br\x05v`\x81\xeb\xca\xf5\x97\x05KB\x7f$\x97{)\'5$X\x8a\x8a\xdf\xb7\x1c\x1c{M\x1c\x8c\xa92\x19\xcf\xcb:\xc4b\x15k\xbd\xcd\x05(\x06\xb2\xe5^\xab\x86q\x89\xb9\x12\x92\xed\xffe\xe9\x8d\xc3\x0b\xaa\x99\xe9\x9d\xa7s\xd5\xeab\x07-A.\xa3W\xcb\x83\x06#Pg\x19\xbaE\x1b\xc1e\x99\x95\x7f\xfe\xfa\xdc\xe4\xe4\xe4\xb0\xc8\xc5\xfe@&amp;6.\xd0\x80jHq\r\x8e\xfd\xe8R\x9f\nXY`e\xb3\xe0\xcaf\x1d*&amp;`S\xf3bf\xa3\x8eq\xd9mVK\xbbs\xdb\x1f\'\x0bEB\xed\x01jn\xb1\xb3\x82H\x95\x99F\xd8G\xa9&lt;p\x19\x86\xed\x8e\x1a\x19r\x99z`9\xa6\xf1gr\t\x96\xf4\x05\x08uT}\x97\x91T\nk\xf0\x97\x17^,\xf6\xa9,\x1fH\x8e`\xe1\xa7\xe3`\xef\xb1Y4\x85\x0c\r\xa3\xd7\xaa\xd7[\xed\xc5\xb9\xea\xee\xa3\x9f\xcd\x9c\x91\xff\x99f\xe6\xb3\x9d\xc7[\x80j\xa3\tcr\xe86\xea\x95\xbc\x97\xd5&lt;\xa8\x04.X\xa8cJ\xd4\x90z\x82\xa1{\xe9\t\xd7q\x99\x14s9\xf2\x0c\r\x89d9\xe9\xf6\xa0\xfa\xe3\xd9&gt;\x95\xe3;\x9a\x83\xa2\\\xc0\x82l^\x98\x07Y&gt;\x8f\x91\xd8\xac\xa2\xc1NMU\x9b+\x8d\x16\xc8f\xb7\x1e\xefMc\xed\xf9\t\xa1\xc8\xd4\xadr&gt;@\x06\xc30\xd4\xa9\x94\x07\x07\x85\xcav]W\xf7\x80\xe5\xb3\x7f!c\xe1\x95\xeb\xef\x80K\xd4\x1a!\x95\xc2\xca\xe5F\xd0%p4\xf8\xef\x9f\x9f\xcf\x1e\xa6B\xa15\xf8\x9e\t2\xc7\x83\x13\xb8nQ,\xac\x90\xac$dH}\xbbE\xb0\xa7)\xf4\xf4\xc7\xb3\x9dN\x97\x89\xe3\xaf!\x14\xae\x86M\xdd\xa6R\xa6m\xe8&amp;m4\\C\xc32\x0e\xa7\xc0\xb84\x8d\xf0\xca\xab\xe3\x93\x93\xec\x12G\xe8\xe1\xa9S\xa7\x04k\xe4\xc8K\x8c\xd8E\x0cAR\xc5P\xa0\xe2\xde\x89\xb0i(\x81\xf3P\xa1\x9egU\xeah\x92%\x82\xa1\x83u\x1b\x98\xa0R\xd3\xfbH\xf9\\\xcc\xd4\xaaW\xa8\x13\xde\x00Ql\x1blF\x9ab\xe9\x9e\x064\x8fX\x99\x8c\x83\xe4\xa7\xed\xf0\xec\xeb\xe3\xd4kx\x18\x02)\xac\x11N\xe3/\x0f\r\x9d\xba\xf8\xd3\x1f\\\x8b\n\x05\xa1\xc2{|KAE\x91\x95\xc1\x9e\tCQ\xb10\xcc\xe7\xf1\x8f\x92\xd5\x1b+\x8a\x0c`\xedF\xea\xc9\xa2\xe8\x84\xb9\x9cL\xa1A\xdb\xd8\xa8\x18v\xc3u\rSO\x1b\xa6\xcf\x16\xa1\xe9x\xe2[\x85\x82\xe5\x139/\\\x93\\\xa1\x82\xe4\xc4\x897G\xf8\xf1\xe5$\x8e\xc6~x\xa9\x92\xcd\xa8\x19\xc7z\xae\x1c)\xc12\x05\x0bB\x90,\x04Y\x1b\x1d\x9f^\xce\xa6(T_\'\x90\x18\xec\x07L\x14\x03\x05*\xc3\xd0=`\x80\xd5\xc0r\xdcw8\xef\xfaz:\xad\xe7_\xbc&gt;\xf1\xc1\x9f&gt;\x98\x98\x98\xb8z\xfa\xf4\xef\x7fr\xfa\xea\xd5\x89s\xe7\xce\x8d\x9f\xf8\xc5\x85\xdf^\xcbZ\x07X_\xc3&amp;\\\x0c\x96I\x13\xe1\xa4\x0e&gt;\x04\x1a\xa2\x91\xac4UJ\x01\xad\xd3\xa8\x03Y\xe2M\n\xd7\xa0}H\xd3(\x11\r\xe4J\xe7\xc6\xb0i\x1a\x1b=\xbc\t\xd2n\xda\xac\xfc\xfdm~\xcb\xe0\xc3\x0f_9T7\xde\xfe\xcd?\xceg-\xeb\x9b\xd4r\xe2B\xc3\x00\x16u\xd2!\x81A(#4\x0c\x92ufwS\x10\xaa\x82\xa3P\x9a\xa6\xb4OP\x19F\x1aX\x06\xb5ry\x04&lt;\xa0*\xd5\xc0\x95\x81\\\xaek\xeb\xeb_\xad\xbd\x87ZZZ\xba{\xf7.~.\xbd\xb7\xb6\xb6\xf6\xe9W\xeb\x9e\xcc527\x13\xe4Y\x1e)\xe6\x9e%\\\x10\x8bX\x86\x8b\r\xa2\xb8\xe7[\x9dT\x9d\x8cR\x90C\xb0l\xd3\xc6R\x94E\xadp\x84\xcd\xd3E/\xba\x1a\x04\x9cu\x03\xa4\xde\x04\xd7\xa7\xa8\xb5\xa4\xf0\xfc\xde\xc3[\xeb&amp;A\xfeG\xaa\xc3H\t\x16\x87\x96\xe9\x81J\x0fE\xacQ@\xc0!$\xdaM\xe1L\x1c\xfeL7\xce\xec\x05\xbaHCu\xe8(\x9b\x84m\xe3\xddi\xdca\xe0\x81B?\xcd\xc8p\xd4M\xdf[\xbf\xf5\xf0\xde\xfb7n\xc0&lt;0\xbd\x7f\xef\xde\xc3\x84\x8aL\x11:B\xac\xd5\x81uB\xa4\xbaD,\x97\xc4\x18\x97\x1e\x12\xc1\x15,\xc3H\xf1\xc0\xb6\xa53\x91K\xdc\x92Q\xa8k\x1a\x9ej\x1e\xf9l\x02\xe1\x8e,\x9d\xc6,\xa4\xe4b_\xf5\xb4\xfc\xe5\'\xfb;;\xdb\xdb_H\xed\xed\xed\xddZ\xe7\xfd \xba\x81P\x10\xe70\x95\x16+\xa5i}\x17U\xbf&amp;\x02\x99\\Q\x0bX\x92\x1dq\x8c\xa9R\xde\x81*\xad\x93F\xa7\xa92&amp;\x01\xe5\xaa\x1d\xe4\x82\x1a\xe4\n\xb4\xa8\xd8\xdbX\xbd#\xb5\xba\xba\xba\xb0\xb0\xd9\x08}R\xf8\xbe\x16\x93((\xed\xb9\xf2b\xb4d\x89\x82\xb3s\xe4\x0b\xd6\xa8\x9bRgS#\x8dZ\xaa\xe4K\xc2m1\xd2f\xa4P\x88[Znb\xd3H=\xfb\xa2\x1fx\x81\x13\xfd\xf5\xcb\x84\x0b`\x1b\xbd\x8a&amp;T\x9c\xa64\xa7o`_\xa1g\xc9\xbc\x84\xcbT\xaaH\xce\x01\x97\xe2\x89\xdc\xb8\x01\xb03\xc4Lv\xb2\x91\xc6\x1d\x95\xbbD\xf0\x91k\x14]\xd5Q\x93\n\xdaXt?\xe6Z%UM%\x88\x13\xbaR\n\xf8\xda\x81\x83\x1e}\xef+%\xd3\x10K3\xd5\xe5c\\r0B\xb2\xd4\xe8m\x9cGe&gt;\x1d\x9bh\xdb\xe9\xc4M;\xad\x8a\xa9r\xe5\x07/C\x8f\xb9\x08\x16E\x9f\x83k5\xa1RZ\xe14t\xda\xea\x07J\xa0b.O\xe0\x14[\xac\x15\x9e\xb0oj\x9ep\x01\x8b\xa7\x931)V\xda\x04\xe0\xed\xb3\x9d\x00\xc9\xe8#W\x1cyy\x9d~H/\xe1\x02\xd8\x86P9\xb2\x8a5\xf9\x02"\xfa\x1a\xcc\xd4\x94\x80\xa6t\x04\xda\x08,\xe7\xc0PNt\xa6z\x82I\xd7\xd3\xa5w\xa5\x8c\x98INJy\\\x83X\xb1N}\xbaX3\x16-W.\x11K\xb3\x8a\xe4"U$\xa4\x01\xcbwd\x82\xf6\xc5hy]\x80\x1b(\'\x91*N\x9b\xec\xe0a\xc2\x87\x85X^\xe2\x05,\xc9\x0b\xb1\x14\x8c\x9b\xc0@$Z\x9e&amp;\xb0-}\x0b6\x83\x993\x80\xb8\xa4\xb84\x07\\\xcb\x1b\x1b_\xc6T\xaa,\xca\x18\xc7\x1d\xcd\x02\xebQ\x9f\x0b\x11\x11)\x7f\x90{\xc7\xea\x8f\x06YD\x19Y\xca\x05\xb5\x10c~t%\x9f\x13%\x1e&amp;\xce\xe1\xf6\x9ey\x1f\x1d\x8d\x7f\xc3\xc1\x91\x96\x04\x9a"\x88\xc4\x1bvf\x8a\xbd\xcd\xe5\x1az,\xa9`\x04\x1535.dd%\xc3\xfb0\xac\xde\xc3\xdb\xeb\xb7]\x83\xab9\xac|\x11-/\t\x9d\xa8\x16\xaf\xed\x9c\xacI\xb9\xfe\x0b\xfd@=\xca\xbd\x13\x15\xdf\x00\x00\x00\x00IEND\xaeB`\x82'</t>
        </is>
      </c>
      <c r="M123" s="3" t="n">
        <v>45492.67871527778</v>
      </c>
    </row>
    <row r="124">
      <c r="A124" t="n">
        <v>338937</v>
      </c>
      <c r="B124" t="n">
        <v>1981</v>
      </c>
      <c r="C124" t="inlineStr">
        <is>
          <t>Robert Arboleda</t>
        </is>
      </c>
      <c r="D124" t="inlineStr">
        <is>
          <t>R. Arboleda</t>
        </is>
      </c>
      <c r="E124" t="inlineStr">
        <is>
          <t>ZAG</t>
        </is>
      </c>
      <c r="F124" t="inlineStr">
        <is>
          <t>ZAG</t>
        </is>
      </c>
      <c r="G124" t="inlineStr">
        <is>
          <t>ZAG</t>
        </is>
      </c>
      <c r="H124" t="n">
        <v>187</v>
      </c>
      <c r="I124" t="n">
        <v>5</v>
      </c>
      <c r="J124" s="2" t="n">
        <v>33532</v>
      </c>
      <c r="K124" t="inlineStr">
        <is>
          <t>Right</t>
        </is>
      </c>
      <c r="L12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80b60f3-59ce-4153-843c-d9b24d6d4a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0\x8bm\x00\x00\x03\x00PLTE\xff\xff\xff\xec\xee\xf7\xe0\xe2\xee\x1c\x1a!\xfe\xfe\xfe\x18\x17\x1e\xe9\xea\xf3\xe9\xec\xf7\xde\xe1\xed\xdb\xdf\xeb\xe6\xe7\xf1\xe5\xe7\xf4\xea\xeb\xf4\xd6\xd9\xe7\xeb\xee\xf8\xd8\xdc\xe9\xe1\xe4\xf0\xe7\xe9\xf6\xe3\xe5\xf0\x15\x14\x1b\xe3\xe6\xf2\xf4\xf5\xfa\x1f\x1d$d&lt;2%\x1a\x1c\x1e\x18\x1d\xee\xef\xf7*\x1c\x1d\xed\xef\xf9\xf1\xf1\xf8$\x1e"\xd4\xd7\xe4\x86VE\xf7\xf7\xfbiB8G-)j&gt;1A-,#!(\x8d[H* "8" 1""\\4*wL?m:+f8+\x8cWD0\x1d\x1cF\'!`8-S,#,*4\x83R@\xd1\xd4\xe3\\B=oH=Y7/\xce\xd1\xe0?#\x1f\x90`O/%\'\x89R=j6\'\'%-b3(p?/oLCW1(\x81TF0.9\xf2\xf2\xf9\x9ciYI&gt;&lt;|UI\x91]JpC6jI@\x11\x10\x17f3&amp;xPC~K:}RBR2+|YPQKJ\xfa\xfa\xfc\xed\xed\xf4M.\'8&amp;&amp;c@9?)&amp;L2.SA&gt;\x98eT\x83\\Q:**B44\x83XKuPG\xa2m\\vF6^0%|C0\x96bOdJD\x8fng~H4Y-"tG;\x8b]P\xbd\xc1\xd373;\xaf\xb2\xc4\xc5\xc8\xd9\x88ZKM\' \xb9\xb6\xb6\x85K9\x9daK7/3~O&gt;XLJ\x84`W\xa2iT\x87tqjNG\xca\xcd\xdd\x92cTvB2\xa3\xa6\xb8\xb5\xba\xce\xa7n`uVN;;G\xa7uhQ72]&lt;4\xbf\xbb\xbbG31\xc2\xc4\xd3U=8dURdF&gt;\\HD\xa5{ovhfL97LDB\x97\\G\x94gZILZ\xa7\x9d\x9caOKh\\[\x92XA\x99na\xa8u_nlvv^Y\x8caWv=+A:&lt;SFD\xef\xf0\xfa\x88{xoRJ}c]\x86g`\xd6\xd4\xd7\xb4\xb0\xaf0)-\x92\x82\x80\xad~q\xa0rfmWR\x9d\x8f\x8c\x96un\x8ce]\x8c\x90\xa8\xe5\xe3\xe5|po\x9c~x\x9ebU\x81jf\xad|h\xac\x83v\xaa\xa3\xa3[QP\xae\xa9\xaaD@I45B^]i\xa1\x96\x94XV_\x88I0ndc\xf5\xf5\xf6\xa7\xab\xbfACQ\x9c\x9b\xa3\xee\xec\xee\xf86F\x97\x89\x86\xa8\x96\x93\xa9bEdbqvu\x84\xbb\xba\xc7\x85\x84\x8d\x93{w\x8eM;\xf1\xf0\xf2\xd3\xcc\xcc\xeb\xe7\xea\xee)8\xb1\xa1\x9e\xc7\xc2\xc4\xa2\x88\x83\xdc\xdc\xe2\x86\x87\x99\x92\x90\x9a\xb1`]\xe1!-\xcb\xcb\xd6\x99S6\xa1Z&gt;\x9b\x9f\xb3KHN\xd2 -\xaa\x8d\x89\x93\x97\xb0\xb3\x88||y|\xefM[\xb0mR\xb4\x86r\x98PI\xba\xac\xaa\xaaPP\xe5\xdb\xdc\xd7;G\xbe\x83\x80\xd4\xba\xbc\xbavf\xe8\xa8\xb1\xe4}\x86\xeb\xc3\xc9\xc1\x8f\x8f\xe9\x91\x9b\xca\xb3\xb3\xd4\x85\x92\xednx\xd6lx\xab\x1a&amp;\xb0\x1a&amp;\x01V\x07\xc4\x00\x00 \x00IDATx\xda\xcc\x97}OZi\x1a\xc6\'9\xe7|\x02\x92\x03\x84\x84(\x9c\x9e\xf2zx5JP8 \x1a\xc6\x82\x88\x18\x07\xc4\xb7m\x05\xb5BC2\xa0\xd3\xda\x92\x92l\xd5\xd2\xb0]g\xb7#\xb1\xd5\x0e\x9bh+\xbe\x8c\x93\xb4Y\x95\xb1V\xb7F\x8d\x93\x99\xb8\xeb4\xdb\xe96\xd9d\xfb\xc7\x98\xdd\x0f\xb1\xf7s\xb0\x93\xfd\x00G\xbb\x8f\'\x1c\xf4\x1f\x7f\xb9\xae\xeb\xb9\x9e\xfb\xf9\xe4\x13^\x16\x8e\xc3\xf3\xe1\xe3\xffd\xe1\xf8\xf1\xc2\x9b7;c/v^\x9cl\x1ee\x8f\x0f\xda?:\x1a\xde~\xbcpr\x94\xc00Z\x80\x16\x81\xd1\xa49q\xf4\xac\xf2\xe3\x82\xe1of\xcd,\x01&lt;\xcd\x82f\xf4\xc0\x07\x90\xd1\xe6\x97\xa9\xf6\x8f\xe7f\xfb\xdbYN\xa4f\x8e\xa7\xfc*\x93\x11t\xe2\xfd\xc91\xfeQ\x12\xf5\xe6\xa5\x19l\xe3p\xe0M4c\xf4\x070\x82\xa4I\x8c\x9e-\x9d\x7f\xc8\xf0\x83\x7f\x98\t\x80\xc1\xc0?\x82\x80\x0f\x12C\xdf\x7f\x15\x8c\xc40\x82\xdc)\xee\xe2\xe7\x9b\xf4\x85\x17\x18\xa2\x02Y\x08\xc4@\xd0\x9cl ^3\xc6\xbd\xb1E\x9a&amp;\x08\xf3\xd1\xb3s\xcc\x18~0k\x06q0\x82\x00\xb3\x90\x8f\xa0\x17\x86T\xa3i\xd0\x88\xc3\x02b\x12\xb8\xe8\xd9\xca\xf3r\x12o\xdf\x7f\x01\xfa\x08\xd0CB\xbc\x01\x03!"G1\x9a@\x98@)\x80\xbf`4\x86%f\xf7\x0f\xceI\xaa\x1fi\xf4\x7f\x05\x88\n\xdc#i\x16#\xa5b\x91\xa0\x99\x00\x0c\x90\x08h\x04\xe5\x16#\xcd$\xc1&amp;^\x9e\x07\x17\xbe\xb0C\x96\xb3\x8e\xc2\x8e\x81*$)\x96\x8a\xa5\x8b\xac\xb8\xaeN!U\x88\xa5$\'\x19\x90C\xecI\x82`\x1bOv\xdb\xcf\xdc\xc0\xac\x19\xfe#\xc6a\x01\x1d\x86aR\x85J!\x15\x03P]]\xa87\xa4\n\xa9\x14")\xf04\x83\x90bd\xb4\x80n\x9c]8\xdb\xe0\xe3\xbbY\x1a\xc1@\xa0\xc1B\x0c\x13K\x15!e8,Q)\x95\xbd\x9drC \xecr\xa9\x83\x06y8\x04\xf2a\x021`\x91\xa4@@\xd2\x8d\xc5\xca3\xa5:\xa2\xb9\x8eB.J\xa5\n\xbd\xd2j0\x18\x92&amp;\x93)\xe6\x8a:\x1c&gt;\x87\xc3\xc10\x8eh\xd4\xe5\n\xcaCR\xa9TD\x90\x8b\x90|\x96$\x13o\xcfN.\xfcx\x16\xed@\x94t\x88\x93J\x0fTVC2\x99\x8c\xc1\x8a\xfa|v\xbb\x0f-\x07\x00:\xd4.S\x00\x89V\xa7 QU\x90\xec\xce\xeb3\xc3\xaa\xdcgQ{\x02\x96T!\xd1\x9fR\x81R\xb1h\xd4\xc7\x00\xd5)\x97\x0f\xa9\xe6\x00T\x97)\x1cVHi\x1a6+i\xde?\xab\xd8\xe3\xffd1\xd4\x0c\x04&amp;\x95\xfc/\x15\xb2\x0f\x96\x9dA\\\xf00v\x86b\x00\r\x99\xa9\x0e\x84{\x17\x17\xd1Q\xc4\xfet66\xb6\x1f\x8fa\xdc\xc6\x97pP\xa7\x0e"\xad\x1ce\xa9\xecv-\xb7(-E1@\xc6\xa5L\xadv\xc9{A/\x82}y6\x13E\xfb,\xc4\x84 \xc4\x922\x96\x12aA\xd8\xa3\x0ed \xc3Q\x01\x97\x13\x1e\x8f3N\xc1\x1bq\xa9aY\\\xbdu\xa8t\x8f\xce\xc2F\xfc5L\x0c$!\x16\x898(\x84\x05\x9b0\tZ\x9d\xcad/\x14\n\xc0\x94\xd1\xb4\xc4[4\x1a\xcd\x15Jk\x07\'\x8djp\xd2\xd8Y\xc7\x9ai\xf3\xbb3h\t\xfcG\xb4\xa7\x80\n\xb0\x94z\x15hU\xc6\x82\xbc3(YZ\xbb\xb3\x90\xc9\xf4\xfb3\x9eHCSD\x13\x8f\xc7\xb5(g\x8c\x11|\x14\ns\x8b\x8b,\x9d\xf8\xa9\x92\xffr\x18C3\x03\x12K\x82\x1c\xfc\x80\xc5\xa5+\x06ue\xd7:\x9d\x99L\xc4\x7f\xbd\t\xa4j\x89{&lt;\xa0\x16\x83\xb0\xc0FcG\xc7\xfd^\xd6l~\xc7\xfb\xe9\x88\xbfm\xfc\x80u\x1a,\x84\xc5}\x94K\xc2\xc7\xc5^\xebc\x8c\x0c\xe5\xa5d\x1e\x99\x87\x82\xc89\x18\xd8\x91\x0e\xe3\xfd\x0eo\xf5"\xcb&amp;\x9e\xf1\x1e\xf8\x14]\xf6\x10\x89\xc5Y\x08\x8b\xdb\x8e\xa7\x11CX\x100\x8a\x12\x9a@A\x93\xda\xe8\x102\\\x85E]Q\xa1,\xedM\x7f\xc1\xb2c\xafq\xfe\xf7!\x86\xb0\xd0&gt;T"\x1a\xa5\xf2\xb4$\x90X\xb0\x1d\xb5\x85\xfe\xfeB\xc1\xee\x8b\xc6b\xc0\x954\x98\\Q\xee&lt;2\xc6bj\xa1\xd7\x9b\xbe\xf3\xe9\x9f\xccc\x0b\xbcGk\x8aDG3\xc2\xd2KP\xb6\x10\x15p\x19\xac\xaa{\x0em&amp;S(\xf4\x0f\r\rA\xe0Q[\x95\xc9\x92\xa8i\xa3\xa8$\x84\xf5\xe9\xf9\xc77\xfe\xf8E"\xdb\xce{=@\xb4N\xd5\xe2\xc8\xf4z\x89H"R\xa9T\x17.\xc0\xde\xab\xaa\x1a\xb6\xd9t6\x7f$\xe3D5a\xf7\xb9 w\x06k2\x8a$3\n\xbd\xdf&lt;\xbe\xf5\xbb\x1b/\x12\x9b8\xdf\x89gA,\x12\xa2\x05?(`\x12N7\x95*tab\xa2\xa1\xb6\xf6\xf6\xa5Z\xdd%\x9b\xce?&lt;l\xd3UU\xf8\xfd\x05K \x0c;\x02\x8d\x16.5D\xeb\xce\xda\xe1\xf4\xf4t\xe2\x04\xe7\xff&lt;\x84U\x06\xe2\xb6\xa3D\x04\xc9\n\x07\x03\x9d\x13-\xb5\xdd\xeeG\x8f\xdc\xdd\x03\x03\xba\x8b\xbaK\xdd\xdd\xdd\x7f\xbe][\xe1\xbf\x1b\x96\xa3\xee0\x99\\\xea\x0e\x10ki\xfb\xf9\xab\xe9\xf7;|\x9b\x98\x82;\x0e\x86\x0e\x1e\x91H,F%\xa14@t\xb4\x85\xa1\xebU\x97\xbaW\xc6\xc7\'\'\'\xdd\xb7/^\xeb\xf9\n\xbe\x8f\x8f\xbb\xdb*4\xf7z\xe5a\xb4!\x82\x81\x0e\xef\xda\xda\xe1\xe1\x97\xcf\x9f\xbf\xfan\x97\xe7\xcc\xff\x8b%\xb9\xd6\x02*8\x16\xf5\x90\x9a\x98\xdd\xe9\xec\xf7\x0f\xeb\x06\xdc3\xe33\xcb\x1b\xbfl\xac\xacL\xaeL\xc2{rcc\xf9\xdb\xc7\x83\xf1\ty0\x1cV\x86B\xbd\xb9\xf4\xda\xd2\xea\xd2\xdc\xdc\xd2\xc9\x0e\xcfX\xf8\x11\x8cZ\x1c\x16P\x89\xf4\x06S\xd4\xe7\x1c\xf2W\xe9\xc0\xb4\x9b7g\xfa\xfa\xfa\xd6\x97\xc7\xc7\x97\xb9\xf5\x9f\xe5_666&amp;\xdd\x03\x15\x15\xc3\x94:\x18\n]\xc8}s\xebp\xf5p\xee\xf9\xf6\xe1\x0e\xcf5\x8f\xff\xc0\xb2\xbfb\xe9\xad.\x87V\xeb\xf1h\x1aZ[ZZ/W\x0ct\xdf\xec\x9bY\x07\xac\x8du\x80\x9aY_^\x87_\xfa\xdc}\xee\x01\x9d?"\x0c\xc8\xbb\xbe\x9c\xdb\xce\xe7WW\xf3\xdb|\xdf\xcd\xf0)\xb3\x99\xe4\x0ej\xb1Xbp\xb9\x02\x16\x8b%W]\x9d\xfb\xc3D\xee\xae\xec\xfa\xc3\x91\x9bh\xfdv}}f}\x06\xb4\xfb\xea\xda\xb5\x9e\xa6\xb6\xb6\x9e\xb6\xa6z\x99\x8car\xd3s\xab\xdb\xab\xdb\xa5\xcd\xd2,\xcfX\xbb{\x89Fp\x11Q\x89\x95ACX.\xcfYr]\xf7~s\xaf\xb33 \x8c\xd8\x1e&gt;\x18\x19\x19y0\xd273\xf3\xef\x9b#\x0f.\xb6\xd6tTw}z\xa3k~ppP&amp;\xcb4\xbdZZ\x02\xad\x8a\xa9\xcd\xa3c\x9e\xb1\xa6\xb6\x1aYZ\xcc\x89e\r\xcb\x83.\xc6\x13\xa9\xfa\xbc\xb5F&amp;\x13\x1a\x8d\x943\xe2\xb7\xd9\x86\x87k\xdd\xee\x99\x91\x91\x876\xffu\x8fe"W}\x7f\xf4\xeah\xfd}K\x87\xec\xeb\xc3\xa5\xc3\xc3\xedR1\x9bz\xc73\xd6g{c\x8dfZ\nX"IX\xeeR\xc3y3d\xeb~\xb4r\xbb\xd5\x03s\x9eK\xcdh\x9d\x14\xa5\xb9|M\xf77hz\x0f|\x8fT]t\xaf\xac&lt;\xaa\xad\x8a\xc4e\xe9\xa5\xd26\x84k3[\xdc\xe7\x19\xeb`o+\xd1\xc8JQg\xa9\xe40+G\xed\x85!\x9b\xee\xf3\n\xbfS\x160\xb9L\xc9@\x00\n\x1d\x14\x84s\x91\x82I\xde(\xccT\r&lt;\x9a\\q\x0f\xd8\xe0\xa0l\xbbU\x02\xaab*\x9b\xdd\xe7\xb9 ^\x8fm\x8d5\xb2\n(S\x89\x12&amp;,4\xf71T\xfd\xe3y\xcd\xe5\x86\xd1;\x13\x06\x93U\xaf\x8c\xf9\xb40B\xc0$\xe84Z\xd0}\xc8\xd9Zq\xed\x92nxhh\xb8g)\x9f\xdf\xceo\xa6R\xd9M\x9e\xb1\x0e\xc6\xb6\xf6@-8qT\xca0\xb4\x96\xc9`P\x8a\x04@\xdaelz\xfa\xb4Z\xa9\x14Yc\x0eg\xa6\xbf\xc08\x9d^\x19\xe30\xc9\x95\xf2\xdf\xaf]\xa1\x9cC\xfd\x91\xd6\x9e\xbfn\xe7K\xdb\xa5l\x96w\xac\xe3\xbd\xad)\xc0RHT\x80\x15t\x85\xf5"\x81T,&amp;\xcc\xdf\xfd}u0Z\xa3\xd6\x8b\xf4\xc9\xa8]\x8b.\x19\x14\x13\xd7\x08-\xd3\xef\xc5\x82\x1f\x9a%Ac\xcc9\xd4\xd0r\xf5{\xa8\xad|6\xfb\xa6\xc83\xd6g[\x89\xa9F\xb8L\xab`\x04L\x06\xc3*\xb1HiH\x1ar\xb9\xf4|}\xbd7`P\xea\xad\xa6\xf2 \xa8\x15j\x84\xf1\xa6\xaf\x7f~\xa5\xa01bqQbJ:\xaf\x8f&gt;]\xfa9\x9f\x07\x0fS|\xab\xb5\xc0\x9a\xa7\xcc\xa4T\x02\xe3_X\xdei\xb0\x82\x911\x87\xf0\xce\xe3\'O\xda\xae\xd4[\xc2\xe8\xe0\x86\xcbO!cg\x18YOOS\x8dL\x18\xec\xec\x92\x07\xe4zQ\xd0\xe5l\xf8\xf6\xea\xd5\xefK\xa9Tj\xb3\xc4\'\x16^\xb9\x9b"\xe9)\x16a\x85Ba\xb9!\x18\x84q\x05\xae\x125\xa8\xc9\xe7\xab\xc3\xe8\xc6\x01&amp;"\x0f\xed\x94\xb1\xe3j\xcfh[:\xfdd\xad\xcd\x1b\x11R\x94\x87\xa2F\x9f\xb6\xdd\xda,\x16S%&gt;\xb1\xf0\xcd\xc4\xe2\x18I\xee\xd1\xc8DU\x08"\x1f4AQe"\xf1\x1a\xef|\xbaz\x02\xe6Pe\xc8\x1a\xf3\xc1\xdc\xfc\x97\xfe~\x7f\x8d\xfanMM\xbc\xa9m\xf4\xe9\xa8\xc6\xef\xa4\x18\xca#\xf3^\xf1\x8c\xe6\x8b\xc5b\xbe\xc4_o\xe1\x0b\x89\xba:\x92 \xc7\xcaX\xe0\x17\x1c\x88w\xefZ\xaa\xab\x07\xd3\xe9\xea \x1a\xf5\x0c*k\xd2\x07Ph\r\xb7f\xb4\x0e(\x7f\xe1\x7fi5\xfb\x9f\xb4\xd2,\x8eO"\xfe\x05\x93\xcc\xd5\x98\x10\xc3\x8b\xa0\xbcU\x84\x0c\xa4x\xab\xbc\xe5.`V\xd4t\x11\x19py)\x14*1\xb1\xc0\x10\xe9\x04\x92\xeb \x98\xa6a\xbaX70S\x9a\xcdL\xd5\x16\x16\t+m]\xbbq\xc8f\xd7\xa8\xbb3\xb24H\x93&amp;\x92\t\xe9\xc4\xd1\x1a\xeb\x0f\x93\xfe\xb4\xe7\xba\xfb\'\\\x1f\xfd\x9dO\xbe\xe7&lt;\xe7|\xcf\xb9\x8f\x84;\xa2\x12\x07\xf5:&gt;1&amp;\xd2\x14[\x9b\xbe\xcd\xadM\x12{\xe2\xcfO\xd8ljk\x8bz\xe0\x93.v\x0f\xbb\x07Z\x8f\x141\xc2A\xa40\xdc\\{\xe4\x8c\xdc\xea\xee\xee\xbd\xf5\xa8\\&gt;$Ne\xc4S\xae8yB\xa1\xf1\xde\xcd\x9b\xf7\x8c\xc6!hO\xb1\x98\xf1\xbb\xa7\x1b\xf1\xd5%\xdf6i\xdf\x82\xae\xff\x89\xd8\xd4\xb6\x00VW\x17\xbb\x03\xb0FaL\xe6@\xd20tr\xa7?\x19`\t{\xaft\xf7]#\xa0\x1a{\x8d\xc6\xe1\x8c\xc3\x13\xb0\x97X\x1e\x10\x8d\xa3\x14"\xb4{18\xb4\xef\xbe\x85\xe4\xda\xc8?\x9e\xcb\x93\x14\xc7\xe2\xfdqb}\xdc\xaa\x16\rt\xb5u\xb0\xc7\xe9}\xcaAH\x98H\xc4\xe9O\x05p\xdc\xa54\xc0\x84\xf3[\xe7\xe1\xe1\xde\xd1\xd1\xd1\xde^#\xa9\xe3G\\\xe0\xb7\xb4\xa8\xdf)\xe7\xf1\x11\xe4\xee]\x08\xe2\xd8\xce\xe6\xa6oiJS\xd8\xaf\x91"\x17\xa5\xfa)\xbd\xa7\xbd\x9d\xda*\x1a\x10u\xb5\xb5\xb1\xc7\r}B\xde\x85c\xd0\xda\xf1(^\x12\xc2\xf8z{\xd0Yn\xec\xed\x9d\x7f8\x03\xae=\xd4\x19\xd1\x87p&lt;\x1a-%+e\xbf\xc7\xa13\x0eI\x14s;\x90\xf2wdM\x8br\xf1\x94\x0c.\x8a\x8f\xc0jmo\x01,*\x95\xca\x9e0\xf4\xf1\x9c\x9eT*\x85\xe1\x04U\xf0j/\x94w\xa7\xa7\x0cb\x9d\xbd\xbf\xc0j\x00L\x08\'\\a4\x94\xacT*\xfa\xa9{sc\x0f\x9f\xae\xfa\x96\xc2\xcdt\xe5\x9a\x9e\x14\xb9(\x1bw\xe9\xec\x966\x02K\rX\xdd\xdd\x06\xbe\xd3\x8f\x06J\xf8\x8b\xe78^\x12 \xdd@Y\xae\x94\t\xb9\xce\x7f9\x07,\xf8?\xf4\xdbq{)`\x7f\xfe"\x8b\x07R)tX\xb3\xfcl\xc7\x17\xdf\xad\xd7+\x87\x15y\x9a\x94\xe2\xb5t\x7f\x82\xda\xd1\xd1\xde.\x12\x81Z\xec\xee\xab7xzA2d\xcf\xe6rvW\nU^\xe9\xe3y&lt;\x0e\x87\xdc\tr\x9d\x1f\x81E\r\x81^~\x10\x12\x0b\x04\xf0\xec\xdbl\x14\x8c\xa1`fy?\x1f\xf7\xd5j\xf6r9\x101\x93\xb1\xb7\xa1\xac\xde\xef\xe9\xe8\xe9\x80\xb6\xacVwQ{&amp;\xfa\xae]\xa4\xba=\x9b\x88bh\xb9\xcc\xbfr\x9b\x133\\ik\xebE\x1b{G\x01\xe4jo\x1f\x1fM\xa18\xc8\x85%C\xf8\xdbl\xd6\x1e\n\xa4X\xee\xfc\x92/~\xd2D\x9d\x1e\xdc\xc9"c\xb9K9X\xa0\xf6\x8c\x83Zj\xb8\x8a\xd4\x9e^\x0e\xcf\x83\xc2H\x11\xcd&amp;r,\x7f\xb9\xec\x1c\xbc\xaa\xd4E\xf8}W\xda\xaf\xa2)\x81\xce\x11\xec\x14s\x11\x87\x0bf\x8eR)P\xb2g\xb3/\xf0R \x15^\xdb\xad\xf9\xe2\xb5t\xc3\xac\xb3\xfb\xc5\xefI)\x10L\xea\xf8$\xccaj58\x9b\xf1^!\xcfIL\x14\xf6tZ\x06\xb7\x11\xb8&lt;P\x058\xb7\x0c\xddmB\x1dM"\xd6\xc3\xf4\x88&amp;\x93\x81d\t\xc3J\x01,\x91M\x84B\xc9\x94,\xbd\x0b\xe6\xb4\xeeo\x1cu\n"3\x1f\xc8\xc8\xf9\xeb\xbf\xa1N\x8eC\xca\xab\xd5\x7f\x13A\xd5\xe2\xc8=\xfeJ*\xe5Z\xf4\n\x04\xa8\xdf\x13y$\xe7\xf3x`\xfe\x1c\xb4\x98\xad\x00\xde\xdd\x8f\x02-\x80\x95B\x00fODq3$\xbdv\xbdv\x12\xf7\xad\x1d\xee\xfd\x92\x9c\x89\xa8HQ\x8b\xf2\x17\xf6$\x14\xaev\xd1\xf4\xb4\x1a\xaa\x16\xa8\xe5!~zF\xcb"\xa8\xe4\xbc\xc1A\x0e\x7fpP\xae\x0f/\xa6\x13n\xcb\x88#\xa2w\xe8\xc5~m)\x14\xb2\x9b\xb1h\xce\x9cL\xa1\x15W\xbd\xb6\x1a_\xcd5\x1a\xe7\xd1\x8cNU%\xc7@\x0c@\x99oo\x1f\x98V\xab\xfb\'\x0cB\xb9\xd3\t7O\xdf\xa9\xf5\xea\x1dr&gt;B,\xb8\xa1\x1b!\x12K\xa10\xfblyxJ\xc2\xd0\xe9\xf4z\xb1\xc0e\xc60s.J\x84\x1a\r7k\xab\xbe\x13,\xd48\xca\xa6\x91\xce"9\x0eb\xa0\x9f\xda\xd2\xfaq\x97\x1a\xd4\x9a0p\xf8\x0c9C.\xf7tfFt\x0c\xa1T\xaa\x04\x0f\xa1\x04\xfb\xc5g\xd0hF\x85BB\x03*\x18\x1c\x1d\xc1\x19Y\xd8,\xf3\xe6\xcc0d\x04\x0b\xf5\xad\xd5x-\x817\xf6\xf0\x9c1M\xca\x1a\x9c\xb2=\xddE\xa5\xb6|\xfc\t\xe4|\xff\xa4I\t\xf6op\x90\xa7\xf7Z$\x88P\t\x86\x10\xa63\x1e\xcc;\xdcNoz}=\x17f\x89!\xb2r\x9e|\x8a\xdb\xc9\x92Y5*\x0cu\xea\x87\xdd\xeb\xbb\x80\xf5\xa2q\xd8\x08\xe4hMr&lt;\xc4\xf5\x9f\xc0i\xb5\x80\xb3\x11\x89\xfa\xc7M\xa3B\xa1\x10\xb4\xe1\x8e\xcd\xddC\xa4\xf4\xde\xdb\xb7 \xdd\x19\x08\xa2\xb3\x8d\xd9f\x97\x0b\x85\x82\xc5:\x83\xa2N9\xdc\x81\xe0\xc8\x08w\x986#\xd3\x0f?\xbe\xb3\\_\x8d\xefb\xd0\x95Ri\xdd\x07r\xb0(?\xf6w\x81\xe1j%\xb0&amp;\xe9\xa3R\x8e\xd2 \xd4q-c4\xe1h\xef\xed\x1b\x0c\xa1P\n\x9e\xcf\xa6\xb1h\nk\x04\x96\xc6\xc6\xe5\xea\xc1&lt;\xc8\x83#\xc1)\x9a\x91\xb6\xc8r\xef&lt;\x1b\xcb\xfb\xe2;\x88\\\xcc\x15,kH\xb2\x82\x94\x15\xf5\x93~*\x94y\xd1\x00{\x92n\x92JGG\x85:\xa0\xa0){\xfb8\x1c\xa9T\x8a\xd0$\x12\x9b\xc5\xabq\xbb3\x85\x8c\xc5\xaa\xb1\x81i\xf6\x10\x05L\xcc\xe5\xc6\x900\xab\xbe\xf5\xd0\x96\xf7\xf9\x96\xb9\xa9\xd0\xba\xdb\xb8F\x92\x0f\xa4\xfc\xfd\xa7\xc9\xf1\x9e\xb6\xf6\x01\xc0b2\xe9\xd2\x18\x04r\xca:&amp;\x91\x1a\x0c\x1c\x03}4f\x04(\xc5\x90fX\xe5\xf5f\xbc\x16\xabU\xa3\xb1A\xf6\xd3\xe0\xb2B\x10\x87\xa4\x8b\xae\xdd-\x05`m\xd8T\x9d\x8b\xb34\xee\tYk\xdd\xeb\xdf3\x99\xcc\xf1\x0e\x91Z\x04X\xccy\xc0B\x86gm1:\x9d&gt;\xd1=!\xd5Mif\xebk\xeb\xb5\xdd\xf5D\xb3Y\xaf\xd7\xd6\x16\xdd*\xaeQ:*%";\xa6\x90`\xe6\xda\x8e\xc2\x92\x8f\xd7U*\x96`\x8c[ \xed\xeb0\xe5\x87?\xdc\x9f_\xf8\xfd\xcf_\x8a\xfa\x99\x0b\xcc\xf9\xf9y\x03M3;4?11\x01\xe3\x99\xe9\x8b\xcd\xa5\x93\x95\x0f\x07\xc5\xe2J\xb5X\xacV\x8b\xef\xdf\xaf\xec\x16\x141\x93\xc14\x7fS1\xa7PE\xb1\xda\xb7s\x85\xad\xf8\x0b-\x8b\xa5\x95\xb9OH\xdc\x81\xbf\xde\xc8/\xbd\xde~\x00j-0M\xf3&amp;\x03cl\xd9v\xf3\xb3?\xfe\xf9\xb3\xbb\x7f\xfd\xe6\xa1\xef \xbe\xb2\xb2R|U,no\x17O_\x9d\x16OO\x9a\xeb\xee\x87\x8a\xa1!\x9bMa\xcd`\x89\xcdg\x96\xd9\xadx\xf4\xb9=\x90t\xd5H]%Q\x88\xbfo\xd4\x84Z\xf4\xf9\x05\x03C\x03\xd3\xf4\x10m\xee\xe9W?~\xf5\x85\xbb\xb9\x1b\xf7U_\x03V\xf1\xd5\xe9\xcai\xf5\xb4zpp\xd2\x9cC\xb8*\xab\xd5\x12\x8e\x96\xd6W\x1fg\xdcKq\xf3\xf3\xe7x)]\xfd\x88\xecC\xf9\xe7\x97\xfd\x13&amp;\x90\x8b&gt;\x8aX\x0b\x05\xab\x91\xf8\x82)\xbd\xc1s\xfa+\xc7\xc7%\xb0|\x89&amp;\xb8\x98\xd2q\xe9\xb8\x92\xce@k\x14wv\xaa\xc2\xb9\xa8\xab\xb9\x01X\'\xd5\x1a\xe1X\x9b\xdb\xa4\x7f\xb0\xa6\xfc\xf0\x8f\'P \x98\x0bD\xca\x17\x16g\xe0*\xf6AC\x04\xac\xe3\xe3w\xef\xde\xbd\xf9\xdfy\xf7\xee\xf8\xb8\x02e\xcb#\x06,Y:\x81\xc9v\xb7\x1eg\xd6}\xaf)\xaf\xde\x7f\xa8^\xc63\xb3W\xdf\x8b\xc6/\xb0L\x08\xcd\x1a\x96\x05\x91Q\xe8=\x9cAg\xe5\x98`:?;\xfb\xf5\xec\xfc\xfc\xcd\x9b\xd2\xb1_\x0fZ\xa1\x02\x81\x16\xcb\xe5\xb4\x85\xad\x9dB!\xef\xfb\xcfE*\\\xcaC\x88\x7fO\xf73\x89(\x9ab\xb4a+K&lt;%\x1c5(9\x83r\xcf\x05\xd7\xdb\xb3\x93_\xe1\x9c\xbf\t\x80Z\xe0|R)\x81\x0b\xb3c\xde\xb5\xad\xa7\xee\xb5%\xdf\xe5=J\xa2l\xbe|2\t\xa9E\x87(J\x86G\xc4A\x06G\xc9\x11\xf2"`\xc0 \xb7\xa2\xd1h\xf6\xed\xdb,^J\xc2A\xfd\x82TRf\xc6\xc2.\xef~~\xdf]\xdf\xa8~tyX\xaf\x1fLO2\xe9\x04\x97\xd4h\x94\x04\xc5S\x0cb\x9d\xe4\x00[\x98taf{\x0e\xc7\x13\xb8\xdd\x0e3E2\x05TI\xb3\x19sig\xd7\xf7\xf7\xf7\xf3K\x97\xf7\xc4\x86\xf82\xfc\xf2\xf3I&amp;\x016/\x8d!SA=8.\x86\xce!\x16\xb0d2\xaf\xd7j\xf5\xca\xc2\x8b\xf6\xaf\xbf\x06\xac$\xd8}\xf0\x81fY\xc6}\xc7\xed\xde\xcf\xfb.\xf5a\xd9\xc1\x83\xe9\xcf\x99t\xe8@&amp;\xd3\xbc\x94\xe1\xd0O1\x18 \x16*\x90\xb90,\x9c\x99\xcd\xfc\x9f*\x90\xd4\n\xb4Z\x96,l\xb1\xcc.\xbb\xdd\xee;\xf9\xea\xa5&gt;+\xfb\xdd\xbf^B\x18\xe1\x10\xf9\xc5A\x1c\x0e\x1d\xcd\x01X\xa9\xe4\x7fy7\xfb\x9f\xb4\xd2,\x8e\x8b\xb2u\xea\xd8\x9d\xc9d\xf5Z\xad\xf6./B)\xed\xdd!2J#\x96\xf4\x16+/\xa6x\xc1*V\xca[M\x85\x06\x06\x87\xb4\x8b0\xb0\xd6\x96.\x0eJYt\x19q:\x85\x81"\xb4\x92Qj!f\xebP\xdb\xd8\xae\x89\xa6\xb6&amp;\x9b\xcctm2I\x9b6\xfde\xff\x86=\xd7\xfe\x07\xbb2\'\x84\xf0\xe3\'\xdfs\x9es\x9e/\xf7\xdc\xaf\xbf\xee\xe8\x88\x85;::\xae}\x7f\r\xb0\xfe\x8ca0i\xac\x06W\x1a\xee\xd1iwr\xba\x98[e%%O\x9e=\xbe\xaew0\x99d\x85\t\x94\'\x11y\x17\xdc\xdb/\xb7a\xe0s\xce\xffx\xfe\xc7\xbf\x9e\xbf\xf6\xfd\x0e\xd6w(\x8aa\xa8A\x95N\xa5R\xae\xb4;\xf3KQ\xa9J\xa8++\x85\xb8C\xbf\xa3\x97\xf2\xa4R\x89\x0ct1,\xc3m\x18\x0b\xb3ZGb\xb1\xf0\xbd\x18\x14&lt;\x94\x16\xc6\xe7c\x98\xdd\x9av\xa7\\\xa9\xf4R\xf2\xd1\x9d"\xef\x9e\xdej_)\xd8\xf4L\x1d\x04\xbdW\xd9{\x981`\x91[\xba\x86\xb9\xdc\x16\xae8\x16\xbeys\xc4`0\x9c\x1b\xc4\xc8h\r\x9b\xb7\xdcKK\xa9%\xf7\xfa\xcf\xf7\x8b\xac\xd6f\xe3\xf5g\xa0\x97\x83\\\x99\xa4C/\xe5\xc9\xbb\xb8\xf2.\x0b\x8dq\xa5\x0b\x0b\x93XX\x1b\xca\xc2\xa0\xc1c\xac\x91l&amp;\x93\\ZZ\xca\xb9\x17~.\xf2\xe6)\xf5Ecu\x81\xd4\xcb1\'\x14\xaa\xe9J\xf0\x87]]`a\x8f\x1e\xff\x81\x1f&amp;\x9fU\xdfD/\xfep\xe12\xf6w\x19+\x96\xdfZXO\x92T\xeb\x8f\xfe\xf3\xa4\xc8X\xaf\x1a\xcb\xca\n\x8f\x0b\x0e\x87C(\x14\x9e\xa5+y\x8c+GN\x1c?}\xfc\xc8\x05k\xf6\x1f\x7f\xbb\x997[\xf9\x17.\\\xb8\xdc\x86\xc6\xb2[\xeb\x0b\xc9L\xce\xedNf7.\x15y\x1d\x96\xbaF\xee\x07\xc7\xbf\x8d\xdbl\x8e\xb995\x98Y\xde\x11\xc6\xe9\xd3\xa7\xe1\x16\x91}\xfb2\x1b\xbe\xb9\xf16|\x11\xec*a0\xe7\xf3\x0b\xeb\xee\xa4\x1b\xb8\xb66\xbe)\xf9\r\xb0\xf6\x97\xb5\xbf\xf9\xc0\xa5#M6\xc2;z\xfc\xf8\x15{\xfe\xed\xcb\xbc+\x96\xdd\xc8\xa2\xe0\xf4\xb5\xdalf=\x93L&amp;s\xee\xac\xb9\xf8X%k\x8d\xd5e\xbf\xdb\xbf\xbf\xd1f\x83\xbaor\x80^&lt;\x04\xe6\xe2\x89\xae{\xe6\x97\xf9\xac\xf9^6\x9b\x8f\x19\xecv\x83+\xbb\x95\x01\xa9@+\xb3\xf9\xe5\xc6/EWK\xd4P\x06\\e\xd5s\x0e\xd0\x0bN$\xd3\x87\xf4\x8d!\x8c\x01\xa3;\x9f7\x9b]\xe6p8\xa6\xd5jU.w\x12\xa8B\xee\xe4R\x1a\x8c\xfe\xbf\x8a\x8f\xc5n(\xdb\x0f\xd1 \x9as\xb4\x03\x17\x93\xbcL\xf4!4\\j\xb8\x07.Qk\xd5\xba\x00\xca\x95\xca\xe5r\xa1P.\x99J\xa7\xb3\xf9\xe9\xa2c\xbd\x12\xb1\xd9\r\xd5\x80UV-\x9a\x9b\x03,\x9b~b\xa2\xb9\xb9\xf9F\xa7\x91\xab \xc4R\xa9\xd4\xeb\xf5\xaa\xa2\xd1P(\xb4\x1a\xca\xb9\xa3.m,\x9d\xd9\xb8Sl\xacm\x91\x90M\xeeP\xd7\x80^\xc29\x00\xb3\xc5\xe3\x93\x1a\xc0\xba\x81\xe3\xb8\x11bv\xd6\x13\x98\x9f\x99Y]\x9dY\r\xc1\xe8\xd1\x1a\xb4K\x99\xe9\xa2c\xbd\x10q8\x9c\x0f`\xd5\r\xd0\xbaH\xc1\xf4z\x89D\xa3\t\x06M&amp;\x8f)\x18L8\x9d\x91\xc8L`f&gt;\x94\x8bj\rvT\x9b\xfe-\xb0\x84\x1c\xb5\x9a\x03\x89d\xd7\xeco`\xb3?\x801\xf5L=\xc4\xe4\xe4\xa4dR\xa3I8\x83\x11\x00#\xa9\xa4\x061!]\xdazPt\xacM!\x07&lt;&gt;\x99HvM\rp\x81v\xe4K\x05:\x92\xcb?I\x06p%\x82@\x15\x9aWI\xa5\x84XaLe\x1e\x14\xbb\xe4Kn\t\xd5L\xfaY\xb5P\xd8\xc0\xae\xab\xab\xdb\xe1b\x93_j5\xdc\x0e\xfd\xfeI\xf8h\x82\x91\xf9@.\xb4\xea\xd5\x8a\x15\x04\xd78\x9bZ/:\x16\xf5\x96\x08&amp;a/]\xcd\x11\x02\x0c\xc9\xc5\xd9\try\xec\xec\x0e\xd7D\xf3\x8d\xd9h\x14\xc4\x8a\x1a\t\x05\x97\xc0;=\xa1\x85\xe9b\xb7\xd3\x92g"\x91P\xd7\xaf\xa4\x83^B\x0e\xa7\xae\xa6\x81s\xe8\xd0\xd9\xcf\xe9t\x9fo\x82|F&lt;\xeb\xc1;\xf1\xd9T(\xf9\xde\xad\xe2rq\x8b\xa2\xd3\x14\te\x8a\xdc\xe5\xa9\xd43+\xa2F\xe1\\\xafR\xa0\xd4\xcd\xa9\x85\x9c?\xd5\xd5\xb0\x0f}\xde{\x927\xd6\xd2i\x9a\x87&amp;\xa5\x15\x13\x84\xc2\x1b\xca\xbd\x0f\xb9\xbd\xdca.P\x05\x03\xd1\xe4\xa3K\xf5E|\x13\xe3\xc9\x9dW\x8f\x0bp\xf4\x98J\x01\x8f\xa7\xd4\xe9H\xb9\xea\xd8\x87\xe8\'\x8f\xca-\\&lt;\x18\xf0h\xadV\x16\xcaWx\xe7s\xd0IU\xc40\x81\x07\xa1[\xcc\'\xa7/UT\x16\x8b\xeb\xcc_F\x9f\xd9\xdamP\xf2\xfd\x02\xc0\xe2\xf9\x98:!\xb9\xdb\xc2\xa1\xc3\xcdyXlt&amp;\x9c\xae\xf0H+\x0b\x15{gB\xef\x93n-1\x8c\x07\x13SAO4\xf9\xe0\xee\xc1=\xc5\xe2\x1a?\xf6t\xd3\xd6\xd4.\xd4\xe9\xfa\x05\x08\x0fa H?\x89u\x08\xb0\xe0\x02\xc17F\xba\x97S\xe1V\x16\x86\x12\xde\x99\xd5d\xc6\xad\x85\x0cNMM\x05gU\x99\x07w\x9f\x97\xee\xa9/\n\xd5\xfd\xf1}\xefV\xdaI,&amp;\xd3\x07Tr\x86\x1c\xa1\xc3i\xd4\tu`\x18O\x0c\x8b\xbd\x81@\xaaU\xc6\x12\xa3\xd2H\x00\xb0\xcc\xd2\xce Ie\xc2S[\xd3w_\x1d\xab\xa8(\x86U&lt;3\xf4E\xe9\xe2\xb7M\x1f\xb0\xf4&gt;\xc0\x92\xcb\x19\'\xd5\r\xd0\\\x85t\xc1a\xc6ECju5\xdd\x8aab\xc2\xe3\x0c\xacf\xb7\xd2\x1e\x8dD2\x95H4\xcf\xba\xb66\xeen&gt;/\xad,B\x1a\xa9w\x9e\xee\xadX\xfc\'`AC\xf7\xebI\xae\x13r\xe40\xc8\xa5\xa6\xeb\xd4J\xc1\xe1+h:\x1a\xd5\xca\xa0\xe2\x8d\tg e6G5$\x94\t\x17\x1b\xee\xe57~\xba\xb5v\xb0gO\xd5\xee\xbb\xe9\xc5\xab{+G\x1f\x8a\x9a`\x00B\xd3\x84\xf9\x87\x0c\xc8\xc9]\xd7\x065\x9d\xae\x83\xa3\xc9\xe0\x9b\xd3*;\x86\xf2\tS"\xe2u\xa5SN\xc9T\x10GQ\x94o\x8f\x01\xd6\xca\xe6\xaf{*{v\xdbhP\x87\x16\xbf\xdc[&gt;\xde.j"\xffHR\xfaH.\x9a\x85\x81(\xe9\x1c!\xbd\xbf_G\x17\xf0\x06\xc21+\xf8{Ta\xf2\x18U\xdah \xa1\xc1\xed,\x16\x0b\xc5\xec\xb1\xec\xc2O\x8fW\x9eWP\xcaO\xedv\xbdo\xbf\x1e\xdf[\xfe\xe9uQ;`\xf5\x0b\xc6|\x93\xc0\xd5\'Gx\xbdg\xc9\x9e\xaf\xf4+\x05\'0\x198|PKL\x88\r\xdeeg3\xc1\x92\xc9\xe0\\\xa2v\x97{\xe1\xc1\xe3\xc2\xe8\x1e\n\xa5vw\xab\xfe\xcc\xbb\xc5\xd1\xf1O\xca\xcbW\x1a\xdb\xe3\xe4\x7f"\x082Fr\x8d! \x17\x13\xfa\x85@\xe0\xebG\xc8=y&gt;1,\x06,\xaf\xd3i\xe2b\x80%\xc3P\xb14\xea\xce\xac/7\xadU\xd6Rj\xebw3\x8d\xd4\xf1\xed\xd7O\xc7\xf7}L\xd9n\xb4\xc5\x99\xcc~\xdf\x18B\xa35\x03\xd8\x04"P\xd2w0\x05&gt;\x9fex\x98O\xf0\xed,\x14\x15G"\x1e\x82\xcf\x92\r\x0eZQ\x85\x87\xbcy\xb9\xa7\x1a\xd7z\x00\xab\xb6\x96\xba\x8b\xa7p{qth\xfc\xe0\x1fj\xc7\xcblq=\xd3\x0fYD\xe4\x16\xda\x84~r\x82\'\xe8\x85\x01\x89\xd0\xfa\xc6\xfc\xfa\xc9\x16\xb1\x18\xc5\xbe\x83\x822\xa0|&gt;\xf9 \xa5U\xe5q&amp;\xba\x033\xab3\x92\xea\xb5\x9e\xdb\x80E9\xb5k\\=\xdb \xd6\xd0\xf8\x17\xa5\xb5\x95\x0fm\x05=\xc8\x05\xd9\xeb\xb3p\x07h\xe4\xe6\xb0\xb2W\xc0c\xc0\xaf\x89\xb8\xa4S!f\xc9 u\x18\xb4\x896\x96\xcc\xaa\x9a_\xee\x86X\x0e\x04"\x92\xeaK\xf5\xf5\x07@/J\xd5nq=\x05\xb1\x9e^\xfd\xea\xd8G\x14\xca&amp;`\xf9A-\x04@,\x16\x0b\xd72\xe6S\xc2\xdc\xa6\xc9[Z\x9a%SF\x03Y\xe52\xd99\xac\xad\r\x95\xce\x07H\xa67\xdd0\xacM&amp;M\xd3\x9dS\x80\x05rQv\xa7{Q\xefo/\x82X\x80\xb5\xb7\xb2v\xa8\xa9\x10\xd7\xfb}\x905\x9a\x85\xcb\xb5XZ|\x0e\xa8\xf81\x9a\x9c\xab\x08N%TVY\xeb\xa0lP\xc6j\xe3\x13\xb3\x11g7hE2\xe1F\x1c\xd7\xbc\xf9\xac\xaa\xfe\x00pQj{v\x83\x8b\xfa\xe4\xf5"T\xd6\xd5/\xbf:\xf6\xc9\xc7\xf5\x15\x0f\x0b\xd7I\xa7\xe3\xf7M@\x16\x15\xdc\x96I\xc0\xf2\x8f\xd1\xb8\x84\xd44\xd5m`\r\x0e\x9e\x1b\x84iM\x10\xd2\xd9\x08\xe4n\xde\xab\x92\x8a!\x14\xb8\xe4}O\xd5)\xc0\x82&amp;A\xe9\xd9\x85\xfa\xba?\xba\xb8\xf8n\xe8*\x89\xb5\xef\xb3\xda\xdb\xdb\x85\xeb6\x92\x8b\xf49\xcd\x9d8\xde\xa7w\xf8\xfcc\x13`^=N\xa7add$\xec2\xe2\x9d\x1a\xa3\x02\xbc\xb5+\xd6\xda*\xb3\xa3v\x14\x95\xe2\xfao\xea\xabN\xdd&gt;@\xf9=\x05\xa2\xe7\xff\xec\x13gJG\x9f\xbd\xd8~7\nT\x80u\xf0SJ\xfd\xaf\x85B&lt;\xfe\x81J2q\x03\'\x1440\x15\x82\xbe8\xcc\xbf\xee\xeeH`y9\xe0\x9d5\xe2\x92N\xfb\xb9\x8e\x8e\x8es\x83#V\x16P\x19\x14\xb8\xf3\xa3\xaa?\x02\xd6\x81\x03\xc0U^YYZ\xfb\xbf\xbf\xc8O\xfd\xf7\xe8\xbb\xffrr\xb6\xa1i\xa5Y\x1cO.A\xef5\xde\x98\x88\xf7\x8bD\xd4\xc2\x92/\xc2|\x89/\x88\x1f\x16\xc4\x18\x95\x0b"&amp;\x81\xc0\xb5L\xd2\x0f\x1a\xa8A\xa50\xa6[\r\x8aI\xd3\x1a_R\xc9\x10IlI\xdat\xbal+\xd3\xb4\xdd\xc6I7\x12\x82M\xf3AM\xb7\x9bP\xdal\x02iH\xa7\x04v\xd3\xd2v\xba\xed\xce\xecy\xae\xb6I\xf7\x85\x99\xd9\x83\xdc{\x15\xc5_\xfe\xff\xf3\x9cs\x1e\xe4f\xaf\xf8\x94\xb5\xb0?\x1a\xd4Jq\xbe\xa46=\xc3\xa8GG\xbbGF\xe2\xddq\r\x14\xaa\x93\xe7\xcf\x9f=\x0fX\xa6T\x07\x1b(\xbfi\xa6\xc7\xd2\xfe;\x07h\xe7tZd0\x17\x9a\xf5W8U,\xa4\x16\x97\xdf(\xc0\xba\xfe\xbf%YG\x86\xc0\xbcBin\xc7\xe3\xe9\x07\xb1\x82Z\x92\xa8\x97HN\x8d\xc6\xe3\xdd\xddP\x104\'\x15~\x83R\xa9\xb9\xf0\xe5\xc8\xd9\x11u\x9cI\xc1\xbc03\x03G\x17m\x90Y\x9c\x0e\xc78\xc8\x05.\xb6\xf8|&gt;C\xfc\x9c\x98\x92\xa3\x9cG6r\xb9\\a#\xb7\x9e\xc7\xf9\xd5\x03~\x1d(5W\x08\x07\xbd\x85LE,\xc0R\x91\x84Hl\xe4\xc5\xd4\x10\xdd\x15,\xa5\xcc\x10W\x7f9\xda\xdd=\xa2\xb1\xce\xa4:\xec&gt;s\xef\x8ck6!\xb3X\xdc\xa7/\x8d\x8f\x03\x95\xcemq\xfbz\x0cYB"\x97S\x87.\x8a\x08B\xc4!p\xe1\xaf\x9b)\xea\x88\xc2\xdcN8(\x10x\n\x99\x9d\x10\x12\x0b&lt;T\x91\x02a\xad\xd1\xf8]7\xcb\xd5\r\\~\xd8N\xc4\xd5\xa3\x17\x8e\xc1\x13\x1a\x86\xbe^\xa8\xef\x89\x1e\xc0j\xf1\x9d\xce.\xa0\x98\x98\x8d\xd8\xed\xf6\x1e\xfb\x1fxF9\xc5b\x89\x9b\x91\\&lt;\x0c\x030\x11\xde\x08`\xbfT\xb2N\x1cAy\tA0\x1c\xf5\xe4C\xa1~/+\x96JJ\x88\xb8\x12\x8a\x93U\xab\x19V.\x8d\x06v\xa7z\xc0\x1a\xd1hh+L}\xb4\xec\x0b\xb3K\xa6\x9f\x91Y|\xd5\x02\xcff\xdb\xc2\x84\xe9\x14\xdf\xc8\xaa\xc5\xca\xd5\xd0\x00\x7f\x9dX\xdc\xc0\xad\xe7r1\xe2\x17\x82ub\x85\xb9\xb9 &amp;P\x05\xa3\xb0\xfa\ny\xe8\x86\xdep\x7f\x10\xa9\x85\x8b\xf8\xb0\xcc\xbf\x1b\x85\xf4\xa2\x8f\x01\x1cC[i\x1a\xe4\x1aU\x9c\xd4\xa0MN\xa0\xc5\xe7\xf2\xb5\x04\x12:\x8b\x0e\x1aOl\xa0\xa3#\xc5\xd6\xf9\x8egO\xc4T\xa7\xfc\xed\x9b\x07\x08\x0b\xc0\xc4|Q#N@\xe0\xbcz\x8c\xc0\xba~\xee\xbf\xde\xd4\xd5\t\x00\xcaCJ\xb5\xda\xa0\x17\x14\x82=X(\xdc\x0f|A\xa8\x0f\x02\\\xd4$\xa1\xa8\xda\x8b\xc74q\xb5\xc94mR\xeb\xd5V\xe8+\xcc\x85n\xbf\xdf\xe6\x1aH\x05|\x91A\xa7o`\xb6\xc7\xe2\xd4\xe9\x06\xdd=vT\xea\x01\xee\xd9\x9a\x10RK\xfea\xf5\x9d\xa4\x99\x15L,d\xa1\xd8\x10\xfe&lt;X\x9d\n\x8a\xa7\x07\x90\xe0\x11\xf4\xaaT*m(\x13B\t\x1f\x05\xc4W\xaf\xf0z\xae\xd8HI~\x8fn-\x82\x92\xa0\xd6h\x12\xfa\x04\r\xb2A\xa9\x90\xf9z]\xae\xde\x16\xcb\x17\x81\x84\xb9\x07\xcd4N\xdd h\x06\xdb\xa1\x85\x8e\xe92\x9f\x92\xcb\x1f\xacn\xfc}eE,\x91\\n\x96\xd4\x8b\x1a\x1b1\x1c\xaf\xc0aB\x91\x10\xc0\xfe\x17\x14\xa5\r\xcd\xed\x85\xbdAHo\x84\xa5\x05\xac`\xa1\xb4\x16\r{\x01K\xfb\x8f\xdd\x03\xc8\xadf#\xc8\xb5l\x82P\xd3\xd0\x9e\xe3jW\xc0\x15g4z\xab\xdf 3\x18\xd0L\xe3r\xf9\xcc\xa0\x15\xecc\xd1O\x9f\xbe\xd3\x91\xec\x02x\x08b\xbd[\xfd\xd0u\x7f\xe8\x9a\xd1(\x91\x88\x9b\x80\x0b\xabr\xc1\x11\xab\x17\x81b\x9d\xff\xcd=\x9ew\x07)\x85\xca\xb9J\x8bB%%U\xde\xf2\xd3|?\x8b\x15\xfa\xcb\xee\xeek\x1e\xbf\x16\\\x94\x94M\x8c\x9aV@\xca3qF\x9f\xe8\xd5\xab\x15~xf\xb5Zm6\x99\xcb\xea\x92\xf5Zt\x88\xca=\xe8\xd69\x07\xc7\xc7]\x9b&lt;\xf0\xf0\xd1\x8b\xd5\xb7\xa7\x86\x96\xe0\xf3\x94\xb1\x16\xb0@!\xc4U\rX\x96\xd8\x7f\x96\x0b9\x1eFJ\xf5{\xc2\xd1 \xf2\x8e\xa5\x92\x92Zmt.\x8f\\\xf4.\xb5m\xbf\xdf=\xc0X,\xaav\x8cV(\x00$\xce\xa8\x19:a0\xd3~\xa5\xd2\xaaW(\x00L\x9f0\x83Z&gt;\x9d.2k\xf7\xb9\xdd:\x87\xa3\xfd\x12\xf3\x18y\xf8z\xf5\x85&lt;3t\x8f\x82K\x84\x85ll&lt;\xc2\x85\xe3Bn\x13\xce9\x02VG\xa9\xc2\x85\xbd\xbd~\xaf\x07MU*\xa9\x8a\r)\x04In\xef\x157\xa3\xfdQ\xedRk\xe6\xda\xee\xd6;N\xad\x04\\\x94l[m\xe8\xae|H\xb1Q\xf5\xcc\xacY\xaf\x84\xbd\x85\x95\x86\xf5yR\xc1\xd8\xe8\x9e\x1e\xbb\xcc\x17\x81\x16y\xdc=\xe8h?aN?\x01\xb1\x8c/V__\x1bz\xb6\x0eT\x94\x84\x0bX\xf5\xc2\x7f\xc3\x82h\x12\x11\xbcj\xf2\xd7u\x05\xc3\x9e\xbdP4\x1c\x86&amp;\x13D0\x88I\x85NR\x82\x8c\xee\x14KZ\xf05\xf4[\x90kk\xeb\x16\x8be\xe4?4\xd8\xac\xfa\xb8Zm\x82\x15\x99\x985\xc8\x94~?m21J\xa5\xc2\xa4\xa7{{\x03&gt;_\xcf\x04\xd4\x86,\x94\xfaK\xa3\xf7\xa0\x1fRoWW\xd7\xd7\xee\x7fO!\x0f\xc5\x08F\xb1\x0f\x18\x00\x00\x07\x07IDATK\x84\xe4\x82\x04C\xf1\xd1I\x01\x01I&amp;d\x93\x9f\x85\x02\xa40\x9a\xf4\xa4$\xc2b\x85\x02,\x82\xd0zC\x99\xe26\xd0\x12\xf9\xd6\xa2\xf4`\xeb\r\x8b\x05r\x99{]LB\r9\x06=z\xc2\xd6\xa2T\xfa\xe3\xd3\xd3\x17\xfcJ\x8d\t\xa6\x9d\xde\x80{PgGuk\xc1&gt;\x1e\x19@bQ\x1f6\xde\xa0\x84\xa7 \xe1%G\xb0\x8erA\xfa\x0bHB\xc8\xa9\xe7\x83\x95\x00\xe5)\x14\xc20\xbb\x04\xc14\x84\xc5\xba\x07X\x04N\x02V\xa9\xe8\xf1J\t\xc2\xd3\xda\x16\x05\xb9\xd6\xc5l\xce\xf2\xaf$R&amp;\x1a\x06e\xc6\x94\x88\xb8\x07a\x8f/\xa3\xa7\xa7M6\xbf\x86Q[\x03\xf6\xecM\x87\xc3}&lt;;\xb0\x90N\xc7.lv\x81X\xeb\x1b\x1boW\x16\xf3\x1c\xd8Z\xa3\xfa\xde\xc4r\x89&gt;\xc3BT\x84@@B\xeb\xe5S5;\x9e\x10t=4\xe6I\x11\x14\xc92\x91p\x16\xe0$`\x15J\xc5\xa7\x98\x00\x96q\xb1\xb5H\x80\\b\xa4\x16%\x0ev\xa4\x126\xc5\xc9\xb8\x89\xb1\xc7\x80\xc1\xe1\xb4\x04R&amp;\xc6\xa0\xb42\t[\xefl\xf6j;\xbcv\xfcb:\x9dN\xfd\x89\x00*\xe3\xeb\x8d\x83\x07\xf9\xc5{&lt;\x80\xe2#,\xc8-\xb4\x18\x85,X\xe3!\x17`!Y\x045\xa1\x9dB\x98\xedyR\x12^"\xd9\x10\xa0\x03PA\x85\xf0\xac\x153\x98\x80\x84\xae\xdd\xdaZ~\xbf\xb5\xb1n\x84\xa4\x95\x1b\xf9k\x13\xc7\r~\x9b\x82\xa6\'\xd2\x93\xe8Ws\xe7l*5\xd0\xd2bf\\\x06\xf3l\xec\xea\t\x98\x02\xdbo\xf4\x8d-|\xb5\xc6A\xd9\x08\x1eJ\x17\x9fI\x80P\xdcu\xb9\xa2\x16\xcb\xc5\x1a\x897~t\x11\x89\x85r[[\x03s\x0b\xb4\x19m\x15\xa8\n\x05\x1c8:\x02\xd6\xd3b\xb1\x8c\xa3\xf1!\xdf\x9a\xc1\x0e\xb6\xde!\xacN\xf9e\xe2[\x87\xcf`\xf3+\xe2\xa9\xf4\x8dat\xbbk\x16\x96\x9e\xc3iO\xb8\xccfP\xeb\xc6\x89\x13S\xf3\xf3\xc9\xbe\x99\xaf\xb6\xf9\xf0\t\xea\xc3\x8b\xb7\xe5\xfc\xa6Q\x82\xc4j\xaeb\x81\x8bU\xaeC\xb1\xd8\xdc\x86\x02U\x13F\x13\x9eJ\xfa\x91\xa7\x12\x04P\x81s\x02\xe9vy3S\xdc\xc4\xbc*\x1c\x8b\xb6\xb5F\xdfm\xbcx$GA\xf1\xcf\xb5;[dV\x8d\xc9\x94N\xceOM\xcdO]\\\xe8\x88\x8d\xb7\xdf\\\xc8\x06\xcc\x91\xec\xdd\xe1\xc9I\xc0\xca\xf51\x99\'\x12\xea\xd6\xb9\x95\xb1\x0c\x94\x99h\x14m\x9f`\x84\xa8\x9a\xf8)\xbd\x0e\xa5"\xd9B\x00X\x87PG\x02%\x1fz\x9f4X\xde)\x15K*\xaf\x80\xcf\xe3d\x86\xd6\xd6\xdf\xbc\xbfv\xee\x87\x97/\x7fx\xd5\xc5\xbb\xe3p\xb6\x18\xd4\xd3\xd3\x17s\xc9\xe1o\xaf\xcf\xdf]Z\x8aMN\xdd\x88e\'\xcc\x91\x8bg\x92}w\xfb\x92\xfb\xb9\x9b\xbf9E\x94\x16\xdbZ\xdb\xeeo\x839\xf0EDS\x03\x8bU5\x11\xa9UmB,\x14Y\xcdkiM\x15\xea\x13U\xa5\xafWN\x02R\xdb\x1f*e2\x9bR\xcc(~R\x0ey&lt;\x9er\xb9\xfc\xd7\x1f\x7f\xfa\xe9\xc7\xbf=~\xacs\xe8\x02\xb0\xfcN\'\x93\x93c\xc9\xdc\x99t~99?\x9c\x8eMD"W\xef\x00\xd6X\xdf\x9dd\xe46P-.\x0e}}M\xd2\xccE$\\v\xde:\xc4\xaa\xd6\xfa\x8fT\x9ft\xa99\xbc$\x0e\x03\'*\xcd]\xa0\x8dz6K\xa5\xa7\x1e\xbc\\\x00\xa2ht[\x0b\x85\xe3\xe5.\xc4\xc1\xab\x87\xed\xc7M\x805\xf8\xfc\xfa7\xcb\xb9\xe7W\x96\xf3\xcb\xb9\xfd\xdc\xd5\x85\x81\x80\xfdL\x12\xd2jl\xf9\xee7gW\xf2m,U\';\x04\xb2\xe3V\x03\xcc\xf2\x15\x17\x0fMd\xd7\xe0\x91\xef\'j&gt;\x93\x878\xd2&lt;\xd1C\xa0\xda.\x87V\xd8]5\xda\xfa\x900~\xf3\xc4\xfc\xae\xf7\x88k\xeb\x9f\x7fL\x00\x16\xe3\xb8\x9eK\xa7\x93\xcf\xafd\x96o\xe7\xf6\xe7\'\x07f\x12\x913\xc9\xfd\xfd;\xb7\x97\x97\x9e\xdd_l\x03\xac\xfc-4\x9aV\xb1\x1a\x10V\xd3\xe7X\x95\x85x\xa4\xde\xe35\x04\xfb\xfd\x15\x1e\x0c\xc7&gt;\x06^\xc9CR\xbb\xdd\x0f\xceA\x03\'qLT\xcfi\xe2C\xb7\x16\x8b_\xefn\x01\xd7\xc6\xc1\x9f\x19\xc6\xea\x1c\xbe\x13\x8b\r\x03\xd6\xf7\xb7\x9f\xef\xcfO\x05L3c\x0fs\xfb\xcfsw\x17\xbe\x1eZl[\x1c\x1a*=\xaaHU\xd1\xaa\xa1\xa2\xd6\x91\xe4\xaa\x84\xb0b)\x86\x1e\x18VS\xa1D\x97\xd8\xbf\xca0\x7f\xd7\xb6\x81(\x8e[\x1e\xacD\xba^m!/\x875\xf8\x9f\xc8\x94\xddtw\xa4-C\xa6\xb4{\x177\xad!\xb4\x9e\x8a!\x1ejb\xec\x1a\xda\xe0\xa4P\x08\x01\x97\xe2\x0e\t\x18\x17\x05\x0f\xfd\x01%\x9a\x12w\xe8$\x02v\x86\xc4d\x08\xf4\xbdww\xaa\xdb~m\xe4\x87}\xd2}\xfc}Ow\xba\xd3-\xb2\t\xdb\xf2\xf2\xbd\x95j\xb5\xbar\x7f)\xed\xc0er@\xc5\x98\xf0D0\xbf\x9a\x80\xa2\xf1\xd5ts\xbd\xfd\xa1U\xef\\&gt;\x1d\x8d\x1a\x83Agk\xe3\xedZ\xe3\xe8\xf2\xd3N=\x04\xaa\x930\xac\x9d\x82U\x8aIS\xe5\x00+\xf1\x8b\xc6\t\x17/\xbe0d\xa4\x90\xcaI;$\xd7r\xfeH\xde#P\xf68\xc6g\xf1D2\x0bd\xc0\xe8\xd3\xbf\x9bD\x93(\x8a\xc6\xf1E\xb9\xdb(w\x06\x07\xadz\x17\xc6\xaf\xad\xcd\x87\x95\xd1\xd1N\xf7\xb8\xd9\xac\xa1\xc2\xc7j!\x86L\xda+\xa4B\x91i9\x1b#\x93%\xf5\xe6(,p\x10\x99\\K\xc9%\xbc\xac&amp;[\xa2&amp;.r\xd99\x98\xd5\x18\xcck^F\xcc\xef\xa2\x88\xb8\xae&gt;&gt;jw:\xfb\xad\xc3.P\xad\xaf\xbe\xa87\xf6\x8f\xc3f\x88\x1a\x9e\xf7\xf3y\x84I\xb4\xc0\xa4"\x13#\x13Vi9\x06/e!\xb9\x05\x04\x1a\xc9\xb2\x93Hz\xe6\xa4i\xda"\xac\x0c\xf9\x05\xef \xf0\x02Q\x9a\xdd\x8c\xc7\xc05\x8e\xe3\xe7\xedW\xbd\xc3\xdd\x1e\xcc\x8d\xab\x1b\xe5J\xad\xd6$}\xfd\x067\xe0\x1e\xff\x9f\xca\xfcG\xb8\x01\x00T&amp;\x93\xc0\x00\x96\xc2\x1a\x02*\xe4\xcad\xe0\x8dJ\xc0\x08\xcdR\t\x06,-\xac0!\xbc\xd2\xd9u&lt;F\xc5\xd3^\xa5RY\xc3\xc5\xfe\x1bH\x1c2\xbd\xde&gt;\xc3\xa2*P\xbf\xdc$&amp;\xae08\xad\xf8\xb9rIQA\xc0\x18\x1e\x10,\x05\x85/\x91\xb0\xb7\xa4_\x9dNYf\x96n\xb0\xd0\x083\xe9\xc1za&amp;\xc9\xe2\xe9\xb3]\x00{pBP\xc3\xd3wyd\xc2\x81Ss%H\x82\x17\x0ci\x1d\xe0p\xdcZ\xe2\x12N\x9b\x07`)\xd5\xad\xbd\xd8\xa9\x9dp)\xbf,\xe2\x08\xa8\xe0\x156}\x81`\xc5\xe2\xec\xfa\x06\xd0\xe2\x8b\'\xf5_\xe8\xd3\xf0\xfc\xe5\x0f\x1f\xf7A\x0c3\xa9"\xb4\x05-\x835\xa2\'h\x87\x84\x84\xfb7\x86@\xb7\x0c}0\xd01\xc4\xd2N0)$\xb34\x97\x8b\xd9%7\x01\x82$\xc1,yB\x80\x99\x84\'\x04\xbf\xd8\x9f\xdf\xde\xbe\x1f\x0e\xbf|\xdf\xfeY\xf2\x8b%\xdc\xf7\x93\xf5k\xcb\xa2\xe6\x00R\x10{\x1eJ\xe0\xaf\x8a\x8aK,I\xc5ud"\x96t\x89%\xfa\xbb\xc0t\x06\x19\x811\r\xa6\xff\x89\xcc%&lt;S\x15}\xff\xb3\xe7\xfb\xf8L\xed\t\x03\xda\xd8\x8a\x8a\xdc\x02\x97\x94 \x80\x07T\xc9D\x1f\x82\xe8 \x91\x1cCA\x94\xbf\x01c\xb5\x1b\xc9\xcaf\xa3M\x00\x00\x00\x00IEND\xaeB`\x82'</t>
        </is>
      </c>
      <c r="M124" s="3" t="n">
        <v>45492.6775462963</v>
      </c>
    </row>
    <row r="125">
      <c r="A125" t="n">
        <v>338957</v>
      </c>
      <c r="B125" t="n">
        <v>1962</v>
      </c>
      <c r="C125" t="inlineStr">
        <is>
          <t>Erick Castillo</t>
        </is>
      </c>
      <c r="D125" t="inlineStr">
        <is>
          <t>E. Castillo</t>
        </is>
      </c>
      <c r="E125" t="inlineStr">
        <is>
          <t>CA</t>
        </is>
      </c>
      <c r="F125" t="inlineStr">
        <is>
          <t>ATA</t>
        </is>
      </c>
      <c r="G125" t="inlineStr">
        <is>
          <t>CA/PE/PD</t>
        </is>
      </c>
      <c r="H125" t="n">
        <v>177</v>
      </c>
      <c r="I125" t="n">
        <v>31</v>
      </c>
      <c r="J125" s="2" t="n">
        <v>34734</v>
      </c>
      <c r="K125" t="inlineStr">
        <is>
          <t>Right</t>
        </is>
      </c>
      <c r="L12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b86cac9-2803-4841-82fd-cdb74b99a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c|d\x00\x00\x03\x00PLTE\xff\xff\xff\x12\x11\x12\x1f\x1e \x14\x13\x14"!$! "\xfe\xfe\xfe#"%$$\'&amp;%( \x1f!\x1b\x1a\x1b\x1c\x1b\x1d\x1e\x1d\x1f\x16\x16\x15\x18\x16\x18\x1b\x1b\x18\x1d\x1c\x1eB/$M6((\'*rO=\x19\x18\x1a\x10\x0f\x0fK3&amp;|eVWA2B,\x1fR9*qVG?.#aD5mTFwaQycSv]OC4\'bA0mI7Z8(7\'\x1dV=.\x86o_rZK]&lt;+G.!4%\x1c\x7fgWH5)\x19\x19\x15G1%7.\x1d\x81k[X5%pL:hYFQ3#kL&lt;\\H9lPBwTBdVB&gt;, ]@1fD4eK=,\'\x1b1%\x1c9) Q?0M9+A5/%"\x1fbI:\xfc\xfc\xfcZ=-+\'$W:*\xf8\xf8\xf8_L&gt;R&lt;-+*+\xae\x9a\x8a"\x1f\x1deP@jE2=(\x1dqRB\x8ara;0**\x1f\x18\\C5S6\'`&gt;,\x89eRiRC\x8cueZO:\x81^K\xe1.*!\x1e\x19\x85aN\x93|lG9+fH8\x7f[H0,)L:1\xab\x96\x86WD7;/\x1f_S&gt;UK6g?,wYI\'#\x192(#20/jH7|YG\x93nZ\x8fyi\xa7\x92\x82\x96\x81qiM@{]LwP&gt;\xeb4/\x8eiV\xbe\xaa\x9br_NPH2\xf2\xf2\xf1JB/\xa3\x8e~\x9byf\xe70+V0"\x9a\x85uK0"zVD|aQ\xa5\x81o)#!\x93ta\xf1&lt;7\x9d\x89y6-\'842mYJ0!\x1aP/!\x80dS\xde*&amp;_8\'!\x1b\x17=:8QA7\xed72n@,E&gt;&lt;\x87kY\xb2\x9d\x8d\xe4\xe3\xe1\xae\x8d{4+\x1c\x9atarD/m^L\xea\xea\xe8\xa1\x8c{\xb4\xa1\x90\xa0~l(\x19\x13\x99~l\xa1\x86t\xc5\xae\xa0\xd9$ QOM]PE\xf6C=9!\x1aC%\x1b\xbd\xa1\x90\xb7\xa3\x93NDAD;3zE/UI@\xcc\xcc\xcb\x82J5\xb5\x99\x87\xa8\x85r\xb9\xa6\x96FFD \x14\x10sI6g:(\xab\x88u\xca+(\xd5\xd3\xd1K=7\xde\xdb\xd8\x8cO;\xc2\xc0\xc0\xb2\x92\x81\xd4/,\xbe"\x1e\x93XH\\YV\xa1\xa0\x9c\xcf \x1b\x7fTA\x99]P\xbb\xb5\xb5\xb940\xa9\xa8\xa7\xa6b[\x99\x97\x93\xc8\xb5\xa8\xde84\xfaPIuus\x80zq\x93$!\xa4\x1f\x1c\x1a\x10\x0e4\x16\x14klj\x85\x80|u\x1f\x1c\x83\x1b\x17\x8aS@\xd5\xc6\xbea% \x90\x90\x8e\xa5/,\xfc]T\xcf\xbd\xb2_\x18\x14\x85(%cc_\xb2\xb2\xb1A\x19\x16P% R\x17\x13\xdcLE\xa8rg\x8b\x8a\x83ni^\xfdg]\x98A:\xbbzs\xb8ol\xc9\x90\x88\xc6e_ Y4v\x00\x00 \x00IDATx\xda\xc4\x98\xddO\x1a\xf9\x1a\xc7\xcb\x92p\xd5N\xa7\x10+\xef(\x8c\n*8\x03\xf8\x06+\xc8\x00#\x14\xe4L\xc3\x8b\n\xb8\xd5\xcdDX="\n\xb6qu\x9b\x9c\x16sR=\x8d\x9b\xfa\x9a\x83\'\xdd\xc4\x98\xae\x17\xcdIl\xf6\xa2\xcdzc\xf6\xc2m\xbc\x91\x9cl\x8c\x17\x9e\x1b\xf7\xaaW\xf6\xea\\\x9e\xe77\xd8\xff`l\xbf\xca\xa03\xc4\xdf\xc7\xef\xf3&lt;\xdf\xdf\xc0\x8d\x1bBHR*E"{%I\xe4\xf8\x14\x0e\xf7n|yInH"{\xef\xcf\xce+\x95\x93\xb3\x83J8|zT\xf9XB\xa7\xbf\xa8\xee\x95";\x1f\x0e\xb7\x03b\x0c\x13\xdf\xdf\x0e`\xf8\xe1ax\xed\xf4\xe0x\xef\xcbqI$\xa5\x83\xf3\xfd\x8b\xc3\x80\x88\xba#\xc2\xc4\xb5"\x8c\xa2p\n\x13c\xb3?\x8d\xef\xff\x11\xf9bF\xbd\xbf\x98\xc5\xc1%\x91\xe8+q\xed\xed\xdaZ1&amp;\xbe\xfb\x15\x9c\x10a\\4p\xf8\xc7\x17\xf1K\xb2W\xb98\xc4q\x8a\xc2D\xb5\x18\x0eH\xa2Z\xb1\x08\xc3p\x1c\x13\x89\xa8\x9b8\xb7r\xb2\x13\xb9\'\xf9\xcc\xd5\x93D\x8e.\x02\x80\x84Q\xc8.\xb1X\x84\xb0jE 8\xe0\xb7n\xe1x4p\xf9\xa1\xb2\xf3\xf9\x86RR\xda)\xedU.goQ\x14%\x16S\xb8\x08\xa0\x10\x11\xff\x10\xd7\xc2\x13v\xf3\x8e\x18\xc7\xf0\x00\x17\xde?}_\xfa\\X\xa7\x87\'\'a\x8e\x82zQ\xb5\xe0\x92\x18YT\x95\xa8\xf6.\x06G`\x13\xdd\x15Q\x1c\xce\x15\xc6\x0f+\x9f\x87K\x129\x87y\xe38\xb1\x08\xa6\xae\x8a\xc4c\xa1\x87\x18\xd5\x13\xc3n\xa3\xdfD8W.\xd0tx\xfb\xec3TR\x12\x89\x1c\xaf\x81QQJ\x04\xfd\rP@\x82\xa1\x16+CI\xa9r\x19\xc79\n\x9d@X\xd1\x15\x9a\xa6a&amp;\xf7\x0f\xae\xbd\xf3\xf7\xce//9\x0c\xc7\x90S\x18\xcc]\xb9\\(\x14\x92\xbc\xb8\xf2\xebd\xb2\xc0\x81\xf0r\x14\x17\x03z\x81.\x14`$\xb8\xfd\xa3k\xf6Kr0\x0b\t\x00]\x05G\xaa\xccE\x0b\x05\xdaK{\xbd\xde\x8ddr\xa3\n\x07\x06y\x81\xb4\xc0\xdd\x86l\xe5h\x1a,\xc4\xc3\xe7;\x91k\x9d\xc1\xe3\x8b(\xc48\x85qP,h\x9c\x02B\xf2z-\x16/\xbd\x01\xf2nx\xaf\x04p\x05T\xd0\xe28\xa0\x95\xe9\xf0\xfe56\xbed\xe7\xcfYd\x13\xf4\x13\xc7\x81O4\xbdk1Z\x8c 8\x00\x1c\xe0\x19-H6#\xe2\x82\n\xc2\xab8\xf4\x8c\xe1\xb3\x95k\xf3k\xef"\n-\x05\xcd\x8c!(\xef./\x9b\xcf\xe8\xe3\xbfy \x0bo\x1d\x10V/\x02[\x98o0.:~\x16\xb9\xaen\x8fV7b\x1c\x1c\x00\x1e\x9bmw\xd7\xb8\x0bD&gt;#\xef\x18\xaf\r\x9e\x0b\xb0l\xbcvm\xa8\xcfvi\xe8\xc4\xd9\xeb\x99\xc7\xd2\x87\xfb\xf0\xc7!\xb2\xa0\xab\xae\x16\xb5\xd9|6\xa0\xf2\xb9|\x9f\xd8\xae\xe0\x8cFxE\xae\n\x06\x96\xe5 &amp;\xf0;g\x91\xeb\xe0\xe2g\x10\x05i\x81\xe6\xa9r\xf0\x95p\xe5\\.\x9f\x96\x90j\x91\x10[\x11\xb9e1&amp;\x12\x89\\.W}\x19\x08\x9a\x0c\xbfsyp\re\x94|\xbc\x8f\xdf\xc4)\xbc\xfc\xc9*X5\xe7\xd2j\x11\x91\xb4\x8a\x05\x84\xbeb\xd1\x8b\x86 \x91p\x81r\x9fd[\r\x07\xf0\xe8O\xc7\x12\xe1\xb3\xe1\x04\x85\x15\x8c\xbb\xedj)0*\x87\x80\xa4H\x88\xc9\xe5K\xb8P-\x13H*\x95\xca%\x95\xaa\x80L\xa5\xd2jm4\x1d\x08\x84\xc7?\x08n\xd7\xbd\xd3\x00@\xdd\xa2h\xde\'\x80r\xb9\xb4.@\xb2Z\x11\x95\xd5,\x05\x0c\x17z\xb8\x12.\xb0\n\xa8\xd05\xb3Y\x85\xaeY\xa5\xb6\xd5\x95\x02]&lt;/\t\x9e\xee\xdb\xc8,\xbc\x80\x98P\xe5\x10\x80\x16\x16\x96\xcbIR&amp;\x078\xb3J\x05\x0cf\x95\x16!\x81\xcc\xe8\x9aL\x0eZ\xb6\xcaI"\xb7[\x08\x87\xf7w\x84\xde\xa0\xff\x84\x01\x84M\xce\xa6\xcd\xe5\xc0\x060\x88_\x19\x16e\x98\t\x10CJI8K\x90\x00|\x85\xb5,\x97\xa9\xd5j\x00\x83\'\x86!\xa0\x8e\xf4\xea\xa9\xc0U\xdc\x81\xdbc\x9c\x8b\xd2\x88\t\xc9\x0c\xe2\xed\xe0\xa1&amp;2\x13\xbfOL\x90\x048X\x05\x06\xe3\xe4\xb2e\x80V\xb3,k\xea\x0f\xe9L\x0cA\xd3+\xe1\xb5cA\xf7l\xc9\xf1}\x1c\xdd\x06\xef\x12\x04)#\xad\xcbWT2\x19;\x91!\t)\x01&gt;\x11R\x17\xfc@\x92\x90\x16R\xd4eP@\x99L\xa66\xb9uA]*\xe8fe9[!0~\xb2\'(V%\x80S\xd1\x00\x8fE\xc2\x82\xc0\x85\xac\x92\xc9\x80\xe9*\x1dP\xfb\x93\xd5\xec2\x1a}\xd0\xf9*+T\xcf\x14r\xeb&lt;\xb1\xa0\xce\xcd2\x8c\xd6\x16\x08o\xbf\x97\x08\xd9Zp\xe3\x80\x07\nt\x8e 2dF.\xebB\x05"I\x92/(Q\x8d.\x1e\x0f\xa5U\x02E\x04\x8c\xa3U\xee7\xe9\x82\xd9\xee`,\x16K\xb1\xacR;4\x0eU\x14\xf4\xbd\xd7~\x94\x8b\xae\x14\x8b9\x82\xccd\x18F\x8dz\x99\xb4\x120b2\x12Y\x86&lt;\xb3JU&lt;\x9fJ\x95\xa8\xf6&lt;d\x83:U\xa7ii\xa9{\xb0\xee\xf0\x9bX2\xb7Z\\\xab\x08\x99\xa8G\xdbw\xa0\xdf\x8b\xabZp+\xc3\xb0&amp;\x13P\x91|s1h\x12IT[\x19\xe4D\xd55\x1e\xcal\x86`P\x9b\x82uO\xea\xf5\xce`\xd0\x912\xf9\x89\x9cm\xe8\xbfBn\x8cGkQ\xd8\nm\x04,\xcf0\xacRibd\xbc\xd4,\xb8\xe0\x97\xf1\xe1\x05CIB\x80A\xcf-_If\nAku\xea\xed\x06\xe7B,%c\xe0\x7f\xda=\x11\xf0\xb3\t\xc9\xc1x \x00\xf9\xce\x97\x90\xf5#\xac*\x17\xaa&amp;X\x97F\xe9\x04a!C\xf1\xd9\xb5\xd9\xd5\xb5\xb9\xb9\x99N\xa7\xd5&amp;]\xefCO\xac\xae^\xaf\xd78c&amp;\x7f\x86 l\x87\x02&amp;\xaa\xe4C\x80[\x01\xaf2\x8c\x9fe\xfd\x93p`Y\xe8.\xc0\x82H\n\xeat\xeeP\x7f:\xdd\xafN\xab\x81\xa5\xa9\xa9\x1d\xf4\xecY{{\xbf{\xc1\xe9\x9c\xd1@s)\x14\n\xbd&amp;\x18\xf33\x19b\xfbH@\xac\xcbhx5Gd\x16\xa1\x80\x93\x93J$?p\xa5\xfb\x87\x87{\xbb\x07\xea4N\x8f\xaeu\xb8\xb5\xc9\x1d\n\xb5\xba{\xe1\x87\xd6\xd6\x7f\x82\x86\xa7\x1b;4\xcf\x9f\xb7\xb5\xb5=\xd1\xdb\x9b\x15\xce\xd8\xa8r1\x93\xf9(\\\x11#\xfb\x85\xf0*P\xf9\xfdJ\x87\x03\xb0&amp;\'\xfd~6\xd4\xd00\x1do\x1c\xf8aF\xd3Ro\xa8\xcbf\x1f\xf6f=\xba\xac\xc7\xd9\x1d\xefmh\xe8\x9d\x9e~\x19\x7f\xf9[cc\xc7\xd7[\x8a6\xbb}pdlD\xe3q&lt;\xcd\x0c\xfdO8\xac\xd2~xu\x08\xa8\x00\xc8\xe1\xf8KJ\tP@\xd5\x18\x8fw\xfcc\xabM\xaf\xd7\xdb\xed\x8az\xcd\x80F\xb3\x002\xcc\xcc\x0cx\xb2\xd9\xde\xe9\xdf\x1e\xff\xe7\xbbG\x8f_\xbdl\xac\xfbYo\x1f\x1c{1?hx\x10\xf4\x13\x97\x82\x8d\xa2\xa4t\x18\x1e\xcad\xfc\x93\x8e\x94\xc3\xe3I\x99\x94\x0ccjm\x88#+\x9e+\xda\x9a\xed\xf5\x06\x85\xc1\xae\xd0\xd7\x1b4-NgKK\x8b&amp;\xa84\xb9C\xbd\xdd\x8f\xbe\xf9\xf6\xf1\xabW\xf1\xde\xecz}\xdb\xc8\xdc\xfc\xe0\x96f=\x98yS\x12\n\xeb\xde\xde\xf68\xb1\xb8\x98w\x8c\x02U0\x05\xe9\xc0\x86B\xa1\x06]\xd6\xe9y\xf3\xe6\xcd\xfa\x83\x07\x9e\x05\xa7\xa1^\xa10\xb4\xd49\x9d\x03\xdd\xd9\xacZ\xaa5\xfa\x18\xbf~n\xeb\xeb\x9a\x0e0\xd5S\xaf\x18\x9c_\x1a\x1b\xaco\x89=\xfduO8\xac5\xe8\xac|\xde\xe1\x80\xe6I)\x19\xc8\x05\xabV:4\xd4\xd77\xf1v\xff\xed\xbb\x8c\x9fa\x83\xce\x16\x83\xc6\xb9\xb0\xe0y\xf8\xb0\xa1\xb5\x7fY\n\xdb\xa2\xd1\xd8\xf7\xfb\xbf&amp;\'\xfcJw\xef\xc3nC\xf3\xd2\xd8\xd2\x8b\xe6\xb6\xf5\xd1\xb7G\x82a\xedl\xf7-.\x8e\x8eNM=X\x08\xa6 OI\x97\xd4W\xa4\x8b\xc5\xa1\xbew}C^\xaf\xcb,\x0f\xe9&lt;0\x8e)\x1d\x04\xd5t\xd3&amp;\xa4\xbcq#Y(\x8e\xf7e \xab\x1c35\x1d3\xf6\x91\xf9%\xf0K\xd1\x99?\x10\xec\x86\xf9h\xed\xdd\xd3\xfc\xd4TOOg\xa7\xc3\xcf\xf8\t\xa3\xd6\xe8M\x16\x8bE\x9aF\x9f&gt;X\x8cf\xb9\xba_\x17L\xe9\x82nwC\xbcw\xb8}\xd3\xac\xfa%\x99\x0c\xc0&amp;\xda\x97a\xeb\xe6\x9a\x07:jf\x9e\x0f\x8e--5\xb7=\x99\x12\x0e\xeb`\xed]&gt;?\xda\xb3\xbe\xaeo\x9e\x82\x1bM\x1f\xec\xc7f\xab\xd6\x9b,\x97\xcb\xc9d\xd2\x920/w\xa5Cn\xb8}\t\xb56L7\x0c7=\x03\xae\x84%\xb9\xe1\xf3i\xd5\xba\xad\xe61{\xf7\x0f\x8f\xb6F^\xcc\xcf\xcf\r\xea{\x04\x0b.\xc9\xf1\xf6b~t\xaa\xa7\xf3Is\xcc\xcf\xa2\xa0\x80\xa5\xd3\xe6\x84e#\xf9\xba\x9c\x847`.sW\xba?\x94J\x85B\xc3\xf1\xc6\x9axSS\xd7\xb2\xca\x88\xde`\x1b]\xcbM5\x7f\xff\xfe\xfb\x91\xc1o\xb6\x06\xe7\xc6\x96\xc6\x9a\xed\x9d\xc2\xddC\x00\xd6S\x9ek=\xff4\xdf\xa3h{\x14\x1fnR\xb3\x0c\x01\x86\xbd~\x9d\xdc\xb0$\x96a\xcf\xe9W\xa6B\xad\xc3\x1d\xdf}\xdb\xd1\xda\xbe\xecB\x1f+mx\xc1\xc8\xf6\x86G\xff\xfe\xdb_\x97~\xdc\x1a\x19A\xcd\xa5\xff\xf9LH\xac\xfc(\xc2\x9a\xca\x8f&gt;\x19\x9b\xdb\xaa\x19nW\x07\xd7{&amp;\xb4\xe8\xb3\x90\xe4\xffY3\xbb\x9f\xb4\xd3,\x8ego\xbc\xd9d/$\xec\n\x8a\x08\n(\xfe\x10kxU\x14\x8cv\x885T\xc3\x80\x80\x02\x02\tT*\xbb\x8aqU\xb4\x10\x90Q\x82/,\xd1*\ru\x03X\xa7\xb0U\xc0\xd8P\xf0e\xed\x0bhv\xea6\xb1\x13\xdd\xa41\xd9&amp;6&amp;\xf6\xc6d\x93M&amp;s\xb3\xd9\xf3c\xe6?\xc0\x87\x84\x0bo\xfc\xe4{\xces\x9e\xef\xf7\x10\xef\xad.\x91\xa8yj|_M\'\x05\xab\xf5\x8fHzV\xe3\x7fy\x1c^S\xd5\x81\x92\x0c\x04\xabM\xae[^(\x9f\x98\xa0\x88tV\xec\xd6\xc6\xfc\xbd\xbf\xaf\x81Xz}s\xf3\x90\x9eK\xb7\xd1\tT\r\x8d\x87\x19\xacj_\x05\xad@\xac\xd5\xd5\x1eL7\x8d\xd6\xd7Z#\x11\x99}/d\xbd\xd9\xf8\xe3\xf0\xbbwaq{u)\xa6Q\xd6)2$77\x93\xbaD\xc2\xa6T\xb2\x9a\xafn\xcf\xd7\xec\xcd\xe4\xb1dC2\x92\x92\xb5\xc8\xac\xc5@l\xae\xaf/n\x8bg\xb3\xf1^\xc0J\xf5\xe0E\x14\xfeJ\xc7\x80\xc26+\x8bg\xe3\xe2wa8\x83\xc5-\xf3B\xf2\xd4$Kh\x98}\xfb:\xa9\x9b\x9d\xa3\xb3X\xb1\xab\xdb\x1b\x10{y\xae\xe6X\x17\x97I&amp;\x91Z\xcb\xdb!\x17\x16WU\xc3UD\xb1T=\xa9\x14\x83(zT\xdb!\xb2/\xe9\xea.\xb3\xaa\x9d5\xb1x/\x1c\x16\x97c\x88\xba\xcd\xa5\xb99\xbb\xdf\xf2vc+i\xa2\xe3H\xdc\xab[+\xe2\xfb\xbd\x19\xb7\x1b\x9aK\xdfE\x9an\xea\xff\xa6\xfa{wc}\xfb\xe8\xe3o\xef\xdc\xc9&gt;\x8d\xc7W\xc5U\xa9TM\x85b\xa0\xbfO82K/\xbf\xec\xdd\t\x8ba\xd2\x86\xdf\x85U\x18"kV:eZ\xd2\xcdf6\x13[I\x1dy\x9a\xfb\xf9\xf6\x12\xc6\x01`\r\xeb\x87\x87W\xe8\x8a\x01|\xf1\xf73\xfa\xbd\xbd\x87\x7f\xd8\xf9\xfdo~\xfb\x10\x1a\xbeM\\\x9f\xea\x91\xd5r(\xc42\xf6\x98M\xf7Mvy7\xac\xaa\xaek{\xfa\xbb;\xd9\xb6.\xa9\xcbb\xb1H-R\x97k\xd6\x9f4\x91b\xcd\x9fo\xefM&lt;\x98A\xb9\x86\xdd\xd3t&gt;\x11_%\xee\xcd\x8a\xafv\xb2\x97\x97O\xd7&gt;\xbfT\x85U\xe2\xaa\x96\x06\xd9#\x84\xa7\x9e\x0f\x04\x9fL5\xc6\xdbT\xa3\x8fw\xae&gt;\x8ef\xa1\x9c\xff\xf9c#\x97\xb5\xbe.\xcd\\\xdc\xac\'\xa6\xa6H\xd3\xb7\x88\xf5\x0c\xc5\x1a\x1e\x1e\x1eb\x91\xfa\xba\xeb\xab\x1eT\r6\xc8\x1aWGG{U{\xed\xaa\xdd\xb5\xb5\x1f\xcaK\xfa\x88\xec\x00X\xf8\xa0C\xdb\x94\x8a?-\xbf\xfa|\xf5\xef\xb5\xd5x\x9b\xcee\xfa\xe6`\x85E7Mf.\xde&amp;MS\xac\x18\xf7\xe7\xfbE\xb7\x01v\xff\xd9\xb3g/Q\xb5\xf4\xeef&amp;\x1f\x82\xce\xddF\xaer\xa5\xac\xe4\xee\xc7\x8f\xe1\xe5\xf6\xf6e\xf1\xee\xee\x83RL\x99\x9a\xcd\xa6\xb1\xbdGQ\xc1XY\xaa}w7|\x00\x95\xac+\xedx\x84\x93Zld2S\xb9\xb4\x99\xd9R\x9aX+\xb1\x97\xff\xbc\x85%}\xd1\xfd\x1f\x9b\x0f~\xde\xcb\x17Q\xdf\xaf vJj\xf02\x92\x8dN\xc4\x0c\x1e\xec\xbc\x13/?\\^\xfe\xe1.\x04F\x1eP!4\xf6\x11\x18e"\xa6G\xb5\xb7\x06\xf7\x10^N\xe2\xe2\xdc\xa64\xb1X;\xf2\xc44i\x99\xa3\xebX\xd3\xb1\xbd?\x1f\xfcX\xb0\x15,\xfa\xd7\x03|\r\xe3O(\x96[/\x1b@$e5\xf8\xc6.YG\'\xa6A,~\xfc\x10\xcct\x15\x04U5\x8f\x8d\xd0\x82\x1a\xc0\x8a:\xa2\x08M]Z.V\x8d\x8eV\xb7`\xfa*u\x96I\x16\xa1b\xc4\x1e1%M6%nZ\xb6ZM\x89\x14\xec\xb9\xee}^m\xa8\x10u\xcf\xb8\xd1*\xb6R:\xd1\xf4ww\xb0{\xf0A9\x18\x9b\x87*Uq\xe9| \xc0S\x83T\x88\xc6\x8a\x04\xad\xd1\\\x8e*G\xd8y\x0b\xb1Z\xd7R\xdf\xb8\x82#\xc9:Z\x15v\xa3sn\xc9dc\x92)j\xac\xcf^\xf0\x12\xf5&gt;\xf9U`A\xbb\xd0\xa4G\x1f\xeb\x0eJ\xa7D\x02\x01\xb1\x81QU\\,\x16\x177\x94\xf0x^8l\x1a\r\xb1j\xac\xd6`\xf0(\xba\xefp\x985\x90\x13\x03\x8c\x9e\x9e\xea\x96\xf2zt\xc3\x83A\xf8\x02\xa331\x9b\xd4\xe1"\xdaD\xda\x1f\xfcZ V\xd1w\xb5\x01\xabc\xc2\x19\xe1\x02\xd6\x90L(\x81SV\xc2`\xa0k\x86\xfan!\x1aUi4\x9a\x86\x82j\xf5+V\xee\xcc\xc9\tB\x80\r\xcc\x03XO]\n\xde)\x1e\xc2\x11h\'&lt;s6\x1d3\x99\xbe\xb8\xc1\x8a\xde\x17\xfc3\x8f#\x983\xfa#\x112`q[\x85\x88D\x82 \x92Na_Gc\x1f^\xc2F4r\xab\x06\xa84(\xd4\xafX\x87\x06?\x93\x1a\x04\xb9\x02`\x9e{\x80\x8a1\xcf\xb6r\x0c~Ob\xcbF\'o\xa4\xb7o|\x0b\x85&amp;\xfe\xa2\x7fp4X\xe7\xb1\xd182\xe3\xd6s\x9b(\x9d\x08\x9c\x81\x8a\x8a\xd6\xb2\x92y\x1e\r\xb2\xc3#\xa1\x06\x01,H\xab\xa1\xd0\x11`\x85\xf6\x0f\x0f\x1d\x029;\x80\x16\x17\x04+-\x9d\xe7!V\xaa@\xeb\xdf\xdaJ\x98t,\xdf\x87\xd7\xe9-c\xc1X7\xb9\x05\xa3\xd6sfV@\xc7s\tc\x1a\xa0\xd2\x809V\xab\xd5\x88\x08\xb2\xfcH\x13\xb1F\r\x8d\x15\xb2\x86\xa2y\xac\xfd\xfd\xc3\x93C\x87&lt;\xc8\xfe\xa5\xebx\x81y\x1e\x9bF\xe1\x18&amp;&lt;&gt;\x9f\xcf\xa3\x8b\xf8}\xe9\xb4\'R V\xd1\xbd\x8b\xdc\xd9\xb8\xd9y\x86\xc5\xba\xdd\xcd\xb1Z&gt;\x05\x01\x1b\n\x85\xa4!D\n\x15+ \xf0+\x88jv0\x14\x05\xb5\xf6\x81\x0b\x15\xeb\xe4t\xc2h\xc0\xd2P,\xe8\xbc`P\xa3\x01\'\r5\xdcJ&amp;\x13J\xa6sk\xfb\xb5\xd6P0\x96K.p\x18|o\x0c\xfc&lt;\x96\x8c\xa8F\x1b\x1c\x0eQ$\xe7\x08\x14\nHa\x149\xc7q\x16\rE\xa3\xc0\x15B\xb1\xce\x8f\xd3i\xa7\x95\xede\x07\x8f\x8e\x8e\xd0\x96C\x97\x02\xfe7oP\xac\'N\xd7W\x97\\T\xe0\x06\x15\xb0r\xce\x85\xe7\xbeSv\x87\xdb=\x14[i\x06\xbb\x0e\xffel\x8c\xaf\xc0\xca9\x9c\x05\x16\x13\xa7\xc0Zi\x14l\x0e\xa8\xf6\xf7\x81\xea\x17\xb5\xfcN\xac&lt;\xa8\x91\x87\xf2\x1f*\xc7\xb1`pN\xf8^\xa0X\x1c\xec\xc5M\x80\xf8\xbeP\xb5nrN\xa3\xef:\x14\xe8\x1av\x0fMOOW\x8cY\xadT*\x9fPi\x1f\x1f7\xd8\t:\x9d\xa9\x92\x1a\x84;g\x85N?\x040\xa0:9\t\x05\xd8\x0b\x06\xb9\xdcJ\xcd\xc1p\xcda\x1d\x0e\xc7\xb8s\xc2\xb3\xb1\xf1"I_\xe4\xff\xd7\x7f\x13$\x14\xba\x06/z\xbf`\xf6??9\xf2v\r\x0f7\xc7H\xd3\x10\x90\xe59\xec"\x0b\xc7b2\xe9K\xa6)\x1c\x8e\x00\x9d\xee\xf5\x86\x80\xea\xf0\xfa\x1a\x85:\xbd\x8ezaP\xd0\xd0\x8d\x0eP\xa1\xbdi\xd0z|\xc7\xd2|\xce\xe0\x7f\x19\xbb\xe00\xbf+xn\x99\xe5N\xa3\xd3\xea\xed\xd2\x0f\x0f\xc5bd\xe6\xc8\x82\x00;R\tN\xc5FW\xeaX\x84\xfeVy\xbe\xd5\xf7\xaf\x81g\xc3\x07\xdf\x9f~:\xdfG;\xffh\x9e8\x06\xa1\xd1\xe18\xd3:\x9d~\xdf\x87\xcdLZ:\x0bX\xf1WRc\xa4\xd0\xa7\xba\xe8~\xc2\xaaun\xc9\x032\x14\x8bK\xa6\xb3\x9e&lt;\x81\xe0NR\xdat\x8bL\x85h\x007\xe2\x00\x8d\xa2Q\xe7\xb1\xef\xf4\xd3\xf6\xeb\xeb\x93\xf3\xf4W\xd7\xc9\xfe\xe1\xe9\xa7\xd3T\x89P$\x97S\x1df\xa0\xf2|Xwe2\xeb\xb3J\xad"\xfbE\xe9\xd7\x15\xbc\xe3\xba\x97\x11\x99\xfd\x9e\x9c\xb7C\x9f\xaf"K\xa7\\t8\x088&amp;\xb9\xb2ID#V\xe0\xec\x9e\r\xdf\xf3\t\xa7\xefx\xe3\xfc\xf4\xfc\xfa\xe4\xf4\xd3\xff\xd2\xf0\x87\x0f\x17_\xb7\xbd\xa9\xee\x01\x91\x88B\x1d\xd7\x1a\xfd\x1e\xcb\xdb\xcc\xe6\xfa\xfa$=B\xbc\x8cc=\xc9\x82\xb1\x8a\xbeb\x05N\xb3\xd5KD\xb1\xb8\xd38\xba\xce`\xc6*\x9a\x08$\x02\x91\xc7\xc3W\x90\xecZ\xa7\xf6\xfa\x0cJuzrr\x88\xaa\xf4\t\xf0\x9e\xfft\xbc\x9df\xc7\x1b\x84\x03\x80\xe50D\x96\xe6\\p6\xa5\x93\xccH\xcbe\x96\xe6\xcf\x14\xfc\x83T\xd1\xdf\xec\x82\xf1P\xd0\xdb\tX\xe8\x16\x82\xc9\xb4\x8f\xf0\x07\x06`^\xa9\xe7\xcbV\x98\x8b\x06G\x94\xcd(\x9dW#Q\xb8\x89\xd1\xfd\x93\xf3\xf3C\xb8\x02\xb4\xe8\x84\x07\x93b\xd4\x08a\xc2q\x0c\xca)i\xc6\xf5v\xd3\x02X\xcc\xf8eV4qS\xb0k.\xba7\xb50\x0eWM\xa8\xd7\xe7\xb7\x10\xa0\x0f\xa1CH\x14\xe2%\xbc\xb2\x15\xdc\xa2\xc1`\xce1R_R\xafJ5\xf9!\x7fxn\x960\x18\xaf^\r$\xa6\xfa\x1a\xd4\xf0\x1ch4"\xb3i\xd6\x02%\x9c\x9c\xb5,\xd1W\xb2\xd9/\x1ec\xa1\x06\x02\xe5ra\xb5!o\x00\x19\x82\x9e\xe76\xf7\xcbd+\xfd\xf8\x9a\xce\x1a|\xcd__V.\xda\xcdp\xce\xcc\x06\x98\xa6V9\xb8\xac\xe0\x99\x80&amp;\xd7n%7\xb7\xb7\x93|\x8dH.\x04\x8b\xc1\x19\xa1OY\xa4\x19\xe9\xe4\xffi\xb7\xd6\x9f\xb4\xd2&lt;\xdc\xb8\x0b\xd3\x8e\xbd\xd9\x0e\xa6\x9c\x15\x01\xb9t\x80\xcd`\',g8\xc0(\xdb"\x1c\xa5\x1e\x05:Hi9H* pbk\x14\xe5bci\xc5\x0c\xd1B\xb84f\xebI\xc4\x1a\x83\xe8\xaa)\xd9\xb4\x10\xbb\xd6\xdd\x8d)\xa6M:\x93jv\xda\x0f\xfd\xb0\xd9d\xcd&amp;\xfd\xb0_l\x93m\xb2/&amp;\xfb\x1f\xc0\xcb7B\xc2\x93\xe7w\xff\xbd\xcf\x1b(\xc3\xfa\xe3?\x06W\xac\x95\xd8S\xee\x0cJ\xed\xb7\xae_\x1e\x18\x00\\)1\xc8\x82@\x90\x00\x82\xd4\x90\x11\x1f\x1c\x19Q(\x14o\xfa\xfb\xa7n\x97s\xa6\x94w\x9e\xaf\xb8\xc5\xb7N.\xdc\xb9\xf3daqD\xea\xbb\xe2+/\xee\xd96[.\xe2\xd5\x03\\Q\xdb\xf4\xef\xfev\xff\xc7\x95\n\\YS;\xa3\xe7Mv\x85OY^\x06*\xa1\xf2j\xde"\x80,\x16\xd4(W\x0cNM\x1d\xe2\xe1\xf3}\xe5\xb5\xb3]A\xa3\xdd\xee[\\\xd9~\xbe\xb0=9n\xbf\r\xbek\xe5\xb5N\xcd\xf8\xa3\xb9`"\x00F\xd8\xa8mrt\x9b\xff\x87\xf5\x8a\\\r\x7f\x90\x9e\xef\xb7\xf6\x8b\x00\xaa,\x0c\xa9\'\x08\x0c\x0c\xf5\x90\x05u\xc9M&amp;\x93\x8c&amp;\x95^\xe1\xf3[A\xed\x96\x85d\xad&lt;\x17\xdf\x9e\x89O\x82\xcf\xe2x\x9f\xc9\xd5*\xa5\xc9|\xfd\x12\x1b *\x17\x8c,\xeb\x13\xfe\x95\x85\xe7?V\xc2\xb5\xca\xb1\x18\xbf5\xd2g\xe7(a\x18\x0e\xc3\x90\x13\xf4\xce\x80.\xd4%S!\xa8\xca%\x93\xfa\x00#\xcc\x06\x81\x05\xb5\xa8\xd5]PG\x88\xd1\x94\xb1fFG\xad\x83 Z]\x0c\x85\xc9\xea\x08&amp;"\x89\xa8#\xa0\xcf9z\x16\x16\x9eK7+#;h_\xbf=\xd672\x03\xc3\xd9p\xd8H\xa8\x11\xc4\x08\xfeO&amp;C!\x0f\xa4R\xc9d.\x1e\x98\x87\xc0\xa4\xd8v\x86\xbbA\x90]\x1d.yH6e\xb7\xce\xb0PH\xcd4M\x8fe\xd6\x02\x89H.\xe8\x08\xcc\x07l\x92\xc9\x85\xed\xfb\xfb\x95\xb9F\xa7.\xf9g\xfa\xecv\\\x19f\x871\x8c0b,\x96\\\x1ebv5;!4\xe4r\xb5^\xffm\xc7\xb5\xb2\xde\xe1\x87\x1f\x9cmg\xaf\x9d\xe7\xf9xW\xf8#\xe3}\x1c\x95\xda\xa3\x9a\x16f\x84\xabz\xaf7\x97\x88n-\xe7l3\xf1W\xcf\x9fTJ\xa3A\xdd\xef\x01\xf9\tW65\xd1a\x00\x8b\xc5apD*\xb4|\x1f\x85\xc8U2\xa9L\xa5\xc2\xb0|\x1e\x86\x896AK\x0bSf\x02\xe1\xd9\xdfg\xcf\x18=\xcd\x88\xc8f\x0b\xe6\x02\xfa@$\x92\xd8\x9a\x0f\xda\x18\xe3O\x9e\xbf\xab\xd8\xa6\xb930f\xef\x97\x0fd\xe9\xec4\xa1\xc6\xd2\x1c\x0e]\x84\xab \'\xd7\x83q\xc6D\xd3\xa2|~cc\xa3Px\xfcS^\xed\xf1\x90\x842\xdc$\\[\x98\x8c\x08\x9b\x1b\x9b\xb1\x1ea\xee07D\xa2z\xfd\xbc\x03\x95&gt;\xd9\xdc\xaf\xdc\x15\xd9\xbb\x8c\x95\x7f\xb9\x17\x0e\x87q\x8b\x11\x0b\x8b8\x12\x0e\x8e\x12\x97\x86.\x91a1\xfb\x10\xd3\xdc\\\xb1X*h\xce8=\x1e\x0f\x9c\xcd\xd2\x13w\xeel\x05\xb9\xe6f#]\x98\xd3\xcf\xeb#\x89\\B\xbf\xf5\xd4v\xf6\xbb\x95\';\x15Cud)\xc8\xff\x8e\xcc*\xb3\xe24\xcb\x08\x8b\xd8l:#\x84\xa8/]}8\xe4Q{J%\xd2\xa31\x9b\x1b\xcdf\r\xb7\x91\xebll\xc30eX(\x14J\xb0\xabCf\xcc\xe6H\xcc\xcf{A(F\x00g=yh\xf4]%\xf5,;\xff\xfe\xf8\xe2\xe7^\xa5\x88e\xc4\x108\xcd\x08\x8bX\xa8\'\x19{x\xe3a,5\x97\xdf\x00V$0K\x97\xa0\xa5\xa3\x05U\x19q\x16\xcaD15\x17\xa0N\x92M\xfe\x84\x1e$,\x90\xb6\xf4\xf3\x91\xe0\x8b\x9dJ+=\xa9\xd4\x97\x037\x11\x14\xd4\x9e\x01#\x83\x13\xc6\t@Qr\xe8A\xf2\xf1?\xf7\xf7^&gt;{\xf6\x9f\x97{\x7f\x7f\x0b\xfez}\xff\xc3\x87\xa5\xbd\xb7\xd8\x9f\xae\xfe\xf5\xe1\x90\xb9\x11\xa2\xf7\x04\x96\x97\x03Q\xbf\x1f\xf8\x97c\xb9\x9dJ\xad\xb4\xb2\xac\xfd\x11|\x13\x015\x1aQ\xa2\x1c\x0eK\x85"D\xc9\x03A\xcd\xcdL\xda\xcc\xea\xd3\x97{/^\xbc\xdc\xdb\xdb[\x07\xfd\xdf\xfa\xfa\xab\xed\xf1\x11\xb9\x91\xd4h\xcc\x04[\x18X\xf6&amp;\xfc~a"\x17\r\xeeWA\x1cH\xbd\xf7\xfe\xaeZ`\x81 \x82E\x17\xa9\x8cF\x04C@\x1d\xc2Q\x97I\xfa\xe77\xafw\x0f\x0eV&amp;\x17\x0f\x0e&gt;\x7f\xfe\xfc\xdf\xf2\xb9\xbf\xea`\xa9\xd5$\xc6\x11G\xbc\xb9\xa8\x90#\x0c\x82&lt;\xbft\xa4\x1ag\xef\xae\x1a\xb2\xb4\xb5\xa9A,\xe2\xb8\x11AB*\x94\xd5\xc4\x16qF\xde\xbc\xf9\xd7\xeb\xd7\xafww\x7f9&lt;\x07\xdb\x0b\x9b\x9b\x9b^\xbf\\\x85\x87\xd3"\xb17\x17\xb4\xd1\xc5\x92`\xd0\xff\xae*\xcaf\xea\xd2\xa7\xbb\x02\x81@e!\x94i\x1c!P\x9c\xc1\n\xb1\x9a\xe8\x12\x89-c\x1d]\x19\xdd\xb5\x8e/\x02P\xbb\x07\x0b\xaf^\x01T+3\x0c\x91P(Js\xf4\xd1\x1e\xa1\x04\xfcH\xe8\xdf\xa9\nYG:\xdfN\xb4u\t\x10\x88P\x1a\x8d\x18\x088\x91\x8818\xc8\x11\xb1\xc5\x19k\xf0N"\xd3\x97\xd1?\xbd\xff\xcb\xee\xf6\xe6fdm\xcd\xd1c\x9d\x99\xf1\xb3\x0f\xbb\x7f\xb1H$aK\xe8\xf3\x9d\xd5\xd1\xa7Sw6&amp;\xda\xda@#\x88a O\x18q\\\xc4\x19\x1bc\x98d2yH\xce\x92\xc9e\x0c\xb1\x1dXs|t4\xbe\xb2\x1a\x8fglBv6\xdd$\xf4\x0b\xc5xH\x04\xc0\xbf\xa8\x96j\xbe\xf3\xfd\x04\xe0\xab\x0bB\x06\xf2$\x89a8clllPAs]&gt;\xd7\xccmn;\xd7\x0cj"SF\xa3\xd9\xe3\xab\x93\xf18\x18\xb9\xc3\xa0E\xb3\xd9$\x9c\x90\\\xceB\x83U\xd3\x80\xb7\xbf\x9dp:\xbb \xa2w\x03\x04\xbf\xbaD\xe2\x83c\x83S#\n\x1a\xaf\xe17_\x7f\xf3\xcd\xc5\x07\x0f\xbe\xfe\xfe\x9c\x80i\xea\xeb\x89\xc7\xe3\x93\xab\xc2p\xbeT(\x00\xce@\xd0\xaa\x94p\xf5\x9e\x18\xb4\xbf\xbd\xcb\xe5\xaa\x9dj\x82\xd4\xcc\xce\x165\x1e\x8c\xc101\xc0\xf4/m\xedh8\xfb\xed\xa5\xc63\xdf\x9e\x13\xb4\xf8hv`\xc6\xc5U\x07\xa8\x96\xa5\xd2cI\x13N\x80\\\x02G;\xab\x07\xeb\xe3\xcd\t\xae\xd3\xe9!J\xee\xd4\xf0\xb0\xbbD\xa8\xca\x8d\xf3m\x1a\xff\n\xaf\xa3\xbc\x81nh\xe8\xe8\xe0\xb5\xf2\xfbG\xc7GA\xf0\xa5\x0b\xe6\xd4_\n\xb0\x12\xc1\xd2\x04\x02\xeb\xab\xf7\x1e\xa3\xfd}o\xaf&amp;\xa9q\x92E\xf7\xb0.\xd6m\xf6`\xaa\x90\x0ct\\&gt;\x80\xea\xda\xa1\xc0\xf4\xf2\xe5\x16\xa6Oa\xcd\xcc\x88E\x18H\xf2\xb3\x85B\x01\xb8\xa1G\xad\xa4oU\r\xd5\x91\xceO\x03\x03\xbd\xdc\x94\xd9\x9c\x8c\xb9\x8fiuCf\x02S\xa9\x0e\xf5[\x82\xb3\xe7\xce46\x96\xf5\x95\r\x82\x96V\xc54\x8ecf\xc0h!\xbfQ,y\x9cND\xe8\x7fZ5\xb6\xa8\xf7\xb2\xbdJ\xd89\xe4v\xeb\xb4ZC\xb7N\xab\xd3\x90`\xcc@\xa0\x86ke%\xea\xf7\xff\x17\x046\x08\x08\xb5F\x17s\xbb\xdd\x1b\xd9\x8d\xb9\x94\x86\x9c\x80\x83\x8e*\xc2ZR\xf6*\x957\x01UG\x8f\x19\xeat\xdd\x06\x80\x0b\x0b\x81\x12\xc4\xe4]\xbf\xeec\x82\n\xd0\xc1\xe3\xf9\xf8\xb4\x90\xc0\xd9x16&lt;\x0cL8\x9br\xbb\x8b\xdc\x9b\x8e\xc4\xeaV\xd5\xde\xd4P\x1f\x1dN\xd6J\xb3\xd6\xa0\xbdQ\xa7\xd5Q\x0c:\xe0\xf6\xc6P\xd9\xc1B,N\x08E,L\xa6l:\xd3\x93&amp;5I\x80\'57\xab\xd3\xe9\xdcI\x8d8\x18\xa9&amp;\xacg7\x95p\x9a\x05O\xe8N\x9f\xa8\xa1h\xc11\xc4\x92\x1aD\x85\x02`\x0cN\x1aLE\x84\xc5\x82\xf7\xf8%\xe9\x92\xa6Xt\xbb\x87S\xa9\x98\x16\xd82\x1f\x89D\xd6\xf4U{\xb9B\xdd\xeb\x1d\x80\xd9\x9ct\xaf\xcep\xfcDM-E\xa7\x8du\xc7\x92$\x02\x8aQ\x1e\xc7\x89\r\x92$!\x0f\x01\xa7\xe1&lt;h\xa2S\xe62_\xc3_\x1du\xcfI\x02\xb9\xc0\x9a\xb7jy\xab\xfdg`\xc3\xa6iv\xb6h8Q_[\xf7\x85\x96b\xa0\xe8tI\xb2D\x12\xa0m.\x14I\x12D\xdd\x99\xd2\xc6\x9c9\xa9\xd3\xa5\x86\xdd_Q\x8e\x813\xfc\x18\xf4\xf1^\xc0V\x95`Q;?\xf6\x96\x17oMl\xd8l\xa8\xab\xaf?^[__{\xe3\xb4\xc1\x0c\xb8!\xe7\xc0\xdcc\x9e\x03}t2Y\x9c\xd3\xb9\xbb\x01S\xdd\x94\x1a\xca\xf1\x9a\x9a\xe1\x9f\x82^\xbd7\x97\xbbW-X\xf7\xde\x0f\xc0Y6]L\x0f\x13\xbf?}\n\x9c\xfa\xfaS\x17N_\x88\xe9\x86\x864I\xb3&amp;9\xe4\xd6\x95]|6\xa5;v\x14\xb8\x1d\xa5\xb6\x8eR\xf7\xeb\x9a\xd9O\x89\xe5\x807\xeaxT\xb5\xb4\xf5i\x00\x8c\xa6l\xba\x84\r\x17)\x17N\x9d&lt;Y{\xf2W\'\xebN\x9d\xbea\xd0\x02\xd7\xbe\xa83\x00,\xda\x1bZw\xac\xe6\xcbZJ\xcd\xf1/\x8f\xd5\x1f\xaf\xfb\xa2\xfb\xb1\x7f^\xaf\xf7&amp;V\xab\x05\xeb\xc8\xd2\xffh9\xff\x98&amp;\xd24\x8e_\xa73\x9d\xe9\xfc\xe80\xb4\x8c\xd0\xd0\xa5\xed\xb8\x1e\xb4{\x16\ra\xc3\x8f\x159Q\x11\x11(\xba\xd2\x93\x84rT*h\x89\x97\x86\x8a-pZ\xce\xc5=BQ\x11=\x88\xf8\x83\xda\xb8\'TdYW09\xaf\xc0\x1f\xe8z\x07\xc6?N\xcc.\xa8\x9b\xb8\xbb9`o]c\xcc\xde\x91\xdc\xdd\xf3\xd6\xbb\\\xee\xb2wqouH\xa0\x14&amp;\xf9\xcc\xf7\xfb\xbc\xdfy\xdf\xe9&lt;\xf3\xeb\xbd{[\xd0\x1d\x93i\x86\x0f\x8e3,/\x93\xc9\xe5"+\xf2`\xe7\xceU\xa7`u\x16sjg\x8c\x90\x9f\xcf\xb0\x0c\xcb\xf1\x8c\xc8\xc4\xb0La\xd7\x03\x97\xcb50\xd0\x7f\xf8\x95M\xb7nBl\xb5\x80\x87\x06\xb3q\xdb\xe9B\x81\x97\xc9e2\xd4\xbe\xc9\x8a \x1b\xb8)2"\x11\x83c4/\xf2*Q\xc5p\x0c\xcf\xe0\x9eb\x9f\xaf\xd4?^\xda?\xf8\xc7\x82WT\xf1\x1f\xa3|@\xb7\xbe\x9a\xcd\xf6\xe2\x8d\xf9P\\r\x99|\x99\\\xceG;\x85\xc1T\x9eW\xb1L\xf4mx\x8d\xc1h%v\x7f\xe4\xed\xf4\x8d\xfb\x07\x82\xbe\xc1W\xb4\xc0(\xf8\xfd\x07?}\xeb\x84!\xcdd1\x98uv\xbd}\xcfNQ\x94\x01\xc12$Z\xb4\x0bw\x19\xfc\xa2\x92\xa9xQ\xc5\xab\xe4\x0c!`\x90Y\t\x9d\xfdA\xff\xc0\xf8\xa8o\xd0\xff*\xb0\x14\x8a?\xed}\x07\xc5\x96\xc5bI3\xeba\xd1S\xf7\x93\xad\x8c\x0c\x8c\x94\xa3\xf6[\xb9\n5T\xa3\xeee\x10\x0eDS\xa90\x82T\xee\xee\xbd\x93\xe6t\x95\x96\x0e\xf8\xc7]\x87\x1b_zB\xa0\xee\xee\xa1\xf7\xde\xf9\x05\xe4C\x8b\x11\xd6|F\xb3^\x9fk\xff\xa8\x10\xdc\x13\xa3\xbd\xc2H5\xb0\x115\r\xf3@*\xb2\x1cC\x17z6^\xbb\xf3\xa6\xa9\xad\xd4\x17\x1c\x1a\x02\xac\xee\xbb\x05/s\xa5\x0fL\x05\x17o\xfe\xf5a&lt;`\xbd\x85b\x0b\xf2\xd4\x0cjm\xcb&lt;\x87\x8b&lt;#\x7f\xde\xc1\x8c\xe8\x18\xd4\x84\xae\x02V\x86\xc2\xb6\x16N\x18\xd2\xbc\xa6\xb4\xfe\xd6N\xd7\xb8\x7fh\xd45Xm\xf9\xe4b\x91\xe2e]\x84\x00\xa6\xbb\x9f\r/\xcd~\xb5k=\xfa\xd0\xc7\x90\x00\x9b\xa4\xd7K \xd8o\x8e\xe7\xf3\xd1f\xef(\x94,\xda\x1a\x0fc\x92e\t\xe5\x91\xae??hs\x9a\xbc\xfdm\x95\xae\xe0\xa8\xdf\xef\x0f\x86+\xda\x97\xfeV\xb9p\xfd\xd0\xf7\xef\xe3\x07\x9d\x8an-L(=?\x9c\x9d\xbd\xbaG[\xb7\xf7\xcd\x16\xc9\x08#Q\xd2\xd9uf\xf8\x06\xc3qk\x0cd=rR\x1e\xddd\xbc((5]\xbd\xd7\x1e\xb4\x96:\xbdm\xad\x8dN\x9fk\xd4?444\x12\xaeh~{\xe6\xd9\x96\xae\xe1\x85[\xdf\xeb\xba\x8d\x02=\xeda\xe1\x8e\x07\xd3x&lt;K\xc7\xa6\xaf\xee\xa9\xfb\xd9\xb6\x16\x83\xc1\x08bI:\x9d^g\x90\xcc\xf6\xba\x8dG \xd7\x19Q\x05q\xcf\xa3&gt;\xebU1\xf9\x85\xc7\x8fo,6\r\x0c\xb4\xb69;\x9d\xb6N\x1f\x14\xbc\xdf?4\xd2q\xb0:\xfb\xf1\x97\xcfN\xf7j&lt;\x9f=\xb9y\xe8\xffs\x131\xdd\\\x18\xf6(\tA\tk\x9c\x19\xc0Z\x9fYl7G=4\x18\xcd`a\x96&gt;`(&gt;\r\'\xe7\xc2\xfc\x98U1\x0c#\xc4l\xdd\xba\xa3\xbe&gt;o\xf9\xae\xba\x13\xa6\xd6\xa0\xaf\xb5\xad\xd2\xec\xed\xefw\x95\x8e\x8f\x83Z\xa3\x1dG\xfb\x1a\xce\xce~\xb9t\xae\xd7\xc3yz\'\xee?9\xff\x9dG\x80\xe2\x07E\xe7\xef}\xddE\xe0$\xce\xd0\x1a\xabu\xf7\xcc\x99\xe9\xa7\xdab;\xc22&amp;\x18\x8d\t-\xfa\xe8\x86b\xf5t^=\x9a\x0f\n\x1c\xb13\x7f\x1d\xba\xd3g}\xdd6\x8b\xb75X\xdaik15v\xf6\xfb\\Q\xb5\xc6\'\xc3\xb6\x86\xb3\xd3\x7fyv\xed\\\x17\xc9Z\xad\xa4u\xe2\x9b\xefVg\xe8Y\x0f\xdfL\x90\x1cGS\xa4 \xe0\x94\xd5Z8s\xc61\xaf\xcd\xb5\x9b%\x802\x00\x96\x04CQ\x0f\xe1\xe56\xdb3S\x8f\xd7\xd7\xaf\xfb\xf1\x91\xfc\xfcS;\xf2R\x13\xd1\xcdpF\xa3s\xdc\xe5L3T:\x1b\x9d\x8d\xfd\xe8\xb3D\xc0\n^&gt;Z\xfb\xde4\xb8x\xceC1\xb4\xc7J\x90\x94\xe7\xd1\xdd\x17\x06\x03\xa8\xeb\xf7=\x18\xcd1\x18\x89\xd3&lt;G\x90\x1a\x8dr\xe6\x80\xe3\xf3\xccmz\t\xb4\x02.\xd4G\xa0C\xe5\xa5s\xbb\xb3r\xcbKb\xf3\x92\x93\xf3\xeaw\\Z\x19\xaf\xd5\xa6\x94\xd4m\x92*;\xdb\x9ci6\x9b\xcddr\xb6\x96\x06\xc7\x87\xa0\xe6\xfd\x91P\xb8\xfa\xb7\x80\xa5\xed\xf2\x90\x0cKu\x91$IQ\x9a\xe1{\x17_\xc4J\x05\xea\x7f\xf7\x90$!\xb0\x10\xd34\xcbc\x04Mi\xa8\xc5\x03\x8e/\xca\xf5\'$\x08-KB\xb4\xe8\xcd\xba,\xbb^\x17\x90\xccY59j\xc4\x95|\xf2Rr",~\xb4\x99\xb9\xba&gt;\x93\xb7\xcdfB_\x8d\xfd\xc1\xd1 \x88\xf5\x89\x7fd*\\\xf1\xbb\xd9\xb9g{\xba4\x1c\xc3\xe2V\rA\xa1\xcd:\xfc\x02\xcfe((z\x0e\x05;b\xb0\x8a\x10x\x1e\xa3i\x9c"\x1f;\x1c\x9fj%\xc9\x00\xa7\x9e\x04\x8b\x11\xc8\x8c\x92\x0ej^o\x96\x0c\xba\xa6\xf2\xc4\xd5k\xb6\xe7%\x9f\xdc\xf1!j\r,)\xcfuwW\xb6\rB\x94\x9a*!"\\\x03\xa3\x90\x10\xfe\x91\x91\xc8\xe5\xa3K\xc7\x00\xcbC\xb1\x0cC+)8lJ\t\x92i&amp;\x00L\xf1?\xe7\x08`\x1f\x1c\x01\xce\t\x18L\xe30\x12\x13y\x8e\x86\xbd\xc9\xf9i\xc7\x8d7\xccPV0\xad\x89\xea\x85\xb0\xf4\xc8F\x9d\xde\x9e[\x9e\x18\xbb&amp;\xf9\xe4\xc9K\'\xb7\xaf\x89U\x97\xe4\xd44\xf7y\x07\xbd6\x8b\xc9\xe4mlEs\xadQ\x80BX\xe1\x99+s3\x1b\xbf\xc8)\xfa\x00\x00\x0b\x86IDAT=J\x81\x11i\x9aa\x05\x82Rj(\x12\xa7\x94`\xe5\x7f\x05S\xa0\'\x05\x80\xdf$\xcd\xd1$\x89\x83\x8d8\x85L$`@^\xbd\xe1\x98\x9e\xb7K\x92\xd1\xd8\xdd\x8d:\xaf$\x03\x9c\x7f@/\xf0Q\x9f\xbbiS\xb9v\xc3k\xc0\xb5ce\xder\xf5\x96\xb5\xfb\xdcPW\x95i\x964\x9b\xb7\x11}\xb8\x19\x1c\x8d\x00U0\xd2z\xe1\xc6\xdc\xdc\x92\xc7\xa3\xc1\x18\x18\xb70U\x14@.\xd8H8\xf0\xe1\xbb\xdf~7*\x14\xd5\xbd\t%\x08C \xdbH\x0cC&gt;\x92\x04\xcf\xa2\x01\x89\xaf\x9bq\xf4|\xae5\x83\x8d\x81\x801\x00&gt;\x1a\xa4f\xb7.+\x0b|\xccjJ\xcaII,\xd9\x15\x9b\x9c\xbc2\xef\xb5\xd5\xf1[^\x8fk\xee\xb3\xd9\xfa\x02\xb6&gt;\x1b\xf208\x10\x89D\xa6"#\x91\x88\xef\x0f\xb3ssgaA\xc4\x01\x16\x8e\xc91\x9e&amp;q4\xa0(\x82 \xad\x8f\xae\x7f\x9b`E\xd7\xbf\xb6\x82\x7f\x88\nGR\tPZ\xb4\x86d\x19\x0c\\\xc4\x8f,\xf6\xf4&lt;Tg\x82\\\x06)`\t\x18\x13\x02\x01\xb7\xbb\xac\x0c\xb8\xb2\x9a\x9a\x92\xca\xb5\x89\xa9\xb1\xa8\xbbt{l\xbc:\xa7\xa6\xccm1\xf5\x01\xd6\xd1\xc3\x83\x97]\xc1`d*\x04\xdb\x14`-^\x99\x9bM\xf5X)\x8e\xe1h\x1c\x97\xb3\x9c\x88\xe14pE\xc1\xf0\xde\x85\xf3\xff)\x98\xe2\xe2\xc7\xbd\x14\x18H\xd04\x01hPX\x02T:\xad$y\x91\xe30T\xf3==\xb7\x7fUR\x0c\xa5.\x05\xba\x03\x86\x84\xee\xeef]Y\x99\xbe\tq%\x81\\)\xa9\xa9\xb1k@\xab\r)I\x19\xeefK_EUw\x1f`\x01\xcd\xd4\xd4d(4995\x15\xda\x7f\xe3\xca\x95\xc5\xddV\r\xd4\x16\xc6Q\x00G\xb2"G\xe28\x05`\x14N\xd3\xe4\xf0\x93\x7f\x9b\x92)\nn\xdeQ\xa2\xd1\x8a\xd3\x18\x0c[\x10\x0c\x13X\x8e\x82}1(.\x90\x0b\'\x9fN;\xde\x9f/)9\x01X\x00\xd6\xdc\x1c\xe8v\xebt\xa0VSFFF\r\xc8U\xb2!u\xf5\xf2XHSmR\xba\xbb\xaa\xa2\xba\xaa\xa1\xb6\xfa\xe0\x85\xf0X(4\x16\x9a\x0cM\x8eM\x86\xa6Z\x17\xdf\xbd2\xfbK\x84 \xb0\xc8\x08%\xcd\x11\xa2\x08\x85B+\xe1D\xa2\x81\x90\xc45\xf7o\xfdK0E\xd1\xbd^\x12\x19\x88\x13P\xea\xf0o\x90\r\x02$\x1e\x0b\xd63*X\xd6\xc3\x1f\xeb\xa1\xb8\xbeHL\xd4\x06\x00\t]\xc7u\xbb\xb3\xb3\xe3\xcat\xba\xac\x9a\x1a\xc0B6\xaa\xe3SW\xab\xd5\xe8\x1ae{uUUmv{U\x05\xba\x1fp\xaccl\xb2\x03~\x84\xa6\xaao\x1f;\xb6X\xa8Qj4\x1c+\xb0]\x90\x0c$\xc6\xf1P_\x04\x07\xef\x81\x8888z\xee\xc9?\x17\xdf\x8a\xf3\xd1T\xa0\xc8h\xee\x12\x88\x8a#\x18\x1e\xe2\x81\xa4\x08XWA\x91\x91\xe4\x91\xc7\x8e\x9eO\x9fj7\xe8\xba\x9b\x1b\xdc\xa8\xac\xb2\x01\x0b\xb8\xb222\xf6\xed[\x8blLT\xab\xe3\x13\xb7\xbc\xb16\x1d\x80\xaa\xda\xb3\x7f\x9e]\rX\xe1p\xb8cl\x0c\xb0:&amp;\x8f&gt;v\x1c\x9b\x9d\x87\xb1GQ\xac\x80\xd1\x14\x83B\x88cy\x91\xa0@\x0e%\xe2\x82\x02\xc3\xad\x8fn=O\xd7\xeb\xc8@%h\x15U\x0cl\xa49\x8e\x13Ex\x05o\xd0\xac(`P\xa0\xd1\xe4\xfaJ[\x92b\x08\xd4\xd66\xb8\xcb\xe2\xe2\xd2\xe3\xd0\x06\x1e\xaeX\xb1\xaf\xa6&amp;\x07\xb8P\x17\xf5\xebo\xa7\xc7eg7d\xb7\xb7\xd7\x02\xd6\x85\x0b\x87\xc3cc\x88\xebp\xdf\xfc\xed\x03gf\xea\xa3\x01\xc4\xd2,\xcc\x1ey\x01#\xa1\xeay\x96\x04.\x02GF"i\xf0\x89{\x87\x90\x93\xbd\xd1\xb2\xfa\x07\x15\x81\xb0\xe0 DX\xa7\xc3\x10$p\x96\x87\xbc\x87W+g\x1c\x8e\x87?JQ\x97\x07\xaak\x1b\x1a@\xa9\x8c\x15\xe9\x08-#}E:p%\xe5l\xde\xbc%e3\xc2J/k\x8fR\x1d\xdc\xbf\xff\xef=[OH#Y\x1e\xb6\xaa^Q\xa9\x7f\xa9\xae6\xa9\x92i\x87&gt;\xecDwX\xdd\xc3B\xa4z\x11"L\xd3\xf4\xe0\x066H\xdb\xccL:\x07\x8b0\xca\x9cf\x981}h\xad&gt;,t-f\xd6\r\x0b\xeb\xd48]\xa7\xa1O\xd3\x87@\xe2\xb9A\x98\xdc\xcc!\x07\xf7\xa0\x90\xe8\x90\x80(\x11l\xf7\xe0i\xbf\xdf\x8blE1\xc4\xf8\xde\xf7~\xbf\xef\xf7}\xbfW\xe6\x8dp\xfd\n\\\x1b[\x83\x10vO\xb30\x031r\xb1\x913\xb4B\x81v\xbf"\xb4^\x13\x99Z(\x14H\xf5e0\x0cZ\x01I\x03J\xc4\x8b\x14\x17\xe2)\x8a0\x07\x03J\xc1\x14\xc5T\x117Qdxz\x19\xf9\xad\xab\xc9\xe2\xc4\xa7\xdf\xaf\xacT6\xd3O\xd3sSt\xad?\x99B\x16\x172\x99L\xee\x83\xc9&lt;\x9d\x8a\x9a\xc2\xef\xe6\xabk+%\x8a\xd6s\xf0\xeb\xd7\x9f\xdfm\xdc;k\xc7\xc1\xf96\xd2\xc5d]4$\xd7q\x93\x96\xa9$\x92&amp;6\xdf\x8aJ\xf1\x00\xd9\x88\xf9t\xfd\xf4\x9f\xbf\x8d\xa9\xb7\xb0(\x8f\x98\x9ei\xa6\r\xcf\x82\\(\x8aai\xd8E\xd8\x06T#\xd1l\xf9\xfe`\x16\xcc\xfe\xf0\x87R\xb9:\x0fX\x84\x0b\x88p\xdd\xcf\xcdL{\xde\xf8x1\x9f{\xb2&gt;\x85\xdc\xceWx\xb4\x00\xeb\xcd\xabw?\xbf\xfbfy\xaf\xeb\xc7\x07gPj\xcdD\xabo\x08\x92\x81,\xea\x9a\xec\xe8\x86\xee\x88|jL\xae\xf2x\x91O\xfe6Fx(\x8d*"\x8cK\x868\x18X\x07\x1e\x9a%8"j\x11V\x81\xd7\xbb\xbe\xdf\xbe\x1a\x1f\xf7\xf2\xbf\xfbae\xad\x8a4"yss`\xd7\xfaB\xe6\xd9\xcc\xf4t\xd1\xf3&lt;P~\x01\xb06+\xe5R\x89\xc3B\x16\xdf\xfd\xe3\xc3\xe6\xf2Y+\x08\xba\xdb\x1a\x94\xc7\xb1dU\x13\xe0&lt;\xc4.Y\xc4\xa2\xd1Op\\\xc8\x8f\x8a\x9a$4,\xf1\x7fX\t\x8a\x15\xa1\xd2\r2E\xc04%\xc9`\x18G$\xe5W\xde\xb7\xc2hpo2\xeb\xe5\xbe/\x97\x89]\xf4\x91\x1f0\x0b\xa5H\xb0\xb2\x9e\xb7\xe3e\xa7Q\x8a\x94\xc2\xd2\xcb\x97\x04\xeb\xd5+h\xc4\xd3\xe5\xe6^/\x0c\x0e\xde3\x1a\xfc\xb4\xa9\xa6d\x17\x93\xe8\xd8X\xda\x0cm\x1d\xbc\x08v\x8d\xe9e\xea)R\x9c`\xca\x18\xb7K\xca\xe3\xa8\x12\xc9\x0b\x81JI\xa9\x9a$ \xc6\xcc\x91P\xcf`\xeac\x84\xabu]\x9c\xf6\xb2\xf77V\xd6*\xd5\xcd\xf9M\x04\x8b&gt;\xf5\x834\x02\xd6\xdfw&lt;\x825\xcaa\xb9\x8chQ\xac~y\xf5`\xb9\xd9&lt;\xab\xc7\xe1\xe56\x13\xed\xdd~\xeb\xe8\xfc+\xdb\xb5,]\xa4\xcd/\x8a\xd1\x161#\xb582\xff"\xbd\xc5\xf4c\x89\xc4\x08\x16\xfd\x84\xfb`\x1d`\x12\x84\x84Y\xae`\xd3\xfe\xd8\x92P\x9e\xa4\xf4\x9c]y/\x9b_\xdd\xd8\xa8\xcc\xcfo"`\xe9\xa9\xf5L\xee\x19O\xe24}\x8cy\xfaYf=\xbdY-\x97o\x0b\xf1M)\xb3G\xc1\x8a\xe3V\x13\xec\xf8|\x10\x05p \xd7\x85j\xd9\xd8+\x81$L\x17a\xc0\tu\xa4\x9b0?\x05h\x18C\xb4R\xd4]$(mL4\xc0$\xfe\\\xd5\x057\xa9\xe9\xa6\xa3\xe9\x92\x05%\xd3\x94\xbf\x10\xbb\xae\x8btD\xe5\xc1\xc6\xc6\xdaZ\xb5\nI\x9dZ\xcd\xe42\x04\xebGJ#\x1dS\xbc\xbf\x9e\xae\xa0\x0c\x89[\xcf\xffY]\xdc\xc3u}P\xf3/\xef8\xd6\xe9\xa0\x136.\x8e\xaf\x05\xc7\xc0\xea\r\xba\x15\xa5\xa32MC7iF\xc0"\xa5\'mcc&lt;V\x04$\xa12J\xa1\xc98*\r\xcabk\xd4\xd2\xcb\xfa\xd5\x95I\xae\x8a\xae+\x1a\xec\xe5\xe9\x88Czm\xa5R\xadT9\xac\x99\x19\xc4\x8aN\xd3\xecl\xedpX\x10\xf82e\xb1TN\x17g\tV?\x08\xda\xa7R\xf2\xb4\xd7\xe9\xc4\x177}\xd7\xa1f\t\x811$\xc9\x92\x15\x08\x92\x05t\xb7D\x92\xc9\x82\x91D\xb0\x9f\x1c\x81\'\x12\xb8\xd1\xc3\x93\xa7#\x85\xae\x08\x99A\xe2\x97\xfa\xad\xf6\xd9\x12\xd5\xe3%\xb1+K\x87\xdf\xbf\x9e\x03\xaeJ\xa5\x9a\x9e\x82U/\xe6\xf99\xfd\xac\x97\xf5\x8a\x93p\xc5yd\xf0%\xca"\xbd\x90\x9d\xe5\xb0zq4\xd8?\xed\xb7\xfdN\xfd\xf8\xe6\x00\xc1\xd2I\xaa5X[\xd2\xd2\x15E\x87"A\x1b\x13&lt;e\xb0?2\xa1Q\xb4(\x8f\xf0\x00S\xd7M0+\xa5*H!\x16\x82\xd7\x1cg\xff\xb0\x0e%E\xe9\x88\xd0\xae\xa8\xb77\xfd\xe3\xcc\xb3\xaf\x9f\xa4+k\xb0!\xf8\xf5\x83\xccb\xde\xbb\xbd\xb6&amp;&amp;\x8a\x8b\xeb\x95\xf2\x9b\xe7\xa5\xb5\xf4B\xde\xdb\x99\x9d\xbd\xb7\xb7\x07Rv\xda\xbdv\xa7\</t>
        </is>
      </c>
      <c r="M125" s="3" t="n">
        <v>45492.67756944444</v>
      </c>
    </row>
    <row r="126">
      <c r="A126" t="n">
        <v>340519</v>
      </c>
      <c r="B126" t="n">
        <v>1981</v>
      </c>
      <c r="C126" t="inlineStr">
        <is>
          <t>Jonathan Calleri</t>
        </is>
      </c>
      <c r="D126" t="inlineStr">
        <is>
          <t>J. Calleri</t>
        </is>
      </c>
      <c r="E126" t="inlineStr">
        <is>
          <t>CA</t>
        </is>
      </c>
      <c r="F126" t="inlineStr">
        <is>
          <t>ATA</t>
        </is>
      </c>
      <c r="G126" t="inlineStr">
        <is>
          <t>CA</t>
        </is>
      </c>
      <c r="H126" t="n">
        <v>181</v>
      </c>
      <c r="I126" t="n">
        <v>9</v>
      </c>
      <c r="J126" s="2" t="n">
        <v>34234</v>
      </c>
      <c r="K126" t="inlineStr">
        <is>
          <t>Right</t>
        </is>
      </c>
      <c r="L12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52a8be-9396-4fd9-94fe-3d0e5ee379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xa6X\xc4\x00\x00\x03\x00PLTE\xff\xff\xff\xf7\xf7\xfb\xe8\xe8\xf4\xfe\xfe\xfe\xef\xf0\xf9\xeb\xeb\xf6\xea\xea\xf5\xef\xef\xf8\xf4\xf4\xfb\xed\xed\xf7\xdb\xdf\xeb\xf1\xf1\xf9\xe6\xe7\xf3\xe4\xe5\xf1\xf9\xfa\xfd\xe1\xbb\xae\xdf\xb9\xab\xf2\xf2\xfa\xdb\xb4\xa4\xde\xe1\xed\xc6\x9a\x88\xe0\xe2\xef\xe2\xe3\xf0\xc3\x96\x85\xd8\xdc\xe8\xd9\xb1\xa1\xf5\xf5\xfc+\',%")\xd2\xaa\x98\xcd\xd0\xe1\xd5\xd8\xe6/+1\xfc\xfc\xfd\xd4\xa6\x91E@C&gt;:A\xdb\xb7\xaa9,-\xde\xb6\xa7nI@\xd3\x96\x81E98\xa5sc7\'(\xd1\xd4\xe3\xce\x8ey\xd3\xa3\x8c\xd5\x99\x87\xce\xa5\x93\xe2\xbe\xb1\xca\x8bvPII\xd5\xae\x9eO&gt;=\xbe\x8f|\xca\xa1\x90\xc2\x92\x7f\xc5\x9e\x8d\xe7\xc5\xb8\xe3\xc1\xb4\x8bi_\xa0m]\xd8\xad\x9a`?9VA&gt;\xafzgX72@22C-,_ZZ\xb9\x86s\xcc\x9f\x8a\xbc\x80k\x8dph\xdd\xbc\xb0\xc1\x85owOE\xa9m[\xd9\xa9\x93\x82~}\xc7\xca\xdc\x94dS\x81e_topgceN5395&lt;725EIX\x8e^M\xd0\x92~NKR\xbd\x99\x8bHDJ\xcd\x9a\x840"%f][\xb9\x89z\xd2\xa0\x88\x80TFO0,\xb4\x83q\xc9\x95\x81\x1f\x1d%WTW\xa5ykjOH\xad\x80p{uv\xc6\x82j\xb7zd\x95i]\xc0\x89vZHFhVT\xbe\xc1\xd4\x9bfT\x96pc\xb3\x92\x85\xb0\x88x\xc9\x86p\xaeta\xe5\xca\xc0\xb5}n\xdd\xab\x9e\xc2|d\xf5\xf4\xf6na^rUO\xc3\xc6\xd8\x93wn\xc8\x90z{XM\x9cvj\xb6\x8f}UOOw_Y\x80_Tmij\xbes_cGB\xb3qZ\xd6\x9f\x87\x8bYH\x9d\x98\x99\xd9\xa4\x8d\x97_K\xa3\x9f\xa0\x97\x91\x91\xab\xa7\xa8\xa6\x92\x8b0.9wge\xcc\xab\x9d\xe1\xc5\xba\xad\x8b\x80\xf1\xef\xf3\xc4\xa9\x9d\x81ni\xd0\xb2\xa6\x89\x85\x86_PO\xea\xe9\xed\xa3~q\xdc\xd9\xde\x84WM\xb7\xb3\xb5\xa5\x85x\xba\x92\x86\xcb\xcd\xde\x8bbWj?7zG=\xe0\xb1\xa4\xbc\x9d\x91\xdf\xdd\xe4\x9b\x80z\xa4\x89\x7f\xd9\xa7\x97\xd8\x9f\x92\xd5\xd2\xd8\x91\x82\x7f\xab\xa9\xb5\xc4\xb9\xb6c81\x99}s\xa4bL\x9c\x89\x85\xd2\xba\xb3\xcf\xca\xd2\x8f\x8b\x8b\xbd\xa0\x97\x8bOI\xa1iU\xc5\xc3\xca\xaejT\xb1\x98\x90\xc6\xa4\x96\xba\xbd\xcf\xa0\xa0\xaf\x88xt\xbf\xbb\xc1\xcf\x8e\x8egeu\xf82?\xd8\xca\xc5\x81K&lt;&gt;@P\xe4\xe2\xe7\x8d\x8b\x9b\xb9\xad\xaasB7\xad\xae\xbf\xc7\xae\xaa\xcc\xc3\xc0xu\x84\x8aR?\xe1$2WXe\xb5\xb6\xc6\x84\x81\x93\xb1\x9e\x9a\x98TA\xc7\x87\x83\xbe{y\xe1\xd0\xca\xafki\x95\x90\x9e\x96XU\xed\xda\xdb\x96\x97\xa8\xbdnn\xe7\xd6\xd2\xa1`]\xe5\x98\x95\xf2\xe7\xe9\xc8z|\xf7CQ\xd7\xc3\xbb\xd4\x9d\x9eS##\xef&amp;5A##\xba\xa4\x9e\xe6\xa7\x9e\xb6bQ\xe9\xb7\xb6\xe6\x87\x85\xf3Xc\xd4zv\xefks\xee\xc5\xc8\xca%1\xd7@L\xee\xa9\xad\xce\xc4\xb4\xa9\x00\x00 \x00IDATx\xda\xcc\x98\xefO\x13y\x1e\xc71}\x0e\xe6\xb2\x89\xd9\xb4\x97\x94\xcc\xf8\xa3`\xba\xecv\x16\xcf\xdcaDt\xd8\xb2\xd5Ld\xc6ve\x98\xdc\xb0\xe2:\xc8P\x81\x9c\x88\x91\xb6\x04\xd6+\x8c\xa0\x13g\x06\xba\x81m\xa6X\xc7\xcd\x81\xf2\xa3\xbf\xd0J\xcd\x16r\xd0%p\x15V0\xec\xe2=\xe0\xb9\xf7`\x93{z\x9f\x81\xfd\x13Z\xbcO\x93N\xdbG\xaf\xbc?\xef\xef\xfb\xf3\xf9\xb6\xa0 7U\\\\\xe0\xf5\x16\x1a\n\xfe\x8f\xca`((\x8efG3R&amp;\x9c\xcdzG\x0f\x14\x7fp\x1e\x83\xa1\xd8;\xa9\x89)M\xe5eA d5%K\xca\x86\xd7[l\xf8pL\xc5aM\x8a+"\x8f\xd3P\x0c\xc7\xe1\x14O\xf2\x04\xc1\x13\x92\x92\x89~\x18\xc9\x8a\xb3\xa0\x11)P8Nq~\x1aA\x10\x14e\xfc8\x90Q\x02\xa0\xa9\x92\x16\x1e\xf5\xee\xbfb\xc5a\x82\xa4X\xa0\xc09\x9a\xa1Q\xd4l2\x9b\x9d\x0cGq\x88\x9f\xd3\xc1dQ\xcaD\xc7\xf6\xbb\x97\x85\xd1\xd7\xbc\x80s\x04\x85\x0b4\xb3\x87u\xcdd2\x9a1R\xa0Q\x0c\xb8HUV\xc2\xe1\xc9\xc9\xc9\x03\xfbi\xab\xb1\xcc\xe2\x0e\x85\x13\x02Gr\xb4\x9f\x81\x16\x9aMF\xa3\xd1\t}$)\x9c\xc6@.^U\x95\xb9\xf0\x98\xd7\xbb\x7f\xe7\x12\xbc\x9e\xce\xec\x80\x8bhA\xd0[\xc9\xe18\xe2r\xa2\x88\xd3\x85!\xa8\x9f\xf1\xfb\x05\x02\xf4\x12x1\x93N\xa7\xb3\xde\xfd\xe2*\x1e\x8d\xc6%\x9e\xa6\xc0E\x02\xcba\x9c\x8f\'x\na0\x0cA\xfc\x0c\x8a`8\x05\xdfq\x81\x84\xb4\x88\xc7\x17\xb5\xec\xe8~\x80\x19\x0e\x8cev\x96\x05\x8a\xc6Y\x96\xc7yR x^\xa0H\xca\x89r\x02\x89\xfbq\x9c\xa3\xc0Z)\x01\xe2\x82 \xc4LFKg\xc7F\xf3o\xfd\xd1\xf0\xdck\x8a\xe68\x8ebq\x81Wy\n\xc3\xfc\x18K\xf2\x14Gs\x84J\xe2$P\xc5HU\x04X\x9e\'R\xe9\xc9htl\xb40\xdfZy\xb3\x99M\x9d\x80c},\xaf\x82\xc31\xc6e4!\x18\xa4\x03\x91\xa2\xfc\x02D*\xa1\x8a\x84\xa0\xaa\x84^&lt;\xa1\x80\xc1\xa2\xf9\x96\xabprn\xf1\xf52\r\xbd\x82\xc8\xe2Y\x8c\xf1\xb3&gt;\xc6|\xed\x9a\x19\xc3p\x0c\xf2\x94\xa6\xfd$+K\x04\x08I\x10\x1c\xa9\x12\xbc\x9a\x9e\x9b\x0bG\xbd\xf9\x84:0\x16N\xab\x14\x03\x91\x8e\xb38B\xe3\xd0?\x10\xcd\xcf8]\xae\xb3&gt;\x9fO`q\x8aE\\\x18\x9b"\x08\x92#D\xc2\xc9\x8b\x04/\xa7\xa30\xc0\xf3i\xfb\xc2\xb9\x1d\x8aq\xa2N8v\x94\x1f\xe3 \x0f\xd0\x10\xeb\xc3qR\x08\xf9\x82\x81\xe0Tri)@\xd2N#+\xcb"E\xca\x8a\x80\xaa\xa2\x9a"R;Z^\xe5\x1a\x8d\x9343\x0c\x11\x85\xd0\x00\xe5G0\x0e\xc1\xa8\x00\x1b\xe4\xa9@m\xcfRp)9\x14\x8b\xc5\x96p\'.\x89r*%*2\xce(\xa2\x8a\x83\tw\xe2y\x1b\xde\x06\xaf\x08^\x1f6\xeb\xc9I\xbb\x10\x94B\xa0\x85&gt;_\xbb\xcf\xd7\xe7k\xeb\xeby&gt;54\x94\x0c\xd6\xc4\x92)"\x06V\x0f\x0eI\xca\x9a\xca\x91\x92L\xe2BjGIg\xf3d\xfb\xc28\xb9E#F\xb3\x13C\x11\xc6\x85\xf8\xfd(\xc6\xfaC\x18\x1b\n\xb5\xf5\xf5\x05\x83:\xd6\xc2R_\xcd\xd4Pr)\x18`\x89\xe0\xf6\x9a\xa6\xa88)\x11\x10\xf9\xa9E-\x9c\x9f\x940\x84\x17I\x86s\x9a@-\x14\xda\xe8\x07\xd3\xe3l\xa8&lt;\x10\x0c\xd4Bu\xf7\xd5V\xd4&lt;\xef\xb9[Q\xd335\x9d\x04\x97\x05\xe5\xd8ZBQD\x92\x14a\n\xc0\xe8N\xe7\'%\xbc\xda\xe6\x16C\xbb\xcc(F#\xae\x12\x0c\x17X6\x10\xe8\xee^\x8aM=yt\xf3\xc6\xc5\xcb7\x1f55\x97\x966\x956=\x1a\x19\x99\x9e~&gt;\x95\x1c\x1aJ\xecrI\x04\xb8^\xd4\xc2c\xf9X\'\xbc\xf1Mh!\xe2r!\x8c\xfe\x1ej\'\x02\x81\x9a\x9a\xfe\xda\xe4\xd4\x93[\xb7\xdc\xd5n\xb7\xbd\xb5\xf7\x9bV\xbb\xdb}\xa6\xb9\xba\xb9\xb9y\xe1\t8m{#\xb1\xa6H\x82L\xc8)\t\x86v\x1e\xd42\xa47a5\x86\x15\xc6hvaXyyy{\xa0\xaf\xa6\xa7\xa7&amp;9=r\xebjk\xa7\xcd\xd6i\xad+\xb3\xd4\xd9\x1c\x8eVGk\xeb\x9d3\x1d\x1d\x1d\x0b\xc9\x9e\xc4\x86\xa6i\x92J\xc8\x84\xa6\xe5c\x950\x8c\xfe\xb2\xc9\xa0p\x06\x01\x0b\x05\xac\xb6\xcav0SO\xcfTSSCC}\xaf\xcdj\xad\xb3\x94\x95Y,\x96:\xbdl\x0e\xf7\x9d\x1f~x\xb60\xfd\xdb\xc6FBKH\xa9\x94*I\xd9|\xf8=\x1a_\xfe\xca9\x8cB\x03KJ\xca+\xdb\x06\x06\xfa\xfa+*\xa6\x9e\x9c\xba\xd0\xdcp\xc2a\xeb\xb4Y-\x96\xb2\xfbez\x01\x9b\xd5f\xb3\x03\xed\xab\xbb#\x89\x8d\x8d\x15E\x13\tY\x125C\x1e"\xeb\x97\xf8\xaf\x1c\x832\x0c\x8a#%\xe5\x97\x06Nw\x9f\x07\xb1J\x7f\xbcp{\xfe\x8e\xc3f\xb3\x81X\xf7u\xa2=,\x8b\xd5j\xb3\xb7\xb6~\xd4\xdc\xfcfce.\x01m\x14EI\x9a\xcc=Vv2\xfdz\x19q\xa1\x08\xed\x0f]\xaa\xac:=p\xec\xdb\xfe\xc77~\x9c\xbfp{\xd0\xde\tZ\xd5\xd5\x95\xe9bY\xbe\xbe\xaf\xa3Y\xea\xac\xd6^Gko\xf5\xd5g/7V6\xd64Y\x96\xe4&lt;\xc8U\xe8\r/.;!\xe0\x19\x0co//?=;~\xec\xfc?.?|1?8\xe8\xf6\xb4x:m\x80\xa5\xe3\xd8\x00j\xcf`Vkg\x8b\xc3Q]]\xfffeC^\x13S2$\xd7\xdch\x1e\x1cO\x0f\x9bL.\'\x86\xb3 \xd6\xf8\xf8\xb1+\x97\x01\xeb\xc5\xfc\xfc\xe0=\xa8\x96N\xeb.\x0e\xc0\x80\xaf\xacV\x1d\xaa\xb3\xa5\xc5\xe3\xb0\x9fx\xb6\x92\x90EQ%R\x92\xa4(\xde\\;~g\x8b\x86\xcb \x8a\xa0\xa1Pe%`\xad\xbf}\xfb\xf6\xdd\x8b\x17{`\x1e\x0fp\x81\x9fl\x80\xd2\xd9\xa9\xbf\x01R\x8b\xc7\x03X\xad\'\xde$DYReU\x91\x14-\x9a[\xac,\xac~_\x19\xcd\x08\xc3 mm\x95U\xb3\xe3\xe3\xab\x80\xf5\xf0\x9d\x0e\xb6\xab\x97\xa7\xa5Eg\x02\x1e\x8f^-{\x0f\x8f\xdd\xe18Q\xbf\xb6\x1d\x94R\xa2\xa8\xc5\x95tn\xf7\x9b\xc2\xc5e\xe6_\xcc\xb0\x8b\x83&lt;-\xaf\xac\xfa\x1dk\xf5\xdd;\x9d\xebw,\x90j\x17\xcc\xb3\'\xd4=\x8f\xfe\xab\xdda?Y\xdf\xb1\xbd\x04\xb7lqCS\xa2\xb9\x9d?\xd9_\x97\x87\x9dN\x94\xa6\x19\xb4\xa4\xfctU\x15X~\xf5\xed\x84.\x18\xa858\xa8k\xd5\t)o\x85\x06\x82\xb3\x00P\x17\xed\xde \x94\xc3q\xe8P\xc7B0@(J&amp;\x13\xd7\xc6ry\x18\r\x93;[N\xd8\xfe\xe0\x02]R\x02b\x01\xd6\xfa\xea\xea\xfa\xaa\xee\xae\xf9=(\x88\x08x\xd9\xf6\x92B\xcf-]\xb7A\xf0\x9d\xe3\xe4\xa1W#K\xedBR\xd3\xd2J&amp;\xa7X\x05\xa3?o\xa1\xce\xe1a\x10\xcbuV\xc7j\x9c\x9dX\x9dX]}\xab\'\x84\xdb\x0ev\xaf\xab\xdb\rRx~\xfdIdf&amp;R\xa6+\xd7\xe2\x86\xfc8S}\xf2\xfb\x91\n\xd6\x17\xd3\xd6\xd2\xd2\xdaXn\x0f\xe2?\x97\x87!\xb4h\x14q\x1d\xb9t\xa9\xb1\xaaq|b}}\x02\xa8.\xdc\xb6\xdb\x1d\x1e\x1b E\xba\x80\xc6\x12\x99\xe9\xea\xeazz\xf4iW\x04\xa6\xb6\xad\xc5\ru\xf5\xce\xb3\x8e\x8av_LYK\x88Rn\xb1\n\xc2\xcb\xc3f\x93\x89a\\G\xce^\x02\xae\xc6\xf1\xf5\xf1\xf5\xd5\x07/.\x9c\x01*\x87\xad,\x12\x89\x00L\xd7L\xa4\xeb\xe8gEEE\xff-\x82\xcfeeu\x9d\x0e\xbb{\xd0\xfd\xf7\x97\xafj\xda\x83\xaa\x9c\x91\xe4Xn\xc7\xb5!C\xc3\xe6`6\xa3\xc3\xc6\xe3\xe7\x1a\xa1fg\xc7\'\x1e&lt;\x04\xadZOV;~\xd2\x95zz\xf0\xa8.\xd4\xc1\xa2\xbf\x14}y\xf8\xcb?\x1c\xfe\xfc?\x9f~\xf1\rl\x12\x83\xee\xfa\x97\xef\x17\xfa\x02\xfcR")\x8a\xb9U\xab\xf8g\xc6h\x1eFMF3`A5VU\xad?x\x08s\xba\xba\xa1\xa1\xa9\xf4\xdf?\xfd)\x12y\xfa\xd9\xd3\x99\x99\x8f\x0f\x16\xfd\xf9\xf0w\xf5\xf5M\x8fn\x8d\xd4\xbf\xaa\xff\xe8d\xaf\xc3}\xbb\xfa\xfb\x957\xb5\xa1\x80\xbc\x96\xdcN\xe66\xe5\r\xf1-\xa7\xd9\xe5\xd4\xff\xc4:rn\x97k\xf6\xca\xc5\xbf\x9d:Uz\xb3\xbf\xbf\xff\xdb\xc77\x9a\x0f}\xd1u4b\x99\xe9:x\xf0\xf0w#\x8fj\xbakkj\x82\xb5\x15w\x9b\xaba_\x85q\xfd\xfey;\x9bZ[\xc89\xd6\xd8\xa6\x13&amp;\xa2\xd1d2\x1d9{\xee\xf8\xf1sU\xe7/_||\xfe\xfa\xf5\xeeP[\xfb\xf5\x81\xbe\x9e[\x87&gt;\xfdc\xaf\xd5\xf2I\xd7\xc7\x9f\xd7OO\xc1\x8d\xe3z\xdb\xf5@w\xed\xdd\x06X\xa4O\xd4\xbfy\xbf\x10j\x8fmw\xfc\x96\xeb\x99x`\xc7i4^3]3\x19\xcf\x01\xd5_\xab\x8e=\xb8|\xe5\xd8\xc0\xffh3\xf7\x9f\xb4\xd24\x8eg\xc2\xef\xdb\xc6\x98\x98\xa6\x9aL\xcdH\x0f\x0b\x11Z\xd6r\xe9\x82G\x90\xb1\xc7\x02N0\xcb\xec\xc2va\xb8\x1a\xb5\x05\xa6\x01\x15\xa1+\xe9\x01#\xf1B`R\xaa5\xa3q\x1cR\xc2e\xc6\xcb\x1a\x19eV\x18kbl4Y\x1d\xddf\x93\x8eb\xecz\xe9\xc4!\xd6ic\x9at\x9f\xa3\xd3\xff\xe0\xecK\xf8\xfd\x93\xef\xf3\xbc\xcf\xf3\xfd\xbe\xc7\xd3\xf49\x9c\xa6\x1e\x8f\xe0\xfe(\xc7f\xb1\xb4\xd1&amp;J\xb9-\x83\xa3\xa3&gt;\x9f\xc3:\xda\xda:\xdaz+j\xe2p\xbf\\?\\\x1d\xb9\xbb8\xdb2\xb7Ar\xc8\xa0\xfc\xfb\xd3\xe2\x068\xc5\xd0[\x0c\xadV,3\xc8&lt;\x9e\xae\xae\xfaZ\x87U\x10\xf3{\xfd\xfe\x98P&gt;?\xdf\xddF\xa3\xf1:[M"\xa1B\xa1\xb2;E\xa6\xd6\xe6\xe6N]t`=\x9d\xee\x18\xe9\x1f\xfa\xee\x9bi\x92\x9d\xcd\xa5\xa7\x17\x1b\xce\xb0\xa8\x80\xc5@\x11\x04\xf5\xd4;\x1a\xe9\xd0^\xf4\x98L&amp;C\x10\xd9\xb3\xd0&lt;\xf8\x1b\xb6\xad\xd3$\xd2\xf1y\xbc\xa2\xa2\xcef\xbb\xd3\xa4\xe3\x98Z\xbfIO\xa7\x17G:\xfa\xeb[\xd6\xc9.\xe2\x7f?|\xaf\x16\xd4P"F\xbd\x82\xc6F\xba\xd5\xda\xac+\xba\xc5o\xf1\xc7Qq*\xf1\xd3\xaf\xb0\x860]\xab\x893`s57\xeb\xa2E&lt;\xa1\x1c\xe3pZ[@\xadpG\x7f\xff\xdd\xc7\xcbd\x87\x9f\x1f\x1e\x9eb5h\x81J+AeV\xbaP\xa1\xb2\njk\xc7f_\xcd\xb5\x18\xc4\x12q\x9c\xc0\xba\x87\x99jl\\\x9d\xd0\x8f\xa2\x9e\xa1\xf1F\x0e\xbd\xd7\x86\xe3\x85\xe9\xe5\xf4\xf3\xfe\x8e\x8e\xbb\xb5{d\xbb\xd3o?:S\x8b\xc0b(\xbd\n:]\x01=\xaf$ne\xc7P\xa3U|dL\x01Vw7f\xb2q\xb9\xf4\x7f\x8e\x1c1\xaa\x8f\xaa&lt;\xcd\x98\x08\xc3\xcd\xbc\xe1\xe5\xf4\xfa\xd0g\x9f\xdd]|Iz\xa6~J`\xc1U$j\x88\xa8\xa0\xa5\x0c\xa8\xf2\x0f\x9f\x1b\xb5\x7f\xba\xd6\xff\xc3\xa2,u\x8a\x05\\\x16\x93\xcd\x1c]\x9f\xf6(\xff\xdao\xfc\xa4\xa3\xc7\x8e\xf1p\xb3y w\x98\x9e\xea\xf8xd\x96\xfc\xb4\xff\xe3Ys\x81Z\x0c%\xa2\x10\x89\xec)I\xd5\'#y\xc6\x9f\x8d\xfd\x1b\x0f\xc2\xc6kJ\x02\xeb\xd7n\xac\x99S\xf4\xcb\xf0\xb4\'n\x14\xa7\xbe\xf8\x02\x11\x07x\x1a\x8d\xf9\xcaa\xee0&lt;\xd4\xf1\xf1*\xf9I\x11\xaaHp]\xa4R\xa9b\x83\xd0)7\x18\xbb\xba\x86n\xc3\x16B\x1f\xac\x8e#\xca\xf7XR\x97\xc9\xe4\xd2\r\x8e#M\xc8\xd4\xf4\x9c#\xb1b\xa1i4\x9a\xb2\xbd\xc3\xf0\xed\xfe\x8e\xef\xc9\xc7\xba\xf4\x1fB\xae\xe2\x0f\xa9T\t\x1a\xc8:\xb3\xcf\xd6\x90X\xedX\xad\xc73\x1b\xf6\xf9{\xaa\xae\xfd\xd6[6\x8eH\xe4\x14\xb9L\x83O\x9e\xb4\xb46\xbbD\x98YO\xd3\xe0\xc3{\xcb\xaf\x16\xa7n\xff\x1f\x1e*)\xffzH\xec\x1e\x02+\x1e\x80\xd8JW\x04\x02\x8a\x98\xd5\xf7\xb8e4&amp;C\xaa\x94\xc6\xb5\xd3\x9b\x88\xf3k\x9c"\xa7\xa5\x86St\xab\x88\x03}\xa5\xd1\x97h\xca\xf1+\xb9\xc3\xd5\xa9\xa9\x07\xc4gQ\xb2\xb1\xbe\xff\xe8\xe1\x19\x962\x01\xdeA$\xa7\x13\xb3\x94\x98]V\x85\x015J\x00\x8b\xc8\x1a6.\x0f\x03\xb5,6\x0e\x8f\xc7\xe3\xe0l\x1c\xd7h\xca\xd9\xe6tzzqh\xe3\x83\xf4B\x8el\xae\xdf=\xfd\xf4"8\x9bj\x02kFN\x8cw\xba\xd0n\x17\x02\x9eB\x962\x1a\xc5\x89\x99\xf9;\xd2n\xac\xb0\xd0&amp;\xb5\x98jj`G\xf3\xccf\\c\xc6\xf166&gt;\x90N/\xd6wnuK\xb9\xed\xe4\x8aE\xa1\xfc\xf8\x17\xc0\xa2R\xab\xc5\x89\x90]\x08\xaeFh\x97\xcb\x9d\xb0\xf8\x84\xaa\x15\x02\xcb \x97B\x9c6\xf3\nq0\xa5\xb6B`\x02*\xe2/\x95\xb6\xe1e\x87\xcb\xe1\xd1{\xecr\xd6\xcf\x93$\x0ez\xca\xd7\xb3\xe1\xe9\xd5\xbf\x11_2\x01K\xa6\xb2\x87\x14\xaa\x90].2\xd5\xe8\\\xa2P\xc8\x00~\x15\xcd\xc8\xef\x95\xab\xd9\x9a\xc2B3\xbb\x1cx\xae\x14\x9a5\x84Tl\\zG\x8a\x0f\xa7s\xab\x9d\xe5`\xf8\x8f\x93\xe4\xcd.\xca\x06\x92\xc8d\xd6\x8cZB-\tj\x08\xa8T\xc4\x03\x04t6V#\x97gC\xb0{\x8c\xe8\xcaL\x1b\x11\x11m&lt;M\xb9\x9a\xa5\xc15L\xcd\x92\x86E&lt;1\xb1\xefH\xcd\xc3\xcb{\x1b\xd1\xbe\t\xf7\xf1\xc19\xf2\xd4\xfa`,\x01X\x191\x0365`An\x05\xaa\xac\xd3\xe5\xc20\xa7\\.\xb7\x1b\xc4Fq\xfc\x99\x14,=\x8bf\xe6\xf1h\xb4\xbeR\x96Zc\xd6@,\x03Ph{\xeepn/\xb7Pw\xee\xf5\xc1A\x92\xb4)Ay9\x98\x89\xa72\x918CK`At\r\xa8 _\xf4Zz\x9d\xbd\xf3\xd0^\xa1\x04PE\x84x\xb2\xfdm\xd2}\xf5\x11W\x1d\x0cN\x04\x99j\x9a\xba\x1cWC\xa4-\xa7\xe9Kn\x02V\x91\xfb\xfa\xeb\x03\xd6\xf1K\xf2\xb0\xa2\x8d\x89T&lt;\x82H\xb4Z\xc0\x12\x03V\xe0\'\x18]\xf3D\x9a\xb7X\xe4\x81\x14\x8axcV\xa9\xfb\xfc\xd5\xe4\xe5\xab\x8f\xca\xb8\x80\xe5\x0e2\xf5z\x08\xb5D\xd4\xa6\xe9+\x1e\xed\xed\x1d\xdeH\x1e\x1c\xbcQ\x1f\xbf%\x0fK\xe7\xca\xac\xe5\xd7\x10#CK=\xc3R\x85B\x90\xe4\x9d\x16\x0bfq\xc9\x13\xc6\x88U\xe0\x8f\xb9&amp;\x92\xc9\xe4\x00\xbf\xa4\xe0\xd1d\x10\xb2\x99;x\xfa\x94\n\xb9\x9f\xc6,k\x7f\xb17]\x9a\x9cd\xbd998G\xda\xde!\xb02\xa9|\\I=\xc5\x8a\x1b\xa0\x86\x10\xf3\x9d\x16\x0cN\xaf=elvh\x1b\xb42nI\xc5`\xb56\x8f]v\xf7\xd5\x01V]]\x1f\x1c\x1aK\xcd*=\xdf\xfe"\xb7~\x81\x15&lt;&gt;\xa6\xa9_\x93\xf7\x04\xb1\xb5\xbd\x02r\x19\x95\xe0\xb5`@\xc4\r\x81P\x08f\x96\x05\x93\xda\xa4\x983d&lt;\xd2-\xf8\xa9F\xb1\x8f\xcfo\xf6x\xe9f\xf7d\x1fT\x11\xb0\xeaX\xc1&gt;\x1a\xfc\xea\n\x00k\xb5br\xf2\xf8]\x92E\x1e\xd6\xdfu\x80\x95\x88\x1b\xc1\xf4\x11X\x08`\xc1(\xed\xb5`6\xa9T\x8ae\xe3G\x88\xae\x19\x89\xc4|\x9d\xfc\x92\x1b\xee\xe4\xc4\r\x16+XG\x9c \xa8\xc5\xea\xd3\xb3*\x0b\xf6\xf6\x96\xe7*\xce\x1f\'\xdf\xbdv_\'\xcf=D\xf73\xfb\x99x\xfeH\x0b=\xff\x1b\xd6\x0c`\x11PR\x9b+\x90\xca\xafed\xd6\xc1(\x7f\x80?\xb8\xc9\xb6\xe14\x1a-X\x17\x04\xb4 \x80\xe9\x99\xa5\x95\x05\xb9\\:\\p\xfd]\xf2\xf8\xc0M\xde\xf6\xa1\xcc\xed\xefl\xef\xac\x11X\xc5\x0c\xaa\x12I\x00V\xf6\xb4\x88\x98E\x8acY\x95\x01\\_\x93#\xca]x,h\xa4\xbb\xb0r5p\xf5\x05\t4\xe0b\x96\xd6\x95\xe5r\xd3\xe3\x17\xae\xbf=~\xf3f\x92D\xac\x8d\x9d\xfd\xc6\xfdD\xfe\x88\xa1-\xd6R\x95qY@\x05X"\xa2\xe3-R[o6\x14@\x94\x92\x1e\xffx\xb4\xa5V\xe0\xb06\xd6\x10O\xcd0S\xfb\xfa\x88*2\x99\xcc\xba\x9b\xb9\xdcj\xf8&lt;L\xd3\x93\x93\t\x12w\xf5\xb7\x91\xfdma"\x0f\xcd\x05i_\x89\xca"*\xbb\x9d\xc0rY,R\xcbLH\x05X\xca\xaa\xfa\xdaA\x9f\xc0\xe7\xe8\xb2\x8al\xec\xb6\xb6\xf7\\Lfi\xb0\xf2\xd1\xf2\xf2\xf3\xd9?\x1e\x1f\x9ct\x9f$\x1f\x91\xf8\x1a\xe8\xdd\xd9\xdfI\xe4\xf3Fjq1C\x82"\x01\x85\xc2.\x07\xbb\'\x82\x06\x9b\t=\x8b hO5\x1ai\x8d\xca\x85\x0eG\xbdG\x00ul\xbbGT\x12\xb8\x98A=\xb3\xb2l\xf9\xf0\xf9\xd8\xc4\t\xb6\xc9\x9a\x98|K\x1e\xd6\xa5\xfaL&amp;\xb1\x96\xcf\x1fI\x8a\x1b\xa8\xca*$\xa0:\xc3\x92\x87\xe4\xd9@ \x82T\xa1^Tac\xb1\xa5W\xa2t\x85\xc0\x1bs\x88\\\xe0r\xd8\x1a=\x88\x15\x0c2K\x87\xd3\xeb\xe1Z\x9bm\xf2B\xc5d\xf9\x0b\xf2\x8c e,\xb1\xb2\x96\x12\x1b\x89\xe6\xba(Q\x82Z`P\x85\xe0\x1dB\xd9\x00\xc4E\x14\x95\xad\x84\xb66\x97\x96~\x81\xb3\xe9\x12\xc6\x041+\xbd\x86\x8d\xdf\xd0\xebA+\xd8B\x0b\x03\xcf\xa7\x04\x95\xc9\xf3\xe7\xca\xd4\x93$\x1az\xcaj&amp;\x91\xe8iBap5\\\xacV"\x06\x85"\x9b\x15f\x15\x06E\xa4\t\xed\x11#k\x19\xb9k\x0b\xce\x12\xa0-mn\xc9\x85\xbeX\xcc\xd7\x88_(-\x05&amp;\xa6\xe6\x06\xffK\xc0\xbap.\x99t\x97\xb5\x93\xe9\x9a\xbf\x8eD\xd0&amp;\xbfL|\xa4\x85H\xa6\xec!\xb0\xecv\xbb!a\xe8\x81\xe3Md\xf6\xb7ww\xb7v\xb76\t\xb0\xcd\xcd-\x97\xa9q\xb4K\xd0ZPQ\xc2$\xc4*\\\x98\x0bO}W\xe9\x86\x9d\xd9N\xea\x9b\reV\xd6\xe3\x8d\x9da\xfd^Y\xe5\x85\x96W\xa8\x14\x88\x0cij\xea\xf2\xc72;\xdb\xf2\xfd\xfdm\x18\xfc.\xd7\xf6\xf6\xee\xcf[[EE\xfc\xfb\xf7}\x057K\x98 \x96\xa6\x90\xff\xe4\xc9\xd4}\xf7\xd2\xe5d\xf2\x05\xa9\x11\x83\xf2UWOL@`\x81AU*\xbd0!\x14\xaa@\\\xd6\xe4\xf1;|*\xb8\xa6;c\xe3\xafV\xa7_-\xffc:\xbc3\xb3\xbb\xbbY\xc4o\xa9\xfd\x1f\xed\xe6\xff\x9bt~\xc7qk3\xaf_n\xa7\xa7L\xac\x95\x1e\x02EB\xbb4,\x94V"\xe5\x8bT\xc8\xc71"\xd4B\x1a)\xf6 m\x04\xcc\x90\x8f\xe5C*\x8bp\x0c(\xdc\xba\xa8\xd1\xd0R\x84\x1e\xa5\x1c\xac\xf3(\xb8\xb6\x1bq\x15]Z\xdb\xce\xb8\xd9\xa5\xde%S\xa7\xd7\xf5\xaa\x8bf\xfe\xd0\x9f\x96\xfd\xb0\xd7\xbb\xde\x7f\xb0~^i\xf9\xf9\x91\xd7\xeb\xf9~}\xf9\xbc_\xefT\xf4RTi4\x99L\xbc\x85\xf8\xe6\xdd\xc4\x9e\xaf\xf6\xec\xf9\xefv\x0f&gt;S\xe7E\xf6\xf4\x1f\xda\xdb\x0f\xd5\xca\xb9\x0eo\xbaKs\xc5\xac\x826\xcb\x99\xb25\xdc\xbb\xb7&gt;Y\xfc\xf2o_?\x9a~\xf4f\xe2\xd1\xef\x9f\xfb\xff\xb1\xb6\xf6s\x85+\xe5#F\xc7\x84F\xa5\xb2\x89g\xc8m.a\xcd\xbbw\xbf\xde\xfe[\xf4\xf1\xe7v\xc8O\x12:]/\x10x\xd3\xe6.\xb3\x9f#\xf1k\x036wC\xfa\xde:\x96\x0e\xb4\xbd\x04i\xbd\xc8\xbeXs\xdb\xd7!\xf9\xde\xcf\xc62\x85\x7f\x8f\xb5R\xa8T%MHDf\xae&gt;z\xfd\x86\x8c\xfd\x8c\xf2\xa9\xcd\xfc\xccu\x16]\xcf\x95ZU*?\x08K\xe2\x179e2\xcd=\xf3\xbd\xf5\x7f!\xd1\xbfz\xf5\x16\xd9\xcb\x97\xaf~\xfd\xab\x16C\xc6\x97\x19\xfb#\x8f\x12lQ\xb6\x1a\x88\xe7h\xa6\xdeA\x8e\x95\x1f&gt;|\xf8\x8c^\xcf\x1d\xb2\xaa\xd2*\x0e\xb8.&lt;\x19\xe8\xef\xbfu\xeb/\xeb\xebkk/_\xa0\xec\xf0\xe7w\x90!\xde\xbezu\xc1(,:Scc\x86\xa0\xeb(\x95\x12\x8bEn,\x93\xba\xf0\xf6\xf7a\x1dwh(\xec\xf7[Qj\xf0\x87\xef\xf7\xa7\x91\xb3\xe0\xfcm%\xd3w\xef\x10\xdb\x8b_\xf6\x19[lNW\xb4\x94\x0b\xba\x82-\xad\x86\xc2\x9d\x1b\xd3dR\x95?\x1c\xa6\xcb\x05R\xbf\xd5*\x95J$~\xbf\xa8\xa1_\xa3\xd1\x00\xd6\xda\xf7\x11\xfc\xcf\xdb\x170\x1f\x1a\x8d&amp;\xa30`\x8b\xc6\tW\x900\x08\xb3\xf9\x99/n\x92\x8a\xb52\x8c\xc454$\x15H\xa5\x0eo\xd8\xae\xe9\x87\xb9\xdf\x19p:\xed]\x93i\x7f\x1a\xaa\x0e\x95\xca\x83\xe4n\xec\x0b\x8a\x9c\x0b\xb9X1\x13\x0c\xce\x13w\xee\xdc%w\xf9tQ\xa7\xa7\x03\x96U\xc0\xe6\x02\x98\xd7\xae\xd9\xfaF\xd2\xe6\x84\xd9\xc7+\x1d\xf2\x8a\xec\x16%4XjH\xed.\xa73FdD\x18\x91\x89\x15\n3\xd7\xc9\xc5\x9a\xed\xd6\xd1\xe5\\\xa9T\xce\x96s\xb9\x8e\x90hR\x83&gt;(\xf5\x1e\xa5(\x17R\x85L\xca@c\x1c\xd9\xfb\x0b\xb1\xfa\x9a\xe9\xa8\xcb)\xc2\x02\x99\x80\xd6W,\xf8\xf23\x13\xa4R\x95/3Y,8\x8c\x02\xae\x1cLj\xf5\xfa\xc3m\xfd\xf7\x07\x14}FeK\x90\x10\n\x85\xf5\xc7\x8e\xed\xfeJ\x0c\x05:\x18\x08X2EL\xa4\xd5\xfa\n\xf9\x99\x1b\xe4:\xab|\x8e\xd9\xcd\xa2\x83\xbf\x80\xab\xb3]\xe0\rC\xf5\xe9\xd2\xc8\x14\x17~\xeav\xbb\xa8-\xc6&gt;\x93\xfa\xc8O\x8e ,W\xc0\x89\xe5\xa10&amp;BX\xbe8\xf3\xe5\x0erm\x9a\xcb\xfa\xabn\x0b\x8b\x8bV\x93\xa0(\x86\'\xdbd\xee\x81\x81\x01Y,g\xc8\n)\xa6k\xd7\xc4jF\x932\x081\xc40\x9fH\x9bX*.u&lt;"\x19k\x8a\xc9\xeefB\x14\xb9\x02\x81\x1ci\x0c\x85Qc\x07\xdd\xcb&gt;\xcd\xcd\x13\xf1\x9c\x81J1\x9a\x94TJK\x10\xa9\xca\x17\xf2\x85&lt;#KK\x91\xefH\xc6z\xcce\xeb\xb6\xdc\x85\xb4\x85ToU\x85\xd3\xe6\xc9\x80\xdd\x19+\x10\xa9\xf9R)\x165\x00\x9a+\xe5\xc2B\x89D\x02\xc3&lt;=\x9e\x8e\xa5\x93dc\xddd\xb2\x1bu\xa0.\xb6\\\xcef\xb3\xe9h\xc3\xccjUM\x8aD"\x1f\x08)0?\x1fy\x92\x83T\x15\x8b\xb9\xb0\x11|D\x9b\xe8\xf1${&lt;\xa5Q\xb2\xb1.\xf3\xd9\x8d\x8d\xc3\xc3\xc3z\xb9\x9c^[K\xaf\xa5C\x85\xb4Z\x87\xb4 \xa4BHD\xe4\xf3\x00VH\xd92&gt;,1\x12\x1a\x19\ty\x92\xfc\x1e\xa2\x9et\xac\x8f\xce\xb1\x1b\xcf\xd6\xd2\x87ur}m\xed!h\n\x05\xef\xd3\xbd\xd3\x87\x89\xac\x81\x14\xe6\x8bD"&gt;\x91\xc5W\xc4G\x92\xe0\'\x0f\xde\xc3/\x8a\xebG_\x93\x8cu\xf8\x04`\x9d\x050\xfa{,9[\x0f\xfa\xb2z!\x88\xf0\x0f\xa7\xcfW\xcc\xfb\x9ca_O\x0f\x9f\xcf\xef\xc1\x93\xcc\xc1\x08M\xbc\xf7$\xd9X\xe5\xa7\xdb\xdfs\x1d\xa2\x1fB\xab\x11\x80\xb7\x95\'\xb4ZmX\xe4\x0f`"\x1f\xa6\xc5\xb4\xda%&lt;\xc9\xe7\x9f\x19L&amp;\xf9\xc5\x05\xb1\xb8\xe6\xd8\xb7$c\xed8-oG\xd7\xd5\xd0\xd4\xa3\xcb\x16@\xd3\xeb\xb8\xb8\xd7\xab\xc5!S\xf8C^L\xeb\x0ba!\x1c\xef\x19\xe4\x0f\x9e\xe0{&lt;E!O\xad\x16\x9f\xbcD\xf6k\x8c\xcf;;;\x11Wc\xed\xd6\x06\x02`\xe9\xb9I&lt;\x89C$C8\xccA\xc8o#\x9e\xc1A&amp;\xb3{0\x99\x88\xd0\x9a\x18bu\xcd\xeeKd\xbf^\xf9\xfc\xb8\xe48\xe2jl\x84\x93\x88\x166\xe8t\xa6\xc3\xe1\xc0\x1dR\x07\xfc\xe1\xdaP\x08\xf7$\x1dL\x16s\x90\x8f\x8f\x14\xa3\x0c\x93R-\x06\xcd\x93\xfc&lt;\xaa\xbcC\xc2\xf9\xad\xe48\xfa2\xc8\x96\xb3\xc1_h\x9b\x98\x0b\xe9^\xe0\x18\x12H\x058\xc4o\x90\xdf\xcdd\x9e\x83 j\x0b\xb1&amp;5\x83\xa1V\xdf\xae\x1f\xbdL2\x96g\x88\x83\xdaxtM\xcdf\xeb\xc1c\xb5[q\xe4\x82\xc7\x04\x0e\x01\x0e\x8e\xe2\xb2\xb8\xe8\x91\r\x1e\xc2\x08\x97I\r\\b\xf1\xde\xd17$\'\x88\x1e\x8eJu\x0b\xc0\xdes\xb1k\xdf\xab\x8b\xc9d\n\xc0\xf8R)\x1fJ8\x1f\xb2\xc3\xa0\x07\xcb\xb8(P\xb4\xc1]\xe4c\x95\xe1\x80\xa52\xc34v\xfc{\xaeZ\xbd^.\x90K\xf9r\xb9\x00\xba\x1d\x08\xa4\x83\xef\xe0\xf3\x1dx"\xe5\xfaT\xc9\x00.\xb5\xba\x86\xc44\xff\xd1\xf8\xc4\xf4\xdc\x9f\x96\x93\x1c3X\xda\x8c\xb8\xda\xa10\xa2\xdb&lt;h\'\x04\xa8\xa7@\x06!\x04\xa9A\x04S.\xaa\xb2\x89\x86\x82\xa8\xaei\x1e\xfd\x8e\xa4\x0cQ\xf6Y\xdd\x83\x95\x0e\xcfi\x07\xc7|\x05]\x91!.\xc8\x15\xec\xb3 .\xfd{,.8\x8b\x8b\xba\n8\x90\tg\xc6\xd2B\x15*M\x10\xc4\xdb\x8cw\xa3\xdf\x8e\xdf$\xe3%q\xf9\xa9S\x9f\xcc~sn0\xe9@k\xc30\x84]Q\xa9$\x80\xd5\x89\x1a\t6jq\x04\\8\x8cV\xdc\x81\x87\xb4\xc5L1\x13HYZx\x14\xaa\xd2\x08qd\x1c9vi\n\xd9\xe3\xf1\xb2\xedE\xbb\xfc\xf4\xc7U\x17\x1fv\xb3\x98\x08\x0b\xa6\xb0~\r\xf2W\xa7\x14\xcc!@\xd5\xc7\x1a\n\x85\x0by\xac\xe0\x8b\xf8\x8a\xb1X,\x93\xb2\xb8\\AJ\x13\xc3\xd8\x04\t\xb5\xfe\xe4\xa5\xa9\xfd;\xa7&amp;&amp;\xe6\x1eoo\x02{\xf0\xe0\xc0\xfe\x03\xcf\xbaY,\xd0V\x17\xba\x12n\xeb\xd7\x989R\tjk\xb4\x98/S(\x16"\xf9\\)\xf2&lt;\x12)\x10\xf3\x99\x8c3\x95\xb1\x18\x84\xc2&gt;\xe8UM\x0c\xa8\xd5\xa3\xd3\xfb+\xa7\xa7\xa7\x97\'\xaa\xb7\xd3]\xe3\x8b\x9fU}\xb8o\x96\xa5c%\xadi\xc0\xfa\xd9\x00\x8c\x87]*\t\x87\x03- &amp;*\x16\xe6s\x99\\\xb6T\xda\x8c\xc5\xe7\xe7\xe7\xf3\x19"\x93I\x05\xa9\x14\x1eOI1\x99\xd4\xe2\x9a\xfa\x93_O\x8dO\xcf-_\x9d\xa8\xdeFw\xdd\xdcX\xfc\xcd\xbe\x9d;/2u,\x1c\xb0\xda\x1a\x06d`mf\tG\xe5\x0f\x8b\xc03\xb1\\n\xe1I\xae\xb49\x96\x8b\x976K\xf3Y"\x18t\x05\x83\xca&amp;%E\xa94\xaa\x19\xcd{\xeb\xe3sss\xcb\xff\x9c\x19\xff\xb8b\xdb\xdcuy\xe3\xd9j\xdd\xbe]\x95\x07\xce ,\xf3\x16\x96\xdbmk\xe8\x02*\xbf\x1d\xc4\x9d\x8a\x19\x16J\xf1\xb1\'\xf1R&lt;^\xca\xe5\x0c\x06C\xcaf\xb1\x04[\x190\x02)M\x8c\xdf\xddn\x8e\x12\xb3\xb3\xb3\xd7\xcf_\xad\xae\xa8\xd8\xae\xd7Qe\xb3\xcfV\x9e\xd6U\xed\xaa\xfc\xf0\xa1N\xd7c\xf5k \x86\xb2^\x85B\xd6\xaf\xe2\xf8\'\'5\x16\x17\x01\x06Tc\xf1\xe7q\xb0\x9cAH\xb8@\xf0\xc2\xd6&amp;1\x8c\xfdH\xf34\xa5\xed\xc6\x17w\xbf\xe9\x98\xab8\xf8\xf16\x1d\xc6\xc3\x0fV\x9em\\\xac\xab\xda\xf9A\xe5\x06]\xee\xf1\xa65\xe0-\xb7Bq\xc1\xdd\xd6\xe5\xf7k\xec\r\x16[\x90 r\x0b\xf1h&lt;\xbe\xf9\x04~K\xd9l\x16bh\x10\xf2\x184\x1e\xaa&gt;`\x14[\xe0|\xc7\xe9\x1b\xe3e\x15\x15e\xdb\xf2\xa8\xb9\xfc\xd4\xe2\xca\xb3\xd5\xcf\xea\x0e\xfc\xb0\xf2\x83\x07\x8d\xf2\x11/H\xbeA\xe6\x06o\xf5\xca\xda&amp;\xedvg\x83-\x95!\x0c\x86\\i,\x1a\xcf\x95\xe2\x10\xc3\xac!\xeb2\x18Zib\x1aM\xdc\xbc\xc5\xd5D\xe9\x1d\xb0\xe3\xf8\\\xf5\x16\xd66\xf8\xab\xbcnuqe\xe3\xe9\xa9\xbaO~TY}\x80\xdb9\x12\n\x83\xb6d0\xdf+\x14nY\x9b\xddi\xb1\xd8\\D\x8c\xc8\x82\xac\xc0]\x0bc\x0bQ\xa1\x01\xdc%\x14\xf2\xc4&lt;\x9a\xb8F\xcc3\x02\x96\xb2\xafw\xe0\xbe\xea\xce\xf8\xc1-\xac\x83\xff?W\xd5\xea\xea\xe2\xc6\xeaE\xc0\xaa\xdaU\xfd\x83\x13\x9d\tm\x18\x82(s+Z.(\xdc\xbd\xb2\x86@ \x05g.\x9b3D\x01*:\x06\xd2\x8aF\x17\x16\x84&lt;\x1a\x8d\xd6\xdc\\\xb3\xb7\x86\xc6@\xe5\xba\x89\xaa\xf8\x1f\xe9\xe6\x1b\xda\xc6}\xc6q\xeb\xf4\xefNw\'\x9dt:\xe9$\x90\x0e\x07\x0b\r\x8cp,\x10\xb2dufy1\x8b\x8a\xd0\x89\xac\x0bf\x0b\x06\xc3lj\xfc\xc2\x015+MG@\xd0\x04\x06\x83\xb2\x17\xc1\xc45\xd3\xf0\xdc4\xca\x8by\xcb\x82C\xa9\xcd `\x89\xd4\x0e\x8e\x87ScKye\xe2\x8ef\xe9\x08\x1b\xf9\xe3\xc4\xdd\xf7\xf9\x9d\xe4$\xb0\x95\xb6y\xb0\xfe\x9c$|\x1f\x7f\xbf\xdf\xdf\xf3{\x0e\xdb\xef\xbe}t\xc9i\xb1\xf0a`\xf1\xaf\xc8e\x9dm\xd46\x166j\xc0J\xe8\x92S\xfc\xc3\xcf\x8e\x1d\xbb&lt;IX\'3\xe94l\xecF\xb2\xde\xb9t"\xbb|\xa1\x02\x1c\xdc*\xcb}\xa9\xe5,\xb9\x17\x1a\x08\xf9\xe2\xa1\xd0\x95\xdf\x1d\xee\xe9\xc9\x0f\x0f\xbe\xfb\xc1\x9fgyw\x98\xb0,\xbc\xf7\xd5\xba\xd7,\x88\x1a\x8dZ\xa9\\\xacF\xf5\x80 \xde\xf8\xe5\xb1\xd7^\x9b\x9c\x04\xd6H&amp;\x939I\\\x08\xfc%t\x84\xecr\xa5\xd2KX\x95T%\x92\xc2\x8c\x15\x02\x94\xcf\x17\n\r\xfc\xf5\xe7\xc8\xd6\xf0 \xc4\x12\xdd\x10\x8a\xb2\xc5\x8b\xe2\xab\xb4\x893\x0b\x1b\xe5"\xa0\xca\xc5"\\T\x1d"\xf7\xa3\xdf\x00\xebT7\xfaC\x9aq\xbd\xd7=&gt;&gt;\x1a\xec\xeb\xbd\x90\x8a\x15b\xb1B!W\xa8TB\xa9\xd4\xa1H\xc8\xe7\xf3\xc5\xe3q_\xe8\xd7\xe8Z\x11`}\xf0\xc9\xac\x85\xb0\x98\x89\xa2(~\xff\xe5hum\xd4\xaaQ\x93\xaa\x1a5t\xc9\x16\xfe\xc9\xfb\xb8H=;&gt;AXA\xf2\x11r\x8d\x8e\xf8{#\xa9\x98R(xp\xf3\xc5|\xa9+\xc8z\xdc\x17\xf30\xb9 \xd8\x95C\xc3\x83?\xf8\xdc\x0b,\x9eayE\xd1\xf9}\xbb\xbd\xb5S\xdb\xa8\x95\xa3\xd1"\xa8\xa2\xd5*\xc2\x15\x10\xf8\x1bG\xb1\xd9t3\xac`p,\x9dI\x8f\x1e921\x98\xf6C-EQ\xe2q%\x16\x03\x06\xca\xa7(\xec\x05_\x88\x8c&lt;4&lt;\xf1:\xc42\xb1\xc2\xbc\x17\\\xa2\xed{\xf9\xc8\x1b\x89\xf2:\x80\xc0\xc5\xa8\xa2\tC\xe5\xbc\xc2\xb1\xf7/\x9f\x1a\x9f\x98\x18\x1d\x81\x89cc\xc1\xcc\xc8(\x10G2\xbd\xa9XL\xf1@1\xc5\x13\'\x10\x9f\xe29\xc0\x02\xe4\x1b\xf9\xc9k\xa2\x9ba\xf1\x88\x97\x97\xca&amp;|g0\xabE/\xcbFm\xb3X\xae&amp;\x0c\x06EX.I\x0c_&lt;JX\xa3#\x0c\xcb\xef\x0f\xa6GAEX&gt;_,\x16\xf7$\x0bJ\x0c\xce!V\x1eO\x01_\xb0\x91||#3y\x8b\xc4\x02R\x187\x02\xb3\x07$Ap~\xa7\x89\xd5\x9d\x88jZ"Q\xdcl\x94\xe0]"\xc1\xa8\x80%\xdb\xc2\x8ec\x1fM\x02\xeb\xdc\x08L\x0c\xfa\xc1u\x0eT\x18\x8f#\xa1P\\Q&lt;\xb9BA!\xb08\xe4*$=\n\xc3\xf2\xa5"\xdd\x7f\x9f!\xb1L&amp;\xa2\xe2\x1d\xb2\x1c\x08Hv\xef\xb7\x05\xb3\xbae]\x92\r\x80Tww\xcbH\xbaab\x19\xbaK\xb6\xf3\x96\xf3\x1fMv\x93\x87i\xa2\nB\xaes\x84\xd5\x87\xd9\x05T\xc9\\\x0ez\x81%\x8e\xf0C-\xb2\x11G\x03\xc1S\xf3aPYZT\x04f\x97\x032\'\xc9\xf2\xb7\x03\xb3\xba\x1d\x9a\xa0\x19L\x1d\xa3\xd6,W\r\x97\x8bq\x11\x96\xc6\x89\x16\xe7\xebowO\x8c\x8c\\\xca@\xad\xac?\xebO\xa32~\xa8\x85\xf6\x00\x0f\x93\xc9\xa4\x12\x8f)\xf4\x8f5\x05\x96.\xcaWd\xfc\x8e@b\xcd\xb4\x99x\x8b\xcd\xe1\x00\x93\x84\x92\x1d\xb6\xf07w\x0b\xab\x95\x978\x15\xf2P\xe9\xba^l.\x14\x81\xc5\xf4bX\x92\xcdb\xb9\xf8\xc3\xee\xf7\x90\xac`0\x03\xb9\xfa\xb2\x90\xab\x85\xa5\xa0k\x01\'\x06y\xf0\x80\x05\x80|y&lt;IE\t\xf9\'\xe7H\xac\xa7\x8f\xef\x99T\xa2\x97\xb7\t\x1cq1\xb2\x80\xec\xf8\xa6\xdd\xc8*H\x92\x9a\x882*\x03T\xaeD}\xbdl\xe8\xaa\xa6\'@\xb54\xe7Re\x81w;\xc6\x8f\xc0\xc3\xe0\t\xcaV\xb6\xaf\x8flL\x07\xfd}h\xa0l!2\x91&lt;\x88\x15-Eh\x97,\x14R\xe3wf\xdc\x9d\xee{\xf7W\xbf\xf6\xb6\xd4\x12mN\x87\xc3\xc1\xb5\x04\x93\x02\x9a\xe3\xffYiQ\xa3\xba\x11\xa5\xbe\t\xfb\x08\n\xee56K\xd8\xa3\x03\xb0\xd1X\xda\xff\x0cXv\xf4\xc4\xcf\x19\x16b\xc5\xb0\xe8\x17\xac\xc1\xe0\x89l_\x84\xe2E\x81\xf20\x1c\xe2\x82V\xf05\x16\x84X\x9d\xee3{\xab{\xe2u\x93\x8b\xb0\x04\xbb\x9d\xc0\x98\x8f\x00S\xff\x07\x98\xb5S\x8a\x16\xa3e4(l2\x0c\x8a\xa8\\\xae\xea\xfa.\xb0T\x17^\xba\xfd\xec\xd9\xa2\x8br\xe0\x9e}gt$\xc3\x96!ae\xfb(\xf8\xf4,\x85\xdeE \x84\x85;\xb4\xd6\xb8\x825P\xb80\xfeo;\xc4\xfar\xf5\xfe\xdd\xc6\xd0y\xb3u\xd9\x80\x05.;\xc7\x11\x18\x99\x19\xd0T\xe9%+\xadV\x0e\x1eE\x8b5\x93J7\x8b\xa8T\\\xb2\x16\x13x\xa2\xd76\x13_&lt;\xdb\x9f\x939\x1b\xef\xb6\\\xa3hQs\xf0\xb7\xe4\xa2\xc7\xde^\xc2"\x17iAB4\xac\xc1\xb8\'\x97\xcb\xc5.}2\xcf\xbb\xddOWW\x9f\x1aCk\x17\xa9G\x84\x99Z\xe0"#[\\\x01p\xa9\xb2\xb7\rf\xf5\xbap\xc5\\,\x95J\xd5j\xb1J\x99" \xbaS]\x9a\xab\xd6\xdc@\xd4U}hj}i\xff\xd9\x93\x00\'\xc0\xc5\x99\x13\xa6V\xe0\xc9\x10O&gt;OX)\n\x97\x87\xdcK\x92u\nYHb-\x9f\xbd\xe6\xb0P\xb0\x1e\x89+]\x9b^`a\xf7\x01\x16\xe3\xb2\xbf\xc8\xa5\xaa8%\xeb\xb0n\x0e\xb1\x01S\x19\xb3K\xb9\x98`\xa9j1\xe1C\x01\xb5\xb8\xdet\x91\x8b\xbbS]\xa5\x7f2t\x06f\x00\x00\x06=IDATmm=\xe4\x041\xec\xb6|E\xcd!\x9b%\x99@\xd5\xdb\x0b\xc9\x80E\xd1b\xc9\xa2\x05X\xa0\x1e\x86\x9a\xae|\xf8\xe1-\xc1b\xd9[},\xaew\xbd5\xcb3,R\x0b\\v\xa6\x17\x0b\x18\xa9\x05\xb9\xe8\xcc\x9c\xa5C\xd3\xa3eT\x89\xc0\x8a\xd1\xb6V*\x95F\x95\xa8o6\\.M\xd5W\xa6\xb6\x8d\'[\xfb\xb7\x04\xb8\xe8\xb6/\x93m\xe8\r\x99|\x1f\xcd\xa1`\xc3#\xb8\x08\x8ca%I\xa8i\xd4\xe2\x89SK\x01\xa7\xfb\xeb\xd5\xd5\xbb\xe5\xb5\xae\x1b\xe6VMj\x99\\\xf6\xb6^-\x17\xc9(\xdd\xd5A@\xa5Z\xadV\xc2TE\x1dTo1\x01*\x80\xd2\x8cFsGV5\xd5U:&gt;U\xbf\xba\xbf\xf5H\xb0\xd1|r\x13\xea S\x19\x7f\x1eT\xa9\x08\xa8\xe8\t\xdb\x16\xe3q\x04\x1fP\xc9\xdc\xf4\xe9\xd3\xa7\xa7+\x1f_\x9bw\xf0\xd4\x1b\xd4\xa1\xae\x1d/\xc4\n\xb7\xb0\xda\xa9\xb7\x03\x8b\x93_\xe2\xea(\x1d\x94\xb9\x04A\xa51\xa1\x08* \xcb\xae\xf2Ns\t\x87\xcc\xc6\xea"l\xb4y!\xd7\xec2\xe4\xc9\x06G2~J\xba\x9f\xb8\xa0\x18\xf6E\x9a\xfdbl\x13\x9a&amp;\xac\xe9\xca\xaf\xee\xcc\xcbN\xfe\xd1\xea\xde\x99f\xd7\x9b3N\x11\xc3)m\x89\x84\xf5\\.\xb2Q\x0e0,\xc6\xd5Q*\xb3B\xd6u\x96sf]\xa0U\xc8\xa1V\xad7w%J\xa3\xbe=\xf5\xa6\x06\x1b\xef\x89\xc0\xb2\xdc\x8c@\xad\xf4\xe0\xc9\xb1|\xcf\x00m\xc5\xbd\xcc\xcc\x01\x8c\xca\x98\x1e&lt;,T$\xd6\xe2\xdf&gt;\xbe\n\xaa\x99\xc7\xf7\xef\xcem\xffb\xce\x12\xc6\xf8\xc7\xc4jc\t/bi\xadt\xc1D\x1a&lt;i\xc4s\xb9\x02/\xd0\x98E\xed7\xd1h6\x13 \xd5\\\xa5\xae\xa9\xfa\xad\xfd\x07\x8f\xbca4!g\x05\xbee\x06\x073y\xcc\xc71\xe2B\xb6\xe0g\x88|L\xe6\xfas\xcc\xc2\xafn\x9f\xbd&amp;\xcbz}\xe5\xad\x9f\x9e\xaf\xaf\xd7\xdd\x9d\x9d\x16\xd1\xcb\xbf\x84\xd5j\xaa\xe8\xf7,\xf2\xa6\\\x1d\xe5j\xd4\x8c\x94\xaa\x01\x87\xe3\x0e\xf6\x03v\x87,\xea\xa5\xddf\x1d\xe9\xc2\x87\xd7\xa7\xba\x12\x0f\x1f\xac\xfe\xc3\x82o\x1f\x9e\x03\x96\x7f\x04X\x18\x00\x93\x8a\x0f\xf3;]\x81a\xa4\xf1)\xf1\\?\x8a\x05\xeb/\x9f\n\x16~am\n\xb5]/\xeb3\xe0\xf2\x1eD\xcbv\xa0\x16Gg}\x11\x0bB\xb1\x9e@T\x1c\xd7"\'x\x8eQq\x9cZ]h\xaeGUC\x0fH\xd2\xca\xf1M\xf1\xd1\xde\xc3\x9b\x9f\xfd\xf3\xf6-\xe7"\xdaUz0\x9d\x8f\xf8\x94\\\xce\x83Y9\x15\xc2\x17]X\x1cP-^\xba\xbc\xe4\xe5w\x87\xd6\xd6\xba\x8e\xafm\xd4j\x8d\x9a\xe1l\xed\xd5\xa6X\xad\x96\xdaZ\x89Z\xabT\xb5\xa3\xd5\x12\x10)Y\xe2\x1c\xac\xb8\xe7\x85#\xd9h\xec\xac/\x04\xa2\x01\xbb\xcdfl\xd6\x8d\x046!\xd4\x17s\xf3\xd4E3\'\xfd\x11_\x12\x14I%\xc6.&amp;\x90,\x85\x8e\x89+w\xe1\x8fG\xe7K+C\xa8\xb5\x95\x84fTKE\xddn\x0e\x81\xe6B|\xde!\xcc\xfdG2\x1f\x03Z\x87\xb9\xf5\xa9$\x96\xc40\x1c-8\xb3\xecvI/\xd7\xd7w\xae\xeb6\xaf(\xcd_]\x82\xb8\xb7\xf7\x9fmmm\xed\xdf\xad\xf4\xf8\xf3\xc1\xccX\xaf/\xd7?\xddO\x7fg\x10\xf7\xc1\xc9T\xc8\x93;MX\xac\xbf\xffve{h\rX\xcd3n^\xd0t\x97d\xe3\x0f\xa2\xd5\xc6j\x0ba\x9e\x8f\xa5\xa8\xc3\xec\x9d\xb4\xf8\x08\xcb|\x8b\xde\xb5\xb3\xcf\xd0^\xaaV7vv\xea\x86]/\xd2\xca\xd08\x87\xfd\xee&gt;\xb0\x1e&lt;\xfeO\xbe/?&lt;6\xd6\x13JNOC\x9c~\\[D"\x87\x06BI\x08\xd5\x9f\xc3V\x1d\xfa\xd3\x8f\xa1\x13\xa8\xb6\x1b\x9dV\xac^Q\x10L*\xef\x01W{%\xb6\xcffv1\xb9\x83\xba\x14kS\xb2\x19\xa5\x17\xdeg%\xd8e\xa3\xbc\xb1\xd1\xb8\x8e\x0e\xa2\xca\x9c\x1d\xdd\xd4\xeb\xbc\xf7\x04\\[\xab\x8f\x0f\xf7\xe4\xf3\xc3=\xa1\x1c0\x80\x95S|\x91\xdeC\x03&gt;:\xf4\x10\xe3\xef\x87\x18\xd5\xda\xca\x9c\xb5\x93&amp;fK{6e\x97c\xedt1\xae\xf6\xd9\x04\x86%u\xb4r\x16\x90\x0f\xb0\xec\x02\xfd\x0c\x02}\x86\x95\x03\xa1(\x92L@b\x05.\xe7\x97\xc4\xf5\xe0\xfe\xde\xe1\x9e\xff\x96a\xf6,\r\x03a\x1cO$\xf5r\xa4\xda\xa6\xe0\x90@\x87\x06\xc5Q\x10\xbaT\xa1\x9b\xb8u.\xe8\xe0\xe8\x87\x10\xfd\x0cn\x1d2\x15g\xc5\xa5\xe0*\xdd\x0c\x88 \x88q\xb6C!C@lh\xa1&gt;/wy\xc1+\xa1\x85\\\xee~\xfd?\xff{\xee\x9e\x04\x81\xc7^::\xdc\xeb\x06\xa7m\x8f\x9d\xd6\xea&gt;^\x12\xd5k&lt;1;L\xe5\xab\x02\xa3\x82\xc5\xf6""\x9a\x95\xccm`\xca\xe7LU\xe7 2\x8e\x90E\xdb\xdc\xda\x81\x83\x83\x10\x96n\x8e[\x93\xab,\xfdL\xd3(Y\xdc\x0e\xc0L\xe4\xa5F\xab}\x10\x0c\xc0ipNn\xf5.\x86\xac\xd5,TP\xa6\x9f\xab\xe5h,\xd8~\x88L\xa8UI\xd2A\x922\xe8\x00\x06\x11,Q\tn\x84\xa6z\x97\x98,\xc1\x9bY\xf8\x9b\xa4\xd0\xa2lq\xd5$\xac\xe6~\x1f\xb0\xda\xde1\x94\x18\xde\xd3\x19Q\xc5\xefc\xadT^\x8b\x91X4\x8aRKM&amp;da4\xa3\x8e{$\xb9=\x97\nI\xa8_\xf1GD\x99\x8bV\x90k\xbb\xe1\x1a\xc1\xa2d\xf9\x83qk4\xa1\xa4\x07\xc3\xe3\x8b\x87\xe9\t\xae\xbe\xe1\xcb\xd75BQ!\xa6\xa5\xa2zZ\x89\x85j\x11\x9a\xa5\x84P\x07\x9dZ\xcd\xc0\xa4Y\xdf\xd0+A1\xd1\xc5z\xe5O\x95\xb5B\xb5p\x86p\x9dE\xd0\x10\x0c\xdd\x84o\xda \x9d\x9e\xdf\xec\xe2\xea\xfbx\xde&amp;(\xf2\x94\x12\xcb\xadPY&lt;\xb4\xa5\xb1H/\xf2\x8dA\xa1\xd3\xa6\x93B\xa9T\xa8\xc5?d\xa1Z\x1eb\x17\xa7\nWK\x06\x9bC1\xd8\x0f`\xfb\xe9\x8d@\xa78~\xbb\x03\xa3w`\x05\x9a|H\xb6}\xad\x95\xc3\xce\xcaYt4\xf4\xb8\xa8\x85AT\xb2py\xf9\xa6\xac0\xc92\xac\x03\x97\x8b\xa5\x9fo~\xcfQ\xb2$[\xf4A\xac{L\n\xc3\x8f\xc9\x18u"[\xf9\xbe_T\xf8\x9a\xcaq\x10\xc3\xd1c\xd1\xc7)1\x1a\x90&lt;\xf3T\xf0O\x92\x8a:\xa2\xe2\x04\x18\xd9\x85\xda\x98\xc0\x80l\x99$I6\x9f\x8e0x\xb3\x072\x14\x9b\xca.\xca{;gB*\xedx\xfcF(\xba\xc9\x1d\x84\xf8\x03\xc6\x90_\x9f\xe3x\xa5\'\x00\x00\x00\x00IEND\xaeB`\x82'</t>
        </is>
      </c>
      <c r="M126" s="3" t="n">
        <v>45492.67685185185</v>
      </c>
    </row>
    <row r="127">
      <c r="A127" t="n">
        <v>345113</v>
      </c>
      <c r="B127" t="n">
        <v>1966</v>
      </c>
      <c r="C127" t="inlineStr">
        <is>
          <t>Bruno Henrique</t>
        </is>
      </c>
      <c r="D127" t="inlineStr">
        <is>
          <t>Bruno Henrique</t>
        </is>
      </c>
      <c r="E127" t="inlineStr">
        <is>
          <t>VOL</t>
        </is>
      </c>
      <c r="F127" t="inlineStr">
        <is>
          <t>VOL</t>
        </is>
      </c>
      <c r="G127" t="inlineStr">
        <is>
          <t>VOL/MC</t>
        </is>
      </c>
      <c r="H127" t="n">
        <v>180</v>
      </c>
      <c r="I127" t="n">
        <v>8</v>
      </c>
      <c r="J127" s="2" t="n">
        <v>32801</v>
      </c>
      <c r="K127" t="inlineStr">
        <is>
          <t>Right</t>
        </is>
      </c>
      <c r="L12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b1e98fdd-a55d-44eb-a4d9-d41fa98039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r\x9a*\x7f\x00\x00\x00\tpHYs\x00\x00\x0e\xc4\x00\x00\x0e\xc4\x01\x95+\x0e\x1b\x00\x00\x03\x00PLTE\xfd\xfd\xfe\xff\xff\xfe\xc5\x89c\xfa\xfa\xf9\xfb\xfc\xfc\xfa\xfa\xfb\xe4\x1a\x00\xfd\xfe\xfc\xfe\xff\xff\xff\xff\xff\xb5\x80_\xff\xfd\xff\xfd\xff\xfe\xc3\x86a%\x1f\x1e\xb1\x85j\xce\x9bz.\'%)#!\xff\xfe\xff\xca\x94u\xe7\x1a\x01\x1c\x17\x16\xc6\x91s2*(\xc4\x90n!\x1b\x1a\xd9\xde\xef\xad{_\xaa\x81g\xb1|Y\xcd\x98u^D:&lt;1.\xff\xff\xff\xc7\x8cf\xe8\x1e\x02\xbb\x87d\xea\x1b\x01uXK\xb8\x84b\xfc\xfc\xfd\xc0\x84^G:3\xb7\x86h\xb8~X{ZK\xbf\x8ds\xd0\x9f}\xcd\x9d\x7f\xd9\xd8\xe5A51\xb0\x80c\xb1~^rSE\xb8\x7fe\xdd\xdf\xec\xe0\xe5\xf5\xaf\x88p\xb5{U\xbe\x8agdLB\xabxW\xbd\x8dn\xdb\xe0\xf3\x98r_lOB\xa6uX\xbb\x80\\\xbc\x83`\xeb\x1f\x02\xd5\xd5\xe07/+\xcb\x96z\xb9\x89j\xe0\xe1\xf4\xe5\x1d\x02\xfe\xfb\xfd\xfd\xfc\xfc\xb4\x83e3$!\xd9\xdc\xea\xa9x]\xa7|d:+&amp;\xc8\x8fj\xd9\xd5\xde\x8bfU\xb3\x8ct\xbd\x87n\xb1t[\xcb\x90y^IB\xde\xe2\xf0{RB\x87`MC0*\xc9\x93p\xc0\x87bP:3J5.\xe3\xe4\xf2\xa1qU\xc3\x8eh\x7f`R\xd8\xda\xe1\xdf\xda\xe9\xf7\xf9\xf9\xb6\x8apWD&gt;\x93gS\xc1\x8ckhQI\xab\x84n\x91l[\x81\\LU@9\xf7\xf3\xf3\x99jP\xdc\xdc\xe5\xafuR\x9ft\\\xfa\xf7\xf6lI;L?:\x8bZE\x16\x13\x12\xcf\xa1\x82\xa3{c\x99mXN0&amp;\xbb\x82knWN\xf9\xfc\xfa\xdd\xdf\xe8\xe3\xdf\xee\xf2\xf0\xef\xc0\x81feE8X&lt;3\xc8\x8ct\x83WEuK&lt;\xbby`\xc5\x85mx`W\xb4ya9&amp;!\xdf\xd9\xe2\xbf\x95{\x9cvd\xe0\x1d\x05\xe7\xdd\xe8\xe03\x1f\xa2waX6*\xa8oQ\x94dJ-\x1d\x18\xa0kQ\xed\xeb\xea\xeb\xc5\xcd\xd8\xd3\xd4\xfc\xfc\xfa`=1\xb2}j\xd0\xba\xb5\x83dW\x8doc\x8e`N\xa2\x7fm\xc7\xaf\xaa\xde?*\xea\xd8\xe2C) \xed,\x14\xacp^\xd2\xcd\xcd\xabdV\xdcG5OGE\xb1\x90~\xa2n]\xdcZN\xc1\xa5\x9b\xe1\x80}\xe0xq\xberi\x9d\x97\x95\xba\xb4\xb2\xd5\xc2\xc1\xde%\x0f\xd5=+\xd2bX\xee\xcd\xd6\xb6\x95\x86\xd1/\x1e\xe8\xa6\xa7\xb2gX\xd6&amp;\x13\xe9\xe4\xe4\xed\xbe\xc4\xdfcY\xc6\xa1\x89\xa5\x8b}\xc7\xc1\xc1\xe5\xd0\xce\xcc\x8ar\xdf\x88\x85\x84i^\xea\xd9\xd7\x9cbN\xe4\x8f\x8d\x81L:\xd9\xcb\xca\xee\xb4\xb6\xdf\x9b\x9a\xe6\xd2\xdc\x94wj\xeb\x9c\x9b\xdf\xda\xd9\xe2\xbf\xc0\x93\x8b\x87\xa1YM\x97J?\xce}x[QNvmj\xca|e\x81ws\xac\xa5\xa3\xe5\xb5\xb8\xe0ogmA2\xd5M?\xbak`\xb5\x9b\x90\xe4\xe0\xdf\xd0D6\xbc\x89}\xc5\x94\x94cYV\xd3ng\xdfRCja]\xf4\xe7\xe6\x89\x81|\xd3\x94\x80\x8dD8\xc9VJ\xd4SH\xe1\xae\xaf\xcd\x89\x88\xa9WG\xd7\xa6\xa7\xd5\x99\x8e$j \x03\x00\x00 \x00IDATx\xdat\x98_H[y\x16\xc7\xaf\xde\xdf\x8fL\xc2\xe4\x96\xdc)1\x8ad\r\xa1\x8c\xf1\xd6\x96\xe5V\x07\xa65\xc3\xaa\x81\xb4P\'\xd8H\xa1S4\x8d\xc1\x0e\xa4\xd6\xed\x8e\xba\x8e\x89\xb2\xba-d-[\x18d\xe7a\xeb?\xb4\xcb\xce\xee\x83\x10\xc8\xa3y\xf7E\x96a\x99\x97E|\x88(\xcc\x83\x0f\x82\xf8\xbc\xe7\xfc\xfe\xdc?1=\x98kror\xef\'\xdf\xf3\xfd\x9dsn\x14B\x14w\x10\x08\x85\xa8*e\x7f,(\x85}l\xc3\x0f\x12\xf6\x94\xb2\xc3CC\x84\xce\xcf\x940\xb6D\x94f\xe6\xf1\xc8\xce\x0e\x9e[\x9c\x9e(\xa4.\xe4\xf9\xe5kve\xc5z\xb7\xf2\x11,\xa2\x8a\xcfQ\x95\xb2\x0f!\x17;\x1a\xa3t\x873\xcd\xcfl\x9dm\x1fTO\xf7\x8e\x8e\xf6p\x03qyyytZ=(\x97\x0f\xf7g\xf2\x14?\x80\xa7\xe4\x97!\n\x7fNq\xbf\x0bK\xd2\xd8\x14W\xb1\xf0\xda(\x91\xe0\xe2Z\x11\x85\xcb\xa50@uG\xcd\x03R\xb9\xbaw|^\x9b\x9c,\x16\x8d\xe2t\xd10\x8a\x95\xa2a\x9a\xf0\xafv~q|T-o\xe5\x85J\x8a"\x85\xe6:;\xb0(\xb1\xc0\xf8\x97\xb0\xb1\x88\x13Y`I0\x0c\xfe\x068\xc1\x0eQ&lt;1\xc4\x9a\xd9\x07\xa4\x93\xf3\x8a\xa9\x072\x86\x913\xc6\r\x1e\xa6\x991\r3\x12\t%M\xa3r|\xba=\x13S\x88H\xba\x95=\xfe\xe74\x88DW\xc4;\x1d\x89s\xbfP\xed\xb0\x1c\xa5(\x0f\x1f\xc6\x88\x87\xbcQK\xdb\xa7\x80\x84\xc2`\x8c\xe7\x0c#\x03pF&amp;\x9dN\xa5B\xe9\x88i\x02\x18\x92U.\xcb3$\x16c\x17\xb3\x95\x82\x07\xb5\xceN\xc5^J\xac\xd4aj\x1a\xa8\xc5\xb1\xa4\xaf\xeco\n\x07cx\xa8T\xde\xbb(F\x92\x11\x84\x02i\x8cb\xd1L\x06t\xe0IG\x80(\xd4\xa6\x05t=\x90\x8c$\x93f\xa4r\xb9=\xc3I\x08w4\x01\x0e\xaaZ\xb9\xb0\xbe5%v\xa6\xc4\x0b\xa9\x9e\xc4\xa2\xd4N&lt;\xff\x187*\xe7\x9d9&lt;\xbd0B\x81P2\x12I"\tH\x93\x06\x0cM\x0f\x84"\x06pE\x02\x9a\xa6\xb5iz\x08\xde\x13JV\xf6\xce\xf2*\xe5\x02\x10E\x98T\n%\xb0\x14"M%=\xe6\xc2r\x08-\xdd\xce\xbc\xa5\x88\xb4S\xf2\xe6M~\xabzRL&amp;CI\x08\xb80\x88b\x02\x9d\xa6\xc3K\xc0\x8c\x84\x90.\xa0\x07P/8\nQ9\xdd\x9f\xdf!\xec,T\xae\x98:,\x87@\xc4\x91K\x87\xd7H\xbd\xb1\x90\xcb.9j~\xff\xb4\x06*\xa0s\xf4\xb66H\x15H\x95F@\x86\xa9\xeb\xb0\x13u\n\x81b\x88\x05l\xa1\x8bjI\x85\xda\xc6\xb1\x14g\xc5\xe2\xdf\xda:\xbbb\xad\x08\'\x96\xa8\x99\xd4\xe9G\xb7\xb9(\x9d?\xdb\xab%1}\x91\xa4\xde\x16\x04\x13\x81\x81 \x8f\x80\xa4\x03\x8e\xae\xb1\x07\xec\xc6&lt;\x02\x97\xbe\xa1\xeb!\xf3\xa4&lt;\x1f\xe3\x99\x19\x12\xd7e\x17\xb1UP\x08q\xb29\x8b\x17\xc3\xa2\xaa\x0bI\nM\xb8\xb3\xa8\x9a?\xdb\xab\x98\x98*\xd0Akk\x0b`\x1au=\x95\x82\x97\x00\xa9\xe3&gt;|\x00\x97\x16\xc4m\x08A\x03\xc5\xa33\xc4\x8a\ry\x86\xac\xefG)i\x10WJ\xa8"\xbe\x03\xb1\xd6\x9f\xd5z,\xbd(R\x81N\xc9\x00\\9\x18l\x03\xd7\x03\x14\xc2\xa0B\xc1\xa0\x06\xcf@A&lt;\xa6i\xc1E\xe0D\xd5@\xaf\xda\xe9\x16^\xd1\xe3\xf1(\r),\xa1,\x1e\xaf\xe3\x00\xf7\xb7;\x836\x1b\xfc\x95\xaa\xe7&amp;@\x85\xf4 @\xe9!f&amp;\xd0\x89C\x06\x11\xa6\ri\x82x8\xb8\xb8\x08\x9c\x01&amp;W\xe4\xbcZ\x8a\xc5b\x88\x85A\xeb\xb5\x11u\x1fh\x18N\x93c\xbf\xc22x%\x872\xabl{xb&amp;C\x90\xb9\x80\xc62\x04\x84:\xa6\x8b\x830\x18\xa4Yd\x0f\xb6\xd1\x02,\xa5!\xf3\xe2`\x06\xda\x83\xc7\xd9t\xddjQY\xaa\x9a@)\xaf\xbb\xae[u\xe1j\xd0|&gt;_\xaaV\xb0$\xc0:\xd3Y\xc030:W\n\xf2\x08$\\\xa5E\x86\xc5\xb8t\xa6%\x08{\xbcMm!\x1a\xa8\xc5^6YB5\x89\x91\xc3\x16\xcb\xa1\x8e\xf5\x8c&gt;\xa4\xc0\xf5\xc7\x13\xb08F\x80\x15\x00]c\xdeA\xae .\xc3\xe0\xa2T\xc9\xc2\xc2\x15\x00\xb9\xc5*Q\xa61\xa9\x96R\xefoTKz\xaa\xc9\x82\x93%\x8e:z\x8e\\\x94\xd4Vk\xe6\xa0\x86Ja\x89d\xe5RC\xc1\x02\x1cMR\x81\xb3XlX\xa1\xe1\xea\x0c\x18\x97\x87\x88\xe5\xf9\xc4\xceb\xdd(\xc5\xf6@\xfe0\x1c\x03\x1a\xe5\xd3\x94,\xec\xbc\x8f9T\xcb\xab[{E\x06\xc5\xaa\x13@\xe1\x05q\xab#\x96&amp;\xcc\xa5\xe9\xa9t&amp;\xbd\x9b\xc9\xe5\xc6s\xcb\x99\xdd\x8dT\x8aU\x12\x03j\xea\xd0\x10\xc8\xf5)\xcb\x8f;\x83\x8a\xd5|\\X\xdc\x82\xbc\nP9k\xf0\xe2\xca\x91\xde\xc0\xbc\x97\x9f\xdf&gt;\x8ep\xa9XQ\xd0\xb0T\x05\x858\xa8O*\x95\x0e\xa53\x99L\xaece\xa5P(\x8c\x8e\x8e\xbe+|X\xdeM\xa7\xb0_&amp;+G\x870\xc7*\x80e]\xd1U\x1c\xae\xaa\xc5\xf5\x92"\t,\x05\xb3M\xe42\x84\x14\xaa[\xa7`x\xde\xec\x98b\x01M,@\xc8Xju73\xde\xf1\xb4\xaf\xaf\xaf\xd0\x7f\xeb\xbb\xb1\x7f\xad\x8bXx\xb7\xf2~w\x15\x9a\x91q\xbeW.)\xca\'\xb6Z\xd6dhG\x13+\x11\x16\x96h\xcev\xdbqT`n0\xa0R\xcb\x17X\xa6\x98\xd1a\r\xb2\x85\x8f\\\x1b\x1b\xab\xcbo;\n\xfd\xfd\xfd\xbd\x9f\x7f;6\xf6ribbbs\x8d\xc5\xe6\xda\xe6\xfa/\x85\xf7\xcb\xab\xa9\x80q~y\xb0\x05\x97\xfa\xcc]!\x04\x9f\x1c{\xbd\x8a[-\xd9\x12\xb9\xb7\xa8H\xb7\xf4\x1c\xec\x02\xc3\x83\xb3p\xb9\x87\x98\xaf`%n\xa4\xd2\xab\xbb\xcb\xef?\xac\xf4\xde\x1a{\xfc\x87\x97\x10K\xdf\x7f?0\x1c\x8f?\x99\x83\xb8\x8b\x1b [_\x18-\x8c\xe7"z\xa4r\x82\xa5\xcbY\xb8\xc4\xfcE\x1c9\xf5z\x9dX\x8eV\x89\x1d\xd0\xbe\xef\x10S\x16&amp;\xf1\xec\x18\xc4j\x0b\x868V:\x9dF\xa4w\xa3\x0b\xeb\xb3KK\x13\x03\xc3\xc3\xed\xedw\xbe\xfe\xba\xc7\xe7\xf3\rv\xdf\x85\x80\r\x03\xdb\x9c\x9d}\xd9\xdb\xff\xfb\xd5\x94Y&lt;)\xab\xf2rr\xc2\xa9kD\xc2Z\xde\xfa\x9eD\x1b\xf5Pt\x1cV\x87\x10\xf6\xdf4\xeb7\x1b\xab\x99\xb7\xbf\xfe\xb2\xb0\xfe_HW\x1c\xa2\xc7\xf7\x85\xaf\xf3F\xf6\xc6\x8dD"188\xd8\x8d\xc1\xb9\xe6\xe6\xe2\xc3\xbf{|kz7c\x16\x8f\xb6d\xa5\xbc\xd2\xa1\xe5\nh\xac\x96\x80R\xae\x80\xb1\n\x0f&amp;\xd7R\xa0S:\xb5\xb1\xfbvt}sm\xee\t\n\x13\xbe\xdb=\x088\xd9\xe6h\xb49\x9b\xcdva\x0cv!\x17\x82\x85\xc3\xed\x8f\x96n\xad,g\xccH\xad\xbcc\x95qW1\x95/\x9b$\x96\xf7JQ\xb3\\H\x1d\xf7\xa9\xea\xfc\xd9%\xb4C\xad\rd\xca\x98\xe0\xa9\x0f\x7f\x9d]\x03\x03\xdde\xba\x0c\x0e\x02\x88\xbf9:\x12\x05\xb0f\x7f\x97\xdf\x0f\x8f.\x9eL\xc0\xeai\x9fX(,\xa7M\xb3R\x9d\x17M\xaf\xc1= oL^o\x9d\xbd\xdc\x15\xc4\xbesc\x95\x15f\x87\n4fMKA\x9d\xcc-/\xff\xba\xbe9\x87"q \x94\x07\xb4\x1a\x81`\\\xfef\x8c\xae.\xa6\xd7\xddpO\xcf\xf0\xec\xe8{\x98\xf9+{%{l\xf1\xda\xbdF\xee\xab7|\xfdM,\xb1\xef\xcdywW\xf7\x8fL\xa8\xa5\xe0\xa9\\f\x19\\\xb59\x87\xaeN\xa0.~\x04\x80\'\x90B\xc6\xd5\x8c\\\x08\xe6\xefJ0\xbd\xc2\xe1p|`l%\x93\x8e\x08s\x89\x11\xc1+,\xee\xbc\xb0\xd7\x1a"\x14\xd7Z\xa87\xa2hL\xf9\xc3c\xb8\x8f\x08\x04Vs+++\xef\x16\xd6\x90jP@EY\xda\x80\x83\x89\x05r\xf1\xdd\xcd\xcd\xd9\x04\xe6\xb1\x1b\xb0\xc2\x03/{\xc73\x11\xe3\xe4\xec\x8aZ^\'M\x93\x1c"&lt;\xee\xe9\xe7#\xb3#\xcdC\xe3\x01\xb5\xd2\xb9\x0f\xa3\xb3\x13\x13qpU7\xa3j\xb6"\xca\xc5\x1aqa\x81\xedQ\xb0x8&gt;1\xd6\x911\xcd\xe3m\xe2\xc0\x926j\xb2\'?\xafc\xfc\xab\xbb\xe7\xa7\xf2\x86\xd1*\x1f\x94c%\xd3\xb9\xe9\xc2\xc2\xc0\x930j\xc0l\xe5o\xf6\xa3\x998\x15rE\xa3\xc2\\\xf0\x97\xed\x1ade\x02r\x18\x0f\x0f/\xf5\x8e\x9b&amp;L7\r\xb0\xbc\xf68\xca\xd5\x93\xa3j\xddO\x11D\xa9\xc3"\xea!,\xc4\xb49\xde1:\x1b\x0f\xf3\xc5\x87\\~\x06\xc4\xb08\x98H"+\x12\tQ\xbe\xc2X%\xee&lt;z\xdc\x913\xce\x0fTw\x0em\x9379\xae\xc8\x84q\xcc\x11\x8a\xe3\x8e\x88U\x0fqh\x88n\xe1\xbdEq\xba06\xd1\xee\x03.\x1fC\xeb\xf2\x8bU\x07~\x17\x80\x0c\x8bW.f,\xd8\x80\xe1\xa1\xde^\xfb\xf1\xf5\xb8Q;P\xad\xe1\x93\xc3\xd5W\x03\xf9\xab\x8d\xad\x96\xa3\x8c:\xd4\x82\x13x\xc8C\x02X\xa61\xdd\xd1\xfbr\x18\xfaK7\xab\xe3\x98D?+X~\xe6&amp;\xbfH\xa6\xc4BW\xc1\xdb\xc2s\xac\r\\{\xf5\xc3t\xb1VU\xebn\xba\xbc\xce\xb1\xcf]\xa3\xbc6\x16\xaf\x9fbU\xd8\xf56\x86XFq\xb2\xa3w\x16\xbb\x9e\x8f\xa50\xd1\x95\xc5\xa2\xc9\xaa\x03+\xa0\x8c\t\x9d\xc5x-\xac0b\xdd\xb9\xf6\xe5\xcf\x93\xc5\xdaA\xbe\x8eJ.B\xaf\xed"\xf1K\x92\xd7\xebRK\xde\x818\x17\n\xd9)!\xd6\xd3\xbe\xef&amp;\x00\xaa\xdb\x87\xbd\x06C\xf4\x19\xbf\xb5&amp;\xa3\xbc`\x81\xbb\xb2\x1c\x0b\xab\x83\xc0\xfa\xa9\xaf\x08\xde\xa2\xf6Z\xb3\xee&amp;\x9a\xec[B\xe7H\xc8\xb8\xec\x96\x89\xa8N\xacO\x15\x0fb\x15\x8b\x93\xfdc\xc3\x9d\x9d\x00\x96\xb8\x91Mp\xd3wq\xb9\x18S\x96\xe7\xb0\xd9\x9f\xc5\x17\xbc)\x86y\x0e\x11\xeb\x7f\xaf\'/\xb6U\xe2\x1a\xe6\xbd\x8e\x9a\xc0\x7fm\xb2\x1b\xa4\xd71l\x08V\xc7\xeaeG=\x80Uy\xfa\xb4\xff\xf1\x9d\x9b7:;;\xa1/3,\xf8\x9f\xb5\x96c4\x8b\xebq\x84\xb5\xebh4\x8b\xef@g\xe1t\xc3\xb0\xfe\xfdC\r\xee\xca\xf8\xb0G\xac\xeb4j\xc8\xc4\xbe\x93u\xfdb\xd3\x00\xeb\xb4R{\xda\xf7\xf9\x8f/\x1e&lt;\x000\x96A\x06uojj\x8a\x95\xd1g\xcfF\x9e\x03\xdd\xf3\x91\x91\xe7\xb0wd*\xf1\xc5_\x12 ,dpmmb\x80a\xfd|~r\xe8\xf8\r\xcd\xc6\xb2W\x9b\x98&amp;\xe4\xa8*\xef\xc0\x1b\xa9\x85\xe6\x8a\xe5\xab\xb5J\xed\xf5\xb7\xafn\x7f\xf5\xe0\xa6\xa0B\xac{S\xad---\xffyv\x1d\xa3\xf5\xf9\xc8\xb3\xd6\xd6g-\xadSS\xadS7o\xfe\xf9\xeb;=\xed\xc3\x03\xf1\x81\x01\x98\x12\x01\xeb\xd5O\x17\x97\xfb\x848\nb\xc3\x1f\xc6\xe5\x98`9\xeb\xe3j}\x16S\xcb\xe7\x95\x8b\xd7\xff\xfc\xf2o\xb7\xbf\xba\xd7\t\x15\xc27\xe8\x03\xaa\xa9\xa9\x07\xb7\x01\xeb\x9bo\xee\xdf\xff\xed\xfd\xfb\xd7[\xaf\xff\xe6z\xcb\xf5\xfb-\xb7_\xdc~q\xed\x1f\xaf\x1e\xfd\xe9\xef\xff\xa7\xd3lC\xdaJ\xb38\x9e\x8e7DS%e+\xeb\nIIY$\xc9l6A\x9a\x18\xc8:\x8a\xa6\xc2\x1a\xa8)\x89\xa0\xf7\xa6D;J*\x98j\xaf/\xc1\xd8f\xd1\xa6\x03\xde\xbc\x9b\xa2\x1f|i\x86&amp;\xb1&amp;\x03\xe2\xca(\x85\xe9\xf8\xa5 \x85\xb5\x15+\xed\x07\xe9\xeb\x98\x16\x82\x1d\x9c\xc2L\xed\x17\xe9\x9e\xe7&amp;\xb9\xdeD\xe7A4\x1a5\xbf\x9cs\x9e\xf3\x9c\xff9\x8f\xa3\'\x8eJi\xc7\x94H \x00\xacW\xdf\xb3\xec\xc0\xe1\xe4\x9e\xc8\x8c\xfbX9\x8a\x9b\xd3\xa3\xce\xc1:}\x9asR\xf6\xdd\x8b\x9d_\xc6\xc7\xe7[\x11\x16\xb8\x06\x8a(\xbeF\xe3\xc2m\xb0\x94\xca\x89\xbd\x89\xc6\xca\xca\xca\xc6\xf2\xc6S\x8dJ\xf3\xc4D\xab\x96LL\xf6\xb5\xdc\xbb\xd7%\xa9\x02\xe5\xd1\xdf\xd6RG\n`+\x8e?\x18ctW67`\x18[\'b,\xb9VT\xc4j\x9agOD\x16\x16R\xc2\xbcG\x9f&gt;\x02\xd62`\xe9!`\x08B\xad\x8a\xc5\x04\xb1\xa9\xc9\x04Ij[\xb5{{\xff\xdboT*\x1b+\xf7\x95\xca\xbd\xd6\xc4\xf6f\xd7\xb8\xe4\xda\xadk\xe2\x0eP\xb1\x1d\x9e\xa8[2I\n\xc8\xed\xcd4V\xce\xb1\xcc&gt;\\X\x1dx\xb6\x873\xdb4\'ke\xf7\xef\xd8\x83\x8f\x9b\x9b\xdb\xcb\x13\x13J\xb9\xba\xa6F(\x14\x9aL\x93\x93}]\x8a{\xf3\xdb\xf3\xf3\xf3\xdb\xe4^\xa3\x19\x07\xacS\xb8\x80\x9c\xdc\xbc%\x1e\xb8zu\xe0Fg{\xf3\xed\xdb\xed\x9d\xed\x9d\x1ew\x97H \xda\x9e\x7f?\x88\xe5\xe4\xaal\xbd~\xfc^&lt;\x06\x8b\xc5\x04\xff\xe0$\x877\xfc\xfe\xf7w\xdb\t\x1aKh4\x1a\x1d\xa3m\nE\xfd7\x97\xbeA6\x11\xd7w\xd5\x916\\^VYi\xd6\x1bG\xe6%\x03\x00\xd4|\xfb",\xe0jn\xef\xec\x10KF\x04db\xfb\xe7\x0c\x16R\x8b\xc5G\xb18GK*\xe6Lbcem-\x93\xf1"\x8fw2X\x02\xd3TO\xbf\xa2\xde}\x15&lt;\x84\xfa\xf2\xcd\xed\x1d\x9e\xfa\xfe:\x93J\x0eq_\x86;\xeaZ\xaa&lt;\x0b\xc0\x04\xba\x16\x94\xb6\xd8\r\xb2V"\xe9\x1a!\xb5\x87X\x1c\xbaI\x926\x19\xdbZ\xb9g\xf2\xa1g\x99\xec{\x88\x85\xde\x19\x16\x91E\xee\xbe\xcbbM\xf5\xbb=\x03 I\xcf\x9eE3\x0b\xb0Hg\xa7X\xd17%\xac\x85\xbdX\xab\xd7\xf5\xb4\xf9\xa7o\xd2k:z\xddbi\xeb\xb1\xdbG\xfb\xfaFH2\xf1\xe9\xe7a\x9e\xec\x02\xea\xbe!\xac\xd3\x99\xf7\x8c\xb1NCx\x98?\xc0\xc8\xb1 [\x16\xc1\xcf\x9a\xb0\xc8\xf7\xaf\xde%\x12\xad\xb0\xcdL-\n\xc9%\xe4%\xdaM\xb7\x17@\xc6\xba\xfdm\xa3:UYio\xb5^\xae\xeb\x89\xfb|\x16\x7f*\x95\xf2\xfb-\xf0\xe8\x99\xd3nu\x8cL\x8d\x88\xc8\xf5W\x8f\x87#\xbc\x93M4Vaqa\x11;q\xb1&amp;UY)\xc1\xc9\xcb\x17\'\x8e\xc9+\xdc\xb1\xf7\x9f\xd6i\xac:\x85\xe2\xde-OgGT\xec\x11\x8b=7oF\xfd\xbe\x1e\x10\xd6FyY9^]Qc\x1d\xb5\xdb\xe3\x16@RX\xaa$\xfdmq\xdf3\xa7Ug\x1a\xa1\xb1\xfe[@#5A\xad^\\X\x9c\x95=\xd8qr\x96\xc1\xca\x9c\xe0\x87[\xe5\x04k\x7fp\xb9\xc3\x8f_\xa5\xb1&amp;\xfb%]]\xfd]-uu-\x96Ttzz:\xf5l\xd6\nR_\xde[^^-\xd5Y\x1d\x8e\xd9g~\x8b\xa5^\xdc\xb9\xd0\tA\x17w\x02\x97\xd1d\x12i\xd7\x1f\xdc\xe5\x02P\xa6%X\\\\\x94y\xebXf\xf2\xc2\xd44i,V\\q\x8f\x9b\xc4bX\xa4\t\xf5s\x1f\xac\xafC\xdejM\xd4\xf5\xd5\xd59L\xa6\xd1x\x7f\xbd;:\x1du\xa7@\xf6\xeb\x0c\xf2\x8a\x8a\xea\xf2\xde\x86\x1a\x9di\xd4\xe7\xf7\xfb\xddW\xcf\x9d\xfd\x0b\x84\x9d\xc7\xeds:\xed:\xc0"\xd7\x1f\xbc\x18\x1c\x1b\x8c\xc8`g_\xe01XG\xce\xe3\x1cI\xc8\xc9\r+&amp;\xa7\xd1OD\x9a\xb8\x05\x05\x8f\xde\x03\x96\xb2\xd6FN:LB\x95q\xb6M!n\xbfx\xe7\xe2\x80\'\x9aJ\xf9\xec\x86\xda\xea\x8ao\xbf*\xc9`\xa5\xa2\x92\x9d\x1f\xcf\xfd\xed\xdf\xe7&gt;^\xeb\x9c\xb68\xb7\xc2:\x93H\xb4\xfep\xee\x87\xfb\xf7\x9f\x14\xa06\x17\x8fw\xba\x18E/\xbbz\xe1`l\xb9\xcalPN\xba\xd9\x9b\xdb\xdd\xa4\x07"M\x11P\x19cs\xeb\xcb\xcb\xad6\x1b9bR\xa9tN\xa7b\xa0\x19\xa4\xe3\x8d\xdf\xc7\xc5Q\xbfs\xc5\x80K\x1bJJ\xa8\x86\x1a\xabc\xd4\x97\x8aF\x15\xf3\xd7\xda\x17\xce]\xda\x19wGS\xce\xd9\xf0\n2W\x824\xea\x84\x0f\x7f\x95\xa1\x8d\x08;\xb1\x88)\xeb\xd3\xdb\x0f\xcb\x9f\x0ec\x1c\xd6\xec\xac([xp\x98.\x14\xc2\xea\x1e|\xfeayy\xc2\xa6\xd5\nT\xea\x1a\xa7\xcf\xe2\xf9\xe5\xc7\x7f4\xdfn\xdf\xd9\xaeJ\x01\x96\xcap\xe6&lt;\x14\xa9\x14\x11\x0e\xdb\x9d\x16\xff\xf5\xeb\xf5Un\x8f{|\xbc\xde\xef\x8b\xcf\xda\xad:!\x98\xcb\xa1\x9b\x19\x1aZ\x9c\x1b\xce\x84W^\xe3\x8fI\x9fy\x83M\x96&lt;\xcc\xdb\x19\x91\x08\xd6\xdd=|\xf7\xc3:XK \x10\xa8\xce\x84\x9d\x96\xe9k\x9fvn\xb4/t\x8cKR~\x9f}EG\x10\r%\x14`\xcdl\xcd\xce\xce\xfa\xe8\xce\xe9u\x88|\x9f\xd3\x1e\xb6\x03\x96\x11\xb8\x84\xc4\xee\xd0\xd2\xeb\xfb\x83\xbc\x08\x9d\xe5\x19,\x8cU\x82r\x8eH|.\xf7\xcf\xb1\n\xc6\x1e=}\x9e\xc12\xf0k\xc2\xb3\x96\xebU\x9b\xf3\xe3\x97P\xfb\xd6\xef\x9b\r/\x12D\x80\x02\xaa\xf3\xc4\x10\xe2r:\xe3\xf18\xfa4:\xba\xb2b\r[\xa1\x10\x04,U D\xac-}\x18k\x8a\xf0r\xb02\x05\xccqX\x9c4V\x11K\x9e1\xbf\x16\x89\x0c\xff:\xf7\xdb\xde\x9e\xc9\xa4m\xb5\xc9\r\x06\x83\xd0j\xb5\xf7\xc4\xe3]\xfd~\xda\x1e\xb3v\x1d\x11\n4\x04\xce\'\xbf\xfe\'A\xcc\xcc\x84\xc3\xe1\xad-{xe\xc5\x08G\xba\xd0hEK\x07)D\x10\xd3\x84\xd6\x96\x1e\xfe!\xe34\xc1K\x14f\xb0\xe8\x02\x86\x83\xb1\xb4WA\xc6@\x87X\xecz#\xab8 g=\xfaA\xbb\xb8\x18\x12\x1aI\xad@\x0e\\B\xba\x84\x98Z\x19\xed\xe9\x81\xe4\x19\xb6\x1aC\xa1P\x00\xd6W%\xff\x1a\x1a"\x16Q77\x8c\xfc\xa62\xa8TP\xa0"\xaa4\x16N\xed.\xb9\x9e6\xd1\xf3\x8c,V:ig\xb6!\xddZ\xcb\xc5\xca\x8b-\x96s\xc7V\x97\xe1e)J-"\x01K*W\x0b\xd5\x069TV6[Lh\x04^\x8dF\x138\x1f\n$\x83%\x81\xa1\x19\xc0Z\x9c!t@%\x04\xc3\xaa\x84B(\x9ba\tU\x80\xa5\x0c\x06\xd6\xd6^\x0e7\xf1\x18k\x1djWV\xef\x91\xcb\xc5\xf2:$ix\x0e\xab\x91\x04\xe6zt\x7fq-@%\x93\x1a\x93\x08aI\xf9j\xbe\x1cW*\xcb\x94JW\x0c\x0c\xe5\xc2)\n\x19\x8b\n\x06!\xe4gf \xd0\x08\x02\xec\x19\x03\xcb\xc2;@\x9e\x14\xd6\xa8\x01\xcbd\x0c\x05\xd6\x0e~\xfb\x83\x1e\xfe\x14\x1ev\x93\x98\x94\xc5\\G\xc8z5\xa7\xef\xc6\xc50vs\xba\xe0\xc5\xc3\xddd2\xb8\x11l\x10\x89\xe4z}\x85\x94\x7f\x86/\xc5q\x84\x85\xbb\\.\xbc\xb7\x17\xb0\xf8\x04\xc2\xfa;p-\x0e\x01U(\xa4\x86\xa2\x1aw\xc9\r\xa0\x7fT|\xa0S\t\x04"#A\xec\x1eh\x9f\xa2\x90?\x9dNY\x99\xa6\x16S\xdcp\xb9\xe9\x06)k\xec\x92?\x86\xe1d\xe6\xca\xddw\xf7\x92I\xcal\x0eR1\x81\x1cQ\xa9\xcf\xf0+\xf4\xb5e\xc0\x85\x03\x9d\xd7\x1b\xa4\x1a(\xdaX\x1b\x1bA\r\x01\xc6\x1a"\x90cq\xdc\x06\xcf\xcb\xd12\xf0\x01K+rQ\x81\xdd\x03\xe1\x93\xef"\x992\xb0(\xffJ\r\xc6\xf8.k-.K`s\xd8~.\x18~\x0eX\xae\xfd}\xafF$\x00\x99\x08.\xe4K\xab{A\xf1Lx\x95\x88\n\x8c\x05\x0b\x98\xd0\xf2\xbaB`\xac\x19\xe0B\x86T\x82Aq=\xae\x97\x1a\xf8\x80\xe5\x08\x07\xa8\xc0\xda\xe2\xcb\xeeH\xb6\x9f\x90{I$\xaf\xba\xc9\x99Y\x9d`\x12\x1c\xbd\xe08\x1c\\\xddK\xbe\r~\xf9\xe25\x00\x16\xb2\x96\xb4\xa2\x02\x04"\xc80\xb3RiF\xc6\x02kQ^\xf3\xbey\x7f\x7f\xdf\xec\xd2 .\xf0\xa2\xc6\x15C\xc6T*kq\xbdA\n\xa1E:\xb6\xd6~\xa2\x88\xd0j7\x9c\xd7&lt;\x0e\x963\xfb\xcd\xa9J\xb9\xec\x13;\x7f\xbe\x97\xbdf5\xb8\x8a\'\xdfn\x98\x83.\x8d\xc8\x86\xb0\xa4\x15H\xb66\x02\x15,\xaf\x17\x87H\xd7\x04\x81\xea\x0bP\xed\xe3\xe0=\x04\x05\x0b\x1e\xc5\\(\x04k\xf5\xd2\n\x83\xcaFN\xe9^\xaf\xed\xae\xc5h,F\x85\xe5\xce\xa4\x8e\x8e@Yd\xec\xca\x0c\xb0\xe6\\\xc9\xb7\xc9@\x007"\xacj\xa8`\xae\\\xbe\\\xda\x98\xe6\x02cy\x83A\xa0\x02S!LW\x0c\x9c\x07@\x08J\xa3\x86\xb8\x07s)\xf5z\xc8vZrR\xf5\xfa\xf5\xc1Ahu\xf0\x82LF\x0f\xa0X\x930\xee\x9f\xdc;`_\x8c`\x89F4+\x00\xac \xc4N ljU\xeai*\xd0\xf6\x88\xca[\xe6\x85e\xf6n\\F_\x01\x0fl\x17\x9bt\x84(\r\xbd\xf8j\x02\xb2\x07,=\x04\xbdJ\x9b\xa8\x8b\xbd~\xf3\xe6`qn0{\xb1\x82{d~\xc7\xc9\xbba\x96\xb9\xeb\xc5\x16\xb6La\x8a\xb0\x82fjihD\x0b\xaa\xfa\xdb+W@\xd27\xa2\x0f\xa0\xa2\x1d\xb9\xc1\x0f\xf7L\xe1\xe0K\r\x1e\xb3,,&lt;#(\xda\x85`3!D&gt;\xecF\x03p\xd1X\x9f?\x1f\xc4^\x0e\xcb0^\xa6\xf6c\xae\xdd\xa4/a\xa4\xb1\x8a\xd8X\xd9\xb6[\xee\xd4\x07\xbe\x1f^\x05\xac\rs(T1\x92\xb0\xd5VW_\x81\xc0:u\xaa\xb1\xb4\xd4\\\x06\xe6BX\x94s\xe1\xce\x82/\xe6\x02\x18\xdf\x9d\xff\xfc\xf5\xe6\x16D=\x8d%\xd5h\x0c\x08K%7\x08\x00\xcb\xf8\xe6\xf3\xe7\xa5\xbd\'\x052,r\xa4\xfb\x80eoSqr\x0e\xa4\xc3\'\x0f\'\x8f\xe9?*X\x8d\x05\x92\x1b\x1b\x81`\xaf\ta]\xa1\xb1\xc0V\xa5e\xe5\xde\xd22\x14^?}\x9e^X\xb0\x98bF\xe3\x8a\x05\xd4Xj\x0b\x92\x97\x06\x85\x98A#7\xb8\\z\xbd\xe1\xff\x8c\x9b_H\x1b\xf9\x16\xc7#f(\xe9K^\n^\xa1\x81\xe9\xc32W"\xe3C\xd2)\x94\xce\x86\x8c/w\x85Zh.\xcc\xda\x1d2\x96\x840\x10\'\x8e3Q0\x89`\x9a\x086\xd9\xe8\xa6\xd0&lt;\xc4\x8a\xd2\x18c,\x944`Xp{_\n\xb2\xb0m\xc5+\xfaP\xa4\x96[\xbap\xb1\xe2\n\xdd^_\n\xf7\xfc\x92L2\x13S\xd8\x1fm\xd5\xfe\xa1\x1f\xcf\xef\xfc\xce9\xbfs\xbe\xbf[\xbdp\xdd\x96}\xef\xde\x1d&gt;\xf8\xedO\xac\xa7\xa5\xf3\xd7\xeaW\x109\xd4?1\xe8u8Xc\xf6i\x1c\xdc\xbf&gt;?\xbf\xb9\xb9u\xbf\xdb\x95\xb9\xee\x18\x05\xac\xee.p\xae.\xd8B\x88\x12\xc8\xe9\xe7\xcb\xbb\xc5\x80\xcb\xe2\xaaDa\x05\x02\xbb\xe5r\xf9\xce|\xcd\xf5!\xcc\xf7"\x87\x07,Y^\xda\x9d\x8f\x9d\xac\x8e\xdf\xbc\xa9\xe78\xe7Yu,c\xcbN\x1a\x9b\xf5=p\r\x1e\xbf\xb8\x7f\xb4\xb5\xf5\xe5N\xb7\xc5iq8F\xbb\xefv\xc1\x02\xc7\xea\xba{\xe9\x87\xef\x80*v\xa7\\\xaaD\xd7\xd7]Y\xa7\xcc*&lt;\\*\x0e\xcb\x0f\xe6\xaf\r\xfd\x84\xb8\xfe~\x119V\xaf\xd9\xbc\xce\xb3\xfd\x8fb\xb1\x8d\x7f\x87\x00+\xd7\xa3\xcdx\r\xc7\xc7\xd4\x06\xa9A\'N\xd2\xdfe\xeb\xc1\xa5g\xf9\xe7\xd8\xd1\x97/_\xb6\x86\xae;\xa7\xbf\xafcu\xc3\xfa\xf1\x12\x84P\xc0\xbav\xa7RtSB\x81e\x858\\\xef\x13s\xa9\xdd\x12\n\xa7\xb1!\xe0\xba\x08X\xb7\xecf\x8b+\xe3V\xec\x0fb\x95\x17\xcb37\x81\xa9\xc7h\xd0\x8cP\x1a\xa2\xc1\xb6\xd6\xaa;\x9a\xd6\xbe\xe8\xb7\xc6WO\x8e\xbe\xbc{\xf7\xe8\xda\x883s}\xc4\x01@5,\x08^\x80\x05\x07\xb0T\x9cKr\x9c\x88\xe3\xc1\xa0G\xa4\xd1\xb4j\xb7T\xaa\x94.C\x0c\xbb\x08X\xb0z-\xd32\x95\xb2\xc7\xf2\xf2\x93\xd9\x19\xe3y\tR\xe3\xb45\xb1\xb0F\xb9`\xd0u\n1\xd5\xba\xfe\x83\x8f\xb12\x8a8C\x19\xe7\xba\xd9\xd1\xdd\x85\xc8\xaa\x9e\xff?\xc8?\xb1|\xa9\x18^\xc19\xd1\xe3\x1d\x1eF\xdd\x90\xe4\xcaJ8U\x84;?\x1f\xb5@\x92\xb6\xdb\xedPwY\x9cJ8e\xbf\x96\x1f\xdb\xf7cXN{\x08[\xae\xd5j\xb24b\xedf\xc7\xba\x83\xb9\xbczr\x7fk\xeb\xce\xa3\xa1\xe9\x1d\xe7\xf4\x80\xa3\xdb\xe1\x00\xaa\xd1\xeeK\xdf\xfd\xd0e\xceN\x04\xdc\xe1d2\x89s\xd6\xe1\xa7\xc3^\x11O\xa2/\xe0\xe6\x03\x8b,N\x9a\xa1B\xbd\x08?]2\x19N\xe5\xaf\xe5?\xfe\tT9\xbd\x12\xb5\x1d\x966P\x9d\x1bR\xd7?\x8c\xbf\xfe\xe3\xc7m\xc8\x8a]\xd3\x05y\xd2\xec\xe8s\xf4\x8d\x8e\xde@{\xd8g\x8e*\xa4\x9b\xe1\x82\xc1$.z\x87\x9f&gt;\xf5\x06q\xdc\xe3\xf1$q\x1a\xa7\x19\x86\t\xcfE\xcdv\xfbU\xfbe\x97\x93\xa7\x12\xee\xfc\xd0\xc8\x93q\xcd\x98^{\xc6tc\x04Ss\xd6\x825\x85\xbd\xba+\x1a\\\x13\xfd\xcbO\xc6b?A\xe0\xcc\x16X\xa7\xcb\x0c\x99q\xe0\xc6\r0\xd6\xc31\x96b\x18\x1a\xa8\x00\x8bN\xde{\xfa\xd4\xc30\x89\xe4=/le\x10\x17i\x89\t\xbb\'-P/\xdb\'y\x92\xc1\x99\xec\xf7\x7f\xbcF\x9a\x94\x9e\x9bU]\nfh\x89Wj\xb3^;\xdco\x8c\xf7\xd5|\xd8\xb8&amp;\xe50\xff\xfe\xcbJi\xf4RW\x96gey\xd2\xd2\xdb;\x00\x07\xb2\xab\xcf\xc5R\xf0\xff#\xeb$W\xc2$\x99XX\x08\xb3r*\xb1p/\tT8\xceI4\x9e\xe0-\x16\xbb\xc5\x15p\x13\x14N\xbf\\}=\x8e\xb0rh\x1b\xeb)Q?\xfc\xc5Z\xb0j&gt;V\x1fp\xd4\xb2c\xe3_a\x9d\xfe_\x9fd*Cw\xb7/+\x85\x82\xc0F\xed\x03\xe0]]\x0f]\nC\xabTp\xb3\xceW\x02\x81J&gt;_\n\xa4\xdcT8\x81\x83\xb7q4\x8dS\x19\xb3\xc5\x92\xe5\xe7\x08&amp;\x19\x7f5;\x1e\xaa*fB\xb9\xb6j\xc5:\x96\xe9\x1c\x16\xa6\xd9C\xac\xb1\xad\x98\x7f\xfc\xe0\xe3X\xdf\xf6vL\x11`\xb1\x93f\xe0\xea\x1a\xe1\xc3\xb4\xc4y&lt;\xde C\xf1\x95\xfcf~s\xf3\x08~@h\xa8DY\x85J\x80\xb9h\x0egd\x0b\x04\x072L\x10\\\xfc\x99\xdf\x8f\xf5\x00\xd5\xcc\xccL\xd3\xb7\xb0\x96\x02\xb0\x8eeR\xf1\xb4\xd3\xfc\xa6\xe8\xa0Z7\xfb\xfd\xb3\xfb\x1fO\xb6\xb7\xf3$\tX\n;=\xe2p&lt;\xb4\xc0\xb6H\xb8\xf7\xde\xbd0;\x9d/\x95\xca\xe5\xad\xad\xa3r\xf9\xf0\xf0pw\xa9\x92\xcd\xca&lt;I\x81\xb9\xa4\x04\x99\xb5d\x04\x82!\x85x\xfa\xd9x\xa8\xaa\xc2BT\xf5:\x10\xc3t\x9e\xd5b-\x93\xfe~\x815\x14\xbd5\xe9\x94\xdf\xef_^}qr\xb2Q\xa0\x08\x92$(\xe0\xea\xeb\x93\x19\x1a\xac\xb1\xb0\x90`\xb3%D\x83\xd6;\xb4\xce\xf6\xf6\xa6\x02\xd1\n+\xc0i\xc0q\xd2\xb9.\x0b\x04E\x16\x00+\x14\x02K\x81\xc7C\xfaQ%\xdd\x18\x86i\xb9T,M\xa7[\xef\xff\x8d\xcb6zE\xe0\xf7\x8f\xff\xba\xfa\xf3\x93\xfd\x0f4E\n$C:-##&lt;#I\x12\xbe2\x17\xa8,N\x9d\x9d\x9dU\x81\x1a\x1f\xf6\xf6RSp\xfa\x128M\xcaoH\x8a\xa0\xa84\x91\x86M\x9c\x99\xc9\r\x0e\xd6\xb0\x0c\xc6\xa6\xa8G\xd3\x857h\xb0Lm\x9a\x80j\x05\x96C\x827\xe0\x9a]\x9e]\xfe\xcc\x11\x84 \x10\x04;=6\xc6\x12T\x9cN\x84Q\x1f\xf2\xec\xec\xf0\x10\xca\x86\xad2\x14\xeb\x9bGG`\xbb)\xb0\x18\xcf3\x89\x04#\xb0,\n\xad\x14\x11\x7f\xff\x18|\x0b\xf54\xaa\xaf4\xb4\xb5\xb2\xce\xb5\x9aX\xc8^\xf5n)\xfa\x80\nZ\xb5\xa1\x89\x0eb\xae\xca\x85v\xf2\x97\xff\x10\x04)@\xfcv\xae\xaf\xf3\x0c!@`JM\xedA\xc5\x008\xb0\x8e\xaa\xbfn\x82\x8b\xed\xee\xee.\xf9 \xfe\x03\x96@\x02\x13O\x12\xd2\xfb\x03\x7f\'\xaa\xb5f\x90\xcb\x1b\xb4\xafN\xf4IR\x87U\xd7\xbc\x18\x9a\xd2\x9aj\xcde\x80R\x12\x15\xf4\xc8\t\xfc\xb3\xbf\x9f\xa6\t\x82bH\x08\xab\xe0\xc7\xe0e$?\xe1[*\x95\xea8[[[`\xb4re\xa9\xb2\xb4\xb4\xe4\xf3Ea\x17\x19\xa1@\xc0\xb7\xa2\x00\xd6\x87\xe3P\xa7\xb1\x07\x166\xd3\x18&gt;5\xc7\x88:m\x99\xa1\xa9\x91\xe8h\xd51\xaay\xd4P\xc5\xea\xbc\t\x97\xa0\xe7\xa7q\x02}\xf3\x82"g\xd6\xe0|\x85\xdd\x81\xdb\xfd\xb7/\x97`Uva7\xf7\xdc\xee9\xf7\xdc\\*\x80:9&gt;_@\tW\xb1\xe0\xfc\x12\x8c\xf8v9\xd4\x89\xa84\xf5\xa6\xa6+bP\xbb\xef\xa6s\xd6\xd2t\xe8\x8cZ\x0fS_\x1a\xf8_}\x92`O\x18\xf8\xee\xe5u\xc0J\x84\xf9\xecm\xd4\x92\x99(N\xb9\xdd\x10\xe5\xa1d^@\x15\xc4\xd4\xe2\xe2R\xff\xb7\xfd\xbe\x00\t;M\x92\x05@\xa3\xb9\xdf\xc7\x91\x9a\x1c\xab\xaf\x96L\xacV\x80-\xd6jQ}\xd6\x13\x96\x1a\xccTi\xec\xe3\xf7\xf1\x1d\x81! L\xb0N\xf8$\xa1X\xecW/\x03\xd6"j\x98\xae\xa0\xa9\x8awae\xe5\xbf\xee\xe2b\xd5\\QV\x80\xbf*\xc0)\x91$\xee\xf4\x95\xdf\xdf\xd9T\xcc\xeb\xa4\x81\x8d\xf9\xa7\x8acj]\xe7\xd47\xcd\x17P\x9d\x9d\xc7oOwv\xd0Q$\x14\xb9\x001R\xb6\xd8o]\xed\x7f\xe4\x9b\x08\xf0\x8a\x1bq\x81\xad\x12s\xee\xa9\x89\x89\x89E \x83\x90J\xd3R\x1cN\xa1\x14\x17?,\xfb\x9bo\xa0\xd4\xe9\x84\xfe\xca\xdaa\xfa*V-\\h+\xed\xeagU0\xff\xf8\xf3O\xe94\x04!p\x17\xb9@QP\xe7\\\xbe\xfa\xad\xcf71\x11-\x02\x16$\xc2\x85Dx\xae\x8a\xb5\x04`p\xfchH\xd94\x84]\x89&gt;}\x0e\xc6\xc2j\x12:\x8d\xf6O\xab\x8ah\xd2\x18\xda\x98\xaaE@Q\xdf\xc8\x9a\x84\xf8\xd9\x87x\x1c\n\x16\x89\x10\n`\xb3\x02\x8f\x0eb\xbfob2\x8a\xac\x15^\x01,\xca\xedN\x15\x813\x10\xe0\xdd\x0c\x03y\x11r#\xd4\xd2\xdc\xe7e\xf4\x0c\xa69:&lt;\'\xc5\xd3\xa9\x94Z\xb0:Z\xe7|\x8d\x8d\xacba\xc7\xbf|\x92\xe88M\xc7\xc9\x02\x84{JI\xa5\x16}\x93\x93\xd1\xc9\x0c\xcf*n*\xb1\xb22G\xf2l \x10(\x16\xd9j\x90\x0f\x06i\x89\x16\xad^\xcf\xe9\xabP\xfd^\xa1\xd7ci\xc5#_\xb3V[c\xd5\x03pMF&lt;\xfb\xfc\xbd\x14\x8fC)\x05\xee\x95\x86\x00F)|\x80/\xb2P\x86\xb1&lt;\xaf\x10\xf0\xa5\xa2\xb0r\xa0\x08\x1f(\x06\xf7B\xd5\x03e\x84\x18\xf1\x88\x1f\x1e\x87\xd0h\xac\xd1\xcek(\xe4;ZuS:,mw\xab\x9dt\xbc\xfe\xf0!t\xf0\x19\xb0$\xe4,L\x9c\xa1\x98j\x14\'I\xa5\x00u\x05\xb0\xc1E\x91M)&lt;\xcb*\x10\x11\x82A\xaf\xd7\xea\x11\xc5\xa0\xd5\x83\x13o\x0fr\x83\x9a\xe7\x05FCS5\xa2\xb3S\xab\xb5j\x01\xd5\xa0j\xc1[\xb0\xaa\x1ab\xb4f\x9f\xa7\xa5\xb8\xc4\x894\x03xq\x1c\x8c\xc1@\xdc\xa7)J\x90e9\x93q:\x11\x19\xda_\x82\x8e\xa0\xb7\\\x9e`\x04\xb6\x90x\xf3\xf2xp\xb0\xa3ej\xd2\xf6\xc0\xb5\xb3\x96\xa6\xaeo\xcd\xdd\xf5\x18\x11\xfa\xd7[\x81\x90\xc4\xa0(\xc1\xc9\x87"0\x18\xe1\xe0\x10p\x0c`93\x80\x85\x0c\xb6V\x80T\x13\xe7\x826\xf4\xf6\xcdv\xc5\xe6\xa1\xe5\xe9\x17\xc7\x17.\x18j\xf3\'\xb5\x08\xfe\x0bX\xea&gt;7\x1fm\x9d/)j/%\xf77\xa0X\x86\xcb*,\x1a*f\xabM\x84M\x85c\x90\xdeY[[s\xbeY+\x14\xa0"C\xf6\x14\xad\xc3\xe8\x9d\xd2\x95+6\x9cu\x01\x96Q\xff\xea\xc1\xd0\xeaO\xe7\xb0\xb4\xcdo\xacmO\xce\xa8\xbe)\xc4r\xfb\x1bf\x0b\t\xd5r\xc4\x1a\x89\xc0-\xdaf\x8b@\x04\xe7\xb8\xf4\xce\x0e\xe2\x02\xaaB\x1a\xac\xc7q\xd6\x88\x15=/\xfb\xdb?mAr\xf2\xf6\xed\x8d\xe3\x9e\xdc\x85f)\xf0\x17\xb0TKuhs\xa1\xa1\r\x96\xb1\x86\xd5;\x92\x11h1\xa2&gt;\x94\xb4\x8a"\xc7\x81\xb1\xd2\x85\xc2\xce\x1a\x92\xb0\xc4i\xf8\r\x11\xfd\xd1?\x90*4\x18_\xcb\x02\xd6AO\xae9\xaf&lt;\x17\xa8Lm\xe3\xa7\xc9\xd0\xf6\xa9K\xab\x16{f\xa6\x07\xb0\x06\x06\xaeg\nq.bCO7mW\xaeX#\xa2(!.\x022@\x1av\x94\x0br\\\xd0j\xabR\xd9pb-\x03X/__P\x1f=\x18T\xc5\x91\xc9\xf4u,\x9d\x8a\x18k\x8f\xa5r\x01\xd6\xe0\xeb\x8do\xbe\xe9\xb5\xfc\x9f\x8f\xb3\x8dI+\xcd\xe28T\x0cH\x99\xb0\r&amp;j\n:f\x96\x0cL\xb1&amp;\xaet\x8dC%\xaeclI\xeeEE\xc1I\xb6+\xa23\xd6jU\xac\xae\x03\xed&amp;8\xd9\xaa\xbb\xcd|\xd2\xb8\x03\xb3\xdd)\x90U\xa7\xda\x9a\xc6L|\x99\xac\x8ab|\x895\xd6\xb8\xbe\x0e\x1fHv\xab\xeb\xba\xd4h\xfc@5v\xcf\xb9\x17\x15\xdf\xfa\x08bB\x82?\xff\xe7\xdcs\xcf\xbd\xcf\xff\xd8\xd2\xfeG\x0cR\xce\r\xc0\xc2\xc1\xc9\xdfBrUb\x8aU\xc2\xa9\xa6\xf2.\x94*\xd0\xea\xd2\x8d\x1b\xfa\x07\xbf\xd1\xa5\x02\x950o\x1e\xaa\x16\xe7\xf8E\xe0\xfb\xb0\x8e\xdd\x8d\xa3\x1b\x87\xb3\xb0\xa8\x9b\xf4\xf0\x96\x93\xc2RkZ\xda\xaf\x17\xe2\x90+\xce%Rz\xdd\x85\xc6\xbe\x1ax\xaaQ\xaa\xea\xc2+\xb1\x91\x91\x91\xbf\xd2\x17V\xde\xaej1\xa5\t\x85\xc9\x03R\xdc\xcf?\xaa\xeaa\xef[\'65)\xac\xb3\xa9PH\'\x8b\x81j\x19\xc4\xeaDM\xea\xab\xca\xbb\x0f\xee&gt;\x88\x8d\x8c\xcdA\xbd\xa0d\\\xbf\x0b\xf5\x02\x16\x90\x15\xe9\xf5\x99M\xb1z}Q\xe5+]\xaa%\x8d\xc2\x82\xcf\x15p\xa8F\x80\xf9~\xa9\x82\xdd\x8aG\x86\x923\xd2]\xca\x92\x06\xf6a\x19\xd2\xd9\x11\x89A"Q\x8bRS\xdb\xdb\xaeW_A\xac\x9cX\x9c\xce-\x8ar\xees\x00\x00\x10"IDAT\xaa\xae\xd6\xa3\x01\xa9\xa8\xb0\xe8\x8a\xbe\t\xcdH\x85\x8f&gt;nk\xd3\x99lii\xd9rc+\xe5\x85\xe5\x08\x04\x02&amp;e\x92\xe1\xd0\xeb\xfc \x1e\xda\x17Y\xe7\x15\x07*~,\xbc\x05$e\x00\x96X"\x91\xf15\xa9\xa9\xcb\xaf\xae\x17bm\xca\xcc\x84GNf\xac&gt;\x07=HMM\x99hD\xd2\xeb\x0b\xaf_\xd5\xe9\xf2\xeb,\xd98\xab!\xea\xa8\xa1\xb0\xe8\xc1(\x86@\x10\xc0\xe2\x08\xde\x97[\x8c\xe0\xfb:\xc1\xcd\x83\x14\x89\x02\xfdw\xa8\x93D,\x99\x18o\xd3\x8al\xc0\xd5\x0e\x91\xbc\x12\x9bs\xe9\xd2\xa5\xc8\xcc\xc0\x02\xac\x9c\x9c\x9c"\x10\xedZ\x9b._Wg\xd2d\xa7\xe0\xf6p\xef8\x9e\x13y\xc0!\xa0w\x13\x11\x0e\xe5\x12\x9c[\xb7\x8271N\xdf=dQ\x97+$\x0b\x0epB\xea\x9c\x1dQ\xa7\x8b\xc5*\x15_\x03\\\xa9\xcb\xcbW?,j\x02\xa92\xffF#QN2\xfd\xf3\xaf\x1f\xfd\xf9\xda\xed\xb6\xfc\x1f\xca\xbf\xcc\x86%\x8c\x8e\x16\xfd8\xd0\xf8\x90\xb6I9\x89\x8b\xcc\x8b\x01\xe9\xde\xa7V\xc0\xe4\x13\xbcq\x16\x8c\xe5\x04,\x82 I\x92M\x10R\xf3\xfc\x88,\xdd\xa0P\xa9 \x8c&amp;\xe0jI\xd5}\xfca\x11:\xb6\x9ar\x9eC/\xff\x9c\xf2H}w\xff\x9e\xae\xed\x1e4=\xa64j#=:Zh\xdc\x98\x7fb\xc6-\xbb\x83F\x82^\x17\xc38g7\xc8\xcc\x13\xb6\xae\xe3\xff_\x00]#$\x88E0\xb0\x1cJC\x9e\x0c\x00\xd6\'b\x95LV\xc6\xb7@\xc3`kA7\xde5hL\xbf~\xf4\xdd#\xb8\xf6\x81K\x8c\xfbWoCo\x03\r\xd8\x0fu\xd9By"\x8d%z\xda\xe1\xf8_\xa3\x93M\xb2y8B\xc9b\xf1\xe0\xd4\xcd;\'\xeb\x19\xe7\xcc\xde\x04\xa7\x1aI\xc0\x91\x08\xe2\x13\x0ci\xe9\x13G\xeb\x88\xcc`\x80(\xcaT|\x91\xad\xced\xb1\xd94\xa6\xba\xba\xaa\xfc\xfco\xd0\xb8\x05W\x89\xbf\xc3~KW\xa5+\xd7\x95\xd7\xa5\t\xe5r\xb9\x10\x83(\xd7T-\xff\xc3\xf13\x08FRn\x16\x16;0t\xca9\xbbo?VRCCYA\xd7a\x01\x11I\x92`II6\x9b\x90\x966\x96\xbc\xec\x05\xacO\x14b%D\x11\xc2h\xb2\xd9,"\x8bEc1\xe1\xfe\x05\xbd\xaa\xca\xa1\x1fL\xad*G\xaaD.W\x0e\xb9\x85p\xb6{\xed\x1d\x0e\xedx\xcdC)AR\x87\x12y\x11\xab\x84\x80\xc3&lt;\x95\xee\xc7n"\xb1\x18g\xdc\xe1b\xd1r1\x9c\xac\x87\xac\xd2\xc6[\x19\xaf\xa7\xf2\xc4\x86\x0f\x0c\n\xa5R\x85io\xb2Y4"\x91\xd1h\x14i, \x9c\x05\xbfa/\x08\x0b\xcdfB9`\xc1\x8a\x96C\x18\xcb\xef/\x0f8\x1c\xf5Oj\xcc\x04&amp;\xab\x94\xf6&amp;1\xcf\xbb\xca\t;\xbew~t\xf7\xf4p\x11\x90Y\x0f\x1f\x966~\x91\xd4\xfcz\x99/6\\0(0\xe9!\x8c\x16\xc42&amp;\xe32&amp;\x1b\xf1\'\xa3\xc8B5\xa9&amp;\x13R\xc9\x91\x8av\xd0F\xa7&lt;\xfe\xa6\xd7\xe1p\xbc\x18\x98n\x0c\xc5\x8fd\xf1x\x98i\x0c\xe6\xd9X\xc1&gt;\xd0\xc3)\xca#\xc1\xa4x\xa3\x8c$\xd1hS\xdb\xbc\xd4\xdb\xa2\x16\x1b\x0c\x80\xa5P)e|\x11\x04P\x840yy\xc9h\x8c\xa5^EO)*\x930Q.O\xc4\x1d\xf7D9\x8d\x95\xf6x\xca\xe1\xc8\x98\xdf\xfc\xe9\xddt\r\x89\x05\x1a\x0e#\x92}"\x88\xcccs?\xccc\xed\xe9\xf1\xffY\x81^)\xa7\xb9f\xbc\xf6E\xc7\xc6\xd3ln\xba\xe1\xc2\x85\xe2\xe2\xe2\n%_\xc4\x17i\xe0\x8b\xcf\xe7\x97\xe5\x01\x11\xfd\x84x\xb6\x00\x95%\x11\xf3\x8aK=\x11+Z\x9e\x92\xf2{\xa3C\x9b\xa1\xdd\xf5\xfb\xbc\xfb\xb3f\'\x08\x86\xa6)\xba\xbcB\x9619&lt;\x1e/Lpb\x1e),h\xc8\xf9\xc0\xb7\x8aT$\x11\x8ac\xa6\xcf\xe6\xb5%\xafo\xe7\xa7\xa5\xc4A\xd9\xba\xf0\xd1\x01\x96\x08\xb1\x8c\xfc\xbc\xb2&lt;\\?\xe6\xe5\x95%Cd\xe1PHT\xe3\x80\x84DM\xbd`n\x01\xd6\xf7\xc9\x8e\x8c\x0c\xed\xc4\xda\xd0\x9a\xf7\xcd\xfe,mC\xa5j\x04\x93\x89\'I\x90M\xc0\xe0\t\x8e\xd2*\xf8\x0cy\xe0\xd5\xe0`A\xc6\xf2N\x84\x96\x9a\x1bg;\x06\x9ak\xff\xfd\x9f\xef\xbf\xfa*N,VPr)U|\x1a\x8c\xcf\xa7d\xc2\x10\xd2X&amp;\x9b\x06\xe7\x15%\x12\t\x17\x9f\\J,\x88\xe2\x97#Z\xc0\x1a\x9eq\x0f\xf9\xfd\xfe\xbd\xd6\xd9\x1d(\x17l6\x8f\xc9\xc4_\xc6\xe1a\xe5\x10p\x82\xfa\xd7S\x93@\x01;\xad\x93-%\xa0\x83o\x9cn\xed\x18\xb8s\xa7\xb9\xfd\x9f\xd1\x9f~\x1a\'V\x18\x80*\xb78\xaaB\x89E\x15\x16\x95S\x14UYY2\x1f\x0b\x06@\xa9\xb94\x16\xf7\x00K\x1em\xeb\x85\x18&amp;,\xcd\xb9\xc7\xdc\xee\xa1\xb7\xff}\xb3\xd9\xfasc\x08\x9e&gt;\xd8\xd2\x80}\x17\x1bX\x00=5qC\x83\x05\xdec;\x9d\xa43\xd4&lt;\xbb\xb8\xe5\xf5\xd4\'e\xd5N\xfd\x01G|\x14\x86\x0fP\xac\xe2\xa8(\xaaH\x80bey\xc9\x81\x85Z\xa1\xfb\x95/\x83\xe0I\xd2)\xad\x0e\xb0\xb8)\x96V\xadV\x9b\xb14\xe3v\xbb\xfe\xe5\x1f\xf2\xb9\xbco\xde\xf4\xce\x8f\x9b1\xf1Y4\x14\xc1`\x06\xeal\xd8\x99\x83\x81\x81\x1aL\x90\xac\x9a\x89=\xbfom8\xe9rV\xfd\xc6\xe3\xf4\xcf\xe2\xb8@u\xa1\xa287\xaa \n\xc0\xe0p\x84\xba\n"Qq\x04\xe5\xa8l\x13\xa1\xfd\xec\xd7b\x89X\x8c\x9e\x1c:\xe5\xb9\xdc\x94\xa9\x01\xc0\xd2N\xf7\xb9}\xa3\xf6U\xaf\xdf\xb7&gt;\xd9\xbf7\xd2;0n&amp;\xa5$\x9a\xe0.\x12G\xbf\xfaD\xb3O\x1f\x91&lt;|O\xcab\x10\xe6g\xfb{}\xdb\xd6I{R}m}Gy4\x8dU\x8cS\x17\xb8\xdf\x19\x15\xa1\xa4\xea=p\xa1\xa9\x1f#\xca\xd7hD\x7f\x97\x81N\xc0\xa4@,J.n\x9c\x84\x9b\xb61\x9fQ\xa2-\xb1O\xba}+\x0bv\xfb\xae\xf7\xado\xbdg\xad\xdf\xfb\xaeuz\xa7&amp;\x04\x1a\x0b\x92&lt;hyNc\x1d\x9c\xda\xd9\xa4\x94\x15\xb2\xe3\xf1\xfa]o;\xad=\x13\xf5\xf5\xb5\t\xf3-\x7f\xfd\x8c+\xa1\xeaCn.\xc8UP\x10\x11AER\x85LJ\xa4\x12\n\xe1\xd4\xacF\x1b\x12P\xfdI\xa1@,\x94\x0b\xb0\xe4\x96\x0eGFII\xc2\xea\xf6\xe0XwO\xff\xa2\xc7\xb3\xbb\xd7\xd3\xdd\xd9\xdd\xb3\xb5\xb5\xb7\xd9:[C\x90N\xca\xac\xc4&amp;\x88\xd3\xfd~\x80\n:\x19gH\xcd\xec;\xff\x90\xd5=\xd6\xd5\xd5\xbd\xd0P_\x9f\xa0\xddx\x1c\x97.Q\xd0\xf3u\x80\x15\x1e\x0e\x8f(\xdc\x8fU*\xe3\xe3\xe3\xcb\x00&amp;\x11\xb1T\x9f\xab\xc4\nj\x19\xc4\xe9\xe9\x94^\xf0\xe7\x88\xa6^j\x13`\xedw\x0e\x8e\x8d\x8dY;\'\xe7V=\x9e\xd1&gt;\xd7\xfaP\xf7\xbakko\x7f\xb8\x06\xf78\xd8\x98\xd1\'\x87N\x0f\xb1\xe0\xace\xde\xd9\xf5\xfa;\xad&gt;\xd7PW\x97u\xe5[\xc8\xf9\x8c\xd6\xd4\x14\xb1DQ\x9c\x1b\xc0\x8a\xc1\x15\x8e{\xd7\x11\xf1\xc0\xa5\xc2\xa7Z\x9d(S\xc6+p\xd6\xa6\xe2\x10\x0b\x93_m|\xfd"!++A\xfb\xce:\xe8^\xf7Y\x07\xad\x9d=\xfd\xa3\x13\xc3\x13\xa33[~\x9fo\xfd\xed\xd6"\x80A,\t\x1c\xa3g\xe0\x14\x08t&gt;&lt;\x86\x80\t?\x1d\\`\xb2Jw&lt;\x9b\xde\xc9n\xdf\xd6\xe8D\x9f\xb5k\xb0\x7f\xb8\xa1!)\xc1\xb1Q\xc7\x95(\xa2r?\xa22\xab\xa0 &lt;&amp;\xe6fL8\xc4\x12\x8d\x11@\x16\x15\x1f\x0f\xb9\xa6\x04 \x9aJL-\xc4\x12\xcb\x92A\xac\xda\xcbY\t\xf6\xadAw\xdf\x02\xa8\xe4s[\xad\xdd\xae\xbe\x95\x85\t\xfb\xc2b\x9f\x0bJ\x99knb\xc7\x0c\xed\n\x94\x0b`\x11\xd0v}\xea%0\xec\x0f\xa5\</t>
        </is>
      </c>
      <c r="M127" s="3" t="n">
        <v>45492.67761574074</v>
      </c>
    </row>
    <row r="128">
      <c r="A128" t="n">
        <v>345847</v>
      </c>
      <c r="B128" t="n">
        <v>1967</v>
      </c>
      <c r="C128" t="inlineStr">
        <is>
          <t>Gonzalo Mastriani</t>
        </is>
      </c>
      <c r="D128" t="inlineStr">
        <is>
          <t>G. Mastriani</t>
        </is>
      </c>
      <c r="E128" t="inlineStr">
        <is>
          <t>CA</t>
        </is>
      </c>
      <c r="F128" t="inlineStr">
        <is>
          <t>ATA</t>
        </is>
      </c>
      <c r="G128" t="inlineStr">
        <is>
          <t>CA</t>
        </is>
      </c>
      <c r="H128" t="n">
        <v>180</v>
      </c>
      <c r="I128" t="n">
        <v>9</v>
      </c>
      <c r="J128" s="2" t="n">
        <v>34086</v>
      </c>
      <c r="K128" t="inlineStr">
        <is>
          <t>Left</t>
        </is>
      </c>
      <c r="L12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a5a85a60-f75e-44de-bc43-9a31fe7ba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\x9b\x03`\x00\x00\x03\x00PLTE\xff\xff\xff\xfe\'?\x14\x13\x18\xfe 9\x0f\r\x13\x08\x07\x0c\xfd*C\xfe\xfd\xfd\x0c\x0b\x10\x11\x10\x16\xfe#&lt;\xfe\x1d5\x17\x15\x1b \x1c!\x19\x17\x1c\x1c\x19\x1f\x17\x1e1\xfd\x17.\xff\xfe\xff\xfc\x10&amp;\xfe\x1a1\xf9\x0f$\x14\x1a,#\x1f%\xf4\x0e#\xfb\x14)\xef\n\x1e\xfe\x13)\'#)\xe2\x98\x8a\xfc\x0c"\xf3\x07\x1c\xfb\xfa\xfa\xc2\x81p\xc7\x8e\x83\xe2\x91{\xb4uk\xca\x8d}\xd9\x82j\xe0\x8eu\xeb\x07\x1b2%\'\xc3\x86v\xbdxf,(-\xd5~e\xb5sb\xdc\x93\x84W&gt;&lt;\xbc\x80v\xe7\x02\x122-2\x9a^Q\x9fbU95;\xf5\xf3\xf4A=B\x11\x16\'\xaama\xc5\x8a{\xfd0H\xbe\x85}\xee\x03\x15\xd2\x02\x0f\xe2\x94\x83\xb4_F\xadsg\xcasW\xa6jZ\x91VJ&lt;12\xbdl[kGA\xc8\x81q:)*\xfa\x1b2\xd1\x8f\x7f* "\xbc{o\xcfw\\\xda\x86p\x8b\\RL98\xaeeYC66\xe1\x02\x10\xa5`N\x8dOD~G&lt;\xb7jY\x9dh]\xc2\x8b\x82\xbfracC?\xca\x85v\xc4u`\xb6zq\x92\x8d\x98HEL\xc6yg\x85MA\xd4\x93\x85\xe4\x08\x1d\x7fWP\xf0\xee\xef\xc1}k\xe0\x89oYU[\x99YLmjp\xd6\x99\x8b\xdc\x9e\x93uJC\xce|d\xa4V?|x\x7fxRK\x92_S\xcf\x89{\xd3\x7fm$\x15\x16\xcc\x90\x83ZHI\xb0l[\x80PH\xca\x89z\xc6\x04\x11\x1a\x11\x13\x85_[\x91I8fci\xda\x8f~\xaa[E\xf9\x07\x1d\xe8\xae\xa9\xf5\x15,\x88WK\x94b[\xb9\x07\x14\xacaNu91\xc9}l\x9bO=fMLD.-\xb7fT\x8c\x87\x8f\x99VE\xd5\x8bz\xdb\xda\xdbM?Aj&gt;6\xa2\x9e\xa4\xbfjOuqx\xa6cW\xda\x02\x0ewA8\xb2eQPMT\xb9me\xe6\x9c\x91nMH\xe3\xe2\xe3\xd4\xd2\xd4\xdc\x88x\xeb\xe7\xe8\xc6\x92\x8e\xe2\xa7\x9d\x93R@\xd0\x85q\xa2\\I\x9a\x97\x9d&lt;\x1c\x1c\xc6lP\x85\x81\x89\xed\x1e4\x8cv|\xa3ZOpTS\xc0\xbf\xc2\xd4x`\x87H9\x9ejd`\\b1\x19\x19\xb0\xad\xb2\xbceJ\x93jf\xe4\xb3\xb4\xdb\x7fvG" \xceriO0-\x9e\x84\x8bX85\xeb\x8f\x91\x84giT&amp;"\xca\xc9\xcbi5-b/(\xe6\xa0\x9a\xf8\xeb\xed\xbc\x8c\x8a\xb8\xb4\xb8\xa9\xa6\xac\xa3yxw\\^\xdc\x0b\x1d\x94~\x82\xe1~\x87\x9bqp\xcb\x12!Y0,\xb3UU\xb9\x12#\xb9,:\xef\xb7\xb5\xb0\x82~\xc8`e\xcc~\x81\xeb4E\xc5ss\xa1AA\xbeZ^\xe2GS\xef\xcc\xd1\x84=0\xc2\xa4\xa5\xf5(;"\x19,\xd8\x89\x88\xa7\x91\x98\xd9\xa2\xa3\xd2\x9a\x99\xf3AP\xd4vy\x92\x19*\xd7\'3\xeb\xbd\xbf\xe5\x8b\x84\xf0\xdc\xde\xf1]h\xd9XZ}\x15)\xf1\x9e\x9f\xa8\x14&amp;\xb2JM\xc9SJ\xd8\xc1\xc2\xe7my\xe4\xc6\xc9`\x10 \x9966\xd5\xb0\xb2\xf6F0\x1f\x00\x00 \x00IDATx\xda\xc4\x98\xdfO\x13\xf9\x1a\xc6\xcd\xa4\xa4\x9dd~$\xe7fnJR\xb7\xd96=\xb6\xd2Ma\xdalb\x02\xb2\xa2KlZ\x89A\xd6\x95\xc5\xa9\x10z\x18\x07\xc4\xf1\x08\x07\xd9\x14\n!\x12\xd4\xb2\x95\xca\xd0\x8d4\xda\xa1\x96:\xd2xl\xd9ZK\x88k\xb0\xae\x91B6\xc6\x0b\xb9=7\x07o\xfc\x03\xce\xc5y\xbf\xd3\xee\xf9\x07N\x86}\xe9\x0f\xe8@\xfa\xc9\xf3&lt;\xdf\xf7}\xcb\xa1C\xffO\xe9M\xb9l1Z\x08C\x15\xe2\xd1l.\x98\xaa\x88\x95\x94\xa9v\x11\xea\xd0\x9fQz\xbd\xa9\x9cU81\x1c\xe7\x141,\x08QY\xce\x8a\x8a\x1cTi\xf4\xeeX\xea\xcf\xc0\xd2\x9b\xdc\xa9`R\x12\x95J\xbc *\x92"\xf0aN\x11\xe2\xf1h1i\xd2\x1f2%s\xc5\xa4\xfe`ER\xc5H\xc6b\xc9\x98,\tJ%\x9c(\x08R.\xcb\xf3a\x01\xf9\t\xa0\xc5\\\xae\x92Ct\x07\xa9R\xd0\xad\x07\x8br\xdb\x95\xb2\\\x8c\x86\xa3\\X\x14\xc2Y.\x9eH\xf0\x05\x9eGI\x13\x84\xb8XL\x99\x0e\xd6\xc3`\xb9\x9cr\'+\xdb9EQ\xb88\x0f\x08\x92\xc8\'\x02\x81\x80\x07\xee\t^(\xc4\xb3Y\xa5X,\x07\x0f6\xf2\xa6X\x11L\xcar\x15\t\x82\x0e8\tA\xe0=\x1e\x96\xb5\x1b\x8dv\x17\x0b`\xa2\x94K\xba\xe5\xed\x18\xa8zp\xc1\x02\x13\xc1\xbb,\xc4(\x1e\xe7\x03\xac\x9dq\x01\x120\x91\x14M\x92$\x03d\tH\x97\x9c,\xe7r1\xd3AQ\xb9\xdd\xa6`,\x96\x8b\x16\x12\x89@\xc2\xe3bY#A24M\x11\x18\x81\xe1\xf0L\x92\x04f\xf4\x04x\xb1\x92\x93*\xb2\xfb\xc0\x0c\xcc\xc9\xf2\xb6"\xf2\x01\x0f\xebA\xb61\x0cM\x01\x94\x0e\x8a\xd0\xe1\x18AP8\xd01F6!D\x8b\xdb1\xfd\x01\x89%G\xb3\xa2\x80\xbc\xb33F#\x860H\x1a\xc31\x9d\xa1\xae\x0e\xd7\xd5\x19p\x0c7\x18(\n\xa3\x8c\x8c\xab\x10\xcd\x96\xf5\x07C\x15\x93\x80\xc9c7\xd2\x18A\xd3\xe0\x17EQ4M\xe3:\x84U\xa73\x00\x96\x0e\xf8H\x0c\x80\xedl\xa0P9\x88\xd0C\xe7\x96\x84\x04\x0b\xce\x81m\x14\xa8E\xd24\x01X\x0c\x89\xe1*\x97\xc1\xa0\xc3\xd13N\x83\xab\x84\x9d\xf4\xc4\xcb5.\r{\x85&gt;\x08I\xf7\xb0.;\x04\xca\xc8\xc0\xa9\x83\x08\xa9\x88@F\x81H\x08K-\xa4\x17a\xa8\xd3a\xc0\xb5\x9d\xaa\xce\x04\xedd3\xa5d.\xe0\x82F@\x114\x03E\xd2\x04\x9cB5\xf5`)f\xa8\xe9e@\xc2!/\xeb\xe0\xaa+\\\t\xc2\x9f\xba\xcb\xda\xf5\nwN\nC\x9b\xa2 \xe1\x18\x1c:\n\x90T\xa5\x10"\n\x13\xc2AL\x88\x0f\xddu\x06\xb8\xc0\x86\xb7\xdd0\xd3\x8b\xb2fXA\xa9\x10p!i HH\x99:\xcc\xe8B]\x14\xa42\x1a)\x03N\x80\x7f\xb8\x9a\xadj\xe9\x0c\x04I0\x1e!\x97J\x96%\xed\xd4\n*p\x04!\xdd\xb8\x0en\xd57&amp; d\x0c\x80Q$p\x190\x83\x0e\xfaC\x9d\xa1F\x06\x90\x14\x813\x01\xb1\xb8\xcd)\x9auV\xbd,\xb2\x10s\x8a j\xfd\x00YF\xa0\xc6\x05\x8d\x82\xa0I\x1a\xa5\n\xaf%\xac\xfa\x88\x03&amp;n\x0c\x14\xe2a\xd8\\\xb5\xc9\xbc\xbe\x9c\r\xd8\x81\n\x15\xe4\x1b1\xc1\xbb\x12\x90t\x1c\xba\x01\xf4U\x82\x86N\x8f\xffATu\xb1NG\xe1\x98\x1d6\x8b\xb0\xa4\xc9N\xa87\xc9"X\x08\x8d\x1d\xf5Lh\xe3\xd0\xac\xe0H\xaa\x07\x0e\xb80\x1d\x01*B3\xa3@\xc9P\x08~\xc7\x00\x8a\xe2\xa8\x85\x11\x84\x91\x85\x19\xc9i2\x87\x80*\xc0\xc2\xf6\xe2"\xf1*\x08\x03\xbd\x94\xa4\x0cU+a\n\xe2\x04\xccFx\x91$\xbd\xed\xed6r4\x84\x8e$\xba\x8aSF\xc4\x15\xd5b\xb1\xd7\xc7\xa20s&lt;,C2\x18\xca4\x86B\x86\xa1#\x19\x1aE\xe5\xb5yI\xaf\xd7k\xb3\xd9\xda;\x9c\xdd\xdd\xaf67\x9f\x8c\xeaj~\xa2~\xef\xf1D\xb5\xc8\x96\xbb(\n\x01\xb42\xc0\xd12\xa0\xa4C\xccq]h\xf4\xf9\x93\x97N\xe7|\xfb\xbc\xf3^{[\x9b\xad\xbd\xbd}\xbe#\xd2\x7f\xf3f\xd7\xad\xc5\xc5\x0f\x9b\xcfCX\xb5\x93\xe8`\x07\xcbj\xa1\x96\xbb\x9c\xe3`\x03\xf5\xb0\xa4J\x85\xc3.\x13\n=\xdf\xfc\xb08~f\xa2\xffaww\xff\xc3\xb1H\xa4\xa3\xc3\xe9&lt;\xf5\xf0\xda\xec\xcfs\x8fW\'W\xd7\xbb~{2Z\x9d\x958\xd8\x18\xd6b\x99\x80\x0f_\x15\xa1\x10`as\x00O`q\x08\x85F7\xdf\xac_\xfe\xf9\xc6\xf1\xe3\xc7\x7f\x99\xfd\xfb\xf9\xd9\x89R\xe9Z\xff\xc4\xec\xf9\xaf\xbf\xbe\xf1\xdd\xf2\xdc\xf4\xf4\xd5\xabw&amp;\xef\xbf\x1e\x85\xee\xaf\xab\xc3a\x81M(nM\xb8r\x8a\x04\xcb\x83\xba\xcb \xfb6\xdfLv~w\xa1\xe7\xd2\xdf\x0e\x1f\xfe\xe1\xc7\x1f\xbf\xfc\xeb\xb1\x8b;\x17\xbf\xfa\xea\xf0\xe1o/\xf5\xf4\xac-\xbdx\xd1\x02dw\xd6\xdf\xb4c\x04\xf4Y\x1a\xb6B1\xa5\xc5\x16\xa1O\x96\x8b\tuN\xd3X(\xf4\xe4\xcd\xfa\xd5\xe5\x9f\x80\xea\xf6\xedLf\xe1t\xdf`\xc3\xe0iT\x99\xcc\xc8\xf0\xf0\xb0\xaf\xb5u\xedEKK\x0bp-\xce\xa3\xe3j\xa0\xd8@X\xd6d\xb91%9\x16Q\xa1P\xbd\xfe\xd7\xd5\x96\x17K\'{\x00\x0b\xa8\x16\x16\xa6\x1a\xea\xeb\x9b\xcdf\xab\xd5\xef\x1fq8\x1cy\x9f\xef\x7f\\\xf7\x81\x0b\xd7\xd1l\x80\xdf\xd6\xa4\x9f\xeaS"`\x91th\xf4\xc9o\x93\xd3/\x96\x96\x96z@\x98\x91L\xc6\xbf055\xd5\xdc\xacb\r\xf8\xfd\x16\x8b%\x9f\xcf\xb7\xae\xa9\\\xd3w\xcf]\x99\xa7i\x8c\xb6{\n9m\xa6\x8f\\`\x8d^r\xf49\xa4J\xa5j\xf5\x01\x95\xdf\xbfb5O-X\xcdjY\x07\x06\xe0fq\xe4\xf3\xaa\x8f\x10\xb0\xc7\'n\x9e\xb2\xd1\x18\xe5\n\xc4c\xda\x8c\xea\xa2\x07\xb6d\xe2\xf9\xeb[\x93\xc8\xc1\xb5\xd6\x1e\xc0rX\xacV\xab\xd9:\x85\x1e\x11\x16*\x95\x0b\\\\\x83\xe4\xb7L_&gt;\xd1\xf5\x92$(#\xf4SmF\xb5\xe4"\x8d\xf4\xe8\x07\xa0\x9a\xaeR\xf9\xf2\x0e\xc0\x02\x81\xac5\xaa*\xd7\x00p\xe5U.\x84\xf5\xf8\xf2\x89E\x1bE\x91lV\x1b,\x13\x07+\xa0w\xfe\xd6\xe4\x1d\x10km\xad\xb5\xb5\xd5\xe7sX,\x03H\xad\x81\x1a\x95\x19\x9e\xe1\x85\x01\x0b\xd2\xcb\x07\\\x90\xae\x7f6\x8e\xbf$)\xd2.h\xd3 \x82q;\xc3\xd8^uMN\xfe\x81\x05\x16\xfa\xadV5\xec*\x91\xaaY\xb3\xaa\x16p9\x1c\xbeVU\xae\xa63\xdd6\x926\xf2\xb2&amp;\x1e&amp;\x0bF\xd2;\xbf\xb8\x8e\xd4ZBX\x88jE5\xd0\xefGp\xeaQ477#\xb1\x10\x17\xea\x12\x88\xab\xb3\xf1\xda\xbc\x97d\x02\xda4\x88\x18ogl\x1d\xf7{WU,t\x0cA\x10p\xd1a\x01\x8c\x01$\x96*\xd3T\xb3y\xc5R\xbd\x90\xf7U\xb1\x9a\xfa\x9dm\x8cQ;,{\x9b\xf3\xfe\xba\x8a\xd5\xaaFK\r\xbd\x03I3P-`\xf1\xa3\x82\x17\x1d\xeaqD\xe1\xeal\x9a\x8d\xc0\x06\xe9\x914\xc1\x92y\xbb\xeblw\xd7\xfa\xea\xdd*\x16\xd8X\xa3\xf2#\xc5\xc0\xbf*\x18\xfa1\x9fw\xc0\x08\xf29|kj\xb8J\xbbc\xac]\x1b\xacC2\xcfz\xee\x9d\xaab\xad\xa9Z\x81\x91\x805\x02_\x88\xcdlV\xa9\xfc+\xfeZ;\xf5\xf9\x86k\x99/m\xf1\x1e\x17+ir\x12e\xde\x93\x18\xbb\xd2\x85L\\\xeeAo\xaa\xfa\x08\xb28P\x94\xf2\x16t\x06\xc1\xbf\x95\x15\x14-\x18?&gt;\x90\x0bL\\\x9e{\xdcx~K\xe0YV\xd1\xe4\x7f\xa9r8Q\x88\\\xe9E\x91_&gt;Y\x8b\xd6\x08\x1a\xcc\x165N~s\xb3\x19\xb5/\xab_m\x0e\xa0\x1f\xda%z~\x9a\xeb|\xdcXz*\x16&lt;lT\x93\x85K\x0e\xf3\xe1g\xd7z\xc1\xc4\xbb\xcb\'\xd1\x94\x1e\x1e\xce\xa8&lt;p\x06\x01\xc9\xda\\\xdf\xdc\\\x8f\x16\t\x98\xd6\xe0\xa4\x7f\x04\xf6\x9b\x1e\x84\xd5\xd9\xf4\xcb\xefQ!\xe1\xc9\x065\xf9\x90\x11\x0f\xc7w\xfb{\xcf\xad\xae\xde\x9d\x03\xacLfx\x04V\x9a\x95) \xa9G8\xf5\x0fP\xbd}[\xdf\xd005\xd50\xb5\x90Q\xb1\x96\x11V\xe9W)\xcbk\x86%\x88O\'\x10\xd6\xe5\xb9\x93\xb0g]\xcfd\xae\x9f&gt;\xdd\xd0\xf0\xe0\xed\xcc\xccL\xfa\xed\x83\xb7\xe94\xfan&amp;=T\xdf\xd07\xd8w\xfa\xfa\x0f\xb7/]\xba\xb0\xdc\xa9bU\xb8B@Hj\x84\x15\x8dN\x8c\xabX\x17\x8e\xdc\xfe\x16\xad\xca_\xc2^\x9a\xde\xf8\xcf\xe7\xcf\x1b3*\xd1\xc7\x8f\x1b\x1b\x1b\xfbC}\xff\xe8\x1b|\xf4\xfd\xb1\x8bG\x8f\x1c\xb9\xd1\xd9\xd8t\xfe\xfd\xbf\x8bJ&lt;\x11\x8ei\xd2N\xb3b\x94\xdb\x1a\xef\xed=w\xf7\xc6\xd1\xa3G\x8f\xef\xec\xec\x1d;\xf6E\xdf\xe0\xfe\xc6g\x15\xeb\xe3\xc7\x99\xf4\x06\xaa\xfdO\x8f\xbe8\xb6\xb7\xb7S\x9a\x80O\x1c7\xbei\x9cU\xb1\xc4\xb0\xa0\rVT\xe4\x94\xad\xfe\xde\xde\xde\xc6\xa6\xa6o\xceD\x9e=\xdb\xddz\xbf\xb3\xf7\xe8\xd1\xa7\xfd\xfd\x8d\x8dtzf\x06lT\xa1\xde\xed\xbd\xdf\xda}\x16\x19\xbb\xd7\xe1\x8c\x8c\x9f\x99\x9d-\xbd\x97\x8a\x12\'f\xb5\xc1R\xb2\x9c\xf4\xb4\x7f\x1cU\xff\xa9\x8e\xb6\xb6\xb6\xb3\xf7\xc6"\xbb\x13\xa5\xf7;\xef&gt;\xed\x0f\xa5\xd3\xe9\xa1\xa1\xf4\xfe\xa7w\x80\x149\xdb\xe6\x82\xb2\xdb\xbc\xde\xf6W\xd7J\xa5\x9dJQ\xe1\xa2\\\xf2/Zl\x10\x12\x07X\x13\xfd\xcf\xba\xbb\x1f:m^\x9b\x9d\xa4I\x9a\xb1\xb5u\x8c\xed\x02\x17 \r5\x0c\x0e~\xbfW\x8at\xb8\xec$\t\x1bV\xdb\xd9\xb3\xce\x0e\xf8\xc0\xbd\xf5\xfb\xafRE\x89r\x15m\xb0*\\V\x01\xac\x88\xf3\xbf\xb4\x9a\xddOZk\x16\xc6{\xe7\xd5\xa4\t\xd7%\x91\xb8{\x12\xc1\x00F\xa8\x86\x89\x89\x87\xe1K\x82\xa4\xb0\t\xb8\x19@)\x124R\xa1\x95\x8f\x91\x8f\x04K3\x81(E\xc5\xc1F"\xddr\x86:\xca4\r\xd0\x91\xb6q(\xa2\x9ci\xad\x1d\x8dclr\xac\xa1\xa6\xc7Dk\x9a\x1c\xe6\xc24\xa69\x9d\xb5\xe9\x99\xff\x00\xdf+\x92}\xb1\x7fy\xd6z\xd7Z\xcf\xda\xac\xc9\'\x1a\xc5\x82\xc6\xa6\xa6+`8.w\xc9]\xbe\xad\xcd!\xa3\x85\xec7.\x00\x95\xa2\xeb\xf2\xe5?5\x02\x0e\xb8\xd9\x95,s\x8d\x99\xdd)\x9e\xdc\xd7?\xd6?\xbf\x08\xbbOz\x08X\xfa\x1d\xdf\xb6\x0b\xde\x04\x82\x89\xaaG\xbb\xfa\xe8\xd9\xa3\tmi\x7f\xc4H\xb6,y\xdbw\xb3\xf2g\xc4\x0e\xa0O\xc5W\xa9\xfa\x02v\xbb\xcc\x94\x08\xa7\x01kjx\xeaM\x7f]\xed\xe5\xaa\xeb\xafb\x95\xb6\xb5"\x93\x8c\xcf\x0f,/\x8fF\xd8l\xfe\xf2\xdc\xf8\xabW\xaf\xac9\xea\xd5\xa1!*\x85k\x9ay5\x0ems\x8cN\xc3\'\xef\x8e\x8ew\xabX\xc1\xa0\xa9\xb4s\xf2\xf7\xa9\x9b\xc3O\xea\xeb.`\x7f\xda\xfa\x06\xb2\xf6q)k\x93\xd9Y\x11\xd5\xcf\xa3w1i{;\x82F\x16#\x8b\xdd3\x01\x84b\x1c\xf2J\xd5\xd6ns&amp;r/\xe3Fz\xb9\xee\xf8\xdd\xd1\xe5E3\x9b\x1d\\\x81(\x0e\x87\xb7\xdf&lt;&lt;\xff\xfa\xdf\x1a\xc7\x91TW\xf7D\xaf\xd7\xa7K\xdb\x016\xdb\xbc8\xba\x1ca\xc9|\xdbY\x13?\x93\x8adX}}1\x03\xc3\xa8\xa3\x07\xfa\xd8\xe8\xd8\xdd{3{kP\x1d\xd6f\xba\x97#)eL\xad\xde-\x16oj=\xfb\x7f\x14\xa2\x9b\xb5\xcd\xaf\xba\xd6\xd6\xd6\'\xc3\xb3S\xe9\x92)\xc0\x8a)#\xdd3/\xe5\xe2\xae6A#\xd3\x13\xf9^CS\xaa\xc6B\x0c\xc6\x12\xc6g\xd1\x06&amp;G=\xdbm-\x0f\xae\xfc\xaeeb\x02\xec\xb7\xdb\xcdS\x83\\\xdb3\x91xO\x0f\xce=\xaf\xafe~\xf5\x1f-\x1cmi\x07\x87\xd3\xa5\x00\x9f\xc5S\xf6\xfd\xf8L\xfc\xa0\xa5\xeb\xda\xb5\xb6\xd9-\xf3m\xcdR&lt;\x82\x85\xfc~\xa70\xa5\x0c\x19n\x9b\xf7\x9f\xdflk\xeajy\xba\xbd\xfa\xe8\xe5\xedI\xba;\x06rmw\x8fi\x0cx\xe6\xfdQ\r\x87.R\xdd9\x07\x1b3\xcf\xb9f\xd3&gt;\x19\x8b\x87.\xbe|\xf4"\xbb\xf3T \x16\x0c\x9e\x9c"\x99\xef\x85\xa9\x14v\xebz\xd2)T\xa6\xb0\xc9I\xbc\xfd\xa88\xe8\x8a\x86w\xb6L\xaf\xc6#q\r\re\xef\x16K*7=v\xef\xf3\xe1i\r\x87.R\xfdQ\x0cG\x95*\x11`\xd9yn4\xd2\xfdrN\x96[!\xbaO{Y\xd3\xa3QF\x94\x93\x05\'`\xc5S)a\xc8\x80\xe3\xbd[[\xbb9\x0e\xcf\xac\x8a\xa0\x98f\xc0\xad\xcc\x15K|\x1e\x87\xe3~\x97?}]\xc3|o\xdd\xfc\xf5W3[%\x1aN\xcb\xccn\xba\xdb\x1d3/FXj\xeeVoo\xb93d\xc0RJe\xfcV&gt;\x997L*SqM\xd9 \x14\xe2\x08\xe2\xc60\xa5\x92N\x83)\x82\x0eXi;;\xa6[*T,5\xbc\x8b\xa4\xfe\xfd\xf7\xef\xf9v\x95(]\xc5\xa2\xd1\xb9\xdc\x98\xd2M\xc7qCY\xe7\xf0J\xddc\xb1\x8c\xd0\x99\xcf\xe7\x0bBt,\x8e\rxu\xc0\xaa\x11b\x18]J\xa5\x0c\xd04\x84Z;2{,\xf4\x8f?T\xd6?\xd4\xf0*\xf6/\x1c\xe2\x08\xcb\x93\x00,\x16\x8fN\x936S)4\x1am\x80\xe2\x1d\x19\x1a\xd2\xd104\xa6\x14\x16\x00\xcb \xc4\xe2\x93B\xc3\xd5\xd3\xd3S\xe3\x88\xd7;2r\xd5\xab\x0bi\xb08`\x15=pY\x0b\xc2O\x95\x0f\xf55,\x0fG\xb8F\xc3\xf7d\xa7@\xad\x18\x9dF\xa1\xfe^2"\x81\x11\x10:\xb4\xa4\xb3\x07sg2\xc2B2\x99\xef\xc1\xddh\\h\xe84Z&gt;~\xfch\xb1X\x86$0\xa3\x1a\xb01\x02\xcbt\xefm\xd9Y(\xfc\xe7\x97\x9ab!\x93\x98y.\x01X\x8b)7\r&amp;S\x89\xd1(\x19\x82\x173\x92\xce\x1e\x0c5C\x10\xfd\xf0\x0bG\x01\xeb\x96\xf3\xba\xdf\xb2a\xb1\x90arf\xf8\x97BB\xb8\x89\'E\xfb\xa4s\xfa\xf8\xf8S\xbe\xb6XR\x0c\xcb\xfcl\x9d\xda1\xa9R(M\xe7p\x10\xfb[\x06\x99\xe1\xef \xb02\x91\xb1\x02\x18D"\xb7b\xa8\xf0\x16\x98E\x7f\x03\xb8\x0e\x06\x1c\xbf\xd3\xa0!\xb0Nr\x07\xfe\xca\xfaY\x05\xb0H\xb5k\xd3G\xcd\x9d\x9d\x03\xa8\xe7\xb1\xde\xa7b\x81Z\x0eb\x8d\x0b\xa7\x81\xd1\xd0p\xdd\x80\xf2#\x93\x85d%\xe94\x08Q\xe5\x18\xa8\x95lhH60:\x80\xaacz\x89\xc0\xda\xfa\xf7In\xe8l\xfd\xecl\xfd\xe0CM\xb1\xbc\xc7\xc7FD\x96\xd6\x97\x02\x80\x15Z\x92\x10\xdbe\x06\xb1=\xf2_\xefA\xf9\x19a\xbe\xd2P\xc5\xca(\xabX\xf0\x80\xd1A\xc8\xe5w\x84h\xa8\xba\xf8\xbc\x98\xfb\xdbOg\xeb\xeb\x95\x85\x1a\x16\x88\xba\xfe\xcd\xe3\x8d\xf5\xe3f\xd9\xac\x1e\xae"\n\xb9E\x88\xc5 \xdcaG\xc7u\x83\xd2\x8c\x16\x92\xe4\r2\x04\x11\x8bep\xe7wI\x82\x970\x8f`\xcd\x1c\x14:/w\xf2&lt;\xcd\xd98[\xafT\x0eN_\x93j\x98[\x0b\xc7D\x00\x82%}\xd1\xc7\x8f\xd1(:Gu\x15_\xb5\xad\x0c\x8a\x99\x85/\x91\xff\xfc\xcbO\xf3y\x03\x8ef\xdc\xd3\x8c\xca7\xacy2\xd98\xed\x05\xac\xdd\x93\xfb%\xbc\xb2\x9e\xff._\xfeZ_\xd3\xe6sP\xa9\xac\x1f\xe7\xb2\xc3\xfa\x12_I\xa7\xe8$\xd3\x10 r\xd5H\x93\xa5|~\x8cb\x01C\xb6\xe1\xa0\xd1c(*\x99\xaf\xaa\x086\x1b\xaeD\x15k\xeb\xfecS\xbc\xe0t:\xcb\x07\xb5\x1c\xb8\xa0U\xf7vB\xd1\xc9\x84\xef\xe8\xd3\x90\\x\xa7\xc3\xe1\xafb\x91\xe77\xc8\xdc`\xc0\xc3v\x0cY\x86F8f6\x07A\x1d\x1b\x1b\xf3\xdf\x94$\x1b\x8d\x0e\xaa\x94\xa3.\xde\xbfi\xcd\xe0H\xa7\xa6\xfc\xcfZ\xce\xa7\xa4K?\xec\xe3\x1allQ;8\xb5\x03u\x1e\x97\xea\xfe\xcf5\xbfa\x8c\xd9E/\xf6\xd8Rj/\xc7\xba7\x13\xe4\xf0\x1c\xf3\x1b\xf3\x04\x17\xd4\x0f\xa3\xf1*\x15\xe1\xe4N\xa6\x06M\x88\x94sX8}X\xe3\xefcG1\x94m7\xcf\xb8f\t,\xae\x94\xeauH\x8c\x0c\x82j\xc3a\xee\x9b{\xf1h\xcf\x13\xf0\xcc\xed\xfd\x08\x93|l\x9a\x88-\x99(\x0f\x90\xf0\xdef$\xb7{2\xeb\xf2Q)p/\xbe\xd4\xd6d\xd4\xd5\xfd\xd0\xfe\xf6\x9e\x9agu\xddL\xfbXl.\xd2L\xbdJpY \\\x8e\xccx\x9f\xca\xba\xb6\xba\xba7c\xb3\xf3\xc7\xbb\xf1cF\xc7o\xb5T"\xf1R{\xb9\xea\xdd\xf4\xd3\xa8\x8f\xeamv||}\xa9\xb6\xde\x87T\x7f^&gt;D\xb92\xd7\xd3a\x1f\x9f\rrQ\xa8\xc4\xba\x06\x92\xcb\xafC\xcc\xdds\xdaD\xc2j\xf3e\x13V\x8fZ\n\xb56\x99\x04\xb1\xfc\x04Us/G\xbd\xb2\xedR\x98\xa8\x12\xc7\xc2\x87\xfaK5&gt;\xa4\x87\x0b8\x07\t2o\xdc\xf1\x05`\xd2B\xa4\x03\xd0\x17\x895\x96C\xd7\xbbb\x93\x8b]Y\x9f\xaf\x14\x96O0\xb39H\xbc%g\x12\xfa\x00&lt;\xa3\xf4"\xb9\xa0/\x1bUX\xa5\xc6\xe3\x8f\xb5_p\x91\xea\xbe\xec#\xb8]~\xe3\xe9\xb6\xc9\xae\xe6p\xe9\xb4\x01(^\xd3:\xa9\x1411\x15\x8d\x8dQEX\xe4\xca2\x1b\xc5r\xad-\x87 4\x83\xd3\xb9\xd4\xd9I\x91B\x0c\xed6W\xb4-\x81K\x8e\xbf^\xc4\x96\xf2\xe1f\x19\x91\xc9\xdb\\\t0\x8a\xc0\x05\xe3Vg\x88\xae\x06)\x04bq\x97 :\xc1\x0c\xaf\x86\xc3\n\x81\x00l~\xd6f\xb3\xbb\r\x86\xd0\x80\x14\xe1r\x82&amp;\x113\xaa0!\x07\x0b_.\xc0\xbd^\x82)\x02\x0fj\xa3\xae\x845\xc0\n\xaa90\x0c\xf7\xf0\xac"\x17S\xd1%n\x99`BV\x05\xbae&amp;\xa6\\\xa1\x10\xb4\x08\xa2L\xa6\x95\xad\x81q\x99\xc3\t\xda\x12\x80%7\xf5\xb6_\x88X\x97H\x7f\xd9\xe7p\x12\xd1(S\xeb\xb1\xdb\x83&lt;\x0e\x9d\xee\xb62]Q\x85\xa0Q!\xb7\xe5\x9au\x06\x83\xceAU{\xb4Z\xb9\xa0\xa9\x05\xe0\x98l\xcc\xcd\xe3\xa9MkL\xc0zP\xda&lt;o\xbd\x80\x15\x04\xf1\xe5\xee|s\x97\xd8\xa5\xad\x89\x022\xe0\x8a\xb1Eb\x85\xe0ZS\x0b@\x95\xcb\x9f&gt;\xe5a\xc8+\x14p\x90\xc7\x05\xa1\x042\x91R\xc9\x86\xc4\xd2\xceh\xe5m\xb3o\xfa/"\x82\xdf\xb8\x1e\x9e\xebg\x1f\x00\x96\x07\xb8X)\xab\xb8\xa5\xa9\xa5E\x1c\x0e"e\xfc\xf0\xf0\xdd\xe1;8\x87\x87\xb8\x14\xc9\x85\x15\nE\xa3x\xad\xcfl\x97\x99l"\xabH\xde6\xfc\xd7\x8b\x91\xea\xb7b\xff\xaf\xc7\x83L\xad\xcdf\xb5\x05\xf8\x8b\xabW\x9a \xc1mj\x14E\x0f\xdf\x1e\xbe\xfd\xfc\xf9m\xf5d2\xbc\x15["\x1c\x15Lt\xab\x02\x01\x8f\xcdf\x13)n\xdc\xb9\xc8?\xa0\x92H\xfd\xfaA9S+\xb2Z=\x1ek\xe3\xffx7\xff\x98&amp;\xef&lt;\x8e\xcfZ\xf3P}\x9e6T\xcd\x03\xdaLL\xf8\xc3\x07\x9a\xa6\xd8\x16H\x97\xd8\xd0kK\xe9\xa5,\xfd!-\x8d=\x955\x05bI\x90\xd9\x8c\x00i\xe9\x05G\x81\x1e?B\x06*"\xa6\x18.\xca\xb8(\xdcP\xa7\x9ev\xf5\x14\xe4\x08\xc3\x0e\x95;8\x15\x99q&amp;\x8c\x8537\x9d\xc6\xdd\xe7\xf3\xe0\xfdq\x7fm\xb7\xd9~KhC\x13x\xf5\xfdy?\x9f\xef\x97\xf6\xf3\xa6\x18s\xcd\xa1&amp;\xadMk{\x80\xeb\xf5k\xf6n1\x14\xaa39.\x8f\x98\r\xdd.{])\xbc\x06\xa9\xae\xa4"\xbes\xb1\x80e5;\xf5\xc0\xa5\x8fT\x1bu5\xf5\xc1\xde\xf1\xf1\xd0\xeb\x07 \xd5\xf3\xe7\xcf_`\x19\x9f\xdbB!\xadF=b\xd6E+\xf5z\xa0\xd2[Y\xacxr\xe5|~ \xbb]\xaa\x0f\x87\x9d\x11#4\xabzG\x8fm1\xf0\xe0\xee\xdc\xb5\xa5\xd8\xcb\x97\xb1Xlii\xee\xe1\xdd\xe1\x96|I\x93S\xd7\x1e\x89\xea+\xc3\xd0\x1e\xac\xba\xbe\x0f\xe3:\xdcL\x10\xa7\x8e\xe5\xea\xccQ\xa7\xd3i02\x06i\xbd\xfa\xa4\x05\xdct\xf7\xe1R\xecI\xece\xeczl\xe9\x1a`\xdd=\x91/1\x99\r\xed\x11\xa8\xb6^\x0f\r#\xf7\xc0\xfe\xb2\xb8\x16\x91(\xfb\xb4O\x06:@\x13\x05,k\xd8\xa1\xb6\xd4\x16[\xee\xce--\xc5p=\xf9\xcb\xd2\xfd\xfc\x8eb\x8dB^\xda\xce\xb4\xb7G\xf5N\xa9\x19\xb6\xa6\x92\x0b\x9f\xc67\x00A\xe4|\xde\'\xc6\xf111ed\x18]\xb8\xc9\xa1\xd1X,\'O^[\x9a_\x9a\xbf???_P\x98.Q:\x82\xc1R3&gt;\x0fM_\xa7\xb3\xcar+&amp;\xe3;qM\xa4M\xf6\xc9\x18\xc6H\t\x04F\xca(5y\xbd\x0e\r4\xa7\xcaCz\xa7\x13\x1c\x87\xefy\x9fW\xab\xbd&amp;\xd3!\xb3\x91\x1618\x02gd\x00\xebT\x9cc\x19\xc4\xa9\x8a&gt;\x19% \xf94\xcd\xa1\x9d\xa5&amp;S\xd0[z\xa8M\xda\x95\r\xfbMWI\r\x9co.;\x1c^oPo\xe0\xf3AP\x03c\xa4\xc5\xb2\xbe\xfd\xfd\xf1N\x8b\xf4\x1f+\x11\x0b8$\x9f\xe4\x91F\xab4\x1c\x0cz\x83^SXj5w\x99\xad\xb0\x8f\xd7{\xd5j\x87\xc9kr\xeap\xd2\x8bb\x18\x8a\x96\xc9\x0e\x1c\xc9\x89\xb7Z9\xfbK\xc44\xceP\xf2HJd\x90\xc2)G#\xd1\xd4\xe9\xa5f3\x1c\xb9J\x9b\xd4\x92\xf2r\xb4V\x1b+)E\xd3\x02Z$;0\x19o\xb1\x08b\xb2BF\xf39$\x87C\xd24cu\x9a4\x99g\xca\xd3\x1d#Ri\x8dy\xe4\xf2\xf9\xc23\x05\xdb5\xa6\xd2\xb0U$ 9\xe0?\x01\xa0\xc9\xe2\xdcLY\xae\x9b\x152\x8a\xe2sx\xe0.J\xa4\x93z%\xe5g\xced\x9a\x9c\xd1\xb6\x1as[}\x93\xba\xbc&lt;SY\x1an\xd3\xd1\x80\x85y\x08\xbe\x80\x96}\x98\x800Y?\x0e\\S$\x8fG\xc2\x1fe\xf4\x1a\x89DY\xab\xa8\x8b:G\xda\xa4#_\x86MJ\xa5\xc3\xab\xb7J\r8V\xcf\xc3\xf1T\x81(;N\xa3[\xff\xdb"\x8e\xe4\x8a\x04\x14\xcd\x0ez\xf2\x19gi%\x9c(\xf4\x88T\x03\xab+\\_\n=\xd4`DnP\x14\x8a(\x10\xe5\x1eI@P\x84\xb8\xd9\'\x86\xfaq\x92\xd6\x81\x18:8\x9c2f\xb3\xb9\xa6\xab\xab\x0b\xa8r\xbbF\xdaj\x0c\xd0\xd7H\x92\xe4\xac\xa6~\x04\x94\xb8d2\xfe!7\x82\xf8\xe4\x82L$\x10\x90II\\\x0e%\xa2\x05\xf0wu\xd6\x1a\xab\xcc\x9a\x9b[\x92m\x85s\x16\xc5\xa7\xd9ip\x0e\x0f\x87\xd5\xc1\xf1\x07n&amp; {G\xf4\xff&gt;[L\xe1\xd0&gt;f20\x9eE3pv\xce\x86\xa3j6-\xee\xb2\x8a\xc1r$&lt;\x03_|\x01\x89\xf9\xa8\x0b7\x13\xa1V\x7fE\xb6\x18T\xe2ry`\x1f&gt;\xc9%\xf9"\x8cHQ\x14~\x17\xe3S|\x01N\xd0s\xd1Z\x80e\xfd21j\x1d\xeb\x92\x89q\x00\x1c\x93Y&lt;\x1e\x0e^\xc3B\x17\xd1\x08\x07,\xf0s\xe8\xb7pI\x80\x94"\x99\xf9\xaf\xa7\x88\x04\xa85pN*\x13\xd1|^\x12\x1b\x18\xe3\xf2\xf0\xc6C\x83c\xa2\x0cw%\x1c\xaf\xe6qYZ\x01m\xd49\xeb\xff\x9c&amp;\x8c\xbbZ\xef\x94\x9d\x93\xb6\xb3j\xad\x12\xb1I\x16\x1c\x0cG\xe1\xb8\x18rK\xc2\xad\t\x1f\nH\xd8\xad#\xfa\xfa\xc9D$\xc9\xca\xce9#\x06\x86m\xa8\xa0\x12\xc9\xa6D8$\x88\xf7&amp;\xaf\xc5\xe5r\x93\xb8l\xea\x86CRL{\xb42!XD\xd9\xed\xee;\xed\x0cF%\xd1?|t7Fg`\xb1!\x1b\x04Jb/\x07\xa8\xa8\xd1p\xa7\xd7\xd5\xf4u"\xd2\x93e\xb7\xf5\xc0e\xa4)&gt;\x17\x834X=.V\x8e\xc3\xa6\xda\xc0pXDV+&gt;m\x88\xf6\xbal\x89\xc2\xaa\xec\x1d\x8b\x0c\x19)lM\x18\xceb\xa5\xc2\xf4\x18\x97\xbd\x060IC\xb2\xf5\x150\x11\xa0\xd2&amp;\x0e+4~\x95\xa1\x04p\xe9\xf10O\xc6\xaa\x04t\xab\x96\xc7\x1a\x02\x16\xb4\x07c{\xb7+\xa8\xd5\xca\xbf\x19 \x84\t\xc0\xaa\xb3\xf7\xa2\xbd\x8cp\x00\xe5\xa1\xf1\xb9\xbc\xd5\xc4$K\x88\xf9,\xc4\x83\xd3\x96!j\xd7\xca=\x9d\xf2/&gt;\x89;\x16\xf4\xad\xdbu.\xe0\x8a\x1a\x8c\xc6\xeaj?\x0b\xf1&amp;\x9a\x95\xb4\x0em\x8fv\xc7\x14\x17\xcdD\xba\x83r\xc5\xa0G1\x95\x88~\x8aX\xc05\x06]\xe2"p\x91ll,i5\x98\x98\xc4z\x1f\x9b\xbf\xdf\x0f%\xb4{\x15=E\x83\x8a\xa9\xc92\x82\xd5K(\x8c\x87j\xf0[\x85\xb0\'\x9es\xd9l6\xd0+ru\xe8\xe2\xc5j?n@,\xd0:.\x9b\x02\xc4*\xfa\xfd\xd5\x17\r\x91J\xadG\xd1\xd3R4&lt;\xf5\xc57l"\x9d \xd2\xe2\xb0;\n\tv\xf5\x9f\xb3\xd9\xb4Z\xe4\xbasuh\x08\xb9\xf8\xbc\xff\xe6\xfe\x10\x0b\x8e\xad\xfej#\xce%\x05\xe5=\x16\x8b\xa5\xa5\xe8\xab\xa9\xe0\xe5\x7f\xfc\xed\xc9\xad[\xd7c\xb1Go\xdbf\xc4\xc4\xa3\xef\xbe\xbbr\xe5\xc7\xaf/k\xb5\x1e\x8f\xd6e\xaf\x04.\x00\xab\xf6\xfb9\\\x8c\xfea\x05\xe1\x1b\x87OU_\x1c\x1a\xba\xd1\xed\xf2(4\xb5\xb5\x96\x96a\xc7\x94)\xd09&lt;;3\r+6\xf1\x96\xc5\x9a\x88-\xcf\xc0zP\xdf\xa4\xed\xf4\xc8\xe5Z\x97\x0b\xb8n@!\xc1`~\xae\xdf\x9f\xc4\x1eu\xb8\\\x7f5P]\xbd1f\xd7*4\xca\xda\xe2\xe2\x13E\x8a\xaf\x9aNW\r\xca\x1f|\xdf\xec\x9b^XA+\x08\xdf\x9e\xaf\xfe\xbe\xacR\x1d\xf7\xbd\xb6\x1f2\xd9:\xe5\n\x85\xc2\x1b\xac\xab\xec\x1e\xbf\xb1\n\x06\xcb\x8fx\xfe7P\xe3c\xbd6\xb9F-\x91H\xf2\x8bA.\xc0\xcak\x18\xec|\xfd\xed\xcc\xd9[\xe0~\xd6\xa3o\xa3\x9aBb\xe0_n\x9f\xaay\xd1\x1e\xeau\x9d\xf6\x14\xf5h\x14\n\x10\xcc\xde=\xce\x82\x81\xc7\x86\x0cpe\xc2\x02\xa6\x1b@\x15\x1a\xd5*\x94\x12If\xe6\x9e\xe2\x96A\xb9\t\xb0.\xe5\xb5\x14\r.\x9f]\xf8xe``"\r\xccO\xfc\xdaO\x80\x08!\x91vk\xd9\xdd\xfc\xed\xe2\xe2b(d\x0f\x0c\xf6h\x94\x1a\r\xcb\x15\x1a\x1bC2Xw\xa2\xd1H$\x02H\xe3\x00\x85\x83n\x1auaay\xe6\x9e\xfc\x13\xc3\x9d\xb6\xd3\xadyG\x8f\x1e-\xeeXNI9\xbb\xf0\xec\xd9\xdc\xfd?\xfe\xf8j%\'\xed\xd7(&amp;\x14\xa6M\xac|\xbc\xacr\xcf\x8e\x06\x02\x81\xc5\xd0b`\x10\xac\x0c\\\x0e\xe4\xea\r!\x19\xdc\xc6\xf0\xad\xcb\xee1@\n\xf5\xdaG]\x9e\x9e\xda\xf4B\x9ce\xc9\xef(\x02,LJ\xec\xdd\xfb\xa7\xb3\x9bSR\xb6\xa44N\xdf\xbbwo\xf6\xe1\x93++\xf8f\xbd\xf0\x171\xbdC\xac\\\x7f\xb6\xb0&lt;\xad\xda\xb1\\UU\xd5:\x8aX\x160\x8d\x12\xfeSE.\xbb\xbd\x17\x16\xb0\xb8LM&amp;x\x0c?\xb0\x8f\xb2%\xcc\x04,\xe0*nhes%\xbf9xp!u\xe3\xd6\xad\x1b7\xa7N\xfbffT\xbe\x99\xe5\x17\xf3?\x0c\xa4\xfd\x120!\x91sen\xd9\xedv\xef&lt;\xbe;\xe5E^C\x15`\xb5\xb2X\x92t\xb5R\x03\\\xa3.\x17\x8e\xc8\xda\xa1l\x0e\xb9m\x14z\xad\x16\x8e\r\n\x9c\xc5)\xdf^P\xbe\x87\xc5\n \xd6G\x9f=\xde\x98\x9c\x9c\xbc59\xd5}\\\xe5\x83\x05\x17\xf6\xec\xc3\xa7+\xff\xf7\xe7\x1b\x041\xf1j~v\xc6\xbdc\xcb\x96m;woY\xbe\x94W\x15\x00\xac"\x8b$S\x92\xbeo\x95\x0bZ\xbe\xcd\xe4\xf5\x9a\x82\xb6NO\xa7M\xeb\x95\xcb=pj\xd0\xa8\xa1\x84\xdb\x0b\n\xca3\xf3;P\xad\x86\xbc\xa3\xef\x7f\xb4\x90\x9c\xbai\xc3\xa6M\x9b\x1a\xdd\xee\xe9\xe3*\xd5\x8c\xcf\xd7\xdc|o\xf6\xf9\xfc\x0f\x13?\x1b\x8c\xbd\x8a\x11\xea^\xb3\xcf\xbdm\xdb\xe1\xc3\xdbv\xefj|q\xa9!\x10\n\xb4\x16\xd5\xc2%V\x98\xb5/=]\xadQ\x00\x84V\xee8\x7f\xfe\xbcB\xee\xf1\xc0\x03\x87\x02\xee4\xca\xf4\xac\xed\xb0\n\xb6g\xee\xe9h\xa9jmm\xb9\x94\xff\xc1g\x8f\xb7&amp;\xaf]\xbba\xc3\xda\xc6-;v@\x01\xa6U\x88\x85d\xf8\x89\xbf\xf0\xe71\x01\xd4\x95\xfb\x00\xd5\xecS\xedx\x17\xd6\xe1];\x0f\xff\xf3R^`\x11^\xba\x85\x9d\x96\xca*D\xc1\x80F\xde\xa3T\xc3\x02\xb7\xc1\xbd\xb2gX\xaeP\xaa\x0b322\x00\xab\xfc\x03\xc0j\x00ku\xe4\x1f\\\xf8\xed\xc6M\xeb\xd7\xaf_\xbb\xa1\x11|\x0f\xcb\xadR\xa1^\xc8\xb5\x04\x9b\x92\xf0\'\xa1`S\xcdy\xf4t\x8e\x85\xf2\xa9\xa6\xdd\x9b\xc1\xa9\xef\xeeB\xb9\x10\xab\xaa\xe1\x84\x04*\x94\x91\x91\x95\x95\xb5\x0f\xf4R\xb0TS\xfb\xf6A]A@\xa5R\xa3\x94\x00\xf5{\xefe\xfc\xee\x0f{\xf7\xe4\x17w4T\x01\xd6\xdeg\x8f7\xa6nX\xb3f\xcd\xfa\xc6\x94\xd4U\xac\xdd\xd3*p\xbeo\xc6\xf7\xfd\xec\xc2\xbf\'~\n\x8c\xc8Yy\xf5\xf4\xfe,B\x81T\xaa\xe3nwJjrr\xea\xb6\x9d;\xff\xd3\xb7\xf9\x84\xb6\x91\x9ea\xdc\xc3\xc0\x1cfZ\xd00\xf3\x89\xf9Sf\x12a\xc1\xd4\x81\x80\xa6\x87\xe2\xea\x1fq\x0f\xc6\x1d\xe3\xdb\x1c\x82\x8c,0\x16\xf8\x12C\x0e\x0e:8\xa7U\x04\t\x0e\xf5qA\x84\xeei\xcbB@\x97\x1ez\xd8l\x0e\xa6\x97\xf5\xc5\x94\xc0\xae\xb3\x15\xadS\xe4C\x85\x93\xd6v\xdc`\x02}\x9eod{\x97m\xfb\xe2\xd8\x06G\xa3\xdf&lt;\xef\xf3&gt;\xdf+\x90\x9c\xb7w\x9e\xfe\xfd\xe9\xfd\'\xcf\xe4\x9b\xb8\xca3\xd5ji\x1aI\xf1\xab\xb9V\xeb\xf5kB\x96Z\x80\x9b\x9b\xbb=\xbd\x84?\x97\xb7\x9a\xab\xcb\xc4z\xf6\xc9\'wv~=t-SU4M1-\xd7q\x84p\xbc(\xad\xef\xe3\xfa\xaf\xce\x9e\x9f\r\x86\x17\xef\xfe/\x18\x02\xfd\x1f\x7f\xfb\xf6\x1b2\x11j\x1f~\x8f&lt;\xd7\xb6M!\xe5\xe2\xb0\x13k\x9d\xcf[.\x93\x0bT\xa5\xea\xeb\xbd\xaa\xacRi\t\x92\xb5\x96f\x8a\xc5\xe2\xd6\xc2\xea\n&amp;qg\xe7\x0ezx\x9a\x08\xcb\xd05MK\\\xdf\x15\xc2u\xc1\xd5\xaf\xef\xef\xb7\xf7\x8f\x8f\xf2g\x03\xb37\xfc\xf3\x9b\xaf\xff\x97\xc5\xd0\xc07\x7f\x99@=\x96Jy\x88?\xc7\xc1\xfc\xf8a\x9a\xd6\x06\x7f\x85\xb5\x9e&lt;\xbb{k\x1dr\x15\x1a\x8dF\xb5577]\xaa6\xf6\xf6\x1a{\x05~\xab\x92\xebf\x19T\xc5\xe6\xc2\xfa\xca\x8a\xc4\xda\xb9\xfbad\tS\xa7X`\x12\x8epMW\xb4\xeb\x08\x9e\xf6\xf1Q.w6\xb0\xcd^\x02\xb0_\xfe7\xc1\xe8\xf3G\xa7\x19\x15r\xa5\x9e\xb6\xa3\xc8s\xbc^\xcf\xc1`\xfb\x02\xd9\x15\xbe}z\xff\x12k\xa6P\x00Xi\xfa6\xb1&gt;\x9fT\xa3Zm!\x1bf\xc85#\xb1\xe6\xe7?\xdd\xd9\xf9th\x06.[XQ\xa0\x93\xebR\xb1\xa8_oG\xfbgG\xf9|\xeex\x90\xb0\x06\x00\xbb\xf1\xa3V\x02\xea\xdd\xc5p\xf0J\x1a\x9d\x95z\x0e]\xe0\x9a\xc25T\xdb\r\xd3~\xec}{\xff\xc9\x1d\x89u\xb3\\n\x80\x0b\x14\xd3-\xa8%\xa1\x80\t\xb5\x96\x96\xa0V\xa7#\xb1\x96\x97\xc95\x8f)\xb4\x0cPi\x9am\ta\t\xcb\x12\x1e\x9c\xe5I\xaa\xfc\x11\xb0\xd0\x0f;\xe9\r\x0ew\xd9\xca\x1f\x84\xc2\x8d7\xbb\x87\x83^\xd2\xa6P\xfd~?m\xa7\x11L\xd5\xe3\xdd\x89DU\xed\xa0\xd6\xef\xd7\x06\xff~\xf2l\x07X\xeb\xd7X\xbfke\\{\xc0\xaa\xb2\x89K\xe5\x8e|\x1f\xe5\xc2\xea\xf2\nj~\xfeTw}\x9b\xc6\xaa\xa8\x81\xb0\\\x17_\xa0\xaaG\xed\xb3|~v6G\xb5L4\x04g\x80\x04\xfba\xff\xde\x1f\x0e\x06Fb\xf40\xb4\xf58\x8a\xe3\xc8k{\x90\xc9pys\xf8\xe9w\xe3~?\x1a|\x00\xd6\xf2-\xceb\x81md\xac\xb6Z\xb4\x17\xadF\xcbc\x0cA%\xb1P\xe0:\x1d\xf9\xaeAci\xbao\xf98\x7f|\xe1 \xb5\xda\xed\xb3\\nv6\x9f\xa3Z\xa6\t\xb9\xc8\x05\xb0\xef\xf7\xef\xcb\x93\xe1h\xa4)\xba\x9a`j\x1f\xa6\xb5\x08X\x1e\xb2!1l\xb4\x11\xcePmr\xa5\xe1\xe0\xc3\xdd\xf9\xe5\xe5[\x99\xb9\n\x05\x0cc\xc6\xc51d-\xd1X\x9db\xb3\xb9\xb0\xb0\xbd\xbd\xbd\xba\xba~:r\x11\xa4\x8a\xa6h\x15\x1b\th\xf2\xb8F8\xf4\xe9\xf6&lt;\xa8\xf2?=O@d\x1b\xd0\x0b\xd6\xef\xf5\xae\x95z\x03S\xf1v\x10w\xaa\x17C\xe0\x94jyQ\\\x13\xa6\x8b\x1bq1G\x86i\xd1^\xce\xf0\xc3\xf2\xede\xe9.i\xfaj\x89I\xda\xca\x98J\xd5\xf2\x8c\xf4;\xa0$\xd5\xf6\xf6wC\x1c\xcf\xec\xa0\xa2\xe9\xd0\xddwM\x18\x0b\xba\xb7\xcf\x7fF\xb1\xf0\xef\xe8&lt;A\x13\x89E\xc5\x92\xde\xb5\xa9\x86\x03&gt;\x90\x8f\xd5\xf5\x9e\x17\xf6\xd9Fdq/\x8a=\xcc\rn\xc2\xa2\\\xe0\x8a\xd3\xd8\x19}wkye\xfd\xe6:s\xa0\x80\xec*I\x9d\x18[\x8dF\xa1Q&amp;\x15\xdfBL\xb0\x85\xe6\xcb!\x9eRE\xbcC.\xd1\xb5|\xcb\xf5-\'J\xfb\xfd\xf3\x9f\xe7r\xf9K,\ne\xb0\xe0\xfd$\xdb\xf2\xfe\xb5;F\xfb&amp;\x85S\xab\x17v1\xbc}\x88\x85\xcc\x02\x17\x82Fr)hc\x80\xb0\xaf9\xa3\xd3[0=\xf5*\x02cf\x068(\xd9\xd3\x02H\x8b[[\x94\nX\x0b\xcd\x07cuB\xa5(n\x17L(\xcbi\x83\xea\xb9\xa4\xca\xf3\xdb\xf1\xe0\n\x8b%W\xcf\xf7\'#4\xbe\xa2\xf1~\x88\xa5$"\x0c\xdb\x8c\x07\x84\x96\x83O\xd4\x03I\x00\x00\x04\x1bIDAT\x8eF\x0eV7\xd3\x84?\x0c\xd3\xc5\x99]\xab\x89\xd1)\xd4\x82\\2T\x81U-S\xa7\x0c\x0bjQ+\x08\xf5E\xb3\xf9r\xac\'p\xbb\xbc\xb6\xd9\r$\x95K\xb1\x1e\x7f\x95\xcb\xfc\xceYD\x9c\xb2\xae\xb0n|}\x00\xa7+\x93\xee\x11NW\x15\xdd\xea"U\xfaiL,\x87\xfe\n\xe1\t\x0cP\xa2\'\xa6\x1ft\xc3Z\xd7J\x0eWobE\x80\xefq\x02U)WaR\xc5\xccY_,4\x9b\x9b\x9b\x0f\xc6\xd8\x18ty\xc7\x95$\x08,\x14\xc4\x82\x13\x1e~\xccgb\xb1f\xbfzkJoa\xdc\x13\xfc\x9b:\xb8\x18rp+\xa4RU\x89\xa5\xc3\x98\xa1\xc0\r\x01+\xe3B\xdbD`\xb9\xa6/\x0c\xdd\xc6\xdd\x06\xddn \xb9H\xc5\xb3qF\x8aU\xf8\xbc\xd0)\x14\x98\x0c\xc5\xcdfskk\xb3\xb8\xf8\x02Tj\xa6UE\x11A |&amp;)\xae]\x9fPM\xb0\x8e\xbe\xc1$J*l\x8a\xaa:U\xc9\xe6\xb6B*#\xc3R44\xb1k\xc1T\xed\x98\xee\x02a&amp;\x17\xb6]K\xd5\xb9\xf6r\xffr\x93\xf1K\xea\xb5\x05\xd3K8*\xc5\xb8B-n.\xf2\xab\xf3b\x8c\xcb\x82\n_\x9ajA,\xb84\x10"\x8a\xd3\xb3\xa3k*\xfe\x82Q\x04\x0e\xa2\xa8k\x19\xc0b\xf7*,\x8dX:\x7f\xc2\x03\xb8\x82\xe89\x11\nX\x13\xaeP q\xa4\xedm\xd3g/\xccdx\xba\x00,HTf(\xd0\xeb\x1d\xc9\xc5w\xad\xaf\xad-\xaeA+\x12a\x88\x90\xee\xa4\xf2%W\x18\xa5\xe7\x7f\xcc\xd3XWX\xf9\xe3\x04R\xa96L\x8d\x05V\x9f\x92\x1d\x94\xa5p\x9d\xa5\xf15\x05\xcf\x1a\xe0\xc0q$\x16\xb8z\x0e\\\x1evy\xea[\x89b\xc80\x06\xa3\x9d\x8c\x0e\x1f4\x8b\x9d\xb5N\x07\xbb\xd5\x16\x9a\tB\x80\xad\xdd\xcb\nZ\xd1T4GE\xb7$\x96k\x89n\x18\xc5\x8f\x9fOZx\x85\xf5q\xc0\x0e\xbaa\x04\x9f(\xfa\x94i\\\x82iz\x86\xa5Ut\xda\xc7"\x977\xe1r&lt;r\xe1\xd0\x16~\xe0\xea\xaa=)&lt;`\xfc\x87M\x00t\x16\x8b\xfcp\'\x98\x16;\x8b\xa0\xda`A\xab\xcc\xb1\xaa\xa6\x19\x16\xfbN\xc7s\xf9~\xf8qvB5\x8b9\xe4\xaf\xb9?\x01\xcb0\xc3Z\r6\x01\x96\r\xe9tJ-\xb9p[h\xaa\xc1d\xe1\xe4\xf5\x90\xf2\x9eL\t\'\x94\\X\x93\xac\xc0\xa4\xaeY\xe1)\x95\xf1\x8b\x8d\x8d{\xf7\xd6\x16\xd1:\x08\xb5F\xa8\xdf\xf3\xd3\x8a\x17\x1a\xac\x8a\xff\x8a\xcc\x9aP!J\x85\x13\x865P]\x89\x85\x9fR\xb0\xdf\xbc\x82\xdb\x83Z\x8c\x1e\x02gJ\xe5\xca\x0f\xce\x04\\\x8a\xc1\xed\xb1\xa2\x98T\x8b\x93gf/\x05".\x82aM\xfa\x0beI.\xdc\r\xa0x\x8d\xca\xc9?A\x01\xb2\x8ci\x83\x9f\xec|\xf4\xd9\t\x0c\xc5\xf3\xd564\xc5&amp;U\x97\x8eG\x16#\x1a~rI\x83\x9f\xf2\xb7\x1c\x0ek\xd5@n\xc4\x02W\xd4\xf5)\xb6\x1eG\x11V=\x08\x85;\xe3\xea\xc1d\x81\xe7\xf1\x9a\xce\x94}\xa4\\BP//D\'\xd1^\xfaS\x9f\x14\xec3\xbe\xf8L~\x9as\x83L\x80\xfa\xf2\xd1\xee\x98\x11\n\xa9\x98\xef\xa6l \xe2\x0e\xb7\x962\x1ad\xe3\xf2\xb9K\xaa\xdc\x11w\x08\xdb\x10qZs\xf5+,&lt;\xdaISO\x81\xebi.\x1c\xf2\x1c4\xcb\xc7\xc4&amp;=\xa9\x97\xe7\xc0h\xb2\x8f!\x1b\x1av\xf97\xa9U\xb6\xad(\xe3\x93\xddG\xd9\xc7\x85\x0f\x08u\x82\x06\xf2~M\xecX\n\xe6${AW\xab!\x00\xb9a\xe5\xbeW\xdc Pgm\xd3\xc6R\x1e\x1a|\xc5\xc6\x80\x90r\xb9\xc8t\x07\x07&lt;\x12\xc2\x90\xc6\x82b&gt;\xadc\x98\xc2\x91%]\x01.\xa8\x87\xef\x81\x0fSR\xb1\xec\xc0b\xf4\x01\xec\xe0\xe0\xe0\xdd\x01\xa0*\x84\xc2em\xec\xa3&lt;\xde\x05\xc6\x0f\xaf\x7fY\x1e7\xf7\x1fc\xfd\xf6-\xd6\x940\x8d\xa5XYn\xc9\xdb\x8a\xea\xf5\xd8\xc5sTT\xdf\x92\xd6\xc2a \x051\x10\x06\xa6\xdb\xe3\xcb\x02 \xc5,\x86E\xe0b?\x94`R/\x99~\'\xefA\x05(\x92BxLPE\xc1\xc2\xe2w\xb3\x02\x94\x08\xb85\xe4r\xbf\xb8\xa6\x9a8\xab\x97\x08\xec\xe4\xb1\xc9\x9cS\xd5\xff\x00\x93\x1c4\x0c\x8cH\x06~\x00\x00\x00\x00IEND\xaeB`\x82'</t>
        </is>
      </c>
      <c r="M128" s="3" t="n">
        <v>45492.67869212963</v>
      </c>
    </row>
    <row r="129">
      <c r="A129" t="n">
        <v>351432</v>
      </c>
      <c r="B129" t="n">
        <v>7314</v>
      </c>
      <c r="C129" t="inlineStr">
        <is>
          <t>Yony González</t>
        </is>
      </c>
      <c r="D129" t="inlineStr">
        <is>
          <t>Y. González</t>
        </is>
      </c>
      <c r="E129" t="inlineStr">
        <is>
          <t>PE</t>
        </is>
      </c>
      <c r="F129" t="inlineStr">
        <is>
          <t>ATA</t>
        </is>
      </c>
      <c r="G129" t="inlineStr">
        <is>
          <t>PE/CA/PD</t>
        </is>
      </c>
      <c r="H129" t="n">
        <v>182</v>
      </c>
      <c r="I129" t="n">
        <v>22</v>
      </c>
      <c r="J129" s="2" t="n">
        <v>34525</v>
      </c>
      <c r="K129" t="inlineStr">
        <is>
          <t>Right</t>
        </is>
      </c>
      <c r="L12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77b6b51d-58c3-46d9-863d-0caf6e673c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P!W\x00\x00\x00&gt;tEXtComment\x00xr:d:DAEewil2SDw:3687,j:1904319450120277878,t:24032419\xd6]\xa1\xc0\x00\x00\x00\tpHYs\x00\x00\x0e\xc4\x00\x00\x0e\xc4\x01\x95+\x0e\x1b\x00\x00\x03\x00PLTE\xff\xff\xff\x1e )\x1c\x1e&amp;\x94oW102&amp;)),-,\xfe\xfe\xfe../)*,[?-\x1d\x1b$}\\F#"%!#,tT?\x87bK)$#sUEV;*\x80_K\x17\x19\x1f\x1a\x1c!\x83^G\xfd\xfc\xfctP:`A0\x8cfO"\x1d\x19\x91jS\x1e%.%%)}X@dK&lt; \x1f \x90hN\x9cmM$"\x1e.#\x1d\x1d$&amp;334wYE\x18!#/()^E7gF6\x97jP\x94s]\x87gP\x15\x16\x1b\x1e\x1a\x1a\x8dlV\xab\x81faG2C4(N;.sZL\xfa\xf9\xf9\xa2tS{^M\x8edIxVAzT:\x8aiT)\x1f\x19I7*&lt;,#-/3\x83\\@\x1f((\x96ubWB5\xad\x80\\D.!\x9cuW\x9apUcJ6\x94gH\xef\xec\xeb(.-\xb1\x82^iN&gt;\x8fq[\x80YE\'\x1a\x13\xa2w[\x91cA\x83aQnQ?Q7(x\\H&amp;\x1f*^=\'\x15),\xf3\xf1\xf1\x8baD\xb0\x86k\xb7\x87e\x93n^jK8\xa8xUpL4oL:.*.iRC\xa7}]sLB\xf7\xf5\xf5\x81W9\x8b]=S@0\x86kX\x88]E.\x1d\x13\x9ex_\x17#+\x1c\x17\x14kQ:\x9aq\\\x83fU\x9azenUC\xad|X::&lt;\xea\xe6\xe5JDD&gt;\'\x1aXG;\x88bT\x94nQ\x81dK8666\x1e\x16$\x1b\x1f\xbe\x8difB-469:0.\x88X5L3#~VK3*![F1|QA\xe2\xde\xde\xa3\x80h\x99iF6&amp;\x1d_J&lt;\xc2\x94o\x89k\\4.*\xfb?2$\x16\x0e\xbf\x87Y\xa4{cx`Q-/94-/\xdd\xd7\xd7oG-\xb7\x83XW6 &gt;366 &amp;dNCkVJ\x86~~\x1d\x11\n(53H85f]_\xfbA(\xa8\x85q\xa3oJ\xfc4:zO1\xc8\x9cvB&gt;&gt;\xbe\xb6\xb6\xa4xq}gU\x1e4\'@\x1d#T\x1c"\xb3\x8cp\x8ecZ^VW\x91\x86\x85\xcf\xc9\xc9m\x16\x1b\x87SD-\x1b$\xea\xdf\xd9\xdc\xcc\xc6\x9d\x95\x94\xa6\x9e\xa0\xd5\xd1\xd2\xf1FEJ\x17\x13\x97\x80t\xa5\x10#yqrRNN\xb1\xa0\x98\xb0\xa8\xa9q`FmB6\xb5\xaf\xb0\xda\xc2\x95\xcc\xb6\xae~\x12\x1beZ&gt;\x8csf\xdaKG~kd\xc9\x8eb\x97\x8e\x8fmgg\xb9\x95y\xc2\xad\xa4\xcd\xb4\x8dh9&amp;\xd7\xc5\xb9\xaa\x92\x86\x95aN\x92VI[M4\xebG1a\'\x1f\x96\x10 \x96`8_\x0f\x12\xb2{P\xc3\xbe\xc0\xb4DE\xaa\x91ts$*\xaeylD%-N+\x16\xe6;&lt;\xa655\x82#+\x1f6;WHI\xb5\x08"\xc0\x9f\x95\xb9\xa6\x84\xc8&gt;A\xb0\x85~\xd6\x9eutdWw61\x9107\x8eA2\xb8&lt;\x89\xb7\x00\x00 \x00IDATx\xda\xdc\x97\xddOZy\x1e\xc6\xbb\xc1\x91\xd6B\x14\xa4\x05\x15\xa2\xa0\xe7D\x03U\x8b\n\xe2\xcb\x08g\x8d\xb4\xa2\xa6R\x1c_\xd6X\xf1\xa5\xe0\xda\x85j\xa8/\x8dH\xd1bC\x1c\x1aX\xb0\xc4t\x02\xcdP\xc5`\xdcl5^X5iGM\x8c]\'\xce\xa4M\xa3\xd6v\x9b\xde\x19\x93\xbd2\xeb\xc5\\\xec\xf7w\x9c\xee\xfe\x03\x1eM\xf6\x89\x80p\xf5\xc9\xf3}\xbe\xcf\xefw\xce\x9d\xfb\xbf\x15\x1dt\xfc\xcf\xd7\xef&lt;\x9eB\xc1\xa3\x9f1\x94\xa2\xb3\x13(x$\x0b\xf9\xd1T5\xf0\xfau\xd3\xd9r\xf1:\xdd\xcb\xcbkA\xb7\xdb\x1d\\\x0b\xc2G0\xf8\xd3\xa7_?\xfc\xfbC\xb0\x89w\x96fu\xba?\xac\xaf\x87\xc3KK\xe1\x8d\x8d\x8d\xf0R8\xbc\xf1\xde\xdcwp\xb4\xf7\xe9\x0c\xfd\xa2+\xaa\x82\x9b\xef&amp;\x846\x9b\xcd\x1a\t\x85f\xad\x87V\x9bI^\x91}\xb0\xf7\xcb\xa7\x9f^Wu\x9e\x05\x17\x9d\xd7Y\xb56\xb7\xf2\xde&amp;WE"N\xa7?\x10HO\x1f\x0e\x85d\xf2\x8a\x9c\x83\xbd=\x12\xec\x0c\xb8\x90SsK\xd3\x87\x91\x88L\x06P\xfe\xe1\xe1t\x90\xdfO\\\xff\xa2\x05\xac_@\x9fN\x9f\x0bB\x05P\xd6\x903\x14r:\x9d!\xbf\xdf\x99\x1e\x15\xe5\xf7\xbb\\2\xd5\xdb\xbe]\x92j\xef\xe8W\xf7\xe9r\xd1\xe9M\xc1U\x80\xf2\x03\x0ez9\xfd.\xbf\xdf\x10\xed\xf7\xe3\x84\xe9\xcb\x90\x87\xc4\xda;:X\xff\xc7Z\x13\xfdT\x07\xb8OZ\x15\x08\xf8\xfd\xd1\xd1\xd1N\xa7\xcb\xe5\x12\x8b\xc5\xd1`\xd6\x97\xb7\xe6\x83\xdf\xb1\xfa~\xfem{\xb9\xea\xd4\x16\x92\xde9\xb0\x15~3;\x8b\xa8\x0c@u\x1ef\xe7r\xb1@\xb8Kf\xfb\x1f\x96\xf6\xb1|1\xbc5\xd0\xc9;\xad\x06\xdd\xdc\xb1\x86B\x01\xb1\xc1`\x88&gt;\x1fu&gt;\x1axpD\x85a.B\xfee\xde\x03\xbd\x05:\x9aW\x11\x11\xeb\xce\xe6\xda\xe94+PM\xa3\xf9\xb1\x92\x01\xeb\xfc\xf9?F\'c\x18Bb\xb20&gt;\x86\xcb\xe4o\xcde\x07GGG\xff\\\x9fT\xb9\xfc\x81\xd0\xf4\xca\xa9p)\x06\xb6\xa6g\x87\x03b\x16\xd3\x10\x15e\xb8\x00b\x8aD\x18&amp;\x15\x89\x98\x18\x9f\x8f\xfc\xf2U\xcf\xf7\xad\xbf\xfbm\xd2\xe6\xc4Y\x81\xf4\xd0\xe2*\xf5\\t\xde\xc0\xd6\xce\xec\xb0\x98%6$\xc3\xfc\xbea\x8a\x98L\xc0\x12I\xa5\x97DLx\xc7\\\xb8\x97 \xd4\x93?\xbf\xb5\xa9\x08\x1c\x879\xa7\xcfN\xafR\xbd\x90t\xc5\xc0\xe6\xcel\xc0/\x16\x1b\xa2\xbfa&amp;\xb30\x91T\xc4L\x16]\xbe|\xe9\xd2\xd5K Lj\xb1\xf0\x95J\xafL%\x03(\x1c\xb6Sl\x08\xcdN\xaf,S\xcb\xc5\xab\xda\xda\xb0:\xc5,2\xe0R\x11\x06\\|\xa9Tt\xf1"\x02\x03\xb2\xcb\x16\xd0\xb8N\xe9\xf5z\xbb\xc6\xc7\xf9,\xa0\n8\xc5\xa1\xc5\xed5*\x8b\x95\xd7\xb4\x7fL\x85a\xc0c\x91\xa2\xa8\x83?\xc0u\xe9*\x92Tj\xb9z\x0c\x86\xe3\xba\xa9)\x8b\x12f\x1d0\x88\x81k\xc5\xcd\xa3p\x84\xc1\xb0\xd5/FP\x90n\x84\x85\xe3\xca\xf1\xa9)\xa9\xc3\x01@R\xa9\xd4\x81\\T*u\xe3\xe3]]\xf0\xc6W\x92\xb6\x06\x02\xce\xd9\x9d9\xeab\xcf\xab\x9a[\x04\xaf\x1c|\x11\x02\xc3\xa4\x90"\x9dn\\\xd7\x05)\xc2\xa1P\t\xc2\x19\x01\xc9\x08\xef\xc3.\x90N\xa7\xc4\x01_\xca\x0f\xc0\xc1y\xb8\x14TP\xd6\xeek\xa4Y(M"\xe8\x02\x8bN\xd9\xd5\xf5pp\xf0\xbaJ%7\xa9\xd5\x12\x9fOh\x04\t%1\xf5\xa3\x83\x80\xa6\x04\x81\xa9|\x16&amp;\x06\xbb\xf6\xa9J\xbd\xc2\xbd\xba\x08\xd5\xc0\x82i\x89\xa4\x16&gt;\x7f\\\xe7%d\xf5\xf11\x89\x92\xbc\x8a{\xb1\xec\x0c\x06\x83\xc1\xa9\xad\xe5p\x18\xc5\x7fn\x95\x98T\x84W\xa9\xe3\x93\x92\xb2\x02\xa1\xc3m\xaa\xec\xea\\\xde@T\xaf\x8e\xb1`D\x84\xca$\x11V\xd7\xb1cc\x8bSnr\xb9w\xef\xc6%\t\x04\xa9II\xd9q\x9c\xc2|\xa3O.s\xe1\xa4]|1j\xfb\xb9*J\xec\xa2Wm-^`\xb1\xc4,\xe9UT\xe8J\x97\xca\xe4\x9b\xe8\x07\x938q\xa0"\xd0\xe7\xca\xd4\xccL\xc0\x12\x08\x92z\xe7\x7f\xc87\xda"\x04\xe2\xb2\xc0\xc2\xb2\x9c\xb3\xe15J\xecR\x04\xb7\xad\xc9\x0e\x07\xcba\xb18X\x10p\xb9Mhd7pj\xb3KrhH\x99H\x1a\xbb@ \xc8\xc9)\xe9\xedE`\x13j\xa8z\xdd\x14\xf8%\xf2\x0fO\xcf5Q\x81\xd5\xb4\xbf\x93\x0eX\x0e(*\x9c\x90\xc9\xd5h|\x9c\xde\'Z\xad\xb6\xa5\xa5\xac\xa5\xac\'\x8bF\x13\xd8\x01/+\x0b~z\xf2\xa4\xb7\xb6\x16\x0c\x13\x9a\x06\xbb\xc6\xa7,|\x8c\x15X\xdc\x1c\xa0\x02k`\xd5\x9aLbI\x95\xce\x88\xda&amp;\xeco(\xac-\xd1f\x95\x95\xc1\x1fRO\x0fMC#\xb1\xe0K\xcb\x93\x07\x0f\x1e\xd4\x92\t#\xba \xf9"Ll]qS\x10.^p)\xea\x0f$\x96\xc3\x1f\xb1M\x18\xfb\x1b8\x9cc\xac\xb2\x16\xb0\xab\x07\xa4\xd1 \xb0\xacc\xae\x96\x97\xc7\\69\x81\xa3)\xb2B\xe1e\x05\x05\xa5\xb5\xbfs\xe1\xe2\x9f\x80\x8a\x8f;m\x13\x93\xe0\x15\xf4A\\INK\x16\x0c\xb1\xa5\xa7\xa7\xfbw\xb0c\xac\xbe\xb2\x9e\x96\x97/\x1fp\x1a\xd8\x13j\x99\x0br\x8f\xb1\x9c\xd3s\'\x7f0\xd2\xabV\xdf$_\x84\t\xea\x94.d\x16\x84\x9d\xc1\xe0\xc6%\xe5h[ T4\xc0\xaa!U^\x9e\x85\x84\x18\x05\x82\x07\xb5\xdf\xb3\x8d6\x15\x89\xc5\x14/nR\xd0\xa8\x03\xb0\x87p\xa1\xd2\xe9p\xd8\xc1\xffb\xc5\x95\x08hZX&gt;\x8d\xa6\xbc\xa6\xa6\xa0\xa6\xa0\x1cD\xee\xa5\x066S\x90\x14\xc7\xc9`\x0b\xc9)b\x98\xf8p\xf5\xe4\xb1x\xeep(\x19\xcec]\x97W\xa6\xf6\xc1\x16fp8\\.\x17\x15(-5\x15\xfaJ\x93\x86\xa4I\xd3\xa0\x8eHJ-\xfa\x9c\xfa9\xb5(\x8e\xcb`W\xabe\xd0^\x0e\xc7\xf3\xc3\xd5\x93/T\xfa\xf2F\x80\tG\x8e\xf2\xe1\xa0\n\xb0\x84u\xe8\xac!\xb1\xec4;P\xa5\xa5e\xa6e\xfe\x15\x81i\xec\xf6\xd4\xa4\xa2[\xa0\xbbw\xb9_\xb1\x94\x0e\xec\x15\x05Xt\xc5\xdc\xb4\x01\xb0\x94$\x96\xa4\x02\x0e\xc1\x06\x06\x07Q\xd1\xca\xbb\xcb\xcb\x0b\x90\x80\xe9o\xf0\x01\xf1\xd2\xd8S\x8b\x00\xaa\xb4\xf4\xe6\xcd\x94\xbaj\x89\xcc\x0b\x0fF\xd8\xab\xc8\xca\xc9cun-\xb2\xa0Iu\xf8\xc3\xc1\xd1\x98\xbc\xbc\x8a\xea\xfe\x0cN6\xad\xac\xbb\xbb\xfbin\xee\x8dk\x1d\xf7Am\x05mm\x1d\x1d\x1d5\xddh%3\x01\xac4%%\xf6v]\x85\x9c@\x87\xa32\xb4}\xf2XM\x9b\x8b,8\xdet\xf8\xe0\xf5\xfa\x18DU\xd8\x9b\x93\x03\xad\x05T\x0b\x0bz\xfd\r=\xbc\xee\xb7\xb5\xdd\xbfv-7\xf7)*\x0b;J\x16\xf7fq]\x9d\xd0\x84\xcel\xe5\xab\xc8\xc9c\x9dk\xda|Cby\xaf\x8f\xc6\'\x02VF\xaf\x16\xda\xc9\xe3\x99Y\xd8\xdd\xdd\x1d\x1b\x1b\x01\xe9o\x90jnn\xce\xf5&lt;\xed\xa6\xc1]\x02\x12_\x1c[\'D\'#\x8e?\x8fl\x0f\x9c\xbc[\xab\x87\x10[\x8b\x8e\x18\x8d\x07\xb3Z\xab\xd9\x80\xd5\xd77s\x00P\xbb/^\xbc\x18;&amp;\x1b\xd1\xeb\x9b\x9b\x17\x16\x16ff&lt;}Pg9\xd9\x8cbv]\xb5O\r\xe9\xf2R\x81u\xaei\xd5\n\xe5\xa3\xc4e\xf11\x80U!4\xe6\xcf\x9b\xcdO\x00\xcd\x93\xbb\x80\xb8\x10\xd8\x18\xbc\x8f4\xe7\xe6zf\x10\x16Pg\x95p2\xfa\xeb\x8cF\x9f\x89\xf0\x12\xcf)\x18"\xbds\xf5\x90\xcf\xc7\xa1J\xd5111\x8f%j\xb5\xcf8!\xac\xc8\xcb\xcbk\xe7\n\xca\xaf\x8d\x90\\\x88n\xb7\xb9\xc6\x9e\x14\x97m\x06\xbd{\xa75\x17\xb2\xefU\x1b\'\x8d&gt;\x15A\xfc\xcbJ\xc1&amp;*\xb6\x16q&gt;\xee\x82r\x00\xac\x98x\x95Le\x92\xcb\xeb\xebGG\x7fll\xbfS\xd91\xf6\x95k\xacYs\xb3\xfdQ\xe2c\x89O\xd8\x9f_\x98\xdf\x7fO(\xac\xee\x9f\x84\x8b\x97,BE\x9d\xf2\xf6w\xfcJ\x97S\xae\x96$\xc6\xc7&lt;~l\x92\xab}\xf0HQ\xdd\x9a\xd7\xd8\xf8\xa8\xbd4\xed\x06\x9a\xe1\xd8\xc8\x18\x98U\x94\xf0\xa8\xf1\xc7z\xf4\xd8!\xf1\x81\x9d\x15\xc0e4N\xd8\xe4\x11*\xceD\xc5Z8\xa4t\xc9L\xea\xc4\xc6\xc6\xc4{\xec\xfc\x1f\xcc\xef\xde\x9b\xe7\xe7\x87\x1ab\x13\x12RnU\x16\\\xd3\xa3\xc4\x8f\x8dt\xd8K\xdb\xaf\\\xb9"\xb1\xa9A\x12\t\xc2BI\x04\xbf\xd4\xd3[\'\x7f\x83\xe0\x05\xc3!\xdc)3%&gt;\xfa\xf8\xf1Yi\xaa\xb6\xcfs0\xb3^\xa6\xd5\x96\x0c\rq\xb9\xb7*\xcb;Pq\xdd\x18\xd1\xd7T\x96~\x1b\x1b\xcbf\xe7\xe7\xe7\xb3\x0b\xcdfFBB]kEk\x1d\xdc\xbb\xac;s\x14\\\xe6\xddK\x11WD\x15\xff\xe8\xd9\xc7gw\xbe\xd3\xd4xf\x0eP\thK\x18\xd9\xdc\x94\xd2"\r\xb8\x05Xz}[\xe5\xdd\x14\x06\x873\xd4k\xce\xd1\xf6\xcd\xcct\xc7\x952\x8ao\xdf\x8e\xcd\xe8\xffb\r/\x9f\xfc\xbd\x86\x0e\x17\x1bgD\xae\xbe\xf2\xec\xe3\x9d\xef*+\xed\xdd\x1eO\x96\xb6L\x9b]\x12;\x94\xd0\xfem\xa9\xbdC\x8f\x9akL_PT\x9a\xc2\xad-1\x9bK\xc0P\x0f\xd4jR\x1c#6\xa1\xb8\x90-\x9cXqS\xf18\xb6r\x18Q\xc9%\xad\xcf\xfe\xfe\x97\xa2[wRR2\xfeC\xab\xf9\xbd$\xd6\xe7q\xfc\x01/\x84\x83p\xe4(\xd81\x04Eo\x0exT\xd0v\xcc\xe3\x0ff\x90\xea\xd1\x8c\xca5SD\x1bM\xc9\xcal\x05\xb5\x19b\xca\x18V0\xc9\x99h\xbb\x18\x85i\x84\xda\xab\xa4\xa1\xba\xa8m\x88\xf1y\x1e\x9e.\x9aZb\xa2\xa0\x98\x9a\x19\x96\x98e\x89\xb9\x1b\xa8.\xf6\xf3=\xf3\xcc\xee?p\xfc\x12D\x14\xf4\xea\xfd\xfd|\xdf\x9f\xf7\xe7\xdb\x97\xf0\xf7\xfa\xfb\x99\xb661\x1e\x8dZC\xcen\xd6N\xbbU!\xb9\x15\xa6\xd8l6\xb9\x18\x06\xae\x14O(\x14X,n\x88\xa9\x95\xf3\xae\x06`\x05\x7f\xfd\x07\xc2\xa2\xf3\x1f\x96H2\x1a\x8d(\xd4&gt;\xdf\x93\'&gt;E%\x99\x04.\xb9\xd9\x19\xef\x80e\x82\xd2"I\xc2o$\x08\xc2o\x9bx\x9e\x92\xa1\xbe\x08X\x02\xff\xc4E\x03\x062\xfe\xc8\xfa\xc9\x14Lat\xccB\xc6"\xd8\xec\xec\xfd{\x0f\xa6\x1e\xdc;\xd9\xdb[1&gt;\x8aD\xc9\xd1\x90\x0b\xc5@Wb\xd4J\xe2\xfe\xec\xa2qlVDGb\xb8\\\xeev\x0b\xdc\x02\x81[|\xd9\x90i\xbf\xe9\xcd\xce2\x8cat\xac?BKg\x9f\xfc\xbcp7\xf5\xa7??8\xd9\xdf\xdf\xdb$\xa2\xd1\xa55\xa8\xb8\xf9\xf9\xbe\xc4\xe8\xa8\x15\xf7/\xee\xed\xef\xb5\xff\xe5\xe9\xacHT\xad\xe6\xa3\xa4\x05\x12\xa3\xdbv&gt;\xd9\x90\xab\xa4g\xfb+Sj5(\xf0\x1dk\xe5\xf8\xa4\xfd\xc1\xfd\xbb\xcb\x9d\xbdJ\xffw,\xc8\xa6}\x85Q\xab\xd5"\xd6\xfe\xe7\xfcr\xf9\xe9S\x8c!\x02_\xab\x81&lt;\xe2\x92\x84\x8f\xba\x1a\x825\xf9\xae\xb20\x87\xd1$\x8e\xc7h\xdf\xec\xbd\xe5\xcd\xe3\x13\xe3\xca\xe6\xf1\xa6Q\x11\x89.\x01\x96\x0bB \x8b\x85S\xc9\tt\xfd=V\xd9\xd3\xc6\xbe~\x05\xbdp\x8b\\\x929j\x80Z\xfc\xa6\xa6\xae\xf3M\xc5\x1c\x16!I\xa8-Z\xd1\xb3R9^\xac\x80i2Y"\x86\xd4*\xcc\x0fvw\xccCiY\xc94\xc1TV\x96\x97\xe1\x07\x88@\xb5\x1aX\x82\xbf\xc4\xe2\x96}{\xcbum\xf1\xf9\xad\xc1\xc9\x97\xfbF\x91\xa83B\xc2\xef\x8dB\xbd\x88\xa7\x17\xb3\x0c#\x9e\xb6y-\xd1%\xd2\nj\rvw\xd7Pm\x91$N\x19\x87\x86\x8c\xc9\xe3$E\xe7\xa1\xb6pX\x16\xe1\xcd\x05\xd7-\x91?2Y?\xbf\\\x84\xe4\xd0\x82\xb0@\x91\x92dZ\x0f\xc34O&amp;S\x8e[\xadr\xbb}\x14\xa9\xf5\xca\x04\xbb\x08\xdf\x15\x08\x18\xa3\xb1\x92Mf)\x10\x92\xc4-\x160Tw\x86s\xb9\x9a&amp;\xd7/\'\xb2\xc3\xd2\x16\x9f\x88&amp;\xd7F\xed\xe3\xe3\xe3\xcd&lt;H\xf1\xcfS0I\x80@v{\xa1\x90\x98\x1f|\xf1\xd7\xc1\xab\x02T\x17t\x1fp\xd3\xc5\xde^\xbdN\xe2\x96\xcb\xe5\x02\n\x07\x01\x05mG\x1c\x07\x9b`\xfd2\xe9\x15\xc70\xccW\xa5\xd7\xd6\n\xd0|4\xce\x94a`\xcb\xe0Q\xb9\xfa\xfa\x12\x89\xc2h\xa1pU\xfbrz\xfa\x05\xb0@/\x89P\xa7\x87p:\x01\x89^)\x84@O\xe1\xfd8E\xcd\\\xd69\x8d\x10\xfc\xc9\xf3cJ\xec&gt;\xacV\xb1@\x1e\x9a\x8fK\xe54y\x80j \xae\xea\xeb\xeb\x03\xb7* \xb1X\xac\xf9+\x80\xb4\x9b\x95BV\xcd\x81\x81\xb2\x13&amp;~\x84E\xf8\x0f\x0e\xb4\xe7\x9czD\xeb\xdbK\x9dER\xfaP\r@\xe8\x03\xacy\x93)\xceR9]!D\xd5\x97`\xc5z\xf5\xe2\xf4E\xed\xea*QH\xb84f\xb3\xd2\xe9\x00\xac\xb8\xc3)C\x17\x11\xfd\x84\xf1\xe0@w\xf9\xb6\x95C\xb9F\xea\xab\x14.)\x1d\xe6\x03\x81*\xc2r\x99&lt;q\x83\xc1\xe0q\xe4\\.\x95i\x1e\xa0X\xac\x17\xa7,V\x01ai4\xb0\xd1\x9e\x0e\x98k=\xcef\x89\x05\x7fD\x18\xdf\xbf\x17\xacrz\x18\x83\xf5U2*\x07\xacj\xb5\xba\xb4\xb6f\x87\xd0\x07\xe3M\x8a\x97S\xe6\x9c\x9eA\x15\xc2\xba\xba\xaa\x01\x15*.\x84\xa5qz\xd0\xe8o\x1a\xec\xe8\x1e0xd\x90! \xce\x1e\xbc\xa7&amp;8u\xfa\xe0\xc5*\xa9\xcb\x8c\x1f\x06\xaaR\xa4\xd6\xa8\x19\xb6\xc7\x90r\xe4r9\x95\tB\x03\x94W\xad\x06\x95u{{z\xfb\n\xedb\x9f)\x1e\x1f4\xa1\xfb\x08S\xf7\xc3\x81\xb8F\xe8\xa6\x00\xeb\xee\x80\ns\xda\x17\x83G\xe1\x99\x89\x94\x90\x0c\x04Z\xa0\xc3\x01\x96\xb3l({\x1cN\xa7\x1363\xee\xd1\x80\x8fv&lt;~\xf8\xfa\x16\xd6\xe9\x97A\x04\x147\\\xa3\x1fpx:\x1e&gt;|\xac\xfa8.\xa7\xfc\x95\xca\x81_\x7f\xc6\xa5u\x05\x8f\xbc\xba\xe7aaI\x1a@jEGC\x1a\x07\xba\xf6sx\xe2\xb0\x99P&lt;\xf1\xb8\xc3\xa5\xea\xf8\xdb\xed\xeb\xd7\xb7\x0fk5\xe0R\x99\xae\xaf\xaf\xcb\xa9\x0c`uw\x0f\xd6&gt;\xee\xca)fsF&lt;\xc3[\xads\x8b5\xd3\xab\x13\x96P\xc9\xe7\x97\x96\xacv8e\xa0\x15T\xd8\x00\x94\x0e8\xaa5\x1fXr\xb1i\xbeV\x00_\x83\xe4U\xbe\xbe\x86\xc0\x0c\xe0\x8f\x1f\xd7\xe6?\x01VeSg\xd3\xa6V\xeb#\x1c\x9e\xc4\x8b,\x05]\xcdBc0\x14BX\xb0\x87\xa0\xd6\x9d\xb0\x93`\x12\x06\x87\xd2\xbcV\x85\x9c`u\xa9\x06\x1f\x9b\x12\x1f~\xff\xfd_k\x1a\x13`\xad\xc2\xa9@7_5\x08a\x16\xc0\xb2\xe9\xb5eN\xb1Z\xeb\xc7iL\x1a!c-,\xd7\x9a\x95\xe5\x82\xba\xdf\xda\x02\xbfT\x86BBI\xc8\xac\x04GP\xf5%\xd6`^Kh4\x9ek\xf6\x9b\x0e\x87J5\x9f\xd8-\xe1\x04\xa8%\x98\x91=\xbf\xe0\x10\x8b\xffrO\xe1\xc3\xe8H\x04a}@\xd9\xcan\x969S\xe8j\x0661g6\xe7R)\x872\x94\x80\xd5\x07\x1d@\xa5AX[gg[\x86\xb8\x03\xba\x13\x84\x1d\xfc\x91qs&amp;\x92\xb7f\xb8\xc4\xfair\x7fH\xadP\xd0-\x98\x8f\x95+j\x95K\x9ay\x0e\x03\xbb\xca\x0e\xb0/\x87\x03\x1c\x0cy\x95F\xe3tj\\\x1a\xd4\x04\xb6\xce\xa0\x0f8r!;D\x9d\xfeG\xc6\x8a\x98\x0eD\xb9\xc5\n\xae\xdf\r\xad\xf4\xa8\xd5\xa2Y\x11\xea\x8aQ\xd2*\x17*y\x8eT\xaa\x8c&amp;A\x1e\x0f\x1c,\x07M\xd2\xe0\x81\xfa\xd7h\x94\xe6\\y\xe0\x9a\xbd\xe7\x8a;\x94v\xb9\x95\x8c\xf5\x0c\x01V,bMq\x8a5\xf2\xdb\xc9\xca\xca\xb2Z=\xf6\xb3H\x84\xb0\x80\xcb-l\x86v\x9cI\xa52&lt;\x19\x8f\xd7\xac\x84\x03`(\x97\x11\x16D0\x1e\xc4\x0b\x03:\x10e\x87\x0eQE\x10\x16\x85\xcb\xcde.\r\xe2\xa7\xa6g;+\xc0\xb5\xbcp\x1fa\xb1\\r\x89D.\x91e\x00\n\xf0\xe0#\xf3\xdcpm\xb8\xf6@`\x80%\xe3\x95\rq05hP3r&lt;\xcdb1\xa5\xd2\xb8f\x95\xd3\xa1\xac\xa9\xeb\xdd\xc9\xdd\t\xac\xe51Q@\x9a\xcf\xd3(5[,\x12\xbd\xb6M\xabo\xd6\xe9t6\x19\xe4\x18t\x93\x0b\x90B\x94\xb6\xe0+\xe4l&lt;\x9d\xc0\x92N\xc3\x08\xd7_,\xbaww?\x9e\xbd\xe52\xd9\xf0G^\xfe\xba\xb3\xb3\xbf\xbe~\xbc B\\4\x1d\x8d\xc1\xa4!\xb7i\xb5&lt;\x9bN(\x14\xea\xc0\x94`?\xc3 \x1e\xfb\xb5\x8d\x07\x87@\xa9\xcc\xc9f\x04x:\x9d\xa6\x0f\x87\x8b\xbb\xa5\xdd\x8f\x03\x1c\xe7\xd3\xa6\xe0\xcb7o\x9euM\xbe\xbbSc\x01,\x0fzEb\xb1\x98@?1\xa1\xd5\xdb\xf4\xd3\xde\xe9i\x1b\x8a\xf6\xdb\xe1m\xbd\xdef\xf3"\xf5r\xcd\xe3\xa1f\x9d\x18O\x7f\xee\x8c\x00\xd6\xee\xa7]\xe7\xd9\x11\xa7y\x8b}6\x19\x0c\x8e4\x8d\xbc\xd9[\xc60\xa9\xf4;\x17)\xd6NL\x84m6\xbd\x97\xf1z\xbd\xd3\xdb\xdb\xdb\xd3\xb0l\xc9l6\x9b\xe4\xc11\x18\x1f\x17J\xa8t\xe7\xe7\xcf\x9d\xf4a\xe9S\xe6\xe6\xbc\x11o\x18\xd1\xcb\xe5\xd6g\xbf\x18\xa5\x88K*m\xa1#\xb8\xb8W\xab\x17[,~\x82\xa0\x8a?\x16Sd\x18\x98\x1d{3\x80\xe5\x96\x08\xf0\x08\xc2:\x8c\xedn|\xab\xbf\r\xb66\xe6)DS\xd7?O\xd4"\x16\x0b\xe4\xc2\x99\xac\x97\x8a Jz\xf8\xff\xabG\xa1X\xe81\xda\xb4&lt;\x9d\xdb\xed\xb6\xa4;;a\x13\x0fK\x99o\xf5\xae\xd6F\xbd\xfe\xe1\xb7\xfe\xb6\xa7\x10\xfdP\x8b\xf03\xfe\x18V\x9d\xadb\xf40A\xfcAEKE&gt;\xdf\xd8\x02c\xd3I\xe4%\xb7%\xd2\xd22\xf7\x99\x8e\x8e\xdf\xd4\xbb\x1a\xf8\xb4\x0c\x0c\x8c\xc5\x02\x89\xe84`1\x04\x8daX\xa4\xf8\xa3\xb0\xbcE\xa2G-\x12\xb5+(\xb1\xd8]*\x95\x88\xefXd\xeah\xb2\x91/*\x9b\xba~\x19\x12\x89\x80\n\x93\xb6\xa4q?\xe3e\xa8\xfe\xfe~oxcuu\x83]m\xe1\xacq\xa8g\xa5\xc20\xe2b\xa9T\xc4\xe99Xt\xe9\xe6ek#\xdf\x95\xf1G\xd0E\x04\xfa\x87\x01&amp;\xed\xecg\xb2\xd9\x19\n\xea}\xbam\xe3\xe6\xe6\xe6;\xd7Fx\x9b-}\xb7\x00\xfd\x17*\xdd9\xd7&gt;\xb5 \xf5~\x9bl\xe8\xeb@\xfe\xc8\xbb\n\xf6\x07W\x0b\xce$\x93^?E\xe0\xc5\xed\xf0\xc6\xffVx\x1a\xa0JE\xb7\xd8\x8f\xa7#P\xf0\x805\xb7x\xd4\xd5\xd0Gx\xfc\xd6\xf5\x13\xc0b\xc1\xa4p\x12\xb3^1\x8c\xcc\xc3E\xe4Z\xd3\xdb\xe0\xa7\xdb\xdb\xc5\xd2\xf00l\x1fL\xf8p\n;;\xd5\xed\xedS\xea\xb6\x8b\x91\x06c\xfd\xfbxN\xe4\x13\xb1di\x8a\x11\x8b\xbd^\x01N\xa2#\x08\xae\x1f\x1b\x8e\xb1\x9fq\x81\xa0\x88,\xab\x05\x96\xba}\xac\xbds\xaf\xde`\xac\xa67\x7fW\xdf\xf3\xfd\x97\x97\xbb\x0fi+\xcb\x02\x00\xbe`Lb\x88\xe4\x93U\x13\x82y\x95\xdadMj\xd8\x10\x13Ic&amp;\x9a\x18\xc2\x04\xe5%R\x9f\xe9\x17\x18\xaabm\xd4\x854\x13\xfc\x9c$\xa5.\xb6\xa6\x90`\x11l\x1df\xab\xd6\xfa\x9fR\x95N\xb5\xad\xb6X\x8d\xadR;,\x96\xc1ufP\xa4K\xa7\xc3t\xb6\x03\x03\x1d\xf6\x9c\x97\xce\xc2,\xdd\xdd\x99m\xe3mi\x8b\xd0\xf6\xe7\xb9\xe7\x9e{\xef{\xf7\xa6F\x8f.\xa7\x9f\xa7\xe4\x8a!^\x90D^\xf5\xb9sX7\xd4\xa8\xc2a\xe8VR\xf8\xfeL\xd7g\xd7\xfb\x88\xad\xf9\xe2\xd4\x9e\xf0\xcc\xbe\x7f\xabKo\xb1\x80\xab\xa6F\xe2\xa5x&amp; \x88\xb1#y\x14&gt;\\\xcb\x01\'\x17\x9a1j\xe2\xf9\x91%A\x16\xb9u7\xd5\x07\xae\x87nuY,E\x96\x1ah\x1c\'E\xe5\xf0\xe4\xe2j\x8d&amp;\x04\xb6P($\xe6\x86\xcc\xe6\x10\x9dn\x8d~\xc2\xf9\xb5N\xc7\xe1\xf8\xf4\xf6\xe0\xca\xddT\x1f\x03GVQoQQ/\xb2\xfc\xbc\x9c\x1c\x938d\xc6e\x03\xac\xba4\xa1\x90F\xab\xd5\x84\x90U\x07st\x9fN\xc2\x11\xf9|}\xc1\x95\xf6T\xb3.n\x00\x0bT\xc0\x12\xe9\xa0\x17ynX\xf4\xb9\\\xf4\xa1-\xd0\xb9\n]\x18.S#\xe5uB!\x85Q\xeb\xf3\xa9\x84+\xed\xbfK5k\xa1\x0bT\x0e\x87\x03\xfa\x91\xa3\xae\xe3\x99\xb8\xc8*\xc4g\x7f\xe5\xf4Q\xaeB\x0c\x17\x0e\x02]\x1f\xbe\xa6E\x96\'\xf5\xac\xf6\x9fY\x8e\xde^\x11Tz\x1e\xb7Z\xa3\xad\xc5\xa3Q\xd8\xce\x80Jk\xd6\x88MB\xca\xd9\xe7K\xd6\x11\x9f\xea\xc6\x17{\xc2\xb2X\x1co\\:\x12\xe6k1\xfd\xd09\xd9\xce\xd4B\x9au\x8bMu\xea&gt;_\x92%\xb1\x03\xabb\x0fX\x16\xbd\xbe\xd7\xd1\xd9\t.\x1c\x8cB\xa1\xd0\x08\x8bfz\x05\x01kT\xfcE|\x1e\xd670\x04a\xb4\x8a8*\x953\xb0\x07\xac{q\xbd\xcf\xf7\xc6\xe5\xa8\xb1\xab\x08\x92\x00\x9a\x07\x96\xa5J!,\xbb`\xea\x86\xb5\x17\xad\xb2@89\x12BE\xec\x01\xabbe\xd8\xd7\xa7\xea\x13\xf5vF\xe8\x80\xe9\xf5&gt;\xbbJ\x15\'\x86\x87\t\x95\xca\x0e\x7f \xe2qBe\xe7\x88\xf4\xc0\xaa\x11I\xd4$\xe1m\xde\x0bV\x03GG\x10*=\x84\x0b[\xac\xd4\x01\xb9\xa6\x87f\x81\x81Pd\xd1_\xaf\xb9\xae\xc7\x13\x12XF\xa0\x93I\x92 \xfb\x1f\x1fO=+\xc8\xd1\xf9)RU\x03\xae\xe4Q\xef\xfcX\xe9\x85\xd2\xd2\x0b\xb1\xfc\xd6\xaa\xfc\xd8\x85X\xac\xb4\x14\xeb\x1a\x1a}:\x92j \xa9\xcf\xf7\x82\x05\xd1\xf2\x07)B\xe5s8:#x,~\xa0\x8an\x03\x03\xd7\xae]\xc3?\x7f\x00\xb0\x17\xb4\n\x07D\x03A}\xf4^\x1f\x88\xfc\x07\x16\x89\xac`\xc3p\\oq\xc4b\xe0\xba\xf6\xcb6P\x95_J\xd7[_&lt;\xe81\x1a\x80\xf5\xe0o\xc5)V\xb1 Zv\'\x19\x1c\x19\x19i\x18\xb6[\x1c\xa5\xa51:`\x18\xb2d\xb8\x06Z[c0\x16 \xad\x82\x9e\x90\xf1\xd1\x93\'~\xde\xd6Pq\xca\x0b\x04\xb0\xe2\r#\x06\x83add\xd8\x8e\x89^Z\n\x19V\xd5J_s\x00\x16\x9e\xec\x07\x95\x84\x80r\x16\x08!K\xfe\xc3\xdd\x94\xdf?\xba\xb8E\xf8T\xe4\x88ap\xd0`\x18\x8e\xdb\xedP\x9e`\x08B\xd0b\x91\x08\xf0"\xb1N\x1c\x9az\x89Zh\x0c\xc0\x92\xc2\xb3G\xac\xa1[*Q\x1f\x11\x04\xd6\xe0H\x03\x96*h]\xf1x\x97\x1dx\xb8&lt;\xf4A\xb3\xf7\xa9\xd4\xb0-2w\xf3\xb3\xe4&lt;\xff\xc9h\xcaY,\xd6\xfc\x03N\r\x07X\x86AC\xb0\x81\x04\x17\xd4\xd2\xe0\xe0\xe0\x8d\xc1\x91a\x82\x84/\xd3_%\x08Rx\xa3Y+=\xd4b-\xf1\xd7ES\x9e[\xacS\x8f\xfb9"\x89\x17\xfe\x7f\xa3\'\x18\x0cR\xa4\x93 )\xc3\x8d\xfe\xcf\xfb\x03F\x8f1\xe0j\x0e\x0cz\x84\x94\xdf\x1b|t\xc3\x95\xf6\xe5\x97_}u;\xa7\xae\xee\xbd\xbe\xbbx\xfb\xaezK(\x918\xe9}\xbeG\xa8\xf4\x08\xfd^/%T\x1a\xfbkk\xfb\x03\x81f\x17\xae\xb6\xc4\xe8\x02V\xb3\xec\rK\xedJq9e\x9d\x9a/_\x05\x16E\xb3x\x1e\xd8\x0bz\xbd\xb0\xcd\xe0V\x9b\xf1tzaa\xb9\x0bX\xb8\x9fVzB\x1a)\xaa\xa29^\x89q%\xa5\xc9\x05\xaa\x1f\xcf\xaf\xfe\x1c-\xaeR\x0c{D\xefI\x1e\x9eU\x11\x9bk\xcb?*/\x84`\xf1\xb3\x90\xc5\x05U\x1eD\xebv\xb4N-\x11&gt;x\x9c\xc2\xcd~v\xc5\xfc\x8f\xaf_o\xe2S\x11|\x86\xc4\x15k\xcc!\x13&gt;t\x06\x87\xa9\xba\x16\xd6\xa6if)\x1f\xdf\xe5\x97\x94X\xf9\xd2&lt;`\xb5\xb8M\x94Z\xa26&gt;\xf8"5\x97\x99Y\xd9\xc5\xc7/&gt;\xfe\xe6\xa7\xe7\xdb\x9bGa\xf2QB\x1f\x9a`\xc3\xa3\xe1\xe6\x00\xcb\xed\xc6\xa7\xce\xe5\x7fJ\x93fA\xb3\xd2\xacCy\x07ey|1,\xea\x9d:\x8e:z\xf3\x87\xf9\x8a\xf7~\t\x96\x05\xa6\xfb\x93[7\x7f\xdaY\x7f\xbe)\xe9s\xc2R\xd9\xe3\xe1\x9aa\xaf\xc3\x97\xe7\x00+\xcbm\xe2\xb9eg\xd2\xa4r\xb95\xf9\x83\x8f,i\x88+\xa4(\x9d\x8a#\xd9|\xfd\xf7o\x1e\xcf\xb7\x9fz\x8f\x1f\xc8\x80\x81\x1aZ\xbb\xf54\xe1{\xbe\xb3\xb3\xbe\xbb\x8d,\\\x8f\x8aa\xf7\x95&amp;\xb5\x96\x94\x94\xc8\xb3\xf8\xee\x1c\x934M\x96%\x7f\xe3\xc2`\x01\x0b\xcf\xe8\x92\x12\x89ds{\xee\xbb\xefn&gt;X\x99\x1d\xaaxO0\x16\xab\xb8\xfd\xfe\xda\xe8\xf8D\xcf%\xc7\xdc\xd2\xd2\xfa\xdc6\xa7/N\x92d\x83R\xac\xd1\xa6\xa5A\xb8h\x16?\x1auCM\xc7;[Vh-\xa0:xS\x03,\xd2\x9bd--\xbd\xb6\x0f\xffuc\x12`\xacw\x87e\x1f\x1f\x9a\xbc7\x9a\x08\xffel,=2\xb7\xf4\nX"\x98\xaaa\xc9)\x14W\x9b\xb5i\x1fK1\xc5\xddnw4\xe7$d\xbf\xbb\x85\xcf\xe7\xb7\xb4\xf0\x0f\x1d\xfc\xf0\xc34\x99\xc6\x08,\xc8x\xc9\xd1\xdd\xdd\xa5\xa5\xe7/^\\\xff\xc7\xf8\xe8\xc3\xd9\x8b\xef\xfa\xc4\xb9\xb8bhmc&lt;\xd1V\xb9\xaf~jj\x7fd\xee\xd5\xab\x9d$\xab\x81$\x1f\xe1--\x17\xbe\xf2\x814w\xcb\xa3u\xe7\xce}R\x92\x05\x03P\xca\xc7;\x07\xf86\xa8\xdbh\x08\x92\xab\xc0\xfatqwg\xe9\xf9\xcc\xf4\xf4\xd5?_\x1f\x1f\xbd7y\xf1\x1d\x9e:C\x9e\x0fMn&lt;M\x08lS\xe9\xf5\xf5\xb6\x03\xfb;\xd7\x93,_WC\xc30i\x08\x80\xca\xe5J\xbe\x8a\x12\xbb\xdd9\xab\x9f\xe4\xb8\x11$\xc3WQ\x85\x85\xf0{\xb5Q\x18l\\]Us\x90\xb5\xf3\x12Yw\xae*&amp;\x12O\x17\xb0/\xb3\xff\xdf&lt;\x7f\xb6\xf0t"\x1c\xdeg\x9b\xb2]\xa9\x1f\x9b\x02\xd6\xd2\xab\xa5\xf5m\x91\xde\x07\xfb\x1bB\x18\xe8\xefG\x97\x16X\xb8c\x95\xf3\xf0\xe5\'\x84\t&lt;4K\xdb-&gt;\x8f\x8f\xc5WWE\xdf&amp;Y/\xd0U\x90\x9b[\x86\xb0\xfb\xbf=\xfb\xb3\xb3\x8fC\x9e\xdf\x1aOL(\x18\x97\xf6\xd9l\x07\xea\xaf\x8c\xd9&gt;X\x04\x16$W\x8dE\x8f[\xb0`uss\xb3\x16\xb6\xf6\xb8i\xd5j\xbb\xb3 \xc1\xb2\x92\x9d\x07,\x9a{\xfe|#\xcd:\n\xac\xa5d\'\x02+\x83\xadP(\x12\xe3\xa3k\xf7\xa1\x92\xb1~[\xe5|\xb6\xb1\xfcYG\x9b"\xac`2\x7f\x9f\x99\x9b\xcb`T\n\xf2\x17\xe7v^%\xc3%R;\x9d\x94X\xa31\xf7\xf7\xd3W\xeb\xba\xa1\xba\xbb\xe5\xd6,~\x9e\xec\xe34\x99LV\x0b\xb1\x82bz\xfbv\x14T\x92s\xaf\xe7\xd6wh\xd6U`\t\x04\xe9\x95\x95\x95\x8cp\xc7g\xcb\xf7f\xdb\x7f5,\xfbT\xfb\xecC\xa8R\x13ma\x06C\xc1NO\xdf\x97)\xc8e\x94!k7\xd9\x8b\x1c;lJ\xfd\xc2\xacP\x88v\x05\x06\xab\xa5\xf4\x9ccm9\x84\xef\xea\xa0\xa5\x01+Oz\x88f5\xaa\x7f\xc9\xda/H\xb7\x01\x8cI\xc36\x9e\xb5\xff\xaa\xe4\xc74_\x18\x1d\xef\x083\xc2=\n6\x9b\xcdL\xcf8+8r\xa4\xac\xac2=?2\x83\xff\xfa\xfa\x0c\'N\xa8\xa9G\x1e\x98\x9fC\x1a:Zx\x9d\x13\xe6\x1c`\x81K\x06?\xa1\x9eA\xfcZh\x16I\xa87\x91\xb53G\xb3\x04\xfb\xf7\xdbl\xa0b2/)\xc2m\x89\xe5\x85\xc9\xf6\xff1[\xb20Pk\x0b\xcb\x89\x8e6\x06\x9b\xd1\xd3\xc3\xce`2\xd3\x05\xcc\xb3w\xee\x00k\x0c\\\xd3\xdb\xeb/\xd7\xe7\x16k\x08\xaa\x8e\xf2pMr\x9c\xac\xcd\xcd\x01\xfa\xd6\x96[\xded\xb5\x9e@W\x9e4O\x06\xb3\xa5\x06X\xd1h#\x05+\xd8ow\xc1\xf5\x12UW\xae\n2\xf7\x81\xaa\x12\xbea&amp;\x9b\x1dn\x9bH,\xdf{\xf6\xdf&gt;2\x023j\xf6\xe1\xe8x\x02"\xd5\xd3\x83\x9fg\xc2\xce\xc8\x00V\x01\xcd\xba&lt;66\x95\x1e\x9b\x99\x99\x9b[\x8ct\xaa\x0cB\x9e\x92\x0b\xd5\x9d\x9b\x05\xaej1\x9e\xff\x937\x954YO\xe3\rX\x8c\x98Lk\x06\x96;\x1a\xe5Q\x04\xe1\x8b,\xc2\xdf\xc3`\x15\\)\xc8\xb0\x1d\xb0U\x8e\x8d1\xd8\xf8\xf9\x16mlf\xb8#\xb1\xfcp\xb6\xfd\xed\xa3\x12\xd2\xbc\x02\xea\x01\xa6y\x8f\xa2g\xa2\r\xfb\x8fA\xf7!\xb2\xce\x1e\xb9\xdc\xf3\xfd\xf7\xc7\x8ee^\x9d^\\\\lm\xd5\x1b\x8cJ\x1e\xac\x13\xe40\xebH\xb1h\xc9\xddMMxp\xf1\xf4\x89\xc3\'\x92\x1dI\xb3\xacr\x13/\xf8$\xaeo\x8dL/\xce\xa0\xea_\xac\xb22`\xd5\xd7gf(\xc2a:\xf9\xdfR.X\xd8{\xc9z\xd0\x06\r\\\n6D\x98\xc1\x80pe\x08\x04\x7f&lt;\x0b\xac\xcb\xa0:\xf6\x87\xfd\xf9w"\x91\x81\x01G0\x10\xe2\xca\xadMt\xb7a\xba\xd3\xd3\xe0\xe9\x13\xa7\x0f\x03\xeb\xc4a\x9a\x05_n\xb1\xba\xe5\xca\xe0\x93\xaf\x8b\xaa\xaa"\x91\xe9\xe9;\x82\x82\x8c\x82\x82t\xdb\x81\x03\xd0\x89e\xf8}_agd\xe62A\x06]\xb9\xf6\xef\xb38\x0b\x8a\xd4\xec\xc2\xf2xG\xdb\xc4D\x1b\xf6\x1e$\x16\xdd\xd8\x19\xffl\xe2\xfcc\xda8\xcf8n_l\xd7\xb7\xcb]\xebM\xbeh*\xf3-\x17\x9f\xcf\xbadd$\x88\xb4$*\xae\x89S\x13Fa\x11\xa05\xee\x06H\x96\x1ckJ\xc2\x8f*MLC\x95\x106\xb3\x8aj@\xd4\xa4AvE\xc8\x14\xa1\xd1T\x8aT\x82\x94\xd1E\xdaF\xa4U\xed?\xdbP\xd7?&amp;\xd1\x804\x8a"\x12\xe0\x1f\xa4\x91\xec\xfb&lt;w\xd0&lt;\x8e\x8dq\xec\xbb\x0f\xdf\xe7\xfb&lt;\xefk\xe9\xdeW\xf3z\r\x19X\x92X\x1f",\xcb4\xfab\x8d\x1f\x0e\xef\xf9\xb4\xea\xe2\x8e\x96\xc3$\x0fe\r\xa3`{;x\x9a\x9b[N\xe2\x95]t)\xc4\x8b\xf4\xe2\xe1\xc3\xdb\xbf\xfc\xe7\x83\x81\x92\x12\xa3o\xdf\xbd&gt;\xd9\xeb\xc5\x01\x81e\x9b\x8b\xce\xe2\x13E:S\xb4\x1b\x8a}\xf1\xd13c\xe5s/\xd3\x8e4\x04\x05\x9d@\xe5\x81V")\xe5\xf7\xd1\xce\x18\x01]/\x03\x96\x12\xb2\xb1,\xcb0b\x8d\x1d\xaf\xbet\xba\xea\x85C\'O\xfe\x8e(\x0e\xed:\xd4\xd2\x02*(\xd5|\xd2\xc6*u\xb0\xdaw\xe0k\xf5\x01\xa3d_P-\x93T3\xa1\xc9r"a\x99^R+\x93\xc9\x14}\x9e\xa8G\xa4\xb3\xa1(\xcfc\x14\xdf\x04{\xee\xe5\xd7\xdf\x99\xfe\xeb\xd7\xe7\xcf\xdf\xce\x03\xcb\x03\xa5&lt;\xe4u|\x0c*gD\xd1+\xeb8\xa0\x9cR\xdc\xcc\xd5\xd5eYzIcc|\xe7\xdb\xc7\xb6]\xe0KN\x9b\xeb\xeaH\xb0\x16\x16\x0bq\xb2\xf9\x10]\xb0\xb8\xab\xfd\xcf\xedss\x87v\\&lt;\xf8\xa0\xc2\xd8W\x16\xb4\x82\x82j\x99P\xca\x84\xe4\xd4\xb7\xfc\xc4\x05"?c\xf9m\xb0?}1\xcd\xa9\xfc\xd5\xeb\xbf\xff\xe8\xdb\x9b\x9fw\xdf\xce\x03\xcb\xb3\x15\xf8T5\xc0DM6\xd5\xa0\xaa\xbbS)`q\x98\x82n\x94\x94\x0c\x9f:\xbew\xa4\xb36&lt;\xc4\x97\x9d\xd6\xd5\xcd\xd5\xd5\x11R\x9dM\xc6\xeb\xbe\xe7\xda\xbf)\xad\xdd\xf6\xe2O\xcfU\x0c\x18\xa0\xeaB\x98\t\x0cc\xa4x"!R\x123\xb4S\x89\xcfv\xb1\x9f\xe4\x80\xf91\xefy\xe7\xd7\xae\xe9\xe9o\xff6\xfd\x97\xbby\xa2\xaa\xf6na\xf99|\xa2W3\xad`0(!R\x8a\x12R\x14\xc5\xed\x965\xa3$\xf2\xea\x89\xfd\x83\xe5\xd9l\xe5P\xddP8\\ZG\x81\xa7 \x04\xdbP\x98\xaf\x95\n\x97\xce\x9d\x19&lt;r\xf0\xb5\xe1\xd8[eA\xa62Y++\xe8\xc8Ej\xf9\x18\x8b\x8a\x9e\xcf\n\x8f}\x8e\xb1\xd2u\xf3\xee\xd7\xff\xbey\xb7\xdb\x93\xf7\xa0W9L\xd0\x89\xdeC\xd6\x82?-\xda\x17\x03d)\x84\xc2\x0f\xa6\xa9\xc7\xe2{.\x9emmmKV\x86\xc3\xf62N\x04p\x86(\xc2\xf6\xca\xce\xa6\xa63#\x1f\xff\xeb\x0f\xf1\x18\x9ceu\x85\x08\xcb\xb2TU\r\x96\x05MY\x13\xc5\x8c\xc8\xdb\xba0\x96\xed\x7f\x94\xbf\x87\x14\xfb\xbb\xeb\x8f\xddh\xe9\xd1\xea\xfc\xed\xa8XmsUW;XH:\x95\x8d\xa0\xf2~\x1dj*\xe5\x80\t\xb0\x971p\xe0\xdc\xfe\x91\xd6\xb6\xb6$-\xe0L\xa7y\x8d\xe9\xadp\xf8\x16\x82_H\x87oU\x96\xb7\x82\xaa"b\xf4\xe9\x02,`Z\xf6_H\x7f\xa4$\x10\x17\x85\xd7\x01\xc3\x9d%\x89\xf6\xde\xf6E\xcf\xbb\xce\x17\xa8SE\xf3@\xb3i\xec\xfc1[\x069\xd4\x14\xb7\xc0r\xa9r*\xa5\xe1\xa6(\x82\xd5e\xca\x91\x8a=\xdb\xb7\x95\xb7\xb55$s\xc9$\xee\xb8\xe5r\xe9\xf4-"\xca%\x1bx\xbdi9S\x054\xfa\x10\x0ec\x99\xaa-&lt;\x04\xd3\x1d.\xf4\x0b\xaf\x97\xc0|\xe4{\xb2W\xd4\x87\x11\xc9e\xf7O\xa8\x17\xcd\xe7\x1d\x91`E?\x15\n\xb0pD\xa8C{\xae\x04UA\x961\xc1\xc1\t\xd8&amp;\xc6\xf0\x1b\xbfx\xa1\x96.\x0eN\xf2\n\xce6\x8e\xd1\xd1Q\xd05\xd0U\xa8\xe9t\xb6\xf3\xf4\x89\x8a\x80\xa1\xb1!\xdd\x92\xae\xcb$|P\x95t\x89\x04sk\x9a&amp;z\xbd[\\[r\xf9{{]\xf9n\xbb\x81\xc2Y\x05\x96\x8b\xa8|\x19\x1a\x182\x0e\x96$\xa9T=\x96IX\xa8%\xea\x13\x96\x1e\xab\xf9\xde\xf3\xed\xa5M\xb4\xb6\x87\xa9hU\xdbW\xbf!\xb0\x86\\\x03)\x97=z\xf1A\xc5\x80\x9c\x08\x85\xa0\x94\x04*]\xffqd\xdf\x00\x00\x04\x9cIDAT\x97\xec\x10$V\x1fG\xf3:j9\\\x1cQt}\x97\x18\xc5\xf0\x17\xed\xee\xee\x85X\xe3\x00\x03Vf\xf7\x15\xda\x15g\xf7\x8d\x00\xf4\xdfMX\x82I\xfd\x8a\xb8@\xc5\xed\x0b\xa6\xbfT\xf3\xe6+-\xb5M\x9c3\xc2\xe2U\xa6_9\x82!\x87\x17\x0e\xbf\x1f\x8f\x19\tX\xbd\x0bZI\xb4]\x91*I2qQ.%\x9d\xd5\xdf\xc2\xf2ory\xa1\x9a\xab\x17\xdd\xca\x1f\xed\xf5d\x90\xc4\xfc\x1a\x14\xf3\x14i\xcb\xb1x\r\xe6\xb7\x91H\xc0\xab\xdd\xbb\'In\xaa#\x01\xadA\xd6H,\xca\xa2lt\\\xaa\xf9\xed\x8f\x7ft\xb4\xb2\x12\xe6\xdaT\xeb\xda\xb5kL\x95N7\xd5n\x7f\xbf\x07T\tz3\xd4\x92e`\x01\x06\x80\xb4\r\x0f\x9e\xe1%\xc4\xb3Y\xf4m\xda+\xea\x1a\xcbG\xc7\xa3\xbd\xfd\xfd\xcbc\xdd\x98#\xac\xad\x15\x8a\xfd5\x8f\x1e=Z\xf8\xcf\xc6\xc3\xcf\xa6z\x06&amp;\x8d{\x98\xd5\xd0\xa1\xd1\xb3\xa8\x12e\xb4\x1e\xfc\x12Rd9\x10\x89_~{\xef\xd1\xca\xdc\xe8"c\xd1\xf5\xdf\xc0Z\\\xcc\xa5\x9b:\xcf\xfe\xef\xdd+\x06}\t\x10\x04\x01E#(\x9a\xac\xa3\xd7\xb3VA\t7UzF-\xdc\x19\xcb7n\xf7\nWot\x1cs\x9f\xe2\xd8\xd8X\xbe@T\x9e\xe5;S\x0b\x1bOW\x96\x96\x96V\x9el\xbc7\x1c\xbb\x01,\x8c;\xc4\xb5\x89\x95\xa0n\xaf\xc8\x81\x00\x9ajUg6\x97\x1b%\xbb_s\x02j\x95\xb7\x0e~\xf0\xee\x15Y5\x15\x1a#\x04x^\xd1D\x99\x9e\xba\x1d*\x18\xc3-\xa0\x08\xc0E]\xc2\xd1\xcbO`\x94JW\x94\xb0\xfc\x1e`\x150\xd1+\x14\x97\xa7\x1e\xae\x82ivvffv}\xe9\xc9\xc2\xfdK\xc8$\xb9\xfc\x97!\xe6",\x93\xb10\xea\xc6\x86\x0f|\x7f\xdbH\xb2\x01X\r\xf0\x94\xc3\xd5\xd0\xd0\xfa\xf1\x07;\xfbe]PBn\x81\xd5r\xbb5\x05\xc5,\t\x82\xea\xd8\x1e\xb5)\xa8\xb0\x97f\xabew/\x9f\xaf\xde\xb6\xbe\x0b\xed\x93\xb9&lt;\xc5b\xd1S\\^^X]Y\x9f%\xa8Op{\xbc\xbe\xf2p\xaa\'b\x18\x96EX\xe0\xd24\x8c\xb6\t\x92\x0b\x02\xc8}\xb1\xe17\x9e?\x83^\x0f\xd33\x15\x1eF\x1b\xda\xa0\xd5\xce\x9a\x80,\xb8\xa93\xe0\x8e\x06\x030\xb4+P9X\x0252\xc9\x94m\xae\xef\xdcUO`\x84\x85\xae0&gt;\x8e\xe9O\xa6\x08\xa8\xa9\x87O\x96\x8043\x7f\xf5\x13\x8e\x99\xd9\xa5\x8d\xeb=\x1d1c\xd2\xd1K\x81\xe5\x13\t;\x8b\xe0\x8a\x81\xeb\xf8Hk\x16m\x82\xa9\x16\x17GsIP]\x8e\xa3\x8bR\xb7\x12p~\x81\x0c\x0emH6\x00\t,\x16a\t\x82\xa61\x96\xe6\xb5\xe5"*\xd2\xcb\xef\xaa.\x10\xd6\xe4\xe4\xa4\xff\xc6\x9d)P\xad\x83\xea*\x85\x8d\x05\xae\xa7\x0b\xf7{z\x06\xc8\xbeD\x03\xbaD\x02^a.\xd9hl\xec\xf9\xc1\xf1\xbd\x9dY\x96\x8b\x8a0\x99\x1d9\xf2\xe9e\x8c8\x9aF\xe7%\x85Pw*\xc4\x12\x08\x84@\xa1\x18~:X\x9a\xd7\xeb\xe8U\x0f0\xb1\xde\xce\xa2\x8bz\xe8\xf8\x1aa\xc5\xa7&gt;\xa3\x04\x12\xd5\x04\xff\x03\xda\xcc\xe3\xd9\xd9\xf5\x95U|\xab`\x8b\xb1\xc7H-\xe6\x02\xd6\xbe\xb7b\x91\xe1\xf7~~l0I\x8d=G\xdb\x08\x0c\x1ey\xe95h%\xbb)pn\xd5N!d#7\xe1Q"\x8b\x11!\xfeK\xd34\x07\xca\xee^\xc0b.W\xa1P\xa8&amp;\xb1&amp;\xaf\xdc\x01\xd5\xec\xec\xfc&lt;k5\x81\xb8zu~~\xfe1b}\xe5\x1f\xff\xbd\x7f\xe7F@\xb3\xb1B\t\x85\xb8\x10\xa6\xba\xcf\x88\xc4:*NT\x1dm\xc2\xc0\x98n\xcaf\xcf\x1e\xfb\xf2\xd4@\xac/E\xe7\xc5;\xbc\x0cF\xd9tsJ\x19\x90\x1fA\xa7S)2\xce&amp;\x95\x83\xe5\'\xac\x02\'q`j\x15\xf57\xcf\x19\x9c`\xac\x89\tbD*\xc1\xb5J\\\xbb\xb5\x10;\xcc\x96\x8b\x87:]/\x81\xef\xe3?i\xa9\xcd\xd2\xd2\x99\xce\xce\xaa\x9f\xd5\xa0\x0b\xa7\x14Qa\xc3\xb3\x87\xdc\n\x93lb\xf1\x0fN%W\xa2\xe8L%\x08\xcd\xfe\xfah\xabU\xac\xae\x07V\xcf\x06\xcc&gt;O\xf1\x1d\x96\xe30p-=\xa1\xafSbWh\r\r\xcc\xe4\x0c\xd9#\xb0\x80c\x07b=o\xbera\x04\xf9\xdb\x7f\xf0T\xbc\xa3D\xd6\x14\xbb&amp;\xdcv\xd8h\xe0\xb4\x7f%B\x05X*\x1a\x84\xa9qw\xe0&amp;A\xf9ds\x89"\xab\xe5\x07V\xfc\xfaS\xd8\x8a\xa8ff\x1eof\xd1\x81B\xa3X\xfafcy\xb9\x1f\xdf@\n\xa1\x10f\xd2\xce\xb1\xed\xd4`X\xb9\xd4s\xfd\x87\xfb\xcf\x9e=}\xee\xd4p$f\xc8L\xe5\xde\n\xc5\xd1\xcd\xe1$\xbf+\\\x0e\xa6\xe9L\xbb\xecN\x9f\x00\x18\xb0\xf0\xec\xffd\x84\xe3P\xe2\x86[\x87\x00\x00\x00\x00IEND\xaeB`\x82'</t>
        </is>
      </c>
      <c r="M129" s="3" t="n">
        <v>45492.6778587963</v>
      </c>
    </row>
    <row r="130">
      <c r="A130" t="n">
        <v>352838</v>
      </c>
      <c r="B130" t="n">
        <v>1955</v>
      </c>
      <c r="C130" t="inlineStr">
        <is>
          <t>Rafael Ratão</t>
        </is>
      </c>
      <c r="D130" t="inlineStr">
        <is>
          <t>R. Ratão</t>
        </is>
      </c>
      <c r="E130" t="inlineStr">
        <is>
          <t>PE</t>
        </is>
      </c>
      <c r="F130" t="inlineStr">
        <is>
          <t>ATA</t>
        </is>
      </c>
      <c r="G130" t="inlineStr">
        <is>
          <t>PE</t>
        </is>
      </c>
      <c r="H130" t="n">
        <v>182</v>
      </c>
      <c r="I130" t="n">
        <v>21</v>
      </c>
      <c r="J130" s="2" t="n">
        <v>35032</v>
      </c>
      <c r="K130" t="inlineStr">
        <is>
          <t>Right</t>
        </is>
      </c>
      <c r="L1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642cd989-d3cd-4175-96d6-86103517f9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\xd9\x1dr\x00\x00\x00\tpHYs\x00\x00\x0e\xc4\x00\x00\x0e\xc4\x01\x95+\x0e\x1b\x00\x00\x03\x00PLTE\xff\xff\xff\xf9\xfa\xfc\r\r\x0b\x10\x10\x0f\xf6\xf6\xfa\xf4\xf5\xfa\xf8\xf9\xfc\xfe\xff\xfe\xfc\xfc\xfd\xf7\xf8\xfb\n\n\t\xfb\xfb\xfc\xf5\xf6\xf9\xf1\xf2\xf8\x06\x07\x06\xf3\xf4\xf9\x1a\x1a\x19\xef\xf0\xf7\x13\x13\x12B+\x1d\x17\x16\x15\x03\x03\x02\xfa\xfb\xfe\x1e\x1d\x1d&gt;)\x1bJ2#F. 1%\x16\xe8\xea\xf37&amp;\x18M4%\xfd\xfe\xfd\xec\xee\xf6;%\x17bE6\xe2\xe4\xef]A3\xea\xec\xf4G0#S:-\xcf\x9cyP6\'\xd1\xa0~.\x1f\x14\xca\x99y\xdc\xdf\xea\xc5\x93rO7+\xca\x96s6"\x16#""\xe4\xe6\xf0\xd8\xa5\x82W=0\xe6\xe8\xf2\xdc\xab\x88A\'\x18\xa3rS\xd8\xa9\x89\x9eqU\xd3\xd6\xe2G,\x1a\xd7\xdb\xe7\xb8|X\xc1\x8fp\xd5\xa2\x7f\xdf\xe2\xec\xc6\x95x\xcc\xcf\xdb\xc7\xca\xd7\xd0\xa2\x84jI6\x90^@[&lt;+\xd4\xa4\x84(\x1a\x11\x83YA\x96bBjM&gt;U7\'\xb7\x85f\xcf\xd3\xdfbA-\x94gN{T?\x9ahI\xc2\xc6\xd3\xcd\x92l\xd3\xa6\x8a\xa6mL\xd1\x96oA/!\xcd\x9d~)"\x19\xabqN\xdb\xad\x8e\x8bY:S3\x1fL/\x1e\xf9\xfa\xf9\x99mU\xaeyX\xa8uV\xbe\x8ck\xe0\xb0\x8d\x83^J\xce\x9av\xbd\x87f1*&amp;\x8fcK\xd4\xaa\x92\x9flMX@3\xbd\x81]\xb9\x89k*$!rP=\xba\xbe\xca\xa2v\\\xc8\x8cfzXI\xe3\xb8\x9d\xdb\xb5\x9eoSD!\x19\x12jB*\xcc\x9f\x84\x16\x12\r\xb4xT\xf5\xf7\xf6cI=\xbe\xc1\xcf\xb0tQ\xe2\xb5\x96Y7!qF+\xb4\x7f^\xb2\x82e\xc8\x91m\xde\xb2\x94\xad\x7fa\xc3\x86b\xd7\x9ey:*!~P4xP9\xc3\x8dk\x1c\x0e\x08*+*\xa9z_\xaa\xaf\xbb\xbb\x8ft\x8diV\xe5\xbd\xa6\x8b[D\x93q_\xb5\xb9\xc6G6*\xd7\xaf\x97`&lt;$\xb0\x85k\xaf|]\x8b\x90\x9abkf\xef\xf1\xf0\xa1yg\x96\x9b\xa8\x91\x97\xa2\xf3\xf4\xf2yK.rJ7\x88cO\xca\x9a\x7f\x9c\xa1\xaf\x85S7\xea\xec\xeb\xca\xcf\xca?1+M?760-\xd4\x9bt\xd3\xdb\xd6\xa5\x7fo\x9efE\xdd\xe2\xde\x85\x8a\x913&amp;\x1esyy\xb7\xbf\xba9G=~bU\xb9\x81`\xe4\xe7\xe5\x0f\x1b\x13X_\\\xa2\xa7\xb6\xa7\xab\xaf\xe8\xc4\xafB82YF&lt;\xcc\xa6\x8e\xdf\xa7\x82\xad\xb3\xc3jzo\xb3\xb6\xbf\x7f\x83\x8c\xbf\xc9\xc3(9.\xbf\x94|\x96yh\xa4gF\x82\x89\x7f\x1b+ \xc5\xa3\x97\xbe\x86{y~\x83\xb3\x91\x81OTPIKF\xc5\x99\x83\xd9\xba\xac\xd9\xc3\xb7\xbd\x9b\x89lot\xeb\xca\xb7cRI\x82ka\xa2\x87y\xaf\x89t\xdd\xce\xc2\xeb\xe6\xe0\xa8\xb7\xad\xc8\xb4\xa6\xbdul\x9a\xa5\x9d\x8f\x9b\x91\xcf\x9b~\xb5\x8bu\xa2\x96\x90nYP\xb2\xa0\x99\xe7\xde\xd6\xb9\xb2\xac\x15#\x19\xca\xc4\xbf\xd2\x8c\x85\x199$\xdf\xd7\xd1\x82yq\xa2i^\xf3\xee\xe9HcQ/@2le\\\xb0h`\xca\x7fv\x93q\x93b\x00\x00 \x00IDATx\xda\xc4\x98aH\x1bi\x1e\xc6\xcb\xcc\x87\t\x13\x08\xc3\xf8\xca\xd8\x15\x1br,\xd4[C6\x0e,hK\x88 \xb8\xa15\xbb\xe25\x9c\xa1\x9a\xaa\xa9J\xab\x9bTR\xda\xc5\xc6\x98\x1cA\xbdvE[f\xa1\xbb\xd0\x88$\x1f\xe2\x9eT\xad\x84\xb8gB\x8c\x1c\xb6\x10\x88\x87\x06\x0e{\x0b\xc7}\xca\xa1\xcb\x1d\\\xc0/\xe6\xc3=\xef\xe8\xc1}&gt;:\xee\x9bdB\x8c\x90\x1f\xcf\xff\xf9?\xff\xf7\x9dK\x97\xfe\xdf\xc5q\x9cQ\xaf7\xea8\xce\xbb\x9a(nn\xa7\xd6\xb6\x93\x11\xfa0r\x97~\xb9\xc5\xe9\xf5^\xbd&gt;\x12I\xea\x8c\x91T*\xb3vT\xf8\xf18s\xbcu\xb4\x99\x88x\xb9_\x84\xcc\xa83r\x9c\xde\x9bHmn\x17\x8b\xe5T\xaa\x18\xdf\xfa\xd3\xc1NU\xd9S\xf2\xf9\xbd\xc3Lj\xd5\xab\xc7?p\x17\x8a\xc6]\xe2t\xc9\xd4\xe6j$Y\x8c\x1f\x1f\x1d\x97\xe3\xef\xb3\xd9\xec\xc1aI "\xcf\xe4ON\xf7N\xe3[\xc5\xcd\x84\xd7\xa8\xd3y!\xdaE\xb1qFc\xea\xf8`\xab\\L\xac\x15\x0ew\n\x85\xac\xc8\xe7\xf3\xa5&lt;#\xc8\x82@6\xf6\xaa\'\xa5j5\xfb\xfe\x00\x9amo\xafF \xec\x05Q%~T\xf6N\xab\xd9\x9d\xc3\xc3\xac$\x94N*\x12\xcbJ\xac\xc8\x12I\x14\x05I.\xe5\xf3\'\xa5JI\xa9\x162\x99\xa3rf-\xa9\xbb\x10\xbd\xf4\xde#\xe8S\xaa\x88Dd\x15\xc2\xb3,+\xc8Db\x18\x9e\x11\r&lt;+\n"/2\xac,U*\xd9\xc2\xce^6{Z\xd6_\x04\x96\xd1\xbbvX\x15D\x86H@\x11XF\x14\xc1\xc4\xb3\x84aY\x91\xf0\x0cc\xc0\xaa\xe5%\xd1\xc0\xe4\xf3\x84\xcd\x9f\x9c\xc4\xb7/\xa2\x8a\\\xb2PU\xe0"Y\x90D(%\x8a\xb2$\xf1&lt;\xfd\xc0\xc82\x0b\xcd\x80E)y\\\x05\xc2\x96N\xf62^N{c\x01kO\x10e"\x08\x12P\x08\x00a-\xe0\xe1)H\x0c!,xj\x19Hi0\xb0\xa8f)_*\xa4h\x8ci\x1ad\x9c7\xb2\xf9\x17Y\x92\x15\x82\xe2\x11\x86\x08"+\t\x8cA\x04\x16\xd2\x81gd\x91\xe7\r\x06\x86\xc7w\xa8*\xc3\xf3\x95\xfcI\xbc\x9c*\xa6"z\xa3\xa6X\x99\x9d,!\x02\xe1\x05\xfa\xc3\x84\xca&amp;\xf1\x06I\x80\xd9y\x9eaa6\xa8%\x92\r\x11~\x83\xf7y\x9e=9=.\x9e\x1e\x16W#Z\x1a&gt;\x95\xad\xecI\x82\x080\x19\xbe\xa2\xa6\x97@B \x11\xcfK\xd4[P\x8bEm\t\xcb\xaa\x84\x06&gt;\x7f\x92\xdd\xa9\xee\x95\x13I\x9d\x86c0#W$\x98\\fYE\x04\x13\x8f*\x12\xa00D\x16\x19\x850\x06ZB\xb4\'\xfeD\x04\x96\x9a\x1f\xb9\x01Ya0\r\xb1\x8c\x89\xb8\x84@\x90\xd0xT-\x81%\x8a\x00\x86Z\x04\x83(\xa1\'a10\xc0\xfe&lt;\n\th|\xa0\x8e\xe3Y\x18\x7fS;\xcf\x1bW\xdf\x0b0\x93$\x10H\x06=\x18A\x91h+\x8al\xad\x01\x86R\x80\x02\x7f\xc9H/\x96\xb0\xf4\x03]\xd0\x92a*\xf1\xa2W;\xac\xe4\x96\x04\xc3\xcb\x982HT\xe8&amp;"\xe1e\t1\x01YD\tY\xc6P.4%\xedT*\x17M2\x80\xe5+;E\xed&lt;\xafKdP&gt;Ld\x91\xb0\xc8(\xfc\xae,\xd3\xa9C\xa0\x1fP\xd4\xe2b\x00\x9c\x1b\x8a70\x02m\x06\x03\xf5\xfd\xe9Z\x84\xd3\xcc\xf1\xc5\x1d"\x05\xa0\nBK\x94X\\\x90\x13\x92\xbc\xb1\xa1(P\x90\xa5\xb0\xe8OB\xc3\x0c\xa53\xd0\x04\xa1M\x00\xf3UN\x8b\xab\x1ay\xde\xa8K\x1e+\xe8BYVE\x11U8\xf4 v\x0e2\x02\x03M\x89qCk\x0b%\x05\x86\xca\x84\x1a"8\x0c\xb5X\x86\xf8\xb6W+\xc3\xa7\xb6$:\x0e%I\xc1;\x04\x12\x04v*@\xa8}\xd0\x89\x02\x92\n\x93\x1b*a[!2\x86ZZ=\x1e\xd7Z\x15\xabTNhSE]\xf1`C\xc0\x92h\xc9dAF5\xd1\x884\xe7\xe1z\x82\xa7\x1a\xa1xcD\x1a\xa5\x94E\xd5\xec\x0c\xab\x92\xcdhbz.r\x9cU$@\xe0!\x08cr_`w#\x10\x08\xec\xee\x8e\x05\x02\x1bcA\xfa\x8d\xa4\xd6\x91P\xd9h\xdc\x1bj\xe9\x1e\xec\x1c+\x9f-k\x81\x85]\xe9\xc1\x1e\xdd\x17\xe3\xd7%il\xaco\xec\xd5\xa7\xb7\xff\xb8&gt;\x7f{}~\xfe\xea\xabW\xf3}\xc1`_ H\x08\x99\xa2\x8ecU,\xea\xab3*\x14\xf1h\xd3\xab\xc1\xb8\xe6t\xab\x07\xb2j-QQ\xc6\xb0\xd6\x1f\xfc\xea\xc9\xc7W\x7f}\xf5\xeag\xdd\xdd\xddW\xean\xcf_\x99\x9f\x9f\xef\xeb\x0b\xf4\xf5\x05\xa7\xb0\x18Z@\x8a\xf5\xdf"\x1eh\x83\x15Y\xdb\xa2.B\x057\xd6\xd7ww\xdf&lt;x\xfb\xe4^\xe7\xad\xcf\x1f\xde\xba\xf5\xfc\xf9\xf3\xc9\xc5\xe9\xe9\xc9\xc9\xc5\x81\xcbuu\ru5\xa0\x03\x1b{f\xac\xb3F\xac\xe5I&lt;\xa5\x81\xe7\xf5\xabG\xef\xe94\x14\xc4\xc0\xfa\xd5\x8f\x1f\xde{y\xf7\xee\xa3G\xdf\xb6\xba\xfc\xad\xc3~\x97\xcb\xe9\xe8w8\x16\x16\x16f\x16\x17\xbbgf\xba\xa7\xbf\xfc\xc8t38E\x05;\xafa\xad\x81/e\xf4\x1f\x1e+\x928\x86T\xe8\xb7\xc0\xab\xcfo}\xd5:&lt;&lt;4\x8c\x97{\xdf\x13\r{\xdc\xe9\xb4\x13\xcb\xd1\xffzyfffyayfrzz\xb0\xae\x89\x82\xf1gXX\xa5\xb2\x06A\xef\xdd&gt;\xae\x8a49\xd7\x9f\xbb\xd2n\x8f\'\x1a\x8d\x0ey\xdcX\x1e\\\xd3@\xea\xef\x07\x16%\x9aY\xc6erz`\xd0\xd6P\xdf\x04\xb0s\xae\xda||\xf5\xc3\x9b\xcb\xbbyT\xa5;\xf8\xf5N\xff\xbeJ\xe5q\x83g?\x9d\xdew\xd37\x95\xeb5\xc5R\x17\xf5\xd9\x80\xad\xae\xe6\xf2\xed \xab\x16\x92f~6\xf5\xc1\xb18o\xaa\x9c\x85\xe57\x1e\xba\xc0\x13\r\x87\xc3Q*\xd3&gt;]\xe0\xfb\x1f.u\xcd\xa0\x07\x06l&amp;\xdb\xe5\x8f\xeao2\xaa\xf1\xd1\x96\xd9\xcd\x0f?\x16\x8d\x89LU\x90\xe5\xcf\x9c.\x94o67;k\x0f\x87\x01F\xd9\xdc\x90n\x1f\xde\x02\xd5\xeb\x85\x05\\^\xabX\x83-&amp;\xdb\x95\xcbM\xf5A\x1a\x14xU\n\x1a\xecP9o\x11Xc\x0f]\xee\xe8P\xd8\x9e\xcb\xe5F\xc7\xedT1*\x1c\x96\x87\xea\xa5\nF_\x0b\xcb(\xa2\xcdd\xb2\r\xd445\xddT\x03\xcc\xc0\xe3\xc4\xa8Ap\xe1x!+\xbb\x9d.O\x98Ru\xb5\x9b-\xa3\x10,\x1a\xb5\x8f\x8f\xe7rv\xbb\'\xedp\x9e\x91\xe1\t\xb9\xa6m-\xcd\xcd-\x83\x83M\xa8"\xaf\xca\x95]\x8b\x185H\xf9\x8c\xa2(\xbb\xbf\xf1{\xc2\x00\x19\x1f\xfdk\xe8\xddJ\xbb\xe5\x054\xcb\x8d\xe6FGs\xd1\xb43\x8d\x9cH\xabA\x01\xb5\x80e2\xb5\xd8\x06\x1a\x9anN\x01\x0b\xebtS\x83;^\x9c\xb1\xac(\x1bo\xef\xfa\xdd*\xd6H\xc8\x17\x9b\xf0\xf9Bf\x8b\xa5\xcd\xf2\xe7\x91\x91Q`9].\x97\x7f\xdf\x0f\xcd\x10\xab\xd4\xf1\xc0\x1a45!$T\xac\xac&amp;\xa7\x0c\xeeH\x0e\x8c=imU\xb1\xe6^\xbc\xf3\xc5~\xfa)\xf6.\xb4\xb2\xd2\xde\xd6\xde6\xd2\xe5q9\x1cN\xa7\xdf\xef\xf6\xfb\xd3\x8e\xd7\xcbp\xbc\xad\x05\x9e\x1f4\xa9\xd9e\xc0\x9elgU\x8b\x9b7\xba\x039\xf0\xea\xebV\xbf\xc7&gt;&gt;\xfa\xf4E\xbb\xcf711\xe1\x03\x15\xe5\x1a\x19\x9d\xf5\xb8\x9d\xb0\x15\xe4\xf2\xa7]\xce\xd7\xb0&lt;\xb0l\x90\xab\xae\xbe)xv\xfa)$5\x19\xd5\x87\x81\xdd7\xf7\x86\x815\xfa\xc2j\t\xf5\xf8b\xb1\xd8\xc4\x84\xaa\x97\x19\x1e\xb3{\xf6\x1d\xfdNZ\xc8\xb3!\xb4\x88\x94\x87^-u\xcdt\x06\xd1\xb5\x95\xd4@,.\xb9\x13\xd8}\xfbr\xd8\xed\t\x8f&gt;\xb5\xf4\xae\xfc\xdc\x03\xa8\x89\x7f\xf8B\xa1Po\xaf\xd92\x02\xcf\xa3\x8a.?\x1e\x14\xeb\x87\xee\xe9\x81\x81\x81\xc1\x96\xe6\x86\x86\xfa3,\xb6\x90\xd4\xe4\xc6\xd6\xe1\xd8\xfa\x17w1\x07\xc3sm+\xa1\x0e\x95J5\xbd\xb9\xf1\x93^\xf3\x8b\xdc\x92\xdb\xe9\xa0\xa6W\xe5\xa2\xc1E\xb9Z\x9a\x9b\xea\x9boNM\xe1H\xc4\x1ckq3\x89K\x1c\x8e\xbd\xf9\xe2\xfaP\xd4c\x9f\xb3t\xc0\xf0\x13*VG\xaf\xd9\n,p\xcd\x02\x0b\\\xc8\x87\xef\x1d\x9d\x98\x8d\xdd\x8b\x03\xe8F\xcau\x8eU\xd0\xe2\xfe\x1b\xb7\xfd~\xfd\xc1\x93\xeb\xb3H\xf5qkO\xec\xccX&gt;_\x0f\xb8\xee\x9b\xcdV\xb3%\xe7\xa1iJ\xa5\xeaW\xb1T\xb9l\xa6\x86f\xaa\xd6\x14\x8e\x1fq-\x0e\xb0\xc6\xe4\xce\x9b\x07__\xc7\xc0\xb1?\xb6v\xf8zz|\xbe\x18\x98,V\xb3\xd5j\xc6jo\x9bm\xf5\xfb\x9d\x0e8\xab\xbf\x13\xfb\xc1\xc9\xc5E\x1a\x12&amp;Ss3\x95\x0b`\x05M\x0e\x8a\xfa\xbf\xbd\xfd\xdd\xbdo)\xd6\xdco\xefw\xac\xact\xf4\xf8zn|\xd2h\xb566\xde7\xf7\xa2\x1bsCC\xc3\xad\xfeV\xe4\x17\x86"\x15\x0b[\xc1\x9a:S\x83j\xfa)"\x16\xf4Z`]:\xf8\xfb\x93G\xb3\xe1hx|\xee\xb1\xd5\xdc\xd8\x01\xbd\xee\\\xbbs\xa7\xe7Z\xc7\x8d\x8e\xde\xd0\x8a\xa5}dvi\x98\x92\xb9\\\x8e\xef\x17`\xad\xe9\xe9/\xaf\xd4\xd4\x98\xce\xb9\x08\x89kro\x97\xfb\xe7\xbf\xfe\xf0M\xce\x8e\xd1&lt;\xf7\xf8\xa9\xf5\xe7\x1b\xd7b\xcfb\xcf&amp;\x9e\xc5b\xbek=\xbd\xa1w\xed\xedm]\xb3K\xb3KK\xdf\x00\xcc\xd9\xf9\x83j\xadAPQ\xac\x86\xa6\xa9\xa0\xa0\r\x96\xf1\xdf/\xef.\xd9\xedt &gt;~lm\xbcA[\xf1\xbb\xef&amp;T\xb0\x8e\x90oe\xa5\xad\xab\xeb\xf7X]C\xad\xae\xaf:\x9f\xe3\x9c\x81@\xadih0\xa1\x8eu\xf5\xc1`P#\xb5\xfeC\xab\xf9\xfd\xa4\x95\xa6q\xfcb.Lv/\xcf\xc5\x1c `0\x04\x95c\x14\x12\x0c\xbfB\x90\x90H\xe1 \x18\xc0\x80\xa0R\x18@\x84\xa1\x14K@*\xd8\x1f\x11E\x14\x14Y\xa2@f\xd4MM\xa6\xd8\xd8I\xc3v&amp;\xee\xa46\x930#\xd9\x9b:M\x93\xaeUck\xdb4S\xdan7M\xb6i\xb6\xc9&gt;\x87\xd9?\xe1\xf8&amp;\xdex\xc3\'\xdf\xe7\xd7\xf7y\xdf\xf3aK\xd2\xc0\x92\xa5#^/\xe7B\xa1P=y\xf1\xe2\xe8\xf0[\xa2\x1e\xf7\xa6\xa6\x14=\xe3\xc0\xd5?\xde\xbf!2\xf85\xc6\xacR\xaf\xd39\x10\x1e\x8d\xde\x90\x8b\x16\x1b&gt;#\xacW\xab"0\x80A\x99,\xcd\xf5z\x87.\\&gt;&lt;&lt;::&lt;$\xba\x04\xd4\xe5T\xafbt\x14\x98\xe6\xfa\x17\x16$\r\xac\xb2^\xa7jG\xe84\x1e\xbd\x815&lt;|6\x95\xd8\xf4a\xd5\rX\xb2\xab\xc1\x14wt\xfd\xf9\xf1\xf1\xa3G\x17\xf6\xf6\xf6z!\xf7\xcd\xf07\xa5\xf0\xf9@\xad\xbc$\xec4\x8c\x19\x95z\xbd\x8aB\xa52\x08_C\xa7\xa3t\x1a`=&lt;\x9bJ\xfc\x00jA\x10\x93\xbe\xfe\xf0V\xe9\xf4\xf4\xf4\xee\xe9\xfe\xdd\xfd\xcd\x85u\x051\x8a\xcc\xb7z \xe1\xdd\x12\xc3\xc4\xa4V\xdb\xd2\xd5N\xa1P\xa8L\x1ad\x16\x8dF#\xc4\x02\xac\xd7Mg\xa3\xd6\x96\x08\x1a\x80kw\xc3\xe9,\x01\xd2\xb3w\xbf\xc2\xb9&gt;\xb9\xba\xa0\xe8\xe85\xf7*|\xb0\xcf\x0e\x8c\x85.v-\x0e\xef\x0c\x0f\xd3\xe8\x8bV\x14\xc3q\x1c\x03,^\x83\xeb\xf73y\xc8h\x86\x94o\xf4%g)\\\x02\x9d\x9e\xbd{71\tg+?\xaa\xe85\x0f\xf5$\x07\xa1\x95\x1a\xf5\x0c\xf6\xe2\xce\xce\xa5a\x1c\xdbAQ\xf6"\r\x8f\x81\\&lt;\xa0\xa2}\xfd\xd3\xd9\xa8\xf5\x9fU\t\xb1\xe2K\x9c\xce\xd5\xbb\xc7{\x8f\x8e\x1f\xbfysw\xb3T\n\xcf\x8dw\xaa\xd5C\xa3\xae\xc1\x80A\x13\xd2\xb73ZY\xdaI"\x92\xac\xee\xd6V\xeb\x0e\x06r5\xce\x7f\xffv6\xb7\x81/K\x12\x11\xa8\x95\x9f[P\x98/@\x01\xf6\xdeR\x8c\x8f\xf7\xaf\x8c\xf7@\x13S\xabS\xae\xc0\x00\xd4\x9f^\xa94\xfa\xc3\xf9\xf0\xa6\xc406\xa1eu\x81`4h\x12\xb4a\xda\xc1\xfd3\xc2\xda\x0f\x88\\\x1b\xee\xf0x\'Gl\x9ez\xb0\xb2\x9e\x0fK$\xf9\x85\xfeen\x9b\xdcfk\xbb\xdaW,\xc3\xc4\x89k\x0c\xf0\xcf\x85\xb0\xd3?6\xa9euw\xb1\xe9\x7f\x885\xfc\x0f\xf2\xcd)\xf1\xf5@\xf3\x8d\xd3\x01\x91\xab\x7fc\xa1\'\xd5\xd6#\n?\x7f\\2\xc6\xd7\xf4e\x83h#U\xe1{\xe69\xb2\xbe\xac^\'\xb5+C\xa1\xd5\xcd\xb0\xc4oT*\xb5-\xdd\xad\x0c\n\xfd\xff\\\xaf\x89\x8f\x10H^/\xee\xbf:|\xf9\x1d`m\x8c.\xc3\xf2\xe5\xf6\xe7%\xc6\x8bO/]\x89Y\xedqM\xc0g\xc9\x08l\xdc\xe9\xf3q\xbb\x94\'\xa4^/\x95\xeei\x95Jh\xf2\xec\xaev*\x95\x8a6\xb8\x86\xbf\xfe\xe9\xcf\xb7\xef\xdf W\xac\x97\xcf\xaf\xca6\x1e\xed\x1bD\xc9en*8x&gt;0\xdb\xfa\xf9\xe0\x9f_^\xd9\xf9\xcc\x9a)\x1b\xfaM\x15\xb985\xb24\xe3\x10b\xf8\xc5I\xed\xc7\xbf\xfe\xfc\xc5\x15\x1c*\x91\xceDP\x82\x8b\xc0\xfa\xe5\xc7\xdf\x0f\xee|&amp;5\xed\x9b\x0e\xd3\xc1\xe5\xd4\xd5\x01\xc3`2e\xb1\xf8\\\x03k\xba{o?.\xe2\xbc_\xf7\'&amp;\xc6\x9e+L\x96\x0cgyd\t\xbc(\x863\xaf\xbf\xfd\xf0\xf7\xbf|\xf1\xe5\xc1A\x0c\xa7\xd1Q\xc0B\x08,\xfc\xd2\x9d\x18\xceD\xde\x91\x9a\xf7{?l\x0f\xd63\xbb\x80e\xb2xG\xf3N\x91;\xff\xfc\xf1\xfeDV\xb3=k\xf4\xaf\xa4"\xa6L[p\xf0\xa6\xdd\x81\xe19\xeb\xbd\xd3W\x0fwp\xfc\xe0\xe9b,\x86\xd1\x116\xa5\x81\x85\xc5r8\xe2`"\xff&amp;\x13\xeb\xd5\xb4\x8f\xab\xe6\x0f\x05\x02IK\xc52:\xda\xc9m\xbbpxx\x1c\x86\xedy\xa9\xb8\xde\x93\x8e\x98*\x15\xd9\x0f\xb3v\x98\x801\xca\xb3\xd2\xe6\xe6\x84^UV\xeaPh\xf2t6\x85\x08"\x86\xe1\x18\xa2\xd21\xb1\x87$b5\x1f\x05\xbd\xb5\x139\xc7=\x98\xe4zM^\x0eg\x88\xd3\xd1\xf1`=l8W\xf4\x87\xfb}\x11\x93\xa5b\x92\xf5\xcd:\xc0\xba\xe3\xc8D\xc9i(j\xca\xe5r\x8b\x8ep[Vv\x03\x8b\x86Ru*\x87\x10\xffHfn\xbdO[\x04\'\xf3&amp;\xf7\x88,\x92\xf2\xdal\xf3\xdf\x9a\xa7\xa6\x9e&lt;Y\x01\xd37&gt;\x1a\x01*\x8b%r\xf5&lt;\xac\xf7p\x98*\xa3\xdf_,j\xc0\xd80(\x14\x04e\xb3!\x88\x18\x862\xa4\x0e\x1dP\x93\x89\xd5\xfc\xa9\xce\x8d\x9eTS##\xbb\xe9e~\xc2\x93\x98\xb7\x11\xeb\xd8\xd4\xad\x8e6/D\xb5b1\x99\xd2#\xdb\x04\x96\xc3&gt;\xa3S\x1a5`N\xe3k*\x95\xb2\xccb\xb3\xffHy\xa4](\x84\x1d;\xf7\x91\xcc\xdc\xfaNl\xaa\x9eT\xb9\x83\xd3\xc1tJ\x10\x8dz\x04j3\xe1\xb28j\xb1 \x93\xb1XL\x16SzpiF*\x15J\xed*}&lt;\x9e\xd5\x10o\x08\xc61\x83\xdf\xc8\xa0\xb2\xad`\xe5iL\x07\xc5A\xf4\x8f\xb7\xcd\xa4bU\xaa\x9e\x8al\xd0\x95\x8eT\x04\x85\x82G\xc0i\xe3\xa8m\xf3\xd1hTLP\xa5\x00\xcbu.n\x17\n\xa5R\x9d&gt;\x9b\xcd.\x195E\x83da]2\xc6b#V"\xb9\x98\x18S\xc8\x90b\xd8\x072\xb1&gt;\xf5\xce{,\xb2i\x02\xcbT+T\x0b\t\xdb\xfc&lt;\xec\x17\xd1\xcb69\x04\x10\xea\xd0\xbb\x9c\x1cXZs\x08\x85B\xbb\xbe\x9c\xd5h\xce\xf7\x896\xe6\xc6\xe7$\x1a\x16\x85\nXt:/\x87cT\n\xfe\xcd}R\xa7\xf4\xadD%\x9d\x1e\x11\xb9|\xe9\x08?Z\x88\xdal\tB\xaa\xe8\xbc-\x03\x11\xac\xc8\xf9\x95\x94,\xa0\x89\x13X\x8e\x99xy[sn\x00,\xe3\x86\xa8\x18\x02,\xa2\xcd\xd3\xe9x\x0e\xe71\xb0\xcfd\xce\xeb\xa6\x17\xbd\xfc\xb4L6(r\x05\x83\xa9Z\x83\'A\xa8U\x88&amp;2\xa0U&amp;#\x90s}\xee"`\xf1\x98RU|\xf6\xe6\xd2\xf9\x81\x80\xdb-2\x18\x95*\x86\xd5\nS\x88\x8eb\xb9\x1cN\xe1\xbd&amp;s\xfbiz%\x8e\xc0\xd6\xba,J\x06w-\x9eh\xf5\x04x\xa2Q\xc0*\x08 \x86\x95\x9a :\xef\xf55\x92\x0b\xb6U\xfb\xdalvi\xbb/ \x12\x05\xfa4J\x15\x1b\xa6\x0f`!\xcc\\.\x86X\xc9l\xf2M\xd7\x8e\xf9\xb2iH+X1\x82\x15O\xf4\xe4\xe4\xa4Z\xa8V\xab\x90\xfb\x99\x8a\xc9\x94\xf1D\xdfWA-\x83Q%$\xee%\xed\xfa\xecv\x91\xb8\x81\x0b\x14\x8be\x15\xc5jE\x88\xc7&lt;4\x97\xcb\xf1\xbe\xf9\x9eL\xac\x1b\x0f\xf8\xd3\xbf\x05M\x16\x91+\x19\xc9x\x12U\x82\xabZ\xb8\x9cH\xd42p\xe4\x02OT\x9cJJ\xb6&amp;Y\xed:\x86T\x88\xd8\xe3K\xc5s\xfes\x03\x03EMH\x05\xde\x86X\xab\x11\x1c\xb0\xb0;?\x92\x8b%\xb6\xfc6m\xaa\xb8\\I\xd0&amp;\x01\xebt\xb5\x1a\x15\x8bm\x1e&gt; y\x04|9\xbf\xee\x13\xf9C-pX\xedR\xa8\xc6\xf8v\xd1o0@\xaf\x0f\xb5\xb4\xb2\x89\x18\xa2 \xd6\x9fr\xcc\xa7df|\xf3W{|\xc1\xb2)\x1dq\xb9wM\x99\x9a\x87\xc8\xaa\xcb\xe6\x8e\xba\\\xacn\x13\xd8\xd4\x8a\xf1\x9ezg\xde\xa0Qv\xb3\x94Z\xad\x8a\xca\xe41\xede\xc0\xf2k4\xc6I\x16\x03R\x0b\x0e\x93\x10\x8b\xfa\x91\xd4G\x9f\xa6\xa3z\x9d\xef\xa9e\x92nY\xc4R\xab%\x12\t\x9bY\xa1\xa8\xd79\xf2\xbabN\x13\x8f\x1b\xf3y\xff\x98\x92\x8d\xe1\xf4\xee\x16\x9d\x90\xb8i\x9b\xc9\x16A+cH\xdbJE\x00k\xd1\x8a`&lt;\x1e\x06\xb6\x86T\x1b\xf8rOP\xab\tj&gt;w\x12&lt;L\xcd\xe3\x11\xab\xeb\x9d\x8a\xba\x9a\xcf\xe7+\x9cK\xc5\x85\x07O\xf2!\xbd\x83j\xb5\xc2/#(\x81%\x8dk\xe0\x84\xb4\xacv\x84Hx\xc8x&amp;T\xc3\xd3\xdb\xe4\x9a\xf9\xaf\x8e\x00\xab&amp;\xe8\x81\x94\x07.\xbe\\^\xef\xe8\xac\xc3@\xac\xd5\xe4\xb7VV\xde&lt;x\xb2\xe2,\xeb Z&lt;\x1e\x13A\x84(*\x14\xce\xdc\x84y\r~\xde\xd1\x08!t.@\xa5\xfe\x8b\xe4\xbd\xba\xe9\xd3|M \xf0p6v\xd3\xe9\xb4\xa5\xd2\xe6\xad+\xeaf\xbeX \x96wl\x96V\xf7K\xabN\xe7\x98V\'\xe5\x81\xd9\xa3#\x08\xd5\xe1p\xd8\xe3Yc\xa8EG!\xd4C\x17Q\x94\x87a\xc8E\xd2?Am\xfa\x04\r\xb4 N\xee\x06\xd3\xd0\xbf"\xdcz\xafY.\xe7\xf3\x87\xd6\xd7K\xd7\xbb&amp;\'\xaf\x87&amp;`+l\xe5a\xb1\x18\x8e\xf1P\x86N\xb5\x06M\xb5\x0c\x81\x15\x02\x15jE\xad\x88\x90\xc9~{\x06o&gt;\x9f\xaa\xd1\x849\x19\x0c\xa6\x83\x11\xe22\xd0l\xee\xe0\xf6\xac\xcc\xad\x8em\xde\xebbMvwk\xb7\xc6\xb4\x17\x89\x87\x14\xe26\x84N\xd5\xe9\xf5zp[\x0cT\xd8\x08\xa1\xb5\xab[\xd7\xfa\xec\xf6\x99\\\xbb]\xbb\xf6~\x1d\xc4\x02,\x93\xa9M&lt;\xa4\xd8\xdc\xda\xfc\x1f\xedf\x1b\x93\xe6z\xc6\xf1\xba\xb4\xa8Qc\x1b\x9a\xea\xc32l\t\xe7\xe1\x81\x12\xa0\r\xc4\x8e~\x91\xb0@\xe0\x9c\x00A\x96\x9a\xa21\xa9l \xbe\x84\x00\xb3\xb4\x1a\x9a\x92\xf8A`#\xf5\xac\x81\x94p\xc2\xd1\xd26\xe2\x89\x07\xecH\x85\x8e,\xa6\x91.\x99\t\xa6)j\xad\x1a\xadz\xe4\xe4\xd0\xb7\xd4XOR\xddu?\xdd\x96}\xd8\xa7\xb5\xcfE\xd0\xf0\xed\x97\xffu\xdd\xd7\xcb\xfd\x12\x0b\x85\xc2a\x96G\xe3\x84\x01\xbf\xaf\xc7\xa0\xd7Bx\x9d\xfer``\xe0WZ\xbdJ\xafdc\x88\x89N7\x1a\x9f\xbc}\xf9\x9a\xa2a\x1f&lt;Y\xea\xba\x8c\xb0.^\xfc\x93[\x1ev\xc5\xa3\xc1h&gt;\xbf\xb4\x91J\x15\n\x85\xe2\xef\xf6\x9ao\x19\xc6\xf4,=\xf7\xcc\x97\x03\xd7\xce\xa8\xa09\xd5\xa3\x9c\x85\xa8"o+:(\xbb\t^\xde\xb1\xd25|\xf9\x8f@\x05XQ\xa5\xcb/\x1f\x7f\xfc\x14l\xa5\xb4\xb1\x90\xdak\x0e\x99z\\\x1a\xc8\xf3\xa0\xd1\xe9k\xd7\x18\x80\xa5\x02,:\x03\x12G\xf2{*\xdf\x1a4l\xeb\xbc\x17@\xac\xfb\xf7y\xee\x10\x8c\xad\xc1B~eaa#e\x8a\xc5\xc2qWg\xa7\x8b%\xe1\x08\x85\x91\x84\xd1\xf8\xcbk\xa7TZ=\x17a\xe1\x80\x95{@\xe9\xdd\xe1\xcd!\xefE\xef\xe5\x8bP\x9e\xe5\xa6\x8dh,\x1cK\xa5b\xa1x\xa7+\xebr\xb9\xc8\xfd\x19!\'\x99L&amp;\x02\xe9\xd3\x038[\xab\x82\xc2Cg`\xd0C|\xb8G\xe5M\xeb\x867C]\x17.\xc0\x0c-\x16\xf3\x82Q\xa7\xcb\x15\x82Q5\xb6\x92Z\xd9~\x1aM\xbd^\x08\xbb\xd6\xfbmk\x91\x99k\xbf\xf8\xfat=\x8b\xa5Ua\x0cD\x85\x1b\x8d\xef\xa9}b\xf0sI\x07ry\xef\x03\x96&lt;\x18\x8d\xc5\xe7^o//om\xeen\xed&gt;\xdf\xdc}\xf7z\xe1\xf5\\v=2\xf9\xf5\xc0\x99z\xadS\xaf\xd5\xfe\x07\xeb%\xa5W\xf9\x1b\xee\xad\xe8\x04\x84U`\xfd{\xa3\x98\xe0+\xdcK;+\xdb\xc0\xf4fk\xeb\xcd\xe6\x9b\xdd\xcdm\xc0Z\x7f\xc58w\x8e\x8esY0\xefsq\x1cg2\x11\xd6[J\xb1\xca;\xb6u\xc3"\xab@\xd4\x08M\x96\xb4\xbde|\x07\xacwy{ywsy\x19\xa8B\x85\xfd\x9e1h\x9d/1TN\x03\xb4^\x18\x83\tX\x18\xfeY\x9b\xd2\xff\xb5\xfd\xb6\xac3\x8b\xac"+\xc2j\xf7\xb5+\n\x07\x07\x07;\x07\xfb{\x0b/ \xf6\xf7\xf6\x8a\xc5\xbd1\xed\xa53\xe70\xa6\x1e\n\xa2\x04\x88H*\x8cj\xacC\x9bC]\xc3V\xab\x95\xd7\x08\x85\xdb7\xd8&gt;^,\x1e,??(\x16S\x0bOwv\x0e\x8a\xfb\xb7&lt;x\xe0\x0c\x8ei\xf5Nr\x83\x12\xa8\x98$\x16\xb5\xcfD\x1av\xa3:\xb3@d%\xd4R\xb1e\xd0\x02r\x15\x8aO\x9f?/\x14\x8b\xc5\x8fT.\x9b1\x8031Tx8\x80\xc5\xe5\x82ZX$\xf2\x8eZ\xac\xf27%\x7f\x97Y$\xb2\xaaA\xadA\x8bO\xed^\x82\xba\xf3\xb4P\xd8\xdf\xfffg\x7f\xff\xd6\x18\x1bO\xe0B\x9c\xa9b\x81X\x12!\x13\xb0\x98\x11\x88-\x8a\xb1\x1a\xb6J~]\x93@$\x925\xb6[\x06}\x83R\xb5\x02q\x15\x0b{{\x85\xe2oa"\x13r\xe0\xc3T\xb1Yl\x8e\r\xb0H\'R\x8fU\xbe\x15\x1c\xf2\x9b\x9b\xbc^\x18-,\x16\x8b\xcf"m\x1d/ES\xb1\x98)\xb4g\x82YU\xc8\x91H8\\.P\xd9$6\x0e\x17\x05\x17\x13ey\xaa\xd5\xfa9h\xf6\xeb\x86\xbd^\x91\xcc\xd2\x0e\xb3\x18,F\xb9\xdd\xdf\x17\x82\xca\x03\xad(\x97\xab\xe5\x80iU*\xb6\xcd\x06xL&amp;N\xaeD\xca\xb1\x0e\xdd\xce\x0f\xdb\xfd\xe6\xe1a\xafU\xea\xb34\xb6\xfb\x1a\xd5|3Pi4\x1e(\x88\x1c\x88\'\xadVEj%\xe1pP`\x91\x8b\xd1\x18\xf9\x0b\xc5\t\xe2\xde\x92\xd7\xab\x8bv\x99\x87\x05D\xfb\xa0\xaf\xdd\xe7\x93\x12|\xfby\x97\xc7\x16\x89`\\\x1b\x9b\xad\xd2\xeb\xc7\x9cl\x89DB\x8a\x05\x06l8#\xf9\x80b\xac\x0e\xb7Hd\x8eF\xed\xe6&amp;\x11\xcf\x071?h\x11\x13D\xd0\xd4\xe9\x11\xe2l\x16K\xa9\xbca\xb8\xd5\xe3\x94 W\n\x11\x12\x97\xc4\xaaO\xfe\x8dZ\xaaCU\x8f\xbd\x84\xc8\x8e\xb0\x04\xadR\xdf\x95\xc1\xc1+\x16\xb5\xba%\x1f\xea\xf4x\x0c\x06\xc3W=\xa6\x9b\xfef%j\xba\xfee\x80\x85\x05\xd2\x94c5\xf4zeDS\xb4T\n\x9a\x05\xad\xbd\xbe\xabW\xae\xf8\xa4\xed\xdf\xf4\xce\xf5;\r\xcd\xa6\xe6_\x7f\xab\xb3\xf7}\xc5BIB\x88"\r\xfeq\xb8\xc6@\xe0\x19\xe5XW\xbd\x84\x980\x97\x16J\xc1`~\xa9\xb7\xf7*\xban\xb0\xb4\xb4\x11\n\xf7\xdd\xf4\x7f\xabkj\x1aj6\xb0\x11\r\x87c\xb3\xd9\x903\x99\x01c\x9a\xaa\xa3\xc4\xff:8\x00,\xb5&lt;\xb8\xb0\x90J\xa56\xf2+\x8f\x1f\xaf\xacl\xcc\x85\xe7b\xa9\x8dh__\xdf\xcd\xbe8:\xad\x8e\x08\x81\x89\xcdf#,\xa31\x9d^\x9c\xa0\xfa\x89\xe2&amp;`\x89e\xc0\xf5b=\x9b\x9d{\xf1"\x05\x8d\xf3\\&lt;\x1e7\x85b!\xe8\xe6\rJ(;x"b\xcb\xe5&lt;,\x94\xbb \xb2\xda\xda&gt;\xdc\xa6Z\xad\xcda\xabL\xda\xa8\xc8\x077\xd6\xd7r\xd9l8\x9bue\xb3Y\x18x4YON\xa3\x84\xb8\x8a\x18\x03\x89H\xce\xe3\x01,\x94\xe7\x81\xaa\xed\xfdu\xaa\x13\xc4\xf6\xb0\x95\x80\x82\xa8\xc8\x97R\x9e\x99\xe4Z\xbfg\xad?\xdb\xef\xca\xc1\xd8l\xe3$!\xa8\x8c\x11\xe0HG&lt;\x90`Y\x12H]X\x00~R\x8cU&gt;\xf1\x8f\x17\xd0n\xc9\xa03u\xe7K\xaeD\xf7\x0c\xcc9BO\xce\x16H\xa7\x03\x91H:\x9dH\xa4\xbb\xdb\x8e\xd6%r\x9a5\xc8\xfbB\x0c\x87i\x8cN\xaf\x7f\xd2A\xed\x13\xd3\x87\xef\xc3]"B\x06r\xb5\xb8\x83\xb1W3\x93`\x89\x99\x99\x84\xa3\xad-\x11H8\x06\x1c\xddmg\xeb\x8e;\x92\x9e~\xa0\xe2`\x0c\x181\xe0K\xa7\x16\xab\xe2\xd8\xcb\x0f\xebv\x11\xc1\x13\x8b\xa5R\xc4\x95\x9b\x9c\xecF\x1fd\x93\x0e\x07\xf9\x80\xe4\xf8\xd1\xa3\xdd\x12\x8f\xc6c\x13bt:\xa2\x02\xae\x0fT&amp;\x88\xf2\xcacS\xd3\xaft\xa0\x16\xc2\x92J\xdd\xa5l.1\x03X\x8en\x90\xad\x1ba\x9d=z\xbc\xce\xd1\x9dD\xab\x90\x89\xf6\xe3\xeb\x198\x863\xe83?R\x18\\\r\xd55\xb3\x8bkQ\x01\xc1S\x8b\xa1\x97o\x94*R\xebk\xc9\x19\xf0\x1eR\xcb\xe1\xf8\xf3\xd9\xa3\x8e\xba\xba\xb6\x84\x8d\xcd\x92H`\xa0&gt;U_Og\xe0(\xbc&amp;G\x1fVQ\x86Uu\xa4v\xf6\x19`Yy2\xa9\xf4#W0\xecI\xe6r\xb9d \xed@V7\x00\x8bPB\xf6Z\x18\xfd\xd4\xa9z:\xd2\n\xc7\x8c\xdd\xd3S\x0f(\xdb\x1a\xa9&gt;L\x1bI\xba\x00\x0b\xbc\x08L\x08K\x1e\r\xf7\xafeC\xfd\x9cH7\n\xb1t\x1aG5\x07\xba\x1a&amp;\x03m\xe320r~5:\xa6g\x7f\xb8MQ\xd87TW\x96=\x12\xc6\x91\x13Qp5\x8a\xc5b\xb5\x8c\x00\xb0p8\x9e\xf5D\x92\x89DB(\x94@\xc9AT8\x19\xed\xc8\x87$\xd6\xe8\xd4\xc8\x8f\x8f\xa8\xd9\x0c\xac\xae\xac\xaczg\xeb\xb47\x91X\xe2\xc6v\xa9L\xa6\xe6\xf1Z\xf3\xb1X\xbe\x14\xea\xec\xd4HT*\x16P\xd9\xd8\x90\xdd\xd1\x01\x14Z\x88\xd0t\x01V7`Me\x9e&lt;\xf8\xfc\x97\x9a+\xaa\xabi4\xda\x835\xd7\xbf\xb1@\xafF\x19O&amp;\x13\xb7\x06\xf3\xe3\xee`\xd0o\xbauCI\x1e\xaf@\xcb\x0cc&gt;\x82\xc2P\'\x88\xe1\x81\xc9\xd5\x91\xbbS\xf3\xa3\x99\xefo\x7f^\xb0\xf2\xb2\x9a\xc3\xb42\x1a\xed\xf6\xfaX4H\x1025d\x08\xb4\xff\xad\xe6\xa1k\xd6\n\x85\xc2\xed\xb6\xff\xbe\xd9\xa0\x84B\x88\x04\x83\xd0\xa2#\x0f",\x98\xaa\x03\x7f\xcd\x8c\xdc\x1d\x99_\x9d\xced~\x98\xf8|\xf7\x7f\xcaA\xaaJZ\xd9\t\x1a\xad\xf2%\xeb|\x90\xff\x11K\x8a\xb2\x97\x98\xf7\x13\x9f\xdf\xda\xeani\xe1\x0f\x99\x0c\x1a\xcfG.\xee\xa5K\x970\x06\x06T\xa8A\xc5\xd3\x8b\xf3wA\xad\xcc\xf4\xea\xe8b\xe6\xe1\xc4\xe7\xd9\xeb\xaa\xe8\xa8\xad9\x82\xa8N\x94\xd1\xca\xde\xb1:\xedr\x82\xc7S\xa3|\xaa\x06\x93\xc9\x14\xad|\xbe|\\1\xae3\xb9\xa0&lt;\x83\xd98Zdd#\x8f\xb8 mM\x01Vfuz5\xb3\xb88\x9dy\xf8\xe9[\x83\r\x95\xb5\'\x8f\xd5\x1e\xa1\x01U\x15\xc2\x9a\xc8\x8e\r\xc9\t\x82\xc4RC\xc0+\xc0\x8b\x10\xf8r\xb9\xbc\xc9\xdf\xe3\xd4\xb0H\xb1 \xf6U*\xc4\xc5\x15\xa2\xbe9\xf0,3r\x87\xc4\xca\xcc\x8fN\x8f\xae\xae&gt;\xfa\xc4\x9c\xdfp\xfd\xe4\x17\xc7jj?b\x9d\xa88A++\x03/\n\xf8\x04J\xa8\xd2\x16\x05\x0f\x8c \xac\xf0\xb7\x95\xdft\xb3\xc7\xe0\xd4(\xd9\x88\x8b\xa5\xd7\xeb\x11\x18\x07\rfL$\xd6\x9d\x91\xd9\xcc\xea\xe8\xfc\xec\xe8\xe8\xea\xfc\xd4\xd4o&gt;%\x87UT\x7fAB\xd5\xd4T\x82PU\x80UVV\xb6\xdb\x1fo\x92\xf3\x7f\x92\x81\\\n\x85\x1a\x81\x11V+\xba1/\xd0\xf55w:\xc9\xb5\xa8\x1c\x1bS\x02\x18[E&amp;|\xe3\xe2\xec\xc8]\x88\xf8\xccjfvv43??u\xe7\xbb?L\xfc\xbfK\xb2\xa1\xfa\xe4\xc9\x935\xb5G\x80\xea0\xad\xaa\x8av\xa2\xa2\na]\x7f\xe9\xb4\x0b\xe4|\xf0\x9c\xb4E\r\\-j\x1ez\xf7 \x104\xd9\xfd\xe7{\x0c\x1a\xa5\x92\xa5t\x1an\xdc\x18S\xa2%\t\xc9B83?r\x17|8?\x9f\x99\x9d\xfag\'g\x14\xda\xb6\x9d\xc7\xf1\x18\xfeR",!\xf4\x92\'A\x05B\x10Bd\n\x06\x81\xcfB\x04E\xcaC)\xc5";q\x0f\x81=\xccMH\x83\xc9\x08QH_\x06Wq\x10\xd3&lt;\x15\xect\xab\xef\xc0&amp;$\x83\xce\xb4/\x83\x04\xc6\x08\xe7\x0c\x8aq\n\xf7P\x8e\xe36\xc6:6\xee\xe1\xb8\xa6e0\xb8\xa7\xfb\xfe\xfe\x92\xd3\xde\xd8v\xdb\xfdJ\x9d\xd4q\xad\x8f\xbe\xdf\xdf\xef\xfb\xff;\x91s\xfe\xe59\x12\xac\xd7\x1f\x8c\x82\xff\xcb\xc8I9\xb3\x0fP\nC\x8eN\xa1\xb78V\xe1\xf8\xc5\xf6&lt;l\xfc\xe7\xec5\xd2jf\xf67\xd7~\xb7\xb8\xbc\xb0P\x9a\xaf\x11\xd6\xd6\xd6\x8d\x1b[\xf4\xa3Dpq\xe5\xde\xfd\xe3\x97\x87\xa8\xde9\xaa\xd7;\x07\xe2\x11\xfe\xd9\x1fv\xd2SL\xe4\xaf\x0b\x8b+\x92ap(`\xa9LP\xd5\x02\x0c,Nq\x17\xa5O&gt;\xc5K\xea[\xb7f\x96\x97\xf7\xe7\x96\xaf\xce\xcdB\xb2\xc5\x8f\x16\xe6\x81\x05\x17w\xb6\xb6\xb6\xae7\x96\x1a\x1fp\xae;\xd8\xa1\xfe\xb9\xdf?&lt;&lt;\xea\x9d\x9cc\x1a\x8f\xfe\xda\x03\xd2`p6\x18\x8c\x92$L\x1e\x1f\xff\x8a\x95\x12\xfb*RJ\x108\x17n\x15\xa105%\x92\\\xe0*\xca\x17\xdb%\xfa\x86\xe0\xcc\xdc\xe6&gt;&gt;\x99\x99\xe5\x1d\x0f\x13\x9b\xadzcm\xe7\xad\xebK\xd5z\xbdq\xfd\xad\x1b\xa8;\xef\xfe\xed\xb0MX\'\'\xbd\xa3~\xff\xe8\x9c\xa0\xda\xed\xe1h\xd8\x06\xd7\xa8\x7fx\xf6\xf4\x97\x06\x7fQ#\xa52&amp;\xae\x97\xa2J"\xf5\xfb\xf4tf\xe3\xc1\xbf\x9a%\xa84;3\xb7P*\x11\xd8-\xea\xf8\xd5\xcdM~\xb1\xe9\xf5Fu\xbb\xba\xd4X#\xac\xaf\xee|\xd5\xef\x00\xeb\xa8\xd7\x03U\xbb\xdf;\xc9\xa0:I\x92t\x924N\xda\xfd\xfe\xd9\xc7\xbfD0H\xa5A"a\x8c\xa5h\xdcFrq:\xb7\xb1pp\xb1\x7f\x95\xcbE\x9d\xbe\n0\xfa8\xbf\n\xac\xa5\x87kk\xf5V\x8b.\x98\xdf"\xac\x17\xfd0\x19p\xac\xa3\xfep88\xc1\xcd\xb0\xd3\x01\x11U\x1c\x87ar\xd6?{\xfa\xe8\x7f^H\x7fE\xe5\xf6\t\xdc&lt;\x81S\tL\xd5T\x91\x80\xa6\xb9\x8b4\x8e\xff\xd8\xa77\xac\xcc\x95\xee\x95\xee\x01\x0bl\x9b\x9b5\x98Xm\xac}\xb0Tm\xd1\x15\xf3\xfc*\xec\x17gn\xd8!\xac\xa3\xc3\xc10\x19\x1e\xf6:i\x06\xc4\x91PA\x10\x8e\xce\xce\xdaO\x1f\xfdl\xefO\x16\x15\nOY\xc8\nP\x9a\xca\x18\xa1\x15\x90\x0f\xf8;5\xc5\xb1D\xf5\x9b\xbf_\x9dY\xa6\xf7&amp;\xae\xa2H\xa9fv\xbd\xf0\x1a\xa8Z0\xf1!\xb0^&lt;\x1f\xd9n:\x04\x16:j\x18\xc7\xc3^;\x05\x08Pr\xa4\xac\xe26\xc0&gt;\xfe\x99\xbc\x98|\x07J1\xf0\xc8\xb0M\x10\x94\xcc@\x05S\xc93bZ\x9c\xce"\x95\xe6\xf1\xf8\xd9\x1cq\xcd\xaf\xae\xd76\xd7\xd7Wk{]\xb2\xae\xb1To5\xf7\xb6\xe92\xeb\x9d\x9d\xe7\xb1n\x07\x9d\xf6\x00\xd5\xee\x84A&lt;8L\xe20r]\xcfu\xa3\x08&lt;Q^A\n\xb0ON\x7fj\x05\x9f\x94\x14\x99\xf1\xca\xa4R\xf84\x12\x95*\xa9\x02\xa4\x12\x11\x12\xb9\x8d\x85w\xb4\xcf?\xba5G\xef\x97l\xee\xee\xee\xd6j\xcd\xbdV\xa5^\xafW\xf7`&amp;L\xdc\xd9\xf9\xf4k\xd70\xa3t\xd8F\x8fw\x92\xd0\x0b\x87\xfdN\x10\x87\xae\xe7y6\nln\xe4\xf2[ v \xd8O\xfc2\x92I\xf9G\xa8\x14\x8d\xb2^R5\x81\xbaK*L\xe5\xa1\x8a\xbd\x97\xfc\xfd\x93ep\xd5\xba7\xbb\xddfs\xaf\xbbR\xad\xd6\xab\xdb\xcd\xfd\xf9Z\x05\x9d\xff\xfc\xe2T+{a\x82\x16O\xa1\x91m\xc7\x838\x8c\xdd8 (\xdf7M\xdf\xb7=\xaa\x0c,\x1e\xb5!\xd8\x8f\xfd\xe4_V^C\xc9\x04\xc5\x98\x9aSI\n\x9a\x1e:\x91\x95c\x1b\x0b\xa2\xf4\xe8s\xac\xd0\xeb\xbb+++\xddn\xabRE\xad\xecm\x02\xb4\xd2x\xf8\xe0\xd5\x81\xe6xA\x9a$)|\xf3L\xdb\x0b\x02\xd3\x8ec/\x0e|\x93\xa8\xca\xe52G\x03\x1b)\x17\x05I\xbb}\x06\xc1&amp;\x7f\xa8\x95\xfa\x86T*5YN\x85\xc6\xc2\xe6F\x92$\x92H,N\x15\xc7\xf3(J\x07_\xbc\xb7\x00\xac\x8d\n\xc8*U\x80\xb56\x17h\xcd\xbe\xff\x97\xef\x14PE1\x06.\xf2l\xb3\xec\xb8\xf8\x00\xbc0\xb6\xe3\x88\x80p\x17\x8a\xd8\x88\x0cln\x84\x14k\x8f~\x10bW8\x95 \xd0\x8dL\t\x8a\xaeG\xcb\x13\x96ZP-K\x15\x99*Q\x89\x1c\x8b\x8a\xc0\x84\xef\x9f\x94j+\x1b\xbf\xdd\xd8\xa8\x00\xaa\xb2\xb2;\xbf\xbc\xbcPk}}\xacj\x8e\x1da\xda TY7\xb42\x1a\xdd\x0bC\xdb\x0e\x03;\xf5t\xabL\\\xba\xae\x13Z&amp;\x9a\xedEa\x82\xd6\xf4\ty2\x00\x00\x03\xdaIDAT\xff\xaf\xdf+3E\t\xcad9\x97\nY\xc5x&lt;\x00K\x11%\xc3\x02\x12\xc3C\x18iV\xa4\xca\xc1Dv\xfc\xacvs\xa3\xb1DX\x95\x95\xe6\xfc\xdc\xe2\xe2\xdc\xe6\xb3G\x0cTh\x19\xd76\x1d&lt;\x83S\x16\x0c\x1f\x8e\xa6\xbe\xe6C\xb5\xd4\xd6,R\xcaq,\x8b\x939&amp;\xa1yA\x98\x8c0 \x8f/\xdf\xb9\x8b\xb8\x02\x0f\xe3\x7f(\xdes8PY\x1a\x13\x91\xa6*\x932)E\xbe!\xa4\xa0\xc8\xc0Dv\xfal\xaf\xd2X\xaa\xd2/\x87\xa8\x95\x16\xb1g}\xef\x8b\x03\xd5p|\xcf\x85{:-\xae\x86\x1dX\xaa\x85\xf6OmE\xf5];JLM\xb38\x8fn\x11\x99\xee\x90\x99^\x14\x84i2\x1a\x8d\x92c\xee$\x82\x01\x11\xca\xfb*[p2(\x14\xc4RE\x84\x036\x82\x12\xe3\x8f@\x83I\xaf\xb9(\xc0$\xe7\x02\x81U\xaf\xdc\xdc]\xbfz\xed\xee\xdd\xb7\xff\xf4R\x12\x0c\xdd\x84-\xa6\xce\x17WI\x8bb\x9f\xd8\x92\xd4S\x98\xe0\xb8^\x9c\x1a2\xce\x98+\x95\x819\xd4c\x9e\x8b\xa4\x8d\x93Ng\xf4\xf8C\xfe\x1d\x0f\xf4\x15\xf5\r\x13\xde\\\xa0Q\x86\xa5\xe0\xd5\x0eS\x00\x07$\x19`\x12\xe4\xc2\xc2\x9dk\x95\xf9\xa8\xbf\xba\xdfX\xaat\xd7K\xd7\xee\xde\xbe\xfd\xd9\xbf\x99\x00\x8fL\xdeR\xb4d\xc0|3\x8d\x0c\xca\xb0\xd43p\xea\x96\x17$\x11\xa2\'\xe7\xcaZ,k}\xca\n\x0e\x96\x9cN\xf0N\xc2\xe10Y\x97z)9\x95\xc1\x88\xca\xc2\x1c\x82J%\xbd\xd0\xf4\xa2\x94\x19\x99\xb7\x97\xc8\xb4W\x0f\x1b\x1b\xdd{3o\xdf~\xff\x9b\x0f%A3p$\xcb\x18/\xaeXR\xed\xd8\xb5\x1c/L]\x9d\x1a\xc1\xb0\xe3N\x99\xc9\x8a\x85\xd6w8\x99\x93\xa5\x05%\x99\xeb\x06q\x07[\x8c\t\x92J\x1cGQ\xc6\xa5\x8c\xb1T\xa2\xd2\r\x81&lt;\x04\x15\xd1\xf1y$#\x0b\xe3\\\x95\x98\xf6\xdd\xfdF\xf7\xde\xec\x1f&gt;{\xf9{)O\x15\x85w(\xc3\xa7\x16\x9a\xc0\x8f\x91Z\x01\xb2\x01\xd9\x88g\xf4\xd3Ta*\xe8yLdIQ&amp;.\x1e\xb1\x01\x1a\xac3\x91Qa\xb8\x8a\xd4)\x97\\*\xfe\x1b\xa9\xa4\xe8\xbaB\x06S\x90\xd1s\xd2\x8dH!vY\x9c\xebA\xbd6\xfb\xfe\xb7\x92\xc4cE\xe3\xb1\xc7\xd7\n\xdb75(c\xa61\xfc\x89|C\xa6\xe7R\xcc0P\xe0\x82C\xf1\xa5\x8f\xb1h\x1e\xa9\'\xb1\xebh\x0f\'$\xaeU\x96\x91\xe2\x98K%,\x0b*)z\x19N\x8a\x8c\xa7\x03\xcb\x8b\xb8\xc6\x02\xd3\xf7\x00\x00\x13&lt;\xd8~\xf2-&gt;\xc9\xa3X\xe2TF\x99Y\xaem\x01Q1\xe3$@`\xe8\x94~L\xd6\xcaa\xac2\xa3\xec\xfb\xcek\xbdL\x0e\x06\xc5\\,E\x13\xd9\x01\x8a\xc5\xf1\x99\xb3|\x1c5\xdd\x90$\xd52\x1dlNy\xbb\xe7b\xc9\x02\xce\x18\x9dN\xddOE\xd9\x0f.\xf7\xe2e65\xdcgx\xaeb\xebf[\xcc\x8cl\x8d\x91^q\x82u\xda\xd7\xf8\xd9\xc9\x9a\x19F\xaa\x01m \x16\xe6\x10\xd1\xf5\x06\x99\x87%r\x82k\xf5&amp;\x16\xa3\xfd\x1f\xc3\x94\x0b\x123LS\xc3\xf1\x99\xcc\'\x95\xf1\xe3\xcaY~\xa9\xd9T\xf2\xa2\xaf\xa1\x0f/\x8b\xf1,V\x94\xb2\xa7iv\xe4c\x0f\x00\xae0\xc1J\x84\xee\xe2\xe7\xa6\xe9\xae\xeb`\xd9q\xf8&lt;\xea\x8ei\x11\\\xc6E6Np\x1c\xea,z5\xcf\x0f.\x90\x0b\x82\xa1\xa2g\x1c_\'\xcbd&amp;f\x07E\xe0B-\x99K%H\xfc\xce\\\xb3B\xfe\x08\xde\x07\x04\x05\xf7\x15\xd5\xb6\x15\xcb\x8d\xca\xb4\xec\xc38\xec\x02mK\xc53\xe0\x18\x8a\xeeB=\xd32x\x9e\xeae\x8b\xc3\xe5r\x85i\x8e\x95-\xc0\x1c\x8b\x8e\x8d\xde\xa5 \xd5}_\xa1\x83\xd3T\xf0\xa3\xc2\xcd,&amp;p\x87$Hc,\xd2\xbb0\xd6\x8dvCX \x1c\xdb\xd4d\xcd\xf6\x8dr\xe4:8Q2\x0e\x8d\xef\x1b|\xf5\xe5\\\x1dW\xd7\xb2\\\xd5)\xbe(\xee|R\x0b\x0b\xd5\x7f\x00a\x8c|\x9e\xc1`jH\x00\x00\x00\x00IEND\xaeB`\x82'</t>
        </is>
      </c>
      <c r="M130" s="3" t="n">
        <v>45492.67690972222</v>
      </c>
    </row>
    <row r="131">
      <c r="A131" t="n">
        <v>358166</v>
      </c>
      <c r="B131" t="n">
        <v>1957</v>
      </c>
      <c r="C131" t="inlineStr">
        <is>
          <t>Alex Santana</t>
        </is>
      </c>
      <c r="D131" t="inlineStr">
        <is>
          <t>Alex Santana</t>
        </is>
      </c>
      <c r="E131" t="inlineStr">
        <is>
          <t>VOL</t>
        </is>
      </c>
      <c r="F131" t="inlineStr">
        <is>
          <t>VOL</t>
        </is>
      </c>
      <c r="G131" t="inlineStr">
        <is>
          <t>VOL/MC</t>
        </is>
      </c>
      <c r="H131" t="n">
        <v>182</v>
      </c>
      <c r="I131" t="n">
        <v>80</v>
      </c>
      <c r="J131" s="2" t="n">
        <v>34831</v>
      </c>
      <c r="K131" t="inlineStr">
        <is>
          <t>Right</t>
        </is>
      </c>
      <c r="L13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0df4dad7-4d88-45d7-8030-3eccb05918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/$\xf0!\x00\x00\x00\tpHYs\x00\x00\x0e\xc4\x00\x00\x0e\xc4\x01\x95+\x0e\x1b\x00\x00\x03\x00PLTE\xff\xff\xff\xf2\xf2\xf5\xe5\xe5\xe7\xf4\xf4\xf8\xfe\xff\xff\xf0\xf0\xf3\xf1\xf1\xf4\xee\xef\xf2\xfe\xff\xff\xe6\xe6\xe8\xf3\xf3\xf6\xf4\xf4\xf7\xf5\xf6\xf9\xe9\xe9\xeb\xf5\xf6\xfa\xe3\xe3\xe5\xe8\xe7\xea\xe4\xe4\xe6\x16\x07\x08\xe2\xe1\xe3\x1e\x13\x13\x18\n\t\x14\n\x0b\x1b\x0f\x0e\xf7\xf7\xfa\x17\x0f\x10\xee\xee\xf1\x12\x07\t\x19\x11\x12\xea\xea\xec\xed\xec\xee \x16\x16\x15\r\r\x1d\x10\x0f\x19\x0c\r\xe0\xdf\xe1Z1#!\x11\x0f\x1b\x0c\n"\x14\x12\xdc\xda\xdc\xde\xdd\xdf\xa9oX\xb3}eS- _4$\xfd\xfe\xfe\xb8\x82i\xa7mV\\&lt;.K*\x1f\xb9\x84k\xd8\xd7\xd8\xa6p^\xb0{e\x8b]L\xa5jSb=-\x1f\x0c\t\x94_I\x8d`QP2&amp;C+#`8(\x9bfQ\x98bMV4\'$\x17\x16\xb3\x7fh\xa3lW\x8edV\xa0hS.\x16\x10#\x1a\x1ah=,?(!\xb7\x80gsC0\x89VA.\x1d\x19\x85h`\x90]J6!\x1bF/\'\x81YL\xabr\\\xcf\xcd\xce(\x13\x0egA0\xd5\xd4\xd5\x83R?\xa0fO\x95j\\L/$\xafwaf8\'\xa5gNrG5Z8*; \x18G$\x1aM4+\xb1zbN80m?,\x83UE\x1b\x14\x15`@3Y=3\xadu^\x95fV@%\x1c\xae~l\xaft\\\x9cbK\x8cg\\\x8fYElC2\x7fSD\xfc\xfc\xfczO&gt;$\x11\r\xb2w_(\x1d\x1cgF;\x86YK\x94bOT9.9% NB&gt;\x8bYG\x87WF1 \x1d\x7fQ=zK8R&lt;4M=73\x1d\x17)\x17\x13\x9cjXQ%\x1ayF3pI&lt;[,\x1e8\x1b\x14\xfa\xfa\xfa\x9bm`\xd2\xd1\xd2SA;\xa1cJ\xc6\xc3\xc3\x9a]Gl9&amp;\x85^QXMJ\x84N8\x89R=\xa9s`\xabzg\xackT\x7fK8-\x10\x0bySF\x88ng\x83I3\x96ZB\xb3\x83ptM@bC8\xbc\x86n-\x19\x15\xa9vc2\x19\x13\xf0\xf0\xf1|D.\'\r\n\xbf\xbb\xbb\xb7\x87t\x8emc\x91V?\xacpXE4.6\x15\x0emF9TGC\xcd\xc9\xc8? \x18\xb4\x81m\xa1o]\x8eR&lt;t?*\xb2\x87v\x81`UmL@\xb6\xb0\xaf\x87cXqRG\xf5\xf5\xf7\x8bupbVS\xc0\x89ruK9\xb1pW\xb6~duXP\xadgO\xb5zb;.*\xa0seJ\x1b\x13\xbapVi1 @\x1a\x12\xbf\x9a\x90\xa5YTZD&lt;{c]\xb9t[\xba\x8e\x7f\xc3\x8dy\xa2zn}ts\xad\xa7\xa6\x8aL7\xa2]F\xa9\x81u\x95\x88\x86\xc2~fla_\xaa\x8b\x811\'&amp;\xc0\x83l\xb0mm}\\P\xb5kRD96\xae\x99\x93\xa2\x9d\x9d\x97Q&gt;\x97\x8f\x8ctlk\xbdy`dLE\xbd\xa7\xa5\xc4\xb4\xb3r&gt;6\x87}{\x8f\x82~\xafbI\xb4]]\x9a\x95\x94\x7fmj\xb5m\\\x9a\x7fv\xb7{}\xb5|i\xe7\xa6hM\x00\x00 \x00IDATx\xda\xdc\x98\xedOSy\x16\xc7g\xf6\xc5dg\x123\xb3\xdd\xde\xd6.\xc4\xf6v\xe8\xbd\x0c\xd0\x1b R\xba-\xe5AZ\n\x18\x1e\x842UX\x90Q\xa1\x80\xa0\xb5\x80P\x1bP\xa0Z\xac \xb2\x16\xb1Pqx\xea\x12\x1eD\x1e\xca\x80\x15A\x10\x9b\xd9\xb0[\xcc\xfa\xc2l\x14\xa3aH\x88!\x10\x92e\x12}\xb3\xe7w\xc1\xcd\xfe\x01-n\xf6\x94\xb6\xb7\xf0\x82O\xbe\xdfs\xbe\xe7w\xfb\xd9g\xff\xc7E\xd1\xb5{\x01\xaf\xff\x13L\x9fQ\x15\x15\xcdP\x0bCC\xdfNM\xf9\x0f\xed\xa7~\xfb\x89\x81@\x9e\xfd\x7f\xf8zjnnn\xf9\xfd\xc6\x07\x97\xcbr\xf8R\xfd\xe6\xdb\xfb\xfe\x0b\x1f\xe5\xfb$\xd6}\xf5\xe5w\xf7\xb7W\xda\x1ciiiF\xa3\xd1\xac&amp;cI\x81\x80\x8cO{\xf7\xe1\xfd\xdc\xb1}\x0b\xd4\'\x91j\xe1\xe6\xb6\xc5\x91\xc2\xc6\xb9EE\\.\x97\xc9d\npT\x02=*\xf5\xe1\xc9\x8d\xef&gt;\x01W\xf3\xcdW\x0e\x12\xc30\x0e\xdb\xb7\xa8\xa8\xc8\xd7\x97\x03\xc5\xc7\xd88\x9b-\x80\xc2\xe1\x99\xe2Z\xfe\xdd^\x83-\xdc\x9f\xd4\x13\x18\x8f\xc7g2y\xbe\xbe&lt;\x9e/\x07\xc8\xf8\x0c\x06\x9f\xcd\xc7\x998) $\x02\x81~p\xe5V\xf3^\x82Q\x0b\xef\xdd8\x0f\xf4\xf1\xe5\xe0|&gt;\x10\x01\x16\x87\xc7\xe2\xf30\x06A\x10\x18\x06V\xe2\x02R\x80\xab5\xcb{\xd8a\x15\xbf\xd9X%0\x16\x8f\xc7\xf1\xe5qX&lt;\x16\x87\xc9\x83\x0f&lt;\x16\x8b\xc5\x07\xc1\x18`-\xc1\x8d\x15\xe8\x05LB\xe2X&gt;\xb0G\\\xd4\xd0\x9c\xab\x1f$\x01\xbf\xd84\x0b\x8b\x83#,t\x85\x900&gt;\x08F\x90$\x12\x0c\x1fN[\x99\xaa\xd8\x93X\xf0\x7f\xe56K0&gt;\xa2\x02\xc9|\xe0\xc1g!\x18\x8c\x81\xb8\x18\xf0\x17\x02\xc71\x02|\xd4\xebA2u\xfd\xdc\x17\xd4\x1eL\xa0+6V@\xc0\x7f&amp;\x08&gt;\xc1\x00*\x1f&gt;\x82\x01\xf3\x18&gt;&gt;p\xc5"p6\xc1f\x13\x0c\x8c\x10\x08\xa0\xf1I\xf2\xd2\xdb\x03\xde\xce\xd6\x8a\xb9\xc9X\x92\x8bC\x0e@o\x83@&gt;P\x18\x06/\x08\xca\x07\xf4BW\xc8I\x9c\x8f\x04\xa3;_p\xe9\xd7o(\xef:x\xac\xdeLBv\x02\x17\x0b\x9c\x03\x16\xc4@\xeb\x84\x00\x19\x08\x8aAk\xc7\'0H\n\t\x93D\xd5\xbf\xed\xd5\xc6\xa7~\xbfb&amp;c\r\xb1\xa4\xd9\x8c30\t\xb13v4\x96\xcf\xaeb;v\xc2\xef\t&gt;d\x1a\xce\xe4"0u\xda\xab\x03^\xc4\xda\xb7\x99\x12kHI1\xa6\x9c\xbc*\xc1$\xc3\x12\x0ca\xc1P"\x1c\x16\x10\xb1h\x07i*\x8c`\xb2\x99\xa0+l%\x9cK\xea\x8d\xf7)\xef\x85\xe8\xc6%\x83\xc1\x98\x96\xae\x89\x8c\x1c\xc4$\xeax=\xad\x8a\x80\xd8\x15\x08\xda\x1d\xb9\no\x1c\x98M\x04\xc5MH\xe0&amp;\x00\x18) \xdf{\x0f\xeb\x96#\xc5x8\xdd\xf2\xe4\xc9c\xd9\xa0d\xf8\xc6Y5\x06T\xfa~d&amp;h\x86\xeccA\xd33X&lt;NQ\x11hd0pq.ww\x8do~\xe5-\xac/6\xd3.i\x8a\xb7^\xac\xaduE=\x98x\xee\x17\xd4)\x81\x06\xebO\xd3\xa3X\x97\xa0\xad\xc3\x83\x85\x88\xb6\xa3/\xd7\x002\xc1\x93\r\x19\x86|d\x92\xab\xcb\xcd^J\xacew\xa4fk\xb1{T\xa5:_\xde\xd4 L\xf2\x9b\x18\x960$7\xce\x0e\x13\x04\x1b\x02JB\xb0}\x99\xe0Y\x11\x9ct\x8a\x12\x0c\x00\xc5\x84\xbc\xe5\xf3i.\x9c\xac\xf1\xf7\x8e\x85\xc7j\xdc\xf5[/\xbaG\xad\xaa\xc2\xc2\xca\xf2\x82\xa4+\x05\r\xcf;\x87\x87;\xaf\xaa%\x12\xd2\xacV\xeb%\x00\x00\xcd\x84\xaa\x08t\x83\x18a\xb3aE\xb1\x99\xa8\xcbb\r\xeb^\xc9\xd4\xe6\r\xc7\xe4\xd6b\xea\xd3\xf9\xaa\xc2\xcc\xcc\xcc\xcb?\xb6\xb77\x16\x08\x1b\x9e=\x9f\x98\x98\x008u\xfc\xa0\x1a\x8a\x04,\x085.\x97\xcd\xf2\x81\xc3\x17\x81\xf2c\x07\x96In~\xee\r\xb1\xfc]\x96\xad\'\x8b\xa9\xa3\xd6\xbaL\xbal\xd36[\xfb\x95\x1f\x1a\x8f7\tA\xb5\xce\x89\x93\'O\xde\x18\x8c\x07\xd1\xf4l\xd4k(,\xd88\xcc\x01\xc6\xe62ABf\xec\xbb\x83\x947:\xab\xcd\xb5\xd8\xb5\x96\x9aj-\xbc|\xf92\x8d5==66V\x96l\xab\xcd,\xf7{v\xaa!\xa8\xa1!4\xf4\x14\xa8\x07\x93\x00\xa3\xc9\xe4\xf0a)B\xdb\xe1Lz\x1a\xc9\x94\xf5\n\x8fsQ\xfbV\\\x8b\x8b]\xb3\xa9\xf3*0\x10\x1c\xb4\xd9\x10Uook\xabT\x97%\xcdl\xfcWRc\xe3#aSS\x93\xd0\xef\x19\xb8*\x91\xe8!\xdc;\xe3\x07;\xe1\x1d\x96(\x9cs\xb8m\x9e\xdf@\xd4-\xd7\x8b\xc5\xc5\xb5\xd9\xf9YUf{f&amp;P\xd9^O\xd3T\xad\xad\xba,qtLY\xed\x91#\xd2\xcc\xa4GIW\n\xafD5\x80f\xf1f\xf3\xe0\xc4\xc4\xf3\x1b\xf1j\x08S\x01\xdc\x14q\rs\x9e\xc6\xa2\x9a\xd7W^\xcc\xae\xa9\xac\xf3V\xe8\xf8d\x1b\xed @\xe9\xb2\xa0\xc4b\xb1R\x11\xb6\xf4\xf2\xe5R\xb4\xf4HrrYYr\xe3?\x84~\r\xa7\x9e!_\x1b\x1e\xa0\x8e\xd3\x9b\x8dFC\xc2\xca\x90\xa7\xb9\x866&gt;\xa4\x02\x96j\xd6\ns\x08\xffz\xac\xac\xb5\xb5E)V\x04\x84\xdd\xb930\xd0\x01\x8f7\xbf\xbc\xe9\x08SFK{{\xa5\xd22[OcR\xa2P\x18%\xf4\xf3\x0b:\xf5\xe0\x01\xdcH\xba\x1dF\xa3{\xca\xd3X_\xbe}\x9a:k\x05,U\x15\xc2\xaa-;\x12\xa3S*\x15\nD\xd5\xa1\xb5\xcf\xcc\xa0\x1f\xed\x80B\x99\xd5\xa2\xd3\xb5\xe8Z\xc7^\xf746&amp;\x15\x14\x00XPPhvv\xba\xc6\xe2^5nx\x18\x8b:\xf8k7`\x01\x17\x98\x08T\x80%\x8d\x010EX\x18\x885\xd0\xd1\x01h9\x8a\x80;a\n\xa5B\x99+\xce\x82^\xb3\xf5\xf4\xdcK*8.\x14\x82b\x87\x0e\xe5\x99&amp;\x1d\xeeU\x97g\x17#Uqk;u\xde\x8a\xb0TUu\xb5\xb54Vuu\xf4\xc3\x87K\xa0\x95\xd6\xae\xd5j;\xb4\x1da\xc1\x01\xc1ws\xb3\xc4\xf0\x06\\\xc9\xed=\xf7\x1e\xddN\x8c\xda\xc1\xbah\xb28\xdc\x8e\x1a\x7f\xca\xb3\x1d?\xf7\x94\xc6\xaa\x82\x02\xac\xb2\xda2\xa9T\x1a\xad\x0c\x0b\x1b\xe8\xb0\xcf\xa0\xc7\x0c\xf2P\x94s\xee\xaf\xb9-\xb9\xb9\xb9-YY\xba2[{\xcf\xa3\xdb\xc7\xa3v\xe4\x92\x99,\xf5\x8ew5\x1en\xae\xcf\xd7\x01\x0b\xb8T\xbbX\xd0Z1\xd5\xd1\xca\xe0\x1d\xfb\xec;\xdd\xe5t\xda\xe5\xe7\xc4--\xb9-\xd0\\\xbdc\x80u\xef62\x91\x96\xcbd1\x99\xea\'\xe7&lt;\xba\x17\xa9o6\x10V\xc4\x8eZu\xe1\xd0X\xd511\xd1JE0\xb4&lt;\x9aD0rfd\xc4&gt;b\x17\x05\x88\x91X\x805\xddN\xab\x05L\x88\n\\\xd4\x98,5\xeb\x9e\xbd\xf9?\xf8\xb6;u&gt;."&lt;\xbc\xaa\xb6\xae\xb0\xae\x16\xc60F\xa7\xd3eAB(\x82QFd\xdc\x91\xdbGP\xc9Kh.\x10\xeb5\xdd[\x1f\xb1d\x9azM\xbder\xc3\xa3\xf7\xfe\xd4\x14\x0cbi\x1cpA\xb7\x83\x89`!`\xb5d\xe5\x8a\x83Q\x89\x81$@$\n\x94;G\xe4\xa2\x92\xf1\xbbb\x1a\xab\xe7\xde\x0eV\x13\x8d\x95\xa7\xd1h\xea\xdb\xb6=z\'\x0b\x83\xd8=Z\x1a\x17\x01r\x01X\xdd\x11\xd831\x10\xf0\xe2\xf1\xf1\x80\x8c\x92\x9c\x0b\xe7\xee\xfe-7x\xfcB~`\xa0&lt;\x10&gt;\x8d\x07\x07d\xb5\x8eM\xbf\x06\xac\x82\xff\xc2z\xa7\xa9\x99\xf4\xe8\r\x10\xb5\x7f\xee\xe9\xaeZ4\x18\x8d\x05P\xe7\xfe\x1e\x18\x08\x02\x05\xe6\x97\x9c\x1b\x1f\x1f\xbf@s\x95\x04\xdcE\xc3\x88\xb0zh.\x94\x10A2\x19\x92\xcb\xd2\xb6\xb9\xcf\xa3\xabg\xfd?X\xc8G\x08\x87\x18\xa5x\xfcB\x8e\xdc\x89:\xcan\x1fq\xe6g\xe4\xe4\x8b\xe4r\x84\x18\x90\x11\x10,\xd6\xf5\x8eMCs%%\x15$\x1e\x8f\x82|@X&amp;K\xdb\xca\xd7\x1e4\x91:\xb0\xd1\xbd\x83\x15\x81\xb0@\xaa\xe8\xe8k\x0fKr \x1c \xafFf\xecv\xa7\x1c:+P.\x87\x8cp\x8a\xb4N\xd1\x1dE4Z\x8c\xf7\xe0D\x81|&lt;$;DcM\xae|Kyv#\x02\x164W5\x98\x08\x0e*\xafU\x87\xc7U\x9f\xf9\xd3\x99?\xc3\xb9\xe1\xcd/\x90YrT \x97s\xc4)\x87\xd4\x0fS\\\x83\xd3\x84\xed\xc7\xc6$\x1a\x0b\x89\x95\xa7\xa9\xaf\x99\\\xf1\xe4\xf7\xa9\x94?\x0c"\x8d\x85\x9a&gt;\xa2\xba\xfa\xcc\xf9\xa3!}}}[\x8f\x9f,\xce\xce\xae\x8d.\xbd\x01\xd1@0Q\xbe\x08,uj_.U\x9f9\x03\x8e\xd7eV\xfe\x0c.\n\x83dy\xd9\xe94\x96\xcb\x83\x07g\x8a\xfa~{\x17\x0b\x82+"".\xe2\xba,2\xf2\xb0\xdb\xedv8"\xd3\xf3.\x86\xfc\x14\xb743\xa3uB\xbbw\xcc\xfcs\xa6#\xee|eee\xd7bW\xd7_\xae_\xbf^^\x9e\x18\x05\x0efg#\xac6\xd7MObM=\xfd\x88Ue\x8d+U\x95\x9f(\xb6X\xde\xad\x1a\r\xab\x06\xb59\xfedh\xe8\x1f#`Y\xdb\x9d%\xc1\x19v\xbb\xf6\xe1\x0f\'\x82N\x9f\xbeh2\x15_\xcc\x03\x9e\x90\xa3GC.j\xf2h\xac\xc9\xb6\xef=\x89u\x0ba\x8d\x96\x96F\x84[\xe7KU\xa7\x0f\x15\x9b4\xe9\x87\xd3\xcc\xe6\x04Rb\x8e\x1f\x0c\r=a}\x08\x0bH\x9e\x13\x9c\x9b!\xca\x89N\x0c=\x15y\xe9jJJ\x7f?z^\x95\xf5\x9dF\\\x08\xab\xc6\xb3X\xf7\x11\x16\x92+&lt;\xbc\xd4zT\x96\r\xd69\x8a\x8bM\x91pP\xef\x1c&lt;\x9b}\xe2q\x9d2l@+\xca\x0fh\xd1e(\xa4?\xc9\xce\xa6\xc5\xebq\x1c\x97\xe0\xe8\xeb\xc0xY__\xb1\x06\xa8,\x9eV\x8b\xc6\x1a\x85\x9c\x87\x8c\xf89*$$\x04\xdd0\x8e\x96\xce&gt;9-\x0b\r\r:\x91X\xf9o\xd6\xcc\xf6\'\xcd4\x0b\xe3\xdf6\xd9M\x9a\xc9\xeed\x93\xfd2M\x9au&amp;\xbb\x16-\xeahyDy\x8b\x88\x8bJ\xab\xe8\x94\x15\x91\x17Q1R(\x14\xac5\xf8R[P\x17Y\xd4\x94\x01E\x0b*T\xdd\xb6t\x1d\xdfZ[\x1d\x89\xb6\x83Tl\x00\x89"\xd3\x95)\x9d\x12u\xd7\x1d\x9c\xee\xd6\xc44\xdd\xf3\xb8\x7f\x82\xdc\x1f\x9f/\xcf/\xe7\x9c\xfb\x9c\xeb\xbaO\x11m0\x034\x17\xcd&gt;I&amp;3\xf8\x02\xe9\xfdK\xd7\xbf@\x1f&amp;\xced^?\xf3\xf9}\xa6x\xa3\xbd\x06\x1d\x89\xfd\xfd\x8f\xe3\x8aut42r\x8c%\xc9j*\x01\xa7\xd17&lt;\xda\x00%=&amp;\xc8\xe6`\x12\x88"\xcd\x80\x1c;Uq\xe5\x1ei\xde\\\xc6\xd0()\xd2\xee\xbc!\xd4\x8d\x15\xb7B\xd8\xae_\xca\x93\xde\xdeh\x07\xfd\x10\xf7h\x1d\x1d]D\xc3\x95\x9b[.\x91@\x81\xd5\xd3\x13\xb29\xcc|\xf0\xd1\xdd\x95\xeb\xde\x04\xba\xc8\xb1\x1d\xb6\x00\x16\xde\x0cz\x94\x8b\x11\xa2\xdf9\x1b\x07\xcb\xcb\xcb\xaa*B\xe5\xfd\xa1&lt;\xc2F;T\x16`\xfd9\xae%\x7ft\xb4yqdd\xe4*`\x15\x155\xad\xe8\x85\xf9\xc5\x7f\xfb\xe2O{g2/tWV\x02\xd7\x82\xc3\xce\xc3\xa5\x93\x06t&amp;}\xd7z\xf7\xcc\xd0\x8c\xb4J|p\xe0\x1c\x1ev\xaaTc5\xf9\x9d\x9d\x1d\xb7Q\xac\x1b\xdf\xc5S5\'\x7fyL\xf5\x1c\xb2(\x914gi\xe0\xd7\xcc77\xde\xbeyy\xe6R\xff\x81t\x0eC\xa4\xeb\xcc\xa8k\x9ct\x98\x92\xbaf\x86\x86f\xf2A"\xbfl\xbdu\x7f.5[0\xa6\xaaka\xe6O\xa39\x04\xacx\r\x1ft]\x99\xfc\xebW\x9b\x17/\x1ece5\x9fW\xc3\xec\xc5P6\x0f\xe6Z3/\x15\xbfz\xbf\x9c\x904\xda`\x05\x8fm7\xce;\xfcz\xefP^~\xbb8u\xba\xff\xed\xdb\x1b\xbf\xf9mf^\xa5\x90\x02\xfd\xa1\xea\x98\xaa\xe3\xc6w\x9f\xc4e3{\xed\xd4\xd7\xef\x1e\x9f\xbe\xf6\xe0\xfd\xea\xe6\xe67\x80\x95\xd5\xc6P\xeb4\x1aM\xc3\x8afV\\%\xed\xae:\xba8&lt;&lt;\xcco2oo\xef\x1bp\xf2\x01\x93~\xbd[\xcaL\xa5\xac\xbe~\xff\xe8\xa7\x97\x99\x0f/\xdc\xca\xcb\x9b\xe1\xb4\x08(\xe2\xdb\x8f\x1eA\x1e\xdf\xfc2.\x91\xfa\xe3\x8f$\xfb\xcd\x0f_}\xf6\xda\xb9\xba\t\xd1*\xcf*R0\x06\xf0\xf8\xa2\xa2fI\xd3\xf0\xaaSL\x11\xe8\xf5\xf4\xd1\xd1Z\x9bm\xffp\xd7m\xb1\xeb\x92\x84BH\x9cj\xe4\xdf\xaf\x99\xb72\x87\xbak:\xf2\x1e\x0e\xcdd\x0b\x04)\x1b\xfd\x8f ^?}\x16\x8f$\xf6\x04\xb6\x8d\x898\x9a\xf6\xfb\xc5Q\xc0Bo\xa2\x84D6\xca\x8d\nFs/\xb4\x8a\xda\x15\x11\x8bN\xe7\xd7\x97\xd4\xda\xb6\xc3\xbb&gt;\x9f\xc7h\xa6c\x84\x14A\nK\xa9R\xb5\xef\xbd\xac\x14\xb6P\xe6\xf2\x86f\x84\x18\n\xb2\xd1\x0f\xc1\xda{\x15\x97W\x88g\xdfn\xef[\xa6\xa6J\xb1\xcd%\xff\xc7j&amp;\xcb\x8d\xect*^1?\xc0h\x03\xa9\xda\xc0/,\xd4\xd4\xd6Z\xb7\r\x16\x9f\xcfg1\xdaDI\x98\x84:\x95\x13.\xa0\xf3@\x85 t\x96@\xd8=\x87IH\x10l\xf4\xdf\xe8\xd8\xdb\xfb\xef\xaf\xe2\x80\x95\xfc\xe0I\xf8p\xd7\xe3\xb14\x96jw6\xa1\x9dJP\x05\xa8%\xdb\xe54r\x11c\xc0j\xb5\xea4\xf5m\xe7\x19PW\xee`,\x16\xb4\x18\xcd\x0b\xf4$=\x91\xa5r.\xef\xf4-\x95\xa8\xd5\x9a\x06\xa5\x80\x93\x8a!"D\xc0\xda\xdb\x9b~\xfd,\x0e\x1b\xff\xe4\xd3/\x0e}&gt;\xe0\x92\xc9\x12\xb3\xd0n*\x01\xc7\x83W\xe0\xa9\xe9l\xfb$XX0\xfc\x12\t\xd9h7zv\x83\xbe`,\x08I\xd4\x81\xea\xd3s\x95\xb3"\x11\xbf\xa1\xbe^\xad\xe1s\xc1`\x10YJ\x16\x9a\xc4\xbd\xe9\x7f\xfd\xe2\x0f_\x9e\xd8\x93%\x9f.\xf0E"\xbeC\x8f\x05\x9bX\xbe\x04\xed\xa1\x99\xccf\x93\xb4\x83\x19\x19\xa5X\x9eA.\xa7Q\xa98\xb6!\x1c\xf6\xf8b\xb1\xdd`$\xe6\x96\x0f\xe8\x16\xe8\\\xae\xdf\xa4i\xd0\x88Lp\xb8\\\xae\x92\x85\xb0\x94\xfcc\xaci\xe6\xab\x91Y\xe7\xeb\x13\xd7\xd7\x83\x89\xdd\x88+\x06\xb5\xcc#\xe5.\x82\x98o6\x1ap\xe9wP#\x01&amp;\x8c\xc7\xe3aq(\x14\x14{0\x18\x8cE"n\xc3\xa4uAd\xe2\x9a\x16\x1c\xe6\x01\x06\x83QVVV[\xa6\xe1+\xe1\xd4\x01\xd6\x1eS\xca\x81t&amp;\x9cx\\\xf7\x04\x0e#\xa1H,\xe2\x0e+\xfa\x16\x97\x96rIrvbFEN\x01\x9cF\xb7\xdb\x02g\xca\xed\x0e\x02\x95{7\x18\x8bF\x01\xcb\x0cX~\x93\xc3\x8c&gt;\x16\x1a\xf1F2\x1e\xdf\xa6\x16\x81BM\xd9x\xd41MHE\x10\xa4\xcb{\xe2\xad\xd4\xb5\xaf=\xbePZ$*\xdbW,\xee,]\xcd%\xd1\xb0\x97A\xb2\xa7\x8d\x8f\xa7\x9d+X\x93\xc9\x1a?&gt;Y\x0b\xc6vw=\xbc\xddX$\x1a\x85\x9a\x87\xa9\x08\xd9s\x0c\xd8\x8da\x03\xb8n\x1a\x9b\x84\xbf\xa9\x11\xb1\x10h\xa7\x1dL\x8e\x80N\xd4{\xbbN.n&gt;\xbdw\x18-\x88\xba\x82&lt;j\xc9\xea\xd2\xd5r-6\xb1:\xe7\xee\x93q\x97\xcb5\x91\x96\xf6dbkb\xe2\xe3\x9a\xdbsx\xe8\x8eE]\xd1H\xd0\x82f\xd1T\xe8plO\xca!\xc3&lt;\x1e\x1b\xbd\xb2j&gt;\x1d\xa9C\xb1(\x08\x1d\xe3\xf5\x12O&lt;\xae\x93\x9f\x05\x0e\xd7\xc6CQWZ\xe9\xf0\xf2Ry\xefSj\xe2Y\x08\x95\xcb\x15\xda\x82\x83\xbe\xd1|\x94y&lt;&lt;K0\x12\r\x85BiA7\xcf\x0eE_h\x85\xc1\x1d\xf6\xc8\x1a\xa7p8\x1a\x19\xcf(C\xb1 \x89U)H\x92\xd7\xeb]=u\xf2\xde\xf5\xd8\xc2\xdb\x02\xac\xf1R\xa7s\xa9\\\xab\xa5^F\xa9B\xa1\xad\x00\x9c\x0cY\xa3,\x1c\xe6\xb9\x1b\xd7\n\xe0\xdbV`\xebn\xa3\xc5\xc8Pk\nuf\xbb\x9c\x07)\x96\xe1pl|Q[-\x9f\x85\xa4ll\xd40\x05I\x98u\xaf\xfey\x1cZ\xea\xe9\xad\xb0\xcb\x15\rm=MQA\x0e\xb5\xe9\xc7\xc1\x82X\x05\x02\xdf\xde\xe1\x1d\x86\xf7\xed\x06\xcb\xc7sQ4X\x81\x9f\x03[\x05SrF\x99\xbaAge\x90\xd23*\xaa\xab-&lt;\x98S\x90D\x14\xeb\xf64\x01\xba\xbd\xb7\xcb\xf4\xcf\xdf\x9d\xbc\xa1\xf6\xbc\xc3\x9d\x8bDB\x81^\x8ax)W\xa2\x1d\x84[xn\xdc\x05T[9\x96\xf0\xbem\x1e\xea\xe72\xadY2\xf8$\x04\x9f\\/p\n\xb5\x1a\x9a\xa8\xce\xac\xd0B\x1f\xa9\x9e2@\n\xd5+|e\x1d\xa8y\xa6\xb4\x8b\xc8\xd5\xfb\xf9\x7f\x8f\xc3\x8e%\xf9\xd3+\x8d&gt;_4\xd0\xcbi_\x04\xac\xf4\xb3k\x8dg_\xa4M@ae\x18\xf6\x1d6Z\xa3g\xdf\xe6\xf7z173&amp;\xc6\xcfUc\x15\xcal\x0c\xc2\xe7/X\x19EO\xef\xe4\xc8\xa6\xd8\n\x06P\xf1Yu-\x1b\xed\x84\xd4.\xba\x88k\xda\xf9}\\VP\x01\x8b\xe7\xd0\xc3\xb3\xa6\xb6\xaf.I\x9e\x0e\xca\xdcS\x15\xd5\x05i\x13w+\xd8\xf3\x8e\x05cc\xcc\xbd\xef0\xfd\x87\xd8\xe5\x1fH/\xa5\x92n\x12g2\x1f\xce`\x88&amp;\x9d\x99A\x1e\xac\x98\xc2\x91\x19e\r\xd0N\x01\xab\xbdJ\xcaI\x12\x15\x9aL\x1f\xe2\xf2 \x98\xfc\x98\xa6\xbd\\\xcdFR[\x96\x17%\xe9\xa50\x86d\x8dg\xd3\xeeV\xd0\xe6\x17\xfc\x8a)h\xef\x16\xf9@}Sm\x99\xb5M\xa1\xe6c\x86\x1e\x82d^\xf7&amp;\xe9lex\x1c\x16\xcb\xc3Ca\xa1T\xe2\x96\x1aB7\x85n\x02\x07\x12\xa7\xc5\xcf\xa9\x1f$Wr\x8a\xb2\xf39\xaa\x1dIz"\x8f\x87K\x94e\xdc\xcd\xa1\xce\xfbME\x89\x16\xcf\xee\xae\x85\xa4\xa3#\xb3}K\r\x0bz!\xe8\xf8\xfb\xdd\xeb\xde.\xae\xcelc\xc8\xd9p\x0f\x19\x10,p\xfb\x80U\xd9M\x11\x15\xae\x88\x96\xe3d2z\xde}\x7f\xe5)\x9f\xd0J\xd8\x00,\xb6\xdc\xc0\xc6\x95^\xce\xc0\x02U\x16\x15g0\x84\rF3\xdf\x99\x90\xe0\xdcY\xa6c\xd0\xadS7\x01\x9a&amp;\xb4\x08\x9b\xc3f\x97\xcb\xede+J\x16\x1d\x11\x88k\x98\x9d\x9d\x82\x95\x15&gt;\xfdy\x9c\xd6Q\xc9\x9f\xfcx\xafw\xb6\xb2\x93 ^\x96PAj\xc1XL\xc4N\xfaE\xe54&lt;:\x8e\xad".R\x97\x82I\xa9\xabS\x8d\xb5\x10*\x8b+\xa5\xd9\x08_\xa7\xb3\xd9l\x0b\x0eF\x11$V\ts0\xa5\xbd&amp;?\xaf\x93\x03\xe2\x02\xf9G\x9c\x9e\xc0\x93{~\xbe\xd3;\xdaz+?\xdb\x99Ej\x06\x1dH\xa3\xd1\x14~\xaeD[\xab\xa4\x17\x8a\n\xb9\tI\x18L\x1d\xa5=\x95#\x16\x8b\x99\x95`i\x85\x18\xa2\x92_\xe8\xb0\xea\xfc\x0beh\xcf"\x12\x11\xb0d\x9d\xd7\xf3\xe6\xf4z\xbd3nF1\xf9\xab\x1f\xb4\xaa\xd6[\xc5\x84\xb1\xd1\xa6\xac\x9b\xe7\x9b\xa94\xbc\x89["\xa9\x1f\x13\x83\x90\xa2\'%\xcd"\x08K5\x96\xca\xa9\x12V\x11\x84\xd9\xe0\xb4\xa5\x1c\x8a\x00\xac\xa3zA_\x08\xf7\x90ED\x00+\xff/\x9f_\x9a\x13 \x98\xf7\xf1\xdb\x17\xf4&lt;\xfe\xd0\xdez\xe1Bq\xd5\xd8_K\x1aj\xf1T\xaa\xcd_\x92[\xa2\x12\x8bU`\x9bK\xfa\xca\xcb\xfbJ\xbe)\xe9\xea\xfa\x1f\xed\xe6\x1f\xd3\xc6y\xc6\xf1\xb6\xfb\xc7L\xad\x9a)g_,\xae\xb1\xcf\xc5\x1cD`\xe5,&lt;\xea\xcc&gt;\xa8O\x04\x9bSu`S\xa0\x95/\x116\x16\xb3\x8dpZ\x14cf\x83\xaf\xc1Id\xd3x@*Z\xd0\x88\x88\xf7\x87-C\x84\xb55s\x88\xd0T\x08ID\x15\t\xa4iQ4%tD\tb\xca\x8fFM\xd2*\xa9\x16\xedy\r\xd1\x92\xfc\xb5,\xf8\x8c\x0c\x7f\xa0\xe3\xc3\xf7\xf9\xbe\xcf\xfb\xbc\xbe\xe7\xd1\xb6\tZ\xba\xc3\xe7t\x8a\xce\xb66\xc1Twd\xe2\xab\xbf\x1d\x99\xf8\xa0\xaeJ\xdfB\x87\xc5\x1e\xbc\xd9\xe7\xd0\xa7f\xb6\xf0\xe9\xcaP\xc9\xb5\xb5 \x1b\xe3lt\xb6\xe5`\x7f\xcd\xc0_[G\x1b\xe7R^\xef\xa5.\xbb}\x18}|zuu\xb5\xab1\x1bj\x89\'\xe2\x0e\xad\x96q\xfa|\\\x9b\xa9%p\xa4|\xff\x91\xd6*\x87\xde\xdb\x011DX\xde\x9f\xb6\xf2\xf9\xab\xa6{~)\xa8`\xd3V\xad\xa3\xcc\xb1\xd8Y\xf9\xdblb.\xe5\xf0\x86\xbe\xe9\xaa\xecu\xbb\xdd\x068\xa7uv\x0e\x03\xe0p\xe7\xe8B\xd6K\x0b\x0c\xe7s\x9e\xd5\xb6d\xeb~\xdf\xda\xaaw\xd0\xde\xb0\xb3YM\xc68\x93we+\x9f\xf9H4\xf3K\x16\x05\xc6\xf2\x9c\x8d\x11B\xa3\x8bEt\xa8\xc3hL\x85\xe6\xea\x1e\xe6\xael&lt;\x19\x7f81qd\xe2\xd8\xb1\x0fZr\xc9\x93\xf3E\xcdN\x97\xd7[V\xd7ZU\xe4\xa0\x99\xb4\x9aT\xa7\x19Sj\xbe{K\xb1Fn\x05-\x18\x15\x8cpV\xce\x98\xc8\x16\x19\xc3.\x01\xf5&lt;|\xbe\xff\xe1\x82?q\xe1\xfa\x95\x9f\xaf\xff\x1cJ\xa5~\x08\x97\x15\x99\xca\x8c\xae\xb0\xcb\xc5\x98\x9b\xcd\x9c\xcb(8\xe2&amp;\x93\xc9&amp;\xc60\x05\xc53\x1d\x17\xde\xd8\xda\xc7\x9c%ck\x80e\xe1#i\xab\xb0\x90\xa5M\x02\xc7\x89\xe6={\\\x97\xea\xe7o\x7f_\xb1=3RPq\xfd\xc6\x9d\x95\x1f\x8f^\xbc\xd1\xc6\xd8\x9cN\x8e\x99jNs\x0c\xc7i\xf5Z\x9fM\x8cP\x18f\xf9\xec\xdeJ\xc1\xd6&gt;\xe5\xd4\xfc\xeab\x10\xf5\xf4X\x82,\xcf\x84B\x0e\x93`\xe5\x18\x81\xb1^\x9b\x9f/-\x9dy\xeb\x9d\x92m;\xb75e\xb6\x97\x8c\\\xcf\xac\\\xbcw\x83\x1b&lt;\xd9&lt;=m\x15\x9d\x8c\xd5\xa9E\x9f\xedR$\x86-eNmy\'\xf1\xa9{A\x0b\x9b\xe3\xe2\xa3Fo\x87\xe0\xb3:\xbd\x8d\x8d\xf1?&gt;(\xa9((-x\xabt\xe7;\x05\xa5\xa5\xdb\xde\xfdh\xa4t\xe4N\xe6\xce\x98\xb8G\xba\'-F\xad\xa7\xa3Q\x11\xb5\xab\x938I]|[\x93\x87\xee\x8c5\x0bpQl\xd0\xc2sL;\xe3s\n\xa9\xd1\xbd\xfd\x7f\xe8\\}\xf2\xf7\xfbM\x15\xc7\x0b\n\xde.)\xd9^r|\xe6\xf8\xfcJ\xe6z\xea\xec\xc9A\x9f\xcdf\xe5li\xb3\xb5\x99Rcx1\x8e]\xfb\xe5\xd6\xb7\xb2 \xcf\x07Y\x16E1r\x9aa|&gt;\x86N\xda\xfb\x1a\xfe|\xf7\xf2\xa3G\x8f\xd6\x9f\xfc\xe3\xfe\x83\x07\xf7\xe1\xba}\xf3\xe6\xb0\xc1px\xff\xe7Zc\xc7B\xd8\xe7r\xa5c\xbc\x9a,\x96\x16K\x95\x8a\xc7Cy\xc1\x8a\x80\xbb(\xd6\xc2FDQ\xe4lB\x91\x7f\xb9\xba\xfa\xfd/\xffy\x19\x81\x01\xd9\x93\xf5\xf5u\xf8\xf1\xf2\xdd\xef\x8e=,/+*\x8f\x7f3\x17v\xd9\xcc\xe9\x18\x89\x17\x17KU\xf2\xe0|\x1ez\xd4a)F\x82`.\x96\xa2\x82&lt;\xcf\xc3\xbe\x9d\xb2\x9f\xd0\xcd\xd6\xd6^\xfe\x14\xc0\x00\na=\xba\x0c\xd7\xddc\x0f\xeb\xaa\x1c\xe5u\x01\xc3hHp\xa6\xd3=$\xa2\xc2\x89\xb5L\x1e\x9a\xdd4\xe7\x7fDT\x18\xeaw\x02\xb4\xb4h\xa3+u\xe3\xe35\xb3\xb3\xba\xf7\x80\x05\x94\xda\x80\xfa\xf2\xeew\x13\xc7\xb2\xfa"}\xab\xdf\xdd\xe8\x18\x04\xb1\xd4Xqq1\xae\x92\x8fU\xe4\x03\xab\xfb\xb1%\xa8\xc8u\r\xc3Z\'Y\xde\xa9\r\x0cO\xee\xd3\xe9t\xcb\xcb\xcb\xb3\xeb\x07\xd6\xd7\x97\xd7u@\xf8\xe9o\x0e\xf9\x93^\x87\xfe\xe0\xa2\xdf\x9f\x0cO\x81\xdd\xc1Z\xb9\xd6\xb2\xefw\xe4\xa1\xd7M\xa2i\xba\x15D-\xb79,\x1cc\xa3B\xc2\xae\xfbp|r|v\x18\xb6\xeb\xd5\xd5\xd5\xabW\x97\x97;+\x0f\xf5\x1f\xa4iGKv1\x10\x08\xa4`\xcb\xc1\x8bI\x1cG\x9d\xea\x96;y\x99\xfe\xd1\xbc~m\x13\x0b\xa8\x8a1E\xd4\xb5\x90\xe8\x1d\x98&lt;\x81\xb8\x0c\x89\xb9x|.\xe4\xa5MeeZ-H\x95\x0c\x04\x92\xf1\xac\xc9\x19\xc3\xc0VJ\xc0"\xc9\xb5\xf9\xfc`\r\xad\xac\xb1\x18 \xa9\x08\x15\\\x18\xdf\xee\xa5[*\xc7O\xec\x9b\x9c\x9c\x1c\xee\xd5\xa3\xe7)S\xe8\x1a\xf4\xd1\xd9d\xc0\xed_l\xa1]Q\nWIe\x85*\x95\x94\\\xbbW\x92\x97\xe6aMw\x06\x15\x11\x84R.W)\t\x15\x19\x13O3\xc6x\x83n|\xdf\xbe\x03\x07\x96G\xe7\x84)\xf3I\xb3\xf9/g\x05:\xee\xf7\xfb\xdd\x81\x14l\x9b,.\x97\xcb\n\x0be2)&gt;v|H\x92\',d.\xb9\n#dJ\x82 )\x9e\x8f:\x8d\x8b\x9d\xc0\xf5\xeb\x03\xabW\x97\xcf-x\x1d\x0e:\x15J\xfa\xa1\x00s\xfb\x93\xb4\x8d\xe1I\xb9,G\xa5\x94\x12\x8f\xf34X\x03\tul)\xe8!0\x92\x00*9\x86\xb1\xb1\x88UH\xc29{\xdf\x89\x03pM\xda\xf7\x9eC\xdd]\xfd\xfd\x1f\x7f\xdc\xdf\xebN\xea\x05.\x86\xcb\x95\xb2B4\xce\x82[2y\x1aw\xd3hf.\xb9xEn\xfe\x89 \x08\x1c\x16#\x9f\xd6\xce\xf5\x0e\xebr\xfdnWO\xcc\xdaQ\x9bD%`\xf57\x18z\x17\xf5a+\xa5\x02\xa4\x1c\x16\xb6\xd6\x94\xa7\xb6tM\xf7\xc8\xa5\x0e\xd1\xa2 \x00\x0cq\x11 W\xda\x16\xaej\x1c\x98\x9d\x9c\\\xb6\xef\xb5\xdb;\r\x86\xbe\xce&gt;C\xe5!\xc3\xc0\x80\xff`\x87\x8d\'!|h:\x03\xc7,\xb7&gt;\xca\x97Z\xdd3\xf5\x0b\xed\x11\x8bg\x83\x0bD\xc3\xd4\xfc\x92-\xbc\xd0h\x18\xb6\x1b\x12\xc9\xc6D&lt;\xd9\xd8\xeb\xf6\xfb\x0f\x1f\xee\xdd\xebn\x81Z\x8c\xc5\x94\xe0-\x99T\xa6b\xd7\xf2\x8a\xf5\xaf\xb9v+\x85y\xb0\xdc\x90\x16A\x92l\x9a;\n\x05}"9\xe70-x\xc3\xb4\xe3`\xd6\xe1\xa8*\xd7\xc7[\xb4Nk\x1aVm\xceZJ\x92\x17?\xab\xc8\x1bV\xa6~4\x11BqT@\x08\x91\xc5H5\xbb\xd4\x9e\xf2\n\xc62\x17\x03\xe5\xfbQ\x9b\xcf\x18f\x18\x01\xaa|\x975F\x91\x1b\x93R\x85J\x9c\xb22gJ7\xb1$[\x9eN\x1f\x9c;\xe7\x8e\x87\x8e\x8a,\xc2"\xe4\x1e\xd8\x1a\x83\xbc\xb5\xdd\x85\x0e\x85\xa8\xd6a8+\xd4&lt;Q\xd1&amp;\xf2"\xcf\x12r|c\xaaL\xaeN\x03\xd6\xbb\xf9Rkh\xbe\xcb\xd0\x9b\x88\xa7\xda\xc5`n=b\xa4\x82T\xc0\x11\x8d\x11\xc5\x08\x1f\t\xc2+\xc2\xb3,k\xa1b,\x94\x18\xa4\x1caA\x82Pb\xb1\xbcb\xedX\xe92T\xf6\xfa\x93)\x17\x07\xa7+\xc0R\xa1\xa9\x014\xdb`\xb1\xa0:\xdf\xa3`Y\x8cB\xc4*\xb0\x1d\xec\x06 \x96J\xa9\xc4Y&gt;je\xc66\xb0$[\x17\xc4MOh\xce\xdf\xb6w\xf6\xf55\xb8\xb3\xdev\x0e\xce\x8c(\x90\x84\x07\xcd\r@4Y\xf4\x86Q,\x1as@s\x9d\x84J.C\xcb\xb0X\x85\xc4\x8a&gt;\xa7\x96\xe4\xe97\xc9+cI$\x12\xcd\xeb7\xed\x9dP%W\xfa\xe3^\x14G\xf4\xc7A2L\xa1@\x01\xc5@$4\xea\x80\xe1\xb9EJ\x80\xa9P\xe1\x00\x82\xb2\xe9\xa9\xa8\xcfv\xa6D\x03\xf7\x90&lt;\xe3\xf9\x8d\xdb\xfe\xffP\x1b\xff\x96Ds\xea\xdf\xf6\x81\xda\xda\xf7\x1b\xfa\x03\xd9\x0e[\x04\x00\x88\r\xc1r&gt;\x93\xa3\xd1W\x08*JUh\x08\x16\xc4R\x02\x14\x89Q\xb1\xa9\xa8\x93q\x9dy&gt;AlF\xe0\x15\xa86\xb0@\xad\x9d\x80USS\ra\x0cd\xc3\x1c\xaf =\x04\x9eK\x14H7\x8fG\xae\x94\xabp\x0f\x91\x9b\x9d\x04\xa9\xe0%\x85\x9a\x14\xa8\x06}&gt;\xad\xf1)\x96\xe4\xb5\xadH\x13\x9b\xaa\xa3\x18\x0e5]@X\xb5\xd5\xd5}\xeed\xa8\xe3t\x84R@\xe4\x14\x98\n\r\xbd\xe6\xc4B#\xa7\xc8\xe7\xb2\xdc\x97R\xaa"\xd5\xea\x1e3P\t\x82q\xac\xe2\x85\xbc%y&amp;\x16\x92\x97W\xea\xb5Mg\x9d\xcf\xfc\xf4\'\xc0\xda]S[[\xdd\xe0N\x84\xda\x19t\x10\x02.\xb9\x87\xd8\x18\xcd\x05\x89\x08\x94\x10\x94\x85\xb0\x08\x91\xadH4\xc99u\xb6Mk4\x86\x7f@\xde\xfa\xef\x1d_\xb4\xc9K-?\xc9\xe6;\\C\x99+\xf5\x80\xa5\xd3\xd5\xec\x06\x7f\xf5\xf5B\xbao\xb7Yy\x16\xdc\xad\x00,\x94\xf3e2\xc2\x03\xc9S\x8e2\x83\x14\x98pu\xcft\xb3y\xb0\xad\xac\xac\xc8\x14\x1ek\xd2h^t\xfc\xb3&lt;\xff\x93\xcd\x9e\xf9\x9d\x1c\x94FSr\xa1\xb1\xde&gt;&lt;P\xb3k\xd7\xd7\xbbw\xbfW]\xe9N\xc6C^\xd7i1\xa6V+\x14J\xc2\x03\x06\x87\x8c@\xc8\x00P\xae\xc4\x90Rj\xf5\xf4\xf4\xb4y\xf0\xac\x165\x1b\xd0_&lt;\xde\xd9-\xd9\\\x8b\xaf\x98\xab$O\xa1\xba\x87\x86f\xae4v\xd9\xed\x08\xeb\xdbo\xbf\xdeUS\xdd\xef\x0f\xc4\xe3\xa9\x8ev&amp;\xda\xdc\x8c!\xa9P%\r\xbe\'\xe0\x9cC\xa2\xacA\xa9\xc9\xe9\xe6\xe6)\'\xa2\xaa\xaa\xa2\xbf\xb8\x98yc\x83\xebi\x04\x9e\x13H\xf2\x12\tT\x92\xa3\xd2\x0c\xedx\xf3\x17o\x8e\x9c{\x8a\xf5\xc9\'\xbf\xfbpwu_e\x7f \x99M\xa5\x8e\xba`\x07d1R\x85\x92\x14\xe1\xc1\x01JMQ\xb0\x07Q=d\x0f\n!`\x95W\xd1\xffa\xdc\x0cc\x9b8\xcf8n\x9f\xe5\xbb\x9c}\xce\xdd\xe9&gt;,:\xc9\xfer|\xb0}I\x1c\xb0c\xc2\xb2B\x82\x9c\xbaB\x0e(\xb4\xb6p\xd2%\xcdH\xbd j \x8cB\x16\xd1 \x85%\x14R\x18\xc4S\xa4\x96\xd2F\xfd@\t`)\x9aPQ\x00Mk\xb6\x83e\xae"&gt;\xf6CA\x02\x91o\xa96\t\xb4I\x93\x90\xf6\x7f\xde\xd7\t(e\x1a\x0f\xb1}v\x14\xfc\xf3\xff\xff\x7f\x9e\xf7\xbd\xc4\xde\xf8\x87\xcf\x1eN\x87\x83\xce:\xc5j\\\xafO\xf6"P\x0cJ\xf1x\x14E)\xfd\xf1#\x8e\x95\xa5?^F[\xd2\xe9Q\xacC\xe7\xce\x1d\xbf\xb2\xff\x83\xb7\xb7\xee\xdeu\x06\xa7\xf4?\xff\x19:\xef\xb7g\xce\\\xbd\xba\xeb*}\xd0\xadJ\xb5\xa1\x01\\\xa7&gt;{87=\x9d\x0b\x97\x8f\xfd\x0f\'\xff\xbf\xbf5\xabPp\xaf\xce\xcf\xa8\x94\xc8\xddO\xb1\xff\x9c\x8cf\x81\x05\xael1\xdb1\xba\x19{\xbe\xe1s7o\xee\xff\xe0\x8d\xb7\xb7\x9e\xbe~\xf5-\xd4\xf5\xd3\xa8\xdf\xed\xdaE\xc7\xdf|3\x00(\x88\x05\xb5N\xdd[\x98\x03\xd7t\xcep7V\x15\xabY\x9b\xd4\xafc`\x95\xa8\xf1X\x9d\xa2\xf8\xddn\x06\xa5x\x82\x8f?\x02\xd6\x9df`\x15\nKK#\xb6\x1dM\x8f\x8e\x8d\x8d\xed;\xfa\x15\xceS\x8f\xef\xdf\xfe\xcb\xad\x07oa\x87s\xf0\xe0\xde\xbd\xbbw\x9f&gt;}\xfd\xad\xeb\xe7o\rp\xa9\xb6m\xdb\xb2\xf1\xd4\x13@\xcd\xcf\xe7r\xb9D\xf0\xd8*\x98k\xfd({\xb5\x8c/\x98.8\xa6d\x9a\xa6\xcf\xe7Vj\xf1Oq\xdc\x0f\xdfy\xf3\xdd)`\x15\x0b##K\x95\xa5X\xa6\x17\xc1\xef\xea\xda\xbcy3\xc0\xbe&gt;we\xcb\xf6\xfa\x81\x81\x81M[7\r\x80\xec\xfc\xe9\xf3\xe7\xf7\x0e|ROH\x80\xa2?\xf9\xfc\x93\xa0J\xa5R\xbe\x94\xb7\xc4\x0b\x8d55?\xe9\xcb\xd5&amp;\xa8\xf9\xc9\xf0\xe4\xce9n\xc9\x0c\x06MI2\xdd\xfe*\x96\xa2L\x7f\xf5\x97)\xc2\xea\x05\xd5R&amp;\x13\x8b\x15\nC-\xe9\xb6\xd1Q\xee\xe5\xd77\xf7l\xc3y&gt;\np\xb7\xa8 U\xc3\x0eT__\x1f\xb0~\xfd\x00J\x95\xf2\tT~\xbe\x14\x96\x9d\xaad5\xaf1\x9eP\xc7.8\x92\x16\x08\xa1$\xc9k\x8a\x1e\x1f\xf3\xb0\xb6V1\xbe\xff\x94\xb0\x10y\x88\x95\x89\xc5c\xa9\xccR\xb6\xa9\xb9\x03kQ\x17\xce\xc2\x86\x17\xfbw4\xbcQO\xbf\x82\x18 \xb2M\x9flh\xe8\x1b\xfc\xb0sp\xc7\x8e=\xa4\xd6\xfb\xffbTaT\x82TK\xc8b\x1d\'{i\x99\xacye\xa2\xc8;\x02\n\x86\xe0\x9f)yE\xaf\xd7\xef\xf7T\xb1\xfc\xff\xf9\x8e\xa9U\x1c)\x14lR+\x1e\xcf\x14\x8a\xc5hG\xc7\xe4h\xdb\xe8/\xf6\r\xf7\x0f\xf6m\xd8^\xcf\xc06m\xaa\xaf\x07Tgg\xe7\xe0\xe0\xe0\x1e\xc2\xfa\xd5\xfb\x8fK\xb9R"\x1c\xb1"V\x02|y\x80\x85\x8d\x90\xb3&gt;f\xaf\x80\xba\xe03C\xc1@\xd04C\x0c\xcbdX\x8e\xa7\xb6\xaaW\xee\xcf,[C\x88|!F\x15\x8fW\n\xbd\xbd\xc5b\xf3\xe4\xe4\xe4\x81\x93G\':\xf9\xe7\x9f6\xd4\xd7\x7fR\xff\xfb\x86\xbe\xce\x89\x99\x89\xce\xce\xfeN\xfa#\xe7\xfe\x8d\x1f?\xcc\xe5\xf2\xa02\x0c#\x91\x83\x97yT)\x1f\x96y\xcc\\\xaf\x1ae|f\x8a\xa1@h\r\t\x062\xb9|\x8e_\xa9\x96\xf9\xf8M\xa6V\xb1\x17j\xc5g\xe3\xb3\xb3\xb3\xf1\xa5\x82M\x9fq\x886O"a\xc4\xc5\xc0\xd0\x7f}\x83\x7f:;&gt;&gt;s\xf6l?\xc0\xa0\xd7\x89{\xd3\xf3\xd0\xc7\xb2TUM\x94\xc8I\n\x19\xc0\x12\x91`]u\x83\xb8~\xf7\n(1\x14\x0c\x86\x82\x04TU\ny\',\xb7\xe3wX\xe4q\xc9\xfd\x06X\x97\x8a\xc5B\x8a,\x9c\x9d\xfd\xdb,\xe4*\x14\x92\xc9\xde\xde\xe4\xb5;\x076\xef\x1c\xee\xef\xebC\xe3\x01\xaca\xf0\xec\xcc\xc5\xee\xee\x99\x89\xe1\xe1\t\xc2\xda\xf8\xf1\x8f9`E\x0cU\x90\x8d\x04T\x0b\xd3\x17C+\xe5#\xa1\xba\xb5Q\xe6Z\xdb\xf07\xd6\x89&amp;\x1a\x0f2\x858\x96\xc4\xd4\x92\x88\xca\x84\x8b&gt;\xc6\x84t\x95W\xde\x9dj.\x82\xc1Nelz\xef\xc8\xecl\x06\x07I\x94\x9d\xbc4\xd96zr|\xa2\xff\xc3\x1d}\r\x88\xd5\xc4\xc5\xcf\xe9\xbd[\xe3\xdd\xe3\x84\xb5\xe5\xc4\x83\x12\x12\x1f\xb6\x0cY\xd3,(dE"t\xe1\xaa\xe1\xbex\xac\xb1q]WV\xcd3y\x81\xc9\xeb\x85R\x8c\xb0\xf5\xf0\x1c\x00\x00\x07\xd3IDAT\xcbkJn\xc2bC\xa2V\t?\x9f\xa2\xdf\x1a\xd9\xc0\x8a\xc7\x18V&lt;S\xc9\xa4\x92v\xa1\xd0[\xc4\xfe\xb0\xeb\xe4\xe7\x14\xa7\xc1\xc1\xce\x99\x9dGZ[\x8f\x8c\x9d\xec\x1e\x1f\x9fX\xec\xdfs\xe2\xc9tn&gt;\x97\x8fX\xba\xa6\t\x11xiX\x08\x19\xb1EXk&amp;"\xe8\xfd\x17\xab\x12\xbbF\xe7\x01&amp;\xc4\x91\xaaR\xe1\xc2\xca4E\xc7\xe7Q\xf8\xe4R\x9cgS\xf7/\xf5\xda)\x9b\xe6\x03\xcbV,\x86\xc3L*\x05\x1f\xb3M\xe9\xb6v\xa0tOL\xcct\x1fimoom\xed\x1a\xeb\xbe8\xb1\xb8\xd8\xbf\xf1\xde\\\x1eS+AT\x015\x02/\xa9T\xb0Ykh\xe1\xc4\xba\x8d\x0fW\xa9\x1au\x8eUU\x0b7\xa6\xe8\xf3\xac\x85^\t\xae\xdc\xbfv\xcdN![\xf18B\xcf*Fp\xb7\x01\x96\xed\xa0\xf7\t\xb6w\xed\x1ckm\x9b\x9cL\xf7\xb4\xb5\xb3w\xd7,\x9e\xbb\xf2d.\x91#\x0f\r-\x18\x08\x18\x910"f\xa8\xba\xa0\x12\x18\xcc\xe4h\t\x8a\xd8KgG\x1cD\xe2p\xa6\x97\xdf\x93\xc8I:\x12\xdd~\xde\x8c\xb5\x0e\xae\xb4\x95;\xd7\x92v\xc5&amp;\xb5\xe2\x94{\x06\x86\t\x96\x82\x8dh\xd2hS\xba\xbd\xb5\x1d\xbb\x9fhS\xd3{\x87\xbbv\x1e\x1d\x06\xd5\x83\x1c\xa3JD\x04$X\xb6"a\xb4\xa3!\x08\xba\xce\xb0\x0c&amp;\x1a\x0b\x9b\x1eR^l\xc9\xc8@h\xc3\xd3%\xb9\xab.z\xdd\x1c\xd0+\x8a\x8a\xa7*\x96\xe3(\xd6\xf2}\xb4\x1e:1\xc3\x8c\x04S&amp;F\xf7R6\x1e\xb6\x0b7\xa2\xe9\xc3\x87\xd3Q\xec3\xa2M=\xa3];\xc7\x17\x8f\xdf\xfb1\xc1\xa8\xf2\x11UC\xbb\xeb\x06=\xbf\xaa\xcb\xb2NN"c\x80c\x07 34\xd3Y\x9d\xfd\xab\xbe\xf1\xd8\x8b,\xef\x14*\x86\x85Ia\xae\xca\x85\xd4{\x14c\xe5~2\x05\x9cL\xa5\x826\x8c\xc5+\x95\x8aM\x9fg\xb3i\x82\rA\xad\xc3=M\xd8XG;pB96~\xf3\xca\xddy\x15TX\xa1\xc3D\x15\x92\x11t\xcb\xd0\x05YcX*.\xb8Uu\x95#\n\xaa\x11QM\x9a\xb0.\xb3j`5\xe5\xabeJ\xab\xd6\x8a\xca\xda\n\x84\xe8\xab+?$o\xc7c\x15,\x8c\x95\x11R\xabRA\xe01b\xb1tG[ZzzZ\xc8\xc2\x8e\x1e\xf4\xe5\xf8\xb7\xdf/D\x8c\x04\x98\xb0\x18\xaa\xb4\xd0\x06\xe9\xd9\r]\x97\x03\x1a\x08\x0c\x98\tD\\d\x95u\x81!\xeb\x16\x1aU\r\xd51,\xe9\xc5t\xe0\xfd\x07\x17y\xc0\xd8h\xf5\xd3L\xe5C\x02\x15Zx~\xe8\xf2m\x9bv\x11qz;e\xa6R(f\xb3\xc5$\xc2EX\xef\x11U\x0b\xf2~\xf2\xdb\xbf\xfe#\xafY4\x97\xc2\x88S\x80\xe6\xa2L~\xe9\xb2\xae\x054&amp;\x96\xaa\xea\xban\xa8\xb2\xc0\x0c\xe5\x07\xe1|\xd8\x10\x1b]\xd4s\xdcF\x9a\x9fL)\x91\xac\xa4\xbcs,\xb7\xcf\xf18|J@1E\xcc\xad&lt;:dC-\xf6.O\xdb^\xc2\xde\xbe\x89\xe5\xbd%\xdd\x93\xbe14\x94\xbd\xd1\xd2\xde\xba\xef\xbb\x7fO\xcb\x06\xeb}\x1a\xeeX\xfe\xb1\xe0\xaa\xb4\xf8\xc8\xb2\x80\xf1\xc5=\x14d4\xa4\xc0\xee\xa0pO\x17\xf0B,\xad\xecb\x9a0\x91\x10on\x9f\x9b\xf3\xb0\xa0\xe1{\xa2\xe8\xf7\xf8\x1d\xc7Y\x1b\x14\xf2\xb3\xe5/Rv*\x86\xf5\'F\xb34\xdb\xd4\xd2\xc2?\xd1\x99n\x19Z*\x0c\xddH\xb7\xbeswN\xd3\x0cj\xfd\x88\x01q\xd8j\x1b\xd0\r\x0bYG\xdau\x8c\x07\xa6\x1580*d\x96-\xc0\x0b\x82\x8c\x97B\xf3\xb6:\xb7L\xfe\xfc&lt;W^\x91\xfbZf\xf9\x87\xa5&gt;\xc5G{\xfaZ.\x99\xe3\x11\xc3O\x97\x7fH\xc5\x19\xd6\xc8\xc8H\xf6K@!\xe9M_F\xb3v\xa6\xd2\xdbt\xe0\xee\x82\x1a\x12\xb8M\x02m\xdfL\t\xc1B\x94 \x95\x16\x10\x98u\xdcB@\xa1T\x16~`aq\x12,\xe8\xab\xba\xd6\x06(\x1bVl\xcd\x91V\xe3\xc62F\xbc\x1e\xc5\xe7\xab\xe6\x9e/\xdcbxa\xf9\xd1e`\xd1j\x9d\xbd\xf1w\xfa\xac)U!\x96IN=_\x88x\x832^\xb9\x86\xb1\xcevoe\xe4]\xc7`\xa0\xc7\x822\x01!\xf8\xc4\xac\x93\x85\x8c\t\xbb\x0b\xf4\x82\x16\x90Up1,\xa9L&lt;\xde2ny\xad6#\tW6\x99\\\x8a\xc7\xef\xf73\x1f\x1d6\xc1\x14\x8f6\xfft\xf9Q*Y,\x8e\x10\x0f\x96J\xbbP\xa9\xa4R\x8fV\xe6t\xbf7H\xc6\xd1\x9e\x92\xd6XQB\xae\x04\xcb\x12\xf0\xb4\x10O \xa1TM\x83F\x18\xaa\x82\xc6\x02\xaf"\xf1\x02\xdaA\xd3\xc8G\xcb\xe5e[\x18\xc4\x9b,\xa4\xbd\x0c\x92\x05\xa42\xcf?\xb5\x01\x1f\xf6\xb5~7\x8cd\x19\xc3W\x1dyiF\xa6a\xe6\x9d\xe6\xe6k4LS\xc9C\x97\x97W\x9e\x95d\x1ff2\xf9&amp;\x99\xd5\x89\xecE\xaehjRt\x04\n8\xb3\x93\xfb\xa8\x82\xd4 \xf5\xd0\xa2:\x9bh\x1a\xbd\x02\x17\x05\tj\xb9E\xf4\x1f^\x98\xc8\xb0\xca\x92\xd7-\x9a\xdc\xd5\xeaV\xd5\xe3 _\xb0\xd2\xcf\xcf\x1c\xfdN-i&amp;\xea\xb9gOW\x96\x1f-//\xaf\xac&lt;\x9dN\x84&lt;\xb5&gt;\xfc$\x0bj\x997r\x19TA\x9d\x8dv\xd6\x82:\t\xc3\x87\x16\xa9$37\xab\xc3\x95\xb9\x8c\xe9a\xb9\xca"\xcb\x93\x1b8\xa4\x98\xdb\xe7\xe6\x0f\xf0ki\xad\x1f0&amp;\x00\xc6\x0b\x92y\x1cf\xa6\xe3\xf8\xfd^o\xc8\xb2`F\xc8\xeb\x01\xb7\xcfME\xff\x93H\x01`\xdb\x00\x8d\x8dJ\x81\x06\x96\xa0\n4\x17X\xdc\t\x8dC\xf1V4,\xb8\ntMV]&amp;\xfd\xb0\x97\xc4r\x8bev\x8d[\x12\xca\xfbR\xf8%&lt;"\xfa\x15\x0fQ\x80\xcdC\x0b\x12\x1d\xfb\xd9]\x02%T\xbf\x8f\x15^\x99\x9b\xc1\xb1\x00\x00+@\x00xB\x81\x96B\xda: W\xd4\x8d\xffm\xbalw\x1b\x85\xa1 \x8a\x89`e\xb3\xa8F\xfdS!\xb9\xef\xff\'\x8f\x91\xf7\xdas\xeeu\xa2mR\xf2\x01\r\'3s\x07\xb7\xd2\xee\x17\x89G\xa3y\x85T;}\xac\x8bn\xddO\x91J\xdb\xb4p\x9f!C\xb0bcD\xdd\xc6&lt;b\x1c0\x04\x8c[&lt;\xc2\xa0t\x8fG\xa8\xc7\xcb\t\x16p%k\xef\xfe\xad\x11uN\xed\xb2\xc1p}\x131\xa8\x88\x95\x05\xc1o\xef\x917\xd2\xe7A\x0e\xf0B\x088c+\x89\x94X[\x06\xed=\x05\x9b\x97l\xd5;^?\x7f\x8f\xff~@\x01i\xbeH\x9a\xe3C\x05\x16&gt;\xfc\x8e\x8e\x18\xe6\xc5\xc0\x93p\xbd\x14\xf3r\n/E\xbb\xbcp\x9b~S/\'\xf9"\xf2\x05\xb2\x16iP\xfc\x10)\xb0J\xe8\x16\xbeR\xf8\x1b\xa2\x96\xa8\x88G\xda\x17[\x14\x8b@5\xa7\xa1\xa5\xa9o0\xfe\x12\x03)\x00\xa7\x8bf\xe8\xc0|u\x1b\x13\xb4\xd5\xb6O\x05}Z\xbf\xbf\xaeD\xb34j]\xf4n\xdb\xc0\xd1E&gt;\x8c1\x84\x03m\xa4\x03\xd2\xfb\xc4\xda\xda\xdeb\x91\xa3\x81\xc7TI\x9aG\xb0|\xb0\x8e\x19\xfc\xe7\r\xc4\xd5\x1d\xc0\xf341\xa8\xd2M\xf4\xba\x06hx\xbb\x06\x95\x03\x9a\x8e\xa2\'3\xbb\xa0T\xcc\x9f\xc3\xc8\xc7\xed\xc9\x83N\x13\xabm7\xa8zz\x87\xbb\xcd\xcb6k\x9d\xb7m\x111\xc0\xbce\xd8f\xec\xf7\x9bB\x87\xa4S\xad\xf5D\xb5\xdc\x06\x10+\x1b@\xa13G5\xa4\xf31\xa6\xa2{\xcd\\\xa2\x120\x91*\x8f\xef(\x96&gt;nNya\xfb\xc7\x9e.\x8e\xa6\x9b\x9b]X\xf9\xb2\xf5\x9d\xc9\xc4jo\xc5Z*&amp;\xd4\x18\xeb\x08\x8d\xc4\x8a\xfbzB\x13\xcaU_"\xd5\x99\xfe\xa6\xcd\xaa\x08\x9f2^L\xa24\xa9X\xea#\x03\xaa\x95\x90\'*H\xb8\x12X&lt;5n9\x81\xd6\xfd\'K9\x873\xfc\xbbe5\xbaBu\x95\x01\xc2\xd3\x9e\xc1\x87f\xf0\xa8\x1e\xbb8\xe6D&lt;\xfe\xf9PD\xa4\xf2\x88u]\xb4.\x14+\xedP\xa3\x89\x15\x89"a`\xa5\x98\x1cTL\x9d\x1a&gt;}K\x86\\\xe2\xbf\xa2$\xb2e\x81*\xcc_\x1f\x83E2\xa7\x94\xed\x94m\x04S\x17q\xc8c\xb5\xaa\x0c\xbbk\x1d\xec\x1d\xa3\xfa=\xd4\xad\xf6\x7f=\x9e?\xe1\xee-5\x18\x00\x00\x00\x00IEND\xaeB`\x82'</t>
        </is>
      </c>
      <c r="M131" s="3" t="n">
        <v>45492.67872685185</v>
      </c>
    </row>
    <row r="132">
      <c r="A132" t="n">
        <v>358524</v>
      </c>
      <c r="B132" t="n">
        <v>1955</v>
      </c>
      <c r="C132" t="inlineStr">
        <is>
          <t>Marcos Felipe</t>
        </is>
      </c>
      <c r="D132" t="inlineStr">
        <is>
          <t>Marcos Felipe</t>
        </is>
      </c>
      <c r="E132" t="inlineStr">
        <is>
          <t>GOL</t>
        </is>
      </c>
      <c r="F132" t="inlineStr">
        <is>
          <t>GOL</t>
        </is>
      </c>
      <c r="G132" t="inlineStr">
        <is>
          <t>GOL</t>
        </is>
      </c>
      <c r="H132" t="n">
        <v>189</v>
      </c>
      <c r="I132" t="n">
        <v>22</v>
      </c>
      <c r="J132" s="2" t="n">
        <v>35167</v>
      </c>
      <c r="K132" t="inlineStr">
        <is>
          <t>Right</t>
        </is>
      </c>
      <c r="L1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839d3b6-0ba5-45c6-add7-8cd07960352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t\x10)I\x00\x00\x03\x00PLTE\xff\xff\xff#\x17\x10/!\x1a-\x1d\x16\n\x08\x07\r\x0b\x0b\x11\x0f\x0f\x06\x05\x04\xfe\xfe\xfe\x02\x01\x01\x1e\x14\x0e&lt;)"\x17\x15\x15\x17\x11\x0e\xecEm%\x1a\x154"\x1bC-$\xad}g}\xc3\xee9&amp;\x1e\xebAi\xa9yd\xd3\xaa\x8ev\xbf\xec(\x1e\x19\x96lW\x1d\x1a\x19\xd9\xb4\x9a\xa4va\xd4\xae\x93\xfb\xfb\xfbqPAU9-+\x18\x12O6,wWG\x8cdQ2&amp;"F5/\xae\x81kjK=\x83\xc5\xf0,\x93\xcep\xbc\xea\xb9\x92|\x19\x0c\x08\x11\t\x06\x16\x8c\xce\x84aP\xe6=fJ1&amp;\x9cmY\xc5\x9d\x85\xb3\x82k`\xb5\xe87\x97\xd0\xb5\x86o\xb0\x89r\xbd\x91w$\x8e\xcb\xc0\x97~\xce\xa6\x95\x17\x85\xc4\xf7\xf7\xf7\x94fScH&lt;\x9er^\x89\xc9\xf1}[K\xc9\x9d\x8c\xc2\x97\x85_C6!~\xb4\xb9\x8ar;.)$\x85\xbe\xa6~iP=6$\x8a\xc6\xf4Mr@\x9d\xd42\x1e\x16\xd0\xa4\x8c\x1d\x92\xd3\xc0\x8bu\x8ekZ\xdc\xb9\xa1X@5\xc6\x9a~\xa7\x84p\xb5\x8dy[&lt;0\xdf;bL\xa5\xda&amp;#"lSI\xc8\xa2\x89\xee\xec\xec\xe6\xe5\xe4\xcc\x9e\x83\xc9\xa2\x91\xf0Gp\x80TDi\xb9\xe9yO?\xdb\xda\xd9V\xb0\xe5\xc1\x91}\xce\xa3\x87L\xab\xe2-++A\xa5\xdf\xf0Mx4\x91\xc7\x97p^gD5W\xaa\xdc\xa3r[\x94\xcf\xf4&lt;:9XF?\xadya\x9dxe\xf4Sx\xcb\x97\x83\xbe\x85o\x13}\xbc1\x86\xc4\x11f\x9a\x86\\Jy^Q?\x8b\xca\xf0\xf3\xf4\x86eXjm\xb0_y\xbd\xd0\xac\x9d u\xa8bME\'\x97\xd7\x9e\xd5\xf7\x10n\xa7\xe8\xcc\xbc\xc7\x91|7\xa0\xdb\x95uf.\x9b\xda\xf1ChJIG\xd4\xb1\xa3\xd5\xd1\xd0`\xb2\xe1\xd4\xa9\x96\xb8~h]\x93\xd5\xd53Z\x0e\\\x8d\xe2\xc3\xaf\x11x\xb3\x9f\x7fr\xbc\x94\x83L\x04\x17\x86i\xab\x9f\x9c\x9a\xcb\xc7\xc5Sq\xb2XVT\x95\xa9\xe23v\xb5\x81\xb9\xe9t\x11+\xd8\xb6\xabo\xad\xe1C\x7f\xbf\x9d\xb9\xea\x91\x90\x8f\xbf\x9b\x8dp[Sb\x06 \x7fh^wk\xab\x0b@b\x8c\xbd\xeayyxu\\\x9a\xb6\x7fxedc\xd4Kz\x84\xa9\xe2\xb1\xa4\xdev\x97\xd5\x8cqg\xa7CI\x86\x84\x82\xc6\x94\xd3e\x82\xc9\nPzzw\xbb\xa3\x99\xd8\xc8&amp;N\xe8\xd9\xd4y\x88\xc9\xaa\x88}\xd6\xe8\xf1\xb0\xb0\xaf\xbc\xbf\xc0\x90u\xb9R\x82\xc8\x94e\xa4\xbb\xb4\xb1\xa2Y\x94\xbf8Vqnl\xb0\x1fD\x8c\x168\xc6\xba\xb56\x06\x0eJ"\x1d\xaa\xa8\xa7\x88\x97\xd6\x90XL\xdb\xbd\xb6\xb1\x94\x8f\x90\x8b\xcc\xbcT\x86\xad\x7f\xc3/c\x88\xb0\xb0\xe5\xd8Gk\xcf~\xc4\x88W\x97\xa9j\xb3j\x93\xa9\xa6\xd1\xea\x9a.A\xba\xa8\xa2\x9a\x84~8Ms\xa0\xbb\xc9\xe5o~\x074LLR\x8f;\x17\x1bAe\xa4\xabni\xb5\x8d\xd1\\g\x97\xbe\xdf\xf1F}\x9a\x9e\x86\xcb\x80N\x85\xdfY\x81\xc2j\xa5\xc0\xd0\xd6\xc8\xb0\xc5\x85\x11YP\x00\x00 \x00IDATx\xda\xcc\x99\xdfKb\xeb\x1a\xc7\xc7Z\xeb]K}\x17\xfe@\x82\\\x886.5/,$\x13,\x12M\xd4P\xf4\xa2C\xe1\x9e\x84\xd5N$\x12a]\x14\xb2j\xd8\xe7b\xc2 \xba\x1b0\xd9w\x13\x18\xde\xcc\x85E\x17\x817Cw\x87\x83]\x0c\x04\x03\xc1&gt;\xff\xc0\x9e\xff\xe1&lt;\xcf\xab{\xf6\xbe\xdf\xb3\xda\xf3\x0eS\x81\x17}\xf8~\xbf\xcf\xf7}\xd6\xea\xd5\xab\xbf{\xbc\xa9TJ\x14\xc5\x94W|\xf5\xa3\x1c\xd1\x9b\xdak\\??\xd6\xf6j\xd7\x8d\xd4\x0fC\x05P\xcf\xa3{]\x1f\xf4:\xfd\x87k\xf1\x87\xc1\xfa&lt;x\x18=\xc9\xda\xbdN\x88\xfcTK\x89\xccOQ\xf4\x8a\xe2?\x8a5\xea\x0c\x1f\x9e4*S\xc0\xd2\x1f\x1a{\xa3Q\xad\xd6\x00_\x81\x10?\x17\xff\x11\xa8Zw\xa0\xa9zGW)\x95%\x9ej\xfd{M\x7f\xea=\r;\xfa}#%z\xdb{/?\x07\xa2w\xef\xb1\xf7\xd0\x91\t\xd5dM\x05\xb18\xc2\xf1&lt;\xc7\xd3\xbe\xceK\xaav?j\xd7\x9e\x07\x8f\xdd\xbd\x17\xe6\xf2\xd6z\x9d\x8e.S\x89P\x9e\xcaD\xa0\x92\xb4( \x18G\x05\x81\xca\xb2\xde\xeb\xf6U}\xd8\x10_V\xab\xf6sG\xefh*\xe5\x05N\x80c\xe6\t%\xf8\x85\x13$\xc0"f\x81\xf6U\xaa\x0f\xda/\x97/,\xcf\xc6h\xa8\xeb\x9aVTyN0\xe3\x11\x88,\x9by\n\x98\x843\xf3\x9cY\x10x"\xab\xbd\x867\xf5Bc\t\xf3\xdf\x18\xf4u\x95\xc8\x90t\xa0\x1acqTS\x05\x81\xf0\x94\xf0&lt;\xc3\x82\x84\xc9\xa4\x7f\xdd\xaeu\xdb/\x11|l\xf6\xa1*\x83y\x1c/\xf1,N\x00&amp;\xf0\xb2\xa6\xa1\x95*\x15\x88\xc0\x0bf\x81\x93e\xc2\xab\x83F\xf7y\xd4H\x89/\xd0\x0b{#\x99\xf2f\x96)\x80\x92\x11Q0SU\x93\xcdfBtj\xe6\x11\xcb\xcc\xa9\x94pT\xff\xdc\x1b\x0e\x065\xe3\xf5J\xd5FP\x0b\xa0\x0f\x1c\x98;\x0e\xc6\x10&lt;C,\nXT#\x13,^&amp;2\x8c\x80~\xaf\x0f\xef\xaf\x8d\xe7\xaa=C}\x8e\xf3\x84\x91\x02\xd18\xa4\x00\xd1`\xfc a\x94\xe3\xc0F\xf8\x84\x10\xc2\xc3\x7f]\x1f\xf6{]\x83m\x14\xbd\xd7\x1a\xc7\xc4\x1aO\xe07&gt;\x8a\xc6\xa2\\2\x96*\x02\xf3\x84\xe3\x08o&amp;\xdaSg\xf0X3v\xbf\xf0v\x9f\xe0\xb7\x82i\x9c$|C\xc2\x03Y\x87\x11\x84v\xa0\x1c\xce"r\xf3\x0c\xcb\xac\xe9\xc3\xde\xa0ah\xdd\xa7\x1e\x87h\x12jE&amp;T\x02\xcb\x99\x99\xc8\xe0\x19V&lt;\x851\x18c\xc1\x0f\x84\x8d\xe4px\xdfNy\r\xc4j&lt;h\x8c\x05~\x1f\x0e"x(\xc8\xa0\x110\xc2\xe5H)\x1a7\xc1\x120t\x1ca\xdd\xa1\xf5\x1f\r\xbd\xb4\xc5n\x07\xd3\x0e\x18\x0c\x0b\x12\rw3\x9aJ8\x9c:j&amp;\x9c@\'E\xc6\xb8y\x04\xa7\xf2\xd3^\xdbH\x0f\xc5Z\x87\x1b\xd7\x154\x03\xa8"A\xd1S\x89R\x9c9\x0e\xbe\x81:P\xf4\x84gX8\x8d\x1c\xba\xc9\xd3^\xdb\xd0I\xf4\xd6:p\xb1\x80;\x04W\x188\xb3\xc1YU\x96a\x08\x01\x8bi\'\xb0\xfd\xc6&lt;\x99Tnr-=\x1b\xdb[\xdeG\x95\xdd6\xe0\x97$\xa9\xaa*O\x15\xad\xae\xe0\xd4,\xc5\x9b\x90H\x04\x99\x80\x98L\xd4\x1a\xcf\xaa@\xb5\x87\x86\x91X\xde\xda\x13&amp;J2\xd9\xa6\x82\xe3S\x0c\x95\xfd~\x87u\xcaf\x91,\xb3\xb36I\xb2X\xd0JtX`\xa5\x86d\xbc:4\xf2V\x14S\xcf2\x8e\xfd\xb4\xbfR\xa9\x1cWB\xa1P\xe5bW\xc9f\x95\x8a\xdf5\x1b\x9c*\x86B\xc1\xa0\xd5e7I\xb8\x0c\x92\xb1Z\xa8\x97 \xeb\xa3\x94a\xdb\x8d\xe8\xedv0\xee\x969%\xeb\xcbF\xa3\x8a\x92=;&lt;&lt;\xccd\x0e\x03\xca\x86#\xe4\xaf\x84w\xd7\xe1\x1c/9\xec \x9e\xb48^\x0f\xc7.\xf6j\xc6a\xed\r\xb0\x1d\x89Uq\x1f\xba3\x1e\x8f\'\xe3q\xce\xcf\xe0\xf1d\xb6O\xb3\n\x90F\xa3\xa0\x9d/\xbc&gt;\x07d&amp;\xcb\xc2\xe2\xe4\x82"\xeaSw\xcfkX\xb2\xfaX\x91\xa6\xa340\x01\x8c\xd39\x1f\x9fw\xb2\x1fff\xdef2\xeet:\x1d\x08\x00\x19pm\xcc-\xb9\xa6_[&amp;\\\xbc\x00\xa17*]\xa9\xae\x0e}%\xd9\x15\x90\nX\xe2\xf1\xb8\x13\xcf\x84\xcb\x93\xc9\xc4\xdc\xee\xc0\x84\xeb\xa8\x8a\\ \x18\x87\xc1\x871\xd1\xaf\r\x9aE\xb1=\x909~a\xba\x1ah\x01\xd5I&lt;\xc1\xb8NN\x18\x96\x13\xb1\x80\x0b\xe4\x02\xb0\x03_xc\xce\xef\xd8|m\x1a\xeb\x05\x11SG^\xa3\xa2u\x0f\x9ddY\xca\xc6Z\'\xc0\x11O\x14\x12\x8c\x0b\xa8N\x10\xcb\xe3ieb`c:\x10\xdd\x1fc\xd9\xa7_\x9b\xe0)\x8d\x8d#\x1d\x18t\xfd\x88\x8d\x8e\xc0I\xd3\x1b\xe9X\x0b\xa0\xe2\x85\xad\xadB\x01\xc8\x12c+K\x1e\x9c\x01\xb0\x11\x12\x16xw\x00X0\x90\x9b\x10\xaf\x05\x8e\x15\x05\x1d\x18\xb4\xd9\xe0\xfe\xc7Y`\x0c[\x1e\xa4Z\xddj6\xf3k\xcd\xadBb\x9e\x85\x0c\x07\xb2\x15\x8b\x01\x18`\xed\xfb\x8e\x00\xcbe\xdf\x1c\xcb\x85\xf3\xfb`\xd0(z\x9f\t/\x05+\x81\x16`%\n\xab\xcd\x9fr\xf5d=\x97o\x16\x12\tPl\\\x14`#\xe4+\xfd\'\x16K=K\xd7\xb0f\x8cZ\xa9\x1e\x91\x82E\x1f\x88u\x02Z\xad\xfe\xf4\xaf\xe4\xf9\xc7\x8f\x97\xc9\xe5\xb5U\xe0\x9a\x87\x02\xc3|!\x16\xcc\xe3_\xb1,\x8b\xac$tcL\x14S\x0f\x84\x06C\n\x04\xfe$\x11Yk\xe6\x92\xbf^\xfe\xf6\x1bp\xe5\x9b;\x05\xe4\xc2\xd8\xb7\xfe\xc4\xaa\xfa\x81\xcb\xb5i\x1a\x97\x04\xac\xce\x06\xbd\x8dH\xddK\xb3E?\x9b\xc3B&gt;\xdf\x04\x0b/?"W.\x7f\xb5\x93X\x19c\xb1\xd0\xa3\x89\xac\xb8\x1c\x0e\x865\x96Kkx\x8d\xa9\xad!`U\xa2\xad\xd6I|u9\x9f\xcf\xe5\x00\xeb\xf2\xe3\xc7\xf3d&gt;\xbf\x93\x88\xa3\x8b3\x9eIs\xc1$\x1eUQ.\xeb\xa6\r\xe52\x12k\xaf/\xcd:\x00k\xc6\x99X]^\xce\xe5~\xae\x9f_^^\x9e\xd7s\xcd\x08L\xe3X\xad\x0c\x8e\xe1\xbbw\xfb\x0ck\xce\xbfd\x85Q4Y$tQ5\xc6D\xb1\xa6K6\xc7F\x00\xc4*\xac-\xe7\xea\xb9\xe5\\\xf2\xfc&lt;\x99\xcc\xe5W\x0bq\x84\xfa\x86\xb5\xbf\x7f\x00X\x1b\x7f`Y\x00\x0b\x9fD\x0cR\xab\xa1\x83Z\xe1t\xcb\x19/4A\xac_\x00\x0bN=\xdf\\MLnF\xc4\x02\xb1\x0e\x0e|&gt;\xa0\xaa\xceA\xbaP-\x13b\x995\x83\n\xa2\x112\xd9\xe7\xb2n\xe8\xd2D3\x0fbA\xba\xea\xf8m\xad\x99`T\x88\xd5\x8aA\xdc\x01\x0b\x13?\x87X\xf6\t\x96`\x14\x96\xd8\r\x81X\xd1\x98\xc7\te\x9a\x07\x1c\x94\xac\x0e\xff\xc0E\xd6\xf2\xb8{\x01V\x00&lt;D\xb1\x10\x0b\xd6\xae\xe9?\xb0\xf4\xb6AXe\x97_\t\xb8\xb1\xb6V\x9b\xf9\xfcZ\x1e\xc4J\xfe\x9a\xc4\xa6\x87\xab\x11\xb7\xafy\x94\x0b\xb2\xa5\xf8\x8e\x8e\xfe\x8ae\xc1=\xb5c\xd0\x06q}\xec\x98S\x021\xd8j\xe0\xea)$ `\xf5\xf1,\x02X\xb30\x8f\xd77pe \xf3Y%\x1c\xae\xceU\x19\x16\x9a\x88\xdb\x8d\xd07f\xdf\x12\xbf\x1c\xfb+Yw,\xd6\x9aa[\x03\x04\x1f\x9b\x0b\xee\x9f\xf3\xf3z\xbd\x89\xdb\x17rA\xe8q\x0f\xf4\xadc\xe6\'\xd9b\xa3\xd87f;\x15{\x15\xffF\x14\xb02\xce\xb8\xd3\x13\xf3\x94vn\x98X@u\x9e&lt;\xcfEv\xe2\xd8]%\xcf\xe16p\xe1&gt;\xbf\xcev\x1b\xd3\x04\xcb(\xb5\xbc_+\x95\xf51\xd6\xbcGQ&gt;}\xfd\xfa?&lt;77u\x88\x18T}\x04\xe7\xb1\x04\x15\xb1}v\x16U\xe0\x19\xe8b\x1d\x1e 7\'X\x9c\xd0\x17\rRk\x9da\xb93\xf3\xa5\xed\x8b\xdb\xbbOw\xb7\xbb\xf0\xf5\xd3\x87\xffF\xae\x00\xed&amp;\x02\x06f\x0e\xdd\xdbQ\xe5v\xf7\xe2\xf8\xb8\x0cO\x91E\xbb}\n\xda\x94aqCC\xb0D\xef\xef\xa0@\x14\xd6\x83L\xe9lw\xf7\xee\xee\xb6\\,\x16\xcb\xa1\xf2)\x80\xed\\\xe5\xf3\x11g&amp;\x00\xfe\x9d^\x94\xcb\xa1bP\xc5\'\xee\xe0\xd4\xec\xb4\x8da\xf1\x1c\xdf7h9\xfd\xac\x84\xd7\xa3i\xb7\xfbp\xfb\xf4\xf6\xe2\xb8\\.\xebA\x9bm6X\xbe}\xff\xe1\xcd\xce\xd5U\xa4\x94\xcef\xb3\xe1\xe3PpV\xa6\xf8\'\x17\xd9\x16\x9c\xb2\xd9\xe0q\xd1\x82X\x9c1\x05!2\xacl:\xe6\xde\xdef\x06^\x1cW\xe0\x99\xcb\xea\xf0\xaf\x83^ov\xf2W\x9e\x80/\x1c.[m\x16\xc2\xf3&lt;\xbe\xcceo%\x18\x16\xbe&amp;\xec\xa4\x8c\xc1\xfar\xea\xdbP\xd2\xee\xc3\xb7o\xdf\x7fx\x7f\x1a\xde\xbd\xdb\xad,\xd9_\xdb\xfd\xe1\xec\xf6\xdb7\x91\x9b\x9bR4\\\xf1[\xa7M\xf0,\xbd\xb8`1\x99l\xc04\xe1B\x13\x8d\xc0\x12!\xaf\x0c\xcb}\xf8&amp;\xb2\xb3RR\xc2gw\x17\xe0\xa1k\xc9_U\xa2\x87\xa5D&gt;Y\x9f\x7fW\x85\x8d\xc1\xb4 ,\x9a\xac\xa1\x90\xc3\xea\xb2[\xf1U\x0eb-\x82~\xfd\xefo\xa2\xd8\xee\xfe\'u\xcd\xb02+\x91\xc8\xca\xfe\x91\x12\x92\xa9f6\xcb\xc1\xa5\xa3\x83\xb4{&amp;\xb1\x05&amp;f\xfd\xae\xcd\xd7\x0b\xc2B\xb1\\\x94\t1\xd9]\xae\xca\xba\xdf\x05\xa1\x97\x08\xc7\xf1\xdf\x7f\x12\xc5\xd4\xcd\x8c\xe7\xf7/g\xbe\x8a\xe2.E\xd6v2\x07ak\xa7#k\x02W&lt;vT\x0f\xdc\xceV\xfc\xdf[\x89\xcc\xbe\x1f\xa8\x16\x17\xed\xf0\x99\x8e\xaf\xc2%\xdbt\xa5\x12\x02[Y\xda\xee\xbf?V\xad\x14\x8f{&gt;d\xd7\xab\xefb\x9e\x95\xc8Jl\xbf\x1a\xbe{\xd2\xfe\xcf\xbb\xd9\xb4&amp;\xb2fq|\xaa*/NU\xa4\xaaD\xd2Tr3\xd12V\xe9B\x8b\xa0\x11T\x94\xabMT,t\xa1\x94\xc4\x17\xb8N4\x88\xc1\x90E$\xb4\x86\xca"\x12!\xb8h\x11\xba\x83\xae\x0c$d\xd3\x8b$d\x11r7!\xbb \xb7\x17\x81\x81\xd0M\'_ Y\xde\xfd\x9c\xc7f\xe6\x13h?\x90\xee\xde\xf5\x8fs\x9e:\xe7\xff?\xcf\xc9\xe4\x846\x9e\xcf\x1d\xec\xbcw\xd5u=\xc5\xed,9\xd0\xc5"I\xf9\xe2|{rzf{[kg~\x16z-d\xf1b\xf4u\xeb\xc1\xf9\xc3\x1b\x9d]\x8e\x00V,\xaa\x9b3\x07\x9c\xb1\xc1\xcb\xdbU&lt;\x02z\xef`g!\xea\xd2\xf5\xa2.g\xd9\xc1\x93\x92\xddn\x8f\xbf\xddLMO\xcf|\x10\x19\x92w\x18\xd7X\x1a\xcd\xe1\xb4\xa7\xe8\xc5\x7f\xc4\xcf&lt;\xba@\xa5\xa2,X#fp\xae\xa0\x16,.\xcf\xc9\xe5\xc9\x1e\x92V\xe5R`\xc1\xad\xab\xf7zu\xc0J\x90@\x950\xe5\xafk\x14\x15\x8f\xe4(\x8c1E\x86X\xd2\xe4\xfc_\x8b\xeb\xa3~\xc9xp\xed\xaa\x8a\xdbR\xaa\xce\xe9\xdc.\x9f/jY\x98\xb5x,\xef\x91\x12-\x1d\x04b@\xb5\xbf_\x0f\x94\xbf\xc1w\x88\xb0\xacK !\x0c\xc1\x9c\x83\xd1\xe7\x0c9\x96\x80hI\x7f|}&lt;\x97\xcf\x8fG\xc9\xa5y\xe8\xd5\xd5t\xd4b\xb6:]Q\xb77\nr\xcb\x02]y\x01Z j\xdd\x0b\xbb\xbd\x9e\xf2\x7f,\tBT-#\x81j2\xe5\xaaV\x83\x11\n,)iI\x99\xb4\xf3\x89\xabQ\x16/\xcd\xc7\x9e\xab]\xf4[\xe6\x96\xde#\x05\xe8\x8aF\xdd\xf5\x05$G\x87\xe3\xa3z\x1d\x82\xa5(C,\x1eJ:\xc68r\x91*\x9cr\xa9dX5\x98\xd0\xb8R\xd2\xda\xed$\xc1c\xe2(\xc3\xa5\xf9Xw\xb7\xb7\xba\xee\xb9\x83\xdd\xa8\xd7\xab(\xde\xf6\xbe\xae\xbe\xeb\xdc\xddE\xe3\x88^\x0f2\xa8@\x12\x9d\xe5o\xf0\x1fc\x04C9rUC\x19N\xa9T\xcd\x05\x8dH6\xdb1\x9eO0&lt;I\x9d\x8d\x14\xab\xa7\xb4\x93[\xbe9\xf3,\xc8xoZM\xb7\x95\xfd^\x0f\xd4\xa87\x1c\x8e\xf6\x10\xd4\xfe~o\xb7\xfc\x8d\xe71&gt;\xc1\x1a\xab@U*!\x1bku\xe8Y\x06\x15z"\xc1P\x0co\x1f5V%\xfd.\t\x95\x01\x0c\xb57]TU\xb5\xad\x00KT\xa9\x84\xc2\x10*\xc4\x08\xe1\xfaaL\xf0\x10\x14\xbd\xd1Z2\x07\xe0\xfc0\x97\xacF}\x02\xea&lt;\x86\xe1\x0c+\xc3\xcd\xd3\x8f\x14\xeba\xbf\x92\xecV\x02\xe69\x14\xad"\xc2R\xdb\x00\xe6vC\xd9\xd8\x87\x7fA"\x15E\x17\xa8R&lt;O$\xf4\x8eH)\x00\x19v:\x03%k\xce\x813p\xb90\x86\xd1S\x84]\x927G\x8b\xa5t\x93\xd1@lG\x87\x82\x05\'\x99,\x02\x96\xa2\x84U\x80l\xef\xf7\x80\xad\xed\xfaap$\x00\x8bb\x8d\xd6\x83\xb9\xf7\xbb`\xce\x0e\xcaU\x93\x1eg\x08\x9af\xe0\xf0v\xbb8R\x0f[hW\x92\x15\x9d3\x0cX&gt;\x04\xd5\xedv\x93\x10/5\xe4O\x16U\xc8\xa6\xd2V\xd5P(P51\x90F\xbd\xc9X\x05\xe3\xb60\xbb\xe0DYd\x19\x9c\x00\x81CQzL\xb2\xd7Fj\x7f\xd6U%\xa9D]\xfe\x98\xce\x9bNn%\xbb\x9f\xbf&lt;\x7f\xf6\x876\xfc\xe0\x0f!\x8b\x10*\xb5\x1d\xf2\xfb-%$!0\x9e\xcdY\r\xcbs\x0b\xbaY\xa8\xb7\x86\x9cC\x0fX\xa4\x1d\xa7(^\xb2\xff9\xd2r\xfa{w\x1f\x92V\xf9-\x13\xf3\xae$\x93\xc9\xdf\xbe\xfc\x1c\x03\xba\x9d\x81h\x05\x85*\xa9\xaaG\x9fCns\x8eb\x08\xb8\xf4\xac\x15\xdc\xf7{(\xb7s\x07\x86\x88\x89bp\xdan\xc7p\x99\x97\xc8\x91\xf6k\xcd\xe2\x97}\xb5\xddsw\xb3;\x08\xab\xdbE\xd36\x80*\x97=+\x15E\x85O \xe4\x7f&gt;\xaa\xb8w\x82h\\\x9a\xe0\x13\x0e\xebA\x00\xca?X\xd9\xa5\xa0\x91\xd5\xe34&amp;\x91&lt;CH\xfa\xd1\xae\x0fj&gt;BH\xea\xbb\xe1\x8dfte+\x89\xc06*\xb3\x07\xd5\xb2\xad\xdb\rU\xd4p6\x0b\x06;|\xab3\x1b)8\x0c\\{\xd6jv\xa21\xaay5\x1fGX\x04\xf4J\x88\xd9\xd5h{\xb5\x06.W(\xedruS\x9etqK\r%C\xde\xd9\x92i\xf5\xb2{\xd4\xf5\x87-\xab\x8e\xe0\x8e\xc7f\xd9\xeb\x18(\x90\xd1TbX$\x0cf\xb0\x94C\x7f\x86\xb0p\xbbdgH\xf2\xfb\x88\x95\xcd\xe2\xe7v\xfb\xdf\xe9\xbao\'\xe6[)\xaa\xc5Px\xb6\xecX\xbdDc\xb7P\xc8\xd6\xb4\xa6\xfa\xfdN\xb3\xd1\x82\xa6l\xc7\x08\x9e \x18\x96u\x18Rs\x81\xe5\xd5&lt;\xdc-=A\xd0\x92dO\x8c\xb8&lt;\x0c+\xd7\x164E\xc5\xbb\xd7\xf1V|\xe9\x95\xb0\xa7\xfc\xcd089\xb9\x0c\x9f\x84m\xd9\xc1`\xf0\xf2\xd2\xbf\x02/\x06F\x95\xa4\t\x1c\xd7\xb3\x0e\xd6\x11\\5//\x05\xe3\x0eJO\xd3\x12\xf8\x0e\x9e\xbc\x1f\xf9t\xe4\xf7\xcf\xea\xd6\xbf\xde\x15c\xa9\xac\xd7\x97Ng\x0fr\x8dN?\x9b\xe9g2\xfd\xbd~\xa7\xd3\x7f{{\xeb\xe4Y\xf4\xe6J\x82\x11\xe3\xa0\xa4S\x94\xd1\xba\xbajX3\x81\x05\x02)-\x91\tR&gt;\x1e\xbd\xb1~H&amp;\xfd\xef\x8a\xee\xa6\xc7\xe6\xf3y\x03\x86N*\xb5\x07y\x03\x7f\xddj\xd5Z\xad&lt;\x1a;\xc8\x1c`i\x7f\x92\xe1\x02%\xe6\x97\x96\x0cFd\xccH\x89$\x18\x8c\xbc\x1f\xc3\xccf\xf19\x04\x1d\xc7\xd7\xccx&lt;^K9\xb6\xd7\x00\xa3(\x9aD\x19\xc7eA\x14\x84y\xb0\xf5$\xad\x9d\x1a\xaemH\xa0\xfa0A\x0c.W\rk@\x85k1\x06\xe4\xb48\x8e\t\xb8\xe6\xa1\xa8&amp;\xdf]6:\x99\x8cm\xa1d\xeb4\xaej\xa2\xc0\xc2\x0f-\x08\x14\x07@SZ\xed\xccp\xf9gb\x1a\xbd\xfeKZ&lt;\xd8\x8c\x18"P`9-\r\xe2!q:\x8e\x01\x97\xe6\xd0\xaf\xbeK\x0e\x1aw\x99Lv6\x00X5\x81#\xd8\xab|\x90\x92\xe1\x1e\x01\x96D\xce\x0c\x87\x0fC*\xf4\xa6=\xc5\xe6\x8d\x91\xa0\x1e\x07f\x0c\xe4akLOQ\xeb_\xfc_^\xaf\xef21\x8fe7\xd3\xbc\x92\xb5\xa4\xc9\xda\xdc\xe9\xdc5\xe1b\x89\x0ck2Q\x18\xda\xce 1\x0e\x9b\x1a.\xe8q5\xd6\x18dh\xc0\xe2\t^\xff8\xa6\xb1\x9bf\xf1pq\xf15\x05_\x9f\xc7b\xeb\\\tZRO\x19\xcb\xa9\xceN\xbf\xdf\xdfK5\x03\x07\xd65\x16t\x82\xc0\x10?\x9f6\'\xb85\xbdq\x8d\xc3hZ\xcb0\x89\xd6\xd8\xd6\xca\x90\xff|\xea\xf4=1O\xd4\xd7o\tZ\xf8\xecs\x83\xa7\xe7\x97\xe3\xd7\x97\xd7A\xc7\xdcl\xe4\xd7Z5*.\x93h\xe7\x07\xf2\xc9\xb1x\xdc\x81a\x1c=\xc5P\xd4\xe9Xw\x7f\x9e:\x99,\\z_\xa6&amp;@\x1d /6\x0b\xeb\x0f\xeb\x85\xe3\xc3\xc2\xd9\xcb\xd9\xd3\xe3\xdb\xf7\xfb\xf3\x9bO\xc2\xf4?%T(h=!\xe2h\x9e\xb4}z\xff\xf8\xfb\x18\xa14\x9a\xef\xa9L\xd6\x96\xf1\xd8l-\x81d\x9b\x91\xd3Ba\xbd\xb0\x8eNa\xb3p|\xf6\xf8\xf5\xe2\xe6\xfe\xd3\xb6D\x13\xf4\xfc\xa4\x96\x13p4/\xe4\xb0\x0f\x87\x9a\xf1\xee\x0fknZ\x19\x8f\xcf\x96\xb1\x9d4\x04.hse\x1e\xcf6\xcf677\x0b\x05\xf8\x03\xb0\xfe\xba\xff\xcf\x9f2\xb4\x1e\x82\x9e\x9a$\x05\x1c\xbeB\x0e\xe7\xe6?\x1d\x8ey\xe9Ts\xd1B\xa1\xf2dm}Yh\x9d\x84ooo/_\x1e\x9f\x8e\xcf\x8e\x9f\x1e\x1f_O\xef\xaej\xf1\x9a)gbp\\;\xc5Q8N\xd3\xf03s3\xee]X\xcd\xd7Z\x07\xda\x8f\xc7\x93\x1d\x88\xc2\x92-T\xb9U\x10\xd9\x13\x80\x9d=\xbd\x0e\x9a\xa5\xf2\xf0\xe9\x1c*?=/@\xb4\x08\\\xe0\xe6\xa7.\xc6\xbe\x02\xbe\xf9\xe9z\xcff\x834fD\xf9\x1a\xc4&lt;2\x17m\x84v\x9b\xbd\xfd\xfbo\xe7\x8fr\x0e\x04*C\x89(}\x02N\x10\xf0\xf7\xcc\xd4\xe9\xb8\xb14\x87\xe7(\\+&gt;OG\x96\xaf\xfdG\x1b\xa1P\xe8\xe8\xf9y\x03es\x88\x05\xbd\x19,\xa1\x18\x97\xe7gh\x14,\x8e\xc6\xb4\x7f\x1c\x8f;X\x9a\xc5\x9b\xf9|?k[\xb15\x01\xeb\xf2\xe8h\x03\xbd\x8f\x85\xc2\'\xff\xa3\x8a ,V\x149\xa8\x0f(X\xd0\xc0\'?\x14\xc6\xbf\x96~\xbc-_g&lt;+\xe9\x8e\x18\xcf\xf77\xfc\xfe\x8d\x8d\xcb\xec \xb6\x97ZF\xebo\xd6\xb5\xb8H\xe9)V\x14\xa0?\xa2\xe97G\x933\x137\xbf`[~\xf1t\xbev\x97\xf5\xad\xc4D9~\rb\xfeh\xe32s}\rrB\x16\xd7\xe2&amp;S\xdc\xc4B\xacd\x0e\xba6\xc6\x11\xa8\x1fNL\x9e\xfe\x8a\xdf-\xd8&lt;\x17j\x1d\xf8\x18k\x82\xd88\tu!\x89\xd9f\xad&amp;r\x1c\'\x8b\x11\xf4Z\x17\x8f\x8b\xc2\xfc\xd4\xf4\x04\x86J\x96vrz\xfe\xeb\xaf\xc0\xd2&lt;E\xe4\xc6\x9e\'\x9b\xe7\xe4\xc6 \xbc\x01\xde,\x9cM\xe5\xe38-\xc4\x97\x1a\x8d\xa5|\xb0UC\xc1\x02,\x02\xc5jz\xe2\xd3\xfa?~\xc59\xde\t\xc6\x97S\x99&lt;\'\xc4\xef\x80\x0b\xed\x1c\xfc\x97\x97\xf3\x01j\xfa&lt;\xe3\xb8$\x04X\x08\n\x05\x9b\x00!B\x08\t!\t\x10hL$\xc4(\x92\x19\x84\xfc\xc1`  !Q\xa4Y\xb98\x08e\x8a\xe9]\xc8@tH\xb3\xa9l\xb2!\x8br=fd\xeen\xb2b\xb9\xd3*\xbbr\xa5\xce\xd99-\x1cn\xdd\xeay;\xaf\xb2\xd3)^\xd5\xad\xed\xf6&lt;\xef/l\xbd\xdb\xed_\xa7\xf9\x12\x92\xc0y\xdc\xe7\xbe\xcf\xf3&gt;\xbf\xf7\xfd\xe5y\x94\xd5\xf7\x88R\xeaz\xacVk\x8f\x03\xb69H\x15\xcb`\xae\xc2\x08\x160\x8d\x11\x99@\x8a{o]\xc9!\xa3\xc0\xebHo\x12\x9d=!;\xe9\\\xffU\xc5O\x1b\x8e8\xea\x04}\xa0\x1eG\x8f\xc3\x98\nT\xb1\xb0[M`0\x98Lz\x84\xb0\x8em\xb1\xd5\x1b\xbb\xe4\x8et\xe0\xea9Q";\xd9p\xf2\xe4\tyY\x9d8S\\&amp;\x06\xb3\x8c\xf1\xa4\x1d\x83\x81\x9f?\xc1.\x83.\xda\x19\x19\xb7\xb6\xd8\x14\xde.,M,a\xd7\xcf.y\xeb\xeb\x7fq\xe9\xec!#\\\x0cE\xf1IFcejBL45[\x90\xb0\x8a\x0e\xaa\x8c\x10\x96\xda\xd6\xac\x81\r\x04\x8b\xc5Z%&lt;\xd4\xe5\xe8\xb9t\xc2a\x14\xe1\'\xb1"\xa8\x9e\xe9\xe4s\xa7\xaf\x90\x9ez:\x8d`\xbd\x121\xac\xe6\x06G\x13\x8b\x15\x83q\x14u\x9d\xbdtH\xd8$L\x15\n\x85\xb0\x9d\xc1\xb4\xa2Z\x86\xa3Si\x84+12S\x9e\x88\xe5v{+cb\x00\xac\xa9\xa9\xa9\xb2\xcb!J%s\x93\xac\x18r\x1c\x0b72\'Pf\xd1h\xbf\x8e\x08\xd6N\xb5\xcdmqk\x1c1\x0c\x16\x83\xd5\xd4\x94\x9e\xbe\xf7\xbbM,\x06,&lt;\xb0\x8a\xc5\x88\x8ee\x10\xac\xe8\x84T\x1a\r\xaf\x8at\xda/#\x83%\xb3\xb9\xd9\x16\x85\xa1\x12N\x11,Vz\x0c\xabI\x88C+\x0c\xea\x94\x18M\x051\x96\t6\xa1\xe0\xe57\x11\xc1\xda\xa1\xb1\xb9y&lt;\xb6\xc2\x9a\xca\xc0\xf3\r\x8e\xfb\xe1$\x06\x8eg\x90\xcc"\xdd\xfb1\xab\xe8\x14\x17\xbc\xbc\xb1"RXl6\x8f\xe7&lt;"$#+\x90bH\x17\xcd\x88\x0eg\x15,BjWCK$\\?\x8f\x98[n\x1e\x17\xfc\xea\x13\x02L,\x02Q\'\xfcX2\xa7\x02/\t\xa9\xf4\xbfc\xd1hoEd.\x17\xb1,l.pi0\x8e\xd4\r\x07\xb8\x06R\xc3\xa6\x08\x15E\xca(\xa6&lt;-\x11\xc8&gt;\x88\xc4&lt;\xe7\x9a\xdf\xad\xb3Y \x86\xb5\\\x9eSm\x15\xb1X\t\x14\x1a\x0e\x85\xe0\xf0\x1dv@\xa0St\x8a*\x91F?t\xec\x95\x9d\xcf\x19,n\xcd\xf7\x16_\xd0\xb8\x01\x8b\x07~9\x1b\xbc\xb0\x931\n\x13bXQ\xcc\x98\x18l\x14Y\x05\xdb\x19\xac\xa1\x84(\x91`\xa5V~}\xef\x07\xc7\x9e\xeb\xb0\xd6\x9a\x1f\xcf\xdf|\x91`qA&lt;\x85Z]RR\x7f\xa4\xa7+\x1b[\xa2\x98Q|&gt;\xe5\x13\x1c3\x84\xc2D!b%\xd2\xa3\xb0`$\xfe\xf19r\xc5}{z\x81\x9f\x01X\x08\xc5\xad\xe5\xb2m\x1a\x8dB!\xab?\xa2\x13\xe3\xedHP&lt;\xde\xfeKL\tK\x98\x92\x02X\x05\xb0\x12\n\x96~\xbf\xe1\xf9\x1c\xf9\xe1\xaf\xee\xf8t\xbc\x80\x9f\xa1\x06\xb7\x80\t\xb2\x8b\xed\xb4)\x14\xce\xf5NY\xbdU \xd6ggg\x17\x17\'\x01^&lt;\xe2\xc5\xa7\x90G"N\x8a\x00\xd7\xc2\xcdKo\\}\x1eS\xd6q;\xde\xfb\xd3\xca\xd1\x82\xac\x17\xd4\xcd\x80\x05T\\.\xdb\tT\x16x\x96\xd5w\xc0\xc1G_\x97\x95\x8d\x9d\xcc\x84\x87\x12i\xe5gB\xe5\xc8_\x18]\xe2\xff\xe8\x99\x0fm\xc5\xed\xff\xebg\x9f\xb6\x17\x8d\xe6\x7fm\x9f\xba\xd9\x82\xa9U\x0bv\xb9\x15N\x85s\x97\xd3\xb9Y\x96\xeb\xed\xd3e\x96\x95\xd5\xd5\x89\x08W|\x12\xaa\x12\xb8h\xfc\xa8\xa8\xfcX\xc4\x1a]X\xd8\xfb\xd63\xdd\xe6\xc4\xad\xb9\xf2\xd1\xf9\xf6\xf6\xf6\x95\x13Q\x1f\x86\xb1jA\\6\xb8\xe5\x04\xcb6\x9f$~\xc1\x06\x15\x8eeI\x84J$\xc2\xbe\xa4xL.&gt;\x13\xb0FG\x91\xeb\xc1\xbd\x1d\xcf.\x90@%\xbd\xd6\x8eX\x8b\x0b\x88\xe5fS\\h\x17rm\x96\xc9\x1a\x0cp\x84\x158\x1ceupT\x84\x13l6\n\xde\x91\xcf\xf2\x96\xb1F\x17\x9a\x1e&lt;\xfe\xfc\x99\xdc\xee\x8aC\xa8sg:o!\xd6`\xe3(\x04\x11\xca&lt;\x16.b\x17X\x05\x81\xdc,+\xf1Z\xad}\xf2\x1e\xcc|H{\x91\xb1\x0e\x94M\x16\xc0V\x82\xb50A\xb8\x96&amp;\x1f&lt;x|\xf5\xff\x05\x03\xa6\rW\xee\x0e\x1dns]&gt;O\xb0\x06\x17\xb7\xef\xdb\x86W\x1f\xac\\\xb5?\xac\xe5ZH\x105\xb2\x86\\\xaf\xb7\xc3\n\xf9\x85X@\xa5\xd7\xe3\x02(\xc6O1\xe8\xfc\xfc\xd8\xd8\x85\t\xe4\x9a\x18\x9d\x04\xae\xc9{\x1f_\xc5\xc2\xff%\xd9\xf0\xee\xf2\x93\xd3\x9d\xaa\x9a\x81V\x0e\xc12\x0f\x0e6\x8e\x7fc\x9b\xad\xd9\xc2\x0e\xdbU\xcbs"\x97F\xd3Pb0l\xea\xb0\xca\x11\xab\xd8\xa8\xc7\xd9;\xfd2VTAl\xec\xe8\x04%\x82\x05\xba\xfd\xf1\xd5\x1d_\xa6\x92\xe1\xffdr\xe5\xee\x19{u\x8d\xa4\xf0\xb0\x94s\xf1|\xbb\xd9\xdc2888\xb7\x11\xb0\xc8\xd6\x86TT.\x8f\xf8\xa5\xc1\xde&lt;/\xc1\xca\xca\xce\xd2\x8b3q\xbe\r\xec"X\xf9\x05\x05\x05\x13\xe3\x84j\xfc\xde\x0c0\xcd\x80\x90\xec&gt;\xf1\xec\x7f\xbb&amp;\xa3Qv{u\xb5D\xabm\x93r\xce,c5No\xb3Q\\\xa4\xd4s\xc1\xb6\xf5\x94]\xb9x\xe7F\x009_\x97)\x10\x08\xc8\xdc\x1d\x19_\xa1\x03U\xfe8h\x19kff\x84|\xcd\xdc\x06\xb2+\x1b S\xfek\xa7\xd0(;`\xd9U\xda\xa0\xafM*\x95\xde2\xb7 \xd5\xe0\xe0\x1f~\xf0\x1d\xc0\ng\x17npx\xdco}\x7f\x17\xac\xc6\x86z\xb0K\'\xae\xcb\xd2\x0b\xc2s\x8a\xd8m\x1d\x9f\xc2\x07\xac\x85\xf9qJ\xf7F\x90jd\xc4\x0f_( \x83\xa5\xf9\x9f\xc1\xe0\x9f\xc4\xed\x7fr\xae\xb3\x13\xa1\xe0Y\x15\x0c\xf8\x0es\\\xc9\xd7Z\x08V\x8by\xe5\xf4&gt;\xe2V\xd8.p\x0b\x08\xd9n\x88cI\xbd\xd7\xaa+\xcb\xda\x9e\x89\xf3\x93a\xbb\x92\x92R\xa2\xd0\xac9\xc25?\x7f\xdb?93\xe2\x07\x05\xfc\x81\x80\x9f\xe8\xf6\xd3\xfbX4\xfe\x1dZ\\\xdc\x86\xfd`T\'\x02\xd9\xed\xadCCC\xf6\xee@p@\xaa,\xff\xed\xf9\x16\x842\xb7\x9b\x1b\xa7\xd7\x11,j{\x83vQq\x94\x95\x186\xe5d\xea\xb7\xeb\x05\xd8F\x0cX`\x17F\x91Y\x90\xbf4777O\x14\xf2O\x8e\x04\x02\xfd\x81~TE\x7fXO!\x98\xfb\xff\xc5\xa6\x8c\xaa\x06P\xa2:IN\xa9\xaa\xab\xab\xed\x9dCC\xaa\x8a\x80\xd6\xa5L&gt;}\x0b\xecj7\xc3rl)\x9a^ka\x87\xc5C&amp;\n\x0b\x92\xbeC.~U/\x96\xa7-c\x91\xe6\xf4\xfc\x02\xe6\xfc\xec,r-\xce-\x86\x02\x93~\xa4\xa9\xf8\x82\xf0\x87\xd0S\x92f\xffD\x16\x87L\x88\xd4\t(\x94(\xba\xaa\xa0\xc9\'iU\xe6\xbd\xbf\x12\xa8\xcc\x04\xacq\xfaE\xf72\x17\xdb\xc2\xb6Xv\x11\xaa\\o\x8e@,\x16\x0b\xac\x88\xa5\xcb\x14g\x8a\xf5\xdb\x8b\x93\xb6\xe6\xe7\xdf\x9c\x9dE.\xd0_\xba\x033\x04\xa5\n\x1eU\xd4k\xb7\xa7\xca\xd3\xed\xf1xT\xbd\xe8\xd9\x17\xc9\xe0\xfd\xfe\xbb\xa7)$\x97\x94\x93\xb7\x07\xf4\xfa\x9e=\xc9m5\x85Z_\xd0W\xe5S)\x95\xf6\xeb\x10B3R\x99\x07\x1b\x17_R\xb0y\x84\xca\xedv7\xdblX r\xbdi\xe0Q\xa6 \'\xadcc\x8e\x0e\xd6"i\x10L\xe23\xf9\x8b\xc7g)\xcd\x1d\xe8\x1e\xf1\x03\x0f\xaa\x1b\x9f&lt;&amp;\xcf\xb2 8U\x18\xcd\x7f\\4\xc1\xa8=\xe0\ra\x92r\xf0\x81d\xe5\xd2\xa3\x85\xda\xc2\xc2B\xdf\xa3\x87\x0f\xfdvW\xe7\x9b\xe7\x11\xeb5s\x0bT\xd5\xa2\xc5\x1c\r\xe1\x02(\xa4R\xab\xb7@\xddJ\x93\xe3\xc0p\xda\xa6\x8e4\x82%\xc0\xc1\xbb\x94(\xfe\xf8q\xd4,\xb0\xdd8\xd8\xdd\x1f\x0czz{=\xaaj\x89\xc9TZ\xea\xf1H&lt;*\x95D"QA\xce\xa8LU\x98g\xf7\xa9;bP\r\xf6H]C@\x05F%\xe7\x81\xca\xf38\x1c\x8e\xd4\xb5\xbb\xadm\xa0\xa6\xa6\xe6\xe0\x81G\xfe\x91\n\xe5\xc5\xe11\xc2Ei\xf5\xf4\x87\r\x16\n\xcb\x06X\x1au\xc9ZCFZ\x8e\xfc\x9br\xeb&amp;\xb8\x0c!\x96N\x97\xf9jv\x12\x9f\x7f\xf3\xc6\xf1\xb0nL\xa9L\x15\xa1\xb1G\xa1\n\x9f\xcf\x04T\x108d*-\x95\x94JT\xd5*U)\x84\xb4\x1fV\xe6\xe7$\xa7\x9e\x00\x04\xc7\xd5\xaatI\x93\xf3\xca\xcb!~\xe5\x10\xc1S\x17\x92\x93\xf1\xb7m\xc3\x97\x87%&gt;\xffH\xf7\xe5\xc3\xc3\xd7(\xbfP\xe6\x96\xe9\x97K\x90\xab\x19\xdc\xd2\xa0[k\r\x9b^\xda\x98\x93\x93\xe65\x182(,\xb9@_\xbc\xc4_Z,j&lt;\xde\xd8\xd8\x08X\xb7\xbaM\xa1\xb1\xb1*\xadV[\x8a\xea\x1e\x9b\x9a\x9a:\xd0\x0bT\xc4-\n+\x18\xf0\x8f\xdc\x83\xed\xdd\x93r\xf0(\x99\xe3R*\x95\xf0\x06\x88^\x87\xc7\xddw\xdf\x96\xba\xe0W\xc0z\xea\xd4\xd0n\xfb\xc1\x87\x0f\x7f\xb5\xfb\xc2\x85wn\xb5SP\xaf\x81_7^\xce\xb5@\x1c\xc1-5\xc60\x17\'1\xd2:2rss\r\x80\xa5\x93\xcb\xfbt\xfa$\xfe\xd6\xf1\xc6"\x84\x82\xef\x1bo\x8e\x8du\x9bJ\x0b\xd1\x9dR\xd3O\xa6\xeeL\x8d\x85B\x15U\xe0\x94J\x02\x99\x05\xcf\x90\xc8A\xe4Zq\xf7\x9c\x94C\x84XJLw\x04;\xf7\xc9\xdb\xa7]\xad \x88\xe3\xc5\x0b\x1c\xce\xa9\x8fT\x81\xa0\xe4\xf2p\xdb\xf0\xf50\x17\xa8\x05\xb9`\xcb\x85X8t\x87\xed\x9e^CI\x03\x16\x8a\x1c\x80\xb2Zu\xdb\x97 \x84\xabW#\x17\xe8\xfa\x81\xde\x81\x1a\t\n\x9c:pg*\xa4\xd5\xfa|ZSaa\xcd\xc0a\xbc\xca\xa9&lt;&amp;X_\xc1`\x7f\xff\n\n\n\x92\xdc\x05\xce\xb4\x124\x8e\xf4\xcc\x9f?9\x8d\xc9\x85?\xee\xbe\xf8\xce\xd1\xdd\xef^\x90v\x86\x1e\xc1_\xb5_\xfe\x8c\xe2\x02\xb5\xb7\x1c\x9f\xceP\xf0\xd8\xcd\x00\xb5\x16\xa7L\r \xec\xdf\x00,+@ux\xfb\xb2\x81\xaa\x88\x08\xa9z\x07\x8e\x0eH0\x97`y\x87\x1e\xdf\xb9\xf38\xe4\x03\xac\xd2\x9a\x9a\xc2\xc2\xd2j\xbb\nL\xf3T\x04I\xf9X\x91\x9c\x97\x8cXR\xc4\x1aj%\\\xca\xe1\xf7\xff\xd6\xb4\x19\xbe\xa6\x91\xe7a&lt;\x7f\xc1\xbc\xb8\xc1;)\xb9\xbe;X\xd4\x80x\x04\xadk3\x94\n\xc5e\xc20\xacl!!\x03y\xd3\x15\xbc\x1bf\xdd\x93\xbc\xd8\xeef\\\x06f\x1a\xa6\x96\xd9)%=\x9b\x842 *U\xd9\x17"BT\x82\x9e\x82oT\xec\xab\xc3\x05\xe3&amp;\xa9\xaf\xca\x12z\xdd\xa3\xd9\x85{~3\xd9\xbb\xfb%\x11\x13&amp;\xfa\xc9\xf3&lt;\xbf\xe7\xfb\x9b\x17\x19\xe6\x92\t\xe2,\xf9\xf9t*\xc55E\xf45\x07Z\xae=\x9b\xb5\x87\xbf\xfc\x86\xf5\xc5\x83\xad\x93\x1b\xb7\xff\xf0\xd7\x8f\xed\xffO\xfc\xfd\xef\xf0\x18^\xc1\xa1p\x13g\x89\xef\xbe\xfbj}\xe3\xb3?\xff\xf35\x91)@&gt;&amp;r\\\'J\x81\t0\x0c\x9bo\\5\x8aG1\xce\xeb\x8d\x83\x93a`"\x9f\x8aeQG\xb1\xa3\xa5h\xd4C\xa2M\x94I\x8a\xa2\x08\xc5\x92\xcd\xf9\x8c\xd7M)\x99p\x90\xfb\x05_\xb0=\xf2\xeb\xb9f\xa1\x8f\xe7\t\xdf\x0c\\_&lt;$u\xff\x80\xda:\xb9\xb3\xb2\xfd\xf1G\xf6\n\xdf\xba\xf5\xc9\xed\xed\x9b7\xb7oo\xaco`\x85\xc37\xfe\xf6:\xe0`mm\x1dw#\x1c\xc3\x11\xdb\x88qX\xac\xfc\xee\xea*/G\xbcD-\xb02\xbc \x10,\x96c\x8e\x96\xfe\x1d\x8d\xd2\xb6,A\x92#,\xb1Lr%\x1a\x86$\x06\xb13=\xf5V5\x1a\xad\x16\x92\x86_\xeeN\xeb\x1e\xa0\x16p\x0b\x84Z}@Q\x94\x8br\xbd\xbe\xb3\xb1\xf9\xd1\x1f\xc3\x9b+pou\xfb&amp;N\xac7WWV^\xae\x84\xb1\xfeu\x0e \xc7\xc3c\x95\xe3v\x8b\xc5bE\x96I\xa3s\xa4K\x89\x93\x96\xa6\x10W#l\x96\xc3\xac\xe3c\x99#\xc6\x9b\xda[zL\xd4\xa2\xed\x82\x10%\xc3\xd4\xcd\xdc\xe2\x03\xf2\xe6\xdb\x07\xa4\x88\x9c\xd1\xf5\xb3jt\x07_t\xd2d\x18\x13\x12V;\xad)\x99\x8f\xd0\x8ar\xb9(\xea\xc5\x0fw\xd7\xef\xaeo\xde\xfb~\xed\xd1\xb3\xfb\x87O\x9e\x1c.\xaf\xad\xadm\xbf\x0c\x87o\xfd\x1dTN\xb2\x02\xe7o\xd0VyU\xed\xf5j\x96US\xb5\n:\x9ecv\xd9\x8aj\x91\xef\xf3J,\x93\x12\xa4\x88\x90\xcad\xd9\x90\x17&amp;z\x08\x16\xd1+\x98\x94LCQ\x1by\xaf!\x92\x84\x11O\x83\xa08\xdb\x89B1\\\xe6K\x9a~\xbf\x99\x9e\xbf\xf7x\x9a\x13\x8a\x88e/\xd7\xd6\xc9\x9f\xbe\xfcr\xe3\xfbG\xaf\xc0\x84uH\x8e\xd2k\xf7V&gt;\xf9\xe6\xdcA\xa2\xce\xa9\xd3Z~\xa4\x90fB\xaa\x95\x8a\xa6\xd6\x1a\xb5|%\xc5\xd9\xfd%\xcb\x95\xbc\xda\xb8\xccz\rC\xe7\xf8\xbd\x0cT\x8b-\xd9\x1e\xd2\x04\xcd\x97\x94\xc4\xdc\xb0\'3\x8c?\x0e\x07\x913\x914l\xe1\x0c\x1e\x9e\xd5I\xf5\xd3\t\xd1\xf4W\xc69\xf4[y|N\xfd\x1f\xd7\xb7\x9f}\xf5\xf2\xd1\xab\'\x0e\xd6\xe1\xe1\xab\xe5\xb5\xd5\xbf|C]+\x15\xa0NG\x86dzM\x03\xdd\x14qbU\xd1jVM\xab\xa0\xc4P\x0f\xd8\x88\xc5\xb7\x97\n\x8f}\xca\xc9\x19\x96\x17bN\xe4m\xaeD\xd0\xd7\x9c\xb7%3N\xb6\x85?\xc4K\x04m\xbf\xdc/\xd0\x04+\x1a%\xba\xc2\xea\x9e\xea7\xf7}\xbe\xb2u\xee\xfa/X\xe0\xe4\xf3;\xeb\xab\xcf\x0e\x1d*|&gt;\xfbt\xf5\'\xca\x15\x08\xb8\x02T\xc0E\x1d\xb7\xd1JJ\xce^\x95bQf1w\xbc^\xa5\xa2\xd6`\xa7\xa6U\x14/\x97=h\x8c{]\x8cJ.\x9b\xe5\x05v\xc9~7$;J\x07\xddH\r\x9dH\nFh\xa4\xaay\r-cJR\xeeC\xd3\xed\xa9\x9e\x91\xcbl\xbb\x9b\xf3\\\xdc\x1f\x87\xcb\x98\xdc$Y\x8e\x99h\xfc\x1b\xe1\xede\x87\x8b\xc4\xebSB\x05(\\\xe1:\x1e\xab\xaaZS\xc9k\x0ez\x16\x997\x84$\x02\xb4\x88\\\xa9\x8c\xb4^\xad\x96?\xc8\xb0x2V\xa1T\x96O\xa7\x80\x85w$\x0f\x89`\xa9\xd5\xc1N\xa3Q\xa6\x8ba\x0f/\x023\xe3fw\x96\x0e\xba\x91\xf8\xeb\x08z\xde\xf7\xe1d&lt;n`\x83\xa8\x8e\x8f\xbfq\xdd\xbd\x8dmxxxH\x0e\xed:\x00\x00\x03\x17IDAT\x9f\xc8\xb5\xfc\x93\x8b,{K\x1c\xab\xb2\xecM\xb1\x0c)\'Lg\xb9\x98\xd7z\x88y\xbe\xc2\x91b\x80\x87\x98C\x97o\xb3\x11\xdd\x0cU\xae\xacv(\xcb\x02\xcb\x1e\xccXt\xb2\xdc\xefT\xdd8A\xd4;\x17\xfd\xf6\xa07\xd4\xec_\xe9vM)=-\xd06\x96\xc7\xd3\xea\x94Pqp:WN\xa4\xd5c@9[\x92\xa2^\x7f\xbe\xbem\xdf9\x124h\x05\xb1l\x97\x8f5S\xc2\\A\xd6\xbd^\xec=\x82\xe6\x8d{#\x88yMS\xe4H\x84`\xedf\xde\xfe\xac\x84\x8c\x10[\xb4\x16\xc3\xe2\x9e\x10Z"\xc7=\x0c\xe7\x9dr{6\x9f\xba\xed\xfa\xbch\xd5K\xa5\xe9\xac\xcd\xe3TS\xd1"q\x9d\x1f\xe4\x92d\x8c\xd3\x9ej\x87lI\x08:\xebu\xd3\xc1t\xef\x94\xb2\xa1\xec\xaex\xf1\xc3\xe6\xa3\xfb\xf6Z&amp;T\xb6X\xa0\xea!P#\xb8\xa6(\x98;\x1c\xbb\xcbEt\x1d2\x91\x9aW\xad\xb1\xa5\x81\x8c\xcd\x1e\x1c\xd4\xacaW9b\xf9\xf6\xf0\xcd\x8f)`=\xb6\x97g\xda\x9f\x0f\x84\xa4\xdbC\x97.\xde\x97\xe0j\xb5\xdfDu\x19\xdd.:x\xa4\x85L\x03\xdb\xd2W\xef\xb4l\xc7\xab\x9d\x8b_\x17##\x18\xec\x9eR\xd4S\x17\xc1z@\n\xec\xa5-\xd7s\xc7A\x07\xeb\xd7\xe1\xd0\x1a\x8f\xc7\x8d\xc6\x98\x14\'\xc7b\xd6\x903\x1c\xda\x9e\xf1Gd\xed\xcd\xc4\x92!\xd6\xc1QD\xd1\xc6\x8d=N\x10\r\xed\xea\x1d\xbb\xe4P=\xc6`\x99\xa2\xb6D\x9f\xa7uQ@\x9d\xa2\xae\xaa\xe8\xd4\xf4,\x87\x8a\x1diJ\\\xd7\r\xb1&lt;\xffP"\xe7DPu:\x173AL\xf8\xda\x93\x80\r`\'\xec\xc5\t\xb8\x96\x9f_ke\xa7}\xd8,\xcb1\x99\xcf)#\xd5\x9aX\xa3\x10&lt;\xc3\xdf\x19\x87B\xd8\xed\xfe\xf8h&lt;\xa9\xc9\x10+\xc3\x84\x0c^\xf9\xf9\xb2"HRJkd\x1d\xb5vv\x9ag\x85\xb2\x88\x8eO6/Z(N\x9f\xbb\xde*\xc0\xadf\xbf\x9c\x14\x84n\x17s+\xaew\x87\xc34i2\x84\xafUmu\xde\x97\xa1\x9f\xa7?!\xa5\t\x88\xa7\x90\xed\xc5\xc9\xbd\xe5\xe7\x0f]v\xae\x88V\xe7C#\xe9\x16\xd8#?\xfc\x0b\x8d\xacE/\xa4;1g\xc8t\xf4+\xb5\xc9DS\xb8X\xe6 \x1b1$&gt;\xb2w9\xceI|6\xd5\xfb\x11\xd9\xa2\x81U*\x14\xeatP2t~&gt;\xafG\xc9\x84n\xf6I\xcc\xab\xad\x12\x8e9\xd3AW\tu-k\xa4c\x82C\xb3\x8bB\xc9]\xe8t\x9a8(\x96Z\x85\xc1)\xa9\xcc\xa7\xe0r\x81\xeb\xeb\x87\xae\xffi5\x10\xc8\xc0\x10p\x88b\xbc!\xc5Z \xa8\xfek,4j\xcd\x19\x88,\xeebw\xe3&amp;\x02\x9f\xdd\x1b,\x06\xcaA*\xf7n)\xba\x13\x8c&gt;\x8e\xbaK\xc8\x13\xbd/\xf1\xbdE\xdbG\x93\x86-\xf5\x0b\xf0\x8b\xf4\xa8\xa7^\x98\xce\xa6\x1f\xe6\x03\xb2\x05t=\xb7X\xb4\xf7\x83\xbeR\xa7S\xc2\xc8\x02\x16\xdd\x9e\xd8\x93\x8f(\x16\xd8\xba6\x90`\x9d\xb6E\x91\x0c\xfc$\x13c\xb9HH\x9b\xf4B\xd7P(\x89\xc6\x1bKU\xec\x13a\x0c\xf7\xd7L\\7\xbdG\x19V\x98\xcek\xff\xe0\x84\xbd\xff\x00\xe6\x8cyg\xcd\xd8\x91H\x00\x00\x00\x00IEND\xaeB`\x82'</t>
        </is>
      </c>
      <c r="M132" s="3" t="n">
        <v>45492.67611111111</v>
      </c>
    </row>
    <row r="133">
      <c r="A133" t="n">
        <v>358538</v>
      </c>
      <c r="B133" t="n">
        <v>5926</v>
      </c>
      <c r="C133" t="inlineStr">
        <is>
          <t>Nathan</t>
        </is>
      </c>
      <c r="D133" t="inlineStr">
        <is>
          <t>Nathan</t>
        </is>
      </c>
      <c r="E133" t="inlineStr">
        <is>
          <t>MC</t>
        </is>
      </c>
      <c r="F133" t="inlineStr">
        <is>
          <t>MC</t>
        </is>
      </c>
      <c r="G133" t="inlineStr">
        <is>
          <t>MC/MEI/PE</t>
        </is>
      </c>
      <c r="H133" t="n">
        <v>177</v>
      </c>
      <c r="I133" t="n">
        <v>14</v>
      </c>
      <c r="J133" s="2" t="n">
        <v>35136</v>
      </c>
      <c r="K133" t="inlineStr">
        <is>
          <t>Right</t>
        </is>
      </c>
      <c r="L133" t="inlineStr">
        <is>
          <t>b'\x89PNG\r\n\x1a\n\x00\x00\x00\rIHDR\x00\x00\x00\x96\x00\x00\x00\x96\x08\x03\x00\x00\x00\x0b\xdf\x81\xd0\x00\x00\x00\x04gAMA\x00\x00\xb1\x8f\x0b\xfca\x05\x00\x00\x00\x01sRGB\x00\xae\xce\x1c\xe9\x00\x00\x03\x00PLTE\xff\xff\xff#\x17\x0f\x0e\n\x06\x1d\x11\x0b\x0e\x12\x1b\x16\x18#\x15\x0e\x08\xff\xfe\xfe\x11\x13 5)#\'\x1b\x12.#\x1b\xad\xb4\xbe\xce\x85p\xfc\xfc\xfc\xaa}k\xc9~i\x12\x1b)\xa7\x80u\xb3\x8a\x82, \x16\xaf\x89\x80\xb4rd\xad\x80q\xaa\x88~\xa6}q\xb4\xb6\xbc(\x1c\x19-$!=+$\xaa\x84p4#\x1dK5. \x18\x16\xa1\x7fs\x99me\x1a\x16\x0e\xd2\x88s\xbdzl\xadwn\xda\x96\x8a\xc5{g\xa0sfR:2\xa5pa\x0b\x0f\x15\x13\x12\x12\xb4\x85~\xb1}l{\\T\xb2\xb9\xc4C0*\xc2\x83x\xb6\x84t\xacxg\xa4yo\xb6wi\x18\x80\xc2\xb0p_9/+\xb0\xb4\xc4\xcc\x82l\xa7wf\xc5\x89|\xadqe\xaezu\xd4\x8bw\xb5\xb7\xc1\xc5\x92\x81\xf9\xf7\xf8{VKnJ&gt;\xc3xc\x1bt\xb7\x0c\x17"\x1bx\xbd\xc2\x8a\x81\xbd\x8e\x86\xbe\x83p\xd5\x8e}\x84ZO\xaal\\\xc9\x81v\xb7\x7fm\xef\xee\xef\x1a\x1f*\xc3|o\x1bn\xb1\xf4\xf3\xf4\x9fwm\x1c~\xc5\xbe\x87x\xa3\x82y#\x1e\x1e\x9ag[\xd3\x98\x90\x93cV\xa5\xb0\xbf\xbe~sB#\x19\xb0\x88ytPClB5\xd7\x91\x83\xabfTtTM\x8aaW\xbc\x87\x80\xbbwd\xcd\x88y\xeb\xe7\xe9\xa8\x86y\x8c\\Of=.Z?7\xad\x81z\xdf\x9c\x92\x18\x18\x1a\x1c#3\x05\x04\x02I, ~PC\xa6smmRK\xa3iW\xaf\x87t\x84_U\x82UJ\x95k_\x98^N\xb3~x\x99ti\xe3\xe1\xe3\x93d]\x8dg\\"+9\xcd\x90\x7f\xce\x90\x8b?4/vG:L?=dE&lt;\xc7\x81oZD=S0#]am\xa4li$#,\x9f\xa8\xb6\xb4\xb0\xb4\xa2fb\xc9\x8c\x83\xcf\x9a\x8a3&gt;N\xbb\x7f|-/9fm{\xcc\x95\x85F86\x8emefJ@pw\x83\x9do]6\x1f\x13{c_iMH/),\xa8\xad\xba\xc1\xbe\xc1\xca\xc8\xcb\xa5_O\x94wp\xb5zs\x89\x92\xa0NSaHLX\x9a|u\x89QD]KG\x85f_ifk\xb8p[\\VZ[:-.\x19\x10\xb5\xbc\xccP[k\x91rh\x87\x8a\x93\xbft_ups\xb1kY\xd3\xd0\xd3\xa2\x7fj)4E\xa9\xa7\xac\xa7\xb8\xc5\x7f\x80\x8979BG\x8a\xb9\x1ch\xab\xe3\xa2\x98v\x7f\x8cMHJ\\4&amp;f\x9f\xc4\x15~\xbb\x96\x9c\xaaAAK&lt;89\xc5\x94\x8c\x97\x94\x99\x9e^V\x93UJ\xa7\x90\x89#\x80\xb8\x9b\xab\xc0\x8c\x87\x8a\xb3rq5\x89\xbc\x8d\xae\xc7\xda\xd9\xdc\xab\x9b\x96\xa2\x9e\xa4\xd6\x9e\x96\xce\x88\x81\x9b\xb5\xc6&lt;I[\xd3\xbf\xbc\xafkn\xb5\xa9\xa2\x87{||\xa8\xc2L\x92\xbf\xc8\xb7\xb1\x9e\x88\x7f\x82D9/p\x9b2}\xb2T\x8b\xab\xe7\xd9\xd8\xbb\x97\x92\xc6\xad\xa9\x18\x87\xc9\xe3\xa6\x9fm[Y\x80kk^\x92\xb6\xca\xa3\x9c\xa6\xbb\xd4"v\xaac\x82\x9cJz\x99Ac\x81X{\x92Qj\x81&lt;\xa8@J\x00\x00 \x00IDATx\xda\xcc\x98\xefK\x1by\x1e\xc7\x9d\x0c\x9d03$\xc8\xdd\xe0\x03g\xc28\xdb\xd1V\xf4\xb2w\xc4]$\x83\xd4\xf5H\xeb\x83E\xab\xcdI\xa0\x17[\x0c\xfe\xe8\xd5\x04-\r\x8d[\xd9^\xf6\xb2\xa5\x8d\xa9uO&lt;\x8e\xf3\x08\xdb\r\r\x89\xb7\xb4\xe8i\xcc\x83\x1a\x03\xa2P\xe2\x03\x83\xed\x83\x1c\x88\xd7\x07\x87O\xfa\xb0\xfb\xfc\xde\xdf\xc9\xd8\xed\x1f0\xda};\x19\x87\xc9\x93W\xde\x9f\xcf\xe7\xfd\xfd\xce\xd4\xd4\x98"\xab\x15\x1f\xbb\xbd\xe6\x17%\xbb\xcf\x1b\xf2y|\xb1\x98\xcf\xe3\xf1\xd8!\xeb/\x81\xca\x1a\xaa\xdf\xaf\x1cf\x8b\x0b\xfb[\x99L6\xe6\ry}\xf6\x8f\xed\x1cJ\xe7+Vr{\xf1\x95\xa3\xcaj.\x97[\xadd\x8a\x07\x07\xb1\x90\xf7\xa3r\xd9\xbd\xb1\xe2B\xa5\x90\x8bK"\x1fOj\x92\xa4\xc5\x7f\xaa,\xd4g\xb2\xf5\xb1\x8f\xc7e\xf5\x1d,TVKq\x16\x92D\x8a\xe3yA\x90\xd8D\xa1r\xb4\xb5_\x0f\xbf\xec\x1e\xfbG\xa1\xcal\xe7\xca\x92\x08I\x92\xc4\x0b\x9c \xf3\x02\xcf\xb3Z\xa2\\\xa8\x142^_\xb1\xe89u\xa6\x1aOlau1\xacR\xa0R\x00\xc6\xb2\x02\xc5\x11*\x96\xe7\xf9d!wT\xbf\xf0"\xe3;\xe5\x9e\xf2\xf8B\x99\xedR:\xac\xaa\x94\xa204M+ \xe2(\x8a\x90\xc16)\x91(\xfd\x94+d\xf5J\x9e\x92eVO(\xbbpX\xc9-\xfaAE\xd3\x0cc!\\4\xc5q\x1c\x85?^\xa0(\x81\xd5\xe2lb\xbf\x18\xb2c(\xbc\xa7\x92cVo\xa6\xf2\xac\x9c\x9e\xf7\xfb\xfd\n\xb0\x18\x08E$D\x14!\xe3d\x9e\xa3\xc1%\x0b\x89\xc3\xa2\xd7\x17:\x08\x9d\x8e[\x9e\xe2\xf6N\xd8i\xb1\xa8\xa2\xa8*~E\x81Q"\xcfK&lt;A\x02\x19\x85jR4\x85\xa9dW\x0f3\xd9l\xccsZ\xf3W\xd8K\xab\x0c\x8aF)~\x8c\xa0$*\x14z\x8b\x00\t\x1c)\xa6\x88&amp;\x13y\x96\xa7\xb4\\a\x1f\xedu\x1a5\xb4\xfb\xb2\x95\xe7\x8b\nC\x89\x02\xa7\xa0\x8e,K\x8a\xc6\xe8R%\teU\x15\xe2\x9b\x80\xc9\x94\xca\xa5\xfd\x03\xaf\x17K\xe5\t\xe7\x97\'T\xdcZ-\x87\x9d\xaa(i\x1a+\xf9EEb\xe1\r\xe9x\xd5\xc9\xa80\x0f\xfd\xc6\xa8\xa4\xf3e\x17+\xc6KG\x99\xec\xef\x11\xfa!\x9f\xfd$\x9b=\xbb\xf5do\xdeiQ\xb1\xd2$\x92qVT\x14JD\xbe\xd3(\xa9\xaa@~)-Q\x0cC\xc3\xae\xbc\xc3%\xa6\x13\xa5\xdc*Y(\x17\xd0b\'UKkl\xab\xf0l\xf1\x0c\xba]\xd4\x92\xc9r\x9c\xf8%\xc2&amp;\x05\x9d\xae\xf7\x94\xc4\x8b\xbc$q*\x06\x11\xcb\x90\xec\xd2\xc4tZ\n\xfb\xd3\xa5\xc2\xe1B6tB~\xd9\x0f\xf6K\xe93a\'cQ\xa5\xb8&amp;\x91\\\x07\x96B[,\x16\x9a\x17\xc0\xc5\xb1\x1a\xb9\xc3Q*\xc5\xb3\x0e\x87\x83M\xf2\xb4\xe2wZ\x9c\xfera\xeb\xc0{B\x13y\xf0\xe2\xf9\xe2\xbc\x1fX\xe8\'\x19\xbe\x80J\xa6hE\xa4\x19\x8b\x05C(\xa2\xcb\xe3q\x8d%a\xcf\xe1\xca\xe1riq\x8aq\xe2g8\xc3\xe9\xdc\xd6\xc9T\xd1\xea\xdb\xca\x95\xd3~\x0c\x1a\x83L\xe2eV\x96\xc1\x85\x84\xe2(`1d\xfb\xc0\xb3\xf1d\\F2\x08\x1c\xebr8\x04\x87C\x13hpY\xf0\x91r\xfb\x07\'a\x97w+\x97V8\x9d\n8\x0e\x1c\xe0r\xb0(\x9e&gt;\x87H1\x14\xae\x01X\x1c\x92U\xc07&lt;%\xc8\xb2@\x96\xa6;wP\xe7pi\xff\x04\xb6`\xf6\xcc\xb3y\x8bJQ\xe0\x82\x1d\xb2N%\xa3\x7f\x1c&lt;MZ\t\xd1E\xc3\x1d\x97\x8b\x959ZU\x81(\x0846:\x06\xd6\x1d\x18\xaa\x96\x0eC\xa6\x971\xb4=O*%\x90%\x86twJ\x96\xf3\x14\x95\x07\x99\x80{\x82\xc6\x8a\x9c\xde[r\x9e\xc3\x0c0\xc8{\x01\xf3(\x0b\xd41\xd6\x1dK8\x975\xbd\x8c\xf5;h\x11\xbf\xc4\xe7I\xc98\xd9\xc1\xe6\xf3)r\xa4\x02\x0eW\x83\xc6"+x\x8a\xac\x83B^\x0fW\x02\xa9/\x8fX\x00\x08\x96\x05X\x8cT(\x9a\\F\xdf\x8by\xa7\xca)\x92\x8c\x88\xca\xe7e\x97\xcb\x91\x82\x02D\r\xb7ZZ\x1aP&lt;`\xc8\x0e\xa0B\x1c\xf9#\x9d\x95J\x11,K\x15\x0b?k\xd5T.kM\xe8\xc9\x1f,*-\x92\xf1g\x1d\x81H$\x80\xcf\xdc\xdc\xee\xee.N\x8f\x1e\xad\xcfE\x02:e$B\xbe2D\xaeRp\xb7\x8a\x051N\xe9\xc8\xcc\xb6\xb7\xd6\xc4\xb6\x17\x9d\x16J\x8a\'\xe2\xac\xcb\x15\tD\xd6GFF.\xcd\x0cOMM\r\x0f\xdf\x1b\xbe42\xb9\xbeN(\'\'q\x7fd\xd2\x10\xa1\x0e\xa4(c\x14QE&amp;\\\xca\x98Z\xc6\x83\'i\x86\xe1\xd8dB\xe3\xe5T`n\xe6\xf2\x04Q4\x1a\x1d\x84\xa2\xcb\xcbSS3D\xcb\x13\xaf_G\xa3\x13\xcb\x86\xde\xbe\x9d\xd9\x8d\xa4\xaaXw\x08\x96\x7f5k\xaa[\x07\xabg\x9c\x1c\x0f*\x81K\x05v\xa7\xae\xb7NOO\xf7\x11\xb9\xdd\xee\xbe\xe9\xa8\xae\xd7\xd1%r\xa3olzii)j\xdc{;2\x97\xa7\xf5\x12\xeaX\x15s\x8bX\xfcn^\x01V\x12\x91\x15\x98\xbc\xfcCk\x1dp\xdcu\xd0\xf8\xf8\xb8{\r(}cc}\x9b\xee5hssllzzlll\x89\xe8\xf5\xf2\xcc\\\x9e!TH\t\xc6\x99+\x9a\xb9)\xb4gJ\xd8\x1b\xf3Z\xd2!;\xe6.\xb6v\x12\x9aq\xfd4\xde\xdd\xdc\\\xdbM.\xd6\xd6666\xc67\x08\xd8\x1a\xc8\x80\xa5\x83E\x97G\x02y=$P\xc9\xdf\xcc\x1f\x9a\x19]\xbe\xc3\x1d\x85a\x84x\xd2\xe5\x88\x8c\x0c\xb6\x13 \xa0t\x03\tGG\xc7lm3\xb4\xd1\xdd\xdd\r\xb2\r\xc3\xb11\xc3\xb0\xe8\xf2n\x802\xb0\x9c\xce\x82\xd7T\xac\xbd0B\x1eX\x81\xb9{\xf0\x8aP4\xd76\xd7V\xd5a\xeb\xe8\xe8\xa8\x05Z7\x01\xeb\xd6\xc9\x0c0\xbd\x8eo\xe7Rt5S-\xaa\xa9X\x9eC\x12\xf2*\x1bo\x88\xac_o\'T\xb3\xb30\xa9C\x97\xcd\xd6h\xd3\xc1\x9a\tX\x95M\x07\xdb4\xc0\x96\'\x03yZ\x1fE\x8bR1\xf39\xdb\xb3\xbf\xa8b\xf7\xc7\xbaZP\xc3\xba\xa6\x01Be#\xaaR56V\xfd2\x04\xba\x0fJ\t\xbbF")\x12\xf6\x18E\xc6\xdc"\xee/\x86\x19\x15\x9b\xbb\x96\x86\xe1\x1f\xda\x07j\x07f\xc1\xa2\xe3\xd8t\xaa\xea\xc5{\xb2c\xae\xaacK\xd1\x99\x08\tU\x82\x85"Z\xcd\xc5\xc2v\x85M\xb6\xdc\xba\xd7\xda&gt;\x00\xb7l\x8d]P\x95\xad\xab\xb1K\xe7"X\x1d\xb5F\x9bm\xfc\xdcb\xaf\xa6\xe6Ry\xd8E\x1e\xd9\n\xe6mn\xac5\xde\xedy&lt;nqZ\xbc\xe1\xd1\xe5\xd6\xf1\x81YB\xd5h\x80\x11\xac\xaa_:Um\xf5\x84\x16\xdb@\x86\xc0\xae\xcd\xbeW\xcb\xeb\x81\xbc\xbe\x875\x19+\xf4\xa4\x8a\xe5j\xf8~\xa2\xb5i\xd6f\x0b\x12\xa4\xae\xde^\x03\xcc\xa6wW\xed\x07"X\xdd\xe3kuk\x9b\xee\xcdi\xf4|\n\x0fmN\x86QVc\xe6b\xa1\xb7x\xcduk\xf8z\'\xb0\x1a\x83\xbd:\x92A\x05,\x9b\x01\xd5\xfc\x9e\x8a\x08![W\xe7\xee\x9b@\xcf\xe7i\x95\x14\xb1d^\xcc\xebE\xf4\xab\n\x9e \x1e\xdf\xf8\xf6s`}@\xa5\xf7\xba\xedx,;\x8c\xf42\x92\x96\xc4?\xb0\xa23s)&lt;\x0604\xed,gM\\}|/\x16%\x11kO\xe2\xd1\xc5?\x9fk\xea\x07\xd5\xa8\x01\xd6h\xa4\xc41\x19I\xfb\x8d\rR\xc1\xee&amp;p\rt7\xb5\xbb\xfb^M\xed\x06t,\xc6Y:\xb0ZM\xcc\xad\x1d&lt;\x1f\x03\xeb\xe9\xef\xce\x9e\x1b\n\xbe\x01\x96\xce\xd5\xdb\x15\xb4\xf5\xdb\xfa\xab\xe1\x054#\xebu\xc7\xe0\xd6@ssS\xd38\xb6\x18\xcb\x93\x11^\xd1\xdd*\xc5L\x0c\x08\xeb\xd6\xce\xa2\xc6\xba\x12\x8f\x9f~}\xf6\xb7\x04k\x14\xd2\xd1\xba\x08\x96\xcd\x88\xd4\xe3\xb6o\xd6\xd7\xc8\xe6\x01\xa2\xa6\xa6:\xec|f\xe6d\x81\xbc\x08S\xf7b\xe6\xb9e\xb5\xd6\xef\x95\xe3\xe8\xac\x95\xbb\x7f\xfa\xea\xc7!\x14qt\xf4\xbcN\xd6\xdb\x1b\x0c\xf6\x03\xab\xd1(\xa7\xadc\xf6X\x03=\x88]P5\xa1\xb9\x06\xa7\xd6\x032y\r\x16.\x99\x89U\x93}\xb6S.\'\x1f?\xbdx\xf6\x8b\x1f\x87\xda\x82\xe0:OD\xc8\xde\x04m\xc1`5Z\xa1~\xdb\xec\xc0l?\x84\x7f\xb3U\xaa\xbaNw+\x99E\xf2zGY51\xe5\xb1;\xfdn\xa7\x9cL|\x7f\xf7\xfe\x17\x9f]\xe9i\xeb\x0f&gt;\xa8b\x9d\xbf\x064\xd2\xfbU.=.\xe0^\x10\xea\'\x8e\xf54\r4\xb5#":\xffv\x0fv\t\x82\xa8\x1c\x99\xb8T#\xb8\xfe\xb9SN\xac\xdc\xf8\xf7\xafn^\xed\xe9\xe9i3\xdc\xba\xad\x0b\x17\xbd\xbd\xfa`\xeaS0\x8a\xba\xf6&gt;x\x10\x0c^\x00\x15\xd4^\x87ml\xe7\xb7\x97Z\x1c2/i[\x1e3\xb1|\xdb;;\xa5\x95\x1b\xff\xfa\xf4K\x82\xd5\x1f|\xf3f\xf4\xe1\xf9\xdb/_\xe2\xc0\xe9\xf6\xf9\x9f{mT\xd7\x03p]\xb8\xd0\xd6\xd3\x0e\xaft\xac\xbfN\\jphZ9c\xea\x9bT\xfb\xe1\xdeN\xe9\xee\xd7\x9f\xdc\xbc\x00\xac\xa1\xb6\xb6\xa1\xa1\xb6\x0b\x0f\xaf\x01\xe9\xdd\xbbwU0C\xc0\xd3O\xc0j\x1b\x82Q\x9du\xba[u\xe7\xce^|\x9c\x88k\x89\xac\xb9/x1\x8a+O\xef\x7fs\xf3\xea\xd5+W\xae|\xde:8\xd8z\xee\x9b/\xff\xfe\xdfw\xba\x08\xd8\xcb\xf7\x15\xbd}\xed\xda\xb5\x87\x0f\xbf\xfc\xc7\x7f\xfe781q\xbd\xb5\xb3\xb3\xd3\xed\xeel\xef\x9c\xb8\xf48\xa9\xe5b\xe6\xbe\x1d)&gt;\xdf[\xb9q\xf6\xd3\xabW?;w\xee\xab\xc1\x89\xcb\x97\xef\xff\xe5\x93?\xfe\xfa\xff\xb4\x9a\xdfk\x1ak\x1a\xc7\xcf]\xae\xb6.)\x9b\x9c\\\xf4\xb4\x1cA\xb3*8\xd2\x19#.\xe8\xb8X\xe7F\xad\xc6\x12\x1a\xa6\x8c\xc3\xa4\xda\xa8IV\x93^\xf8+\xfe\n\x8abmE\xd8\x19\x11\xdcd\xad\x81\xa5\x11\xb6\x9a\xb3\xc9E\x97\xf6\x94e\x17\x0e\xc9\xc5V\xb4\x17^\xec&amp;`)\xf4\xe4"\t\'!\x97\xfb\xbc\xb6\x07\xf6\x0f\x98\xf3*^\xa80\x9fy\x9e\xe7}\xde\xef\xf7\x9d\xf7\xec\xea\xea\x0b\x16\x8a\xd8\x0f#\xb4i\x80\xea\xda\xd4k\xf3)\x7f\x92\xf2z\xc1\xbc9\xf5$\xa9\x953\xbegO~\'\xaa\nD5\xff\xddAG\xb3\xa1\xaeeL\x8a\x94\xdf\xe1\xd0\xf84\xcdf\xf3r\xe7\xe5\xd7gg]\xb7\xfb\xe8\x0b\xd2\xe3\xc7Gn\xb7\x100)6w\x9b\xb1\xceV\xa9\xb4\xea\xf5\x16\x93\xa3\x88i\x19K\xe9\xc9\xbb\xbf\xdf\x1f\x13\x15\xeb\xce?\x0fb\x9a\xcd\xb5LF\xe1wX4\xbe\xd8\xf6vgU\xa9\\\xed\xc4\x9a;kjk\xc1==\xca\xe2\x91\xbbn\xcdD\xb3\x16j\xff\xd6m\x18\xca\xd5\xd2\x16Ey#\xc1\x06i\x88\xa6,[\xcf\x0e\xfe!\xf6N\xe5\x7f\xf7.4\xd2\xb5\x8c\x9c\x8dx|\xbe\xed\xed\xd2\xaa2|;|c!\xac\xdc\xce\xcedj\x02\x94\x14\x94U\xc1\x88)\xb2\x96\x922\xfc\xfc\xf9B\xf8V8\xac,\x95J\x1e\x1fU\x0c\xaa\x0c\xaa\x94c\xbb\xd3\x11w"B\xb8\xfe\xb8w\xd1\x94\x9a\xd6\x14\xc9"`\xf94\x1a\x8b\xc6\x12\xdb\xda/\x87\xcb\xfb\x9el\xb4e,\x00T&gt;ot5\xd8$P\xdd\x00 _"\xa1\x81\xbfy`\x14#\x8cA\x91J\xc4:\x17\xdf\x8b\x8d\xf5\x17\xa8\xa5W\xe3\xe3\xa9d\xc4\x91\x9a\xffv|\xed\xc1\x83ow65\x1ej\x8b\xb2d+-&lt;\x0f\xd1\x82\x9e\xa0c\x82\x11\xaa\xf4\xacDir\x1b3S\xe3\x7f\x98\x82JLF\x8a\xc5`C\x91ulo_\x8a\xb8"~\x99\x8a\x97\xcd\xdd\xcd\xa9q)\xcbH\x08u`}f\xe3U"\xb6\xb5\nI\xb2\x04\x19\x83\x96\xcb\xa3\x9e\x9a\xc7u*\xd6a\xa1J%\xca\xe3\xb1\xf8S\r\x85\x04\x93\x1b\x1a\xac?\x99d\x149\x87o\xfb\xa3\xc8\xbb\xa7cw\xbe\xff\x88\xb0&amp;\'\xd7\t:0\xa9br\xcd\xce\xad\xdb7n+\xf7\xcb\x87P9.|\x1a\xb5\xacGF\x99*X&lt;,\xef\xc7\xe0\xc7\xb0\xd2\xe7g\xd98F`\x90@F\xa1\xf0\xc3Dy/j\x7f\xf8\xea\xda\xca\xf0\xfc%`\xcd\xac\xd3\xe6\xba\x99\x86\x90\xf8.\xf6\xf6\x0e\xdeu:[\xab!o[k&lt;\x9eF\x0b\xd0\xddY\x99*r\x18.S\x97{\x7f}\xf7\xee\xdd\x13\x9f%\x18Lc\xd8\xe4\xa4D\x1e\x05,\x8d\xef\xfd\x8a\xb8\xfb\xcc\xe7j\xd3\xd4\xe6n\xee-a\xaeV\xeb\x84\x8a\x8dh&gt;\xbe~\xbd\xf7\xef\x8bXl5\x14a\x08c\x1e)\x89\xe5_=\x05\xac\xd0\xe1a\xec\xe3w\x7f\xfe\xd7\xc1\xeb\xce%\x15I\xa7!^\x04&amp;\x97W\xfc0\x03^\x0e\xc5t\xafcCR\x86\xd7*\x89\x14\xc2\xaa\x1b\tL\x91\xda\xf8\xf1c\xf3b/\xb6\xed\t\x85"\x06\x1a_~\xf4hy\xf9\xe9\x9cl\xc9\x19,\x86\x0e=;\xcd\xcb\x83N\xb3\xf9c"\x92\x8e\xc7\xb5#\xaeJ6\xe1\xc8\xe5^\x0e\xc5T\x10W\x8b\xbf\xfe\xfd\xb2\xc9\x9f\x92@\x0e\xf3F#M&lt;|x\xfd\xfd\xcenSc)z\x8bA-m\x07I\x81\xb0\x96&amp;@\x88\x86\x0e\xa9\x04\xfc\xd4\xdc\xdd\xf9z\xa6\x11w\xea\xb5\x98\xcb\xae#!\xf1\xc1\x06\xcf_\xbf\'\x9e\x1f\xbbv\xa5_\xbe+\xa8\xb3R\x826\xe7\xe1\x05\xa3\xdb\xed^\x9f\x92\xb2\xc1\xc8I\x9b\xc1\xf0\xa7\xb3H;\xcf"\xacx\xbf\x18*:r)\xa9b\\\xfdp\x1d\xd3ju\x18\xe6r\xe9&amp;H6\xc9\xc0\x82]9\x15\xabE\xc0\xcas\x85\xe5\xa7\x0b6i\xa5F\x83\x902\xc20\x9b\xeb]\x1ba`\xd2\xc1t\\\xcb\xcd\xcd!\x99&lt;\x0b9D;\xa9\xfd\x93\x936\xdb0L\x124A\x80\xdcp!.\x9d\x8edY\x95N\xf6\xa2\'"\xd6}\xc0\xfa\x01a\xd1\xc6|~\x04F\xd3f#\r\x02\x87W\xa90;\'C\xf2\x9dC\xc1z\xa3w\x82\xcf\xe9\xf7\x01\xd6E\x804\x03\x1e\x97\x0e\xa1iI\x86!es/xQ\xb1tw\xa7\x85\x80\xd4\xf03\x16\x0e\x12\x15]\x12\x84\x01\xe6\xe2d\xbf\x1d\x99\x8a9\x0ea\x01\x17\x1fG\xfb\xd0Z\x97\xdd\xb5\xa4\x9b\xd0\xb9\xe0\x9fv\xdd\x80dX\x12\x9f}\x11]\xf9J4\xac{\xdd\xa5\xbbw\xf34#\xb1\x1b\xf3\xf5:\x14\xbd}$\xd1A\xdd9\xe5-\x99\xec\xb3\xd5\xc1Q\xb4@\x89\xea\xd1\xbex\x1c^\xfa\x89\xbfML,\x81#\x19\xdd\x82\x96I\x93\xf82`\x8d\x89\x88e\x7f4]]oHhc\xbd\n*O\xc0\xc1g\xbdY\\t\x92\x13-\x0e\xf9\xb3Q\xb0F&amp;G\xa7\x83O\xd2\x19_\x84\x80\xe9\xf5\x13:\x19\xa8k\xe0ri\x01K\xa5\x9b{Q\x11\x13\xebJx\\\xc7\x0c\x8dIZ@Xn\x14\xaf%\xfd\xe2\xa2~\xa2\x85\xe3\xc70\xfe\x0fK6\xc7q:\x12\x05,&gt;\xa22\n\x9f\xb1`z@m\xbd\x11\x17\xab&gt;-K3\x80e\xad\x03\x95{\xba\x9a\xc7\xed\x901\x1d\x87\x0b\x85\xc2\xf11\x8e#[\x8f\xcfM ,\x9d\xccE\x8e\xf4;\xa2\x92\xe1\xc2\x17,m\x83!\xb9e\x99\\D\xac\xfb\xe7\xc2\xdcbO5\xc2B\xd1rW\xeb\x82\x91\x83k\xc2E\x0b\xc7\x1c$\x12\n\x0c\xda\x04z\xac\xe1\x84\x18:\x9d$9B\x84\x14~\xc1\x92H\x1aL\xdc\xc9\xe1\xd7E\xc4\xba\xf3\t_\xec;[\x8c\xbc\x06XUw\x15q\xc1t\x84\xaa1\xe2\xc21T\x17\xbc\xf19\xe8[0\r\x9c\x8bN}&lt;\x1d\'u0d(\x87\x02\xf2p\x80\xc5\xa4{=\xbd\xac{O&lt;\xackC\xba\x7fBZ\xd9(\x81\xb0\xaa\xd5#\x18\xee\x82\x15\xe7Z\x83\x16\xd0\xd5\x8c\xc6Q.\x8f\x8f9\x04\x06s\xb1\xdf\xee\x91\x10C\x0e\x05\xcb\x8a\xba\x9cKb\x80v\xda\xef\xf7\xceD\xf4\x18c\xc3@\xef\x84\xef\xa6\xa4\x99@\xf7g\xac\xa3\x82P\xfb\xc0\xf3-\x08G\xa1Pp\xff\xf4\x13xCw\x01G\x13\x8f\xd3\xf5`I\x1ap\xb3F\xc1*X\xad4\x0cL\xab\x082\xf2\xf6I\xffL\xccg&gt;\xc3\x00\x7f\xd2\xb6Isk\x9f\xb1\xaa\xa3h\xd5\x06|o`\x15\x90Y\x15\x04\xf4\x85 \xe0\x1c\x01\\ \x06\xdb\xc5&gt;\xc9\xcd\n\xf5BA\x00,\x1c\xa4 \x13Q\x98NB\xfds1\xb1N\xbb5\xbe\xb7&amp;\r\xce\xa8\xcd\xf5j\x1d\xd5\xd7\xd1\x91\xb5U\xe9U\xac\xee\xc2\xb1\xac\x97\xe6\x075\xab\xd5H\xb7HX\x10\xdb\xbd\t\x9d\x9co\xb7y\xc8 \xcc\xdb.`\xd9\xed\xd8L0"Q\x85N\xf8\xa1x\xcf\x13Q\x87\xe8\x16p\xb9\xd41\xa3\xb6\x82z\xa8\x8fzj\x8d\xec\xf1\xb5\xc2\x91\xbb\xd6;\xe9\xab\xa2\xa0\xf3*\xe4\x07\x92\xefAY\xc9k\xb5\x0c\xdfN\xcb9\x1c\xf2\xda\xb5\xa2&amp;\x8f)\x92A\xcc\x99\xeeeNE\xb5&gt;C[\xc1M+"\x9bk\x08\xcb\x9c\x07\x89j\x95\xf7z\x83\x02\xca`` 7e\x02&amp;&amp;\xcbG[\x19\xa03\xa9\x03\x81\xc0\xa0\xd7g\xe55c\xa1j\xa6aItI\xa4\x91\xa0\x81\xb4\xb7l+\xa2Z\x9f\x15\xb0\xf4u\x89G3\x15@X\xa0\x9c\x85V/]\xa9A\xb1[3\xa6h6+\xdd\x98WH\xe7\xa3\x8al\xd2\x91\xcd*L\x99Z\xa6\xd2\x87\xaa\x87\x86bF{)\xd8\xcc\xae\x87\xd5\x12\x01\xd3\xb9\xb8\x074\xee|\xea\xd6\xab\xeb\x9e\xd8K\xf5(Z\xf5:\xce\xf7\xf9L\xc0j\xcd\xf0Ap\x86\x94\xc7\xe2\x08\xfa\xb3~\x0b\x15\n\x85\xbc\x11\x96\x97\x9b\xa2L\xfb\x847\xc1]\x10.\x0c\x93lh(\x16\x83\xdc\x8am_O\xbb\xf5:\xe1\x88\xed&lt;\x1cE\xabNW\x82\xbcimm\x86\t\x16\xd1\x01\x83}\x80)\x16# \xe3\x91\xcd\x0e\x15#I6\x95Jz#\n\x02\xb0\x80J\xf2\xca\xe3e\\\x1c\xd7\x157\x87_\x8d\xdd;7\x0b\x81\xe4\xd6\xe6\xba\xcdl6\x9a\xadZ6;\xbf\x91KX\xc00\xa3C\x10\xe8\x00\x04\xb0D\xbc\x87e\xc4\x85\x0eC\x80\x81-\xed\'%V\xc0\x92H\xde\xe6\xbcE\x95\x8b\xab\rE?dszeSS\xca\xc4\x08\xcbJ\xabr\xbb\x96-d\x9e\x93\x8e\\6\xe5w$\x82Y\x96\xe5\xa5l\x04\x82Gy)*\xb4_\x0e\x87\x95\xe12K\x98\xe9I\xc0J\xec\x17g\x08\xf5\xd5\xca\x98\xe8g\x92N\xcf\x7f\xb3\xa5\xd4\x8c#,#\xc18\xa8\xfdr9D%\xa5&amp;\xb5\xcdfSgL\xad\x01\x0cy\xb4R\x91JSY\xbf\'t\xb8\xf0\xfc\xe6\xc2BQE\x13\x92o\xbe\xd9\xf0\x95\xa9\x07g\x9fN\x7f\x81\xe3\x81c+\xc3\xe6-\xdf\xfcC\x9b\x19\xd6\x92 P\x85\xf7)\x07,G\x81\x80:\x93i\r&gt;\xc0\xe0+\x95\xa8| \x07\xb8l\xd2[\x0e\xdf\xbc\xb9p\xc8\xb8\x08\xc9\xdb\xb7\xb9\xd2\xad\xcb\xe1\xe9/s\xc8s\xec\xce\x7f\xfe\xb4\x95\x1aW\x07\x08B\xe2\x08A\r\x85\x1c\xd2h4:_\x91FM\xd1h\x85\xe7\xff\xc7\xcb\x19\x87\xb4y\xa7q\\9%\x8b\x0eC\x8d!I\x93,\xafy\xff\x08\xe4M\xf7\xe6\xedKLiJ\xda\xb05a;\x85\x0c\r3LK\x0eM!\xafP\xbb7T\xdaD\x93`L\n6\xe1m\xb5\x1d\\[Lf\x93\x10\xd1\xadb\xa4\xd6)\xd2\xae\xde:\xd6\x8dk\xe7a\xdb\xadZ8\xac\xebY\xec\xae\x82\xbds;\xd9=\xbf\x84q\xff\xde\xed\xfa\xfa\xe3}\xf5\r\x04\xf9\xf8}\xbe\xbf\xe7\xf7\xfc^\xde\xe7\xfd(\xfa\x97\x8f\xd0pG\xc3x\xf4\xd4\xd1)\x8c\x86(66\x8ata\x8a\x88\xdfj\xe6\xe9\x01O\x81 \x17g\x99\x88\xcb/\xed\x11\x85\xa6\xbe\x86\xd9w\xc6fcfd\x8b\x9a\x17hHZ$\xe2\x96j\x89O.\x8f\x86&lt;^\xb0\x7f\x82e\xa7&gt;t\x1b`\x0b\xce\x040t\xc3M\xc0\x13\xd6\x8d;Dp&amp;\xec\xd6\xf9\xe4\x8e\xa3\xc8\xd7g\xdbN\xe6\x977\xd6VW\xd6\xd6Vrk\x1bk+\x1b\xab\x1b\xab/\xfe\xb98\xca\xb6\x9d\xfd\xfa\xa87e\xb7\x9f\x1a\xae\xd3\xb9\x1d\xb6\x0cvm\xa4\xa4\x84/\xb5\xfa\xae\rQ3\xb1PT\xee\x8ayP\nM\xb4\xa9\xd3\xcb\xab\xab\xabkk\xb9\x91\\.\xb7\x02xk\x1b\x1b\x1b\xab\xcf\x88\xebm\x1f\x06)\x98\xa7n\x8b\xc5m\xb3{\x12\xd8\xe6\r\xfe\xb0\x8e\x9d\xeb\xf7&amp;\xf3\x1eG$\x12sx&lt;\xb6X\x84\xb1\x07\x92\xf9\xfc\xf8\xf2"\x82+\x9e\xcb\x8b\xcfF7O\xb6\x1d\x8d\xe2\x14\xba\x97\xab\x0b;\xec\xf6@b\xe8\x87\xbe\x12\xdeF\xd3\x9c9\x93\xcf\xdbl\xb1\x18\xca\xa4\xa1\xb0\x95\xf4\xbb\x8f\xc3*\x88\x8f\xb7,\xbe\x00\xb6\xe5\xc5\x96\xf1\xd1 \xe5I$B\x03V\xdcv4\xc4\x84\xc3\x8c=\x11\xf0rC\x0b&lt;\xb6\x18\x1c\x9e\xcd\x12\x9b\xf9\xa0\xcdF\xe5\x83\x0e\x87{\xa0\xb7\xbecl\xe0\x08\xa4\x85\x81\x81\'VX\x8b\xac\xfe\x01&lt;\xca\x1cw8\xa2\xa6\xde^w\xe8L\x88a\xa8\xcc\x14\x1b\xc8\xb0\xf1[\xbc=i]"\xa8\xbap\x8f\xceP\x947\xe0\r\xe6\x99\xe3Q-,\xd5\x07\x8dV\xa8\x17.\x16\xd2\x16\x0c\xff\x93\'\x90)\x06\xb4Vc\xaf\xdb\xe6\t\x06\xa9\x0c\x8bq)\x0e\x1c\xcf\x9fX\x82\xaa\x1bw\xcc\\\x80\xa2R)o&gt;\x1c\xc6\xad\x1dP}A\x8e\xff\xb6\xa1\xe1\xe2w\x00\x06\xc7\xd8E(\x13\xc6\xc6\xc6z\x8dR\xb7\xc7\x06T\x1cAp\x1c\xd1?\xb7\xc4\x9f\xb5`\xc1\x9e\xcb\xc6\'\x02\x01\x8eH\x04!\x87\x1a\xeb\xdf\xae\x7f\xbb\xe1[\x18\xc0uq\xec;@\xba\x08\x02v\x8ci\xc7\x8cF\xc3p\xc8\xc1\xc07\t\x96%\xfa\xef-4\xf3\xd8\xf9 h^\xc8\xf6\xc7\xb9\t\x16#\xbc\xb0\x18~p\xb0\xbe\xbe\xa0\x95\x18\xad\x8b\x1d\xc0\x04\x0b\x11I\x1a\xb5Z\xd0\xcb\xa0w\xbb\x83)\x02#\x08\x0c3\xdf\xc9\xf1\xd9\x8f!\xa8\xca\xdd\xcd\x9a\x87 *D\x06\'\x1b\xea\x0f\xd6w\xd4\xa3\x85\xda\xa53Y}V0\x99\x15\xca?\xbfH\xab5\xc0\x10\xe9\xc36\x16\xa31\x02\xeb\xcf\xce\xf1\x98\x1e\n\t\xf5\xdc \xe8\x15\x8fc)\\\xdc\x80\x02\x06*\x91\xfe(\xc3\x84\xf10\x13\xc5q\xdce\xf2[D\x06\xc3\xd8&gt;\x91A\xab;5\x85\x01\xd7\x90\xf9\xdec\x9e\x9bj\x9a\x16.]\xca\x9a\x01\x8bM\xca\nX\x1f\x90\r\xa4\x1c\xb2\x02\x13\xb4A\xe1\xcc\x84#&amp;\xb9\xd4`@rI\xebp\xdb\x14\x117\xab\xcc\x95\x13#\xfc\xf6\xd4\xc0\\\xbc6\xd8\xaa\x1c\x8a\x0fqy\x8d\xb8\xa1\x1e\xb8@/\xb1\xcf\x04\x95\xa0\x07\xeaQ*\x86\xfb\x01\xa9\xce\x00\x9b!\x91?\xe6AXJ\xa5:\xbd$\xe0\x99\xabi\xf6R\xab\xa2\x7fb"\x95\x8eT\x8b\x81\t\xa8\xc0\\V&lt;\xe6\xb0\xa7`\r\x8c\xea\xfcZ\xa9\x01\x02Xg\xc2\x19[\x8a\xc5\xfa\x85\n51\xde\xc77V\xf3\xe3{\xb5\x15\xf4\xc4D\xc6\xcb\xb8|h\xe2\x01T=i\xc2c6\xa8)N\x1d\x87\xb4a\xed\x95J\xa5V?\xa2J%0ZXz%\xf5\x8c\x7f\xac[\xf1\x9aRa\x9c\xe3R\xde\x98\xc9\xda\x0b\x85)\xda\x14\xfa\xa3\xb1\xa0\xdd~&amp;\xe4FXZ\xad\xd5*\xc7\x83\x9e\x14LX:\xab,\xc5\x82\x8b\x7f\xe7\x1d\xebB\x80\xaeP\x80\xe9\t\xd6\x9b\x07\x08\x94\x13\xb4\xfe#\x80\xe59\x15\n\xc1d\x84\xba\xd9o2E\xd0\xaa\x03\x19k(\xab\xb8b?"\xd9\x01\xac4\xa7n\xcd\xde\x1b\xc20.\x90\xc7] \x0e\xec*\xc2\xe1\x98#\xe4@\x07\x03;l&lt;\x82\x07\x81\n\xb0\xe8~e\xc5Yf\'\xb06\x92^\xbaV\x995\xd34\xc6Q\xc9\x88\xc9\xa4\xd3\xb9\\\xd5\x91p\x8c\t\x1e\x0f\x01\x97\x83\x81+*\x00\x89\x94\x1e\xc2TB\xc5\x95D\xb4\x9b\xdc\x01\xac\x08\xc3V\xd4\xd6*\xcd*\x15\x96I\xc7\xf0$\xee\x8a\xb8\\a\x84\xe5\x08\xd9l\x8e`\x102X\x80=\xa9R\x99\xcdfa\xcd\x95\xa9\xe0p\xb7\x98\x7f\xac5\x97\xce\xab*\xfd\x9dBQ)4\x13)*O%gf\x921\x90\xc8a\x83\xe1\x85\xaa\xc1\xe6\r\xa4\xb06\xd45\xa2\xac\xac\xc1l\xc3\xfa\xee\x86&gt;~\x93&lt;\xc22i\xa3\xec\x95\xd2B\xc7\xa49\x9e\xd9\x84:\'IQP\x15\x16\xa8\x02\x99\x00\x1c\x13\x84J]h0\xab9i\x8f\xe9w\x06K\xdbh\xa2\xb0\xeb\xa5\x85\x96I\x151\x812\xab\xd7\xeb\x85\x14\x0f?\x03\x19\xd8\x85q\x1c\xa6R\xabP\xcbV\x8d\xca\xce\x0c\xeb\xf5\xef\xbd8\xc67\xd6\xe1\xb5\xba}\xd2\x88\x97V ,E\x8d\x8a\xc6X\x16\x14Jq\x89D*\x95I% )`\xb4\x1a\xf5#U**\xd4,\xa2\xd2\xebw\x00kE\xbb\xaf\xb1z\xd4\x8b\xa9\x95\xad`|\xa5\x90\x86B/\xc1\xb1P\xedq,\x0c\x02S\xa9P\xeb\xabZ]S)d\xa9\x88E\x7fH\xafo8\xc6\xb7\xe5\x11\x96\xd1W\xed\xa2\xc0&gt;\nEv0k\x06\xc1\x08T\xeb!\x9d\xe0\xa4\x85j\xd4\x94^\xa1\x16b\xa9 \xae\xb3\x00U\xb7\xb8oG\xb0\xda{}\xa3\xe9\t\xc8J\xd9\xd6\xc1l%\xeap\xa3i\x1a\xf5\xb9\xd1*\xa1\x10d\x84\xe8\xd6\xa8\x08o\x0c\xd7\xf9-u\x87\xf4\xdd\xed;\x90 \xfcc\xc6v\x92\xf4\x8d\xe6\xbd\x19\x8eV+j*+\xd5\xe8\xf5\x01\xa8c\xb8\xd0\xae\xaf\x04\xacJ5\r\xb9\x16\xd7\xe9,\x05,\xd3\n\xcfM\xccU\xc7\x96a\xff\xd0C\x922M$\x99Lo\xb2\xb4\xfa\xbaZX\xa3\xc8\x9a\x0bV\x83\xb3\x15M\x05\x15\x11\x80\x15@\x07X\xfe:\x8b~8\xbcp\xa3\x99O\xbd\xaa\x9a\xf6\xfe\xa0\x95\xf6\x1a\x8db\x89\xafE3&gt;&gt;\x9a\x0ep\xb4J]\xa3Pf[kQK\xfa\x9b\'\xc0WH\xaa&lt;\xa2\xb2 \xb5\x00+6\xf9\xf3ts\t\x7f\xfb\xd7c\x7f\xfd\xf9e\x11\x8b\x94H:\xab5\x9a\xf1\x99&lt;\xc5\x11\xc8R\x8a\xd2\xd2\n\x98\x82\xb5\x95Cq.\x03\x01,D\x10\xa8\njMn\xff8\xddTU\xc2\x83b\x02\xb0\xfb\xd2\xd6\xed\xf5\x97"\x84\x05\xee\x02\xc1\xaa\xabA\xb1\xf1\x99\x97\xe9M\xd88#\xdf\xabhbb\x93*J\x85B(\x12\x01\x15`\xa5\xb7\xd7\xbf\x99^\xe2\xe1n \xfc\x9f}#[O\x9f\xaf\xbf\xb4\xc8I\x84%\x16\x8b%2\x1f\x08\xd6\x02C3\x13\x0b\x06\x02\x947\x03D3\xc9\xe4\x0cH\x05u\x05\xa2\xaa\x03\xc5\x86\xdd\xe9\xed\x9f~|\xb077\xd2W\xf5\xaaC\xd9\xfc\xd6\xad\xbd[\xdf\xdcGX\xbeF#\xa2\x12\x17\xf5j\xe9\x94\xc9\xe0\xc2\x14\x89\xb8"\x11\x8dF\xe3\x82_ \x96\xeb\xa6\\.\x15\xa1 \x02V~\xfb\xcb\xef\x1f\x1d\xf8\xc3\xec\xdc\xe3\xa6W\x08\x86\xa4\xfa\xe4\xf2\xee"V]\xb5\x14a\xfd*W\x81JL\x92\xed\xbeN\x9fO&amp;\xeb\xac\x96C\xa1c2YL\x88\n\xd4B\xde:\x02j\xdd~p\xe0\xf5\x85O/\x15:\x01_\x89\xc7\xe0o\x1c\x1e\xf9\xf8\x8f_\xe5\xde*bI\r\x8d\xc8Z$)\x11\x8be&gt;D%\x81+q{A?\x84\xe5\x02,\xabT\xae\x95\x16\xa8,:}wz\xfb\xfd\xdb\xe7/\x1c8\xff\x99s\xf0\xeel\xb11W\xf0\x7fC\t\x96f?\xfd\xfc\xf3O\xa6A\xadw\xd6\xe7D")r|1\x8c \x98L\xe6C\\\x1d\xf0\xa1\x81\xf4U\xcbM\x00%\x97[\xa5Z\xad\xc8PW\'2\xb9t\xc3\xc3\x93\xeb\xef\xdc&gt;\xbf{\xfe\xfc\xb9\xc1\xf2\xc1\xaeK\x93\xb7\x8a\xcf\xea\xfe\x06\xb2\xff\xe8|xd\xf6\xeai\xe7i\x845\xfd\xf4\xfeO\x97-"i\x0f\xd9\xde\xde.)b\x01\x17:\xc4\r\xe8\x93\x0f\xcd\x01\x10K.\xd7\x8a\xa4RDu\x13\xaa\xea\xe1\xe4/_&gt;\xff\xc7\x83\xd7\x01\xcb\xf9f\xf9\xaew\xcb\x9cW\x1f\xe6~\xcbK5\xaa~\x15\xaa\xf0\x06\x8f\xd3]]\x83E\xacG\xdf\xdf\xbf\xac\xbb\xf9\x06I\x1a{\x8a1+\x8eNY!\x8ch\nh4&amp;$\x16Hj\x85\x18Z\xc0d\xe0\xad\x97\xdb\xef?\x7f:??\xff\xe7\xab\xe5{N\x94\x95\xbd[V\xe6\x1c\xfc\xe2\xdc\xc3\x0b\xff\xdb\x03\xce\xf0\xe5\xaa\xbe\xdd\xb3\x97\'\xe7\x1e&gt;\x9c\xfc\xc2\xe9\xec\xear\x0e\x0e\x9e\xfejzzk\xebo\xbf\xff\xd7\xe8\xcd7|d;\xc2\x02\xc1@,8:e\x08LR\xa0\xd2h\xe40@+\xabH\x04\x114\x1d\xda\xaf/\xc4\xf0\xd1\xfc\xd6\xfc\xec\xdd\xf2=e\xe5eee\'N\x94\xbf\xb6gO\xf9\xdd\x87K\xff\xf5\xc4\x14\x94T5\xe7\xfet\xb5\xcb\xe9\xdcU\xfeZ\xf9\xaer\'\x8c]\xce\xc1\xae\xcf\xf6\x02\x17x\xfec\x8d\xd4\xd7\xd3\x03Al/`!s\xc9d-(\x94`,\xcd\xcd\x02\x95\x1c6\xd6\x88\n\xc4\xda\xbf_\x9f\xfce\xfd\xf9\xbf\x1b9\x9f\xd04\xfa4\x8e\x87\xd6\xd9\xceax\x97\x11J\x13Y\x84f_(\xbc0a\x11\xb6\xc5E\n\x8b\xf4\x90\xf1\x1aq\x1b\xd2\xc3@\xce\xf5P\x9c\xf7\xe4\xe5my\xe7\xb2\x97!z\x18\x1c(\xb3,\xafo\x91\x99\x11\xde\xb0\x90Q\x96j\xfc\x13\x04\xa3\x10\xa8\x16m\x03\n\x8d\x12\x1a\x0f=\xc8&amp;i\xb2\xdfg4\xd9.\xbb\xef\xee\xfbh\xd4\x98\x19\xe73\xdf\xe7\xfb&lt;\xbfg\x12H\xb3\x12\n\x85\xaa\xb5\x04!\xad \x98(\xe3\x11\xbeMl\xfb^\xfc\xc2?#|\xb5\x16V\x15($+[Q\x86\x81N.\xd6\x93\xe8P\xda\xd9A\x16O/\x8e\xbf{\xe6On\xdev\xebo\x8e\x15GK\xf5z\xbdKKs\xb1\xbc.\x16|\xb5t\xff\x0f\x0fs\xfa\xc7\xd3i\xbf\x12\x0ee\xf5\x0c\xcb\xb2\x0ca\xe1\x8b\xf1|+$j\xd5\x83\xf4/\x00\xbbu\xeb\xd1+5\xa3\xd5\xca\xb0\x13\x011\x143,\x98k\x07-b\xff\xe3\xd1w~\x7f\xfc\xf6\xdc\xf4\xc0\xdat\xb1\xe0tj\x0c\xcb^\xc2\xbb\xe3b\xa1\x0c\x1f\xdc\xbf\x9f3&gt;\x9e"\x85\\(\xdc\xb2d\x91!\xae\x84\x87\xc8 \xd7\n\xa3\x16\xd5m\xdf\xd3\xff\x07\xf6\xd5\xd3]\xab\xb6]4\x8b\xb6m\xb730\x95\xe8YI\xb0\xac\xc8&lt;a\x14}\'\x1c\xde\xe9\x7f:56\xe2q@\xc5\xe79\xdc$ky\x81\x85\xcbEHEjy\xa1\x96\x17I\xbc\x7f\xef\xd7\x0fKG\x17\xa7\xbd&amp;\xa8B\x9c\xe9\x94e\x9e\xf5\xb0\x0c\x80~\x05\xb9`4\xc8U\xd42\xd5W\xff\xbb\xf9?z\xd7R-\xcb\xd6\xacV\xb1xP\xb4y\x99\xe7\xc5\xbb\tQ\xe4\xa3\xb2\xa2\x19\x94ErW\xe3x\x11\x96\x87B\xd0\x8c\x9a\xe9\xe2f\xdc\xeb}\xb0\xfc\x80\x80\x96\x96\xfc\xa0z\x86[\xa9\xb4t\xef\xdeR\tbu\x9a\x03\x18+\x94m\x99U\xdd\xceDEQd\x80\xc5\xe2\xb3Y&amp;\xaa\xb6\x1a\xaa\xa5\x1e\xbc[\xfby\xc5\xd6^Ag^\xe43V\xc3\xd2l\xc3\x92\xb7\xa2&lt;\xbf\xf5CY\x1b\xda\xaaa\xb6R0}\xa5?&gt;9?\x82\xe5\xe3\xc7\xb9\\.\xbf\xb1xLm\x0bY\\v\x17mJ\xa1\x9fL\xb6\xf4\x18\xf3\xc3R\xa9\x94?:\xef\x8c\xbbD\xc5\x99\xaa\xe3\xa8E\xd3ho%\xee\xde\x14&lt;,\xcf\x00P\xd4\x0c\xd3l\xe0\xfd\xdd\xd7O\x7fF\xb1\xb5C\xbd\xa8\xca\x82`o\xdb\n/kNy\xeb7[\x9a\xa3W\x01d6\x1a\xbac\x84\xd0\xba\xfe\xd1\xaf\x9f\\\x1c\'\x9f%\xe3\xf9\\\xae\x80I\x90&amp;\x88\x8d\xf8\xc6,\x00\xe7%\x97=\xf8\xe6\xb7\x7fy\xe8].\x95\x8e\xceO\xc6}T!\x17"g\x89\xbc\x9e\xcd\xb6\x08\xcc\xed\x12(t&gt;\xaah\x9a\xa2h\x96eU_=}\xf4_\x14[;TU\xbd\xa1gjEC\x11\xf9\xb2\xa3!q\x97\xd3Qe\'\x10\xe0tE\xf6\xf0\xed\x16\xb0vB\xa3\xde\xc9\xd9q2\x99\x8co\xe4s\xf9\xc7\x85\xe5\\\xe1ya#\xefF\xae\x80\xd7\xcf\x9f\x17\x1ec\xc9\xf9\xa6\x04\xac\x99V\x95P\x80K\xa1\x0c\xd1I\xf5T*%\xc1dH\xe3\xcd\x9bw\x19\x1eE\xe5\x11E\x01\r6Z\xdb\xa6\xff\\\xf4\x9fT\x96\xa1f\xa2\xb6\xe3\x18-UTlK\xd1&gt;O\x9b\xe3\xe9 \x10\x08g\x1d\x11\xa5-\xeb\xdcN\xc0\xe7\x1b4{\'\xae\xbd\xb0J\xc7\x93\xf1x\xbeP(,\x17^\xe6\n/\x7f\xfa\xa9\x80i\x0bsM\xe9\x01\xdaCic9w\xd1\x19\xf7\xc3\x15\xa8\x95mhQ\x8f x\xf4.b:9\x1ff\x9e\xdc\xbd\xf9\xf5\x8a\x07e\t\xe5\x84\x95\x15\x0fk7\xaa\xd5\xc3\xd7\xff6+\xdeZx\x94n\xdbU\x9b\xf7\xf0rTk\x195\xdb\xd1\x86\x17\xe3^gu&lt;\x08\x11\x16\xcf\xb2\x02\xa3\x99;a_\xa02h\xd6\xcf\xc1\x05\xbd\x16o\'Q\x88d\xab\xc7\x8f\xf3\x85\x97\xdf\xbf\xcc\xe5\xa9\xcf{\xfd\xd4\xb5J\xde#\x03\x19\xf4q\xd4I\x8b\xb6,\n\xc2\rAu\xb1&gt;\xd6\'\xe7\x9f\x87\xe5\xad\xbb_\'X\x88EX\t\x0fo\x99U\xb5\x91~\xf1E&amp;o\xddz\xadF3\xea\xb6\x1d\xe5\xc5\xa8c\xea\xdb\x96\xf6yR\xefD"A\x9cm8 A-\xcf\x8a ;\xa9\x00EeT?\xaf"\x8f\x9b\x84\x15\x8f?#\xa3\xbb\xbeB3\xf5\xc6\xfd\x08\xc2\xca\xe7tP\xe1&lt;@eZ\n\x0e\x8e\xa3\xab]I\xea6O\xf7Nz \xbbt\xda5\xa5\\.+QQ\xa0F\xdb\xd6uG5\x7f|\xf1\xa7\xab\xdfk\xaf\xbd\xab*\x0c#\xdb\xdbV\xbbm\xa1\x8a3\xcap\xd2\xdb\x8f\xac\xaf\x07\xc7\x03\xc2\xb2DfeE\x10\xcbFv\xce5\xb9\xa8\xc6\x81\xb5\t69_V}\x00\x00\x03\xb8IDAT\xea\x9d\xde?\xcej\xd0?\x0b4\xd3\xa5\xe5\xc2\xf6y\xb3\x1f\xf0\x85\x03\xe1pKUx\x0fa\tV7\x9b\x95\xfa\'{\xb1\xd8j\xa7W\x9fN\xcf\xce.p\xbf\x1c\x96e\x96\xf1\xb0\x19\xdbQ\xf5\xea\xee\x8f\xf3\x1e\x9a.\xaa\x19\x06\xeb_"3l\xffY+32\xa8\xea\x80r\xb1p\xb6\xa9!-\xad\x82\x87\xd7\x1a\x1c(\xc1\xd5?3\xde\xa21\\c\xdd!\xaa\xeb\xf8\xdd\x1d\xffF\xee\xaf\x17\xa3A\x00\x1b\x87C-5\xc3\x03\n\x1f \x0cS\xd9]iP\xdf#\xaeU\x90\xf5\xea\x88Iszv\xe9h\n\x9c\xa2\xb4\xadm\xa3\xea\xae\x81\xaf\xaam\xc8\x88U\x86O\x00\x08m\xca\xbe&lt;\x9f\xf4\\\xaau\xb4BX\xc3,\xb3(#\x08-\x0f\x1b\xa4\x97\xcfW\xe9\x9ao\x8f\x17\x17\x93\xfe\xe4\xef\x93wH\x1eZ\n\xfd\xcbWj%\xbd\xb9\xbf\x17\xbbp%\xb0B-=\xc3\xd0\xee\xc4\x05\xaclwP\x8f\xb9T\x91\x08\x1e\xf0*\x06\xe1\xea\xd33Cm+\x0c\xbb\x95\xa9\xd5p\xf5\xfe\x9a\x14\xe6\x91\xc1\x1fj\xda\xd0\xf9|\xa9_L\xa6\x93z\x0f;\xad\x07gX\x92\xd4\x90Y\xe2B\x0bt\xb9\\\xc1\xb8\xc3\x83\xe3\xc5x&lt;\x99tsF\x03\xc3\xb5XI\xffr\xfe\xed\x81D\xdb\x85\x89\xaa\xcc\xd3\xce\x1e\x17K\xca\x86\xa4\xc1x\xd5\xe5\x8a\x80\xcb\xe5\x8b\xc5\xf6NO\'\xfd\xd4A\xc3B\x1ba\xd9\x85\x17\x98a@\xa5h\x7f\xd3\x1bg\x93\xc9\x04\x92\x9e\x9c\x9c\x9cb\xe3\x08a}\x02\x96$I:?\xc7b\xd9\xa8f\xa4\xc2ar\x8c/}\xf8\xfe\xcdb|n\xa6;\xd7X\xe8\xf8\xc7o\xde\xef\xba\xa6\x02\xbd\xa9\x82\n\xc7r\xb9H-`\xd5Wg\\\xab\xf3\xe7X\xec4\xb6w\xd2\x97\xa8\xd7\xdaQ\x8fga\xd7\xd0d\xbelai\xc9v\xa7\xbdN\'\xb8\x1e\xa1p\xcf\x84\xd4\xea\x8d@\xe5\xf6\x879\x16\x1a\xadj\xc2`@\xf3\xf9\xd2\xbb\xef\x89,\x8e\x0b\x8bR\x89\xaa\x90\xae\x83\xde\xbcys\x98\xc6\x0f}\xe10\\\xd9\xc0Y\x8b\xee\x9en\x1e\xb5\x14&gt;oP\xdf\x8f\xb8&lt;\xb8\xed\x91j\xfb\x88Xo\x84\x04\xb7t]\xad\xb1\x0b\x96\x82U\xa6a\xa6\xb2\\h0\x8e\xec\x7f\xa2X\xbf\x8a9\x16\x1c\xff\x05\x96\xc8+\xc3F\x8a\xb08\x0e`\xe9\x0f\x1f\xde\x83m\x16x\xf5\x01\x91\xf6\x859\x0e\xd8\x90J\xd7\xae\xf2\xcf\xc0_\xc2\x8dr\x8b\xb0\xc6\xfbA\x97k\x8f\xee\xab\x91 E\xa4\xdeO\xed\xa6\x8a\xe5\x8ccX\x0b\x8a\xa67\x0c\xc7iq\x1c\'\x01+\xf8/.\xea\x0e\xeb\xc1k,\x86u\x03\x8b+\xcf\xcbe\xb5\x98E\x86\xc0E\x9a\x81\rti7|\x1c\xbd\x01(zn\x19V&amp;JP\xc4\x85\x92B5+fV\x92*M`\x81\x0b\xf5\xb8w\x85\xb5\xbe:\xed\xee\xee\xa6\x1a\x8a\x10\xd5\xd4\x05\xbdh@e\xcd$\xacf\x04j~\xa2M\\\xa9\xdc\xe8\x8d\xb8l\xa8\xa5\xb1t\xb2\xee\x03aa\xce\x19\x161A\x05H07\x9ba\x9f\xab\x9d\x8f\xa88n\xf6\xc0\x85t\xccW\xcc\x0cK \xb90g\xf1\r\xca"\xb0 \x0f\x98\xf6\\,\xa8\x01\xacf\xd6\xc5\xba!x\xb6\x16\x0c\x1b\x93\x8c\x08,\x89\xe3\xa6\xc1 \x95\xdf~\xf0\x8a\t;\xf7\xfa\xc02\xcb\xccU\xf0D\x85P\x0c\xa4\xdd\xe7\x0bq&gt;.\xc4}\x11\xe0r\xb1 \x1b\x17r\xa8\xc2\x81\x95\x98g\x11\x8c\xa2\x93Je\xa5f\x07\n\xed\xaf\xc6fX\xf01%\xb5)\xa5R\xdd3\x05m[X\x90i\xe6\x81ZR\x96\xab4\xb1\xa9kx\x17\xeb\x13a\xed\xf7P\x1e\x9cY\xe6\xe7P\x08W.^\xd6\xb38|v4\x1aH\x15\x89\xce\xe9:\xa4\xca\xa0?\xea\xa6\xd3\x9c4\xc7b\xa8\xe4].\x8c\x0b\xa2\xd6\xc2\x0c1\xeaPbf\\T\xf3\xf8.\xd2\x19\x11VC\xa6z\xfd\'\xf9i\xd8\xd9\xea\x8178\x00\x00\x00\x00IEND\xaeB`\x82'</t>
        </is>
      </c>
      <c r="M133" s="3" t="n">
        <v>45492.67613425926</v>
      </c>
    </row>
    <row r="134">
      <c r="A134" t="n">
        <v>358548</v>
      </c>
      <c r="B134" t="n">
        <v>5981</v>
      </c>
      <c r="C134" t="inlineStr">
        <is>
          <t>Léo Pereira</t>
        </is>
      </c>
      <c r="D134" t="inlineStr">
        <is>
          <t>Léo Pereira</t>
        </is>
      </c>
      <c r="E134" t="inlineStr">
        <is>
          <t>ZAG</t>
        </is>
      </c>
      <c r="F134" t="inlineStr">
        <is>
          <t>ZAG</t>
        </is>
      </c>
      <c r="G134" t="inlineStr">
        <is>
          <t>ZAG</t>
        </is>
      </c>
      <c r="H134" t="n">
        <v>189</v>
      </c>
      <c r="I134" t="n">
        <v>4</v>
      </c>
      <c r="J134" s="2" t="n">
        <v>35094</v>
      </c>
      <c r="K134" t="inlineStr">
        <is>
          <t>Left</t>
        </is>
      </c>
      <c r="L13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20af8ee-276d-401b-bd60-6d6ae80539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0\x16E\xc0\x00\x00\x00&gt;tEXtComment\x00xr:d:DAEewil2SDw:3733,j:5901264206982000664,t:24032515aLiE\x00\x00\x00\tpHYs\x00\x00\x0e\xc4\x00\x00\x0e\xc4\x01\x95+\x0e\x1b\x00\x00\x03\x00PLTE\xfd\xfd\xfd\x18\x14$\x1e\x1a-\x15\x11 \x19\x15&amp;\x16\x12#\x1c\x18*\xff\xfe\xfe\xff\xff\xff\x1a\x17(\x1d\x18&amp;\x1f\x1a)\x1a\x14"# 0\x1a\x16%$#4!\x1c,\'%6\x1c\x16$%"1!\x1e.\xd8\x84z\xdb\x89\x7f\xd4\x81u\xd1zs\x13\x0e\x1d?%(C*.\xea\x9e\x88\xe6\x9e\x8c\xe9\x9d\x95\xef\xa7\x91\xe4\x92\x7f3\x1d\x1f\xe9\x98\x84b;7\xdc\x88u5!(\xfd\xfc\xfc\xda\x8d\x81\xd4\x81n\xe8\xa2\x8eJ.0\xfb\xf9\xf9\xdf\x8b\x84\xb4i^\xed\xa2\x8d\xe0\x8cz\xd8\x84qW2,\xef\xa9\x96)\'9\xc2tj\xcf}lR79-\x1c&amp;\xc7nf\xf8\xf4\xf5k@;\xdc\x91\x85`2\'\xd5\x88|\xd9~w\x83QI@ \x1d\xdd\x85}P21=*3\'\x15\x1b\xe8\xa5\x95G$!\xe5\x94\x8frF@\xc9zmY74\x8dXQO,(\xd0um\xa9^U\xbfib0\x16\x177%.\xc8sn\xe1\x8f\x89\xaedY\x18\x0f\x1f\xcb\x80s[=&lt;\xe2\xa4\x9f\xbenf\\CH\xdf\x97\x8c#\x0f\x13\xd9\x94\x8bI29\xe1\x9e\x97\xa7jdeB@,*&gt;\x1b\x0c\x11i9-_5/\xc8|xg0#\xc2zq\xe5\x9b\x86;\x13%\xee\x05%T&lt;C\xef\xa1\x94\xa3\\P\xe6\xab\xaa\xe5\x07)\xb7nb\xe3\xb0\xb7\x99SG\x81UQjJH}D2\xe6\x91\x88\xd1\x8b\x81n5\'I)(\xf3\xf0\xf1\xc8\x86\x81\xa2f]aJSq?2\xdb\x9a\x93mPS\xec\xe7\xea\xb9xq\x98XK\xde\xa9\xafxNJ\xf8\x04#\xdf\xa4\xa8C/6\xbati;\x17\x15^(\x1czH@\xd9\x0c(\xa1TOI\x11%\xcf\x93\x93\xaepg\xd2\x86\x8a&amp;\x12"S#\x18\xeb\x9b\x8eV+"\xe8\xbd\xca\xd1\x8f\x89\xce\x86xcHI\xe6\x136\x8eJ@\x91QF\xc5\xb3\xbb\xda\x91\x96\xc1\x80x\x87J6\x83C:\xf5\n-|\x0c#\xcc\x144\xdb\x167\x87`a\xbd\x174y?7\xb5a\\2\x0f \xe4\xb8\xc4\xd9\xa0\xa5\xcd\xbf\xc7\xd6\x9a\x9d\xf5\xde\xe1\x81LB\x87q}\x9b_V\xe0\x04\x05I7BU\x1b/w;*\x95b^\x8d\x0e#\xa1=Dm\x0b \xf2\xd2\xd6\xc9\x08"\x14\x08\x0e\xb8\x80\x7f\x90&amp;=xZ\\H\x1e\x16\xd1gd\xac\x170jUaw`l\x9c\x12*\xed\xb6\xbc\x9asv\xa9\n!\x85\x1c3U\x0c\x1f\xce\x81~\xd8yp\xfa\xea\xec\x90jk\xaeHO\xe5\xdf\xe3\xbf\x90\x96\xda\xce\xd4\xbf\x86\x88\xd5\xb5\xc2\xc6\xa5\xae\xacwu\r\x03\x08\xe0\xd7\xda\xc8\x9c\xa0\xf2\xc4\xd1\xb8\x9d\xa3\x99\x82\x8b\xc5[_\x9e\x8e\x9aj&amp;;\xd3\xc8\xcfb\x13)\xbb\t!q\x1b1\xa2\';61E\xf3\x157\xe5\x89\x80\xb6\xa8\xb1\xaa\x97\xa1\xb6&amp;A\xf5\x00\x03\xe4)J\xf1\xb9\xa7\xeaWq\xe9=[\xce&amp;E\xb8SW\xab\x88\x8c\xf0\xaf\x9b\xd1\xa6\xae\xec\xc9\xc8\xbe&lt;&lt;\xef\x8c\xa2\xees\x8b\xcbRO\xd8lqIBV\xf2\xa1\xb2\xc3\x991\xe4\x00\x00 \x00IDATx\xda\xbc\x99\xdfO\x1ak\x1a\xc7\xb9{\xfd\x07@3\x93\x9cdb\x06\x12\xc0\x0b\x13v(\xa5Xd\x88\xbf\xb0\n\xb6q\xea\x88#\xc4J\xb8 MtK\xd6\x80\xb2\x0eVS&lt;1\x8d\xb4I\x0f\x9dl\x89\xf1\xc6\xb8\xa94bH\xbc\xb2\xe1\x02\x12/&lt;1hw\xabM\x8d\xf1Ro\xcd\xb9\xdd\xe7\x9d\x01E\xfbc\x8f\xdb\xa5\x0fv\xf2\xce\x003\x1f\x9e\xe7\xfb&gt;\xdf\xf7MU\xaa\x1f\x0e-\x0e\x83%\x1a\x8d\xc7\xa3\x16\x83\xc1b\xd0j\x7f\xfc\xa6u?\x16Hk\x89\x1f\x1e\x96\x0e\xf73\xe9\xf4\xe9\xd9i\xe6d\xffd\xbf\x14\xb7h\xd1\x97\x9fD\xe8rX&gt;\xaf\xbaV\xf5A\xf8\xf7m,\xf4\'\x99\xd2\xc7\xd9l\xb6X,\x16b1&gt;V(\xc20{vR\xb2\xa8\xae?Q\xa5\xaa\\@\xf2\x10\x1f\x90\x92\x16t\xe5\x99\x98UU\x1e^^/\x9f#\x952D\xdf"D*C\xb4\x94&gt;\xcbb\x1c\x9e\x8f\xc5r\t!\x07\x11\x82a\xacx\x9c\x89\x1b\xb4\xd5_G\x17\xf7\xad\xbb\x923\x85\x18Un\x89?\x00P0\xc0\xd7\x90\xea\xf2\x03\xe5s\xf9\x0f\xc9W\x90\xeaky\x8a\x96N\x80I\x94\xf8\\"\'\xe4B\xb4\x99\xf6\xd04\xcb\xb2\xb9XL\xc8\xc5\x8ag\x87Q\xad\xfc\x0c\xfc\xebU\xf2\x0b\xdf\x17\xa9\xd0\x17?\x0f]b\xe1\x97|\x80\xe7\xe2\xef\x95\x9f\xad\xe8\r\x95\xdf+\x1f\xaa\x86*Y\x0f*(\x1e\xd4\xae\x10\x0bqR\x88\xa5\xd9\x1c\xeb\xf18\xcdl\x82e\x059[\x02+\xf0\x85l:nP\xea\x84ow-P\xe51\xf2\x10)?^&gt;G\xd7?\xa8d\xab\xf2\xad2\x86rVu\x82\xa7^\xb4\x949.\xf2\xb9PN\x10\x04\x16R\x943\xd3\xe6\x974T0!\x84B!&gt;\'\xb0\x89P\xacP8\xde\xb7\xa8*\xbf\xea\xbf\x04\xba\xf1\x1b_6\x84\xd2i\xb6X\x08yX!\xc1\n\x82\xc7#\xe4\x12f\xcfK3\x140!\x90\xa4\xc7\xe3\xa1=$\x83\x93V8:\xb1\xa8~VhKgyI\x02-A\xd1&lt;\x89\x04$&amp;\x04\xc5\xc3\xba\xf2xX\x822\xd3\xb4\xd9\xc3\x92$\x83\xa7\xe5\x11.\xe4\xcf\xa1\x8a\x9e\xe6y&gt;\xc4\xc2\xb3\x01\x8b\x86\xcc$ k,0yX\xdalv\x9a=fL\t\xb0\xa0\xfdB\xf68]\xd2\xfe\x0c\xach\xba\x18\xe2\xf9\x04\x10\x98\x01\n\xa6\x1fAS$\xed\x84\x01\x0bX/\xcd\x1e\x8c\x95c\x85\x90\xc0B!\xf3\x85"(\xec\x7f\x00C7\x0b\xc3I\x96\x11\xf8\x90\x07\xf2\xe2\xa4\x9d8(\x8a\xa2\xf1\x88"\x05\x12\xd7\x0fca\x99\xb1dH\x92b\xa2(+\xec\x86OA73\x1fd\xd9?\xe2\xf5\x8c\x8ceN\x90\xce\x11\x08\'E\xc3\xcb\x8c\xb9H\x02+\x0c\x12F\xb3\x04\t\xf2\nK\xbc\x98\x07\xe5\xef\x1b\xd0\r=\xedFX(\x9a9\x8a\tB\x88g\x08\x8afy\x86\x82$y\xbdN3\xce\x18 z\x9dp\x81&amp;\xcc\xa0z\xa8/A2\x92\xc8\xf3\x85\x18_8\x8b\xabP\xed\xb0\x90%\x93\x8d\t f\x06\x1a\x01\xe9\xf0s\x0e\x12T5\xb2\xb5\xb5\x05\\N\xef\xc8\xd6\x01N\x1e\x813\t\t\xa3!]\x12\x0f\x13\x92\x8feq\x19\xff\xfcc\xea\xbe\xf0\x15\xf4=\xb3\x8e\x02U(\x91`\x04=I\n\x1c\x04\xa3\'i\nsy\xbdn\xc8\x16\xf0\x1dly)=(\r4\xc6\x924\xc9\xf8\xc3\x92\x18\x93\xa0\xb1F\xab\xd7\x14\xe8\xbbL\xb8\xe9_\xc3*k\xb3\xe2PW\xde3\xecg\xf9\x90\x80\x83\xa0(\xbd\xc4u9HP;\xe5\xf6\x8e\xe0\xfay\x15\xac\x83-\xa7\x9e\x84ZRt\x02\x90\tN\n\x8b\x92\xdcX\xa3\xaao\xde\xf8\x8aAVV\x1b\xb2\x9f\xa2\xeaE\x07R\xe0\xe4\xeb\xe5%\x11\x1eZN\x8b\xd0=\xc1^\xf4\x14e&amp;9\xbd\x9ev\xbb)\x82 d.\xc8\x19\xe6:88\x18!H\xa7\x13O\x04\x12\xd3\xe3t\xf1\x8a\xbcT\xb2\xf5\xa2\xcb{\xa3\xca\x99\xe2\xe7Wf\xa2\xd2".\xf0\xae\xda\x11\xaa0\xc2P\x1b?+@\xa3d\xa0\x86 \xe7\x04\xa3\xa7\xdcn{$\xa2\xd7S^\xef\x08\xfes\xca\xf2:80\x93nH\x1eLL\x8c\xdd5\x17\x06\xb2\x10_\xc4\xf2\xba\xb4\xb8\xca\xbd+\xa7u\xdf\xb6C\xf4Uc\xbc\xf0nK\xa6\x18\xa2=\x02\xe8\t\x14\x05z&amp;\x80\xaa\xdb\xd1\xdd\xdd\xe6\x96\x99\xdc\x14`zGp\xba(\x0c\n\x89\xa4\xdcN\xb7&gt;&lt;\xc7\x85y\x10\xd8q\xfc\xda\xf2\xe1\xca\x10\xdd\xc0\x93\xaf\x9aN\xfc\x88\x07K\x96\xe5\xce$p\x81(\xa0jn\xee\xb6\xe3"z\x81\xc2\xfe+p\xc9e\x84\x1a\xc2\x05\x07pQ\x11\xff\x1c\xe7\xe78)\x96\xdd\xaf\x89;Z\xf6\x8bL\xc2LA\xc7\x049Q\x90\x1c\xa2\xad\xbb\x19\xa8\xda0\x96\x97\x88\xd8\xed\x11\xe0\x92\xb1`bR^*\xc29\xda\xec\x84\x83\x0bs\xfe0\xc3\x89\xf9\xd3xM\xb021\x81\x04\x1d\xe3 pr\xba\xbb\x9b\xbb\x80kt\xf4\x95\xddn\xefn\x8e\xb4A=\x7f\xf5nm\xe1\xcc\xc1+\xc2\x85\xbb"\x11\x070\x01\x19\xc3\x88b\xf6\xa4\x16\xe9\x8a\x9eJ u=(K\xefp@\xca\xda0\xd6\xe8\x9d\xd1\xd5\xf5\x85\xd5\x85G\x8d\xa3\xaf\xee\xbcz\xd5\x06e\xb4\xb7\xb5\xd9AVDW\xd8\x1f\xb1\x03[8\xac\xe7\xfc\x0e}X,\xa4-5\xb0\xea\xe8\x19\xaf\xa7H\x8es8\xba\x1a;:\x1a\x1d\x91\xe6\xe6W\xcd\xa3\x8fV\xdf&lt;}\xb3\xbe\xfe\xf7Gw\x1e-/\xaf//,,\xdc\x1em\xb3\x03ZsWW\x04\xe4\x15\x16\xc3~\xf8\x92\x9e\x04u\x9dFk`\xd5\xf1c^\xa0I\x7fc\xe3\xed\xbb\x1bS&gt;\xd7\xedG\xab\x0b\xcb\xeb\xab\xcb\x7f\xediz\xd0\xf3\xf8\xcd\xf2\xf2?\x9e\xf745\x8d\x8d5m\xbcY]\x05\xca;\xa30\x17\x08F\x92\xfc\x92\x83c\x08B\xcfKgq\xf4\x7f\xf7D\x15LD\x81d\xb8\xc6\x0e\x97/\x18\x0c6=\xeey\x00\x10\x0fz\x9aL\x9d\x9d&amp;\xd3@\x93&lt;j\xe8\xec\xec3\xc1\xb0\xe7\xf9\x9be`\x1b\x1dm\xf4C0\x1c\xccI\x82\x8f\x1d\x97j\x80U\xca\xf2\x0c\xc98\x1a\xefN\x05_\xbf\xee\xc7Q__\xdf\xd0\xd9\x80\x8fp\xe8\xec\xc4\xc3\x86\xfe\x86\x86&gt;\xd3\xc0@\xef?\x1f&lt;\x7f\xbc\xb1\xf1\xd4\xe5\xba\xbb\xde\xe1\x0fs\x84\x93\x08\x8b\xb5\xc8\x96\xf60\x1bb@\xed\xb7]\xc9~\x9b\xcd\xa6\xb1\xa9\xd5j\x8dF\xadnQ\xb7\xb4\xb4\xc0\x18\xe8\xe4\x030\xde\xeb\xeb\xeb\xed\x1d\x800\xcd\x8f%\x93S\x9b\xd0\xe7\t\x8a\xc9\xe7O\xa3?\xb0\xb0\xa9X`e\xe3]6D\xc0b\x18&amp;\xd2\xd5\x01X\x13:\xab\x0e\x904\x10\xad@\xa4n\xd5\xa8\x95\xa8W\xc0\xee\xdd\xea\xed\xbde2\xf5A\xb1\x83\x81\xa5\x19W#G0b\xbe\x981\\\x1aa\x1d\xba\xf0\xda\xaf\xad"d\xc9W\xdcS\xd9\xfd\xa3\xcav\x16\x9f\x97\xcf\x10\xd2\x96\xb2\x1cp\xf9\xe7\\\xbe%\x05Kg\xb5\x1a\x8dFL\xd6\xaa\x91\t5r\n\xd5-\x90\xae[\x80\xd5\xd7\x17\x08\x04\x03\x81\xc9I_\xa3\x03\xa8\xf2\xbb\x19\xc3\xe5\xa6\x11U:@\xd9\x8b/Y\xe5}\xac\xdc \xaa\xb6\xa8\xd5^\xaaB\x97\x1b_0\xea#\x89\x87\xde\xf8d\xc3\x17\xc4X:\x8d\xd1z\x1f\x87\xb1\xb5\xb5U\xa33\xea0\x99M\xae\xa6\x9c\xad\x81\x01\x8c\x05\x91J\xcd\xdc\xe5$Q\x14\x8b\x19\xcb\x85\xf1V\xd6)WN.H\xbe\xdc~\x7f\xc7\x12\x8fE)\x1c\x9esm&amp;\x97&amp;\xacV\r`)TF\\H\xcc\xa4\xb6\xd9\xca\xda\xc2X\xbd\xbd}AL\xb5\x94Z\x9cq\xf9\xfd\xb0\xea\xca\xa7\xa3\xe8\xdb[\xe6\x0b\xaa\x9bo\x0f\xc3\xe2\xdc\x93M_r\t\xca\x87\x8bh\xb4*L-0\x13\xcb\xda\xc2T\x90,\x8c5`2A\x05\x03\x93\xa9\xc5\xf7\x9bs\xa2(a\xac\x9axbQ\x14\x9f\xac\x00\xd6\xeb\xa1!H\x97\x12\xad\xea\x96\xdf\x1b\xee5\x94\xc10T\x83,-\x19+\xb83\tT\xef\xde\xfbV\xf2b8\\L\xd7b\xe7o8\xcc\xe6\xf3\xf9\x95\xcd\xa9\x99\x89\xe9\xe9A,.\x9bF\r\xba\x02,\x85\x0b7\x88\x86{\x9dr\xbad\xac``\xe7Ejqm\xed\xc3\xc7\xed\x15\xb1VV\r\x9a\xcf\xaf\xac\xec\xee\xfa\x96R\xc3\xc3UX2\x17\xa6j)g\xab^\xe6\x82d\xf5\x05&amp;\'R\xeffg\x17\xdf\x03V^&lt;:\xd4\xd6\xc0\xaa\xeb\xa2\x9f1\xd5\xc7\x0f\xa9\xa1\xe9\x87\x98\x0b\xd7\x10:\x04\x06k\xa9\xc7-\x15T_\xaf4\xfd\x86&gt;\xe8\x0f\x90\xae\xa5\xc9\xd4\xda\xf8\xec\xda\xde\xc7]H4xO-v\xd5\x96\xf4\xee\xee\xf6\xf6\x87\xc5\xe9\xe9\xe1\n\x96Q\x99\x8b\xc6V54T\xdd}#\xc8\xcb\x06r\xab\xc7\x0e\x04\x164\x1f\x9c\\|6&gt;;\xfb\xc7\xf9\xf6\xcaJ\xfes\xbc&amp;\xdbWCf{{\xfb\xe3\xde\xb3\xb5a\x88!\xa02Z\xad\xd6\xfb\xed\xed\xed\x80\xa6\x81\xbeem7BG\xd5\x01\xa7F-\x1b\xe3\xd8\xc0|\x00\xb25\xfev\xfc\x13\xa8\xebF\xdes\x13\xac\xc3\xa3\xed\x8f\xefA+\x0f\xb1\xb6\xc0\x17_\xa4t/\xacC\xc3\xc3\xed\x83\x98\xcc8\xf8\xcb\xdfZ5\xd6\xfb\x83\xed\x83V\xcdN\x00\xfc\xb0)9\x16|\xf1nv\xfc\xb7\xb7\x7f\xec\x1d\xed\xae\xa4k\x83\xa5\x8d\x9f\x9f\x9f\xef\xad\xcd&gt;{8&lt;=\xa4{\xbd\x13\x08.\xedLLL\xa4R\x13\xe0\xdc\x1a\x9dn\xf0a{\xab\xe6\xfe\xe0\xe0\xe0\xd0\xc4N`~l\xcc75\xe5\x9b\x99\\\\\x1b\x7f\xfb\xf6-\x94q7c\xb99\x16\xfa\xde\x9aCy\x13E?\x9f\xef}Z{&amp;c\xd9\xfa\x8333\xc9\xe4\xcc|2\x99\xf4\x8d\xcdw\xfe\xa5\xdef\xfd\x05\xb0\xa0\xd1N\x04\xe6}S\x1b.\x1c\x1b\xc0\xf5\x0e\xb0~\xfb\xd7\xa7\xf3\xed}\xed\xd7\xeez\xfd\x7f\x14\xca\xceX5\x13\xeb\xaemn\xaf\xeetA\xf3\xff\xde\xbb\xc0\xea\x9fO\xfa|\x9b\xb0\x9c\xeaXX\xbf\xfb\xb4\xa7i\xccTo\x85"\xd6\xdbl\xfd\xf3S\xae\xf5\x0eX\xc4\xfe\x87V\xb3\xffIs=\xe3\xb8\xbf\xb1\x7f\x001[F\xba\xd0as\xe0\x89m\x82\t`\xe5\t\xcdN\x80Q`CB$\x9d\x01\xb3\x8a\xfeP!\xbc\xd4\x07{ \x1ay\t\xa3\x10\x83D\x87.P^~Y$"\x1a\xb2H\x89\tg\xe5\x9c\x9c\xf6\x9c\x88REI\xd5\x914K\x17\xd7\x1f\xdb\xa9\x89Mv\xdd\x0f\xbe\xf5=\xdd\xf0\x8e\x12"F?\xb9\xae\xfb\xbe\xae\xef\xf7\xba\x1f\xbe\x18\x07\xaex\xd0\rXs\x9b\xbb\xaf\x9f5\xbd\xfd\xb7\x9bN\xd5\xc9\xb9)\xc0[]\xb9\xde6)\xe4 \xfa\x9d\x06yl\xbb\xd1\x0b\xef\xc1\xfa6\x895\xdac\x1b\xd0I\xf1@@\xcc\xb8v\x8d\xc1\x17/\xba\x0c*S{+\x9d\xa0\xb6\xab%\xa6,\x1e\xe8\xbby\xef\xde\xcd\x9b\x0cq\x00\xcf\xea*\x8057\xb7\xb9\xb5\xfb\xf4\x9d\xe6K9\xf6\xf3\x94se\xea\x9cH8k\xe2g\x13\xf4\x0f\x0e\xd2y\xf3\xbb\xeb\xdb^\xaf\xd1\xdb=\xadv\xea\xb2R\x0f\x1e\xe0CT\x02\x01\xdc\xa52I \x89\x04U\xa9\x01-\xbf\x18\xe8CF\x8d/\x06,\xa9\xa3\x90\x81h\x857\xb7\x1e\x8c}t\xa2M\xf9\x94b\xa0|n\x08\xce\xda\xd8]\xdfw\xbb\x8d\xc6\xee\xe9\x99x\xdcY\xadVa_9HQ\xcfi\xef\xec\x10M\x114.\xa6rE\xa3\xael\xd6\xe1@\x9f\xe5\xc0\x8c\x14`s!\xac\xf9\x8bh\xd4$\xd6S\x84e\xf4\x1a\xd3=p\x02g\xec\xf68\xc4\xcc\x15\x85\x9d\xa5\x91\\m#\x08BX\xe2b\xf2qp@&amp;\x93\x8f\x03\x0bN\x853\xbe\xee&amp;\xf7\xfc\xd6\xf3\x0b\xc1b\xb2X\xac1H"\x04\xcb\xdb\xdd\xd39\xa3\xe6L8\xf0\xde{`\xae\xaf\'-*\x0e\xedr\xdb\xa56\x81\x8c\x8b\x19,\xd1\xa8\xc5\x12\x95\xe2x\x146\x9c3\x0e\'\xd1\x1c\x0e\x87\xf7\xb76.D?\xf0\x16\x16\xc6\xc6\xb6\x11Vw\xb7\xd6&amp;\xe1\xa8"|\xcf_\xbe\xff\xd7o\xfe\xd4{{\xc9\xa2\x1a\x98\xe9\xbc|YP\xe2rS\xae\xc8\xd0\xd2\xf0\xf5\xbe\xaf~\xfd\x87\x9f\xdf\xeb[t8\xa73\xde:\xd6S\x1e\x8f\xc5lp\xabnZu\x87\xf4\x95\xfd\xf5\xca\xb6\xd7\xa8\x1d\x1d\x9d\xe1`\x86\xd9\x11\xeb\xdf\xbf\xff\xfd\xafn0\xfa\xfd\x11\x93D=s\xf5J\t\xf4\x1f\x06\x06\xb1\x7f\xf2\xcf\x9e;\x7f\xfb\xe3\x9d;\x8c&gt;\xf0I\xf64\xda[\xfb\xdb\x1b\xcf7\x9f}\xd3\xd4\xd8V\xcd;`\x97\x8aE\xee@\x01E\xab\xc7\xa6\xe6\xf80\xd5\x84.g\xede\xdc\xbe=\xbc\x14Qq%\x12\x9aL\xa6Pp0\x08\x96\xff\xd1d\xdf\x8d_\xfc\xee+8\xa4\xc8\x90\x90\xf5t\x7f\xbd\xaas\x06\xc3\xbc\x866\x1f\xcaj\xec\xa8Xz#k)\x04\x11V\xa7\x1a\x8c\xf4\x80\x1a\xedy\x95\x01\xb6\x92\x01Y\xebvY\x91\x9b\xe2\xf8,\xc9\xd9\xe1\xe1\xe1\xd9@ \xb0\x08\xc5\xa1P\xad\xc6\xc9\xf6\xb3_\x18/\xebC\xee\x05J#\xb1\x98\xcbo\x0e\x8b\xc2=a3\x08\x15\xc0\x9aQK\x06\x06\xd4j\xbb\xcd\xa6\xf6ar\x83\\\xae\xd2p\x01\x0b\xc4\x9fd\xc0\x80\xb0f#.(\r\xbe\xb8\xbd\xe2t\x16\xec\xa8\xce\xef\x17\xe4Je\xb9\xf6\x98\xf9\xffb\xa1\xf4\x9eL\x84Y\x07G\x87o\x84t\x91(x\x8c\xa5\x06\xaa\xb8\x1a\x8e#\x1a&gt;\xc8\xe5\x98\x82\xdbN\xbb\x02[K\xa2\xc7"\xb3\xc3#\x80\x05\xd5\xcc\xe7s:}p\x16I\xac\xb8&gt;T\xfb\xe1\xbb\xd8\x87\xb3\xf8\xfe\xe4\xb9\xe9\xbd\xdeY7\x93\xf5\xbb\xea\xe3_\xe7=\x06\xac6\xc0\x1a\r\xa6Q\x12i3j4\x87\x18\x00\xaa\x94\n\x004\\\xd9\x150@\\\xaer\x853\x1e\x99\x9d\x9d\xc5]Y\xf81\xd4\xaf\t\xdf@|\xda\x1d\x9eK\xdbc]\xb5\x1f~\x94\x9df\xf1\xadFM9\xbb\x14&gt;\xfe\xefM\xe7Lw\xfd\xa5\xe9\xec0\x9c4l\x84U\xbcD\xdfckI,\x1b\x8d6\x03\x95\x0bb\x05X\xa9\x94\x82+k\xa7Q/\x97\xe0$*m+\x98%\x92LF]\xa8\xf8\x03\x97\xcfIb\x85\xd3\xb1\x10\x8d\xfb\xdd\x8f\xc5\x85\xa6cM\xd0t\xceE\x9f&lt;wP\xb7\xb3\xa7\xb7\xc3d\x8f&lt;\xd1\x15g\x86\xbc~\xa3\x8d\xbeH,bj\xaf\xad\x0b2\xe2\x1dm=\xf6\x84\xed\xa4\xf3\xe2re`\xc7\x9a\x9b\x05\x02\x84e\xf3\x19\xa0\x9aZ\xc6\xe5*2Z&gt;\xf0?A\x10\x82\xe9\x98R&amp;;$\xb1No\xa9\x8f\xc7\xed\xc7\xff\x93\xf2\x8e\x81=q\xdd\'2\xe2\x9d\xb9&lt;\xfa\x04\xed\xad\xd2\x94\x88\x10\xb48\x83^\xaf\xb6\x07MCH\xcd\xae\xe4B\xe2H\x8f\x08nC\xd8\x02I\x0c\xe9U\xe3\xb0 X)\xcc\xa4 \xf5|\xc6\xbc\x13\xce\xac\x00\xfd\xe1?e\x0b\x1f\x1e\xbc\x9f\xa1\xbc?y\xa7|\xec\x0e\x9b\xc2\\.\x1e\n\x88\xbd\xbdb\r\xab\xa4\xbd\xdd1p\x15l$\xd9\x052\xa5R\xd6"\xa0\x82\xc5\x00\x7f\x8d\xa2\xb5\x12Z\xf1\x19\x00\x0b\x82\x95BfQ\xc3\xd1\xdb\xd3\xe1\x9d\xb9i\x94\xec\xa3\xc3f\xdeGd\xc4\xff6\x95_\x10\x1c\nJ%A\xb1h\xaa\xa4\x8dF\xad\xa8\x8b\xdd%BS\x11\x01r\xae\x02\xd2\x99\t\x05u\xac\x9e\x15\x15\x89\x95\xc2\x10\x94R\xbf\x124\xef\xecl:\xf3\xf9|\xb9V\xecn\xac\x83]5\x1e\x95\x8a\xb5b\xf1\xb2\x13t\x8a\xd9(B\x86\x07q\t\xd0 \xa4\x05\x193\x02\xb0Z\x94\xca\x95X&amp;\xa41 ,\x0c\x19k\xa0\x9aN\x87\x97w\xdc\xf1r\xfe\xdb|\xad\xf9\xa0\xc1\x9dz\xb9T:*\xbf*\x12\xf1j\xd0\xfc\xd8HGT\x04\xb2;h."`\x13l\x91hO\x00Y\x84h\x85\xf4\x1a$nR\xc7\xb1\n\xc5\xdc;\xcb;\xdbvM\xfe\xa7\x175\xe3jc\x9fHb\xaev\x97\x8e\xf2\xf9\x9a\xd6\x0e"\xd8\x8c\xb0\xba\x08\x02\x05\x0c\x19i*\xbc\xa7O\xed\x11\xc4^I\xa9\x0f\x01W\x1d\x8b\xa3\x94\x00U(c\x0e\xef\x84\xd7+\x03\xdf&gt;|!;`6\xd8\x90\xb1\x96\xd9\xc5\xc3\x17\xe5\xd1i]5c6v\x93\xe1\x12\xd1\xe9t\x14/\x81\x90\x18\x1c\x1c\xa4\x0f\xd2\tA\x89\x1a\xf3zc\xaaqC\n\xd3(%-@\x15D\xe2t\xaePI=|X\xb6-S\x1a\x8c\xc5\\\xd5\n\x8b\xe5\xbc\xd2\xeep\x04A5\xd3\x81\x8b@X\xa2.!\xad$\x14\x11\xb2\x15\xd1\xe0 !dk\xbd\xb1P\xccd\x81`)\xc9\x0cf2\x19\xef\xe3\xb0\xbb:\x91\x7f\xf8\x82;\xdap\xac\x9f\xad\x9aKTe&gt;\xef\xc8\xe5*F\xe3\x7f\xe8Z\x046\x05`\xa0\x94KB\xb6,\x9ftt\x10\xb0\xbdB\xbad\xb9\x05\x1b\x87\xca\xaf\xd4\xb7\x00\x957\x1dK?\x9e\xdb\xceI\x7f\xca+\x95\xa1\xc6c\xb1\x0eJ26\xb7l\xc1\xad\xd5\x0cJ"\x9d&gt;%\x9a\xa2\x93X\xb4fa\xa9\x96RP;\x9a\xa9\xcd\xbeH\xa4\xac\x90\xa3`\xa1\x14\xc6PJ\xe1\xe8\x16\xa4\xd2\xbc&amp;T\xd3\x7f\x1e\x8b\xd4\x7f\xc8\x18~\xf2\xce\xf8\xac\x932\x17:dl\x11\x15\xc3=9;\xc8f\x00\xa2#*\xfa\xa5\xabW\xa8\xa8f\th\xcd\xad6\x9b\x1eY\x0cT\xb4\x14\x92\x96\x96\xce\x1e\x88\x967\x966\xef\xafY\xa5X\xeb\xb4"\xb4|^*\x9co\xd6M\x94\xb7\xaf\xd0\xdf\xc3\xa2\x9c^\x12\xd7/\xb2OZ\x12\x93g\x16\xb2\xe9S&amp;&lt; uN\x8fj\xe9\xdd$\xd7 `]m\x86\xb6\xa3\xc10\rH\n\x13R\x85\xe3(Z\x120\xd81\xf0\xba\xe9\x8c\xdb\xbcn\xb5J5+\xb1\x95\xf4\xc2\xd9`\x9br\xd6\x19\xcfK\x88\xd3ki\xcaY/?\xdf\x94\xde{\xc3Z\xd0\xb6\xde\xea\xd2\xe1b\xdc\xe1\xb4\xf7h\xb5_#\xaeAQ\xdbU\x1a\x95&amp;QEA5\x18,.Wrv6\x19\x01\xb0\x94\x06\xb8F\xbdn\xc0J\xa7\xab\x80\x85)C\xb1\xf0\xe9u5\xe5\xed\xc7\xca\x8e\xbb6\xe5c\x93\xe8O\x0c\xc0)\xbc\x83\x9e\xceN\x07.\x16K\xb3\x13\xf1\x1e\x08\x18\x1d\xaaB\x07\xad\x9d\xa3Q\x18\x92#\xa0\x94\x97\xfc\xb7G\x86\xfb\xfb\xfbA\x9c\x02\x18&amp;AX\xeeL0S\xc9\x01\x96J\xe1L/0\xbf\xfc\xb1\xb2\xcf:$\xe6X\xc6\xa6\x06,~\x00\xcfN\xd8m\xc05\xf8\xf5-\xb5Ie\x18\xb7$\xfb\xaf\xfb\xfb\xfd\xfe\xfb\x8f\xfc\xfe\xc9I\xbf\xdf?\x9cL\xba\x0c\x98&gt;\xe65\xbb3\x95\x82\xcej\xb5\xe6\xb2\xd8\xc4\xe6\xc5\xf8j\x9ey{\x00\x92\x88F1\xb9\t\xe7\xf4-\xc8b\'f\x88&amp;\x92`v\xfc\x805y\xff\xd1$`M\xc2+R\xf3\x06_\xd0mNW&amp;r\x7f\xf5X\xa5:y\xa1\xb2q1\x8f\xbe\xb1\x9e\xedW\xaaR\x84%\xc6\xb3\xba\xb8\xed\xd6/[M\x96Hb\t\xd6p\xff\xd2\xd0\xb0\xff\xfe$\xa4\x90\x0cX\xff\xf0P$\xa1\x9a\xf6\xa6+:\xa9\xd5\xea\xf1\xacU*[[O/\xe6\xc17&amp;kc{{M\xccg\xf0\x19bp[\xf6\x9eN\xcc\x95H$\x96\x12\t\x8b\xc5bP\x19\x12\xc0\x12\x89$\x97`\x97\x81\xf9I$\\\xf1`\x05\xa2{\xd7\xe3\xf1&lt;\xd9\xdc\x7f\xb0qQ\xb3\x11\xe67[\xbbO\x00\xab\xafO\x0c\x01\xd3\xc5%@\x15AD\x9a\xfa%\x01Z\x8a\x94\xdcbq%\x86\x86\x12Q\x973\xae\xb3\xf2\xf9\xbdw=\xd6\xb5\x97/\x9f}Y\n\xbfd\xa0\xc9\x9c\xdf]\x0b\x88\xf9}\x8c\x00\x84L:\x01\xce&gt;\x01\xce\xcb\xc4\xe1rk\xb0^\xc1\x17\xac\xd4+\xb9\xdc\x15MD\xa3Y\x9f3\'f\xf42\xc4\xb8u\xed\x1f_r\xf5\xfa\xa5\x8f\x951\xe7\xe7_\xe3\x8b\xfc&gt;&gt;\x9f\xc1`\x04\x1c\xd9\xc5\xa1!\x0b\x94\xf4\x14\xc0\x94a!\x05\n\xdf\x90\xc9\xa8+\xe2re}U\x08\xd6\xdd^\x84\xf5\xf2\xdf\x17\x89\xf5|\xfe\xb5\x14\x173\x00\xeb\xb7\x0c\xb1\x14\x0f\x8c\x8c\xb8\xc0\xe0\x80#+\x16\x8b5@C\xd1*\x8f[\xa2\xb0\x16\xa3.G\xce\x039d\x88=\xd6\'\x0f\x1e&lt;e]\x18V\xd3\xd8\xb3\xdd5+\xa4\x91\xc1\xb8q\x8d\x8f/\x06n\x8f\xfc\x97\x97\xf3\x8fi:?\xe3x\xbdd\xf7\xad\x7fx\x1e\xf3GcK\x01)\xf4\xe7\x04*\xd2\x05Z\xd6\xae\xa6\x1d\x14f SK\xac-\xc2\xda@\x11\x01\x15*\x14\xd8\xb7 \xd6I\x85Cr\xd0\x88\x08Q\x94_ss\xe0\x05\xe1\x02\xe6LO# \t\x9ez\x9b!jD\x9d\xdc\xdcB\xf0\xe2\xc5H\xd4=O\xbf\xa5\x14\xd4\xed\xf0\x06\x1f\x10h@\xfa\xe2\xfd&lt;\xdf\xe7\xf9&lt;\xdf\xcf\xf3\xf4\x8bL\x06\x1e\xb1\xc0\x1e\xf0\xd7\xaf\xbe\xfe\xfa\xd5+(:\xb0\xd2\xaeh\xea\x84\xf0\x96\x806\x14s\xec\xf9\xcf\x1f\x8e\x15s?\x14k~\xbb\xd7\xdb]\xd1\xdc\xe8\xe6\x1bvtz\xb1Z\xcc\x91\'T\x19\x8d\x15\x99\xd2\x03\xc1\x07\x82\x0e\xfcb\xed\xaf\xdc&gt;\xff\xdb\xf8\xf8M{7l\xcdi"\xc9\xee\x049\x1a[\xc3\xc9o\xbfu\xbb\x98\xfb\xae^\xb2\xf7\xde0\xa2\xeaG\xaa\xc2\xf7vi\xd3\xa9\x82\x96J\xd8\xc4LG8\x96\xe0\xdc\xf3Cv\xb0\xa0I\x9c\xa8\xd4\xc4\xc9I\x99\xb1"\x9e\x17\x14\x14\x1e\xc2\x8f\xdf\x9b\xb3?\xa7\x82\xba\xf5\xb0\xf5O W\'\xd9\x8dT\x1a\xb0v~\xfb\xbd1\x11\xd5Y\xee\xd3\x0c\xee\xc9\xc2\xf3\x1e\xd3h\x9e\xc6j\xefQ\xf1;R\x93Of\xf5|\xfb\xf6\xf3\xfc4\x8dX\x9chUjb\xaa\x00\xeb\xe4\x06F8Pm\xda\x90s\xdar\x1a\xa3B\xce\xde\xca-9[&gt;;\tjus\xc0\x86\x1aM\x9a\xbd\xfd\x9e;\x94\xfa\x9cE\x13tO\xc1&lt;S\xbc\xd3\xbd\x89\x9a\xfe!\xb1\xab\xfc^{\x81F\x9c\x98\xc8Tj\xd2bLNYgE%#$$\n\xb4\xb2\x14\xf5\x1aI\xe0*\xad\xcd\xd9\xdf\xd4\x02\xc4Ur\x8eF\xabUj8\x80UN[\xdcU\xdc|\xa3@\xa3\xb4\xaa\x99B\r\x07\xb1\x8c-\x15\x1b6\xf1\xa36\xec?\xdd\x9bQ$\x93A\xc8o\xaahj\xe94\xca\x9c\xb28y\x8cR"Q*5\x05\xed\xf7\x8a\x17\x19K\xf4p(\r\xb0\x98L&amp;b\x89\x91\xab\xe9\xb3\xad\x90yz\x8b0\x1b\x16Y \xbe[22duu2\xb2;Nb0\x08\x85\x92\x13\xedO\x8b\x17\xb9\xdfZt\xf39`\x01\x15S\xcb\x81\x0b\x12D1v\x9e&gt;\t\t\x1bv\x10u.W]Qo\xaf\x85&lt;\xeat\xd6\xb9\x9cF\xb9]\xc2b\x01V\xc1\x8d\xe6\xc5\xc6\xa2\x95\xff\xeb\x84\x04\xb1\x84Z\xecu\x939\x9dF\xb2\xa5\xc5b)ro\x1d\\\xae\xa3\xb0\r\x84\xaf\x81\xabN\x96\x90/\\\xcfbI$;n\x9c_\xf0\x9ef\xa1s=\xc5O\xcb\x00\x8b\xc5\x14J\xac\xd8\x1b\xe8tf\x90d\'nmpO\x83\xfb\xae\x8c\xa32\xa3\x0c\x97\t\xb0BY\xaclC6\xa8\xb5\x88=\xcdn,\xd1\xed\xfbZ!\x13\x8d\xc3\x14k8&amp;\'X1\x83\xec\xb4\xc0\xa6\x19\xc92\xdc\x9fe2#i$\xab\xf2\xedJ\xd6\x11\xc3\x0e\xed\x8e\x0b\xcd\xc5\xb4\xc5\xc5\xa2\xd3\x8a\x9f\x16\x08\x99L\x96\x81%\xd4\xa4\xc1\x1e\xc7$\x93eX,-\xbd\x9dn\xc1\x8az\xc1\xe7\x8dF\xd2D\x92\x90\xa1\x0b\xd0\xe5%\xd9e\xf7\xc1\x88\x8b\x8cE\x14\xff=_\x19\x9a\x9c\xcc\xb2\n\x95\x18\xee\xd1\xeb\xbb[\xbaI\xb2\xb7\x08\xb6\xf1@\x88XF\xd8(\xca\x13\x10\xabG"\xd1b4%\x88\x9f\x885\xa7o\xeb]X\xcd\xed\xc2\xd0P\xa6P)T\xa2\xd3\x03\x97\xac\xaa\xd3B\x92\x16#\xec\xe3\x8d\x96N\xd2B\x82\\\xf68y\x82]+4\xf4\xf4H\xb4\xe8Z\xc4\xec\xf0\xd6LO\xf3{\xc7\xad\x08\xc2g\xb2\x8b&gt;3\xe73s\x8b\x97\xa0\xcd+\x82)\xd6\xe8\xbf\xf5)\xd7\x87\x1a\x0c\x12e"\x07\xe2=b\x91\x10\xd3\x81\xc6\xe9\xaa\x83\x92\xccXe\x94\x911\xf6\x18\x10K+d\x19\x0c\xd9eC\xb7E\xd4M\xd89\'\xbf\xde\x9cH\xcc\xdd-PYn\xfe\xa6a\xf6\xbc\xd3\xe7\x17\xf9\x8e\x7f\x89^|e\xb72!|CZ\xc44\x04X2#8&gt;IB\xe9\x03\x17\xa1\xb1\xca)\xc32\xc4\x9e\xa6\x91\xb0\xd6\x87n6\x94=\x1f\x13\xf9\x94\xab\xf49\x1d\xe0s\xa7\xca\xe6\xd4\xac\x04\xe13\x975\'S\xd3\xbd\xc7\xd83\'\xd9\x04\x94\xb1\xc7w\xc5\ta1!\xaf\x88\xd5\xd8Bl\xe28\x81\r\xb1\xe0\xb31\xa6N\x0cU\x08X\xd0\x8a\x9d\xcfG\xb2\xdbo\r\x88\xe8\xf3\xee\x1d\xfbT\xfc3e5A\xd9\xe7C+Y\xd1\x0b}ai\x8c\x90\xc5bJ\x94\x1c\xaag\x18\xc3\x97\xd3ir&amp;9\\j\x99\xc9\xe4\x02N\x8d]\x0c!\x17\xc7Dn\xdc:\xd4\xb5\x043H\xa2\x176]C\xa9]\xcbbZ\x95ZM"\xc8\xa5P\xa8]j\x97B\xed\x80\xa5p\xca\x9c\x80\t[\x07\x8c"\xc2\xb4\xf6;\xc7\x0e\r.\t\xd6@*[\xd7P\x99\xc0Q+\xb0\xad\x00&gt;*@%\x87#\t\x1b\xc0\x93\xd4&amp;\xa7\x02\xec\xaa\x94X\x15\xa0\x16R\xfde\xdf\x92`q\x01\x8bm\x96\x9e*\x8dC\xa9\xc4VTI\xe1B\xa1\x1c;w:\x12\xc5\n\x87B\r[\x0c\xa0J\xe4\xe4\xef*\xb1\xa5\xe4.\t\x16m \x85\xcd\x16\xb0\xcd\r\xb5vN\xa2U\x0ch\xc0\xe1r\xb9\x14\x88\xa5H\xc4G\x0eP\x10\xb7\xafrl\x8dKM\xd9\xb7$X])l3\x1bVC)\xd4f\xb0\xab\x070\xb5B\r&amp;t$%\x81\xa39\xacV\x85Bc\x8a\xb1\xcb\xbf\xd8U\xd9P\xa8\xb7}\x10\xd6\x82s\xa2\x08\xd5\x02\xbd\x04\xe6\xc2\x83\xa5P5j\x90\xcbaMJJ\x02\x1f\x03@\x05\xf6\xb7\xe4\xf7\x95\x96n\xad\xcc\x8co(&lt;nK\x19\xec\xe2.\xf8Y\x16\xfa\xf3\xe5\xcd\xf7R\x11J\xc0\x16\xa8T\xd2\xc2\x92Z9\xe4k1\xa8\x85\xee\x8f\xbd\xfd\x9c\xfc\xbe;_\xd5\x9e\xca\xcc\xdc\xb4)~\xfb\x12a\xd1\xca\x1f\xf4\x94\xa5\xb2\xcd\xfe\xc0\x15\xa8\xc2\xa5?XZ\x9a\x10g2\xc5\xc4\xc9\xe5\xdd\x90\x9f\xfbv\x9d*9f\xd3\xe3\xe9l&lt;b\xe9\xf5)\x83\x03\xd1\x0b\xfe\xeb\xe9\xc4\xbc\x03Zo\xbb\xf3\xdbS\xdan\xaa\xd0\xbeT\xb6\xbf\xbf\x00\x05\x0b\x04\xc1T6^lf-\xf6\xd4\x1c\xc4\xd6\xea\x92\xe3\xc7\xf5\xb6T\x9b\xedx\x03P\xc53(\xdf\xfa\xf3\xedhb\xce\x88\xb4\xa7)k\xe6\xd9\x88\xd9)\'o\xff\x96\xa7z\xf4&gt;313J\xec\x99\x07\xa7\x11\x9eik\x82+*\x7f\xf0:\xb4\xa0D\x05Xf3r!\x96\x8a\xcd\xd6I\xa5R\xbdT\xaa\xd3Iu6\x9b^o\x03\xae\xc2\xed\xf1QQQ\x8c\x86X\xc4:t\x7f,\x9a\xeb\xd93P\x87\xbe\xd4\xd135H\xed~\x0e\xaaR\xf6\xa9\x13\xa9\xe9a\x0f\xbd7\xb5\xcf\xceUS\xf5%W\x14]~\xf3!P\xc5\x1c\xb4\x01Vp\xb0\xd9,P\t\xd8hL\xbc\x00R\x03\x02T\x01\x01\xbf\t\xd2\xa5\xda\xa4\xd8\x00\xaa\x8f\xdd\x0eT`\xc4X\xa9-w\xf0\xd0\x85\x07\x0fo\xba\x07\xfa\x89\xd9qm\xef\x9c51w\xae\x9a\xee\x9d\x97\x9e\xfd\x86O/\x99\xcfNB4Z&gt;\xf6\x10\xc7\x83_\xaf\xd2\x94\x16\xea\x02\x04\xfe\xc1\xe6\xe0`\xb6\x19\xe3\x04\xca\x16\xc0f\x07\xec\xd9\x18P\x7f \xfcw:=v1\xda\xa4\xb1\x0c\xa0\x8a\x8a\xe2\xc7JS\x01k\xe8\xea\xd5\xab\x17\x1e&lt;=?V,\xf2mY\xf3M\xd8\xd4=\x07\xda\xbcy\xae\xb9S]\xbe3T\\\xd1\xe8\xdd\xe9o\xfe\xf0\xfa\xf5\xeb\x89\x89\x89Py&lt;\x0f\xb1\xcc\x80\xe51$\xc6V\xbcI\xbf\xa7\xfe\xc0?\xc3\xa5z\x1eO\xaf\xd3\xe9y\x0c\x84\x8a\xe23&lt;X\xee\xff\xbcy\xfc\x9bo_D\xfb\xbe\xfe\x81\xcf\xdd\x7fba\xb7\xc1\xb9\xd1w\xa7\x9f5^KNO\x9f\x807\xe5\x96\x087\x96?\x98\x11&gt;\x08\x04\xfelw\xa8\x08\xa8\xafG\xaap\x1e\xaf\x10\xb0@,\xb4a\x14\x9f\x0f?\x9d\x92\xbb\xef\x8fw\x80*r\xf5\xe7\xfd\x8f\xdb\x9eM\xdf\x8d\xfe?\xbc0C\xf4\xe0\xf4\xb3\xef\xbe\xfb\xfeld:\xae\xc8\x98\xbd!\xe1A\xec\xb00\x7f\xf72\x0b\xc2\x80\xaa\x1e\xff\xf9\x0b\xea\x83\x83\xc2#\xd6\xc4\xc6\xf2\xc0\xef\x0bg\xa8B\xa4\x80\x95\x9b2\xd43\x91\xbeb\xf5\xb6\xfeKyy\x8d\xcf\xa6\x07G\x7f\x1a\x17\xb7\xeb\r@5~\x7fy\xfc\x1c\x85\xe5\x17W\xe9\xc1\x02\xad\x82\xc3p\x05\xaa0V\xc0\xb5\xe9\xc6\xe2\xf3\xf9\x0c\x9eN\xef\x15k\xadT\x97\x9a\x9b\xfb\xd7\xf6\x9e\t\xbf\xd5\x1fm\xab\xb9~\xa5\x15\xc1\xa6\xde\xfc\xcft\xf4\xde\x16*\xb0\xde\xcb)\n\xea\xe2\xc5s~\x14VZex\xb8\x94\x8dJ\xa1\r\x03a\xa96nT\xedQ\t\xfc\xeb\xfd\x11\x0b\x83B\xac\x14&lt;\x0b\x98P,\xc4J\xc9=V61\xb1\xf2\xa3\x8f\xd7\xed\xcc\xaayt\xbd\xa3-\xafqr\xea\xcd\xc0\x7f\x9dj~_\xf8\x15\x8d\x0e\xbe\x9c\x9a&lt;\xd3\xd8\x01Pg\xaf\r\x8f\xf8\xb9\xe5\x8a\xd4\xee\r\n\n\n\x0eF\xc7\x02C\x86\x05\x06n\xf4\xac=a\x1e,\xf0r\x1e\\\x86|\n\x0b-\x9a\x92r,\x1bl\xf8\xf1\'\xeb\x1c\xfd\x8fj\xb2.^\xbf\xd2\x96\x97795\r\xfb\x1db!\xc9\x87\xe0\x8e\xdeE\xeb\x9disC\rW\x9f\xa9\xee_Eq\x19v\x05\x05I1:\xf8S\x16\x04.$\xfb\xe1\x07\xe0\xaa\x0f\x0e\x0f\x89\xe03\xd6\xc4\xae]\x83HH\x15\xc2\xe3\xa1\\\xdf\x1eIO\xff\xf4\x93e\xbf\xef\xbfti\xf8\xec\x08\x82U\xbb\x9d\x0c$#~\xec\x9c\x0fmt\xe0\xcd\xf4\xd4\xe4\xee\xc6\xd6+\x00\xd5?\\}xw\xf5\xf0\xc8\n\n+\xb9\x8f\xe7Q\xcb\xcdD-\xb7\\\x81{\xd0\xb9B""\x80\x8b\xc1\x8f\x80\x85X!kQ\xaf\xa1\xcd\xe9~\xcb\x97-\xdb\xf9e\xde\xe1\xc3y\x8f)\xb0\x8e\xb6F\xb0\xe5\xcb\xbb\xa3\xb4\x1f\x81E\x88\xba\xc0\xa3&amp;\x1b\xdbZ;\x9e\x8c_\xac\xe9\x1f\xce;|\xa6\xfa\xca\xd9\x9am\x9f\xfaEF\xa6GF\xae\xcao\x00,x7\x87\x01\x8d\x97\x0b\xde(+\x82\\|\x06j\x05H\xf0\xbef-\x0f\xe2X\xc9\x89\xc8\xc8\x15\xcb\x97\xfdl\xe7\xa3+\xad\x8dg\x0e\xefF0\xe6\xf8\xf5\'\x1d\xadm\x8d\x086\xcf\x96o\xcdUs\xa3\xbb \x1e4\xb6u&lt;\xb9&lt;\xae\xcc\x1a9\xfb8\x0f\x94\xea\xf8G\xd6\xe7Y5\xbf\xf4\xf3C\xac\xc8\xecZ\x10\x0b\xb1\xd0\xb1\xbcf\x84/\xe1\x01\x85\x15\xc5\x07\x07C\xa1@\xb0\x905\xb1&lt;^C_\xb2\xdf\xca\xd5\xcb\x97\xad[\xf7\xf3\xcd\xe3\x97[\xf3\x00\xec\xd2\x97#Y\xe7\xb2\x84\xe3O@\xb3g/\x07\xbb|^\xc9\x85\xa0\xcf\xdcX\xf5\xb4Qq\xc1zS\x93m\xad\xff\xee\xbc\x98\x955\xd2\x7f\xed\xd2n\n\xea\x1c\x88\xd6\xf1\xc8o%\xea\x95\x9e\x9c\x00\x17"\xc4xH\x89n+\x86\x05z&lt;\x1e\xd4\xfa\x0f\xd7\xe6\x1f\xda\xc6y\x87q\xdd\xe9\xee\xd8\xdd\xab\xfb\xa1\xbbK=\xe5\xc7*\x12\xa7\x90\x16\xec\x12%5k\xc9\xc2\xb6\n\x92\x15\x06\x19S\xb6.\xcb\x16\xba\x7ff\x1b\x83\xc32\x18#\x1b\x85\x96\x85\xb6\xcc\xb8\xa90K\x08\xa4\x01\xcb\xaeW\xc1\xd8\x88\'\xa68\xea\x041\xd3f\x19B\x18]\xff\xc8\xb6\xcc\xc82\xc9p\xd2\xc6\x90?\xca2\xf6&lt;\xdf\x93\x93molE\x92\xeft\x9f\xf7y\x9e\xef\xf7}\x8f8\x89X\xa0\xdaO*b\xd1\xd1\xf3\'\xbe\x14\xb8\xae\xf22\xdf\xab\x8eT\xcb\xe5m\xcd\xb9\x89\xd1\xe9\xe9\x89\xd5\xfa\xc2\xf2\xe4\xe4J\x13`\xac\xcb\xeb\xcf\xa4z{\x87\xcf&lt;\xfe\x0fQ\xb2\xc4\\\xfd\xf4\x93\x8d\x8d\xf5++\x9d\x85J}ub\xf4\x0c\xa0\x16W\x00U\x01\xdfxe\xc8\x17\xb9\xa2o\xbd\xb6cj\x07\xb1\xb6?\x8e\xd7\xde\xb1\xb1\xb1\xa9M\x0f\xf7K\t\xf6\x0ba__\xdf\xf9\x93\x87\xcaJ\xd7m\xa3\xf4\xd6\xd2\x1cE*\x8f\xac\xacA\xb2\xe9\xd1\xd1\xf1\xc6b\xa5Vk\xae\xc3K\xf4\xd8__\x7f\xea\xff\x7f\x03\x1c\x8b1"\xb5q\xa5\xb9\xd2\xad\xa3JF1\xc6\'\xe6\xda5@\xd5\x1b\x04lT\xcaT\xabP\xc8\x1e9uN\x16h`\x81\x0bV\x0e\xd0\xc5\xb1\x81G\xd1\xa2H\x14\x8b|}}GO\x1e\x1c\n-\xcb6\xb4\xd2rcz\x94\x81\xafV\xab5H6\x0e\xcdF\xc7g\xea\x9d\xda\n\xc9\x10\x7fJ\xf6\xdf\x0b#\xa0\xde\xbdu\xa3\xd9n\xb1\t\'L\x8bd\xaa.\xf7\xa0\xea\x93/\xe6|\xe1\xca\xfao\xfc\xee8\xb7\xf2\xd2S\x93&amp;\xc1h\x8d\r\xec$\x16h\x12\xaag\xc5\xcc\xcf\x1e}\xf3\xe0\xd6\x8c\xe6y\x86\x91\xc9-\xac\x8e#\x16(\xeb\xcad\xb5:\xb2\xd2\\[\x9f\xbd0:\x8d\xe9\xb7\xda\x9dnsm\xe3\xde}\xc6\x7f\x13\x0b\xf6\xfd\xe2\xdd[WP\x17\x13d\xba03\xd7\xaa\xa0\xeb\xe1L4\x87\x1eT\xb9\x94\xcbY\tV6\xfa\xceO\x8e\xed(\x16\x85\x8bZ=9\x06\x1b\x91\xac\xc1\xfcNbm\xe9\xffB\xff \xff\x05\x81X\x87\xf7\xbd\xf4t\xa8i\x9aax\xda\x07\xdf\x1eYhM\x8c\x82l\x1c\xdd\x0b\x17\x18\x19\xa9\xad\xacm\\\x18G\x0bC\xe1/6Av\xff\xd3\xab\xbd_1~\xe6\xf3\x7f}\xfb\xfd+\xeb\xb3\xfc\xe1\xdcZ\xbb[#\x11tB\xe4\x05j\x15s\x0b=\x94\x91\xe9g\x13\xb9\x82\xe7\xce\x1e+\x16\x93]\xb3\x8c1X\x08\x0f)\x17\xc1\x069X\x92\xa0\xba\xfc\x95\xb2&amp;X\x86\xf9A\xaeTFP\x97&amp;\xc4&lt;t\x9d\xe5\x91\xf2\xe4\\\xc2\x90\x00\x00\x08\x18IDAT\xd0\x08\x1d\xdc\xb8w\x01cvvfq\xed\xc65\x80q\x87q\xf5\xcf\'\xae s\xb3\xebmH\xc41\xd9\xa9\xd4\x97\x1a\xb0\xfe\x0cz\xdf\xd2\x02\x94*\xa5\xd3f:\x97\xd3\xb3\x14+\x9b\x8d\x87\xbeq\xe9\xbb\xe0\xc2\x96\x19\xdd\x1db\x91\x8aX\xf9|\xfe\x7f\xb0\x0e\xef\xfb\xfa\xf3C"\x96m\x1b9\x19 [\xe6\xb2\x811&gt;\xd1X\xacwQ\xf4[\'k\xb5n{\x8dth\x037\xaea\x1d\x7f*u\x02q\x03\x13DBS\xa8\xb7V\x1b\rz\t\xa43\x13l{\xe5\x8cf\x98\xa0\x02V\xda%\x97\xef\xbb\xc1\xd0\x0f\xcf\x15\xc9U\xdc\xfb\x80\xed\x9d\xcda\xbb@\x11\xa7?\xa1{v\xff\xe1\xc3\x08\x96c@*\xcb\xb2zX\x00+\xa1\x0b.\xb4\xd0WE4\xb8\xd7\xeevj\xb5I\xc0u!\xdc\xec\xec\xc6\xbf\x1e\xfe\xf1zj\x06\x0b_\xb7V\xeb\xd4\x97V{\x12aL\x8f7Z\x95\xe5\xc9j\x86B\x99\xc02\xb44m\x84Z\xbe\x1b\xeb\n\xe5\x08\xacb\x91\x1d\x0bc`J\xb4\x12\x95\x06\xf3\xc2\xd7\xbf\xa5\xef(\x82\xa5\x10v\xc3\xb6tK\xdb\xa4\xc2\x07\nY\xa7\xbe\xc861=}\x01l3ss\x8b\xadv\xb7\xdb\xe9\xb4\x11\xfd{\xb7\xdeI\xcd\xe1U\x05"\xe1\x10\xf2`\x02\xabK\xad\xca\x02t*Q\xa4\xde\xc0\x94\xe1\xa3\x0e\x0b\xfdX\xd7-u\xe4\xbds\x89\\hXSS;\xa7z\x16b\xe4\x87\xb7\x0f#dO\x1c\xe8\xfb\xfe\xe5\xe7\x86&lt;\xcf\xb6m\x88ecV9H\x9eN\xbe\xd3\xa5R\xa9:\xd9Y`\xedS6\x8c\xdb\x92\xfbV\xbb\xddf\xd8R]v\xaa\xc4k\xf0\xd4+\x0b\x1d\xa8\x84&lt;i\x1eV1~\x82\xa9i\xe4\xb2u\xc7\xd4\\b\xf1*\xce\xb6\x97N\xe3\xe6\xba\x08\xaa;wp\xb7\xb1\x9d,\x1c/\x0c\xa3\x0e\xf6\x0c\xe7\x9f8p\xf8\xf2\xae!\x07X\x96%\x1ebV\xa6|\x9e\xe0\xe1\xb9i\xd8!U\xeb\xd6[\x8bs3\x88\xf7m\x0e.|\xcd\xe6zJ\\\x9eh\x88B\x93\x88R\x06a\x12\xc7\x0c\xb4\xc0G\\\xa6\x1d\xb8\xb1rtTcl\xd9\x9e\xe79[O\x9d&gt;&amp;7\x16w\xbe\x08,\xf6\xd7|\x1e\x0f\xc3{P\x06\x03\xc3\xf9\x03\xfb.\xef\xda\xadl\xa1\xd2-l\x1f\x1cmS\xf9\x9c\x89\xa7\xf0V\xd3`\'\xae\x07\xb6Z\xa7\xdbm\x0b\x1e\xe0f\xd7\x9b\xcd\xd4\xed\xa4Q\x01(4&lt;\x92\x80\x82\x9f\x80\xe9\x98\x1a\xe7\x97K\x9b\x9e\xad\xe2\xc8u\xfd\xd8\xd3}\xdf\xd7q\x11\xc3\x0b\xb7\x1e\xbc\x84&gt;1\xb6w\n\x9dax\xc70\xc1p\x83\xb6\xe7\xc1\xc7\x0f\x9e\xdc\x9e\xdf\xf2\xe6\xeb\xbbv[6\x1d\xd4!\xae\x96\xf6\x1cO\x93z\x16\xe5)\x95&amp;\x86\x9a\x88\x9e\xae\x94c9e\xb6\x8b.w&lt;\xb7\xef\xad\xa7\xe6Z@r\xc0nj,\x1a\xf9\xdb\x10\xdb4V ^yP*\n\x02\xd7\x8f,\xcf\x8a}l\x06\xa8\xa0\x11\xee\xfe\x19\xeed\x91y\x14!xH\xc6\xd2\xfc\x18X;\xb7\xbc\xfc:\xb5\x12\xa9\x80\xa5\xf1\x04\xcf\xd32\xa6LW\x93\xc9\x9b9q\x82\x0b\x93\x91\x94+\xa7\xa0\x86\xb0\x17\x9b\x99MM\x96\xf9\xb6\xf0@\'\x1b\x812\rK\xb7\xcd\x9ci\x1b\xfc\x08=\x8e\xa3l6\xf0\xbc\xd8U\xe0\x0b\xdc\xac\xaf\x9b\x98\xb4\xe6\x85#?\x7f\xed\xf8\xe7\x04+/w\x8c\x02\x05\xac\x81\xc1\x97\x7f\xf0\xfc\x11%a\xd7\x81\x05\xbbpt\xe8e\xcc\x0c?\xdd\xe8\xd9\x007Y\xa6\x90\xce\xb4\xf0\x04\x07\xda\x16\xcf\x08@\x96\nq\xb6\xc8d\x08\x05m\xd4\xec8\xb6Lh\ru\xe0\x9cr\xb3\xb1\xe3\xa88v\xa3\x08\x0f\xae\xef\xb2\xaeLr\x1d:\xfbBq/64\x83\xe4*\x16\x13\xaa\xbd;\xbf\x96PY\t\x95\xad\xc1A\'\x0c3\xe9t&amp;D\rx4\x84J\xa5i%\x11M\xe8`\xf3HG\xe1\x1c\x05gR\xc0eV8#3\xe9\x04\x9c\x91\x0e.|\x1a"\x05\xb1\xfc(B\x01\x06Q6\nT\xe4\xd3F/\x8d\xb6\x88J\xdaz\xe8\xec\xf1\xe2T\xbe\xff\xc0y\xec\x8d\xb1P&amp;b\xf5}\xf5\x97_V\xc2\xc4G\x83I\xc4\x1c2%\x06&lt;\xc4\x04\xf1\n\x17\xa1s\x9a\x96$\x98N\xdb\xe2"\x9e\xe8n\x1c\xa7\xf0\x97m$\xcb\x16\xb8r\xcc\x14\xed\x04m\x1c\xc7\xd9@\xc5~\xc1\x8f\n\xd9H)?R\x0e\xc4\xa3^\xb1V\x82\x8d\xb6W\xfe\xf1\xa9\xdf\xbf\xfd\xea\xb9\xd3\x97.]:}\xfaG\xe7^\xc5]\xce7\x8b\xc7N\xfef\x9bh\xa5\x07\x8aT\x08\x95\x96\xc9x\x19\x8e\xd0s\x1c\x08\xa7,X\xe7\xf1\xb2,Jv\x1cX\x86\xd2g\xbat\x1d\xad1\x05\x99u[r\x95$]\x8a\x10Tn!\xeb\xfaY\xa5\xa2,\xf3\x14{A\xe4\xaa \x8a(\x9c\xebf\x19/\xd3\xb6\x9c\xa1\x9f\xfe\xe3\xa3\x8b\x17?z&lt;n\xde\xbc\xf9\xe1{o\xa8\xcdX!\xcf\xa4\xd22\x9b\x03j\xc9\xf06\xdf@\xef\xe1&amp;\xd1\xe6Wr\x92\x9eu{XfZ\xb8X\xb4\xe2$u\xe4\xaa\xcc\x02\x8c\x15\n1\xc67\xf0\nQ\xe4#\xf2q\xd6G\xbc\x18&gt;U\xf8\xc3\xdf\xfe\xb29~\x85?\x17/\xfe\xf3\xef\xbf\r\xd8Eu\xc9\x15\xa8\x12\xb5@\x14R(r)\xa5B\xbeF\xde\xd8&amp;)\xa9\x81\x08J\xe7\xc5Y4Q\xa6$\x0eS/\xd2\x99iH\x13@\x1a`!\xe5x\x16\x93\nX\x91\xbc\x81\xfd\xa0\xcbjd\x10-\xfd\xc8\n\xd6\x8a\xfb\xf7?\xb9\xf6\xf0\xe1\xc3w0&gt;\xfc\xd3\xbfc\xcf`\x82cR\t\x16ZC\xba\'\x16\x87\xa3\x1c\xb1\x12\xdf0\xd7s@\x844[h`XAt\x1f`\xf1\xa6\x89\xd2\xa54[\x93\x1c\x02+\x16\xc7\x18\xa4\x98:\xc5.w4.\xb8x\x1f[\xf0]\xdfb\x0f\xc2\x04\xc3j\xa51\xcf1&gt;?\x81\xd1h=\x1d\xa3\xb7?\x12\x8b+\x02\r\xd3\x04)\x01sD1\xf1R* D\xd5\x1b\x12\xf6\x98Z\xe1\xdbO\xe9\x0c\x9c&amp;=\xdd\x93e\xc5C\x99\x06l\x06\xe8\xeb\x81B-\xca@\xbb\xca\n\x1b\xf7\xa8&gt;\x14sm\xb1\xdb\xf6\xc2\xb7\xea\xf3\x8f\x06w\xb2v\xd2\xdcu=\x89\xb2\xe7\x99f\xc6\xeb9&amp;T=+\xe1\xa5#\xca\xc1S\xc5\xb6\xa4?\x1an\x0f\x0b\x17p\x1c&gt;\x01\x96\xc5\xc3\xb0\xd8\x04\x18\nM\x0b\xc6\xc1\xceX\x1cDI\xfa\xdc\x0c\x16\\W\x97\xe2F\x1b*O.\x01\xe8\xae`-\tU/#xB,$\x0bT\x99\xc7Z\x85\xc9\xa3\x88\xc5K \xbf\x81r\xec\xcdF\xf7\x18\xcb@\x8brBL,\xc3U\x98\x13\x89\xa9\x14\xc3\x0e\x98X\xb8`\x1fk3[\x90\xbd3\xfc\xb5Y\xdf\xe02\xca\xcb\xabwe\xcc/-\x97{J\x91J\xd6\x0ei\xf1\xe2\xa3H&amp;tB\x14\xd2\x19\'\x88\x15\xe3\xc2\x8b)l\xcel]\xaaQ\xfa\x96\xce\xc6\x1a;\x19,\x0e\xc2\x84\xe6\x92PA*\xc8\x03.\xd8\xe7S&amp;7\x06Wr\xa7\x01\xb9l6a|v\xe9\xc5\x85y\xc1Z\xed\x94\xbdGTt\x90\xfd\x92\x87\x88:^\xd2\xb3\x88\xa5\x98\xac\x10*"/b\r\xeb\n\x97t\xa4\xab"]\xc4\x92*s\x15z\x88\x97\x1c\xef(\xca\x1aP+\x9f\xb5\x17\x07\xba\xe8T\xf0\xe3\x9e^Y"2\xd2\xd2\x87K\xd5:\xb9V\x17\xb0\xc1Jf+\x01N~N,I\xb8&lt;z2k\xd1\xc6\x11N^\x91q\xc1\x9d\xb7\xa4\x06\xc5\xcdv\n\xdd\xb2\xaf\x14P\xfc\x01\x8e\'\x16O\x92T)n\xfap,\xaa1"\x0e\x83\xeeS-\x1f\x19C\xb3\x8d\x01\x96,\xf3\x19\xdc1\xcf\xdfm\xf4\xa8\x92\x85\xd0fD\x91\x0e\x1b\xcd\xdcsl^\x1f\xcb\x9dE7,]%\\d\xe2[J\xae\x18\xe3+\nl\xc3\xc2|Sh\x16\xaf$X=\xfc</t>
        </is>
      </c>
      <c r="M134" s="3" t="n">
        <v>45492.67613425926</v>
      </c>
    </row>
    <row r="135">
      <c r="A135" t="n">
        <v>358550</v>
      </c>
      <c r="B135" t="n">
        <v>1966</v>
      </c>
      <c r="C135" t="inlineStr">
        <is>
          <t>Thiago Maia</t>
        </is>
      </c>
      <c r="D135" t="inlineStr">
        <is>
          <t>Thiago Maia</t>
        </is>
      </c>
      <c r="E135" t="inlineStr">
        <is>
          <t>VOL</t>
        </is>
      </c>
      <c r="F135" t="inlineStr">
        <is>
          <t>VOL</t>
        </is>
      </c>
      <c r="G135" t="inlineStr">
        <is>
          <t>VOL/MC</t>
        </is>
      </c>
      <c r="H135" t="n">
        <v>179</v>
      </c>
      <c r="I135" t="n">
        <v>29</v>
      </c>
      <c r="J135" s="2" t="n">
        <v>35511</v>
      </c>
      <c r="K135" t="inlineStr">
        <is>
          <t>Left</t>
        </is>
      </c>
      <c r="L1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fee223a-91d3-4691-9808-b5e8ad3e7f1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b\xab\x1c{\x00\x00\x00\tpHYs\x00\x00\x0e\xc4\x00\x00\x0e\xc4\x01\x95+\x0e\x1b\x00\x00\x03\x00PLTE\xff\xff\xff\xfe+\x1d$\x1a\x19\xdf\xde\xe7\xfd(\x1a\xe0\xe5\xf3\xfe\xfd\xfd\xff\xff\xff\xff*\x1a\xdf\xe3\xf1\x1d\x13\x13!\x17\x16&amp;\x1e\x1b\xc5~i1"\x1f\xe1\xe7\xf4+ \x1d&gt;+&amp;\xc5\x81l\x1c\x18\x16\xb1gO \x1a\x18\xe2\xe1\xeb\xd0\x9a\x8a\xb2r]\xafdL0\x1f\x1b\xc7\x85o5&amp;"\xabr_\xc2~i"\x1e\x1b\xbdu^)\x1b\x19\xaabM\xaalY\xc5y_\xafoZ\xfe/"\x1b\x11\x10\xc3{f\xc9\x89s:\'#\xffqg-#\x1f\xbcwb\xacaI\xbfpT\xb1ub\xbar]\xdc\xda\xe3\xe3\xe3\xed\xe3\xdf\xe7\xb6pY\xc8\x8dw\xfc\xfa\xf95"\x1e\xce\x8fz\xcf\x93\x7f\x9d_L\xc0w`\xbdze\xb7u`\xaceO/\'#\xc1yc\xde\xe2\xef\xa6]F\xb6r^\xa1[DwJ&lt;&gt;\'!\xb5xd\x93ZJ\xbalR\'"\x1f\xc5uY\x8cVF6,%D72\xc2u\\\x8d`R9#\x1f\xa6dP\xcb\x7fe\xa0iX\xabhT\xfe8(\xa5iV\xc0qX\xa6m[\x16\x14\x13V8/\xcc\x98\x87\xa7`JE-(\xa2`L_D&gt;\xc2\x8f}\xb4iS\xbanZ\xfc(\x1c\x9a\\J\xc8|bX&gt;7lH?\xdd\xdd\xe8I1+g@5^5*&gt;1+\xb5lV_&gt;5oD8\xa1cO\xfb;.\xce\x81n\x9ceT\x94UD\xca\x95\x82\x83H8\xca\x92|N5.wOD\xca\x82m\xfbB4N.%\xcf\x9c\x8fnPI\x8aL:\x96`P\xafkV\xbd~iD*"\xe3\xcf\xd6\xa2p`{UJ\xf7\xf6\xf6P:5\xcd\x8bw\xbf\x83n\x84SD\x89ZMdLE\x9bXB\xb7}i\xd4\xd0\xd3\x80N?\x9cl]}B2\xd0\x98\x84\x8eQ@\xfbL&gt;:0-\xb5hMC1,\x94R=V2\'\xf2\xf0\xef\xe2\xb8\xbc_UQ\xe7\xe4\xe7\xf7C:m=-RC?\xd3\x8d}\xf5\\T\xe8\xaf\xb4\xe6\x8c\x8d\xaezjd9-\xe7\xca\xcd\xe1\xc8\xcf\xe4\xd6\xe0\xec\xeb\xecu@0\xe4\xe6\xf1\xf5JB\xce\xc8\xca\x83YM\xf0RM\xd9\xd7\xe0\xe8\x84\x85\xedrq\xa7ue\xa4\x9d\x9b\xf6e^\xa1GE\xc0\x88u\xec\xee\xf7\xdb\xd8\xd9\xe4\x94\x98\xb8[K\xe1\xa3\xa8\xf5qj\xfeum\xfb1\'\xf3~z\xd5\x9e\x8fH?9\x95gX\xefhf\xb4\x82r\x80ws\xee_\\\xec\x9b\x9fk_[vkg\xec\xa5\xa8\xbc\xa2\xa0\xf4\x8e\x8c\xc3\xbb\xbb\xf2\xe3\xe1\xbefV\xe3\xc1\xc7\xb7\xaf\xae\xeb\xd9\xd6\xf9\xe8\xe6\xd5\x86u\xfd\xf1\xf1\x87\x7f|\xe2\xdf\xe0\xacKM\xa1F3\xb7\x89|\xc9\xc2\xc2\xad\xa7\xa6\xe7{{\x98\x93\x90\xec\xba\xbfSJH\xf7\xb1\xb0\xb9\x93\x8b\x90\x88\x85\xb0RC\xb0^X\xf9\xd6\xd6\xfaUJ\x9cQ?}\\S\xc7\xb1\xb2\xcbxi\xa2~x\x94==\x8eh^\xd8\x94\x88\xc7qa\xb9da\xc2gk\xdb\xb5\xae\xf6\x9a\x97\xc7mr\xe6li\xf9\xc9\xc7\xcd\xa4\x9f\xec) \xd6\xa6.\xcb\x00\x00 \x00IDATx\xda\xbc\x99OH[\xe9\x1a\xc6\x8b\x0b\xbbh\x94X#\xa8M\x9b\xe8(8\x12c]X\xa3I\x9b#V\xad\xc6\x9e\xe3\x9f\x8eh-\xa9\xa9\xc1?\xa8\xb1\x95\xeaX\x15\xd1\x8a\xd4h56\xd6+\xc7\xa8DL\x17\xba\xb0\xa0\x9b\tH\xb6\x19\x1a\x88\x8b,\x84K\x841\x84\x80\x1b\x0b\x97r\xd7\xf7y\xbf\xa4\x9d\xd9\xdfc_ON\x92\xd3\xe2\xf7\xe3y\x9e\xf7\xfd&gt;\xdak\xd7\xfe\xafJ\xbe\x9e\x9c\x9c\\f\xdf&gt;;t\x86\xbc\x17\xd1\xc8\xe1\xd9\xb6\xbd\xac,\xf9\xef\xba\xf6\xb3\xeb\xfb\xc2e`\ny\xa3\x17A\xb7\xc3\x11\x0c{O\xcf\x9dg\x07v&lt;\xbf\xce~~.Y\xf2\x8fu\xcb\x0e|!o8\xe8\xf6\x08\x82\xe0\xf7{\xdc\'\x81\x80\xf7\xdc\xb9\xb3m\xb7\x97\xfdt\xc9\x12:\xd9\xed\xd0\xcaw\x1a\x08:&lt;.\x9eWr\xbcM\xc9\x0b\x84v\x119w:\xcf\xb6\xb7\xed?\x8f\xeb\xbbw\x07ggg&gt;\xdf\xd9\xe1\x85\xdb/\x08.\xded\x92\xa98\x8d\\\xa9\xe4m6\xc1s\x12\x0e_DB\xe7\xce\x83\x1f\xa2]%Q\x9c\x89\x12c?\xf4F\xa3^\xefE\xd8\xcd\xf3\x9c\x8d\xe74*\x94F\x95\xa4\xd1p"\x81\xb9\x04\x7f\xcc\x1d&lt;\x89\x86\xe0g\xd9\xd5b}GJ\xb6\xdbwB\xd1\xc8i\xd8\xed\xf6\xf3&amp;\x8e\x17!\x95I\xa5JOW\xa9L2\x19\xc7+y&gt;\xcd\x86r!m\xee\xc0\x85\xf7p\xfb*\xb9\x98R\xf6\x03\xe7\xf9\xe1\xf9\xe1i8\x10\r\xbbE\x1b\xa7\x02\x16oR\x99\x00\xd5\x91\xae\xd2h\xe4\x1c\xa7\xd1\xf0&lt;o\xe3m\xe8\x01\x1b\xb8N\x02^\xa7\xfd\xea|$\x07\xed\xceH\x00\xd6\xa0\xd0z6N\xa6\x91\x03\x81Su\xa4\x03*\xa3#\xdd\xa4\x01\x93I\xa6\xe1\x18\x16\x9c\xa4\x94\x0504|\xf6\xab\xc2\xa2\xdf\xbb\xe3u\xbbx\xf2F\x10\x05\x91\xd3\xc8T\xe9@0\xa5wtt\xa4\xd3\x05\x13\xf1(\x03w\x99\x06N*I4\xa8\xe5\x8d\x9c\x86\xceX\xc0\xae\x06\xeb\xe0B@\x90Df\x11\x870e\xa4\xa7#TD\xd5\x11\xbf\xe1\x11\xcc\x04\x17z\x12\xb2qPM\xb4y\x82\x17\xde\xc8\xf9\x19\x9b\xb0W\x81e\x8f\xf8E\xf4\x97\x08\xe3\xe2P\x80@\xa6H\xa6t\xc6\x85\x07\x19x\x9ca"\xd1\x10\x7f\xa0q\x1c\'\xc4b\xc1@\xf4\x9c&amp;\xff\x95`\xed\x04\xc4X\xcc/p*@aU\x02\xc8\xc8\xe8\xe8\xc8\x88\x7f"*\x13\xf4\x83Z2\x19\xdeU\xe4\xaf\ti\xe3\xe19\x14;\xbf\x9avLNv\x06y\x8f\x9f\x962\x91L&amp;j\xbe\x0c\n\x14&gt;\xcaL$\x14\xfb\x03 \xa2\x13P2\x19\xc9\xa5a}\xe9wG\x9d\x07W\x91.\xfc\xcaC\xb7I\x14\xc9\x1bZ\x1d\x95\x94\x94\x93#\x93\xc9\xd9\xd2\xc8R\x1c\x85\x1epJ%\xbeb\x84\xc1M|\xa3\xbe\xf4\x9f\x9c\xfa\xae \xf5d\xc0\xb9\x9bMM\xd2\xe4\x06r-\xcb\xce\xd6577\x17\xa2t\xba\xec\xe6\xb4B\xa5R\'\xcf\xd6)\x95\xca\xd4Tp\xc9\x88\x1c\x7f\r\xdai8\x1b\xb8\xbcW0%h\x13\x0c\xc5\x00\x85\xf1\t\x19\xe4X\xbfvjjjk*^\xfdss\xb8?\x9f\xab\xad\x9d\x03e\xb3.;5Uv\x83\x19\x1a\x9f\x17\x1c\'\xc6\x02\xa7;R\xcbE\x9b\xcev\xc4O\xeb`\x8a+\x95\x85`\xda\x1a\x1c\x1c\xdc\xa7\x1a\xdc\x1f|\x06\xbe\xc1\xc1\xad\xa9g[\xfd\xfdSs\xb5 kN\x85\xc3I\x19\xb2$\x99\x8c\x9c4q\x82;\xea\x93&lt;\xf5\x10\xcbw!R\x9cS\x0bI\x98\xad\xfd\xcf\x9f\xd7\xd6\xd6\xe856\xb6\xf6y\x17d\xa0\xc4kkp\x1f\x88sss\xb5:\x9dN\x9e$\x97%\xdd\x80\x8d\xe8\t\xce\x1f\x8e\x0f/i=\xdc\x0e\xb9)X\x85\xcf\xfb\xb1\xf2\xee\xe7\xb5\x99\xcd\x99\xcd\xcd\xcd\xf5MV3\x84\x86\x1a\xd8\x1fxE\x8c\x10\x8e\x91e\xa7\xca\t\x0b\xa52\x89\'\xa7\xce\x03I\xb1(YgQ\x01aWn\r\x0c\xec\x7f^\x1b\x9b\x99\xb9\xac\xae\xae\xae\xaa\xa2\x97\xd9l^YY\x19]\x9f\x99\x99\x19\xab\x19\x9bY\x07"\x18\xf7\t\xad\xb69;[\x9e*G\x16er\xce\xed\r\xd1\x9e-!\x16\xce\xc6\x87nL\xd1\xd4\xadWK\xabXzf\xf3\x12&lt;\xda\xac,m\x96bC\x8173\x00\xc1\xb69:Z\xddYM\x84ckk\xbbq0\x9d\x0e\xe9OJ\x92\xf3\x9ep\xc8g\x97X\xad\x83\xa8h2\xc9\xfbk\x1e\x8f\xae\xaf\xc3\xb9\xcb\x15\xa2\xda@\xd5\xa36\x18\x9a\xd6l\xc6C\x85\xc2L\x84\xcc\xd8\xb8d\xcd\xd99\xe0\x92q67\xebE\xe9\xb0\xae\'\xdbC1\x8eS\xf6\xbf\xaa\x1b\xee^Y\x81sq\xad\x18U1\xaa&gt;Q\x8a,\x85b#K[U\x95 CS\xec\x02L\x97\x9d\x93\x84C\x85\xdf+-\x16\xc4\n\xf3\x1c\x976\xb0\xaao\xe9\xec4\x9b\xb5PF\xcb\xb0\x18T\xa2\xda\x1b\xda\x8bI\xb9\x8d\xac,F\xb6ry\x19\xef\x85\xc1\xa9\xda\xec\x9c\x1c9\xc7\x07|\x12\xab\xe5\x0bb\x0f\x19\x7f\xf5x\xb8\xb5%\xd7h\xd4R1\xb1\x98T\x80\x01\x13\xabv|\xdd`dZ-\xc0V.\xa9\x0f\xd6v\xb7\xe6tt\x9a\x08\xfa$V\xcb\xe9\xe6D\xd7\xcb\xd5\xba\x96V\xa31\x81\x85h1\x07\xeb\xd9\xd5\xd0\x90\x07\xaa\xe2\xf6\xb8\xa5\x1b]\n\x05)\x0626&gt;v\x07\xe7\x948\xe3\x04\xcf\xa4\x1c\x10\xb4\x1f\xc6x\x1b\xc4\xd2\x03K\xc1\xe2\r\xaa\xae\xae\xfa!\x02c(\r\x89J$m\xa8KA=@!\xa3\x94\x8d\xedn=/\xe48\xb7Ob\xac\x88\xdf\xe6\xea\xad\x01\x96\x91\xb0\xe2\x16v\xd5[\xad\xed\xed\xc5\xedT\xc5\x7fC\xb1\x1a\xeab\\U\t\xae\xd1\xb1\x81g\xfdJ.\xe6\x94\x12\x0bS+*\xd8\xc6\x07\xe2XFJ4\r\x87zk\x89\xba\xbd\x91\xaa\x01W\xde?\xe4*nO\xc8UE\t#\xb0\xf5\x9a\x97\xcfl|\xecPZ\xb5\xb6\xc3\xa2\xd0\xdb7\xf1\xb8\xbb\xc5\x9ck\xcc\x82\x8b\x98\xa2\xf5Vu\xa3Z]i \xae\xbc\xbc\x86\x7fp\x91|\xd6\xb8\\Z6,\xaa\xbbGW_\xf5\xbax\xff\xb9\xb4X;\'\xc2Bo\x1f\xd4\xea4\xe7b4\xe1\xea\xaa\xaf\xb7\x1a\x0c\x86\xca\x02\x83\x01P\xacz\xf2\xf2\x12\xcd\xd8\xde\xa8.\xb1\x92^\x04F3ltt\xb5f`\\\x14"e\x92b\xf9\xdc\xc2\xc2\x02\xb00\xb3rs!\x15aY\xd5\x80\xba\x93RP\x90W\xc9\x98zz\xc0\xd5\xd8Hik4\x00\xcb\xda\x15o\x0ej\xc7\xd1\xf5\xd5\x1a\xcb\x82(F\xed\x92b9\xdd\x82\xbf\xb7f\xa9\xae\xb3\x85\xa8\x18\xd6P\x89\xba2\xe5\xe6\xcd\x94\x14\x80\x15\xc4\xd5\xea\xa1;,5\x00\xcbj%\xb9\xa8=\xcc\x84\xb5TS3\xb0`\x93\x1a\xeb&lt;&amp;x,\x13Ku\xfa\x96\\-E\x0bX\x10\xab\x00X7A\xd5S\xd0CPO\xf0\x83\x0f\x06\x03.R\x8b\xe4R\x18I\xad\xd1u\x86%H\x8d\x15\x8a-X\xfa\xe6\x97\xeb\xf4\x9d\xcc\xc2,\x88e-)\xaa\xbc\xc3\xa8H\xab\xff\xe6\xf5&lt;!\xac\x84\\\x86"dk\x88\xd2\xc5\xb0V\xd6\x97V\'\xfaz\x05\xf1BR\xac\xb2\xd3\x98\xc711\x7f\xd4\r\x13\x99\x85\xd8\x90\xbbJ\xd5EE\x95\x05\x05\xd4\x8aj\x90\x10V"\\ju\xc9\xc3Rx\xd85\xab\xc8\xca\xa5\x99\xba\x82h\xd5H\x8eu\xbd,\xe2\xb1\x00k9&gt;M)1\x80\x1b*-QS\x19*\x1b1\xbd\xf2\xc8\xc1\x9e\xbcF\xda\x14)WCC\xb3\n\xda\xa7r\xe9$\x86\xf9\xc0\xb0l\xe1mI\xd5\x8ax\x10\xad#D\xabU1K\x81\xc92*\xe0"\x90\xd8\xd4b7\xa8\xf5$/\x8eU\x0f\xa5\x86\x86\x8c\t*\x98\xd8]G&amp;Z\x04Ar,\xcb\xf4\xfc\xf2\xdba`1*\xad\xb1\x0bZal\xb1\xe6\xa38Q\xb6\x9e\x90Z\xb4\x13\x15[1\xe5\xc1\x9e\x9b\xcb\xb0:\xf5\xe0:\x9a\xb0,\x08\x01\xa9\xb1\x1c\xd3GM#m\xad\xad\xec\x04\x91\xa5U`&gt;`l\x15P\xa0\xd8`\xe8\xa1l1\xc4\x86\x86Fv\xeeB\xdc\x8df\xb6Yw\xea\xf5u\xcbq\xac\x03)\xb3e\xf7\x12\xd6H\xdb/\xb3\xb3\xc0\xa2\x13\xd7l)Q\xa5\xa4L\xa2\xc8=\xa2\xa27C|~5\x82\x0bm\x18?ATwv\x0e\xeb\xeb\xa4\xc7J\xb6{\x1d\x96\xe9\xe5\xdf\xf2\xf33\xf3g\x8d---\xc6\xd6\xfc\x87\x0f\xee\xdf\xbf\x7f\xe7\xe6\xad[\x93\xaf_32*\x8a=\x93\xcf\xa0.\xb6\x96\x0e)X\xde\x815&lt;&lt;\xf2\xf6h\xde\xe1\xf1K\x8e\xe5\x98oz\x9a\x99\x99YJXXe\xe4\xe9\xed\x0f\x1f\xde\xbf?&gt;\xbew\xef\xd7\xc5\xc5\xc5\xc9\xc9\xd7\x84\xf7d\xf2\x168\'S\xee\xdc\xb9_TTR:\x84\xc4WwW\xeb\xf5\xc3\xc3mo\x8f&amp;\x1c\x16\x8f\xe4X\xd3\xd3M\xb7\xef&gt;x\x98\xdf\n\xaa\xc7\x135\x18b\xdf\xde\xfd\xb1\xf7\xe5\xaf\x17/~\xff\xbd\xa2\x02d\xff^\\|\xfd+\xab\x9b\xef\xdf\x7f\xd8\xbb{\xf7\xee/m\xc3zT7\xb0Z\xdaF\x8e\xfa,\x16OXZ\xac\x88\xdb1\xdd\xf4\xee\xd1\x83\xcc\xd9\xd6\x16\xfdQ\xdf\xc2Boo\xafcz\xfe\xeb\xd7o\x1f\xff\xf3\x17\xc0\xca\xcb\xcb?}\xfaT^\xbex\xef\xf8\xf8\xf8\xcb\xde\xbb\x8f\x7f6\xa1\x8e&amp;j\xb0\x8f\xfe\xc0rX,\xd2b\x95\x9d\x06\x81\xf5\x14X\xf9\xad#\xf3\x03\xe3.\x97\xcbf\x13E\xfa\xef\n\xc7\xfc\xb7\xbd//\xdeTT\x94WT\xfc\xab\xe2\xde\xfb\xbd?\xde5\xcdO;\x80`\xe9\xed]X\x18\x7f\x89\xd3\x90^\xdf\xd2\xf6\xdb\xf2\xb4\xc3c\xb9\xd8\x96vO\x0c:\xbe\x1e}|\xf4(3\x7fd\xa2\xb7\xdffK\xe3\x95\x9c\x86\xfe\xc1\x8dwy\x1c_\xdf}\xb9\xf7\xa6|\xb1\xbc\xfc\xcd\x9b\xe3\xbd\x8f\xdf\xe6-\x82\x98\x96\xc6\xa7\xd9\\ii.W\xff\xf8\xc0\xd2[`\x8d,O[,\x0e\x89\xb7\xea\xc3 \x1c\xfbx\xf7Q\xe6mH\x81\x90\xa0\xd7]i\x85\xcdJ\xe5\xffX5\x9f\x9f\xb4\xd25\x8e\']\xe8\xa2\x85xH\x93\xa1\x05\xce\xb5\xa5$G2\xa7sX`\x9d*\xb4\xa4\xa7\n\xe6:\xf6h1@\xb8\x95\x13\r=\'h\x05\x02\x84\x80\x0b\x14n8EE\x19\xb0\xa4u\x9c\x1fQ\x16h2&amp;\xd7\r\xcdt\xc1\xdd\x18\xd2I\xeaF\xa6\x95\xce\x84\xe4.&amp;wh\xa2\x83\xa9&amp;n&amp;\xf7y\xe9\xfd\x0f\xe0\xc5\x85\xf1\x07|\xf2}\x9e\xf7}\x9e\xefs^5\xb6\xc6E&gt;\xe6_uC\x18\xbb\xbb\xbb_gv\x056\xf1\xe4.\x1a\r~.\x97\xa3\xdf\x8f\xdby\x93\x17\xa9\xc5\xb3\xcb\x9b/[Z\x13\xdb\xbe\xde\x8f\x1c\x03\x16E)2\xf1x\x06V\xa9\xc4\x0c\xa5=SS\xd3v;\x17\xf9$\x17P\xbdz]:\x8ep\\\x08\x1b\xe9\x19\x19\xf8\xa7+\xc4q\xac\xdb=\xe5I\xfa-(\x88\x91e\xf6?-\x1bp5\x1e\x8b\xfc\x06X\xbbf\x05p\xe5\xf3\x85\x82\x02\x96r\xb47\x10D\xc3\xadtz\xf7c\xe15:(\xba^-\xe63\x90\xe6\x9e\xa9\xad\xad\xad\x8d\xfe\xa5!f\x1e%&gt;\x93d\x10\xd6.`E\xde\xb6\xeaA\xde\xa7\xb7\xf9\xf1\x8fea7\x03X\xf9T\xcaHI\xa5*\xafi)\xecqO\xafO\xef\x04\xe7\xb2\xf3\x8a\xd4"\x1c\x0c\x8b\xb1\x14\xe5\x1f\n\x06\xd1\xa8fz\xcb\x936y-f\xb3\xdfo\x86eQ\x9a\x93\xb0\x11\xde\xfc\xab\xadE\x8f\xf1\xda\xe0x88\xf8\xf6e$rl\x06\xb1\x8c\xc6\x14\xe4\xbd#\x9b\xe6\xd9\xc4\x1a\xb6f_\x9f\xdeX\x9d\xcb\xf6\xeaqY\x97l1FYL\xc1\xd5\x9d\xad\xf5\xf5D\x08\x83\xa4\xea7\x81L\xb0l6\xa5\xd2\x02Ad\xf7\x7f\xdb&gt;?\x7fw\x0b\xde\xb3\x05\x03\xb7\xef^\x19\xff|\xfb\x06\x0e\x08\nq\xa5\xa4c\x81\xd5\x1d7;|\xedo\x17\xaf\r\xb3\xd3\xa0Wve\x0c\xea\x90HDJ{\xd1\xc0az\x8b\xdd\xec\xb8x\xf1\xda\xf3\x84}\'\xdb\xeb\x05*\x9bEia\xc2\xcb\xdc\xaf\x7fF_\x0cv\xbfk\xde\xfe\x00\xd6\xc1\xedr\xf1\xfa\xc9q\xa3\xf8PT*\xa5\xea\x9d\xdb\xd9\x8a\xfc\xfa\xfb\xf3\xe7\x1dO6\xf7=;\xab\xd9\x80s\x946\x10\x0fE\x9a1gv.\xb8\xb3\xe1\xf9\xf9\xfb\xe1\xbbw\x9fo\xee\xb3\xeb[AgC,\xa5e&gt;\xbc\xecf\xee\xdd\x9c([\x9f\x1d4\xfd\x98\x05\xc4\xda\xae\x9f\x95\x8b\xf7\x04(&gt;P\x13\x8dFc\xb4wn5\x9d\xf9\xef\x1b\xf5\xc8\xd5\x1e\xf6\xe7t0k\xf2:\x1c*h\x9a\x1fkF\x9d\xd9@6\xb8\x9a&lt;\xf9^\xddqu\xe4\xf7\x13\xc6\xb3\xb1\x1a\xf0Z\x94h\x95\xc2\xac\xe7\xa86\xa9)\x16\xad\xe7M\xcb\x85bx\x06\\\x83\xc9H\t\xb0 \xb7\xf4Q\xc7\x8a\xb3\xd7\x7f\xf2Gb`d\xfc\x98\t\x0e\xcd\x05F\x1d\x8e\x19+`M^\x0fd\x9d\x81`0y\xb2?\xd032\xbe\x7f2?\x04\xd4^\x8bJ\xa5T\x8e\x99\x056{e\x92\x90\x94k\xb5\xdb\x87\xcd&amp;}[\xfb\xd3\xf3\xb3\xfa\xac\xef\xf1|$\x03Xz\xa3N\x1f\x1d\xf5B\x0fa&gt;\xf9\xc8{\xd2C\xc1\xd5\xe0\x9c\xa9w\x05\xb0n&lt;|l\x05,\xa4Vp\x88\xe1\xed\xf6\xe3\x93\xb8\xdf\x14\x08\x04\xbc\xca\x06\x96%\xc9;5$.\x99,\xd6\xce\xb6\x9b\xc6j{\xff\xef\xb3\xfaBn\x96\x89\xc4)\xa3^o\xd4\xd3QhQ!(\x8a\xb8\xd9i\xca\x06\x83\xc1\xac\xd3\xb9\xe2\x98\xf8\x02\xd4\xfa\xe2\xcaJ6\x0b\xd95\x07\xd9f2\x99\xe36\x0b\xea!FUR\xa92\n9\xcf\xfbIM\x9f\x84\xfcP+6\x1d\xc5\xb6\xf6\xc3\xd3\xfal.7\x9b\x0c+ \x82\x00F\xab\xa2Q\xf8 \xf8(\x8b\xd7\x94\x9dC\x08+\xf7\xef\x0cZ\xa1\t\xb4^\xbe\xff\xcd7\x8d\x1f\x05\x9c\xbd\x8eQ%\xd2\xc8\xeb\x1d\x8d\xc29\x07\xdf3a\xaf\xe6\xca\xa0\x81\x80(~\xf6\xbe9,\xb4\x11s&gt;\x9f\xafN$\x05\x85\x11\x0eR\x1a\xb0\xb4\xb4\x9e\x04\xdd(\xa5\xd7\xe9\x84 9\x1d\x8f\xaeLLB\xd3\xfcw\xeb\xe5G+\xc0\x05T\x005\x86\xe0U*\x90\xf6\xffX~\xc1\xafy1h5\x94\x8b\xb5\\\x93\x8dD;`U\xea\xc0\x85\x0b\x02\xa8E\xa9\xa4\xa4\x1e\xa0\xa0_\xd6\xc5t\x94r\x14b\xe4Efh\xa6\xef\xa1\xef\xe1\xe3\x07\x13\xd7\xef\xa1\x07\x07\x01\'H\xa4\x92\xa2\x90C\x87\xd6\xa0CX\xe1\xa1\t4\xb6\x80\xe4Z8loZ-_\xbd\x92\xf3=\xf2\x08\x9fNS\xd0\x89\xc4qp\xf9\x92\x18\x89Z\xd51)4\xc73\xda&gt;\xe8\xe4\xeb}\xd0%#C\xe1\x00\xe3\xa6\xa2I\x12\xd0\xe1\xcf\xe9\x86X*\xa5\x99\xdf\xa9\x1eM\xf4\x89\xce\xca\xb5\xdb\xadP\xcbW\xf1Y\x8f\xdc\x02Tj\x85\x02v\xa2\x0e\x17\x89d2\x89\x04\'\xa1\xb5\x07\x03\xd4\xa9\x1d\x9c\xd4&gt;\xf0U*&gt;\xc3\x0c\xf8\xc2G\xd7\xc7\xa2\x90}*$*\x1e\x83\xa6\x9eV5b\xa8\xf0\xf3\xfd\xd5\xea\xd1e+\x9c\x82{O[\x92[g\xe5#w\xb8d\x03,\n\xa2\x07eF2+\x11\x11`#:\r\x06C\xa7F\xab\xd5\x18\x80\xddw\xa3\x81u\':C\xd3\xb4v\x92\xee\x04.\x9c\xd0\xe9\xa5\x94\n\x15\xa0y^PV\xab\xb5\xa2\xb5\\nv\'\xb67\xb0\xce\xca\xe5\xfb\x1c\xcf\x98\xa1\x9f\x81\x9a\x18\x93 (\x11\x81\x06#\xf0\xea\xeb\x9c\x04\xaa\xd9\n\xa8\xf5\xb8\x13y\x1d\xf0\x90\x10@\x8dF\xd3\xd9I\x02\x15\x84\x116\xad\xcdlf\xdc\x91\xfc=\xe0*\x97[qn\x1d&lt;\xab\x97\x8be\x87\x9d\x13Jq\xe02\xa6\x16c1\\D\x80L}\r\x03Ktj5:\t\xc4\xb0R\x99%43c\xd7\x11\x96\x06\xb0&amp;\xe1\x05\xf9\xa5\xd7S\n\x1b`\x95v\xed&lt;}\xb3Z\xad\xbe(\x8b\xde5]|\xda\x0fn\x9f\x15\x8b\xc5\x0f\\\x08\xe4\xb2\xc5\x0bT*\x06KD\x00\x13|\x89`\x91Z\xadnv!w\x9a\xab\xf8D}\xda;\x80\x05T}d\xa7F\x83f`$-U\xd8P\xcb\xc5\xf0\xae\xa9\x0f\xb5j\xf5\xa7b\xf9\xcb\xc3\xe6k\xe2\xe1\xb3\xb3b\xad\xf8\xc1\xbd\xc6\x85\xe73\x99\x02\x8a"\xca.\x88\x9f\x88\x10I\xe0E\xcehqY\xee\xf4\x14\x1c\xd9\xac\x81\xbe\xf3\x086a\'A\x90(\xe94\x1aZoT\xc4m6\xe8\x05\x05\x0e\xe3i\xc0\xaa\x16\'\xffz\xda\xbcZ\x87{\x80U\xfb\xe0\xc6\xd6\xf8\xddR\xa9\xa0\xa0\xf2\xc6\xc5\xc6l\xb21\x80\x90\xc8$\xe4$)Y\xc8\xed\xed\x9d\x9e\x9e6\xa28&amp;\xa5I\x02\'\x08\xc2@\x92\xa4\x9e\xa2l\xd0\xfd\xfb\xfdL\xc4\xa5\x0e\xd3?An\r\x1a\xbekA\xbf\xf5\xed\x1e\xe4V\xf1\xe6\x94\x1c\xe3\xc2L)\x1e/\xa086F\xb9`\xf0\xc1\xdcKt\x84\xa8k\xa1\xa1\xd6\x82D\xa73h@-\x8d\x01\x07\xc3\x8f\xc3\xa1k\xa4\xa0v\x82#a\x04\x16\xc3\xd2\xb5\xea\xd1\xcdA\xab\xa4\xe9\xd4\x82\xad\xf8\xfe\xdc\xe7\xeb\x12]\xf6\xc8\xe5.7p\x15\n\x85&lt;D\x11\xb8fe&gt;\x19,\\\xd4\xd5%\x93uA\x08}\xb8\x91\xd2I\xf0\xa8R\xaao\xcc\xa0q|\x11J\x81"\x8e&lt;\xb6\xc0\x87\xe4\xea\x9d\xea\x0b\xd8(\xd6\x7f\x1c\xb6@\xad[\xdb\x95z\xeet\x81\xc1\xc4X\x82=.\x81Z\xf9Tl\x11\x01\xf9\xba\x90X1\\F\x06\xe6l\xe01\x08\xe9\xd0FV\xafS)i\xbd\x0e\xb0\x00*\x962\x82\x83\xcb0\xbb\x02\xcf\xc1\xff\x07\x07%2\xe2A\xdfy\x0b\x9e\x19\xa0(\xfa D\x05\x97\\=\x9c@a,\x14R\r\xae\x05\x19\x9a\xcf\xc8bz\xda\x915\x99\xa1\x19S\xfa\x93\xfd\xab\xbd\x16\x8b\n\xcew\x02\x97\xe0`\x84\x8cT!\x93a\xc2a\x9es\xf5\xc8\xc7-\xb2\xee.\xd1\r\xd43\xb7\xa0\x97o{wZ\xc9\xe5\x14.\xb9|-\xb4,0\x1f\xe3\xc8\x94\xa5\x16e(vP\x83t\xf4\x98\xa3\xb7T\xca\x80\xf7b\x84p:\xeb\xb4H\xa1&gt;\xe1(\x82F\x85\xa2\x00\x11\x04\x87\xc8\xba\xe4W\xc5.\x8bD\xd6\xe5\xcbm\xdfj\xc1\x8d)tEq\xfb\xb4R1\xba\xd5rl\x9c\x13\x84\xf0n\x06,l\nv#0I\xa0\xe6Im\xf3\x02\x1f9fJ\xc7\xcb\\\xc8\x9d6}\xc2\x82\xc3-E\x81V`\xbf#,\x17R\x83\xf9\xb7GqQ=\xf7Kkn\xb4 K\xf6n/\x87\xf3\x80\x85\x8d\xf3&lt;\xcb\x0b\x99F~5\x96^\xaa\x82n8\xf1d8\xc1-o\xaear5\x98C\x8b\n\x1aFh6\xf2\x8aB&amp;\x99\x84=\xc8%\xc6\xc5\x1db\xf1\x14M\xcc~\xb6\xfd\x14\xdd1l\xc5\x00\x02\xd6\xe1/\x7f\x1dcr\xb9z\x9cm\xcc\xb5\x98x&gt;\x8f\xea\xb6\xc2b\xf13KnL|\xe1RG\xc7W_}\xdeq\xe1\x82\xd8\xe5^\x9aG\xa7z\xc6l\xb3\xc5!\xd9\xc3l\xc2\x15\xc2::\xc4\xea4\xf9\xe5\xf9A\xcb\xaeT"\xae\xf6[?\xbe\\\x93\xab1W\x02da\xa1\x9b\x88g\xe6A\x08f)\x0c^\x02\xbb\x048\x97.\xa0\x0b[\x97.^\xbc:\x1e\x9a\xea_\x12\x96v\x93~[I\x08\xf3,\x87\xa9\xd5bX\xd8\xc7\xf3\x83\xd6^\x8cEo\xf6\xf5\xe6\xc0\xc0\xf88\xb66\x9cH\xd8\xc3\x0c\x13\xf6\xb8y\x88(\x17\x1a\xc0\xc4\xd7z\xd0E\x87k\x1d\xe8F\xcd\x85Kb\xf1\x80\xdd\xed\xe6\xa7&lt;K\xf3\xc9~\x9eu\xbb\xb0\x1e\xb1X\xdesu\xf8m\xabo\x9f"\xc1~x\x83\r\xb8\\\xf25l\x8d\xe3\xf8\xa5\xb4;\xe4\n%B\xc0920\xd2\xb3\xbe5\xf5?Z\xce?\xa6\xa9,\x8b\xe3\x9b\x9a@B\xf1\xa5\x0f\xa6\x86&lt;[\xe4\xb5)\xc2K\xd9\x00\xbb\r\xcf\x01*\x1a\xd2B\x0c\x1a\xdb\x00M}\xe1\x91\xb8\xdb@\xfb\x80\x96\xa6\xc6\x94\xc0\xce\x14*\xabR6\x80dL\x1ad\x06\'\x8e\xb2f\x0c\x04\xf0\x07\t\x06\x03\x99\x1d\xd4\x9def\xa2\xb0\xee\x18g\x9c\x8d&amp;\xe0\xac\x11\x13\xfc\x81\xeb\x9es\x1f\xae\xfb\xe7\xce\xc8;\xb4\x8f\x06H\xfb\xe1{\xce=\xf7\xa6\xf7{\x1b\x18n\x80{\x9b\x9dbY\x86\xa2\xe3\xe1\xba\x01!\xd0\xd7\x17\xf0\x0ba\x1a\xb5\x02\xac\x8f{\x136\xdaL\x89\x8e\xa4\xeb\xa2]\x8cS\x9c\x0e\xb0$\x9b\xe4\xe3h\x1a\xdfW\xd3\x89\x82\x14\xf8\xc8S\xb3\xb4\xb4\xbad\xf0\x1c\xb2\r\x8b\x9c\x0e0\xf6\xc6\xc5x8`\x93\xc2&gt; \x07\xb5\x18\x8a\xff\xea\x93\x8d\xf7\x06\xc23^\x0eG\x1d4\x1f\xe7|u\x82? \x00\x13\x05ul\xf7\xb5\x94\x1f\xfai\xf2.\xc4\xd2\xdd\xc9\xc9\xc9\x9f&gt;:,\xf9@\x1f]#\xb7\x97\x13\x02\x92/N\x03&amp;\x0fX\xd4\x86n\xac\xbcM\xe3\xed\xba(\xef\xd0\xd1\\X\x08\x0b\x92@$`\xa2B\x0b@MN\xde\x9dD&amp;\x8c\x95\x0f?\x0c\x08Q^\x874\xd1a\xbf\xc8\xc1\xdf\xe1\x9d\xa7\x7f,P\xc4H9\xf5\x81\xc898\x87.\xee\x8b\x86\xfda\x9ag\x00\xab-p\xb8\x7feE\xe6Y\x8f\xfe\xfe~)\xca38\xfa\xec\xc3\xd0;\x18\r\xc5\xf3\x0e\x07\xbf\xef\xb62\xb6\xd3S\xd7\xa3v\x87\x9d\xa3\x1ai\xde\'\xf8\xd0&gt;\xc93\xd1\x86\xfe\x95IH\x1f\x06\xc9$\xd0]hh\x83Q\xe0\x00\x89\xec\x82`\xd7\xb0,\xc5\xc0\x7f\xc3\xa0c\xe4W\n`%\\\x8e\xdb\x1d\xa4\x051t8\xccqv\xbb}\xe0\xc2\xe1\x95\xbb\xab\xcf^\xbe|\xf6\xec\xd9\xea\xea3\xbc.M\xae\xf4\x9f\x1e\x1e\x88\x8aQ\x9a\xb6\x03=4\x0e\n\xfe\x19\x9e\xff\xc7)\x85\xb0\xbe\xf9\x94\x03\x15x\x8d\x06\xb0\xa0\xe4i{T\xaa(\\ZE,\x02\xf6\xec%b\xd5\x16\x1e\x8a\xd9\x1a\xa2\xa2O\x0c\xdb\xc3\x90C\xb5\x8aq\xd8y&amp;~\xbb@!\x07\xf8w_\x01\x96\x1d:\x13\x05\xdd&gt;\x8e&amp;O\xa9\xaf"dD.\xc0\x81X\x85pE*b}6\xa9\r\xc4\xf2E9\xe8b*\x96g \xdd\x1bk\xaf\xf9\xdf\xb1x\xf4r\x9c\x87\xe6\xc9\xb0\x94\x8e\xf6\xd1t\xb4m@\n\xf4\xc5\xba\xcb!b\x81:X=\xd4\xb7\xc4*\xfal\x18\x81\x86(\xce\xa0\x0e\x16\xb1\x18\x9ea\xf8\xeb\x9f+\xe5\xe3/\xf8\xfe\x0b\n\x1d\xb8,\xc5\xc1Z\x81\x16\x05\x01\x1a; H\x82 j\x92\xd9d\r\'\x86\xfd\x92\x148m\x8b\xd9\xfc&gt;\x1d\x8c@\n\xa0\xa0\xb6\x00\x8b\xfeA\x19_:\x1au\xa7&gt;6;\x1c\x14\xc3\xb2f\x9cP8`\x08\x04$\xc9\xdff\xe7\xd9$\xb5J\xa5fy{[\xc3\xe9\x0b\x17l\x15}P{\xc4z\xad\x02\xb9\x10\xeb\x8bQ\x85\xc4JD\x83`\t\xbe\x04\xabR\x99\xcd\xc9\xc9:_\x9d\x1f\xe6dIjs8X5\xab\x01,\xd61\x10\xc0\x1c\xf6\xd9|\x14\xc5&amp;\xb3\xac\x16~\xc6\x9aa\x0e\xff\xeb\'\x8a\x1d\x11I(\xf8a\x1f\xf1\x9e\xe32F\xad2\xd34\x8di\xf3\xfb \xaf\x0c\x0f5\x07X\x02\xe8\x17\xf0\xfb\x8f\xc1jT\xab\x02\x01\xd5j\xd4+9\xfe\xe3Q\xe5\xb0\x12F?(\x01&amp;\x95V\x95\x8c\xeef\x8d\x99\xc2\x05+\xed`\x18\x07\xb4)\x18\xa3\x0c\xef\xf3\x0b\x82\x10\x8e\xd3\x1a\x15\xfc\x85:)\x15\xb0\xe0\xef\xf7\xfc\xe9\xb1b\x07} \x8bG\x9e\xfa\xcc\xc8\x052\xa4jUP;\x14\xce\xd7\x0c\xc5\x1d\x0bGE\xf1\x18\x07\xed&lt;\x0c+\x08\x9d\xaeD\x95\x9a\x9a\x9a\x94\x84\x15\x07\xba&amp;\x8b\xff\x1aU\xee\xfc\x11`]\xaa\x17\xd1;\xadV\xa9\x93@2X*S\x90S3\x14\xbf\x8f\x16E\x1f\xccH\x1c\x0c\x06,u-Pm\'\\\xa0\x17\xddr\xe2\xbc\x92\xa7\xa2\x16\xce\x85\xea9\rb%\x01\xd66\\\xc1\xc3]\x17\xae;\xe6\x13a\xc9\x10\x17\xa1\xdc\x80\n\x8f\x15\xa4\x1e\xd8\x8eXI\x90G\xbe&gt;\xd2\xb9\xa0(\xd6\\ew\x9d\x0ejK\r\x19\xd2jA(\xa8~\r\x8d\x9be\x1ce6\xebD\x1f\xadc4f\x15\x9ec9p\x80P\xa9\xd5\x94\xbf&lt;tIA\xacD\xc0rU\xc6\xc2fH!p\xe1\xc1\x99=\x90Js\xe3\xb1}\xf4^3&lt;\xd05\xee\xdbKQ\x1a&lt;`s\x00\xd4"T*V\x88E\x9a\xcf)\xac\x96\xd1\x1d\xa9\xf7\xe9p\xe0\xc30\xdb\x96\x8cg\x1a4{\x1b\xe3t\xc96\xad\x16\x1e4\x96h\xcc\xc9\xa9\x98\xc2\x03\xebX\xbcP\xe1)l&gt;\xf7\xad\x82X\x89\x0bs&amp;\xa3;\xd4"P2\x96\x96\xf4\x8a\xe4\x12\x9d\x8e\xa6\xb4\x88\x85\x07VTZ5\xd4\xbb\x9cA\xa0j\xa8\x88\x14\xd6*\x8b\x95\xb0\xd0\x95f4\xeaO\xfc1\xcc\xaaI\x8f\x00\x02l\x13\x1a\x8dN\xa3\xc5#\x170\x07\xe2\x8f\xa1\xce\xe5rW9\xfc@UX\xeb\xec\xf9V\xd1\xda\xea2U\xb9\xf4\xfa\x13\xdd\x02\x85\x1d\x1cJ_\xab\xda\x83\x8d\x8cU\x03\r6t2J\t\x13\\\xd8h\x00\xa9\x00K\xe1\xda\xea1\x81Zz}\xe7~\xbf\x83\x08\x86\x14*\xecM\xeb9S\xbf\xbdC\x02\xfd\x81\x8ar\x0fQ+wA\xd1v\xdac2\x99\xd0n\xd0\xf9\x97z\x8e\xccxj\xec\xacD\x1b\xf8\xda\xbe]\x16JF\x8cJ\xb1\x18`y&lt;\xb55N\xfd\x11\xe5\x8e\x99&amp;$\xfc\xb9\xc7\x92\x96\xf6\x86K\xa4\xb0Q\x00\x96\x9c3d"\x84\xf2\x85m\xb3\xc5*\x90\n\xc4\xaaq\x1a\x9f+w,7!\xe1VO\x9a\xc5b\xca\x05\xaa\xce\xce\xfd0 UIj\x92\xb3\xf5Z\xfa\xef7Xy\t\xb6\n\xa4"\xfbz5\x06\xe7\xdc\xf7G\x15;eZ0XfI\x03\xbdP.}e\xa4E\xe0\xa1\xd4\xd5d\x92\x91S\x88\x17\xf8\xa6fD\t\xa9H\n=5\x06\x83\xc1\x19y\xda[\xa0\xd4b\xbe\xe0\xb9\xd5\x82T\x90\xc6Kzwe\xa4\xbb&gt;\x0cK{\xe4\xda\xfe6\x92\x18{\x9b\xdf\xd6\x17C,O\xb9\xa7\x90\x88e\x08=\x1dU\xea\xd8d\xc2\xd1\x7f[\xf3,\xb8!\x9c\x0byt\xbb*C\xdd\xb1zI\xb0\xc3"\x90\x95\x89\xa0\'0\xf6\x01\t\xa0\x08Vy\xa1\x07\xb1@-C\xed\x93\xde\xdf*qZ\x18\x9f\xf2\xd4\x1f,\x10\xa5Vkn\x19\x80\xb9\xdd\x95\xa1Hd\xbfM\x92\x1a\x1a\xda`)\x88\xa7\x15\xa3\x03\xc3\x92\x8d\x08\x05q\xa8\xbc\xb0\xb6\x96X\xd9\r\x86\xe6{\xa3\xf9\x9f+pJ\x1e\xdfB=2g\xc9\xcb\xcb\xb3\x96Z\xd3p#V\xaf7\xbaB\xa1P\xa4;\xd6\xbd\xbf;\x16\xc0\xb7\xb8@\xa7\xbe\x8a\xf2r\x14\n\xc2\x83T\x06C\x8d\x01m\xb1\x95\xf3S\xf9\xa76\x1a\x8b&lt;\xdf\xa9y\x97\xc5\x826\xeaR\xf4i\xe8s\xf5F\xa3\xcb\xe5\xaa\xact\xbb\xdd\x9d\'"\x10\xe5p;D\x88\xca\xcb#0A7\xd7:\xa1\xacH\xec\xac}2:5\xb5pgC\xdfy#\x1f\x91\xb1\xf8\xdd\x13\x97\xa9)\x0f\xb80\x8b=\x90G\x13n\x8d\xbb+\xdd\xf8\xe6.\\HV\x01\x08n\x11\x8f\xa7\xd9\xe9\xdc\xe9$P\xbf\xc6\x8b\xf3\xc4\xe3\xa9\xf1\xe9\x17\x8b\x1b\xc7%\x7f\xce\xc2\xab\xc1\xde\'F\xa2VFF)\xbaZ\x8a\xd1\x7f\x90\x06R\xe1\x9el\x99I\x9f\x06\x8b\x0b\x88\xc2\x08\xcc7\xcd\x85\xcd.&lt;\xe4"+\x85Q\x15\x9a\x1f\x1f\xbf\xf5\xe5\xecr\xc1\x06\x81\x11\xaa;\x0f&amp;\x8e\xf4&gt;1\xc9^\xf4"kNNN1\xd9\xee%\xbb\xe3\xa6\xdc\xdc2x\xa87V\x86\\\xaef\x0c\xa7\xd3YU\xb5\x13n(\x16z\xd9\t\xd6\xd4\xd4D\xeb\x95\x07r"\x13\xdf9\x81\x90\xc2\xe5\x17W\xa67\xf5\xde{\x83UTT\x9cS\xdc\xd1Q\\&amp;\xdb\tLp\x81\xc6A\xdc\x0eU.\xa3\xd1\xe9tUU\xb5\xb7\xcb\xbe\xec\xf7\xe4hw?\xce\x1f\x1f\x9f\x1ej\xbdqs\x03\x04K$Cpy\xf6\xe4\xc5\xa9M\xe3\xf7\xd2\xf2d\xa8"T\x8bl\xa0\xa0}\xa4\x0c\xbaYS;\xccJH\xd6\x0e\x05W\xe5B\xcfASS;\x9e\xecz\xef\xe0\xc1\xf7\x0e\xc2\xe3\xb9^\xc0\x1a\x1c\xa9\x1e\x19\xbb\xf6\xcfw\x15,q=\x81\x8fZ\xaf\xee\xf6\x8e?L\x93\xb5\xca(\xca\xc8(&amp;\xdbM\x1dh\x1f\x01\xd9\xd0s\xf0;Ki\xa9\x15ni\xed\xe8_)\x85h\xdai\x00\xa8\x83\x07\x9b\xa0\xd9\x99\xe6\xf3\xf3\xc7\xf3\x07\x87\xaag^\x8f\xdc\xf8z\xf9\x1dZ\xd8\xfag\x8a,\xcf\x8e\x0c\xb5\x9e\xfcl\xb7\xd7;_\x96\x83\'\x8er\x8a2\xc8\x11\x1f\xdc\x05\x83/\xdc\'K\xcfA`\xd0\x10i@\xb5R+\xb1Z\x03QS\x13RY\xads\xa3^\xc0z\xdeZ=34rfm\xed\xc1b\xc2/\xcd$\x81Z|pe\xe8\xf5Lpdp\x8bw\xd37=\xe9\xe9\xbb0\x8ar\x80J\xe6\xeaJ\xd9J\xf6`\xb3\xf0\'d\x18XK\xf3\xd0\x84Cl\x1b\x164\xba\xc0\xbcPVv;\x1f\xd5\xba\x19\xac\x0eN_\x1d;s\x7fm\xe2\xd5\x9d_\x02&amp;Ku\xe7\xd5\xd5\x1b#\xf7\xd7\x82\xc1\x93\x83\xbb\xbd[z\xef\xa5\xa7\xa4g\xc1\xcb\x03Y\xd6f\xc4\xc2\xcd\xf4\x94\xad\xd9\xa0\x17\x1e\xf9I!\x86t\xab5\xaf\x03~\xb5+\'\x0fS\x8b\xd3BNq\xcf\xc3q/pM\xcdVg\x06o\x9e\xbf:\xf2h\xe2\xefk/\xe4\xd2\xffY`o\xa0&amp;\xae\x8c\x9d\x1d?\x1b\x0c\x0eA\x12\xb7x\xe7\xbb\xb6\xae\x9f\x83\xda\x9c\xbe9\x85\x18\x80\xb6n\xcd\xce\xce&gt;\x9e\x9d\x8dlH\x87\xfb\xe6h\xab\xcc\xca\x82\xbc\xe6\xa1?\x03\xc7\xec\xbdQ/`m:\x7f&amp;s\xe6\xf7C\x17\x07\xa7\xc7\x86\xae\x9d\xbd\x7f\xf1\xc5b\xc1\xcf*1\x19j\xf9og\xef\x9f\x19\xbbz\xfe\xb3\x1b3\xd5\xad7\x01kw\xefC\xf2\xda\xb8;\x8e\xc6\x8c\xcd\x98@\xa0\xda\x01q\x1c\x02\xf7cS0\xb5\xc0\xbc9k\x17\x16\x1b\x0e\x88\x8e\xae\xb9\xc7P\x99\xde|\xef\xcd`f\xe6\xeb\xea\xe0\xb5\xc1\xe7kC\x8ff\x01\xec\xc1\xe2\xff\xdf,\xc8?\x00P\x13\x13\xd7N\x8eM\x1f\xf9\xfa\xe4\xeb\x99\xea\xe0\xec\xa6-[~\xb3\xfbq\x17\xd1\x05^\x1b\r#\xb2R\xc7w\xecx\xff}\x99\x0c\xb1\xe4@\xff\x06\xb6\xdc\x8e.\x88\xb9\xf9q\xc4\xf2\xdez\x94\x99936\x16\x0c~y\xeb\xfc\x7f\x1a9\x9f\x17\xc5\xb1=\x8a\x1b43f\xe5..f\x1f(fg\xc4G\xf52\xff\x84\xab\xda\x08n\xb2\xcdB\\\x047\x8flfW\x8b\xc2\x9d\x94\x8b$\x83\xa6I\n\x7f@\xb0\x11mm\xc8\xa0\xa0\xd6\xe0\xcc\xf0(\xa8A\xa4\\\x94P\xbceQ4s\xbe\xf7&amp;V\xf5\xbc7\xd3sb[V\xda\xbe\xf9\xdc\xf3=\xf7{S\x94\xb4\x1b\x18\xb6\xeb\xbe\xcc\x93\xec\x7f\xad]\xc4\xcbo\xe5\x0e\x86\xc7\xde`\xdb\x9d\x9b\x06\xb0\xcavW\x965\xa9\xbf\x1e\x9d\x95\xe2_R\x13\xd4\x0f\x04EXu\xc2*\xb1B~\xc7\xd9\xe8\x83\x10\xff&amp;\xaa\xd1\xe8p\xa9\xe9\xe0* YJ\xaf\xb5\x8d\x0c\xc3^Y\xad]`\x86\xae;&lt;\x81}\xf3\x95&gt;\xf5\xcd\xbf~v\xc6\xee\xf0\x18\xbcL\xac\xfd\xd4\x0c\x06;\xa3\x8c*\x02K\x13o\x0e\xa5\x12}\xaa\xfa\x8c\xb1\x11V\x89aq\xbf\x18\xd7\xd9Y\xc2\x06$\xc2:\xdch\x90\xae\xb7\x9a\x8ab\x8c\x0bz\xeb\xc5(71\xe1I\xd4nN9\xd8\xdf\x87\xff[\x0e\xf5\xe0\xbas;X\x8c\xbb\x9d\xe7\xa3\xd1\x1b{\x16\xc2U\x0e=M\x95$\xed\xb6R*\xc5d?P\x01\x99]\x04\x05\xb2:\x9d\xa6\x07\xfd\xed\xe8\xbb\x11\x8c\x1a\x8d*\xf7\xb7\x1a\x93GfE]\xb4\x89\xed\xae]6\xc3e\xa7;^\x10\xd8\x00`\x7f\xbd!\xc5\xff\x01\xd2\xe3\xc3\x18PmD\xddZ\x85\xa6\xb1\x98\xe8\xb2&lt;&amp;\xbb\x1cM\x93$Q_W\xea$\x90\x11\xcf\xf9\xf9\xf9+\xd6y\xe9Ug\xf4\xf1\xf9Q\xa5R\xb9\x7f\xe2T\x1a3k\x82\xee\xd5/X\xe3\x1e\x06\x9c\xae,\x80\x99\xcd\xe9f0\x9c&gt;?\xb2&gt;\x96\xfa3\x1aoT\xbf\xc1\xa9\x01\xa0\xdc\xae\xe7L\x9bF0\xe8\xa6\xd3z\xba\xdb\x83]\x9b\xb4\x04\xe5.\x0f\xf5\x93\xdeq\x9d\xbf\xab\xd7\x19[\xa9\x94 \x03\xab\xc2t\xff\xa4s*}\x00\xb3\x16\x16\xa8\xfa\x05\xbd\xd0\x1a\xb6\xcbF3\x063\xc3\x8d\xfb\x12n\x1e\xff\xe7C\xeb\xacz\xdf\xfe\xe7\xb7=\x9c\nQ\xbe\xad\xe5\xcc\x015t\xbc4\xa4\xeb\x03\x83\xaa(2\xdd\xde\xd7ko\xa1\xa0\x1a\xb1\x11N\xbd^\xab\xd58XL\xb5\xd6QyH\xb2l2+\xcd\xb0\ni\xdd\x9a,\xda\x06\x81\xa1\x94Q`\xda\xf3\xddK\xb4\x89;\x7f\xecX\xbc\xf9\x01j\xc0\xa0\xba\x1c\n\x89\x87S\xe9\x02\xc0\xb0\xf3\x97\x83N\x8e\xa8r\xfa/\xf7\xec\xda\xb5\xda\xd5\xbb\xab+0]]\\\\\xe15\xb2\x85s\x178\x18\x17\xa3\xfai]\xe0TZ\xae\x15(\x821fn\x11W:M&gt;!\xfb\x046\x19\x06\xe6q\xba\x8b\xc2\x13\xd8k\xf9\xe0\xd4\xd0\xee\r\'\xdd\xcer\xda4\x83!\xa0\x98U\xf4h\xa1\x8a\xa6\xc3\xb0\xc4\\\x7fM\\\xa0"\xbd\xa3\xa7|\x9e\x9e\xd9\xb9\x0b\xa8V\xab\x80\na\xffq\xddG\xdd5:r\xad\xb6R\xad\xce\x86[\xbd\x90p\x15\x08\x0c\xa5\x0c\x9f\xb7Vk\xd03\x9b\xe1t:\x8d\xc1\x92\x1d\x19NM\xed\xde\xce\xe9\xec7a\xd3\xc4\x8b\x18\xaa\xa0#ZnoV-\x1b+`\xe5rx\xf4\x0f\x8c\xeb\x8a\xc1@\x17\x17\x8d&lt;\xc8\x80\x03\xa6&lt;qq\xab\xdeP\x11V\xb5*T\x15{\xe5\xd1\xadD\x81\xc0\x8aE\x14\x10\xa54\xed\xcd\xbe\xd3r\x17m\xf3\x18\x86\xdc\xb1T\xbc\xf9\xed"4\xcfVg5?\x9a\xed\x85\xbb-\xc8\xe9\xc4+\xcfY(\x02&amp;Z^\xe6$\xc6%\x8a\x8c\xeb3\xc0\xbf\x1f\x00\x00\x04\x00IDAT"O\x02\x1b@\x1a\r\x80\x91Q\xec\x1c\xc7\x82W\xba(1Q\xb6\x08\x8bd`\x15\xd1\xb6\xcd\xb9\x8a\x16\xba\x17n+\x9as\xc7\xeaN^\x02\xb3i\xdb\x04F\x9f\xf1~\\\x0em;\x1a\xb7\xf6\xcfa\xb3m\xef&amp;\x96\xac\xa6c\xc9\x9e34\xf8x\xc0\xe2E\x84P\xc7\n1|"..\xc6\x04\xbaF\x8cu\xff\xdf\'N\xa51\xbb\xa4\xe5\xac\x1a\x0b\x86\xc9:\xc3\xa2\x0b\xc8\xd6d\xd7\xc3\x8ajN\x97\x1d\xcb\xd9\xf5L\xb3y\x0c\x9fi\xf3\x03\xd4n\xd2Z\xa1\x85\xf6v\x93\xadW\x94\x8b\xcc&amp;\xcc\xc6r\x86\xedd\xb4\x19\x15Q\xe2\\\xa2\xfet\x88\xb9\xae\x88-O4\r2\r`D5\xfa\t\xbd\x1do\x07\x0f_\x88\xdb\x85\x92\x0cT5\x86\xfb"\xad\xa4;\xc6&amp;\x17=* \xaf\xa5\xb5\xa5u\xd9&lt;\xa6\x9e\xa7\x8b\xc8u\x9c\xe7\xe91\x88\xc6\xc4$\xc3Z6\x8fbg\x19!\xa7\x99\x04\xcb\xc9\xd1\xe4c.\xedf}@\x1dA\xf3)\xc1\xca3\xaa\x06E\xeb\xfe\xfe\x97\xbe$r\xb3\x08K\xedF3\x81\x06\xc9@\xd5\xaa\x12\x0c:\xb8\xc8\xa9\x92\xc5;\xb6\x18\x016w\xb0.w\xbdv\xca\xde-[\xce\xc6nb\rZ\xaa\xaa\xca2RU$\xa8\xed\xd2\x9ee\xb8h@Aqe)\xe6\x12Y\xc0n\xd7\x07p}\xfa\xc4\xb9P;\xe2\xc2\xeb\x8b\xcaa\r\xab\xa48X\x84\xd6\x1d\x9eJ\x98\xc9\x088\xaa\xbd\xa5E\\\xb0\x8c\xb0\x8a\xaa\xea\xb5\x066\xadK\xaae\xcbM\x81\x89\x96\x9e\xbb-2\xa6\xa2\x9c\xc6\xe1\xcb\xdbA\x80\x91\x84\xcc\tL\x10\xdaN|!\xdeVsR\xff\x86\xc0\x18\x15\xcb|\x83a\xd5*\xeb\x1b\xf4\xd0\x13\x94&amp;\x89\xdb\xe8D\x05\xf33BV\xc8ff\xf6\xd2S\xe1\x13\x0fLQV}\x996olJ\xf6|\xef\xa5\xa6G2\xaa+\xfb\x1c\nE\x94\x91\xf3y0\x13 \xf0$`\x82\xa0\xd8{Ud\xf1\x95\xc4\x18M\xbf\xbc\xfd\xdc\x88\xeb\x97g\x99\xcf7\x9e.u\xe9Ux\xb3\xbc_\xa0\x82p\x88\x8d%T3Y(\x93\x15\x8cpeQ)q\'\xc6\xb2\xaf\xfa*\xcb\xbc\x81\xd6\x9a\n"\xb7\xe5\xf9\xcc)\x92\xaa"R\xa1!0e\xb2\x99\xb7v)\xb6#\x8bq\x84\x132I\xbf\xfc\xfd\xe93\xa7\x82&gt;?]j\xd2\xa9+\xd0K\xd1[\xf5x\xaeN3\xcc\xd2\x91\xc5\xf0F\xb4\xea\xf0 \xb3\x84]Cw,\xf3F\xca\xb1b\xa3\xc8\'\xd5/\xee\x07v\x0c%\xd0\xa48Y\x95c)\xc1\xd2\xcb\x89|\xc9\xb3j28I\xeb3\xb4\xca\xe1\xf3\xef}M&lt;11*\xb53h+\x82P}\xc3EV\x91p\x01\xc1\xc0\xea\xf3\xae\x99\x8aw\xd7,fi\xcb\x19,R\xbe\xefk\xdc&amp;\x08]\xaa=C$\x19\x94\x90\xfcc\xc6Eg\xb1\xd9\x0e\xf7\xb1a\xd2+\x18\x0e\xfcp{s\x8bH\xbd\x81\xa2\x17\xaa\xb7\ng\tT\xe2\xd6+\x16i\x86\x1b\x9b\xd5\x83\xb3\xff\xf5\xfaZ\x8e\x8d\x93\x8b\xdd\x14xp\x93\x8eg\xdf\xf7\x9c\xc8\x14\x94\xc4\xa8X\x08AV \xaf\xf0\x05\\\xb3\xc0\xb5|Qzu\x8c/\x01\xfa\x9e\xad\xcf\xa4S\x111\xf5\xe2\xb6\x12{\xf5\xa6\x82\xaf\xa2KaL\xf4\xac\xa6\xbd\xb1\xd44\xdd\xf1#h\xb2\x9a\x8a#\x85\xb8-\xa3\xa4z\t\x95\xc0\xb9\xf8\xbc2|\x0ce\xb6Xy~.\xde\xec\x08\x87S\xf8\xb4]\xf2V\xc5R\'\xf1\xb6\'(_x\x95\xe5v\xbd\xa1\xa2\xc9\xd2\xb0\xc2l\xda\x91\x89\x8au\x7f`]\x93U\xde\xb2g(_B\xfdiV\\\x18@1\xc2\xa5\xa5\xe6b\xcbX\xbd\xd8\x8e$\xc6\x8dC\x14}_\xb6Vs\x0cH\x97\xfb"\xedo\xdd\x12\xf8\x1f^\x05\x9ao\xd4Qy\x19\xef\xd2)V\xbe\xeb\xed\xdc\xa4!b*\xe1o\xb8\x98a\xb8\x9f\xdc{j\xd2\xc6\xfd\x9cOX\xec\t_\xd4\xa2\x85\xdb\x90\xf6L9\x8d\xc8Z\r\xf5\xd1\xcc\x17f\x9d\x06gTJ\x19~%\xf9J}\x80\xde?&gt;\x7f\x84\xbe\xff\xaa&gt;\xd2\xc14\xdf&lt;\xfc\xfa\xfe\xc3\xff\xd5\xf5\xe3~\xc3\xdfDo\xffG\x8a\xdf\xfe\xf1\xe1\xe7\x0f\xef\x99\xfe\x00\n\xb1\xed\xeb\x98\x80 &amp;\x00\x00\x00\x00IEND\xaeB`\x82'</t>
        </is>
      </c>
      <c r="M135" s="3" t="n">
        <v>45492.67614583333</v>
      </c>
    </row>
    <row r="136">
      <c r="A136" t="n">
        <v>358554</v>
      </c>
      <c r="B136" t="n">
        <v>5981</v>
      </c>
      <c r="C136" t="inlineStr">
        <is>
          <t>Gabriel Barbosa</t>
        </is>
      </c>
      <c r="D136" t="inlineStr">
        <is>
          <t>Gabriel</t>
        </is>
      </c>
      <c r="E136" t="inlineStr">
        <is>
          <t>CA</t>
        </is>
      </c>
      <c r="F136" t="inlineStr">
        <is>
          <t>ATA</t>
        </is>
      </c>
      <c r="G136" t="inlineStr">
        <is>
          <t>CA</t>
        </is>
      </c>
      <c r="H136" t="n">
        <v>178</v>
      </c>
      <c r="I136" t="n">
        <v>99</v>
      </c>
      <c r="J136" s="2" t="n">
        <v>35306</v>
      </c>
      <c r="K136" t="inlineStr">
        <is>
          <t>Left</t>
        </is>
      </c>
      <c r="L13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6a2cd37-1519-4d9e-9b27-7d3aca4ab0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a1:\xb1\x00\x00\x00&gt;tEXtComment\x00xr:d:DAEewil2SDw:3664,j:6824501819979111889,t:24032215\x0e~\x85"\x00\x00\x00\tpHYs\x00\x00\x0e\xc4\x00\x00\x0e\xc4\x01\x95+\x0e\x1b\x00\x00\x03\x00PLTE\xfd\xfd\xfd\x14\x11 \x11\x0f\x1e\x16\x12"\x0c\x0b\x18\x15\x13%\x0f\x0e\x1c\xff\xfe\xff\xff\xff\xff\x0e\x0c\x1a\x13\x12#!\x1e3\x11\x10\x1f\x19\x16\'\x10\x0b\x15\x13\r\x19\x0b\x06\x10\x1a\x14"\x18\x18,\x0c\t\x14\x10\t\x11\x1e\x1a-\x1a\x11\x1b\x16\x10\x1c\xc8{X\x19\x1b/\x1d\x17&amp;\x18\r\x15\x15\x15(\xbdmO\xa9]F\xbahM\xc0rP\xd1\x86b\xb5gN\xcd\x82]\xadbJ\xa9dN#\x1c-*\x19\x1f\xc9\x7f\\\x1e\x13\x1e\xa1WB\xa6YC\x9dT@/\'97"%\xb2cJ\xc7{_\xfc\xfb\xfc\xcf\x84`\x97Q&gt;\xb7lQ\xc3y\\\x87NAg&gt;6$\x16\x1e\x91L;\x8aWK\xacgU#\x19\'?&amp;&amp;\xc3xU\x91SE\x9d^O\xca\x9f\xab\x82RG\xb9oV\xb0fO0\x1d!0!-\xb5r]\xa7gU\xa1dR*#5"\x11\x17\x07\x03\t\xa0[I\xbdqU\xcb\x80bC-2(\x1f0-\r U3.\xd2\x8ae\xbcv]\xe3\x04(\xafp]6,=\x99XJ9(0\xbd\x83o\xa0fYF*)[:5dDC*\x1c(\xc6\x7fh\xfa\xf8\xf9\x88E5\xb2kT\xf7\xf3\xf6\xf4\xf0\xf3|I&lt;\xc2\x83nN.*\xb6|v\x93[M\xa8lZ\xc3qW[&gt;?oHC8\x1d\x1d\xba\x88\x84\xd8\xd0\xd9\xc6\x99\xa0\xb0]F\xb2sd\xb9\x07+\xb4xlR8;pC:{@3\xbdia\xb6jW\xafytK36\xa6]M\xcb\x86g\xb8uf\xc1wh\x80XWI\x0b\x1f\xa8od\xba}l\xb4\x81\x7f\xd5\x060:\x0c\x1d\xbc\x82z51I\xee\x03.\xec\xe9\xef\xde\xd7\xe1\xabrk\xd4\xab\xb3\xafnV\xc0\xb6\xc3&gt;9RKD\\-\x16\x16\xf1\x01\t\xafj\\\xc8\x81r\xc7\x89}r9-eKT\xba\x8e\x8ed4*\xcc\x8e\x84wLD\x93_S\xf2\x01!\xc3\x8d\x88\xe5\xe1\xe9\x8b_[\xd2\xa2\xa2#$:\xbd}d\xa1ja\x97c[\xc4\x94\x95a\x08\x1fZ+"YFR\xa6vx\xb9\x94\x9b@1?\x84en*+B\x8e\x08$\xc2\x87t\xc9\xc1\xcfyQM?\x12(p\t"pOP\x95he\x92ko\x81\x06\x1e\xae\x05"P=I\xa0qm\x8a~\x95\xbb\xa1\xaa\xd9\x03$\x9d\x06#\xa9\xa0\xb7XNi\xf4\xe1\xe4\x95\x8b\xa0F8F\xafvj\xa5\x0f2\xcb\t/\xa2\x96\xad\x93t\x7fV\x0f\'\xd1\x97\x92}\\c\xec\x01\t\xcc\x04"\x9cFD\xb4\xac\xc1\xc6\xa9\xb4\xd0\xc7\xd9pf|H\x1f\x1a\xea\xdc\xdc\xf7\xeb\xee\x7f\x12+cWw\xa3\x7f\x89|p\x91\xed\xd3\xd8\xe0\xaa\xbb\x95\x133\xd6\xbb\xbd\xb7]V\xa58&amp;\xe3\x18&amp;jXg\xa5R:\x8b6!\xbaJi\xa9\x8a\x9c\xbd\x02\x14\xed\xc3\xd0\x99\'F\xc1\x14;\xe5\xcd\xc9\xd7\x89p\x9bD-\xd2q\x8b\xbda|\xcc\x82\x99\xdc\x01\n\xe0\x9d\xae\x9e&gt;\\\xb0.P\xdd\x94}l\x194\xadSN}n\x7f\xb1L6\x9b!\x18\xd8\x92\xa7\xc5]\xe31\x00\x00 \x00IDATx\xda\xb4\x98\xddOZ\xd9\x1a\xc6A\xa6\xdd4\x069L+4\xdb\x946\x066c\x15,\xc7\x0f8\x02\x91R\xa0\x82A!\xa6)\x12E\x87\x08\x8d\x1f\x85\x96\xd6\xa8\x93\x8a\xe7\x84\x18\x931@Fh\xbc\xb0\x13M1\x191\xb1\x83\x93hb\x9b \x17\x104\xb1\x89\x17Dn,\x97=\xc9\xf9\x1b\xe6\xe2\xbck\x03\xf5\xbb-\xb6&gt;\xc2v\xb1\xdc\xee\xf5\xf3y\xdf\xf5\xae\xb5\xa4`\x14:(w=)\x0ct\xf0\xf3|\x1b;\xfa\x1b\x18El\xb3\x83\xc2a_\xd8\xe7\x80\x86ML)\xdcUx\xca\xc1\x95B9\xde\x7f\xf4C\xee\xb9\x94\xcfc\x1d\x0c}F\x0fF\xb1\xd9}~\xf7\xde\xda\xdaL"\x91N$f\xd6\xf6\xf6\xf6\xc2\x0e\xdb\x91\x11\xe9\xf43P\xce\x1c\xe9\x18\x16V\x14\x16\xf8\x04L{\xe9\x9dT6\x9b\xddO&amp;\xe1\x95\x81V*\xb1\x06`\xe2/\x8c\xffYl\xca\x91\x01\xcf4\xed\xb4\x1f`\x98\xcd\xe1s\xa7w\xb2\xfb\xa1\xe0_\xe6\xe9\xbf\x84Bx\t\xa7\xa7\x83\xa1\xfdlb\xcd\x1d\xb6\x8b\xb1\x825E\x13R\xbe\x14\xbe\xb3\xdd\xb29\xc2k\x89x24m6\x0b\xf5z})QZZN\x10z\xa1\xd0&lt;\x1dL\xeegw\xf6|6\xb1\x98\x04\xc3\x8a\xc7\xfa\xca\xbf\xe4\xf8]\x98\xd8\xe1O\'\xb2\xc9\xa0\x9e\x90\x13D\xa9Io*/-e\xb0\x18\x8cR\x90^8\x1d\x0c\x86\xb2iH21\x05;\x1f\xd6yD\x11\x87\xdd\xe9\xf8~2h\xc2\x194\x10\xa3\xbc\xb4\x9cQ^\xfe#\x8d\x01\xcd\xf2rB\x0f\x9eMC,Si\xbf\xe3\\9F)&amp;\x11\x0b\x1fl&gt;w"\xbb\x1f\x14\n\t\x1a\x87F\xe5PK\xa8\x0c\x9c\x853\x18\x8cK\x97\x18T*\xab@\x06Y\x96M\xcc\x84m\xc5\x9b\xf5\xd5X\x94C\xe1\xb3\xfb\xd3\xf1\xe4\xb4\x9e \x08\x9cFc\xd18,\x1a\x15\x1cC\xbe1.1J.S\x19\x00YN\xc6R\x18\xdc\xcf\xa6Q\xee_x\x101\x8a\xc3\xbd\xb3\x0fPx\xb9\t\xc7\xe58N\xa5\xe28\x0b`h\x1c\x80\xa3B\x03\x12\x0c\x9c+\'L&amp;\x98\x08\xc2`&amp;\xb1\xe7+\x9a\x8br&gt;*\x02x\xc0,\x82\x90\xb3X@Ee2/_a2KJ\x80\x8aJ\xa5\xc1\x8b\xc5\xa2\xe1@F\x1a\x16\x9f)\x9a\x8brN*\x02I\xdek"\xe4r\x9c\xc5\xe1\x940\xaf\\-c\x96\\\x06\xd3\x00\x89\xf6\xc3\x15\xb8B\xb5@~\x99\xa7C\xf1\xa2\xfd*\x12\x8b\xa4\x12\xcaq9\x1a\xd1\xd4\xdb\xab5\xe1U\x1c$&amp;\xb3\xac\x8cy\xf9\x07&amp;\x93Zr\x85l\xd3X8\x89e\x829\x99D~] \x16&amp;\xf6\xcdd\xcc\x1c\x0e\x0b\xb0\xb4B\xad\xb6\xb7W^U\xc5f\xc3\x1b\x91\x90o\xe6\x15t\xe5\xd0Pp\xe5\x10D\x13\x9a\x92\xe0\x97\x9d\x82]\x14\x16\xd4Pw*\x843\x01\xab\xd7d\xd2\x82\xa4U9\xb1\x11S\x19\xc4\x91\xa4\xe2\xb0Y8\x8b\rX\xa8\xe6\x83azsr\xc7o\xbb0,\x8a}/\x954!\xb3z\x11\x93\xd6\xa2\xed\x95V\xb1sX\x1cf\xd9\xd5kep\xb9Jb\xb1\xd8Ur\xd2-X\x98`J\x9a\xf7\xd3E\x85\x91\x82\x15!q8\x15\xd2\xb38,\x96\xd6b\xb1\x18-H$\x17x\xc6\xe6 \xbb\x98\xcc\xab\xff\xb8Z\xc6asX\x1c\xa0\x95\xcb\xb5@Eb\tC)\xb7\xbd\x88\x91(EH\xec\x98I\xeaqH\x1a\xad\xd9h\x1cu\x8ez\x8cF\x8b\x80t\x8b\r\xf9\xc5\xa9\xa8@\x91\x04\xc78\x15L\xd4)\x87\x19a1#\xbb`6\x06\xf7\x13a1\xe5B$\x0e\xef\x04\t\x16\xc2\xf2\x8c:{\\=N\xabG\xa1\x11H\x05\x02)J{@\xab`W\x94]\xbbV\x86\x9c\x92\xf6\xa28\x83\xa7\xd1(\x18\x86\xc8\xf6g\xec\x17\x83\xe5X\xcb\x08q\x14\x1e\xd1\xa8\xd35\xbf&gt;?\xef\x92tt+\x14"@c\xe7TQQVQ\x01A\x95\nz5"\x08\xb3\xd13\x1a\x8bE\x8dQ\xb3\x9e0\x05Sa\xecB\xcc\xf2\xa7\xb6\xe4@\xc5\x16\x18{\xe6UMH*\x97Db\xed@`HR)\xc2\xab\x92\n4"\x91B\xa10z\x90\xa9=s=\xb1\xd8\x96\xd0D\x083k\xb6\x0b\x08\xa3\xd8\x91N\x128\xa4\x92@a\x9do\x1aT*\x95:\x9dr\x10\xd0\xe6%\xd6~d\x9a\x08\xd9\xd6\nN\x89\xba\xfb;@V\xabs\xcc\xb5\xee\xf5z7V\xb6\x84`Wh\xc7w\x11X\xfe\xf84P\xb1\xa5\xa2\x0e\x97jP\xa9ki\x91\xc9d-|@k|4f\xed\x17!\xbf\xaaZ[\xa5\x1a\x91\xa2\xc3*\x19\x1b\x1bs\xb9\xe6U\xaa\xa6\xc5\xc5\x05\xef\xc6\xa8\xc5d"\xcc\x995\xfbw\xe7\x12\xdb\x91Y,\xb6T\xd3-Q\r\xead\xa4\xfa@j\x19\xbf\xb3q\xacC\xf1\xe4\xa5\x14\xa0Z5\xa2\xee\x0e\xc9\xd8\xa3F\xa4\xe6\xe6\xc1\x85\x85\x85H\xc4\xdb\xe3\xd1\n\xf5\xc2\xe4\x05\xd8e\x0bg\xcd8\x0e!RXU\x0b:\xd9\xec\xac\x8c/S\xab_ \xf5\xe5\xb94/_j\x9e&lt;\xe9\xff}\xac\xb1\xb9\xae\xae\xae\xd3\xd0\xd9\xd9\xa9T\x02\xd5Rd\xddi\x84\xf2\x15\x8c\xfbm\xdf\x1d\xcb\xfd\x11\xed\xaf\x04"\x8f\xab\t\xa8^\xbc\x90\xf1\x81\xea\x1e\xa9&gt;\xbe\xa1\xb3Q\xd2\xd1\xdf\xdf\xdf\xf1\xbb\x04\xa0\x0c\xdc\x89\tn\xf5\x84\xc1`P*\xbb\xba\x96\x02\x93\xc0e\x81\xa4O\xa6\x1d\xdf\xbd:\xa4W`\x13\xd3+2JT\xca\x96Y\xe4\x91\x9aOb\xb5\xdd\xbb\x87\xda\x86\xe6\xc6G\xbf\xfc\xf2\xa8\xb1\xb9\xd3\x00\xbc\x95\xb5&lt;.\x17\xb8&amp;t\x08k$\x10Y\x1f\xb5hM[\xf1\xef]R\xc5\x8e\xd4\x16\x01^\x19\x9d\xf39\xb3H,ue\xce\xaf\xfaJ5\x8f\xc73\xd4\xd4\xd5Ts\xb9&lt;^me-\xc2\xaaFn\xe9\x00k``;\xe2\xf2@\xc1\xcf\xb8O\x8b"v\xfez&amp;\xf6\xc5\xa3\xb0\xc6\x19G](\xdfg\xfb\x10\xd6\x04\x8f\xa7\xae\xacGT\xf5\x95y\x90\x9c\xb8\xa4\xaao\xdf6@ru\r\x01\xd6@\xc0\xeb\x8c\x9a\xa3\xc95\xc7\xf7\xc5\xb2\xf9a\xf7\xa75z\x9c.\x88\xa1\xec74\x03\xf9\x80\x85\xb8\x10\x94\xba\x96\xc7#I\xc8\xaf\x9cn\xd7\x18j \xe9u-\xdb\x03\xbf\x0e\x8c\xbc\x9d\xdb\x8aF\xa1t\x9d\xf6\xf0\xaf\xc7:~\xa7}-d"\xa9\xe6\x9brXj\xb5\x9a\xc7\xe7A\x18\xc1(\x1e\xa9\x9cA\x07\xaa\xa9\xa9\x81\xf9\x08v\x05\x00k`s=\xb6\x15\xddJ\x1dN.\xec\xdb\xddr\xcc\x84\xb4\x16\x8f\xb3g]\xd5\xa4k\x99\xed\x83\xda\xa0V\xf3\xc1,R$R.p\xd5\xd5\x9f\x98\x00\xaa\xb9\xae\xb93\x8f\x15X\x9c\x8bE\xa3g$\xd7\xb7`Y\x8c\xa3=.\x152\x8b\xc4\x92\xf1\xf9\xbc\x82\x10\x0f\xb7:OUC2\xe5\xa8\xfe\xd5\xdc\xdc\xd959\x0e\xc95\xfevc%\x06\xc9e?\t\xf3\xf5n\x9d\xb8\xd1\x97\xd8\xb2\xc0\xc2\xbb\xde\xb4\xd05\x84J)\xd2\x04\xf7\x00\xab\x90\xed\xff-`\xd5\x01V\xce.\x12kjjswn%\x16\x9aq|z:V\x18\xea\x18\x16\xf6uT\xe4\x07_j+\xea\xec\xd9\xf0F\x86\x1e&gt;|Hb\xf1\xf8d\xce\xf3jQ9\xa8\xad}N:\x96\xa7\x03\xb6\xba&lt;U\x0ek\xea\xd7\xa7o\xde\x01W(\xed;9\xd27\xb8\x15Nm\xc5\xe6\xd6\xbd\x0b\x93\xc3\x0fg\x11\xd6\x04\x80\xa9Q\xc2\xd7W\xde\xac\xaf\xbfy\xe3\xe6\xcd\xda\xe7\xcf\x9fs\x9f\x17r\xecv\xce/\xa0\x02\xac\x00p=\x9dz\xb3\xfaq.\x94\xf0\x9d:\x1av\xe6\xd8\xd8Yl\xe4\xb7p&lt;\xb6\xb2\xb1\xbe\xb8\xb4=&lt;\x0c`\xb0s \xb1\xea\xdb\x90n\xb4=~\xfc\xf8\x16\x80!2\xe4\x1c/?\'aQ\xec\x1c\x1c\xec\n\x8c\x8f\x0f&lt;}\xfd\xea\xc3\xbb\xdd\x8f+\xa7a\x9d\xe6\xd6A\x9c\xb1\xe3\x1d\x87z\xc4\xe1Ll\xce\xbb\xf860\xf2\x1f\xc0\x1aji\xd1)\xc1/u\xfd=D\x04\xba~\xfd\xfa-p\x8cT\xbe\xb4r\xb9\xb0&amp;"\xac\x08`MM\xbd^~\xf5\xe1\xfd\xeaJ"|lh\x8c\xc4\xc2\xb0\xd3\x9c9\xdc\x8b\xe5\xc2\x8d\x1d\xe9\x16\xfb3+\x1b\xde\xc5\xcdm\x845;\x8b\xb0t|~\x8b\xac\xef\xfe\x83\x07\x0f\x1a\x1a\x1a\xee\xdc\xb9s\x1d\x1c\xbbq\xe3\x16\xbco".\x1e\x8f?a \xdd\x8a\xc0\xea3\xf5\xf4\xf5\xb3\xe5W\xefW\xe7v\xc2\xc7\x86\xa3\x93L\xf4B\xfbl\xb8\xd3\xb0l\xfe\xcc\xdc\x06\x98\xb5=2&lt;&lt;99;\x04X\xb09\xd5u\r\r=\x040D\xd5\xde\x8e\xc8\xc0\xb5\xc7mm\xf5\xf5\xb0\x06\xc0\x06Q9H\xee\xb8\x966\xc7\xa7\x9e.?{\xf6\xe7\x87\xbf?\xa6\xfc\x9f\x9eK\xc7\x8eca\xf4/zv4\x13m\xfe\x8fsy\xb3&amp;\'\x87&amp;\xbb\x16\x06\xc9\xbd\xbc\xb7\xa9i\x01*\x06\xa05\xfc\xdc\x9eWC\xdb\x8b&gt;\x19BB{}\xa4\xa6\xc8\xe6\x1b\x84u\xf7\xd9\xff\xde\xe7\xb1r\xde\xd0\x0f\x05\x91\xfe\x99\xda\x80\x9d\xac)\x85 \xba3\xbb\xbbo7G\x86G\x86\x03\x93K\x91&amp;\x97\xc4j\xb5\xc29\xd1\xd8\xdda\xedA\x0b\xd2\xd0\x83\x9f\xff\xdd\xfeO\x84\xf5\xa0O\t{\x9c\xb11t\x87\xd5*\xb1J\\\xde\xb7\x08\x0b\xd9\xf5\xfe\xef\x94\xfb(\x16\x96\xaf[\xf4\xd3P\x0e\x87\x8fN\xc2\xd3\x0f*\x1dz\xdb\xdc\xab\xbb\xab\xef\x02###\x81\xc0\xd2b\x8f\x07\x1d(Dp\xd4\x11\xc0)G\xd1\xddo\x95\xa8Z\xfeho\xff\xe9\xa7;\r\r\xbfu&gt;\x82\xd3\x10\x1c:r\xc7!\x81F\xd3\xbf\xf1n\xea\xd5\xf2\xf2\xdd\xbb\x7f~\x88#\xac|\x14\xf2c\xd0\x0f\xdc\xc2\x0e\xca\xc5\xa1zV\xc8\xaaBW\xc12z\x0e\xeb\xdd\xe6\xf8\xc8\xf0\xf6\xe4\xe4\xa2\xd3\x03g\x1c\x8dFJ\xfe\xb3F\xaa\x01)\xfa%\x83\xf7\xff\x80\xccoh\xb8\xafS\xc1&gt;\x15\x9d\xd1\xd0Q\x16N\x8d\xad\xad\x02\x8bs\x17\xe5\x16D1\xbes\x02\xeb\xf0X\xd8a\xacOfa9\x83\xb0&lt;\x1b\x1d\xfb\x94m\x80\xb5\x8a\xb0\xb6\xb7\x03\x91\x8d\xfc\xf9\xcf\xe91ZD\x9a\x9cc\xffg\xd5|C\xd2\xec\xd78\xee;{\xf9\xbc\x18\x87\x81\xa8\xcf\xeec\xec9&amp;Y\xb3t\xea\t\x97\xdaQ\xe9\xd1\x06!\xd2\xb2\x9a\xdd\xfd\xd1\xd4\xd2\xa5\xb8Lg\x1a\x19G\xd8f\x0fGR\x9b\x15&gt;F-\\-\xe8\x04\x15L\x06\x87\xce\x82\'\xda\x8b\x13T\x87\xd8\xa1\x05\xc5\xde\xa4o\x0e\xf4b\xe3\\\xbf\xdb\xbbf\xeb\xd9i\xd0n\x9a\xcd{2?|\xaf\xebw\xfd\xae\xef\xef\xba\x9b\x9a\xa5\x16\xb4(\xb5\x8a\x91\xc9\t\xf0\xb4\xa5\xb7ki\xe0\xaf\x81\x0b\xfe\xfd\xf6\xfd{\xaf\x16\x9e\xf5VWW\x03\xd6\x93\xb3\xed&amp;\x1f\xc4|\xca\x93j\xe5\xef\x9f&amp;\x1a\x95\xfaE(\xa9\xe8\xd3\xc4&lt;\x89Z\x805\x07X.\xef\xca\xe0\xf2\x12T\xb0Lf%%\xcd\xfb\xeaR\x1b\xa8%\xd5\xebt\n\x85b\xc4b\xee3\x81\x0b\xaa\xa5\x11\xd6\x0c\xe2\xdb\xdc\xfd\xe8\xd1\xcb7c{\xf3\x08\xeb\x9f\x08\x8bR\x80\x95?\x9d!\xbe\xea\x0c\xab\xa8\x10\x8bJ9\x9fagX\xe8\xef$\xd6\xfaSW\x977\x93y:\xb4\xbe\x0e\x8d\xf0\x8c\xdel\x16IQ&amp;\x81\x05\x13\xa1b\xa1\x1bQ\xa9D}\xf5M6[\x04P\x9b\x05`\xbe\xc1\xf9\xa4\x06\x97\xc7\xc66\xe6A\xae\xf9\x0f\xffxr\x16\xac\xf3X\xe4\x1b*\xf9J\xe4w\xd1\x19\n\xa9\xea\xe9Y|&gt;\xa2EE\xed\x0f6\x10\xd6\xd3!\xe8\x9dB^\xc8|\xd7\xfa\x90^\xd4\xd9\x97H$\xe2qp\x16\x9dR3\xd4\t\xa7B\tu\xa1SP\x9f\xae\x07\x0b\x04n\x11\x1c\x87Y?\x93\x99\x83\xfa\xbe\x81\xd4z\xfd\xe1_\xbf\x12\xff\x1f\xf1E\xe7\xd5*\xc0B\xcb\x80\xf8\xc0\x17\xaf\x9f\xdf\x90\xe0\xad\x80\x95\x99\x03}fP\x07\xdc\x18t\xeaE\x13\x82z\x88U\xc4f\xdb\xdeN\xc7q\xc9\x1d1\x84\x10\x1c#*\x0e\x89D\xda\x04^\xbf\x19\xa0\xc1\x9fM&gt;\x1d~6?\x0fb\xf5\x02\xd6/\xbf\x92:Q\xbfP\x8b\xd4\x8c\x0c\xd2g\xb5\n\xb0N\x07\x99$\x16\x08\x08XH\xac\x19\xd8H\xbc]A\x97E\xd2\xd9\xdcTSK\xfb\xf9gZ\xcd\xddH\xc4\x96\xe6\x83\x0bk\x93\xb3\x18l\x1e\xdf\x1d\x8f\'\xb6\xb7\x9b\x9a\xaa"\xb5\xb5\x91\xaa\xfa\x9e\x89N\xb3\x97\xc8wB\xad_\x1eS\xc9)\x10\xf5\x0c\xee"\x161!\xcb\x87\xef3\x16\x19B\xea\xe7\xb0\x9ea\xe9g\x86`\xffQu&amp;\xaaJ\xdf\xbc\xba\xff\xb7?\xd3\xee\xdf{Q\x05Xn5\xd1\r\x96px\xb8\xdb\x1d\xdf\xb6E\xeeB\xe7\xfe\x07Z\xed\xcd\x9a\xbb-\x83\xd2\xe7\xc3\x80\xb5u\x8aE-\x98\xc4\x12\xa1\xbc\x10\xc4\xa2|\x10\xa9E\x85\x9a\x15\x8e\x83OA[\x9f \xac\xf5\xa1\x99\xa1\xa7\xebN%?\xb1\x1d\xa9\x1a[x\xf9\xe6O\xb4\x9bU\xddU\x91\xed\xb4\x9b\xc3\x80n\x10\xb5YBw&lt;a\x8bD\x1e\x8e\xbdxI\xa3\xdd\xfe\xcb\xcb7\x8f\xc6Z\x962\xcff{\xf3j\xfd\xbd\xe3\xdc\x80\x98J\nP\xf8\x86\xcc\x1c2pEEd}?\x7f\xb8\xdc\xda\xf1+\x1a\xa5&gt;\xd9X\x98\xebr9u\xbau\xa7N%\x11\x98\x9a\xea\x97\xdfv\xc3\xd7G\xaaL(\xb7\xdc&lt;\x06\xb4\x82\x0e\xe8Oyx&lt;\xbd\xfdW\xdb\xc3\xb1W5\xb4\xda\xc8\xdd\xb1\x17\xa5\xf7\xee\xb6\xa4\xbc\xf6&lt;\xd7\x07t\x82Z8\t\xff&lt;\xe8\xa2\x16\xc8H=\x1b\n\x17dy\xe1U\xfex\xbfw~\xeb\xc1\xe3\x07\xab\x08\xcb\x8f\x9a@\x8b\xaa\x81/\x9d@\'E\xb0\xe4\xd2iD\xd5)ds\xe9V&amp;t\x81r\xb50\x9e\x80{\xa6zT&amp;l\xa6\x96n\x13\xd88\xe9\x8cw\x18\t\xf6\xfa\xb7\'\xed\x94\x0b\xd3\xf8\xd3\x01\t\x99\xff\x853\xea\x0bA$\xaf\x8e}/T\xa7\xcc\xfc\xeb\x85\xb7y\xb5\xa0\xa7\x81\xd5&amp;\x85~E?)r#\x84t\xc2\xcd\xe704\xd7\x11\x16W!\xe6\xe0p3\x9d\x865\x18\x17\xf4\xf5,\xa5V\xf7\xde.\x89\x9e\x0f\xc1r$\xb0Z\xdb;:Z)\xd4\x8b\xc3\xbc\xd3\xac"\x03Z0B\xbf\x18\xc3\xa2\xb5^\xb1G\xae\x96\xf0E\x83y,h\xb4\xa0\x04@\x9d\x92@\xbf\xa5\x86DJC\xe5\xc29\x0c\xac\xb2\x0ca\xc9\xfd\x8ab\x1e\xdc\x04\xac\x84\x1b\xe7K$\x93\x99\xb9\xd5\xc1%\xe9$,a{o\xf5\xd6o\x0fv\xf6_o=h\xa7\x14&lt;\xb5p\xba\x06\xcf\x15\xd5sX\x17\x07\r;\xb1\x9cC\xe6Q\xf3$\xa9\xd4\\(\x08X\x04\x15q2s\xe7\x8e\x1a\xd6\x1dTSa\t\x8bk\xbd^f\xa5s\x01\xcb\xef\xf1\t\t\xbd\x00K\x086\xd1,Z\x9a\xe8A\xd5~f\x18z\x88\xbd\x8d\xd5T*3\xfb\xae\xfd|RQ\xbe\xc8\xb0\xa2\xcb\xb0\xde-\x1e|d\x96i}\xbe\x99B\xacN&gt;:0\xf2\xa99B\xdc\x8d\xf3X\x18\x93i\x05\xb5 \xe71\x7f\xc0/f\xc3\xddx\x82\xc0\xe2\xf1\xa1\xba\n\x04h\x17"\xb06\x96\xdcx\x83\xcb\xbe\xbfK=7\xb1\xb8\xf0\xed\x97bE\x01\xab\xce ks\xaex\xf3Xf\x11q\xfe\xd8\x00X%\x80%\xe4\xb0\xa0{gj\x08,.\xa6\r\x04&lt;&gt;\x0e\x0f\x81\xb9\xdd\xa0\x96\x90\xdf\xe9\x86\x1c\x9bXJe\x10\xd6\x9cH\xa2\x1e\x1d}\xbf\xb9C\xfd\x9d\'S\xbe\x86\xf5;\x17\x81\xf5S]\xa5\xd6\x9f\xc7\x82\x8cW\xddi\x00\xfb\xc7\xe1\xb0\t\x93Z\xc2\xa5k\x98\x18\x13\xbax\xc0\xc2*\x02\xd1\x80\xc2\x87L\xa2\xd0\xedFr\t\x85x\'JEh9\x86g\xc3\xd5\xc3C\xce\xc0\xfb\xdc\xa7\xfec\xea\xb7=p\xf0\xb5\xe7(vb\x80\x05&amp;PK\xaa\xa5\x1bE\xfeBM0\x81Ae30\xba\x86\x8ea?^\xff\xa9\xccjeb\x9e@4\xea\xf7\x11G\x10(\xbe\x10E\x1e\xd2\x16\xfa\x88\xcc\x9c\xbd7\x1c\xb6\x876\xc7\x1d\x07\x9f\xde_\x8auN\xad\x8b\xa2\xed\x8c\x03\x96F\x831,+\xc3\xa1\xc6\xa0\xdf\xa9@\x97\x98E\x1c7pJ\xb8@\xa5\x01cmE\xc6\x07\xe4\x92\x19\xa2\xd1@1\x88\x08\xdc&lt;\xa4\x15z\xc9\x1b\xfea\x02\xcb\x1f\x8by\xbe\x1d\xeb\xabj\xadm\x1e|\xa4\x971sG\xc2\x95\xe1\xe4"p\xf9\xa7\xe1\xd2\xca0\xae\xa3\x84\xc1\xe02\x99 \x96\x0c,?\x182\x14EMt&lt;\xe6\x07,!\x07\x1d\xbb\xf1x\x80\x05\x88j\x95\xc5\xd5\x05u&gt;\x1c\xee\xf2Dc\xfd\x07\x9f\xfa\xdf]\x8a\xf5\xff?\xb0\x1b\xfex`\xad\x03,&lt;5\x9c\x8c-\x1a\x83\xd3\xd3\x06\xb8\x02 \x11x{\x8c.\xa3\xd352\x8c\x85\x81\\(\xbb\xac\xd9\x98_\xec\x03\x89xl\x06\x02#\x02\xad.\xb68]\xa1\xe4\xecT\xb8Z\xa5\x18\x1f\x07\xac\xe8\xa5X\x97\xcc\x1b\xcb\x8f\x999k\x1d\xfd\xf0\x08\x1f\x9cK\x8e\xc7\x16\x83A\xa3\xd1\x18\x8d\x1a*5\xf4\x8a\n\x88\xa0\x95N\xf7T\xc81Y\xe5\x8dl\xf6\xc6uk\xd9xt\xd4\xd7\x80\x82\xc7!\x8eH\xd8\x10Lu\xb1X\xe7\xea\n\xcd\xf6N\x85{\x85,\x02k|\xed\x8aX\x94\xb5\xc5Ck\x19\xddq\xc8Y\xca\xd8\x93\xb1Xc\xa3\xd18`4\x1a\x0c\x90\xe1V\xa6L\x03t\x18\xab\xa2\xb2.{rr\x92\xbdq+\xbb\x19S\x14#\xb5 \x8a\x0c\x07juJ\x18\xbe\xe2\x11g0d\x07\xb1\xc2\xcf\xf0\\\x00\x82x0\xb5{\xc5\xa10e7,\xaf\xb4b\x0e\x87xy\xd5\x8e\xe4\x02\xb1\xe0\x0fxU0_V\x19\xdd\xc3\xc4X\x9e\xba,\xa2:9\xb9\x91=\xf9\xef\xa6Q\xdb\xaf\xc4q\x14E\x06:\xbca1\x8a\xc5\nW(\x96\xdc\x04\xac=&lt;\x87E\xfb?}&lt;n\xbd\xea\xac\xba\xf5\xd8\xaf\xe5\x1e\x1er\x9d\xcb\x0b\xc3I\xc8.\xc4\x05a\x1c0\x94\x01\x98U\x03%\x94\x11\xc8f\r\xd3\xd1\x93\xec\xad?\xde:\xd9\x8c\x19 \xeb%\xc0\xc5f\xb00\x8c\x8ba\xf2\xb6Q?\x88\x95\x9c\n\xffgk\x15\xcf9\x02\xfd\x07\x865\xcaU\xb1(kv\xad#\x97;\x1c\xed\x81\xe4"\xe5"\xb8\x06\xea\x08.\xa6\x83\xa1\x08\x88\xdd\x02\xf3t\x9d\xd5Z\x16\r\xcd(\x83\xe3Sf\x1c\xcf\xb1\x1d\\\x84U\xd16\x02b%Q\xc2\xefW\xa7\x8er\x87\x1e\x8fc\xbf\x9dz\xe5\xc9\xfe\xeeT\xd0\x91;:\xe2\xf5\xe4\xa3h\x0c\x06!\xbf\x1a\x8d\x03\xc0\x05\xa5\xeaGPK.\xe7\xc5\xe3"\x0b\x18\x0c\xf1\xf3\x1eS\x82\xef\x0fI`O*\x01,(\xfb\xb2\x11\x1d\xb1\x0c!\xe1\xc3\xf3\xd2\xa3\xa3C\xb9\x7f|\xad\xfc\xea\x0f\x1c\xb4\xef7V\x94@\x81\x10\xb4\x10k\xd1\xd8\x88.\xa0\xca\x1a\xf2\x15\x94\xcbe\xc0\xde\xcc\xd7\xebU\xb0-u\n\xa0sP\xdf\xc1q\xd8\x94\xb8\\4J\x18\x19\x19uv\xd9\x9f\xcdNM\x85\xb7\xf6\xdc\x80\xe5\x89]\x9aY\xdf\x82U\xbe\x13R\xc8X\x87x\xa2{y\xc5\x1e\x03,#\xfc,\x0e\x18\x07\x0c(\x88\xb0\x0fb\x0c\xd8h\xf8f\xa9\xd4\xac\x14\x819\x84\x1d\x1a2\x0b:0\x00\xae\x90\xb5\x8dX,NTJA\xac\xd7\xab\xf1\x7f\x1f\x95\x04\xa6:(W\x7f\x0e\x82B\xe9\x98\xd5)\x0c\x1av\xbc\xbbe\xd0\x1b\x8a5\x12A4\xa2\x1aa(\xcbW/\x16[\x18O7U\xd5K\'\xfb\xb6m\xd0\xac\xc6qb\xb3\x04`\xacmDl\xd1Cc\x8a\xc4\n\x7fx\x1b?\xcay6\x8f[\xbf\xcbs\x10\xad\xc7\x8d\xbeQ\x83F\xd2\xfdp9c_$.\x88$T\xfb\xca\xcaJME\x05j^\xfbL60\xb2\xcd=\xa6ZZ\xc4f\x82n\x15U\x07\x8c+\x97\x8b\xc5J\x8b~\x1da\x81X{\xcb\r\xce\xc0bx\xf7\xfb\x0c\xef\xcaw\xa7t\xc5A\xad\xaa\xe5\xe1\xd8\xa0\x97\x842NO\x1b\r\x95Z4J\xf4I\xc0\xdd\x97\xd2h\xb4Z\x9b\xa9\x86v\x8d\xe0\x126\xa0)\x19K^\\\xacTZ\x86\x08\xdb\x03X\x1b\x83\xc1X0y\\\xfe\xbdf\x8a\xc7I\xb1N\xa1oy\xd8\xb2\xbc\x12B\\\x90\xf3ho\xd4\xca\xda\xc4J4vm\xb2\xd5\xfep\xed\xda\xb5\x9bU7i\xf0\x0b\xf0\x04\xfc\x065\x1b\n\x17\xa2\xd2\x81X\xbd\x08\xeb\xc3B*9\xea\n\xef~\xbf\xc9\xeb\xbe\xcbbQ\x02V\xcb\xa0k\x91X\x89\x8d\xa8\x8f\xd0\xa1\xa9~\x9f\xa0\t\xec"\xc2\xa1\xd5\x94\xde\xa4\xd1\xae\xfd\x80\xb8\xfa\xa0}\xe5\xb0}&gt;\xa5\xc5\xb2\x0e\xeb\x900\xd5\x1boW\xec\xce\xa9\x9d\xef8\x7f}7\xabS\x11X\xcb\xe0\xf5\x1bI\xb5\x14*p\x8b\xffc\xe5\xdcc\xda\xba\xaf8\xeeW\xb8\xf6"|}\xe5\xc7\x8d\xec\xbf\x87\xebJ\xb6@j\xb0\x07vJ\x8dl\x03\xa6\xdd\xb5,\x84q06.\x8f\x10\x10&amp;D\x11\xa6,F\xe0\x85JA\t\xe5\x11\x91\x0e6P\x92\x12\xc8BxH0A$F\xa4&lt;h\x94\xa8H\x1b\xca`J\x14%\x12R\xaat\x95\xdaj\xadB\xa4\xed\x9ckclc\xb2v\xe1\x17\xc0!8\xbe\x1f\xbe\xe7\xdcs\x1f\xe7{\xec\xac\xf3\\\xb0_0\xd8!\x86\x17\x9aL\x16;\xdem\xc38\xc2y2(V\x08!l9\x0bW\x88\xb0\xbe\x9eY]&lt;\r\x17\x17\xfb\xd8\x12\xbe\xfb\xeclyC\x00\xef\x01^\x99\x18o9\x0e{c\xd7\xd1\xab\r\xe6\n\x08\x9f\xc5\xaeR[,\xd8\xd1\xafp:\xebL\xa6&amp;\x00CDO\x9d\xde\\_^\x8e\xe7\x7f\xd7NNMM=\x9e\xd9\x04\xacg\xfb\xdaC\xaf^\x9f\xeai\x99\x0f\x06\x83\x8d\xf3\xf3p\x02|\xe6\xcb\xae\xa3]g\xccN\x8f\xceb\xb0\xdb\xd5\x9e\xba:gkN\xc3`\xde\xfbp=\xa9\xaf\xd3\xa9Q;\x83\xc5\xe35O\x94\xc3nx\xe2\xda5\xa0Z\x1d\x1aZ\xed\xb9\xf1\xed\xfe\xda\x7f\xce\xad\r\x0f\xcf,\xc1e\xfbB \xc0\x82\xb5\x9c\xc9\xa90Y\xd0Us\xc19o6\xbf?8\xd8\x06\xebw\xb9\xede\x90mN\x9d\x01\xc1\x98\xc0\x95\xf1\x1e8Y\x1e\x9e\x1a~&lt;349\x19&gt;&gt;\xbc\xbfjqj\x9ao5\xdf\x9bt3\x8d\x81\xc6F4\xa9\x8c\x8e\x9a\xf5\x1e\x9d\xda\xa0\xb1[*&amp;N\r\xe6\xe6\x02\xd2\xf3\xe7\xcf\xb7\xdaa\xe5\xe5\x99\xf5:\x83B\xa5\xb2\x04\xc3\x7f=\r\t\x8fM(\xa0\xda|\xf8\xd9\xda\xb3s\xfb\xec\x19\xb9uky\xc0\xcax\xbd\x98`^\xef\xc8|\xa0\xc2\xa3\x83p\xa9\x9d\xa3\xa7l\xb9H\xd3\xbe\xd5\xbe\xf5\xee\xbb\xed\x1f\xc2\xf5c^}\x05pi|\xcc\xd0\xe2\xe9\xd37n\xdc\\]\x18\x02\xac\xd7}\xebks\xfb\xec\xcf\xa8\x9e\x03,-\xd3\xd8\x18\nA\x86!Z\x85Ig\xb2\\h\xd2\xd7\x97\xc1\x95\xec\xdfv\xd6o\xd0[\xd3\xea\x81\x00\xfb\xac\xc1\xf9\xc5\xc5\xc5\xb0\xd7;994\xb9\xb4&lt;7wk\xdf\xdd,\xfe\xcb\xb77\xb5\xeeP\xc8\xcd0L0\x88\xad\x15ld4\x99\xae\x7f\xf2IvY\xfb\xd6V\x0c\xebc\xbc\x1f\xf8GO\x93\x1a\xb0\x98\xc6\x85\x85\x85\xc6\xd0\xca\xd2\xd2\xe4\xe4\xe4\xf2\xdaZ\xdf\xbe\x9bY\xb2\xaa\xe7^\xbb\xacn7Z\xebB\x0c\x03\x9a1 \x17\x14\xa8\xda\xec2\xc8\xac6H\xac\xad\xad\xe7\x98_e\xd9\x7f\xb8~\xfd\x1fM\x16\x1f`\x05\x1bC\xc1\x10\xe3\x9a\x06\xae\xcd\xe5\xbe\xe6\xfd7Jq\xfc\xcd\xcb\xd3V7Z`Y\xd3\x1f\xe8\x06j\x99\xf4\xe5\xa56[[\x1b\\\xe3#Y\xdb\xf3\xb66\xa8\x13\xd9\x1fg\xd7:\x9b\xd4j+&gt;\xcb\xedv\xb9\x98\xa5\x95\xa5\xd7s\xd5{\xb8\xdd\x88\xb71\xe7\xf9\xcf/O#\x91\xcfh0\xfa|:\xb7\xdb\xa7V\xabM\xad\r\x1d%\x99\x95p-\x8d\\\x915X\xd0\xfea^\x0e\xec\x8c\x06\xb5\x85\x99\xb6\xfa\xacZ\x97kzee\xb9\xf9\xe7w\xc6\x7f\xc9\xba|\xaf\xdf\xe1p\xf8\x1cF\x8d\xc6\xa8V\xfb\xacF\x85F\xad\xab\x80\x93\xe5\xd2\xd2A[ggg\x8c*\xaf,\xaf\xde\\a2\x00\xbe\xd5\xedS*}\xdai\xd7\xca\xd2\x83\xcb{\xc1\x10\xc4\xdb\x80\xd5\xdc\xbe\xa3-r\x18}F4\xc0\xc265*\xc0\xf2\xe8sF\xeb\xcd\xb5##\xb5\xb0\xff\xb1wA\xb2\xb3kk\xb3\xcd\xadu\x16\x83\xc6\x08\\F%\xa5D\xac;\xb7\x93\xb1\x84\xfb\x12D\x8e\x1fr^\xeb0\x1a\x8d\x94\x82F{5\rjYtu\xfa\x00\x1co\xa0\x845\xc1\xf1\xb0\xc9\x84\x07"g\x85^\xef4A\xad\x05.\xa3Q\xa9TB\x14\xfb\x1f%; \xfe\x1f\xd7H\xaa\xff^\xdd|\xcf\xe5\xa0(\xdc\x12I\x92\n\xb4z\x82h\xbaP\x1d\x9cf\xa9\xf0\xc4A&amp;\x91\xc8\x14\x06\x0b\xcbfR\xdbAT\xa5\\\x89v\x7f\xadK\xdb\xff\xe4\r\x95\x94\xf8E\x96\x8c\xe4\x7f?w{\xc0H\xe20\x01E\xf3i\x12?\xc5b\x95\x1a\x84\xd2\x00\x94\x04Vqq\xb1XeW\xebL:(\xf2\n\x15M\x924\x9az\xe5EZ\xd7\xc0\xbd\xf3Y{:0\x88\xb7\xac\xf4\x8f\xac@\x85\xaef\n\xb0\xb8R\xa9L\x05\x814\x00\x15\x12\xb1X \x9a\x1d\x9d\xb1\n\x15)\x95J\xa4R\x92\x92+3\x8a\x8a\\\x9b}5Y\xa9L2\x9c\xf8No\x92\x05#\xd6\xcdLpU%7\xfc\x89\xac\xcb\x0f\x96\x8c8\x82\x01d \x04\x0fbF\xaa\xd0\xc7\x8c&lt;\xb1%\xc3&gt;0\xda\xaeA&gt;\xa9\x88/?\xe8\xd0j\xb5\xfd\x11\xe3\x96\x90\x88\xf7\xae\x10\xa9;\xfb\xb1^u\xa2\x81$\xae\x13\x9b\xa8uVM\xdf\x90\xd5\x88XF%\x9f\x14Ia\xb3\xe8\xac\x8eD/\xb6$2\xb1J\x85^~\xd0J\xcaU*\x8b\x80jz3\xf1\xb0C\xec\xb8\x1e"\xedU\xa10\xe1\x87\t\x15#\xc1\x9e\x912\x8a\xcd3\x8dn\xd8\xe3q\xa0\x81+\x90\x8a\xe1\x8f\x94\xcd\xaaHj\xc9X&gt;\xf8\x86u\xce\x8b\xa4\x02\x12\xc4b\xb1\x96\x1e&amp;\xda\xc9\xe2\xec\x19o\xc0\x8a7\x1cpv\x02*L\xf8\xad\xe0/\xfe\xf5O\xaf4Z).$\x96\x92\xe2\t\xd2x"6\x7fP\x1f\x19^\xfa\xc8\x10\x0f&gt;\xa58\x00!\xe1\xa5\xf1x\xe9,\x96ksj\xdd\xbf+A\x84\x9cd\xac\xa4\xd8F\xb5\x12\xc6\x0c\x07D\xcc:\xb1\x93\x91h\x00Z?\xd1\x13\x0e\x19aO\xe4R\x14W$H\x13\t\xa4\xc5 \x98\x98f}\xf2\x90P\xf0\x00\x8aI\x81K"\xe1\x8b\x04\xbct\xac\x0e\xae\xa5\x99\x0f\xee\xfa\x93}E\x9cX:\xed\xa8\xb5-\t\x91\xca\x9e\x11\xf75\xe1\xa5\x08\xc0j\x99\xf0\xba\x1d\x94\x92\xafLO\x93B\x94H\xc0\xa2I\x85F\x01&lt;lN\xa1`\xc5\x12)M\x0b$\\\x89\x84\x8b;!d\xd6\xc3\x0f"n\xe6\x84dO\xf0\xd8\x08\xe3\xcd@Q\x1d\x84B"\xc9\x07\x11\xb5r$\xb8\x13"X_B\x18i.\x94\x874\x9c5\xe2\t\xa0\x04\x90\xb4\x06vG1 \xd1\xa4\x8c\x9d_\xe1Q \x15_*\x86\xea`t\x15\xad\xac&gt;^;\x17\xe7\x1f\x8b\xb7g\xc4\xba\xaf\xbb]#\xd1Nb\xa45\xcc&gt;\xc4\xfaC;\xedt\xb6\x07\xbb~\xa2\xab\xab\'\xcc\x18(\x92\xa2\xf8\xe9|\x8a\x9f\x06\x8aA\xb1\x80\xdaI\xd2\xb4X\x02A\x04&lt;\x8aK\xe2\xc0V:\x9f\xe4\xc3N\xebr\r=\xfc:\x8a\xb5-\x10\xb1\xbb\xb3\x1f\xf7\x83D,a&lt;\xd6v{\x8f\xd8\x0eh\xe4\x9e\xd2%\xb8D\x1c\x1fa|\n\x8aO\xc9)&gt;?M\x94\xc6\xe3\x938\xabBS,\x16I\x8aE\x14%\x00!\x0f\xc8\xe5$_.wLO\xde|&lt;\xb5\x8d\x15\xb7u\xe1n\xb5\x84;)\x9d\x8c\xc5\x896\xae\xe3\xed\x19\xd1\xd7\x8a`u\x9c*\x0f\x84\x0c$\x1c\x85@\x11.l\x9e\x02\x18\x85B\xc1\xa7eR\x92\xe4\xd3\x90\xe8\x88\xf5\xab\x03\xe9\x19\\\xa5\xa3hz\xe8\xe6\xa7\xc3\'\xd7j\x12\xbcQ;jq\x12\xd5\x12\x12\xc9X\xb14\x8f1n\xb3\x0b\xa3\xd5B\xe8g\xb1l\xa5\xe5#:\x15\xad\xe4\xd3&lt;.\x17&gt;\x94\\\xa8\x9d\x10CR&amp;\xc1\xafb\x11\x97+\xa0\xd2\x0f\x1c\xe0\x1fTfhA\xab\x13\x97\xaeM\xc5\xb0\x88\x1dsT\x8a\xdc\xda\x0e\x15\'\xa1)\xfc\xbff\xb5\xaa\xbf\xbdt\xac\xb3\xb3\xc4V:Z\xa1V@J\x01\x00\x8f\x17\x99\x1c\xc3\xe1#\x89DL\x8bEb)\x046].O\xe7fdd\x80X7"XD\xb4\xdd\x1b\xbf\x9dD\x1f\xc4\x9e\xad\xa8\x1d\x99\x12\xec\x19\xdbS\xd45\xcdSg\x8fUV\x96\x94\xd8\x1ar\x9c\x16\r)\x96\x92\x10D\xac\xa9b\x84\xc2\x83\x91\x08K\xa9T\x90\x96\x9e!\xe7\xc2!\xca\xc7,,\x9e\xc6\xfb\xb9\x9f\xd5p\xb6S\x96\x10\xc69E\x84D\x92=\x83\xc3\xe1\xa4\xc0Jn\xabGk+[\xb4\xce?x=s\xf6be\xe5\xe1\x92\x92\xd2\x82\x1c\xbdIA\xe2`\x16\x9f\x97&amp;\x82\x07,\xeb\xf0\xad@,\x12AD!\xb4$i\xf4\xb9\x83\x0bWz\x8ec\xa7`\xad\x0f\x0b\xd7\xcep|\xbcB\tA$\xf6\xecU\xc7f\xb4\xb7\xad?\xec\xb8\xf9\xb9\xbe\xe5;\x03\xab\x88\x95y\xb8\xc4\xd6[P\xaf7\x19\xf00\x83\xd9\x04\x95J&amp;\xc0\xe91\x9ck\x03\r\xb1X\xc8\x14\xd6\x907&lt;1\xder\xf4\xf3?}\xf5\xc5\xc9\xd7\x0f\xfa\x9a/o\xf89\xb1)s\xd6\x00D\xc4\x19A"+\xa6\xe9\x9b\xba\xaf\x91\xa7\x11~\x1c\r~\xd4\xdf\xbd\x12&gt;\nXWA\xae\xfc\xde\xc2\x9cV\x93\x86=S\xc0q6\t\xfb!.\x86\xec\x92\x16C\xe6\x93\xa4F\x17\x9c\xbfR\xdeP\xda\xc1bMM\xdey\xb2\xfc\xe0\xd6\xb3u?!Lm\x83H9\x1cOpv?/\xfa\xebp\xfcw_\xce\xfd\xfd\xc9@\x7f\xf7\x98+\xdc\x05\xb9u\x18VI~n!\xe8e1\xa8 \xdf%x\n\x08A\x94\xca$b\n\xb1h\xca\xe0\x0bys\xc6\xcb\x0bJ;:\xba\xce"\xd6J\xff\xc0@\xff\xd2\x8f?\xbc\xdc\xe0\xc4\x99C\xe2\x86\xe7\x89\xa8\x1d(\t+V\xab\x92\xdf\xc2`\xe3\xe5w?\x0e\xc1kv\xcf\x1e\xb0\x84\xbb\xb0\x99\x88\\\x1fU\x15\x14\xd6\x8f\xe8\xeb\xd4v\x15\xc9\x9e\xd6\xd04\x9cI\xd0\n#\r\xc7F\x8d;\x18\x08\x8f\x96\x17\x14\xe4\x96\x9e\xea8\xc6\xaa5]\xd4\x0f/\xb1\xf2\xea\xc5\xd3\x8d,"\xce\xb3\x12\xdb\x14g;\x88\to%@\xa4TKHdm&lt;}\xf1M\xb0\x1b\xd6\xecX\x9ae\xa2\x13R+3\xf3\xf0\xe1#\x1f\xe5WU\xf5"X\x85\xc7\x82\xa7\xf281)\x93\xc1\x05\x91Ja\xf01\x98T@U\x90k\xb3E\xb1\x18\xaa{\xa0\xbf\xbf\xdb\xc5\x84O\xde\xf5\x13)\xd5\x12\xeeVk\xcfJ\x05R\xbdb\\\xb3\xdd\xb3\xb3\xb3\x07E\xbaq\xa4\xfa\xed;,V~\xfe{\xbd\xbd\x05\x85\xa3f/c\xb1+T2\xbc\xd1f\xd7\x18t\x0c\x13\n\x84\xc7\xcf44\x14\xfe:\xb7\xaa\xd7\xd6q\x91\xc5\n\x19\xb4(\xd7\xac\xf5\xd5O\xdfE\x03\xf93\x9a\xc2)\x93\x8fS\xfd\xf2?\xdf\x7f\xf3\xcf\xbf\x14\xcd\xb2k\x8c4\x9d\x02\xac\xca\xccw\x0e\x01\x16\xae\xf7\xaalP\xf2G\xcd\xadNF\x87vJ\xa7\xd3\x19\xf4\x06\x02\xf3\xa3\xe5gJ\x1b\xd0$^\x95o\xbbz\xf1\xe2\xe7_}1\x1cT\x1c\xec\x06\xb5\xc62\xfe|\xff_/~xz\xd7\xff\xe6\xb7\xb1\xe0\xec\xf9\xc6\nY\x1b/\xff\xfd\xfdO\xf7\xef\xdf\xff\xbdcl\x0c\xb1\x0e\xd2\x9e\x0e6\x86\x99\x87\x0e\x1d9R\xf2_:\xce?\xa6\x8d\xf3\x8c\xe3&gt;\x9f\xcf\x95\xef\xc7R\x1b9\xc1\x96i`\x0e\xc4\xee\x96,c\xd0\xa0\x84\xb0\x8c\x10\x12\x12\x15\x12/\x1c[\xbaDtJ\xd4vT\x8b\x9aHV#m\x13\xca,\x15/h\x0b\xfb\xa3Z\xa5\xa9Q\xa6\xc9L\xb2\xfaC\xb3"\xf3\x07\xd6\x143\xf1\x87\xady\nZS-\xd6\x04\x9e\xb4I\x88\xc0\x1f@B\x14Mb\xdf\xe7y_\x03a\xd9\xe3p\x1c\x91\xef\xf5\xe7\xbe\xcf\xf7y\xde;\xb8\xbb\x0e\xbav\xf9\x18z\xc5\x00\xaa\xf2\xf6\xf5\x8btC\x04].L\xf7\x1f\x0c\x88k\xd7\xbb.\x1d\xeb\xbf\xf1\xe6o&gt;&amp;\xac\xaf\xf8\x81\xf5G\xc3\x9f\x9d\x8c\x17\x01v\xeb\x11\x0e\x0c_z\xa1N[\xae\x83\xd8\x86\xf5\xd27/O\x13T\xa6R\xb4\xe3\x89&amp;\x83\xb8R)\xc2"\xaaH\xed\x81\xd6\xaa`\xbd\xfd\xc7N\xa0\x8b\xf5\x0c\xf5\xfc\xe0dOc\xcf\xd1o\x0f\x1d=960p\xf80\xdd\xaa\xd1\x05\xec\xfe\x1b\x84\xf5\xde\xfb;\xa0\xd6\xcd\x94\xe1\x0f&amp;\'\xe3#\xf1\xc2\xe2\xca\xea?g\xa7\xff\xef\xdd\xfc\x8e\x17\xe9t\xf9\xe1\xec\xdc\xf2|\xa1\\\x8e\xdbv1\x934\x0c\xe2J\xa5\xd4*V\xa4\xb6\x96\x17\xad\x1d\x08\xba\x04v\xec0\xfc\xdd\xd8Hw\x8d\xbd\xdes\x12?B\xa9=]\x97Z\x8eU\xb1&gt;8\xe3M\xa1j\x8c\x80_\x8d\xc6J\x99bq\xa9PYD2g\xa7\x1f\xbeP\xb4mX\xf4\x94\x95\x87\xd3`Z,\x97+\xf1\xbc\x9d\x9f*\xc5\xbc\x8c\x95J\x19\xd6\x99wo\x00\x8a\xb8"\x07"\xe1H_\x84\xb3I]\xec\x12\xdd1\xf2\xea\xb7\xbe\xfe}p5\xd2\r\x82\xe2\x86\x08\xe2"\xac\xbf~\xba?H\xee4\xfc&gt;o\xb2\x94\xcd\xa6\xa7\xe2##K\x85\xc5\xc5\xb5\x95\xf5G\xd0\xec\x7f\xc8\x9e\x7fz\x06\x84\x9a}\x02\xa6g\xcf2\x85b\xde\xb6s\x13\xd9vU\tH,\xdf\xf9C|i|m$\xd2\xd7\x17\x06[8\x0c\xb0\x08u\xb1c-]{\xbeF\x17\x8b\xd0U\x0f\x90\x89o\x95b.`}\xf4\xf1\xef~\xbf\xd7\x80\xdcF\xc0gE\xd3\xf1B)\x96L#\x95#\x10\rd\xf3\xab\x8f\xa6(}\x83\xed\x00\x00\tbIDAT\xb7\x839\xb6\x99|y~m\xb1R)\xe4fl{fj"\x11;^J\xc7\xfc\x01`\x19F 0x\xf0\x04\xf9\x1d(\xe1\xe6\xe6\xe6p\x1f\xbe"`\x8c \x95\xbd-]|\xd1\xc3\xab\xaf\xbf\xb2\x87\xfe\xe8*\xc1$\xd6\xaf~\xdcn`\x04`\x85b\x93\xf9|\xbc\x9c\x88%K\x13$Y1^(&lt;][A:/;^\x80ELs\xab+k\x95\xca\xd4T\xbch\xdb\xf9\x05\x82\x8a\x95\xca\xb9\\\xba=\x10\x08\x00*\xe0\x0b\x1e\xe9i=\x00C\x11V\xc3\xb9\x06Ds\x98r\x19\xa9\xed\xa8\xefm\x117`\xbc\xb2\xe7\x1b\xccT\xb7{7\xfd\x01\x1dXo\x7f\xf4\x8bC\xfb\xfd@\xa2!\xb4\xd3\xe9\xb8=Z\xe4\xc1\x13\xe9\xc9\r\xb2\xf9\x95ks\xb3\x0f7*@N=(\xbc\xf5\x95\xa7\x95\x0c\x0ce\x8f\xda\xf9\x99\\&amp;\x1d\x8b\xc6\x12\x139\xfb\x8e=\x19\xa3\x01i\xccP\xfb\xf51\xa4\x0cX\xe0:\x87h\x80h\r\xcd}0YGG}\x1d\xdd\x82\x81\x17\xc4\xaa\xab\xa3k\xbavC\xad\x9f\xf4\x8f\xbf\xfd\xc6\x1f.Fi\xeb\x90\xcf\xef\xd3v$\'r3\xa3\x12\x0c\xc9\xcc\xe4\x8a#\xf6\x08W\xc0\xf2w\x1eUk\xd3\xc1B\xfd}n\xf9i\x05H#\xb6-\x98\x92\xa7\x015\t\xa8;wf2\xb1\x10C\xf9\xe0\x8c#Cpx-%.\x0c\xadH\xb0&gt;fk\xee\x83`\x84\xd2\xb2\xfb\xab\x80\xaa\xa7[E\x88\x0bj\x8d\xdf\x18\xb8\xb2W\xf3\x81*\xe4\xf3\xf9L\xcf\x8e\x9dh\x11y{\x14\xa9,e7\xc8H\xb4JemYJ\xe6p\xfc\xf0\xe1\xec\x93\x95\xc5\n[\x9c\x90&amp;\x12I\xbc9\x96\xc8\xcc\x10T&gt;7\x91\xdc\x81A\xc1\x84\x08\xb5_\xec\xa9bA\'N#\xd2\xc9d\x91\x8ez\n0\xb5\xc8\x95:2\x17\xfaG\xe7\x115\x04*\r\\\x1a\x9d\\z\xb1\xc7\x00\xb3\xed\x91x\xa6D\x1f\x96L\xb0\xcf\xb88\xe7\xd7g\xd13\x1c\xd3s+kO\x97\x98)7\x99&amp;\xa4h4Y\x9a\xcc\t\xa8\xa9tv\xd0[\xe3\xe6\x1d\xc5\xee\x86\xac\xc1\xdbc\xad\x11.B\xc6\xa2\x1c\n\xd5\x1a\xc2d0\xc9#\xb9v\xf340\xf4NT\xb3@\x05\xac\x90\xdbc\xe2\x94He\x7f\xe4GG\xd1\x16\xe3\xd0!\xd6\x0e2\xaaM\x1bd\x8bk\xab\xb0\xff\xca\xfcR\xb182\x13\x9fb\xa6\xd3\xec\xc3\xdcL\x1eP\xf6B&amp;\x9d\x8d\x05\xfd\x96\xc7e\x868@f\x9d\xef\xec\x97T\xc4%%#\xeb\xd7\xd6\xd6\xd7C\xb0\xde\xba\x16\x89U_\xd7B\x8d\xeb\xe8\xc5\xbd*\x884]\xd74\xd3\xe5\xc6R\xc3\x99\xdcN|P\x06&gt;\x1e\x1d\xcd\xc3\xf2e|P,[\x9a\xc8\xe4\x90\xcc\xa5\xa7\xf3\xab\x8e\xe2L1\x8e\xcc\xa5Q\xb2\x89\xd2\x04\x90\x16\xf2wH\xa7\x19p&amp;\xa3^\x8b\xfcP\xe3\xd2u\xa6\xc2\xcb\xff\xb3\xa1V\x91C\x81\x15\x16\xb6\x0fS5J\xad\x88\n%\x80Up\x1d=x\\%\x14\x9d\xc2\xe5R4^\xc7\t\xe6\xaeh\x92+\x11d\xa3\x98\x8d2\x13pZ\xb6T\xc6\xff\x00\xcc\x11g7\x01\x89\xde\x93\x1f\x05\x11\x1c\xb6@\xae\x8f\xaa\xaa\xaai\x96\xe5\xd3\\\xd8I\xa4\x91m\x1fhz\xbf\xa7\x15\xdd\x14]\x0b\xc9\x83Ja\x81E\xb5\xb8\x91A\xb46\xfa\xa9\xa5\xae\xa5\xf1\xfa~\xafd\xd2ug\x8d\xdb\xd4UM\xc5\xaa\xcaAd\x85x1/\xd02\xcfJ\xd9\xe3\xd9\x89L\xbc8\xe2(%\x93\xac\x1e{\tHp=\xd2\x19\xdb\xb9KBi\xc02].`\x05d\x0c^|\x17]\xbe/\xdc\xc0\x1d\x82=\x06*\xca!a\xd5K,\xc2\xecmi|\xeb\x88\x972(\xc0&lt;5n7\x81\xa9$\x99\x06&gt;\xcb\x17\x0c\xc2f\x04B\xf9\xb4\xe3\x95gYD\xb9\xe0\xa0f\x9b\x17H\xb6\xac\xc3\xb6\xe8.\x9c0c;\x15XdV\xdd\rw\xf9\x02\xd4\xe8\x11\xfe\xee\x83c\x11\xb4\x04\xea\\\ra\x96\x8b\x9c\xc5\rB$\x10\xa5Z\xcb\x9d\x9f\xa88\x85\x9c:\xfaE\x1dN\xdf\x9c\xba*\xa8\x90\x08\x1f&gt;\xa0}p0K\x1a\x89t.1\x99\x03\xad\x8aUZ\x10\x9eo\x8bz\xbdP\x9d\x7f\xb9\xa0\x91Z!]7\x9d\xee\x9a\x1aR\xcb\x90m\xb5\xfb\xca\x00&amp;\x9esR-"\xa32D\xa3\xda\x80\x12X\x97\xde\xba\xe0U7\xb1@d*\x18\xccm\xd2\xee\x02\xca\xef#2\xbfa45\rv\xc3W\x05"\xb3\x89\xcc\x01$rw)\x91\x8d\xb5y\xbd\xaa\x1c\x82\x1e\xdc\x83uXS7M\x8c\xe4z\xd9\xbd\xc9\xe5\x0fv\xdf\x1e\x18\x1e&gt;wN\x82\x91V\x94CH\xd5\xc1\x13f\x840\x05\x95\xa2\xeb\x12K7\xddNE\x84i*\xf0\x86\xdf\xef\x07\x13=L\xc9O\xd1tv\x93\xac\xe8\x10U\x18\x95@\x96\\\xaa\xd8\x94p\x10NZs\xd7 \x8d\xd2[\xfe@ x\xbe\xf3\xc4s\\\x11\xf6xG\x87\x9c\xc6\t\xab\xb7\xab\xf3B\x10\xbb\xa5\x8b\xda\xd31\x121\xaa\xba\xa2\x9aN\xa7\t\xb3\x12\x8c!\xa8\x04^SSw\xe9Y\x85\xb2\xe9(\x11\x12\x94\xa9\xea$\xc4\xd2\x19\xc9CA`\x8a\xe9A\x93`\xd3\x8b\x85\xf7Bg\xff\x06\x17\'\x91\xb2F\xed\x1fVCk\x05\xd6\xa5\xd7\x88\xaa\x8ae\xba=nz\xee\x14z\x03v\x97\x06\xa7_5m\x11\x8b\xf8\x9a\xf0\rd\xe5B\xdc\xc1\x85\n]\xb9\xcdqC!3a;\x98\x13\\.\x17\xc0L\xa4\x12U\xa4\xf11\x00OD\xa1\x9d\x17\x0e\xf5\x0f\x93\xbf\x9a\x1b\x84\xb9\xe0&amp;\x9a\x93"\xa2\xb9FZ\xc7^C\x06\xab)\x04\x95\x8b\xa9TE\xa4\x00\xdeG\x10\x99%\x91\x0c\xe3\x14\x01\xd2\xca\xd9\xee\x92\x83Q\x90l\xd1\xf2\xe4F\x10\x8a\x97.\n\x0f\xe4\xd2\xd1$0\x07\xf1a\x04\xcfDV\xdb\x85\xa1\xf1\xe1\xe1a\x9e\x80\xf8\xe8\x8bzl\x1f\x95\'\x1dQ\xb4\x8eu\x1e\xf1*\xa6\xd4J3=.\xb7j\xd1\xees\x12ht\xf8LWt\x95\xf4\xb0\x08&amp;\xc5hM\x92\xd0A{D6\xd4I+\x93D\x12X\x1e\xb1\x94`\xa8K\xc9\xe5\xa3)7\xe4\xb3\xd4\xb6w\x88\x8b\xe6i\x9a\x82\xe8R\xc1a\ndu\xb8o|\x8c\xdd\xae\x08(\x15}\xcf\xed\r\xc2+Ni\x0c\x8c\x0e\xad\xc8:\x8a\xd3\xa9\xd2\xc3\xbaX\xac\xaaj\xa7\x0c\x07&gt;\x90[\x1d=\xd2\x0b&amp;\xa2:qn\xd1\x0b\\5,\x98\x16\xc2\xe0\xe8^\xbe\x10%\x06\x8dCm\xfb\xeeQ\xd2k\x18\xad\x15\xcb7\xc7\xfb\xc7\xc7\xc5\x85\x83o\xfc\xe8\xa7??\xc3n\xe7\x1c\xa2_\xd5x\xd4\xa0W\xa1\xa6E\xbb+\x1dKzQZU\xd5\n\xa2\x10\xa5P)\xfer\x08$(\xc60\x94M\xb4\x04iw^T\xf5\nq\xb3\xa7#\t\xa8\x10B\xef\xdfu\xfc\xca\x9f&gt;xO\xc4o9&gt;\xfb\xec\xda\xb5{\x14\xff\xf8\xa4I\xd5UAE2\xc3\x97*{\xd5-\xa8\x84\xb9\xa8\xc4\xb9\x11Y\xc2a\xa7\x04\x14\xc9F\xde\xda\xa4\xf2\x10\x98hy\xdb\xb1\x9c*qy(\x8dh\xb6\x1afm\xcd\xfb\xf9_\xee\xdd\xfb\xe2\x8b_\xd3\x8b\xe2\xee\xdd\x07\xf4zp\xf7\xcf_\xee\x83H\x1b]\xb4\xe6\xe5\x1a\x8f\xee\xac\xe2\x08\x7f0\x13\xa1I,\x8b\xb0\xf6\xe1\xdc\x88s\x99r\xf0&gt;\xc1\xf3\xc07y\x13\xda\x0b!\xb7g\x0b\x15,\x8a\x83&amp;\xd3e\xa2\x1aY.\x84\xd7\xf8\xf2ow\x1f\\\xfd%\xc7U\xfe&gt;{UPY\\@\xc2\xee\x10\xcb\xe56e\xb3\xd9,C\xfa&lt;\xd1_e\x16\x8d}\xdf\xbb\x99\x92ytH*\'\xf7OwuS\xcfsT\x8ce\xc2\x9a\x96\xe2\xd1Q\x8d\x1a\xbc\x1c\xa2\t\xf8\xe6\x7f\xee\xdd\xba5\xf7\x84^\x88\xf5\xf5\xf5\xd5\xd5\xe5\xe5O\xff\xbd\xcf\x92J\xe1-\nS9=\xae\xaaT\xb4\xe3N\xae,S6}E&lt;l\xf0\xec\xa9}\x86%\x9aE\x8a*Q1\x05\xba\xd4\xa8jujY.\x89%*\xc7\xf2\x85\x14\xb7Nr\xb1\x951\x1dd\xcb\xc5\x7fm\x8bx\xb9\xdb\xdal\xcc\x98\xe5A\xe5\xf6\xd0B\x8c\xcacI\xd1L\x85\xdb\x97J\x0f\xcf\x0b\x06\xfd\x86\x1fC2\x97\xa3Zz\xa2\xfe6\x1c\xb5E*\x1a\x89L\xe7T,\x9f\x85z\x08\xc</t>
        </is>
      </c>
      <c r="M136" s="3" t="n">
        <v>45492.67614583333</v>
      </c>
    </row>
    <row r="137">
      <c r="A137" t="n">
        <v>358956</v>
      </c>
      <c r="B137" t="n">
        <v>5926</v>
      </c>
      <c r="C137" t="inlineStr">
        <is>
          <t>Cristian Pavón</t>
        </is>
      </c>
      <c r="D137" t="inlineStr">
        <is>
          <t>C. Pavón</t>
        </is>
      </c>
      <c r="E137" t="inlineStr">
        <is>
          <t>PD</t>
        </is>
      </c>
      <c r="F137" t="inlineStr">
        <is>
          <t>ATA</t>
        </is>
      </c>
      <c r="G137" t="inlineStr">
        <is>
          <t>PD/PE</t>
        </is>
      </c>
      <c r="H137" t="n">
        <v>169</v>
      </c>
      <c r="I137" t="n">
        <v>21</v>
      </c>
      <c r="J137" s="2" t="n">
        <v>35084</v>
      </c>
      <c r="K137" t="inlineStr">
        <is>
          <t>Right</t>
        </is>
      </c>
      <c r="L137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f444f4db-22fa-435f-8c68-3228b5b240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2\xe4\x0f^\x00\x00\x03\x00PLTE\xff\xff\xff\xb7\x92\x7f\x0e\r\x0e\xa1{i\x16\x1f*\x11\x10\x11\xba\x95\x82\xff\xfe\xfe\x1b$0\x13\x13\x14\x19!-\xb4\x8e|\x1f\x1e\x1f\x18\x16\x17\x9aud\xb0\x8aw\x0c\x0b\x0c\xa3~l\x86eU\x98sa\xbe\x97\x84y\\P\xac\x86s\x1d\'5\x01\x97\xe1\xac\x81p\x84aR\x86gY\xdd\xe5\xf3\xbb\x92~~`Q\x02\xa2\xe9\x94q`\x02\x9c\xe4\x8biW\xc1\x99\x88\xb2\x8b{\x92n\\\xbd\x93\x82\x9fyf%"#\xec\xf2\xfa\x82dV\xe1\xe9\xf5gPH\x8flZwXK\xc4\x97\x84\x0f\x17$\xa7~m\xb1\x85s\x1c\x1a\x1b\x12\x1a&amp;\xc6\x9a\x88\xcb\x9d\x8b\xfd\xfd\xfd\xa7\x81n\xb8\x8f|\x9dvg\xe9\xef\xf8nTK\x8dhZ\xa8\x83r\x01\x93\xde\xc5\x94\x7f\x02\x9f\xe7\x88k\\\xe5\xeb\xf9\xb1\x81o\x12\x1b)\x8en_\xc0\x92~\x9dyk\xb6\x8av\xf5\xf4\xf4\x0b\x13 \xa5{i\xa1na\xc5\x97\x8d\xa5ve\x9fub\xcb\x9a\x86\xad}l\x9bj]\xee\xec\xed}`W\xc0\x90{\xb6\x83s\xfa\xf9\xfa\xd8\xe2\xf0\x96o[\x01\x8d\xda\xbc\x8cx\xf0\xf4\xfa\xd2\xa9\x9e\x7f\\N\xb3\x86y\x08\x07\x08_LE\xc8\x98\x83\xab\x85w\x95vk\x8ccU#+7\xbd\x8b~\xa3~s\xb6\x8a|_E;1,-VJEX@7\x96gZ\x81g_\xcf\x9f\x8e=-)AHT*((\xc7\x9c\x90eI?\x06\x92\xd7\xc2\x91\x84\xaa|g\xba\x86u5%!\xd0\xa2\x91\xe0\xdc\xdc6?K\x05\x89\xd3\xa8wl\xce\xa4\x98\xd4\xdd\xea\xc6\xd0\xdf\xacvh07C745\xe6\xe3\xe4\x02\xa5\xec\x15\x17\x1c\x9dq^\x9a|r\xca\x9f\x94\xcf\xd9\xe8L:5\xb9\x8f\x84SD&gt;\xca\xd6\xe3\xd4\xb0\xa6uSF\x85ng\xa8|vlNB\'\x1b\x17\x93bU\x9e\x82{\xd7\xe7\xf7mZS\xb8\x96\x8b(1&gt;\x96mgE@@\xa9qb\x8frf\xb2\xbc\xcaA87\xb2zl\xf4\xf5\xfb\xbf\xc8\xd5I2+\xb1\xcd\xe3en{w|\x86\xa0\xa3\xa9X]e\xbd\x8b\x85\xd2\xc9\xc7\xaa\x87~\xbb\x9c\x98\xdc\xd3\xd2\xbf\xc2\xc7FUa\xd0\xde\xef\xb0\x8e\x85_fpv^X\xb3\xb3\xb7\xa1rq\xb5\x86\x83\x08\x10\x1b\x9dmi\xc2\xb1\xaf\x9bdWV90\x0c\x9b\xde\x8dXM\xbb{\x84\xa4\x8a\x84ix\x86\x07\x82\xc9\xcc\xbe\xbb\x8b\x95\xa2\xd6\xa4\x95\xde\xed\xf9\xd2\xd0\xd2\x1c\x8b\xc7\x95\x9e\xab\x84SE\xae\x98\x95wG;\xbc|n\xcb\xe4\xf5\x93~x\x17\x97\xd2%(-\xc9\x93\x84\x13r\xa9|\x88\x95\xc2\xa4\x9f\xb2\xd9\xef\x87\x8c\x96\x92\xc8\xe4\xa1\xd2\xec\xc0\xdb\xf1Y\xa8\xd4pii\x98\x97\x9cQSX\x85uq\xa3\xae\xbb(\x9f\xd9\xa3\xb6\xc73\x93\xc9\x87\x85\x89\x13\x81\xb8\xdd\xe2\xec@\xa8\xd8l\xb5\xdf\xc5\x87\x8f\xa9qw\xafw|\xb7iy\xa2`l\xb5\xa6\xa4\x80\xbd\xe0\xc3\x84wj:.\xa1\x91\x8e\x8fX\\3}\xa44e\x81\x82\xaf\xd1\xe2\xb0\xa7U\xb1\xdee\x96\xb4\xce\x8d\x98\x12:^\x07Jt\xc8\xd7\xf6\xf6\x00\x00 \x00IDATx\xda\xc4\x99\xdfK\x1b{\x1a\xc6=c\x870:ccl\n\x8e4\x94T\xd7\xa1\xc4\x04\x9djj\x89%\x94\xd0\x9cH\xf6\x185\x8d\x12\xc4\x90d\x9b\xee6?\xd4\x98J5\xba lG\xe2\x964T\x89-z\xc8Y\xb2 [\xa5\xc7\x15\xda\xcd\xcd\xae,\xbd)Bw\x97\x92\x03\xa57\xfe\xb8\xf1\xfa\xc0\xfe\x01\xfb\xbc\x93r\xfe\x81M\xecK\x12f\x12a&gt;&gt;\xef\xf3&gt;\xdf\xef$uu\xff\x7fi\xa8\xea4V\xabUS9\xfc\xfa\xa5\xd1X5\xd6\xf1A\xef\xca\xfeNi\xbfT\xda\xf7\x8e[\xbf&gt;\x18\xa0\xbc++\xa5W\'O\x9e&lt;\xb8\xd0\xd0p\xe1F\xc3\xef\xdf\x1e\xef/y\xbf.\x1a\xa0v\xde\xce\xce\xc62(\x8e\xe3X\x96\xc3\x81\\~rrV:\xf4\x8e\x7f\x1522\x93\xb7tB8j\xa9L\x1c\xc7g8\x99\xe7\xf9\x1b\xe5\x93\xe3\x95q\xcd\xf9wo\xdc{\xb8sTfY-\xc3\xb0,+\x08\x1c\xc3\n\\P\xcbh\xb5*$\x97\xe1\xdf\xee\xa3\x99\xe7K5x\xf8yV\xe1\xbf\xe8\xc4\t\x02\xab\r\x06\xf1\xd4R1A\x14+\xc8\x99\xf2Ii\xb0\xee\xfc\xc0\xa0\xd4\xce\xc9\x05\xb4\x8c%"*\x96\x01\x1d\x88\x08\x88\x14\x0bj9\x01\xc0\x99\x07\xafV\xc6\xad\xe7&amp;\xd5\xcaY\x99|\xc4\x12\x96,\x13\x16\xcbq\x0c\xc9\xa4e\x08\x8f\x11x\x81\xa4c2\x99\xdd\xd2\xca\xf9X_3~&lt;\xcbgXP\x00\x8b\xe1d\x99\x97H\x19\x81\x00awI\xe2y\x89O\xa5d\xb5\xaf\x1c_|u88~\x0eX\x83;O\xa0\x93zM\x96aA\xc5\x0b\x10\x8d\xe7\x01E\xac(H\'\xa4b)6\x18\x04/\xcf\xef"c5\xb5\x9e\xc0\xc1c\x89.\x1f\xd4\x12\x83\xa0B\xd1+/\xa3\x8bd1\x9a\x00\x96TS\n\xbc\x16z\xca\x82|\xb4\xe4\x1d\xafu\x07w\xcad#\xf25\xc3\xa8\xbe\x16\xa8\x8d\xe0\x128^)(J*\xc5\xa7\x14\x85\x87\xe1R\x92\xcc\xaa\xd2I\xaf\x0e\xbd55\xbe\xd5{\\\xce\xa0Y\xda`\xc5Z\xec\x17\xb9x\t\x0crJ)\x14\x8aJ\x0c\\E\x05\x9c \x06+u\xb4|\xf4z\xa5\x96\\\xe3\x9f\x1b@\x05\xb50e4|\x82\x04Y@\x05\x06\xb8\\\x82\xd1\x05I\x92\xd0\xb7\x14\x8f\x03\x99\x988\x81\xe1\xf9\xf2\xd9a\r\xdbh]\x9aUs!H\xb9$\xa0E\x1c\xd9\x9cSE\x93\xa0\x1b\x90R1*\x89\xe2\x82\xc3\x10T&gt;\xe62\'\xa5\x1a\xb6\xd1\xfb\x16T\x0c\x19\x1eZ\xf0\xb841\xc2ct&amp;\xcbRL\x89U\xe6\x91\x93Y5X\xd5ae0\x1d|\xf9\xf3_\x07k\x16\rg\x17\x80\x85\xf6i\xf9\x18\x1c\xc4\x04\xc9]\x08\t\x8a\x070))\xa0\xd2\x94"&lt;\xbe\xe4=K\x9eg\x83Z!S\xfcy\xb0F!a\xdd\xff&gt;# G\xa1F,\xa6HB\xe5\xa2\x0cuP\x86\xb3\xa0\x17\xccDTj\x05\x83\xf8\x10\xab\x12\xb4$=\xe5\xdd\xfd\x1a\xc9u8{\x03^\xa2\x7f_Rb\n\xcf\n\xf04\xced\xcc\xa1\xa0z\x1fiE-\x84|\x0c\xa3U\x17G\xfa{-\xbd\xc5q\xb1\xe3%Mm\xa6\xf0\x02\x97\xa1\x0b\n\x92\x02.\x9e\x8fI&lt;z\xc8\xab\xa1E\xeb\x8f\xc0\xa3\xb3&lt;I\'\xab\\\x90L\xf5\x16\xa3\x92fNj"\x97f\xe5\x04)\x80\xcbi\xa5\x98\x94*"\x00b1^ \xa9du\xc1\x96p.a\x16\xe9\x08\x11Q\xe9f\xe5\x15fDR\xc4vj\x82\xb5\xff\x04\xc1\xa9\xc5\xe0I\x14P\xbc,!\xcba\xa7Tlcc#\x9dL&amp;\x8b\x8a\x84#A\xd8H\xa7\x93i:R7=\x04\xc6pd\xb6\xccn\r\xba\x88}C9C\xb3\xcfp\xc8M\x14\x16=E\xde\x90\xd2\xc5d2{0g2\x85r\xc9\r\x02\x04\xe1v\x02\x94\xe9\xf4\x06\x9e\xe9\r\x1a\x11H\x86&gt;J;5X\xb1\xd1C`\xc1\xd4\xe4 \xc4&amp;"!F\x08\xd9\x83D\xde\xac3\x8a\x81\xfc\x01a\xa4\xb3\xdb\x07\x89D4\x918\xd8N$\x12ss\x89\xed\x8d\rZ\x1a)]\xcfj\x90\x11K\xb3\x183\x8e\x1a\x08\x0b\xa5\x90\x9c1)\x99-f\x13\xd1\xb9\xb5\x0fS\xab(q\r(\xdb\x80\xc9\xe7\xcdk\xe6\xb5\xfc\xdaZ "\x8a\xe6|\xf4 -0\xea\x1e\x7f\xd7[\xfd&amp;\xbe~"s\x1c\x92\x9cb3\x85%FI\xa7\xa3\xb6\\n.\x1f\x88\x8c\xceSy"k\xf9\xe8v"\x9a\x0ft\\\x9d\xf2\xfb\xfd\xab\xfeQ\xff\xd4\x8b\x17\x91\xc0Z"\xcdQ\x17\x85\x93\x95\xeag\xe9!\x1c\xcf\xd1\xf8\xd1\x1e\x01\xfd+&amp;\xa3m\xf7B!@x\xe6\x1d\x8e1\xc7\xd8\xfcj\xc4\x9c?X\xfb\xf7\x87\x17C\xee\xa1\xf9!\x80\x0e\xadN\xf9\xa7\xfc\x91\x80-Y\t\xb8B\xf5=\xaf\xd9\xff\x1eS\xcf\xc7\x94bQI\xc6\x14\x98jN\xec\x10\xa3\xa6\x81&amp;w\xcf\xc2\xc2\xd8\xc2\xc2\x82\x03\\\x81\xffF\xd0\xd1\x11\xa2\x1cs\x10\x17T\x9b\x12\x03\xd9\r\x9e\xd6\xf3x\xf5\xd5\xaa+a\xa3\x85\x8dT\xb1\x90+\x14c\xc9b6\xdf\xb5\xba\x1a\x99\xd3\xd7w\xbb&amp;|\x13\xa0\x9aXp\x0cM}\xf805:\xe2X\x98\xf0\xf9\xf0\x9e\x83\xb0F\xa7\xfc/\x02\x894v&lt;\x0cW\xa8:\x96FSj\x80\xd3\x95B.n\xcam\'\xb3Q\xdb\x80gh\xc8#6\xb7\xf7;\x9dv;(|\x13\xff\xf9\xe1\x1f\xff\x1c]\x1ds:\x9d\xe1\xe1\xbe\xe1\xb0\xd3\xa5r\xf9\xa7\x8c\x81\xe86\xa6\x97\xd4\xaav\x135\xd6RC\x19T\xf1\\\xc8\x96\xd8\xce\xce\x05"\xabC\xee\xf9\xd5\xd6+\xbd}3@ 0\x9f\xef\xcf\x7f\x98\x9fw\xf8\xec\xe1\xe1\xc5\xc5\xf7\xefg\xc052\xe4Y\xf5wE\xc4\xb9lVA\xf2\x9fx\xab\x8e\xa5\xd9)\xc7\xa0\x15\xa8L\x08\xaa@d\xea\xc5\xd0\xd0\xbc\xeb\xca\xa5\xde&gt;\xaa0\xc0\x80\xb6\xe0\xf3\xd9A\x15\x9e\xa1\xea#\xae\xf9!OKW\xdbZ4W\xc4"Z\x03\xb54;\x0f\x94b.\x142\xd9\xe6\xe6l\x86\xae\xd1_{F\xdc=\xfdW.\xa9T\xc3\xc3\xe0\x02Nxxx\xd8&gt;&lt;3\xb3\xb8\x08({\xd89\xe1\x98ww\xaev\xb4\xe9M\xf1l1-\xd5\x02\xebX)\x16\xe2&amp;\x93\xcdf\xd6\x8bF\xbf\xc7\xdd}\xb3\xe7b\xff\xa5\xde\x99EP\xf5\x02\'\\y\xd8}aj+\x9e\xbd\xbd\x84\x05\xb9\xfcF\x83\xde\x14\xca&amp;\x93\x85\xa5\xea[\xfe\x0c-\x0c\x01+o\x16\x8d\x1d\x1e\xc2\xba\xdc\x0e\xac\xbe\xc5&gt;\x82\xa2\n\xabXv\x8bjx:vN\xf4\xa8!a\x14\xf56S.[\xac&gt;V\x9d\xe6U\x81\xc4\x82Zz\x9d\xb1\xcb\xe3\xbe\t\xb5\x1e&gt;l\xbct\xcd\x82"C\x11\x96\xea\xb0\xb0\xc52l\xb1\xe0\xc4\x02\xac\x91\x91yO\xcb\x00a\x85r\xb9\xc2\xebj\x7f\x1d\xa1\xb1\xfe\xa5\x10W{\xa8\xd7\x8b:\xe3*\xb0\xdc7[/\xf7\xb4_Dl!\x1d\xec?U\x0cO\x039Q)\xa7\x8a\x05wy\xbat\x06\xbd-\x14\xca\x15KU\xc7\x1a&lt;*\xc4C\xd4DX+\xd2\xe5\xa9\xafwww\xb7^n\xbd\x0c,\x17@\xec\xf6\xe10\xa6\x10\x99e\xc7\x99\xcb\x85\x90\xef\xe9q\xb9\x1c#\x8e\x11w}\x87Ng\xb0\xd9\xe2\xf1\xe2N\xd5\xb1\xbc\xbb\xb9x\x88\x9ah6\xe8"\xc6\xa6\xce\xfa\xeeV\xe2\xba|\xb1\x1f\xba8\xa1\x1350LG&gt;\xbc\x10\xd8\x88\xc312\x8f&amp;\xba\xeb\xaf\xeaD\x83\xd9\x16\x8a\x17\x8ek\x80U\x11\x0bX\xaaZ\xcd\xdd7[\x81\xd5\xe3\xeaw9-&gt;\x04\xfdOv\'\xb1\x81\x89\x1e\x04\xe6Bl\x81\xcc}\x0bX"u\xb1pV\xf5\x80\x00\x16\xd4R\xe3A\x8ctx\x9a\x9b\x9b\xbb\xbb\xdd\xad\xed\x8dW\xae8-\xbd\x16\xb2&lt;\xd9\x9d\xd0\xd4\x01\xe8\xb5\xf8|.W\x8f\xa3\x07\xdej\xe90\xeat\xaa\xe9\xab\x8f5x\xf4\xc5\xf1\x01\x83(\xfao\xd5\xd7\xd7wv\xb6\xb6\xf7\x7fs\xe9\xdaL__\xaf%\x8cH\xb5\xc3\\\x98J\xc4i\xdf\xe2\x8c\xe5\xf1c\x9fk\x0c}\xecv7\x01\xab\xcd\xa0bU\xfd\x86\x7f\xfcHU\xcbl0\x18D\x9d\xff\xd6\xad\xa6\xa6\xce\xdb\x8d\xdf&lt;\xfb\xd5\xb5\xa7\xcb\x8b\x08\xf5\xc5\xf7\xc8PK\x18+$"\xfe\xd1\xd3\xe5\xe5\xef\xaeY\x1e\xff\xd6\xd5\x03\x03vwv\x0c\x18\x8d:\xb3\xc9\x94;\xab\xfa\xf7#\x9aSR\xcb\xac\'*]\xa4\xa5\xe5\xea\xad\xe6\x8b\x8d\xcf\xb6\xbe{\xba&lt;99\xb9\xbc\xbc\xf8\x1eh\x8b\x8b\xcb8{\xfe|\xf29\xbd\xf7\xe8\xd9\xb3\x87=\xdd#\x18\xda\xab\xc6\x01#u1~Z\xed{\x0c\xa4&lt;\xd4\xb2\x11\x95\x18\x80\xe7\xaf^mj\xfeM\xe3\xd6\xde\xa7O\x9f\xc0A\x18\x93\x84DP_\x8a\xc0\xb6\x1aow{&lt;\x9d-\x03\xc02\xd4\x06\xeb\x18j\x11\x96A\xc5j\xe9h\xbb{\xff\xe5\x9b\xad=\xd4\xe4/\xf5\x0b\xd3\xf3\xbf\x83\xf7\xd3\xde\xd6\x8f\xdf~\xdb\xd2\xd4\x02\xac\x81\x08\xbaX#\xac\x90\xcd ^\xbf.\x06\xda\xee\xde\xbd{\xc7l\xbb7\xbd\xbe\x8e\xc7\xfdw[[{j/+\x1aM.\xef\xed\xfd\xeb\xdd\xcb\x8f\xa7\xa7\xa7\xd3\xf7\xf2\xe6?\xdd\xb9{w\xa0\xcdh\xc46"T\x03\xac\x9d\n\x96\xce`\x08\xdc\x99\xb6\x99\xd6?\x9a\xe2\x08\xc8b\xa1\x18\xdf\xfc\xdb\xfa\xcb\x1f\x9f=Z&amp;\xac\xa7\x8f\xdao\xdf\x9f\xde\xdc\x0c\xd1\x166\x97\xcbnO\xbf\x9c\xd6\xb7\xdd\xc1z\x05\xb5B\xa7U\xbdQT\x7f\xbb\xfc9\x8e.\x06\xc46\x83A\xa7\xcfn\xe76?~\xdc\xc4==/\xe1\xc6:\x99\xb5\xdd\xfb\xe3\x9b\xa7p\xfa\xf2V\xe3\xb7\xf7\xa2\xdb\xb8\xa7\xc6\xedu\x1a\xb7\xd7\xd3\xef\xee\xdb\xcc\xd7\xef\\\x17\xe1yS\xe8\xc8[\xcd\x1f\xf44\x83+\x83\xd6R&lt;\x1e5\xe9\x81%\xea\x0fp\xef\x9c\xdb\\\x7f\xb9\x8eMT\x9a\xbexHf\x13\xfa\xdf=\x02\xd6\xd37\xff\xa3\xd5\xecZ\xd3X\xb78\xceA\xf6\xf1\xa2`P\x99\xc0\x8cD$o\x82\xf8\x82\x03\xdaD4\x14\x19|\t\x8ecf2\x9dC\x90:d\xab\x8cJ\x1d\x13v\xc5N\xb3\xc1\xc0@!\x86$l\x93t\x82\xc1c\xa8\x90\x9b\x93&amp;\xb9\x089\xbb\xa4\x06\t\x84r\xc0m(\x08\xbd+\xf4\x1bl\x92\x9e\x8b^\x9de\n\xe7\x0b\xc4=\x17""\xf8s\xad\xffZ\xcf\x7f=\xcf\x93\tX7\xb6\xc0[\xdd\xcf\xfc\xd6OgW\x95J\x85E\x0c\x06\xdf(R\xecc=\x1e\x18\xd7\xe3w{\x86\xaf\xd7\x1f\x16\xb7\x00\xcb\x02\xd1\xca\x1dnX\xcf\xb7?\xed]]\xed}e!][\x1b0[#\x95}P\xd5\xea\xdfU:onk\xa3\xbf~\xc2W@u\xfb\xfbg\xc7\x96\x9c\xdd\x90\xf6\xddc\xfd\xe7\xc3\xe9\x80\x12\xa9&gt;\xad\x88-\x8c-,\xe6sV\xa3\xce\xc0"E\xef6 ]]\xa5\n,R\x83\xe6\r\x085\xc4\x92z\xb4\xfeluel\xc8\xc4\xda\xfb\r\x1d\x16\xd0\x1a{\x00\xb5\xba\x7fvvl\xdf\xc5\xd2&gt;{1W\xbbb;\xf5\x93\x81\x0c\x1a\xea\xd9?\xc4\x0eI\xa6\x13\xb9&gt;\x16fa\x91\xc2Aeoo\xafP;?gk\xdeZ\xcd\xba\x98\xb7"\x05\xbf~x\x0c\xba\xaac\xdc\xe3g\xbd\xc5\xdc\xa2\xb5o\xfb\xcf\x0b\xdb\x95c\xc0J\x81\x19\x82h\xe5\x8a\x98H\xb6\xc8\xcf\x83\xa8G\xf5\xe9\x85Bpe\xd1\xb7\x9b\xcf\x17\x11#f\xf0\xa7@.)\xbb\xf7\xfc&lt;\xff\n\x94}\xb8e\xcd\xe7w\x8d6\xbdsre\xc5-\xa0z\x8b=\x97_\xcc\x1d\xbez\xf3\xe6\xd5F\xad\xc0\x1a\xfa\xff\xe1\xc0\xe0\x03\xac\xbcW/\x13\x1c\xb3\xf3\xeb\xc3O?\xd5\xff\xf8@Jq9\x1e^\xc0 \\`\x1f~PA\xcf\xceC\xb9\xfd\xf2\xd3/\xcb\xb5\x8d\xc3\xcbb\x15\x9b\x88\t`\x9a\xc3\x11\x9fq\xf72\x9f/l\xbc}\xf3\xea\xed\xf2\xf3\xbc\xd7\xcb\x8623\x19\x8f\xcd\x87\xe4r\x98J\xe6\x9e\xc4\xc9\xcf\xb3\x03\xc0\xfa\xcc\xc4\x89Fp\xc5\xac\xdf\x85ha\xba@(\x93J\x19\xec\x97\xcb\xb9\xed\x8d\xe7\xff\xfa\xe9\xcb\xdbo\xdb\x1by\xab\xdd&gt;\xba&amp;=\xe9\xf5\xa4X\x1a)\x16/\x0b\xdf6\xbe\xbcy\xfe\xe5\x9f\xdf\xce\x0fs\xc6\xc0\xccPR;aH\xe4\x8a\x1a\xfc\xa9,\xf5Z\xda\x87\x0ff\xea\xd9}Q\x90[D8\xa6G@C\x16]@\x9b\x0c\xa5\x0c\xc5\xe5\xcb\xed\xab\xc5\xe5e\xe8\r\xdf\xb6sEo\xd5\x9e^\xe3\xc0\xd1\x13k\x98\xbd\x9a\xbb\xf4~\xdaZ\x86h\xd5\xfe\xf8\x94;\xb4\x9b\x00k\xca\xa43\xe6\xaa*~\xae\xd1\xec\xb5\x94\xeb\x07gQ={\xd6\xe6H\x85r:M\xc8\xa5\xd5h\x19\x9d\x08\r\xcd\x1cX\xaa\xf9\xdcyj\x1b\xda\xd6a\xed&lt;\x07X\xf6*&amp;\x12\xd2\xed-\x1dK\'\x10\x98p\xad\xd6\xe2e~q;U(\xe6wM3\xe3\xe33\xfaQ\xddnUUn\xb6\xc8\'J\xe7l\xf6\xe1X\'mJa\x82\xae\xac\xc6\x98\xf7\x1a-\x06\x93v&lt;\x19:\x08 \xbbl\xaaR\xd8&gt;\xf7Z\xbd\xd6];kO`\x8a|#\xdd6I1\xedg\xabU\xd6\xc2\x16R\x95\xe3=\x03b1y\x86\xa7\x1f9=\xb6\xd1j5\x82\x13d\xab\xd9\xeed\x1f\xdc#@\xf2mE\xe1\x1c(\xa6\xc3\x8av\xa3\xc5\xaf\xefc\x85\xea\x01\x83\xff\x00\xb4\x7f\xe0g\x91\xbe\xbf\x07W!6onn\x9b\x14\xe9\xf3\xe9\x12U\xac\x9e\xaaW2\x99P\x00\xa48&lt;\xf4hd\xd8\x0cX\t\r\xef\x16Z\x8dvgs\xfe\xe1\x92\xbfV:\x8aD)\xdd\x84n\x17\xb1X\xfc\x1aU2\xa3\tiC\xa9\x14\x94d\xa6r`@\x8c\t;\xf8{\x85i\xde4od\x8ab\xc44\x18\x99\x80\xa7\x929Nf\xa0\x08gf\x86\xf1\xe9\xacv\xc2\x96\xd0\xa5\x15~\x8en\xb5\xdb\'\x03(\xc5S\xa5#\xd2\xedn5\xe9\xab\x1aam3\xab\xb4\x1a}(\x14\xca\x84R\xfd\x97\x00\x04\x07K\xa7\xd3\x8a\x08X77\x8d\x06E2\xa2\xc8x\x9c\x99Lr\xfc\xd1\xf8L294&lt;\xe5\x0c\x87#\x0b6l\xb4\xd3U\x08Ai\xb7&gt;&lt;\xdc\xd3?~]\xef0T\xf7N\x1c\xb2\xd9u~\x83O\xa3\xf2h\xcc\xa1\x906\x93\xc9hC\x19\xadf"\x8d)\x0c\xc4Jl\xc977\xcdFC\x96\x1b$I2\x11\xe7\xd4\x10x\xfd\xa1\xf1\xa1\xe40\x8a\xe2\xb8Y\xbf0\xaa_\xebv\x15\x89i\x93\xa7\xea\x01,&gt;{m\x86\xb9\xbb3k5\x98\xce\xef\xb7i\xccf\x95F\xe5\xd4:Qt&amp;\x12\xf1,\x00Q?&gt;d\x1f\xeb\xf6\xa6\x8f%\x93\x14M\xae\xc5\x9c8?=2=\xcdgy\x9c\xa6QJ\xaf\xb7\xc5P\xa6\xdbm4Z\xc7\x03\xd9\x08\xff3M\x02\x96s*9\x8a\xf9\r\x13\xaa\x88\xd9\x0c\xf3\xb4\x13\xddqFb\xcc\xda\xda\x1aE\x91"\x84\x87\xf9?V\xa3\xd1\x80\xd5\x8a\\[\x8b\xa0&lt;\x1e\xe6\xc3&lt;\x8f\xa3\x04\xa5\x9f\xb09\xb3D\xf7\xae%\x93\'\x83Y\x14\xeb$\xd1\xbd\x14\x87\xfff2\x1at\x13\x9eH,\x82\xf3\x90\x17\'\xa8;F\xd1\xe52 \xf5\xd3\xd6\x92o\xef\xb1\x9ar\x83\xe2\x04\x89\xa0\xe1C\x99&amp;8.&lt;\x9d\xc5\t*\xb6`\x1b\x9e$\xee\xee\xc8&amp;\xfdn 7\x82\xe6\xcf(\x82\xecvcc\xa1\x04`iT\x91\x08\x9e\xe5\xc38M\x95\xc92\x8a\xd3e\x8a\x8cQ\xfdh5\xee\xa3\xd5\x04\xae&amp;\xc7\tB\x9c#\xe4&amp;\ro\xfa\x93?A\x99M&gt;~D\xb9kK\\v \x9b\x82\xd0\xb9\xca4\xdd\xeat\xc6\x8e1\xccb\x02,"&lt;\x12\xcf\xf2&lt;\xcf\xa1\xf0\x8a\xa2h\xb9\x1f1\xa8\xc4\xdb\x1fX\x10!I\x12\xe0\x918N\x12J\x0eG0\x1e\xa6a\xb6\xf6M\xe2mX\n\xb8\xfd\xc1\x18A\xf5\xebc\xbaL\x8b]\xe7&gt;\xf4\xec\x80\xde\xe3$\xf0\x91\xe0\x88pT:\x12\x8e\x8e\x8e\x84,_\xee\x07\x8b\x01\xac\xdem\x13\x04/7\xef\xa1\x04\xa1T*\tA\x97\xfbg\xc0"T\x1a\x9f\xcdE24\xca\xa1\xd7\x83\xb9\xd5\x05&amp;\xa2\x1c\xe19qa?`\xc7|&amp;\xb3\xf3ex$\x08?\x19\x8dFKG\xd1R\x96 \x95tZdH\xa97\xd7k6@d\x14W\xea#\xf5z\xee\x9e\xc3\xe5v\xff\x0cI\xc4Uz\x9df\x92\xe1\x05\x9a&gt;\x1e\xd4\xc6\xae\xfa4\xe3\xcc\n\x02:\x9e\xb2\x1b\r&amp;U\x04\x8d?\r\xba\x96\xa2Q\xd7\x8b\x17Q\x01G\xcbb\xbb\x9df\x18:\xba\xf4qIj\x90\xadVK\x86\xdc\xf5\xe6\xdc\xf7\xdb\xe0.\xb7#\xce\xe1D\xc4\x94\xd0f\xf9\x92\xc0\xe3\xd7\x83\x1a\x16\xd5\xb3\x9f\x93\xd9lt,\x19B \x8b\x1e-&gt;\x12\x0f\xba\xd7\xd7\xd7_|t\x0b}\xe1+\n\xf4.*\xfb\xfd\xd9\xb3\xef\xbdfS&amp;\x19\xb2\xc9\x11Ro\xe9\xe3\x8f-\x13G\x1cG\xa7\xb4\x81DYp8\x04\xe1dpg\x06\xea_\xf7y\xbc49\x9ea\xedF\xbff\n\x0f\x07\x1dK0F\xaf\xbb\x04\x82\x11A\xed$\r}B\xf8\x0e\xcfG\x90y\xbf\x029Y\x8e\x03\x17&lt;+\xee\xc90J9\xf5:\x0cu\xb9J\xc2\xe6\xe9\x00\xef\x0b&gt;\xbe\xdeI\n\xd9\xcd\xa4\xdf\x0eFE\x85\xe2qGt\xe5\xd9\xea\xfa$\xc7\xb4\x19\x8a!Q\x1c\x8a\x91_\x07\xac\x15\x9e.\x13\x02\xd7\x94hR\x96\xe6~`9\xc2h$2j\xf4\x8d\xbb\x84\xd2\xe6\xf5 \xf7\x92\xd4\xf3\';\xd9\xec\xd8\xd9\x81\x1d1\x06\xccS(\x1et\xbcX]\x1d\xe3\xc96\xd3/C\xb1sw\x97\xde\x89\xae\xae~\x8c\x96\xbbw]\xc8\xa1 \xc9\r\xae\x04\xe1ZYq\x05\xc3(\x1a\xd3\x19\x03\x9b\xa5l\xe9\xb7\x01\x9f\x0b\xcf\x9f\xbc?\xda\x04\xcd\xb3\xac_\xa3E\x89~\x1a]\xd9X\x9b\xa1i\x99b\xda\xed\xee\xab\xc3\xf4\xfbht\xfd=,\x07\nCs\\\x1c\xb8\xa4\xb9\xfbC\x16\x90\x16\xaa\xd7!\xf5\xcdR\xf4\xb7\x81\x1fF\xcd_\x7f&gt;\xbb\xdaF\xc0\x9f\x06T4\x81?u\xb9\'\xc9\x8ex\xdfK/D\xf1\xf7v\xb7\xfb;t\xb1\x8b6\xb4\xd62`I\x92D\xc9\xc1\xa5\x95\xb9\'\xd0\xed_\xaal\x96\xc2\x9f\'\'\xef\x06\x7f\x86\xaeV\xcf\xce\xbf\xfe\xc4\xb2\x16\xe3\xa8&amp;\xf6\x92x\xeav\xa0\x1d%BQ\xb1\xd8\xc5\x85\xf8_\xb1|\x91\xa8\xbf\xdf\xd9a\xca;\x17\xb0&amp;\x80\xee9\x01\'i\xc7\xca\\0\xce\xd1/c\xa3\x86\xaf\xf3\xb3\xb3\x7f\xc9])\xb5\xfa\xf1\xbf\x0bl\xc1\x02\xbe\x89"\x9e:\xf0\x0e\x16[H\xdb\x16\xf4\x1e_\x1aK\xd7w\xeab\xbd~Q\xbe\xb8\xf0@\xfc\xcat\x84\ng\xd15\xce=\xf74\xce\xbd\xa4\x16l\xfeo\x7f\xdd\x1dg\xf5\xffh9\xff\xd76\xee3\x8eO\\\xb1\xcc4N\xdc\x9d$#\xdd$\x8e\x93\xeen\xa89\t\x89\xe9\xdb\x11\x89p$\xf2\xd9\x08\xd7)V1Z6\x8bV\xca,\x19\x8aL\xb0\xeb\x0c\xabN\x1c2CdW\x0b\x91\x02"\xae\x82\x0bq\rm\xacx\xc3u\xe5\xd9\x04\xe2U\x0c\x07\xf4C`^\xd9O\xa3#\x9d\x07\xb6b\xff\x10\xbb\x85%\xd9\xf3\x91\xd9\x1f\xb05\xf7X\x82\xd3Oz\xf9\xfd&lt;\x9f\xe7\xf3&lt;\xa7\xe7s\xdb\xa58M;\xb9\x84\xe0\xb5\x86\x12\xb7(nh\xc8\xc22a\x92\x1c"\xa3\x99L\xb5*\xd5S\x19E\xaa\xe2\x94\x84\xe1\x14\xe6\xed\xe9\xbf|\xe6\xfc;\xbf9{\xb9\x9f\x13\xe9C\xf5\x86)\x033\xdf\xc4i\x19\xfd\x14\xe5\xed\xf6\x0e\xb1b\xd82d\ts\x1c\x83G\xabx$\x83\xac\x9c\x040\x02\nE*\x81\xc7&lt;\xe6\x1b\x17\xde\x03\x1f\xbeu#\xc1\xc9\r\xf5\xb0\xb4\x03O\xe2N\x9a\x16O\xb0\x04\x91$\xc9\x8b\x1c#ae\xc4\x93\x84:\xd4Q\xe4\x8b:G\x8a 0&lt;\xc1\t\x1es\xff\xd93\xef\xbc\r\xf1\xc7\x88\x0by\x15GO\xefU\xe2\xd0\xfc\x90,e\xee\xf6Z\x08\ngD\x91\xa9JW\x80\xa98q\x7f\x02^\xee\x89\xfb\xc5d\xca\x13\x13\xfa\xfb\x13\t\xcc\xfc\xd6\xe53\x17.\xdf\x80K\xf6\xc9\x80\x8aj\r&gt;_s\xd2\xb2\x8dL\x04\xdf\xeb\xb9\x881\x8a\x82C@a\xe6\xb2c\xfd&gt;\x14\x14\x13}\x7fA\xc5\xce\xfaz*i\x06\x89\x04L\x88\xbd}\xbe\xe7\xad\x1b7(\x86}\xde\xab&amp;\xd6\xe6\x1a\x8ay\x9a#\xdc\xdd\t\x93@U\x17\xaa\xd5\xfa\x95+\xe5\xf5\xf5G\x90\xb4\xf6\xe0\rP\xeb\xeb- +{\x82&amp;\xa8\xf9}=\xfd\x14X\xf4P\xc5\xd1ym\xa0\x11\x87^\x91&amp;E\xcc\xed\xf7\xe8\xf5\n\x1d\x8f\xe7\x00\xac\\[\xbf\xbf\xf7\x08\xd9\tV\xb9\\\xaeW\x95\xa0^o\xee\xf1{\xc1\x858\x13m\xa8:\xd5\xbcR2:e\xd9\xc9\xe2\xfc\x9f\xad:\x8d\x9e\x08\x8f\x7f:^\xca\xe5\xd2\xd5\xfa&gt;\xb2V\xab\\\xa9\xd5\xeb\xd5R\xfc\x96\xf1"\xa1\x0fy\xdd\xfe\xb3\xfd\t\n\xe7\xa2+jbi\xf3\xdf\x18!\xb8H2\xd13\xea\xe3;B\xfa\x0c\xfd\xf0a\xb3\xd9\xdcl6\xbfnnU\xb6V\x1f&lt;\xd8\\\xde\xdc\xdc|\xf2\xfeCZ\xd1C\x9b8\xea\xbeL!\xac\x85\x195\xb1\x02\x03O\xd0\xaeH\xd2\x9c\xc7&gt;\xe9\xe6\xad\x0eB9\xbaUi\x1e6\x96\xb7\xf3\xf9\xfcJ&gt;?\x03\xef\xe5\xe5\xc6\xda\x88\xb3\x96\xccZ\xdd\xee\xc9\x90@Q8\xc5\xa9\xb9\x10\xdb\x89\xcbisFih\xae\xad\x93\xa3nk(U\xdf8::\xaal6\x96\xf3\xc8f\xf2+++\x0f\xben\x0e\x1d\x95\xd7\xb3V\x83ot\xd4\xdc\xc6\x12\xb7T\x9dL\x87\x0c\xe1\xb4\xd9d\x99f\x19\xaf\xcf\x0fn\xd4e`\x9f&gt;:\xaa\xd7\x9b\r\x10iee\x19\xea\x84\x83\x83\xa3\x83V2\xcb\x1b\xdc\xfe\xc931!\xc1@~h\xaa{"#p\xe8\x04\xb9dY\xe60\xab\xcfn\xe8\xd0\xa5\xea\xd5\xea\xd1\xd1\xc1\xc1Ak\xb3\xb1\xd9x\xd0&lt;8xvpP\xaf\x97\x11\x95\xdb\x0f\xebP\xe0\x18\x8a#\x0f\xd5=Z\x13\xd8t\xd2\xb6xN\xa69\xdcd\xb7wth\x1c\xe5\x8d\x8d}`y\xf6l\xbf\xb5\xdfB\x17\x8f\x9e\xb5Z\x08\xcb\xee\xb7\xfby\x8f@%\x18&lt;Ln\xaa\x8b\xa5m@\xc1\x85r\x84\x98\xc04\x06\xc0\xd2\xa5\xca\xd5\x8d\xfa&gt;\xa4\xacg\'\x06W\xad\xfdr6\x04Xn7d\xdc\x04\xc50$\xddP\x19k\x1b6Eh\xcbd\x91\x13\xf4\xbc\x81\xd7h\x1c\xa92\xc2\xda\xdbk\xe7\xd3\x17/\xf6Z\xfb\x1b@e\xe5\xa1A\x0c\xc5\xb0\x04`\x85-\xf4\xb2\xba\xa7j\xb4\xf98\xcd\xda\x80\x8b\x15\xf1`\x88\xd7\xe84\x0eS\xa4\\\xaf\xb7\xf6N\xec\xc5\xde\xa3\xfd\x8dz\xb2\x88\xb0|&gt;\xe8\xa5\x13\\B$-\xf2\x8a\xbaX\x81\x99\x1c\xcd\x926\x97\x91\x14\x19I\x07&gt;\xd4\xe8\x1czG\xb2\x0e\x82\xb5ZH.\xb4\xf3$\x8bE\x9e\xe7\xdd&gt;\x83\xb9\x9f\xe3(T\xfeDW~\xa4\xae\r\x94h\x91\xa5\xdbn\xc4S\x9a\x8e\x90.\x14\xd2\xe9\x1c\xeb\xb5\xcc\x06\x94\xcc\x1b\x1b\xb0=\xea\x8aE\xc8\xa3\xbc\xc1\xe7\x0b\xc5(\x91bHK\x18\xaa-\x95\xb1z\x9f\xd0Q6\xeat\xc1\x8e\xcdx\xdar\xf1V\x9dNW\\\xad\xa1\xda4R\x83B\x90wOL\xb8\x81\xca\xd7#$@,\x0b\xcb\x89\xe9\x19u\xcf\x1fi{+4+F\xa3F\x97\x93\x0c+&amp;\r\x18\xf8\x8b\xef\xeb3\x14\xb3\xe0\xba\x8e\x0e{\x1f\xf0\xb8\'\xdcn\x9f\xdf`\xa28\x86\xb3\x90\x1c#\x16\x06T&gt;\x16\xd5\xfb\x9c\x96Y9\x8aV#\x8dGt\x1a\xab\x95\xe7\xedv\xfbX_\x9f\xbd\x0f\xd9\x18\xbaI3\xe1\xf6\xf9\xfc~+!\x86\xa1\xff\x10EN\xac\xa8\x8c\xa5\x1dl:e\x96\x8e\xb6\xb9dEoEZ\x8d\x8d\xf5\x8d!\x03\xb0\xd9\xc9\xc9\xd9Q\x90\x0b\xc4r\x9b\xf0\xa8\xc8\xb2"\x17\x0e\x87\xb7z\xd5\xc6\x824\xcf\xcabTv\x1am4\x13\xd1Y\rv\x1f\x884;;\xdbFC\x137~\xa0\xe2G\xfd\xd6 \x13E\xe1\x8eS\x8c\xf8\\m\xac@\x03Z\x1fY\x84\xf0\xb2\x19m2\xa1\x87E\xe7\xe3\xdbw\x06\x01\xab\xcf\x0ed~\x14Z VV\x12\xc3$\xcbH\x12\xc5\x89\xcdA\xb5\xb1\x96\x9d\xd0\'\x8a\xd0\x1cF\xe3F\x1a3%\xc1\x89\xd9d\xf6\xfe\x04D\xd7X;\xba\x0c\xdd\xdd&gt;\xdfy\xb7\x83`H2LA\x17\x02\xfdQS\xf5\x93\x80\xdb9\xc0b8\x86a M\xc8Drx8i\xf6f\xf9\xe2\xd8,\n{\x08/&gt;ta\xc2\xd7\xed%ph\xdcpIi\xabu\xa8\xf6IS\xedJ\x0e\xe4\x82\x95\x8fK\xe9\x05\xa3m!\x95M\x9a\xcf&amp;\xf9\xb1\xab\xbf\xba:;6\x8b\xee\\\xf6u\x0f\x0f\xfb\xf8\x88";\xa38&amp;I8l@\xe1C\xb5\xcf\x99j\xf3\x08\x0b*;\\Q\x80+\x97\xce\xa4\xf4\x8e\xac\x1da]\xbd\x8a\x06\x80\xae\xce\x0e\x0fC\x86\xcdD\x9drZ\x12\xd0X\x1c\xc2R\xfb$\xb36_\xb2\x90a\x8e\xc2q\x8cH/\xe4\x80+\x1d\xd1\x15\xe7g\x01\x07\xc9\x85\xb8\xfax\x8d#\x13u\xd1iE\x10\xb0\x18&amp;AqZ\xdaV\x93\x0b\x8d\x00\xe5Kq\x1aa\x81w\x94B:\x1e_H\xa7\x0b\xb5y\x94\x1ffa\x19B\xaa\xe8+\xce\xd7\n\xa5\xd3NE\xc0\x00\xca#\xf43\x0c\xfb\xbb?,\xa9\x17\xf4\xda_\xfetz\xee\xf79\x1b`AhaR\xdb\x8dh\x8a\xab\xb0\xbaZ\x9cG\x01?_\\-\x16W+\xe9\xdc\xa9\xb8\x82\xc5bX\xcc\x13\xc3\xfaq\xc0:w\xbc\xa4V\xd4\x07\xa6\xff\xf4\xdd\xce\xceww\x86\xe8\x13\'bx:\xbd \x9f&gt;ug-\x97\xae\xd4\x80\xc7\x91L:j\x99\xd5J\xcex:\xae\x04c\xc8&lt;\x98\x07\xc3\xb9\xf0\xa9\x9f\xbc\xfavI\xa5\xe6\xe7\xe6q\xd7K\xc0r\xd9.\x86E\x06\x07\x17\x11\x8a\x84/\xc8kw\xd6\xee@\x84ej\xb5\x14\xba\xc7\x95\x96\xe3\xae\xdb\xb2\x82A\\y\xc0b1\xf0"\xe9\xfa\xe8\xe5\xee\xee\xd3{*\x08\xa6}\xf3\xdbW\xe7\xba^\xbd\xbc\x04\xfd+\xcbr\xb8D\x04\tB\x82\x9de!w\xea\xf4\xe9\xb5R)]P\n\x0b\xb9(|\x8aS\xc0\x84!*\xb3\xd9C\xf4C\xe3\xe3z\xf7\xfa\xee\xd4\xf1\xd2\x9b\xbd\x81\xd7}\x86\xff\xde\xf7\xbb]\x7f\xfc\xf9\xf5\xbb\xef\x0e\xc5I\x96Cj\x11A\xb4\xca\x18*\xbd\xb0v\x07,\x9e[[k+W\xc8`\x98\x00\x7fA4\xf5l&amp;\x04\x845\xfe\xe1\xce\xd4\xee\xbfo\xceM\xcf\x0c\x04^g\xfd\xac]z\xbcs\xeeg\x1f\xa1\xa9\xa4\xa1\x8b\xb0\xd3a\x02AD\x82\x02\x9a\x93T\n\x95\xad\xadB\xa1\x14?\x05AV\xa8\xd4RA\x02\x83\x15\x114\x83y\xcc\x1e\xc8\xf2\xb4k\xfc\xee\xce\x07\x1f\x1c_\x9b\x9b[\xfc\xeb\x97\xbd\xafk\x12O\x1b\xb8w\xedxj\xa7\xf3}4\xc3e\x1c\xb2\x88\x9c\x04_\x1d1E&lt;\x12\x0e&amp;)\x11\x87\xa6\xc30\xbf:\x0f\x1d\x9a\xde\x14AT\x02\x81y\xd0o\xc7f\xe4D\xdau\x1b\xb0~\xb1\xbb477\xf7\xb7\x8fO\x9e\x13\xf1\x03\xd1\xb4\x81\xc1\x81\x7fM_;\xde\x9d\xda\xf9\xed\xc8\xc8\xc8\xf8m\x97\xcd\x02m\x0f\x11\x0cFL@ \x00\x94\xa2\x10P\xd6w\x18\xa0\xcb\xd6\xe8LAB\x10\x04"\xe61{\xbd^\x00\xc7$\x9cs\x1a\xdbX\x8f\x01\xeb\xe6\xd3\xeb\x9d\xd7\xbf\xf8\xfbv\xef\xe0\x0fr\xa6vp\xf9\x93\xc5\xc5kOw\xbe\x9a\xda\xb9;2&gt;&gt;~\xcbe\x83\xd8\xc2\t\xc2\x04\xba\xa0\xa8\x97\xb06\x97NcGX\xfa`\x10\xa2]\xc2\xcc\xa6dO\x8f^\x0f\x90\x18\xc5\xb1q\xd7%p\xe2\xe3\xa5\xe9\xb9\xb9O.\xbd\xd1\xd5\xd5y\xfd\xf3\x7f~\x99\xef\xfd\xbf\x9f.\x83\x9e\xb2\xf0\x8f\xc5k7\xbf\xdf\x9d\x02\xac\xdb\xe3#\xff\xc5\xc2\x82&amp;=|\xab)\x02\xbb1F\x10D0\xe5@=\xb6\x1e@A,,\x92td{\xb2\x8e\xb6v\x0c\x17v\x1a/\xed\xb6\xb1\xa6\xe7\x16/\x9d\xfbqW\xe7\x1b\x9d\x9d\xbf\xfe\xf0\x8b\xcf\xf2\xbd\xff\xbbf\xf0\xaf\x04z?\xfb\xf8\xf3E\x84\xf5\xd5\x7f(9\xdf\xd04\xd2&lt;\x8e\'t\xc8\r#\xd4Kk3f\xab56\x92\x92J{s\xc5\xb0\xb1!\x8a\x11\xed\xb6\xb3/\xbb\xd0\xc1\x17\xbd\x17)\xc3\xa6o\x16\xa4\xe7\xbd\xe9\x083H\xbb,\xbe\x90\xee\x15\x9a\xd6\x17\xf5\x85\xa8\x91\xde\x9dz\x12\x08\x0b\xc2\x1a$\x8d\x14\xb2\x96Jbb\xafg\x92m\x92w\x81%)\xed\x8b\xfb\xfe\xc6f\xef8\xee\x8e\xbd\x07\xa3\xf9\xa3\xceg\xbe\xbf\xef\xf3}~\x8f\x12\xa3\xd1\xb7\xe1\x87\xb7o?8R\xcbc4:\xb0G$9\x00\xe5\x99\x9e\x1e0:\x1c\x03\xe3\xc0\xc2\xc5c\x9c\x99\x99\xb9\x8a\xad\x9a\x11e&gt;\x89v\xf0Tq1\xf43\x16\xc3\xf2\x8c\xce\xc6\xc4\xcas\xcf\xd1\xb8\xfe\xea\xff`\xfa\xf4\xc6\xb5\xbb\x85\\\x92-\xa75\xc2\n\x01\xeb\xf7\xb7\x1f&gt;\xb8\x08\xac\x0b\xc0\x1ap\x18\x8d\x06\xec^\xe1\xafq\xa2\x9a\x1e\x18 \xf5\x06p;\x0e%\xdd#n\xab\x9b\xb0\x8f! &amp;O\\,FC\xde\xed\rU",\x17\xb4r\t\xb8\x02\x18\x17\x9b\xbfN&gt;\xfb\x85P7\xee\xce\xe7\xf2\x8a,\xb3|\xf6\x08k\xb1\xf8\x90\xa8n~r\xa4\x96\xd1\xd0K\x85\xf3x\xa6=\xd3F\xe0xh\x1a\xe8\xa55\x1a\xd0\xb4Z\xddn\xd8\x8f\xb0.\x9c8u\x18\tE\xda%I"o\xb9\xba\\t\xcd3bN\xd5\xfeV\xb8\xf7K&gt;\x90\x07P?*\x1c\xc7\xcb\x10\x9a\xcfj\x89D\xfc\xddb$\x14=\x04\xd3\x11\x16y\x8b\xa8h\xf2\x81\xc4\x81a \x1e\xdc\x1a\x1d\xa02\x99F\xdc\x845~\xec\xe4P0x:\xff\xca\xeb]\xde\x97$\xa9\x94R\xe8\xd3\x81@$\x88\x0c\xc3\xca\x9cPT\xd5\\\xec\xcd\xda\xf3\xff\xfdQ\x164;\xae\xcd+\x82\xa0S\x1da\xb5\x96q\xb6\xaf\x1e\x9f?s\xf1\x01\xacEX\x9e\x01\x10\x80\xab\xfb:\x84\xbe\xbf\xee\xde\x12\xa6\x01a\x01\xb5f\xf4\x04\x19\nN~Q\x8cFPC`I[\xc0\xe2P&lt;\x9e\x15\x04\x86\xe19FI8\x0bI\x8eK\xe6\x9e\xffw\xff\x93\xcb\xef\x15r\xb2\xa0\x97\x9e\x1e\xcf\x96\xb5D&lt;\x9e\x01\x96w1\x7f\xe2\x14\xd4:\xff\xb3Z\x90\x0bj\xd10\xf4\xd1-\xc4\xc3\xcf\x0e\xa2\x1a\x1e\x1e\xb1\xce\xfc\xee\xd2\x00\x92u(x\xfa\xf1A%\x12\xdd\xb7X,\x92\xa5\x1e\x03\x13\x87\xa7\xd6\xb9p\x80da4\xaeprN\x8b\x17\nw\xffCWF3\xef\xfa\xf3\xf9lXv\xb9 \x16\x1e\x8a\'`\xb8\xa2\x16WK\xa5\xedP\xc4\x1b9&lt;\xa5\x17\xf1\xec\xd9\xe0I`9\x08K\x1f\xbd\xd0\nW`",\x83\xa1o\xd8\xf4\x9b\xe1&gt;\x83\xe1\xd2\xe0\xe0\xe7\x97\x87\x9e\x06\xcf\xe7\x97#\x91\xdd\x15`Y\x9c\xd5$\x9c\xc1\xe1\x94Y\x9e\x03\x97\x8b\x91\xe7&amp;\x9cE.\xb7\xa3\xd6\x15Y\x99\xbb\xf6o\x82\xa1tw\x9f\x17\xca1\xb9XD\xedE\x81\xeb\x8a\xc50\xe1t\xbc\xa4\x96\xf6\xa2^\xaf\xf7\xed\x9b3\x17o\xde&lt;?y\xe1\xc2\xd0\xb9~\xf2\x96\xae\x10tB\xc2\xd3+\x96\xa0\xa2\xa8\'\xd1\xa0\x16\x9c5\x88\x8c\x1f\nN=~e\x8flg\x9c\x16\xa7\xd3\xa9nu\xe6j\xd5|8\xc6\xb3&lt;\xef\x12],\xc7\xe7\xc0\x9aU\xd5\xa6\xcc0rM\xbd\xfe\xaf\xa5\xa4n8\x17S\xea\xb5br\xae\xc6\xba\xc4\x05\x9a%,Qq\xb1\xadR\xa9\xa4f\xb6#f\xc8\xf5\xf8\xe6\x19\xf45\xc1\xe0\x10\xfa\x1a\xa3\xa3\xb7\xd7\xaaK\xa5c!\xe4\x87\x87\xc7\xee\x0c\x13\x1d\xbe5Y\xdd\xc6\xc1\xf1s\xd8%N}uX1G\xf7\xfd\x80\xb28U-\x95R-\xc8\x89z6\xc6\xa3,po8\xb1SH\xa8M:Z2\xa5&amp;\xd2\xcf\xfe\xf9\xd1J\x9f\xde\x9b\x0b\x17\xcb\xf9rQ\t\xa7\x8a\xae\x85\x05\xdc\x9d\xd4"\xc1\x92M\xd4P\x92Z\xcbfs\xe4\xd5\x9b3\x9f\x9c93EX\xc7\x80e yL\xba\xdbM]0\x94\xaf\xb7\xab\x96\xc9zu\x10\x86\xff\xec\xf2\xd0Ty\xd9\x1ei\xaf8\t+U\x0c\'\xf3\x9a\x04\x93e2\xa9l\x92\xd2\x9eaS\x89D*\xcb\x93\xcf\xb8j\xbc\xb0677\x7f\xf7\xa3V\xf7r\xc5l\xa7\x8a@\x89\xcd\xd5\xb8\x85_\x7f\xcd\xb2/y\x94\x9f\xe3\x95|\xb6\x96Pif\xef7\xc0u\xf8\xc5\x89\x9b\xe7O\x07\x9f\xde\xfa\x0c\xe62\xb8) L&amp;\xa8E\xde\xef\xeb\x1b&amp;\xe1\xf4\xd8\x00\x96\xfb\xea%\xacLh\xf7_\x1f\xa0\x84\x1bD\xe5\xd4\xf2\x08\x86\\\\r\xfa\x97v\x1b\xbb\xad\x8eB\x91*\x86\xcbY\x85\xd1}\x8c\x8a&amp;\xd6\x94l\xbd\xde}ob&gt;\x97-\x86;UF\xa9\xae\xe5b\x0b\x0b_\xb3/QB6\x19\xceu4\x8c4aI+{\x8d\x8a\xf9m\x1e\xdb\xc4\xa9\xa9\xa7\xb7\x8e\x9f\xd3\x83K\xf7|o\xef\xc7K7%\xbar\x8d\x18\xe8\x7f\x8f\xfa\x8f\x0f\xbd&gt;\xa8x7W\x97\xa8\x86;\xf0O P\x87X\xce\xd9\xddH\xa4\xd1\xde\xca\xf3\x0c#b\xed\xe6\x11\xfd4C96\x9b\xae\x87cY\n\xf4B&gt;\xc9s\xae\xaa\x9a\x035\x1b\x10\x16D\xee%\x94\x8ae\xe7\xe3;\xaaZU\x94bJ\x92T\x8be\xa5\xdd\xa8T\x0e^\x7f5yv*\x88\xb6\x18X\x0e=\xe6\x8f\xe6\xa2\x8ed0\xe8\xbf\xec\x1bq;\x06\x06\xbfD\x7f\xf1\xf7\x83Fe{\xdd\xef_\x02VJadY\xeet\xb1\xbc\xe6Ht\xbb\xd5\xe49\xac\x91\\@\x0f\x0b*#\x1b\xae\xa5\xeb\xc5\x9e\x1b\xd7\xe7\xc2rR)\x96\xeb\xe5\xbc\xc23\xae~\xf8Aj\x00\x00\x06[IDAT\x80\xcb\xc5\xbd\xe4\xe4p3\x95\x89;\xfd\x16KU\x14\x99bZ\xc2S\xcd\xae\xb4#\xf6\xe5\xc3o\'\'\x83C\xd4\xad\xebrY\xfb&gt;f\x04\x80h\x89D\x98\x19H,+\xd5\xb0\xff\xd8\xb9[\xd9Fe\x13T\x10\xcb\xa2\x95\x19\x91\x97ci\xe4\xc4\xd2\xecn\xc5l\xafD\xde\xbe\xeb\x84\x91`\x9c\xb0 \x1c\xcd|F\x0e\xaf\xa5z\xd6\xaa\xb5\xadZ-\x97\x0f\xcbP\x88\x11\x02\x0c\xf5\x1c\xe5\xad\xccz{y}\xc2IX\x82\xc0f\x13\x12\x85\xce\x06\xf4z[\x86\xe3O\x1e\xd7\xbb\x17\xa3\xdbj\xb5\xf6Y{\xf5H%\xb5\x90\xf3\x0e\x83\xbb\x97~\x8di8\xde\xff\xe57\xd5Few\xd5?AXj\x8e\x17E\x81\x89\xa5\xa5\xd9\xd9\xa5\x95M\xb3\xd9\xec\xb3\x87\x16\xdb[\xd9\x18E\x18GKJw\xb0l\xacG\xe6y%\x8c\xf0g\xf5\x11\x80\x8aJu+\xd3\xde^\x8eF\xf6\x97,R)+@`\xb9\xa9\x12\x96\x85\xfcu\xf0\xfa):\xd2\xfe\xfec\x90\xeb*\xda\x04\xe2"_\xd1+\xceX\x0e\x81J\xaf\x10\xba\xd1&lt;\x0c\xfe\xf1\x07P\xed\xad\x10\x95\xdfiYK\n.A\x14\x14\xad\x8be\xb7{\xed6s(\xba\x9bIU\xc3I`\xc8\x98\x8cdi\xc8\xc3\xf6\xe84|\x17\x8a\x97\x95l\xad\x93i\xb5\x97\xa3\xa1H\xc4\xbb\xb7d)%\xaa\x81\x80(\x8a\xc9\x9a.\xd7\xceJk\xb3q\xf8\xede\xda^`\x931x\t\\\xc0r\xeb\xbe\xc2\x1a\x89\xc6\xc6\x01,\xaa!\x96\xec\xe9G\xd5\xcd\xcd\xd6\xd2\x04\x86\xdf)\xd5\x95\x00\xb0\x04!\xac\xa9\xd2\xec\xd2\x06\xb0 \x97\xcf\x1c\xf26\xf66\x10f[[\xf5Z\xb5\xa8`\r\xc0R\xcc\xebX&lt;a\xc9J\xbe\xb9\x95i\xed\xb5\x97\x17\x17C\x88t\xbb\xfd\xfd\xac\x14O4E\x1a\x81\x18\xcd\x1f\x8bsgv\xf5\xfdv\xf6\x1b\xb420N\xff\xf8%*\xd7\x15\xf8\x08\x10@\xf2x&lt;\xd4i\xe9Y:3\xe3x\xf4a\xf7=\n\x88\xe1\xf4\xef\xd4b\xf0\x07\xadja-\x0e\xb9V\x1bv\xc8\xe5\xf5\xf9B^se\xbb\x8d\xb1\xb7\xd7Z\xdfH\xa4j\xf9\x18pz\xf4\xd5\x89\x95\x8b@Z\xdf\xdfmDi\x84\xccx\x8c\xcf\xb7\xbb\x12\xd7\x125\xa2\xc2I*\xb5n\x1d-\xb3\xeb\xefr?LO\xa3\x8f\xff-\xa2\x8b\xb0\xd0+\x10\x95\xc7C\xbb\x0ej\xb5\x10\x0f\xd6\xab\x7f\xfd\xf1C\xbb5;1JX\x13\xeaZL_\xfd9\x97\x10K%J\xa5\xd9\xf5\x08\xa4\xf2\x86\xc8^!:\xa2\x17V\xab4\xf6J\xd4\xbf\xae)z\x11\x93\xc5fj\xb5\xf5~3\xe2%\x1c\x9c\x83\xddf\xf3\xd9l\xf6\xcd\xd5\rMk\x82\xc9\xc5@\xffd.Az9\x9dK\xce\xf4O\x8f&lt;$\xcd\xb8\x91\xb00\xdcn4\x0bF\x1a\x0e\n|\xd3H\xdf\xc8\xf7\xcd\x0f\xfb+\xa3\xa3\x13\xbaZq\xf4$\xa2\xe8\xe2\x93I\xb4\xcb\xf5\x8fXv\x1f\xc9e3/.F\xed8\x1c\x86}\x0f\xf1\xa6j\x9dT\xb5GV\x9a\xa9\xd6\xfe\xeef\x05\xf2\xd8l\xf7\xe9\x8f\xdd;\xd9\xed\x8d\xf5\x8dL\xa6)\xd2\xe4d\xd0L\xca\xe5\x94\x8e\x05\xff\xee&lt;{\xf1\xfd\x9f\xa8}G\x11\xdd\xd6+(\xa3\xd5J\xa9\x05\x93Q\x92\x9aLO\xd6&gt;\xbc\xdb\x80\xabFI-\x7f\xa1LT\xa2\xc8\xc9\xb0\xb6\xd0\xd4\xbaX\xe0\x82\xb3|\xbe\xe8b\xc8v_\x1f\x845\xe1O\xc7\xc2\x9d\x9e5MZ_\x86\xa2D\x82\xbf\x10\x8f\x8f\x00mvs\xb4\x95Ik\xb5\x00/c\x8e\xa0\x8c\x02\xa7\xd4\x12D5A\xf3\xfd/\xdf\xbd\xf8~\xda\xd8KE\xbc\xf2\x07z\xe3il\x188\xfa\xba3\xf6\xe4\xa7\xda\xbb\x8dQH5\x81\xaf\xd1\x9d:\xfadLAq\x01\r\x83,sMM#,\x94\x86\xcah\xb7\xa1\x8cvT\x07\x07\xaf\x00\xcb\xefO%\x99@\x8f$\xc1~p\xb8\x994".\x9f]\x17\xd4f\xf6F\xf73\x99\x95\x0e\x94GKA\xfer\x05\xe4rG\xd5\xe5"\x1b\xdf{\xf6\xdd\x9f\x9fP+36FoZ\xdc\xb936&lt;\xa6\xaf\xd7/\xe6R\xa5%\xd2\x89\xc8\xfc\xe9l\x0c!\x8d\xb3\x12\x17\x16\xd0/\xc9|M\xd5\x12\x1f\xd5\xd2\xe5\xba\x8f+\xbb\x1d\xc7\xb6U\xfeQ\xb4\x19\xb3&amp;\x12EQ8\x85\xc5\xe0\x1fp\x8a\x01\t\xa9\x86i\xb6\xb0\xb3\x18\x1e2\x8d\xdb\xda\xc80\xbf\xc2Z\x03\x1b\xc4i,l\x87\xad\x84\t\xeb\x06\xc2\xba\t\xdb\x05R\xc4]$6v;\x11a!\x12p\xb7\xb3M\xb3\xdfyc\xc8\xc5\xce\xc0\xfb&lt;\xe7\xbe{\xee+\xb2\x11\xd6\xe5\xd0i\x9c`\x0bX\\=\xfe\x0c\xb2\xd4\xb8G\x9f\xc3x\xf1\xef\xcb6\x9b\xd2\x0f,:`ETe8\x9bz\xad\x92\x8b\x1a\xcd\xaf\xef~\x7f;;\xd6\xe73\xfd\xd7\xe9\xdd\xcf~\x90\xf8&gt;\x1f\xc9\xb5\xbf\xea\xd5"\x86t\x84\x8b`\xa1Wm\xe5\x8d/n7\xc2B$\xba\xbenb\xb8R\x8b\xd5*\xb1"\xb0\xbc\xed.&lt;\x96\x8b\xa4\xae\xb1N2\xe8\x16\x87\xed:\xbb\x1c2\x82\x11KQ*.g\xf0u\xba\x07\xcb:\xc4\xe1\x9d\xce\xa8?\xbf\xb65\x9f\xf7G\xa3N\xbbm\x89l\x05\xdf\x1f\x08\xb4\n9\\%\xd4\xe4"\xef\xc3\x95\x97\x8d\'\x07\xb08\r\x07!\xc2F\x97\xb66\xf76\xa5.\x06N\xe5\x84qd\x83 \xb4\x8a\xd1\x85\xae\xd5\n\x0b\x17/E\x96e\x17\x03\xd2\x9d\xc1\xa5&lt;\xb5E\x0c\xcc\x9e\xf7\xe5\xb1\xcdD\xba\xe4y\xdb~\xf2&lt;\xa1\xacN\xcd\xf2\xeb?D\x1a\xdbd\x04\r\xbfJ{\x1cq\xc2\x04\xcc\xc6\x87s\xf7\x94\xd3R\xe6|XO]f\x12\x1d}_h\xcf\x98\xf4\x98\xf2\xdd\xee&gt;\xfbk\xb1\xdc\xd2m\xb5\x96\x91\x85\x8b\xc3m7\xf3&amp;\x98 \xadH\xac\x06%&lt;\xa76X\x05\xcd\xe3\xe1`\xb4\xf3\xa4\x9d\xe4\x89\xb0|\xb8\xa4\x96\xf0\xd0\xf3\x07+K\xcd\xb1\xee\xab\xb4\x9c8\xc2\n\xb8f\xb1\x8e\xa3i\xb01\xad\xc7\xe7\xb11\xa7`\xb5,V\r,\xcfb\x95\xad\x05\x90y\xb3\xf0\xb1`\x1ex\xe3\x1b\xc5\xbb}p\x08K\xab\x07\xa9\xf0\xe4\x05\xf8\xe8[\xb1D$\x99\x8ej\x95%\xa8\xa6?#\xeaxs\xe1\xbev)\xc9\xc5\xa2p\xa5\xc5f\xfd\xa2\xa1mLJ\xc3\xc7\xeaz\x8d\xf0\xdd\xb6\xc5v0\xe9U\x1d\x99\xb8|}\xa3\xc2_]D#\xaa\xc5\xe3\x96\xeb\xe0}\xba\x89&gt;\xda\xf9\xfcNEv\xfe\xf2t\x1f\x8bb\xbd\xf4}\xd1\xe4\xefL\xbe\xbf\\\x17\x9bB7\xc2\x7f\x10\x16\x8bA\xe3Cd\x17p=\x12\xaa\xcf(\x11d\xafLv\x8b\x85\\a\x9a\x86\xa2\xdc\xad5z&amp;\xbc$\xff\x03v\x9d\x81\x1eh\x8a\x86m\x00\x00\x00\x00IEND\xaeB`\x82'</t>
        </is>
      </c>
      <c r="M137" s="3" t="n">
        <v>45492.67685185185</v>
      </c>
    </row>
    <row r="138">
      <c r="A138" t="n">
        <v>359024</v>
      </c>
      <c r="B138" t="n">
        <v>2020</v>
      </c>
      <c r="C138" t="inlineStr">
        <is>
          <t>Juan Martín Lucero</t>
        </is>
      </c>
      <c r="D138" t="inlineStr">
        <is>
          <t>Juan Martín Lucero</t>
        </is>
      </c>
      <c r="E138" t="inlineStr">
        <is>
          <t>CA</t>
        </is>
      </c>
      <c r="F138" t="inlineStr">
        <is>
          <t>ATA</t>
        </is>
      </c>
      <c r="G138" t="inlineStr">
        <is>
          <t>CA</t>
        </is>
      </c>
      <c r="H138" t="n">
        <v>179</v>
      </c>
      <c r="I138" t="n">
        <v>9</v>
      </c>
      <c r="J138" s="2" t="n">
        <v>33571</v>
      </c>
      <c r="K138" t="inlineStr">
        <is>
          <t>Right</t>
        </is>
      </c>
      <c r="L13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356ef5e4-e234-4487-8dfc-e4bacb259c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M\xc2\xcc\xb1\x00\x00\x00&gt;tEXtComment\x00xr:d:DAEewil2SDw:3048,j:4010854548617000738,t:23080814\x1a&amp;b^\x00\x00\x00\tpHYs\x00\x00\x0e\xc4\x00\x00\x0e\xc4\x01\x95+\x0e\x1b\x00\x00\x03\x00PLTE\xff\xff\xff\xd8\x9f\x93\x03D\xa3\x03G\xa9\xd5\xd2\xd8\x10\x0c\x07\xd6\x9d\x90\xff\xfe\xff\n\n\x05\x12\x10\r\xd8\xd5\xdb\x0c\x0c\n\xd2\xcf\xd6&gt;"\x1c9\x1e\x17\xd1\x95\x89+\x18\x14h&gt;6\x88NC\xc3ue\xd2\x93\x852\x1c\x17\x06\x06\x05\x17\x14\x12\xd2$+\xce"\'\xd0\xcc\xd3lC&lt;S.&amp;\xca &amp;\xc5\x1b\x1e\xcc{n\xd5\x9a\x8d\xbf\x18\x1ah9/\xcb\x1c \x9dYK@&amp;!m&lt;2\xa2\n\x0b(\x13\x0c\xcd\x8c\x7fL+%]6.\xd0\x1e#\x85QI\xc8xi\xd1\x8f\x82\xd2\x8c~F&amp;\x1e\xbavf\xd6\x94\x89\xb9\x14\x16\x8fRF2\x16\x0f\x85J&gt;\xc2qa\xda\xa1\x96\xca\x87z}C7\x8aJ=u@4\xd9\xa5\x99\xcd\xc9\xcf\xd2\x98\x8d~MEb:2uD:d3)\xb0k[\xfd\xfd\xfd\x9e^P\xf7\xf7\xf8\xb6m]\xd7%+]* \x97UH\xc7}o[1(\xa4dV\xb3\x11\x12\xad\x0f\x10\xd1\x88{\xaabT\xbaq`\xb8hX\xb5rb\xd5\xa2\x96\xbeqc\x90N@\xc8\x81t{H&gt;\xabhY\xcd\x91\x85L1-nHAuLET4.\x85E8\x80H&lt;\xa4XK\x04M\xae\xbdl\\\xdc*0\xce\x84w\xbfzk\xce\x80r\xaa\xa7\xadD\x1e\x15\xdd\xd9\xdeN%\x1c\xd7)1\x95ZO\xa5^Qm5*\xcb\xc5\xcad-#V(\x1d7#\x1e:\x19\x11\xc0\x7fq\x1c\x0f\x0b\x8cWL\x03@\x9c\xc5\xbe\xc2\xd9\x97\x8fo@7U95\x1c\x19\x18\x96PCD+&amp;\xb4bQ\xc5\x85x\x9a\x06\x06t:.\xc4xk\xd7\x8e\x84|UQ\xadoa\xb6\xb3\xb7\xe2\xdf\xe1\xc6\xc1\xc9\xc1\xb9\xbe\xa3\x9f\xa6\xc6\x8a~\xab\\N\xd0\x9c\x92\xa7\x0c\x0e\xdf\xd1\xd2\x034\x82}&gt;2\x9f\x98\x9e\x04*fU"\x16\x9eQE\xb0bV`A&lt;\xb5\x19\x1d\x03.t\x85WR\xb7{o\xf0\xf0\xf1\xb8\xaa\xaf\xc02&lt;\x07K\xa4# \x1d\xea\xe9\xe9\x9drp\xa2j`\x028\x90\xa8\x97\x9c\x12T\xa0\xb0vj\x84_[\xbd\x83y\xc8\x96\x8e\x8c\x08\t\xd0\xbf\xc7\xb4RU\xd3\x85wN\x19\x0e\xeem\x86\x7f}\x82!\\\xa3\xe4,4\xd1\xac\xb4\xc1gg\x86\x9d\xbd++)132\xcaq`\xc2\xb0\xb4\x96`V\xe4\xc3\xc4\xc5\x8a\x8b\xad~~\xd6\xa9\xa1j]^\xc6lp\x99\x81\x81\xe96?\x93C?Y\x7f\xb1\xc0#\'\xcdz~\xaa\x8b\x90\xd45&gt;PHF{rtYPQ\xd8\xca\xcd\xb4\xa0\xa1\x98a_\xbbZd\xc9(1\xad\'2\x94\x8f\x91\xa3\xb2\xcd\xf0\xe0\xdf\x8a75\xc5DO\xd6\x9e\xa6Lt\xa5\x0bU\xadhhg\x93\xa7\xc5\xb9\x92\x96\xb3?J4i\xa7\xca\x9a\x9e&lt;?&lt;\x9c5B\x15&lt;o\xb6\xbd\xcf\xdc\x87\x9a\x8djg\x99 *\xdc\xe3\xec7\x08\x02"L\x81\xadny\xd5\xb7\xbcB`\x88n\x91\xbe\xcaY]\xdf\xaf\xad~\x8b\xa5\xc0\xce\xe0\xdc\x80\x8a\xa4G[\xd1r\x92{.,\x0c?\x83\xc1h\x84\xd7Wa@Bi\xef\x97JU\x00\x00 \x00IDATx\xda\xbc\x98\xdfO\x1a{\x1a\xc6{!\x81\xe9T\x99\x91\xc2$\xc5\x84\x84\x00\xe1G\xc0B\xc3)AM\x05= Q0Qp\x11\x05\xa4\x92\x89?ZSYa\xc54J\xd1H\xb0\x9eV\xbd\xb0QL\xd4\x93\x0c\x92F\xf1\xc6p\x05\x89\xa9\xa79\xd9\x8bFI\xbc\xf0\xd2lRoz\xb3\x7f\xc2\xbe\xdfA\xbb\xbb\xb7\x9b\x1d_#c\x00\xc3\xc7\xe7y\xdf\xe7\xfd\x8e\x0f\x1e\xfco\xc5\xe7\xf3\xd17\xaa\xae\xfc\xeb\xbaG/\x1e=|2\xf9\xf1\xd3\xa7\xc9\x0f\x7f}\xf20\xdf\x85\x9e\x7fp\xff\xc5\xef\xea\xda\xdf\xcf\xaf\xd6\xd5\xad\xbe\xf8xQ\xad\x94+P\xe5\x14\x85a\x14S.W\xceK/\xf6\xbb\x1c\xf7\r\x06\x02\xbd\xb8\xba\xfeZ\xbd\xa9\x00\x02\x03(\x88\x07\xc71\x8a\xc2\x05\x12\x01\x8eKp\xacr]\xfa\xf4b\xff~\xc1\x1c\xfb\xa52&amp;`\x11\x04P\x18\xc3P@\x85\x03\x1f\\\x05\x02\t\xe2\xc2p\xaa\xfc\xf5m\xd7=r9\xf2%J \x91H\x04\xb7\x85\x83J8\xce\xc3y&lt;\x0cK\xa5(@\x022\xc0\xc3\xf1ri\xd5qo\x16\xee\x97R8~\xc7$\x91\xd4\x00yP8\x8fb\x18\xa6\xa6\x99\x04a\xe1T\xb5\x8e\x7f_\xcd~\xf5o*\xc9]\xb1X\x18\x86\xc1\x03\x95bR\x08\x0czL\x823\x9f\xeeI.\xc7oe\xa0\xc2\xff\x1bK\xc0B\xf1n\x1f\x01\x0f5\x1bz\x95\xb9\xaes\xdc\x8fX\xd7\xd8mK!\xac\x1a\x19t\xd6]\x01\x16\xb8\x98\xaa\x19\x89\xe4\xba~}\x1f6:\x9eTp\xb60\x8c\x15\x049\xc5b\xd5\xda\xabF\x96\xa4\xee\xb0\x80\xab\xb4\xcf\xbf\x8f\xce\xa2X\x87p*\x95\xa2~\x82!*\xc1m\xe3\xdf\xba\t\x13P\xf3\xb8\xf2\xde\xc1\xe7&lt;H\x1f\xde\xe0,\x0eD\x01\xc3Z\x85&gt;\x19A\x08\xe0\x8bG!"\xac&amp;\x1dR\x93\xd5\xeb:\xcf\xb9X\xf9\x0b\xc8&amp;\xf8@\x987P\xab\xe6\x15J\x02\x1e\x96\x84J\x11\x04z2ygf\r\xba\xfc\x96\xcfu\x90^\xa4@\'v\xd1\xb0P\x88\x0bU\x92R\x8b\xc5\xe2\xfaz\xa31\xadT&amp;\x88$\x0b\x86\xd0Q\xee\xe2\x17]\\\x07)\x85\x88~b\x81\x91\x0c!n\x80\xaaWj\x9bt\xaa\x96\x0e\xbb]go\xd2\x1a\x1b\x88$V\x0b}\x0c\xd2\xe3\xe6!\xa7r9&gt;\x94\x05l&amp;\xa1B.2LB\xd9\xd4\x19\x8b\xc5Tmm-\x8d\x8d=\x8awf\xb3\xb9q\xb4\xa5\xadS\x0b`&lt;\xd4k\x18\x85K\xb0\x0b.\x87\x91\xbf_\x85\x01\xc4j\x05R1\xe2D\xba\xc9\x13[\xde|\xd9:\xd8\xa3\x88\xf6\xaf\xafG\xa3QE4\xba\xbd=\xf8\xbc#6\xf3J\xcd\x8e\x01,I\x01\xf3\x1b\x87X]\x93\x8c\x00a\xf1\x90`T\x8a\xa8\xd7v\xcf\xcc,o\xb6\xb4\x0e\xbe\xeb\x89\xf6/..\xae\xa3B\x17@{\xf7\xf7\xcdn\x02u\x18E\xf1\x04x\x89\xb3\xa3\x84\xe3\xf5U\x05\x96\x0e\x0fC\'\x05\x8a"\xea\xa7\x00\xaa\x13\xa4\x1a|\x17\x8d\xae\xe7\x16\xff\xb3r9\x90n}\xb0\xb3!\x89\xa1\xc1\xc5\x05\xe5\xf7\x1c\xad \xc7\xeau\x85\xfa\x19\x99@\x15\xef\x9e\x89\xc5\x96_\x0en\x03\x13\x94\xafV\x8b&gt;\xda\xe7\xa3i\xda\x0b?\xe7\xb6c\xaf\x08\xe8?\x06\xc0\xce9ZA\xfc\xc9J\x99\xc5B\xa7\x18\x8c\x98\x9a\x99\x01*V\xaa\x9c\xcf\xe5r\xd1~\x8b\xc5\x0284\\,"\x91\xc1`\x10Yh\xdfv\xac^\\\xae\x94\x19L@]q\x13\x12\x8e\x8f\x15\x06\xbf=5\xf0\x88W``ly\x19z};G\xfb\xa1Dl\x01\x1b\x00\xc9d\xb2\x89\t\x99\xcc \xf2\xe7\x14\xb1\x86D9\xc1\x80\x8d7\xab\x9c\xc8\xc5\x7f[\xb9=9\x08\x92\xeaWq\x90\x8a\x1d\xc1\xed\x9c\x0bhX\xa6\x8c\x08t2\xc8\xdc2\x16k\x0c\x81Y|\x8a\x99\x06\x82\xa0`=\xa6&amp;9\xd9\x8c\x8e\x0f\x15\xb4\x8ea7\'\x7fy5\xd5\ra\xd5\xb6\xc9b\xd1\x16\x04TS\xcb\xe0\x96\xb1jMLL\x04@0\x83HDo{ \xc0\xd0/^s3\x8cu\xd7\xa8\xb5 \x1c\xd4\x88\xaaS\xb5\xdc\xd6\x02\xd1\x10]_\xac\x99h\xf1\x03\x9a\xdb\xed6d\x10\x97{\xa2\xe6#\xe8enB\xc1*\xc0\xcf\xb9\x89\xd4\xae\xf7e\xf8\x9ba\xfd\x89\x11\x15\x9b\xeb/_\x02\x16t\xbc\xd7\xeb\x052\xcb\xadd\x16$\x1a2\x12\xe8\x0c\x16\xba\x7fTK$!\xedn\xf2\\`\xf1\x1d\x10\xa6\x08K]\x1f\xef\x94\xcbU*\x10\xab\xa5\xb5G\xb1\xde\xdf\x8fF\x11\xc0\xa0\xb5\x80\x8d\x9dF\x11k%rTd\xf19\xe7ay\xa70nz\x9e\x9fG\x87e\x10\x8b0z\x10\x16\x88\xd5\xf2\x12v\x8e":\xdd\xff+\x04\x04\xe8\xe5\xb5\xf8E~\x1f\x8a-?\xea}\x192QD\xfbr=rc"\x85\x959\xb9\x07\xe2\xdfyHh\x11\xd5&lt;\x8b\xd5j\xee\xe9Q ,\x9am/\x90\x0b\x85)0e\xdc\xa8\xbb\x00+c\xa1\x87\xa7\xcdMb\nK\xbd\xe7d\x12?\xa5n[\x0b\xc4\x02\x0b\xdbX\x13\x11V\xef\xf0\xaf.6"P\x92\xd2&gt;\x1a\x84\x9a\x18\x1b\xd3h\xc6\xc6&amp;\xdc\x06w\xc6\xef\xea\xef\xd1\x01\x16u\xc5\xc1\xfe\xe1w]\xe0\xb5\xd62\xdaI\xb6\xb5\xda6[F\x1b\xcd=N\xd0\xca\xef\xcfdPn\x01\x19\x18(\x92\xf5=mn\x16&gt;k\xee\xeb\x1b\x0b\xb8\xdd\x19\xd7\xb0\x93L$1\xea\x82\x83\x84\xe0\xe7\xab8\x8a\x07\xf0\x90$\xe7U\xac\x89\xa3\x80\xa5\xe8\xed\x07\xa92\xa8\xdc\x19$\x18-\x92\x8d5?~&amp;|&amp;l\xd6\xf4\x05\x02\x01V\xae\x8e4Aa_\xf7\xb9\xc0:\xafa\x89\x9b\xc2\xe1\xb0\x8a\x1d\xc4\xd1\xd1\xe7f\xe7\xf4\xb0\x1f!A\x8d\x05\xa0\x95\x0c"\xb7\xf5\xf1\xb3v\xa1P\x18\xd4X\x03\x08K\xe4\xf7\xba\x1aC\t\n\xabr\x80\xe5X\xbda\xc3T\x9d\x88\x84GF\xa4\xe0"\x8a\xd3\xd1AE\xef\xca\xf8\xf8l`\t\xdc\xb2Z\x03n\xb8h\x84\x1b\x7f\xd9h\x17\x06\xd7\x96\xc6M\xe3\xf0\x9a\xc8o\xf2N\xdb\x13\xdc$\x04\x1f\xb0$\xc8CeD\n\\ry-#\xcc\xce\xde\x15\xd3\xf8\xec\xd2\xda\x12\xe2\xb1"4\xcd\x97\xe3\xef\x1b\xc7_\xce\xf6\xf6V\no\xcc\xd3\x03\x90\xb5^\xdfP\x9a\xe1\x04\xcb\xb1Z\x81\xd4\xa2\x88D\xc4NJ\xc3a\x9d\xc7\xe3\xd1\x91\xa4t\xc4f\xdb==-\xec\x15\x97f\x03\xc2v\xab[\x13\x0c\x14\xf7\xce\x0e~d\xb3\xe1\x91\xecQVj\xb7\x8f\xf4\xbaL~Z\xa1K$\xcf\xf3\xff\xffQ\xe4\xbf\xaeH\xe0\xf0\x97P\xea\xa4\xa8tF\xb8\xf9JkC\x0b\xa1t:\x14!m\x97\x87\xa6\xd9\xf6\x8d@f\xadxxxv\x90\x8d\x18\xb5\xc6th!\x02\xef\x08\xd9\x9d~?\x8d\x9a\x9e\x0b\xac\x07`"F\xc0=\x05\x89\xa8H\xa5Z\xad&amp;\x88\x86t\x88\xad\x88N:\xd7;.l\xcf\xb8\x85\xc5\xcb\x83\xd3\xec\x0e&lt;\x05\xc4\xa1\x85\x9d\x85\x05\xad\xd6\xbeb\xf2\xe7\x86"\x9c`\xf1\xf37xR\x9cHD\x00\x8b\x94\x86\xd4p\x0b\r7\x88\xf5J\xa8z\xa36\xa2\xeb\xd0\x0f\xaf=6\x04\x82\xc5\xc2\x81\xde\x16\x0eK\xa1\x01\xb3\xd9\xa3\x1fG\xd9\xf0B\x93Y\xe4w5\xea\xc4U\x0e\xb0\x1c\xf9\x1b^J\xacT\xda\xc3R\x92\xdcI$\x93j\xb5X\xa9\xd5j#!\xad\xd6h46\x91C\xce\xf1\t\xd1\x98\xa6\xb8W\xd0\xeb\xdf8\x9d\x87\xc5\xe2\x97\xef\xdf\x8f\xff\x01\x8e\x92-^?\xfd\xc6\x9e\xa8\xees\xa0\xd6\xfe9\x8fH\xa4C\xd2\x11)i\x8f\x10\xea\x06\xadNG\xdaN\x0b\x07\x07\x97sR\xcf\xd4T\\\xfe|\xd8+\xea\xd3\xac\xcd\x0e\xf4\x0e\xcc\xba\x03Vkp\xe3\xfb\x1f\x1bh$/m+&amp;\xef\x1b\xbb\x92\x938\xed\xaab\x842\x14a\xb1\xb4\rJ\xdd|\xc7\xee\xe5\xca\xde\xda\xf1\xc6qpoN\x15\xdf\x8a\xcb\xcd\xc3\x99\xb1\xa7\x1a\xeb\xacUcu\x9b\xfc\xa6\xd9/\xc7\x7f\xb0\\{s\xc3&amp;\xbf\xc2\xae\xe4\xe4x\xea\xb8\xa6\xc4\xca\xd0\x82\x14\x99\x18\x89\xe8\xc8\xf9\xa1\xd3\x95\x81Y\xc0\xda8^;\x9c\xeb\xdc\xda\xea\x1c\x8dZ&amp;\xfa\x9e\xf65\x0b5\xde\xdc\xf4\xb4\xb3pV&lt;F\xaf\x06\xd7\n\xbd&amp;\x93Sn\xe4\xe2\x16\x96\xcf/\x01Vz\x81\xedf2\x1c\x1e\x1a\xd2\x9f\x16.www\x7f\xfc\xf9\xed\xac0g\x8fouoF\xe9\x89\xb1\xbe\xa7\xc1\xf6\xf1\xc5\x9e!\xb2\xbbi\xe7\xe8\xec\xcbZ\x10\xb6\xd0a\xaf\xd7\xeb\x947qr\x82\xe0_!\xb5"\x80\x05q:\x02Tz\x9b\xdd\xf8\xb7_\xd2\xd5\xd2EvN\xaf\xdb\xda\xea^~\x97\xb3\x18dVM\xd0\xd4\xaf?\xda9\xd1~\r\xed\xfc(Z\x9b\x85\xc2\xe2\xf0\x80\xb7G\x1e\xf9\xc8\xc5q\xeb\xc1GJ\x9c\xbe\xc5\x1a\xc9\xda\x10TZ\x99V_\x97&amp;?\x1fII\xcf\xc9I\xf7\xf2`?m1\xb8\x03\x01\xd3\xf0\xd9\xe7\xafS\x0b\xa5j\xa9:4`\r\xb6\x07\xf7\x06\\\x80\xf5;\'\xa7\xd3\x0f\x0c\x0c\xe2\xc2\x0e\x84\xe9HV\xaf\xd7\xab\xa6\xeaw\xce\x13\xa0\xd6\xe7oG#\xf1\xf8\xc9\xd6\xccr\xeb\xb4\xcf\x02\'\x88\x80k\xba\xf0\xedO\xd2\xa3;\xfa|\xa0j\x1don\x17\xce\x0e\xb8\xcc\xf2\xc8[N\xfe\rQW\xbe\xc5"\xc36\x9b\xad\xad\xfb\xc4#\x1d\xd1iu\xd9\x83\xdd\x0e\xb9g\xeb$\xde\tX.\x91\x0c\xee\xca\xc6\x7f\x8d:\x0b\xa7\xbb\x07gg\xff,8\xc7\x1f\xb7\xb7/\r\xb8Z\xe5;\x8f894\xe7\xcf\xc5,\x16Z\xd0CCm\xb1NU\xc7|\x87M\x7fYx3\xaa\xf2\xc4\xe3\xdd\xf2\xcd\xd6i:\x03X"\xd3\xbfx5\x9f\x9f\xb4\xd64\x8e\xd7\x8d\xae\xc0r\xaa+N\x82!p\x02\x9c\xe0\xe1H\x80\x96\x1fF8G\xd0\x00\x87\x04\xabU\x10\x0117\xc8\x9c!\xc0\x051\xa4@l\r \xd3Ld\xd28AH\xb4\xb3p\\\xa07\x11s\x17.\x1c;i5$Nn\xa7\x9dn\xeaf2w\xef\xeav\xd5\xcd&lt;\xafv\xfe\x03\x98\x87D\xb7\x9f|\x9f\xf7}\xde\xef\xf7=/\x04\xa1\xf9\xd5\xfd\xe3\xbf\xff\xf4S\xc0\xb8941\xb896\xbb \n\xf6&amp;\xf9\xbc\xf97R\xab(\x82b\xfc\xfe\x08f\x8d`\xb9\x84\xe7\xf0\xd0a\xdeI93\x19\\j\x82&amp;\x96c\xe5\xc7\x8f\xa6\'\xa7\xc1\x0c*\x07\x9f=C^\x10\xc6\x98\x0f\xa9\xb5\xd5\x93\xf8:0\xf53\xc2"m"\x11Q`L\x11u.\x91\x909\x1c\x1e\x87K\x17I9\x9d\xa0\x96I\x97\x9c}$qCx\x9d\x7fZv\xfb\x94T`0\x100\xae&gt;}\x04v~\x12#\xafzt\xf3\xf6;\xf0\x0b\xc5\xb0M*B\xf9"\x92K\\8\x92\x1e(\x87+B\xb0\xd0D\xc2\xb4P\x9b}\x0cA\x1af}\xb9\xec3\x06\xa0@\xa8G\x90\xd0\xe6\xa7g]\xd2O=\xf9\x1a;`\xff\xfd/\xc0u\xaf\x96\x851\xe8\x12I\xcf\xe2\xe2bu\xd1\xa130\xac3\xc3\x12;\x0b+\xb0\x13\xcb\xa3\xee\xa8\xb6\xe2\x83\x1eBi|\xeeU\xcf$d\xc7\x86\x8c\xf8t\xf0\xfa\xf5T\xf7\xa9\xecS\xef\xc1C\x85\x11\x16\xe4\x0b\x83\xce\x95L\xce\x00W2\x91\xd0\x01\x96SJ\x986\x92\xd3e\xd4\xc4h%O)\x95\x145\xa4\x81H\xe6\xde\x1f\x9bGX\x86jk\xa6\xf1\xb6\xdbz\x1d|\xfa\xf4\xfc}\xb1\x89\x87QJ\x94\x96L\xe6\x8d\xdd\x15\xa8\xda\x8c#\xe1\xc2\x884,\xadR\xc4\xb5\xf8T"\x89\x8d&gt;\xf2i\xf2#Z\xca\x18\xa54\x9a\x8a\xb7\xad\x89\xa2\xc0/s\x9d\x9f\x9f\xbf|\xd6],\xfb\xd4U\x81#q2\x88\x83g\x06.\xcb\xf2\x02`\xdd\x81\xc9\\:S\xcaYOK-\x98gn5\xea\xf5\xfa\xcanJ\x9b\xcfk\xe1\xd0\xd6V\xb4\x15\xaf\xb7-y&lt;=\xe9p\xc5\xda\xe7\xe7_\xbb\x8c\xf5*\x94*\xb0ii0\xdc\x0c\x85\x82\x05\x821ll \xb9fj\x80e.\xa5\xebN\x98b\xba9\x9fr\x10\x92\x98o\xb4\x92\xd7BU*\x15m\x1e\xfe\xb4c\x90`\x1d\xaev,\xd6\xeer\x13\x07^\x15N\x195S\xd8"\x83[{[\xa1\x90\xdf\x00j\xed\xae\xd4j\xb5\xa4\x0c\x89\x95&amp;,~\xcc1\xa6\xfc\xd3\xb3w\xef\xfa\x87b\xd1\x91\xbc\xf6\x9eL{\x87\x15+O;d\xb1\xd1v\xfeK\xb7\xe3\x98\xf8\x94P[\x0b[\xa2\xe0\xd1\x11\xb8\x195\xb6\x80\xbaX\x9b\x99I\xba\x16,\xce\xbaE\xad\xbeHx\xc6\x02\xe3\xef\xbe~\x1d\xef\xa7\xbc\x1441\x9fGd\x15\x8d\xa6\x1d\x8d\xae\xcf%\x921I{\xbc\xcbXH-\'[\x10\x89m\xcd\xad#(\xc4\x85\xb0\x1a3I\x999Uw\xe6rj\x18\xaf\x93\x9b\x13\xcf\xc6\xfb&amp;&amp;\x02\x94&amp;\xff\xbdP+5^\xe3j529z&gt;\xfa\xa4\xdbj})\x9c\xd6\x9d\x9c\x98\x838\xba\xb5wt\x94Sc\x98\xce\x85\xd4\x9a\xd95\xa7N-\t,\x1d\xe7\x98\xc4\xdc\xb1rP\xd9\x92\xad\xf8\xa8|_\x7f\xbe\x0fa\xe5A.\x8dqu\x91\xa9\xb6%\xe7\xdanc\x1d\x84\x00\xcbIp\\\xb8\t9\x0b\xa9\x85- \xac\xc6\x8cl\xa1TO\'.J\xfc-O$&lt;sc\xba\x9d\x9b\xceco\xfeI\x1f\xfa\xddwQc\x1csX\x16%\xf9\x98\xa6\xdbM\x9c\xda\x03C\x95\xa9\xa3!\x11\n\xed\xddaa\x1b\xb2Z\xa3\xb1\xe8\x91\x19\xd2\xf5TB\r\xe7O\xda,\xab\xae\xaf{\xa3\xa3\xa3mm\xbe\xef\tT_E\x03k^y\\\x8d\x98\xa6%\xf9|\xa0\xcbX\x0f\xec\x7f=u:Oo36\x1c\x0f\xdec\x190\x9dl\xa6\xb18\xe9q`\x0c\x04\x8cL&lt;N\xfa=\xfb\xad\x9c\xda1\xd3\x98\x85\x11\x81\xa8\xc6\x9f\xa0\xb5E)\xd7\x0fS\xd8\xaa/?&gt;\xd1m\xac\x81\xff\x9c\xa6\xeb\xb7\xb7\x99\xa6\x8an\xc2\xea\xdaS\xab\xd1G\xcd;,\x97\xd9\xc2\xe2|6\xcb\xe3\xa1\xc3\xc3\x10\x8egX\x93\xe3\xa9D\x03r\x8d\x8f?\xc9\x0f\x0eQJ\xe3~N\x9a\xf0\xb9+\xda\x91\xae\xab\xf5\x97:\x88uk\x0b\xd2\xc2bh\xeb\xe8\x0eK\'K\xc2\x92w-[\xd8\xb8P\xa1Pd\xf9LH\x1c\xcf\xf2|\x96\xe7\xac\x8b\xab\x9a\xbb.\xf6k\x87(\xca\xd8\xb2J=\xc6\xb2\xe4\xbc\xfd\xba\xdbg\xe2\xf3\x0c\xc2"C\xb40\x1c\xfc\x1f\x96\xcb\x91L\xbaL)\x9c\xce* \xfcg\xb3q1\x9e\xcdfO\x81\x0bgd\xab\x14,\xf9\xfe\x11h\xa1r\xf3\x90a\xab\xca\x1f^\xfe&amp;\xe9\xfaQ\xfd\x91K\x03V\\,\x17\x00\xd6\xdew,\x97KGpq\xa1\x1e]\x94\xe8y\x9e\x13g\xb2\x19\xc8\xd7&lt;\x1f\xaf\x97\x0c\x8eM\xc0\x9a\xa0(\xe5\xf6~\x8eM\xcfQ\xb5_\x7f;\xef:\xd6+1\x0bX&lt;)\x17,\xddaY1T\x06\xa9J\xa0W\xa0\xba\x8d\xb3;\x18VJ\xe9\x1c0_\xc1\xab\xd6\xd3i]`\xa4\x7fd\x882\x1e\xb7\xd4\xe9\xf4\xbe\xb2\xf1R\xd2u\xb5\xeco\x8e\n\xce\xd3\xd38)\xcc\xca\xd1\x9a\x87D\x06\x9b\xd1$U\x81Tz\xa1\x90\x8f\xa7\xb0\x95\xc6|yl&gt;\xaa\xf1n\xb6\x12\x86\x92\x13\xe6\\b[;1Dm\xee_0Nv\x15y\x9c\xaec\rL\xfd\x03}\xbb\x90rY\xbd0,\xbe\xc7\xb22$\x9f\xd5\xeb\xf5\xb4\x8a+-o\xa0\xa3\xbbQ\xf6\xb9\xaf\xaf\x8d\xd0\xb6\x7f\xf9\xd9L]\xda\x1a\x9cP*\xb7[{\x05\xae`\xd4h\xbc\xb1J\xb7w\xe2\x83\x07\xaf\xc5u\x96 2Y\xfd\xf0R3\xb4\x07\xb1Z\xed\'p\xbd&gt;+\xa49\x02La\xa7s\xd3\xe9t\x1a\xd3\x9fg?\x9f\x9d\xb9\x95\xdbU\xab4\x13Wo\x0f*\xb7\xd7\x0f\xd5\x8c\x93\x99\xd0\x80\x91\xf8\xda\xfd\x941u\xe5t2\x04G#\xacf0\x04\t\x96\x91\xc6\xf5Y:L\x16\xfc\xe6\xe5\xceB\xe7\x06\xaa\xd68\xa9\x9d\xc0\xec?\x03\xae\x1c\x19\'\x8e\x87\x8c\xeb\xfb\x1e+\x911\xe5\xc1\xdfT\xbe\xf4\xe2\xaa\xf9(M\x10,\xaf\x18~Q\xbc\xe7b\xa0\xa3\xb4-(&amp;,\xcb\xcb\xcb77\xdf\x10\xd7\xee\xaf\'\xa8V&amp;\xd7[\x87V\x96=\x0c\xc0\xff\x9c\x9f\xe4M`\xbb$o{\x91\xf6\xed\x1f\xf7\x08"\xcd+\x1e",\xb1\xd8o\r\xe20\xa0\xac9\x86M\xa7\xd3\xdf\xbeu:\xbb+\'\'\xd0\xc1\xb3\xcb\xcb\xb3Zg\xc3u\x98\xb3\xa4tsc\xd5\x04V\xc0y&amp;Z\xa9|\x9d\xea\xcdw\xce\x8fW[D\xf0\xc5C\x01\xbaAn\x8a\x83"\x8e\xce\x88r\x17:\x08\xaf\xe9o7\x9d\xdd\xefL\xd7\xd7\x97g\x9fk\x8d\xb9V\x8e)9&lt;s\xd5DN\x1a\xe7\xaf\xde\xbe\xfd\xd2\xab\x87#\x03\xf6\x83W\x07\x1f\x86\xd7\xe4\x90b\x8b6\x1b\x19\xc6I\x91_\x87\xed\x94R\xa5\x9d\xefX\x97\x12\x9f\xf7:v\xf9x\xd5\xe7[\xcfY,\x0e\x14#1.\xae\xfa\x9b\xbd\x87/\xdePX\xfc \x10\xca\x97\xc2K\xaa\xa5p\x11\xe7lb\xab\xce\xb0\xbc\x03e\xdeX9\x99=s_S\x83\xe0M5^\xf8\xadc,\xe3\xf1$\xd4\xb03\xe2\xe4\x8f\xbd}F&lt;p\xf0^(\x94\xa3[o\xe0\xc2A-\x063,\x03\x97\xc9\xecJ6f\x7f8\x9b/o\xc2\x84\xd2@.\xa361\xd6R\xf5\xf8a\xa8\xf0q\xf2c\x8f\xdf\xbb\x1d\xbc_\x1b\x1e\x16\xd04p\xe18\xce\x89\n\x11\x0c3\x9bwJ\x16C\x02\xa4q\xb9\xc0\xa0\xce=-\xc3\xac\xf7\xaec\x1c\xe1IXX.C\xc7\x8b=\xc6\x1a\x98\xfa\xc3/\xc3z=p\xd1w\\\xb6\x02c\xd0-\x98\xcd%8\x03D\xe2&amp;\x19\xb6\xd9,\x06\x99[\x039\xbf\xcapl.\'e\xd98O\xf7\x1a\x0b\xc6\xea\x9f\xd7\xf4\xc3r\x15\xaeRA\x13U\xc0\x15\x81pf6IY\x0e\x0f\xab\x04\x02\x15\xceF\xe6\xd0\xed\x83\xefB\xccq\x8c\x1f\xce+\x9e\xa7\x83\xbd~\x12k\xb7\xff\xb84,|Q\x0c\xabTE\x9c\xa69\xd8\x8b\x06\x83\xc1TJ\xb1*\xb9@\xa8\x17\n\xc2R\x83q\x84\x8a\xba[j\x92\xc4E!+\x88\xc5\xab\x8e\xde\xf4X,\x08A\xff|(\x00\xacp\xb8\xa8\x12\xd0x\xd8&amp;f\x18K\x8aM;\xe9a\x85\x02\x8e\xc88\x99\x0b\xf4\x0fm\xb6&lt;~\xf0\xfd6q\x01\x89\x85_\xf5\xfc\xdd\xfc\x80\xfdJ\xa1\x10\xaa\x9a\xcdb\x91\x16\n\xe0H\xb41\x96\x12\x8b\xd3rd\x9c\xc1\xe4\xf0p@\x8f\x0c\xae_\xe4\x18\x12\xfaL\x92\x1c\xcd\x0b\x8a\x7f\xec\xf9;]\xb0\xf5/\x14zy1\x08b\t\xe4\xb0\x96H\x91\x8d\xc4\xe5k\xc3\x88*+\xa0y\xde4\x16\x08\xb4.\xc0\xf6\xd04,&gt;U6K\x7f\xf8?\xbcj\xb6?o\xd2\n\xbd\n\xc4\x92\x0b\x04\xe8\xb9\xa9\xea\x85|mM\xa8\xd7+\x86\x854N\xc63\x91\xea\xf6\xf1\xc5\x7fy9\xd7\x98\xa6\xb34\x8c\x0f\xd0\xb4I\xd3\x0b-\xed\x17hB\xb7)\x86B\xa0RR\xc0\xb6H)\xb4\x85L\x81\r\x972\xa5\x05j\xab\x84\x820\\F\xec\xa2\x03\x01Y6#\n\xc8(\x98\xd1(\x12\xb38\xe0\xba\x1a\x13\xc9\x84\x04\xdc\x8cH\xc6(^7\xc1\xdd\xe8\xac\xae\x9b\xc11\x04/\xf1\xf2a\xb3\xbb\xcf\xfb\xff\xd7\xc9~\xd8\xd9\x1dg\xb1o[\xda\x8f?\x9e\xf79\xefyO\xcf9\xcd\x93X\x14\t\x18\xad\xbd"`\xcd\x87\xe1N\x86\xedV\xadE\x98(\xaa\xe9\x86\xc5\xe9\x18l\xafP$\x97\xcbE"9\xa5T\xa2\xc2\x18\xb8x\xe6\x94\xd7\xa2\xc0\x10\x10&amp;%\twf\xec\xec:\x18\x86\xa3\xe9\xbc\x83\xb5q\x16a\x860\x89\xc1B\xc8\xa3\xa3\xa3\xe5\x1d\x1d\x90.\xc9b\x91\xa0\xb5\xe8&lt;u\xf1\xe8\x96\xde\x04L\x07IiX\n\xed\xb0\x87\x03\xcbv\xb0\xb6+.Y\x98\x01\x81P\xf0\xe5\xf2\xe8\xc4D\xa2\xea\x10&amp;$(,\xc9\x96Z\xef\xc5\x94\\oM\xafP(\xcf\x10\xf6\x8a\xb6\x0b\x9b\xfd\x15\xe1R+\xce\x92,\x02\x8c\x1c\x05?\x9a\xc1\x923\xfb\xd6I4\x1dyS\xf2$X \xa1\x88\x11yZ\xb1\xebHy\xb8\xd4\x92H$I \x82\xcd\xa3C\xd1\x01\x9b\ti7]!\x89#_%$\x88\x98F_e\xaf\xab(\x0f\x97Z\xb5q\x92\xe44\x11\xb3Bd\xa9\x18\xb9`3\xa0\xa1\xd2"\x854JA\xaa\xb2\x97\xd7\xd5}\xf4\x87\xb0\xa8\xe5\xad\x85\xe9\x93\xb7\xa4\t\x7f\xc0\x92\xc3]\x0c\x17Hz\x11\t\xc0\xca\xc8\x10\xa5IJ\xac\xe5YYY\xe1\xc2\x8a\x8b\x93H\x90)y\x06\x8b%\x0f\rEP!{\x1d\t4*E\x19;\x15\xee\x16\xab3\x10\x13\x93\xf5,&lt;Xn$\xd1R\xac@Q\x8aN$\xa6\xe8\x0cb#\xb5\x84\xa4\x14K(T\xf8[&lt;\xba`Qjj\xd6\xcb\xb0x\xcb\xeb\xcd\x83\xb7\x92\xc1\xb5]\xc4T\x08@%F3\xd5b\xa7\xb0\x03Xr\x94\x8e^K.\xa8\x02UE\xf11u/\xc3\xa3\x96\x97\x0eC\xa0oQ477\xa7\x89\x18\xac\xe8Dy\xa8\xacb"\xc2\xdb\x96\x14;\x9d\xa1\xaa2\x14\xc5\xa7\xce]\n\x8fZno\x9eDU\xac\xa0\xd8\xa1H\x90S\xe9J\xfcU"\x15\xd6\x0c\x11\x9c%\x97\xf7\x1e\xbd\xe8)\xb1:\xc7\xab\x0c\x9a\xfa\x86\xf8\xb0`\xd9\x0ebA\x8d\x99\xb8\x18\xa1\xc0+IH\x89$\x93\xc9\xa33\x12\x18\xcb\'\xa7\x9c:\xed\xf18\x03}\x1a\xad\xb6\xb4!un\xf3\x07\xe1P+7\xd7\x9b\xd7\xa5\x82\xb9\xf0\xb0`\xbdH\xcd\x96\x102\xb1mN\x9c\xa4\xf3tp\xfc\xf4^]\x9ff\xb8Z\xa6-=\x9f:7\x12\x8e\xdbm\xc0r\xbb\xf36\x80\x8b\xc2"A&gt;\x93\xf31\x1bZ\x8a\xbb\xdc\xb9\x17\xef\x9c&gt;3&lt;&lt;\x1c\x1c\x1f\xef\x1b\x16W\x03k\xe3\xf9\xf8\xb0`\xf1X\xac.\t\x84R\xa1e\xa0m\xcf\xae\xae&lt;4\x0e\x17KN\xd1a\xa0\xdfW\x0f\xf7\x05\x83\xc8 \x8bU\x1a?7\\@\xb7\x8a\xdfs\xd3|\x0eX\xc6\xbc\xbc\r\x1b@\xa4B\'\x83f&gt;\xcf-m)\xd9{z|&lt;8&lt;RYIX\x81@_\xb5Y\xa9L\x97\x11\x96s&gt;\'\xb6\xe9\xc4{i\x9cC\xff\xad\xad\xa0\xe06\x8b\x95\xddE`qq\x98\x89\xf2\xfc\xd2N\xfb\xde\xf13}\x06\xcd\xc8\xa5K#\xd5\xd5}}\x01C\xb5\x99\xcbe\xb0\x1a\xe6\xac\xd7\xc6\x96\x97\xa7\xf8\xef\xe16\x86m\xdf\xc0\xd0\xd8\xd8\xd8\xf2\xe2\x85\x1b\x9f\x01\xcbo4\x1a\xb3\xb3\x91;\x08\xe5\xces\xfb!\x96\xf3\xccp\xb5F\\\t,s\xb5\xa1\xafOS=2\x02\xact\x0c\xc5\xb9\x8a\xc5\x0b\x0b\x0b\x0b\x13M\xeb\xbf\x83\xbeo\xec\xc6\xc2\xcd\xeb\xdd\xdd55\xbd\x92\x94\\?\xc2\xe8\xf3\x1b\xfdn\xbf\x9b\x9c&amp;\xd5\xa3\xa2\x0fW\x9b\xcd\x10\x8b\xce\xc2\x0e\x1b\x0c\x1aseeD(\x89\x15\x8b7n\x1e=:\x95\xb3\xde\x87\x03y\'\x1a\x97\x81\xd5\xdd\x8b" b\xb123M&amp;\x13V\xae\xf8\xc0\x1c"&gt;\xa5\x1b\x16\x8f\x8clf\xb1\xaa5Z1\x17X\\\xa5\x8cFb\xc5\x93\x1b\xd7\xbb\x8f^k_\xef4\xda\xf6\x8f\x11V\r\xfa\xf3\x9d;%))\x80\xf1\x9bL.\x97K\x9fI!\x85Z%\xd6\xa0\x98\xf6\x84\x81%\x16\xcbdbe\x04\x83\x95\xbe\xf1|Cj\xdd\x93\x85\xa35\xdd\xcb\xed\x82\xd5\xf5\xc5j\x82\xafn,\\\xaf\xc1:\x06\x0b\x19\xfaJ\x9e\xc4r9z\xf4\xf4)\xd3\xa4w\xd8\xd5\xadN\xe4\rT\\\xa5\x19\\f\xee\xa6\xca\xcaJ\xda.\xd8X\x9fZ\xd1R[\x93\xb6e\xb1]\xc0YO\xb9x\x05\x03CCc\x17n^\xef\xa5\xaf\xe1\x85\xde\x14\xa9\x94\xa1\xeaQ\xab\x1d\x0eW\xa6/\x13\x80v\xb5\xdaS%\xae\xdcL\n\xd1\xf9o3\xedDEp\xd3\xb5\x1b7\xd6\xc7\x7f\xa46*\xb6+\xae\xb5\x0b\x04\xfb\xd6\xb1J\xd88C\x08`%@\xab\xb4$o\'\xc9E\xd7\xec\xd4[\xb7\xb6\xaaM\xbeL\xa9\xde\xa1V\xab[u\x1a\xf3\x08\x97;\xc25\x8b)\x87\xa0\xda\xc4\xaa\x15\x9fu\xe0\x0b\xe3\x8eb\xc2\x12\xac\xe35\xd8\x13\x8dcC\x8d\x8d\xcb\x0b\x7fI\xc8\x1067\xef\xc8\xedL\xd1KiS\x98n\x87\x94\x95\xa9}&gt;\x93Kmom-\xb3\x065b3\xca\x82\xd9,6s+7o&amp;\xb50\x12\xeb\x8b\xb2\xf6\x1c\xe8i+\x9e\x02Vl\xfbz\xad\xfby\xb6\x1c\xa2\x02V\xb7(m\x07\xc2\xdb\xd9\xd9)\x95\xb27%=\x1e\xab\x07z\x99\x1c\xad%\xd6Bg\xa0J\x8b\x1a\xca\x05\x17\xe5\xb02\x82)\x10P+\xa6b\xcf\x81\xd1\xae\xdb9Pk\xf0\xd9:}y\xc3c\xc4\x1a\x18\x18\xbb\xd9\xdc\xfc\xe1\x87\xc0\xeab\xb0(qeV\x8aV\x87\x0bX\x9eB] X\xa5\x11+\x95(\xeeJnDD\xe5&amp;\x16\xab\x94\xb0*\xf6\xf8r\xe7s8\x1cA\xfb\xc3?\xad\xcb\xec\xc8\xb3\xb5\x8f\x11\xd6\xe0X\xf1\x87\x9f\xe4\xe7\x03L\x95\xcb\xec&amp;\xb2\xb7C\x9cNk\x99\xc3\xd1\xa3\xf6`1\x81\xd2\xae\x951r\x11\x1b\xb3\xcb\xc9`5\xc4\xd4\xd5\xd5\xf9\x8e\xcf\xc7\x02+\xf6\xe1\xbd\xd5\x82u\xf8\xc1\x0f\xdeo\x17\xa7\x18\xac\xc6\xb86U\x1b\xb8v|\xd2\xc5l&amp;"\x89e\x85N\x9d\xce\xe9\xb1\x13\x963\x104hd\xa0\x8a\x88\x00\x0e\x97\xde"\x18\xc7\x97\xa2pe\xcde\x99\xee\x0cB-\x8e\xe0\xab\xab\xbbg\xef\xae\xfe\xbf\xbf\xf8\xc1+\xb8v\x87\xc1\xda=\xf0Yv\x7f\x9b\x8a\xf4\xca\xcf\xf6\xa3\x82\xa2&gt;\x1c),\xd7\x05\x9c\x85%j\x07a\xf5\x19\xb421\xf1\xbc\x15+\x82\xfb)\xabVjVL\x8cor\x10jq8\xe7\xfe\xf8\xd5\xec\xf4\xcc\x8b\xc7 C\xfcL8\x9e\xed\xd6\x9fY\xac\xfd\xfb\x9f\xb8\xb3\xfbU*Uqq~[\xb6\x91\xea\x16\xbc\x05,\xc8U\xa2ne[d\x8c@.\xe1\xbc\x15\x8b\xb1&lt;\xcc\x95\x95\x9a\xe5\xbb\xb6\x1bX|\x8e\xe0\xf2\xd5\xfd\xf7\xa7ON?\xba\xf2b\xf6\xc1\x83\xd7?g\x00\xd0O\x9d|}6\x84\x953\xe56\xf6\xf7goP\xe5\xab\xda\xfa\x8d&gt;\x9f\x8f\xb0\xe0s\x9d\xceZVRfu\x06\xd1"\x87\xb0\x10TK\x95\xe4--c\xae\xd4#\xbe\x87!\xac\xab\xff87;}22r\xd7\xf4\xcc\xa3\xfbW\xee\xbe+\x17\x1a\xca\x13\x82W\xcb\x93g[BX\x83\xc7\xfd\xa3\xa3\xc6\xd1~\xba\x125JX\x8e\x03G\nu\xbar\x9d\xd3\xea!\xc7\xc3Zb\xb3\x92\xf1\x16\x97\xe5"\xb9\x08\xab\xbe(\xa6G:\xb1?\x96\xc3\xe7s8o\x96\x9e=~D\\\x91\'\x01\xf6\x8e\\&lt;\x1b\xaf\xe0\xf1\xfd\x95\x7f\x8eM\x9eu\xb0X\xb1\x82I\xbf\xcf\xe83\xf6o`\xaf&amp;\x02kk\x19\xcc\xa5+w\xa2J\xecu\x06Y\xac\x116\x81l\x0e\x95\x8c\xe7\xeb\xeb\x1b\xcaG\xef\xcccJ$\xac\xef\x97^\n\x90\xc5]\x91\xa4\xd8\xc9\x99\xfb\xef\xc0\xc5\xe3\xd9V\xef&gt;_9|\xf8\xf9\xd0\xe4\xd9oX\xcb\xe7pn\xe7\x02\xc6\x97\xcd\xdcjc&amp;B5\xe4*\x87Z\x85\x85\x18\x92A*\x0fT\xb6"H+\x96+\x9dQ\xab\xb4\xb4\xbe\xac\xed\xeb\xc1\x1c\xc2\xe2\xf3\xff\xb6t\x8f\xffbz\x17\xc4\x8a\x02W\xe4\xf4\xa3\x07\x05?\xcd\xf8\x045\xfb|\xe5\xd8a`5&gt;e\xb1&amp;\x06\xdb\x05\xbb\x7f\xe72\x99|F#\xbaQtY4\'\xb62X\xbar\xfc\tb\xa9\xaae\xb2\x182|\x04S\xbf\x18s\x95V}\xd1\xcfZ\x0bqo\xe9{&gt;\xcc\xb5m[\x14q\x81nf\xf6\xa7\xb4\xf9\xf0\xf9\xebWk\x87\x0e\x1d\x02\xd6\xca\x85\xb7X\xf4\xd3G\xb1\x8bz\x17\xb0B= \xaa\xbc\x1d\xb5\x1dT\xc0\xd2\x05\x8a\xaa4\x1a-L/&amp;\x9a\x10\x17&lt;\xaf\x94\xc9\xb4\x9aR\xddh\xcaD\xfb\x0fXo\xf8\xb33\xdfn\x8b\x8a\xda\x16\x15\x89GT\xe4\xf4\x95\xd7\xffK0@q^\xad\x1d\x03\xd5!P\xad\xbd\x1ax\xfa\xebo\xa6\x86\x80\x05\xcfs&amp;:{\\\x99~\xe6`\x06\x9d\x19Q\xab\xedt\xe5IGW\xc5X\xac\x7f\x93\x8b\x1b\n\xa5X\xa6\xad/i\x9b\x9cG\x0eY\xac\x8f\xdf\xf0\x1f0X\x14\x91\x91\xf4\x9cy\xf1\xba\xe0\xbf(\x86\xf45\xbdZ\x01\xd4\x97_\x92XkkC\x83O?\xffn\x8afj\x98K\x10;\xa9wI3\xf5z\xcc&lt;zG\x0bz\x19\xb5\xdd\x03\xa1\x82X\x15"\x87\x94D\x99\x99\xb0H-\xe6IXf\x996\xd0\x83\x1c\xe60P\xfc\xa6O?~\xd3\xc4`\x85\xc0X\xb4\xe9\x17\xab\xb6\x0fx?\xb6\xcf\xb4:\xbbv\xec\x18\xa0\x18\xaa\x95\xb5\xe7\x03\x83\x97\x7f\xf9\xdd\x14\xa8&amp;\x80\x15\xcb\xbf\xdd\xa2\x97\x9a\xf4\xfaN@\xd9\xd9\xc0X\x0cTU\x19\xfa\xf0\xd20\xde\xc2\xe2P\xc9z~S\xc8\xf7bC\xe1\xe8\xf1\xf9\xf6\xd8\x10\xd6\x9b\xa5{Ml\x12Y\xb0H\xc6aQ\'\x1f\xdd\xfd\x91{@\xbc\x82\xbb\xcf\x0f\x03j\xd7.\x86\xea\xf0\xe1\xbf?o\xdc}\xf9\x17\x7f\xbd=1110\xb8\xbb\xfd\x16\xff\xd6d\x8b\xde\xa5\xefl\xc14M\xa7\xacKZ\xed%\x9e\xf2\xdf\xd4\x97j5\x06\x83\x01)d\xb0\xd2\xc1\xb5\tm*Z\x1b4\xce\\\xae\xacH\xdd\xb6\xc8\x8a\xd5\x84\xb8\xba\xf4\xb2iv\xfa\xdbm\xac\\\x04\xf4\x16\xec\xca\xeb\xff4\x19\x15\xbc\xbe\xff\xaf\xae\xcd/\xa4\xad4\r\xe3\xf1\x0f\x16$ \xec\xe4\xe2\x9c\x03\xe7\xe0\xe1\x14\x82\x90\x1dK\x9be\x98^\x98\xdeX:\x07\x8aI;T(\x15\xf6\xa2\x92\x16\x91l\xc9\xcd0\xc9\xde\x8d\x17\xab&amp;\x96=\xca\x14\xca\xe9\xba9\x82\xa8\xa55B\xc7D/B#\xd8l\xa32\xa8I\xb6l\x8ch\x1aR5C\xeb\xd4vG\xb7\x7f\xf6y\xbf\x13[v_cN\x8c\'\xc9/\xcf\xfb\xbc\xef\xf7~b^\xdc\x19\x99\xc0I\xa0B"\xef\x01\xed\xd7\xb7\xe3\xb9\xc3\xc9H\xa4gr\xfcw\xff8\\\x88\xaf\xeda\x06\x04\xd7I\xf6\xff\xcc\x1d\x1d\x18\xe1\xbf\xb9H\x1f\x03\xe9ji\xe9",\x8a3\xc0"\xb5\xda\xda0D74\xb7\\\xf9\xea\x8f\x91\xe8\xea0\x83\xea\x1d\xfe\xb0\xf2\xb8\xf7\xe9T7\xc2L`\xad\xd9*XMn\xfd\xf2\x7f\x0e;q\xe2\xef[/ U\x00g\x07F\xeeM\x04\xc6j\'H\xb1{/&gt;~\xfci2\xb2\xfc\xa7\xe9\xe9&gt;w\xeeU$1\xb9\xf7=\xf69\xf49\xdc\xf6\xfe\xf6k\x18\xe1\t\xeb\x1c\xb6\xac]]\xad&amp;\x97\xcdFj}]\x03\xaa\xce\xb6\x86\xa6\xd6\xd1\xf5\xbd\xb5h\xe9\xee\xdc\x83\xed\xf8j\xef\xe0~\xea\xc3jca\xea\x13U\x00Q\xcb\xf0\xf0\xe3X\xe1\x7f\x16Ij\n\xe8\x9e\xf7&amp;jqz`\x04p\x9b\x9b\x81\x89w\xef^\xfeZx;\x94\xd8H\xce\xe5\xfa\xfa\xa6\xfbdqn-\x1c\rN\xee\xfd\xfe\x0f\'/c\xb9\xb9r\xa5\xbf\xe3\xe4I\x8c\xca\xb6\x86\xce\x86\xa6\xae\xa6.[\x97\x8dE\x13%\xb1\r\xd1\xf9\xd7\xae\x1f\x16\xd6\x82\xf5\xd6\xc7\x07\x92C\xd4+\xe5\x8e\xed\xdd\xd4o\xc3\xff~\xbe\xb9\xc9\xb8@\x05\x1fO@\x8bnR\x0bd\xb3\xaf?\x0bv\xe2\xfc\x85\xad\x97w\xee\x8c\x04\xeaL\xaaZ&lt;\x8a\xd6\xf8\xf9g\xa1h|i&amp;\xe7\xf6x\xec\xe0\xd2\xa4|)\x81\xfe\x15|\xf27\xa8\xd5\x8fQ\x8b\xb0.\xdf&lt;\x8b\x1dO[\'&amp;elyh3\xd6jkhc\xf1uM\xd7\xe8Btp\xb0\xb7wcE\x8d\xc5\x1cN\xado\xbab\xbc\xe9\xdd\x9a*&lt;{:k\xa6\xce\xc4B\x050\x7f\xd5\xd5\xc2\xfa\x17\xcc\x92&lt;q\xbe\xb1\xc0\x12XG\x19D\xfe\xba7g\x0b\xaf\x9f\x85\xe3\xa5\xa5\x83|Vr\xba\x11\x845\xedNg\x12\xe1\xb0\xdf\xe5\x9f\\\xef\xb8v\xe5\xf4\xe8\xe8\xe9\xf6[\'o}{\x16\xfb\xd6\xb66\xaa:"C\xfbdX\xe4\xab\x96\xfb\xdb\x02Q=\xfe\xc0\xa9\xb1T\xcc!\xbb\x016\x1a~\xba\xf9S&lt;\xba3\xcf\xc8\x8e\xd5\xea\xae5\xa3\xaen\x93z\x05\xf5\xaag\x90\x8a\xa8P\x14\x81\xc0\xd8\xd8\xec\xd3\xf9\x1dW&lt;9c\x88\x0e\x87";=\x9aV\xc5\x9av\xa6\x17\x13(I\x97\x10\x19\xef\xa0\xc9\xf4t\x7f\xc7\xf5\xeb\xedW\xbb\x9ak\x18\x07\xfd1\xa4\xc9\xd6\xd2r\xaa\xd9\xcc\xe0\xed\xf1\xb5\xfa\xde\xc1\xde\xc1\xe1\xa5\xac\xeaM\xa5b^&lt;\x9f\xe4\x99\xfe\xcf\xc7\xd9r6\xbf\x14\x17\x88\xcc\xf4\x96\x99Q\x13\xab\xae\xf6\xf9\xce\x05\xcb\xf9_\xdeB*PQv1kP\xea\xc0\x94\xf38\x15\x87\xea\x80V\x1e\xcd\xaey4\x86e\'\xae`\xc8\xefr\x85\x97\xfbi`n\xbfv\xeb\xfa\xdd\x9b\xd8X4t\xb2h8gk9{\xf5\x12au6?\x18\x8fXQ{\x83\x83\x1b\x06\xe7\x85X^\xd5A!k\x95r\x16\x80\xc6Ar?\x042L9c\x9f\xdc\x1f``\xb3\xf3\x96\x1d\xf4\xaa{(=4\x0e\xd8ik\'\xca\x984\xcd\xa9\xa8\xaa\xaa\x00K\xb3\xf7\xd95`\x11\x98\xdd\xadg\xe2\x84%\xf8\xd7\xee\xf7c\x7fq\xed\xf2\xad\xbb\xdf\xdehE\xf1\x11X\xcd9\xdb\xd9\x1b\x17/\xde\xa8A\x02\x9b\x88\x8aZ\xd5\xe0\xf0A\xd6\x17K\xa5\xbc\x9cCa\\\x8a,9x:\xa6\x8d\xb9d&lt;\x1az\x06\xd1\xa6\xc6\xaa`\xb5l\x9d\x1c\xb30\xa9\xa0\x15t\x02\xd3\xc6R&gt;\xad\xbb5P\x89\xaaW\xe5$\xca\xa1\xfd8\x88K\x96g\xe2~\xe2r%\x16\xdai\xfe\xbb\xf6\xcd\x17W/\xb5\xda\xce4\xb3\x85\xe6\xd2\xd5/\xbf\xbcx\xaa\xa1\xa6\xd9\xf6\xdd^\x84VAj\xa0\x06GT\x0eETD\xe0(\x0eE\xe1y\xba!* \xcb/&gt;\x84\xd1\xb6H4s)b\x82\xd9r\xaa\x00\x00\x04NIDAT\xd7\x16\xa2\x9a\x08L\x15\xe6\xc1\xb4\x98OK\x92\xdbc\xb7k:\xef\xf5BtIv\x7f\xc6B2\xedv\xb7\x946\xb9\\Bx\xa1\x1f\xcd\xab\xff\xfe\xe8\x83\xdb\xc9\x87,n\xffp\xf5\xbb/N_&lt;u\xa6\xb9\xf5\xe6xD\xb0\xd2\x84\xd5\xbba\xf00\x16\x84\x97\x14Q\x14\x19\x10\x87D\xf0\x8a\x19\xa0\x03Z\t\xa2\xbdfd\x04\xd7\xddm\x01\xd5\xbb\xa9\xc2\x96?~\xbb\xa8\xcb\x92D\xc5\xd2\xa7\xc9\x1c\xa3RLk!\x8b\x0c\x0b\xd6\xf7xd)}\xb0OrY\xad\xfe\xe5\xf1\'\xcbk\x11Tg\x10\x11\x0e\x87\x13\x89\xc8\xda\xf6\xf6\xf6\xc3\x87IdP\x10\x04J\xe2~^\xf4\xc5bx\x87\x8c\x8aaq\xaa\xd7\xeb\xe3D\xf3\x0e\x11\xd2!\x9f\xc5\xb9\xd2&gt;\xc8\n\xb34\x89\x11\xd6\xc8\xbb\xc2V\xb0\x941\x00%;\x9d\x90\xca\xeeaT\x1c\'\x9aXZU+8\xdf\x89n!K\xd9Ep\x01\xcb*\x84\xe03\x81T\xc1\xe6\xa1\x91V=\xdas\t\x82+\x9a\x18\xa0\xfbq\xcf\xea\xa2\xc8\xfbP\x83`\xe09\x8e\',\x1eX\xaa\x8f\x83\\\xa2\x19\x12\xa9&amp;\xa6\x8dL2NF\xa3^k\x19y\xf94T\x9a\xd1\x9d@r\xeaL\x1b\xb7\xe4\xf3y}x\xb8\x02N\xe8\xf39\x8d\x1e\x9c\xe5vJbv)\xea\xa7\xf9\xa9\xde\xear1\xdd\xe86E\xf5\xd8(`\xf4gX\xc3\xc9,\xcf\xc5\x80\x05\x16\x953\xb9DJ"\xb0DI\x14\xb3\x0c\x8b\x05\xd0`\x90\xa5\x8d\xe8Va\xb3\xdb\xf2r&gt;1\x97\xf3\xb8\tJ\',M\x87\xd9\xbd\x90\x18\xf6TL\xacc\xc1\xec\x9a\x9b\xe0e\x857J$\x17\x93\xc6%\x98r\xd1\xfe\x81\x1d\x99\x8a.\x93\n\xc6r\xa09\xa07\xf8\x907\xd5\xc4\x82\x9f8\x86e&amp;\xf5\x18\x8b\x91IR\xf6\xa0\x14\xdazn\xe9)\x95\xe9\xf5t\x1dZ\x01\xcc\xa3\x8b&gt;\x9f\xca\xe3\x1c\x9e;\xc6\xd2(Ls9e\x04\xe4\xca\xc7M\xacF\xa4\x0c\x00\xfe`Hp\xf9\x81\'\x10\x9a\x10\xf23\xaa\xfa\xc6\xc7y\xde\xc4\xf2\xf9L.\xe4\x00\xf5\xa7p\x1c\xb0x\xd3j\xa2\x98NK\xb8 \x08PU\xd3s\xfb!\xcbv\xb9\xaf\x0f\xd91\xd5B\x88x\x84\x88\x97\x86\xd0\x8e\xe3$\xd2\x97\xdd^\xa9h\x1e]g\x8f\xe7\xc5\xc5h\x95\xab\xd1\n\x9a\x81\xb0\xdf?\x10\xf4\x071\x961\xc71V\xa4p1\xcb\xf3*\xb0\xf2\xef3\x99\xccL\xb1h\x18\xd9,\x99\xc3\xc1\xb0H:\x8e\xf0\x080\xcdj\x82\xb0\x14~e\xd7RA\x9f\x04\x95,\xe3\x02*\t\x06\x90\xf0#\xefE\r\xb3\xf5\xd0c\x86Vy\xf2\xcfJeo=\xcd&lt;\xca\x1b\x0f\xabYdzE"\xc1\xd0\xd0@\x08\xfb\x08H\x16\xaa\xa6\xb0\x1e+4\xa7\x88\x9cw%\xff&gt;\x1e\x8f\xba\\\xc1\xc4\xf6\xfb\x0c\xd64&amp;\x17\xf1d\t\x8b3\x93\xcb\xf2)\xc9\xa2W\x95du\xc5\x02*X\xc6\x0c\xe0\x88x/t\xf0\xa1\x99*r\x95\x8a\x1d\xcaCo\xff\xb2\x1cYO\x93\xec\n/\xe6\xf7MK1\xae\x01\xbf\x10\x02\xd9\x00\xda\x84\xe0\x0f2\xbb\xe1\x17\xfb\x07&gt;\x18\x89\xcb\x1f\xed\xee\xbey&lt;Ls\xe0\xea\xee\xa3\xa3\xa3L:\rw\x11\x17]\xc12\xaa\xcf\xc7e\r\x03\xa5/\xeb\\L\x95\x9dj\nX\xf0;z\x83d\xbaFT\xc8\xd5\x12\x0cAXlzp{\xdcz\xa5R\xf9\xd7\x8fCo\x07\xd6u\xd3\xae&lt;\xaaq\xb5*W\xa3\xd5\x85\x02p\x05\xc3!Wx\xc0\xef2\xb5\xc2\xaf\x86\x17W\x80%\x1a\xbb\xbb\x8f(J\xab\x18%~\xc3\x8d\xa3\xe2\xabb\x96\xca\xd2,N\x95\x95Cf\xf9\xd5\n\xbd \x17\xe3%\xdd\x9b\xb2h\xf6\xaa\x8f\xf1\x9d\xcb\x19\x86\x91\xcb\xe9\xac\x18)\x870\x1c\xd0\xf4\xdc\xfa\xf2\xda\xe4\xcf==C=e\xd9\xa1\xc2\xbfd\x0cc\xe3\xb8\x1d\xd4\xbbX\x9f`\x862\x8b\x905\xf8?\xaf\xa0v\x14&gt;oR\xed\x12\x15\xdd\xfcpTL\xee\x03\x0cU\xe0\xe3\xe8=B\xa8\x95\x95dc$o\x14\xcb \xe2\xd3z*eq2,)\x9d\xcb\x95\x0f\xc7\x97\xb7\x93G\xef\xdf\x1f\xe6\xb2\x06\x9e\x12\xc6\xd7s\xe5r%W^\x0e\x85#a\xec\x7f\x86\x06\xca\n\x80\xc1En=Xe\\\xc3\xf5\x8d\xd6OXT\x84V3\xbbo\xf2xYE\x12M\xac\x8d\xe1\xaaV\x8f\x8e2YcA\x88\xbe*\x1e\x1e\x1e\x16\r\x9f\xaf\xf8j-\xb20\xb3\xb0\xf3\xe3\xe1r\xb8\'\x17Kq\xba\x9cJ\xfd\x17\xfa\x11U-4!\xa6\xe7\x00\x00\x00\x00IEND\xaeB`\x82'</t>
        </is>
      </c>
      <c r="M138" s="3" t="n">
        <v>45492.67696759259</v>
      </c>
    </row>
    <row r="139">
      <c r="A139" t="n">
        <v>360940</v>
      </c>
      <c r="B139" t="n">
        <v>1974</v>
      </c>
      <c r="C139" t="inlineStr">
        <is>
          <t>Léo</t>
        </is>
      </c>
      <c r="D139" t="inlineStr">
        <is>
          <t>Léo</t>
        </is>
      </c>
      <c r="E139" t="inlineStr">
        <is>
          <t>ZAG</t>
        </is>
      </c>
      <c r="F139" t="inlineStr">
        <is>
          <t>ZAG</t>
        </is>
      </c>
      <c r="G139" t="inlineStr">
        <is>
          <t>ZAG/LE</t>
        </is>
      </c>
      <c r="H139" t="n">
        <v>183</v>
      </c>
      <c r="I139" t="n">
        <v>3</v>
      </c>
      <c r="J139" s="2" t="n">
        <v>35129</v>
      </c>
      <c r="K139" t="inlineStr">
        <is>
          <t>Left</t>
        </is>
      </c>
      <c r="L139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72f2b157-72ef-4766-9999-433335dbc9b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a\x10\xe6\x9d\x00\x00\x03\x00PLTE\xff\xff\xff\x05\x05\x04\xfe\xff\xfe\x07\x07\x08\x02\x01\x01\xef\xef\xf3\xf0\xf0\xf4\xf4\xf3\xf7\xf2\xf2\xf6\xf1\xf1\xf5\xed\xed\xf2\xf5\xf5\xf9\xe8\xe9\xee@!\x18\xec\xec\xf1\xea\xeb\xf0\x0b\x0b\x0b\xee\xee\xf3\xf0\xf0\xf5\x1a\x1e&amp;^97\xf5\xf4\xf8"&amp;/%*3\x17\x1b"\x80QM5\x1d\x15\x1c!)b&gt;=M0/[74wHCI&amp;\x1fgA@`&lt;9C%\x1e(-6\xe5\xe7\xec|OKG$\x1a\x14\x0b\x08pC?tKHrA9&lt;\x1e\x14\x14\x19\x1frFBmFDkCBD#\x18P*#\x84SOlIJ:\x1f\x1aM15Q34qHGG)\'j&gt;9+0:d@@}KFI,-zB6\x8aZVX1,\xfd\xfd\xfdgFE@(%V52M%\x19o&gt;3&lt;"\x1fR69\x0c\x11\x16S-\'X9:yNK\x9be]+\x18\x13o:,lA&lt;j;2\x8aTIxKH\x1f#,wPO\x8aOC$\x14\x10\\4.i6*\x8e]ZtE?X+\x1fP(\x1e2\x18\x12c:5\x84NC\xf9\xfb\xf9\x0f\x0f\x0e\x87WQR2+M.)g?&lt;|QR\x0e\x06\x05\x85XVqMM\x82I&gt;\\&lt;&lt;\xf5\xf7\xf6\xa6oh\x12\x16\x1df;8\x93c_\x1d\x10\r\x91WK.3&gt;}H@\x9fjf\x10\x14\x19^/\'u&gt;1\x95_V^&gt;@U%\x16xE&lt;\x91SF@*-\x9baV\x81PG}XWD.2{^`\t\x0c\x11&gt;ALI,#\x7fF8d2%f72a/\x1f\xabvq\xce\xca\xc8\xe1\xe3\xe8b4,\x89`_\xa2iaF\x1d\x13%\x0e\t\x90ZR\x96fe\x97[P\x82[[\xde\xdf\xe2wWW\x15\x12\x12X.&amp;\xa8}{aCD\x80US\xf7\xf7\xfa\x1d\n\x07\xa7\xaa\xb3rSS\x8dXQ\xd5\xd1\xd1VC8.\x12\x0ba70\xf6\xf6\xfb49Cj3!\x9dst\xf0\xf1\xef\x1c\x17\x18\xdc\xd9\xd9\x91kj\xca\xc0\xc0\xe5\xe4\xe3\xa4fZJNZ\xcd\xcf\xd6\xb2}x2 "\xf2\xf4\xf6\xf2\xf2\xf8\xb0\xad\xa9=\x15\x0c\x87wt\xd2\xd4\xdc6&amp;,\xb0Vc%\x1b\x1c\xb4\x84\x84\xbd\x8a\x89\x9d\xa0\xaa\x8cOR\x88J:\xa2^Q\x8f\x93\x9c\x82\x86\x8c-,)\xd7\xd9\xe0\x88gfy|\x83\xb8an\xc3\xc3\xc8eOM^*\x18\x9cXH\xbf\xab\xadXYW\xeb\xeb\xe9\xb4\x8c\x8c\xa5iv\xb5nb552\xaefX$$"\xc6\xc9\xd2\xb8\xb9\xc1\xa3\x98\x94\x9c^e\xa7\xa8\xa5LKG\xb0\x99\x9a\xc5\xb4\xb8tsomr}dht\xbd\xbe\xb8\x8f\x7f\x81\x9c\x9f\x9a\xbap\x7f\x9bK[\x87@Gw=EX]i\xb6\xb6\xb2p]X\x93\x8d\x88@&gt;9\x85HQ\x94&gt;PH7=\xc3\x92\x96\xbf\x9e\xa2\xbezr\xa1\x8a\x8behd}=,\xc2~\x8f\xb0\xa2\xa3n6@\xd4\x9f\xa8\x98Z\\B\xdf\x137\x00\x00 \x00IDATx\xda\xcc\x99]LZy\x1a\xc6\x81\xc3\xedI\xce\x85\x99\x8cD(B"T\x88\x8a\xc2\xf8\x11;Z\x11\xd1\x95\x02j#`U\xd4#\xa8\x05j\x14\xd2\x8e\x1f\xd5\x15j*V\x8d\x9f\xd5rF:\xc6\x1aM\xaa\xd4\xadImL\xb3q6iG\xa2i;\xa1\x17\x84\x1bML\x1co\xb6i/\xdd\xec\xc5\xbe\xff\x83\xed\xb4{\xed\xb1\xf3\x06s@\xb9\xf8\xf1&lt;\xef\xfb\xbc\xff\x83,\xd6\x19\x16\x87\xc3a\xfdu\xaa\xe9\xddZ\x13\x8bS\xf4\x17B*\xbaQ\xb46\xb6\x13\x89\xec\x1d\x7f\xd8\xf9p\xbc\xb5\x7f\xb4\xb4\x16\x97\xed\x9b\x8a\xf4\xf4\xf8d/\x12\xa506\x19\xa2\xa8\x9fB\xb1X8z\xf2~\xad\xa8\xe9\x9b1qXM[\x91\x93\x83\xef\t\x8a\xc0H\x02c\xb31\x02#\x08\x02\xc3\xa8\xf0\xde\x87\xbd\xadw\xdf\x0c\xec}\x94\x8da\x08\x85\xa0H6\x17=%i.\x82\xa4\xc8\xd0\xc9\xd8\xb7\x81zw\x1cF\xfa\xd0\\$I+\x06W\x0cc\xa3\x07&lt;\x8b\x1e\xbf;\xef\x0e\xe3\xb0\x8a\x8e"!\x00b\x83w$\xcdEKEQH-\xdaN\x12\x0bE\xc6\xce\xbd\xf3\xb7\xa2H&amp;\x8c\xcd\xa5{\n\x8a\x8d\xea\x93\x8b\x14I\xb7Y\xf4x\xed\\\xc5j\xda\x0f\xb3i\x02\x84\x85\x14\xe3r\xd13.zEKER\x88\x8e\x1d\xda\x03#\xcf/\x18\x8ec\x18\xb4\x13\x1a?.\x8d\xc2\xe5\xd2W\xfa\x82f\x92\xcd&amp;\xe1\x07\xde\x10:yrn\x01\xcaZ\x8a\x82\x12\xa0\x06F\xd3`q\x9cO\x15\xa7&lt;\x9dQ\x92\x88&lt;9/\xbd\x1e\x1c\x924Q\x1c(.\x12\xf6\'\xd6\xe9\x85@1\x06p\'O\xcf\x83\x8b\xc3Z\x8a\xa0\xf4\xfc\xc2\xbd\xb8u_A!,\xa4\x17\xfc\x90\x877\xce\x83\xea\xf9!IO\xde\xe7f\xfad]\xfc\xe5g&lt;\xe42t\x18\x81\x85\xb7\x9a\x98\xa7\xba\xf1[\x0c5\x15b\xc0\xd8_\x83}-\x17\x92\x90\xa0\x03,||\x83a\x1f9\xac\xa3p\xdc\xc2\xd3\xc7\x97\n}\xf9\x8a\xfd\xd9IP-|\xc4,\x16\x87\xb5v\x08\x81\xfe\x7f\xe6\xb5\x9d\x96\x14U[\xdb\x97\xaa!r\x8c\xe0\x9e\xac1\xcbU\xb4\x1f#\xd8_\xa5\x01\xc0,@M/,\xb8\x97\xe9Z\x88\x93\x9dF\x1a\x9d\x14\xec\xd8&gt;\xb3b=8\x80\xcf\xfeY\'\x844\xbdl\xb5\xf2p\\(V\xc9q\x89D\x82\xcb\xad\xcb\xd3\x0bR\xa4`\xfcM\x18\x1d\xafw\x97\x18\x94\x8b\xc3\xda\x8aa\xec?\xa1\x00\x89\x87\x8b\x87\xca5\xa2|\xb5:)A HH\x10\xd8\xec\xb9B1o\xda\xed\x96b\x9f\xb6\x11\xa0\x85\x8e\x99\xc3\x02\xb1"\xf1d\xe7\xd2B-[\xe5\xb8\xd0nK\xc8W+\x17\x03\x83\x83\x81ETJu~o\xaf\x8b\x9f[\xcc3K\xdb\xd0g\xc0\xe85t\xd8\xc4\xa0\\\xbfQ\xf1\xbcj\x93\xba\xa7\xcdV9M\xa5\x03*\xe5\x9b\xc5\xc1O\x15\x00\xbc7A \x13[\xcdn,\xee"\x81\x1d&lt;`\n\x0b\xc60\x82\xf6\rR\xcam\xb0\xf2\x80J!\xb4i\\\x80\xf5F\xe9\x08\x04\x90`\x83\xbb\x88\x0c4\x0b\xba4Cb\xb9\xc1\r\x8a\xd1h\xa1}\xe6&lt;\x1c\x0b\xa3\x89\xc7\xa4f\x80R\xa9p\x1c\x97\x0c\xd9\xe9\xbe\x82Z\\t\x80\x85\x81S\xbd\x94j\xc0\x12\xe2r\x9euA*\x85\x9c\xc3\xd8\x8ce\x04\x87\xb5O\xa1Nw\x1bTP\xb8X(\x94H\x84C\xb6\x04QRKRrF\xba\xd2\xe1\xa8v\x04|\x88*\xb0\xe8P\x8alv\xa1P\x81\xe3\x86x\xf3c\xb1\xd7\xcc`\xa1(E\xe1)5\x80R\xa5\xe2\xdc\\\xbb\xcdf\xcf\xb4\xdb\x04\r\xa2\x96\x96\x8c\x8c\xe4\x0c\xa5C\x99\x0e^\xfa|\xbe@\xa0\xda\x91,(\xcfD\\r+\xdd\xfal\xf6N\x11#\\(\xb4`\r\xb6\x99\xad4\x95]\xe0\xca\x87L\xb8l\xb1\xac4tT\xa4g$\xa7\xe7(\x95jeu\xabob\xce\xe7\xab\xaeNoi(/\xcf\xa4\x83\xcc,\x95B\x83E\xd6\x18\xc3b\xc3v\x01\xb1JA*\rt\xba:_\xd4\xb0\xb22~//\xed\xe2\xc5\x9c\xd4\xea\xea+WRsR[\xe7\xe6\x80\xab55\xa3\xc3r\x19\x04S@\x7f\x99\xddR\x82\x1b}\xc0\x10\xd6X\x18\x93\xba\xcdV^i\xae\xdd\xae\xe9\r\xaa!\x182*\xf2*\xc7\xef\xc9jk\xd3\xd2RSR\xae\xa4\xa4\\\xbd\nX\x13\x13\x13&gt;\xdf\x95\x8c\x06\x8b\xe5r\xa6\x10\xe7!.\x92\xbd\xfd\x9a!\xac}\x12\xa8\x0cVU\xb1\x9d\xcf\xd7\x05\xd5A\xb0\xac:5M\xa6\xad\x94\xc9d\x17\xd3.\\\xca\xcaJLIL|87\x01\\ss\xd59-\x02\x81\xa5|H!\x97\xf3\x0cf\x8a w\x18:i\x1d\x12\x94\xd9l@b\xf1\xb3]\xc1 `9\xaaS/Vh+\xb5\xda\xca\xbc\xdaK)Y\xcd\x85\xd7\xaf?|\xd8\xeak\x9d\xf3\xb5\xb6\x02\x16\xec"\xb0\x11b\x02qa\x91\xe7\x0c\xc8\xc5a== @,\x03\x12+[\xe7\x82\x15\xd3\xdb\x9b\x9f\xdc\xd2\xd1\x91\xa7\xd5\x82\\\x17\xbc\xcd\xd7&amp;:;i (\x07\x18\x9c\x94\x90\x90\x006Jp\x9e\xd5j0\xb7E\x97\x18\xc1Z\x8aJ\x91X\xaa\\\xbeN\xe7r\xb9t:\x8dN \x125tTV\x82\\\xda&gt;osa\xe7\xfd\xfb\x9d\xe0\x9f\x0f\x05\x97:9\x19\xb0D\t\x96r\xba\xeba\x1c\xb7\xf7\x19\xc1:\x8a\xb9\r\x06\x84\x95\x8d\x98\xca\xb2\xb3\xf9\xd9\x02\x88\xac\xbc&lt;\x84e\xec\xf6;\x9d\xdek\x9d4\x17\x8c\xa2C\x9d\x9f\x9f$JJ\x12\xad \xb9T \x97\x9b\xdcc\x04\xebx\xdb\x00K\x07\xb0tA\x97\x0e\xa0\xf8|MRFNjZZ\x9fLV\xd0\xdd]\xe0\xf7\xfb\x1b\x1fu\xde_\x87\xda\x9d\x0b8\x94\xea`\x12`\t\x00KB\xa7D[\xe4\x17&amp;fqg\x1bQ\x01V\xaf\xdaU\x96\xcd\xb7\xf35\xa2\xf4\xd4\xea\xeb\x89^\xef\xcd\xbe\x82\xee\xff\x00\x95\xbf\xc09\xd3y\x7fuuu}w\xc2\x07{\x11\\\x14hl\xb0\xa3$\x12\x98F\xe9\x01\x13w\x8cM\x87\xd0XP\xb8\xdd\x15t!*\x9b\xa5!-\xedjsassU\xa3\xd3\xef\x7f\tU\xe0\xf7xzn\xdd\x02\xc5vww\x07\x1d\xea\x04\x8dFc\x17J\x84\xb0\x85xVwt\x0c\xee\xc8\xcf\xban\x9c\x98\xd1\xb9A\x8e\xe7\xeaz\xcb\xec\xb9\xb0\x0b\x1b\xf2d\xb50\x8033\x8f&lt;U\xa6\xfe\xdf\xfb\xfb\xfb=\xb3\xb3\x9eY\xbd\xbe\xa7\xf0\xbaon\xd0\x17p$il\xb6!\x05\x9c\x7f\xea\x15\x10\x12\xb1\xa33\xc7\xe2\xb0\xde\x1d\x98\xc1A\x1c\x97\x8b\xb3\xb3s\x8b\x8b\xed\x1a\x81\x00:\xbe\xe2\x82w\xa6\x07jc\xe3\xd5\xef\xb3\x1b\xed\xed\x93\xfa\xc9\xf6\xf6k\xad\xea\xde\xb2;\x7f\xbfSf\x1b\x1a\xca\x04,\\R\x02\xdde\xa0\xf6\x19\xc0Z\xfa\xe8\xb6",\xd8\x88\xc5\xa5\x86\xd0\xf6\xe66\xd4\xe6\xe6\x8f\xae\xd4B\xbd~rrc\xe0\xd5F\xfb\xe8\xb3\xd1\xd1\xf9\xd5]u\x19\xfc1D\x85\xb6\xb7\xcd\x06q\xa6$~\xef\x01\x11\xb1\xc3\xc0 \xbe\x8e\x9a\x81J\x05\x8a\x95\xaa\xcc\x04I\xd1\xdf#a\xd4vq\x99\xb2P?\xa9\x1f\x18@T\xff\x9a_]\xdd\x1d,\xdb\xa4\xa8\x10IR\x14\x05\x9b],\x04\xb5\x84\x80e\x90\x1e\x9e\xf9\xdd5\x87\xf5&gt;l\x86\x1b/\xc4ep\xa3o\x88\xe2_\xffI\xcd\xa5|AEVO\x9c\xea\xd9\xaf\xf3\x9d\x13\xbb\xca\x1f\x8a\xddnw(D\x91\x84\x94\x04.\x05\x8d\x05\'\xe8\xb3\x1fE\x84\xe5\xe6\xe1H.8\xd6\x91\xa1\x10A\x9f\xe8!^\xc56[CZ\x96~c`\xb2}\x14L\x84\xc1l\x11\xc19&gt;\xf7\xc7\xb2;\xff\xdc\x84\xa3\xa9\x14&gt;\r$\x17\xc2\xfa\xf8\xe4\xac\x9b\x0bn\x11\x91Z*\xb9\xca\x00\xb7b\x86\xe2R\x15\xcc\xd7\xcf\x96\x95\xca{\x95\xf7V\x1a*\xbd\x03=U\x1e\x00k\xd7?\xf2z\xbdU^T\x85\x13\xeb\x13J\x1b\xce[6\xcb\x01K\xc1\x10\xd6~,\xde[\xee\x05\x9e\xdd\xa5T\xde\xab1v\x17\xdct:\x0b\nd\x95\xe3]\xb2\xc6F\xa7\xa9G\xaf\x9f5566Vyf=U\x1e\xcf\xcc\xfd\xf9\xf9\xfb\xde\x9a\xe1z\x1e\x8f\xc6\xb2J\x99Q\xcb@c\x19\xe4\x96t\xdf\xfa\xfa%\xa3\xd1\xd8gj\xf4\xc3\xda1\x0ew\xd5h\xfb\x9c&amp;\xfd\xe4\xac\xc9_\xe0ol4\x99P\xb6\x9az\xe6\x7f\xbdu\xd3X3|\x1bW\xd0&amp;J\xe1f\x91\x19\x13\x01K^\xd2U\xd1\xba\xbe^;&lt;R7\xae\x95\xc1\xda1\x1a\xb555Z\xd0h\xb2}\xc0\xf4\xb2\x00\xca\xe9\xef6\xc2\xaf.\xed\xae7\x17\x18\x1f?\x1e\xb9\x8d\xd4\xe2\x99\x191\x11Z\xde\n\x93\x88+J\xba*/\x8a.\x97LMM\x95\x0bZ:\xbaj\x00K\xa6\x955\x0f\x0c\x8c&gt;\xdb\xe8\x7f\xf9\xd2\xe9\xf4\x1b\xbb\xea%SS%+9\x19\xe3u#\x8fGFF\xeaJ$\n\x9e\x9b6\xb1\x89s\xb6XGa)O\xacPHJ\xea\xbb~V\x88\xed\xa5\xcb\xd3\xe6\xd22\xf5b\xc6\xc8c\xed\xcdK\xb2\xbeG=\xb3\xed\xa3\xaf\xfaM\x9e~\xa7q\xd8\x92\x89\xbe\xb8\xe1\xfd\xa0+\x97\xc8o#\xacz\x89Be\x06\xac\xe7[\x7f\xfc\xf7\xec\xfeI\xf5\xf4\xe8\x1fkp\n\xe4\x89\xc5\xc2\x92\x92\xfa\x12\xeb\xb4a;\x04\xc1E\xc5\xee\xf4\xfa\x12\x87\xb5Y\xcd\xb5Z\xaf\xc94\xd0\x03\r5\xeb\xd1\xd6Yl\xa5\x9b!\x82KQn\x83U&gt;\xf5\xf6m\xddH\x9dP\xa1\x02\xb5\xde\x7fx\x13\xb4\xfd\xb1vFB=}\xc1\x0f\xfe\xf1&gt;\xda\x86\xb0\xea\xeb\xeb\xe5\xd3R\xe9\xc7\x8f\xdf\xfd\xf4\xb7\xbbw_(\x93Ze\xb5\x89\xd7\xb5\xe32\xe7\xcc\xad\x9e\xee\xee\x97\xa6\xaa\xbc)\\\x1c|\xf1\xef\xef\xb9w\xbf\x0b\x1f\x98\xa7\xe5\xb7\xdf\x8e\xd4\x8c\xd4Kp\xf7\xffh5\xff\xd74\xf24\x8ew\xfb\xd3\xfe"\xdc\x0f\xe5\xc0\x90\x8d&amp;\x1eN\xe2\x88FM\xd8T\xce\x8e\xb6\x97\xb1\x8b\x8d13!\xc6\x893j\xd1\xe6\x9b]\x89\x15\x07\xb5*\x1a\xca%j\x8a\xf1K\xedu\xcd\x06\xa9[\x03\xc9\xd2\xa6\x81\x1c\xac\xe1\xd8\x84\xd4_\xfaCb\xdbm\xc8A\xc2\xf6\x0e\x0e\x8e.\xa4\xb7\\\xaf%\x94\xed=\x93\xe5\xfe\x823\x9f\x7f`^\xbc?\xcf&lt;\xcf\xfb=\xf3\xb4\xff\xf9\xc7\x9b\xf7\xaeWf\xbekLS\xbdx \xbap\xf3\xc2\xbf\xbe\xe7.\x11\xa7\x19\xbcZj\xff\xf7\xc6\xf3\xbf~\xf5\x9b\xdf\xfd\xf1\xc3\x7f\xc6\x0cj\x81L\x10`\x08\'\xbb\xc0b\x144\ruV\xd8\xf3\xfe\xbb\xe7_}\xf2\xdb\xef\x9f\xbf\xf9\xa2=\x97\xddM\x98\x12\x8cB1\xdc\xde\xd4;6\xc6\x1b\xcfm\\m\x8cXG\xb9\xfe\xaf\x9bE\xfd7\xbaE&lt;\xa6\xc8 \xb6\x1b\xb9+\x1b\xb7\x86\xc7\xc7o\xfc\xb8\xf1T\xac\xb4\x0c,\x15\xb3t$\x04C\x9a\x0cR&amp;}\x9a\x11\x1a\x9a\x8f\xfe\xd2^\xb2\xd9v&amp;E\xa5\\6\x9c0Q\x80\xd5?l\x10{\xd1p5w\xb7\x11\xf9\xfa\xe2\x99o&gt;o\xcf\xe9&amp;;\xcf\xf7w\x8b\x14J\x08\xa4\xc2\xa6\x9c\xe8\xf7]\x17\x86K\xc3\x9f5\xdb\xa7\xa6\xecE\xa4\x8aS\x0e\xe3\xc2\x0f\x0b\x05s\x90\xa2\xd2\x01E\xa5\xaa\xa8V\x84\x93]\xadv&lt;\x8b\xd3t\xcaD\xd1\n\x9e\xad\t\xf5\x1aM\xbb\xe1J\xcf\xc3\x86`\xad^\x1e\xafRc\xd3\xad\xdd\xdd"\xc4\xa0S\x1at\x06D7y\xff\x8a\xd4V\xc5uI\xb5:\x90\xadf\x13\xfa\x13\xacX4\x1aL\xd0T\x02\xafV\xab\xd9\xc0\xddG\x8b\x11h_T"AqXMB\x12\x1c\xe22]inD2;{\xe6Y\xd38\xee}4}\xff\x0f\x80\xa5\xd4\x19\\v\xfb\x92]2i\xa7\x19:\xa0FQ\x8a\xaefS\xa6\x13\xac\xf5X\xb4\xfe\xc4\x94\xa2\xb0`\x91a\x02z\x95\x97\x9c5\x99\x82A\xbd\t\xd4\x02\xff\xa8$I\xcf:F\xd9\x1a\x83u\xf1U\x7f\xc9\xb2\xb0"\x91\x9c\x87\xf1\xac\xb4\xe8ZFG\x07\xc4\x13\xfc\x08\x84C\xd4\xed\xf7\xa3\xc5,\x9e\xa0\x08\x87q\xf3\x87\xb9\x02\x18g,\x88\x99}\x0e\x94\xd0\xfb\xcb\xc6\x90\xcf\x1d\x84\xa1\xa9\xe7.Q*e0\x93\xc3\x18%*m\xb7\xff\x7f,\x08\xf9o\x86s=+\x13\x84]t\x99\'r\xb5\xb5\x8d\xcae}\xda\tg&lt;\x82a\xb3n\x07\xa9)"t"\xad\'9\xac\x989\x1aucn2f\x0c\x99#\xf1\x10\xeb\xc9\xc4\x1c\xb3\xb3\xa8\x9eH\xd0\x90}\x98\xe5\xe5\xe3h\xc1T\xb9\xbe\xda\x08\xaco7r\xd2\xf9\x85\xc5\x04-\xba,U\xb8\xdaZ\xe5\x92\xbe\xc5\t\x15_\xc3a\xcd\x92\xda\x0e!\x1e\x08\xa4Q2\xb3\xb95\x17\x8b\xc2\x94\xc6"\x8eP\x865\xe6\xcbevn\xce\x13r8\xfc\xa8\x89J\xe1\xd2&amp;|7\x15\x8cf\xdcY\xc0j\xc4G\xc0[9\xcb\xca\xfby\n\x07,\x9e\xe1\\\xabdhlL,\x88\xe8O\x12+\xc9\xb7 L M\xf8}\x99\xf5\xad\xf55_4jvG\xfce\xd6\xe3a\x8d\xa0\x96\xc7\x13\xf3\x91\x8e\x88\xde\x04X\xd2\x19\xbc\xba\xfb$\xe6\xa3\xcf5\x04\xeb\xf1NE2\xaf\xa1\xa0w\xf3\xa4&lt;eK\xeb\xe4\xe2\xa2X\x86\xea9,\x0c\xf3w\xba\x94\xc54\x18\x08\x1f\xa8\xb5\xe5\xa9\xf9|\x80\x11\xe7\xb0@0N-c\xc1\xe7\x00\x97\x91\xc2yM.Kv\xf7x\xb6`\xedm\xc8%&gt;| \x1a3\xedf+\xc2\x19\xc0b,S\x92\xbbw\xa7\xc5\x02\xce\xc0\x00\x97\xa0\xb5\xb7\x98$\x08\x8c\xf4\xad\xado\x81\\\xf5h,f&amp;\x81g\x0e\x94\x02\x17\r\x9a\x91\x0e\x8c3]\xd2&amp;\x97 \xb5{|\x1cu\x9e\xfb[C\xb0\xbe\xb8.\x08\x87\xab\xc8\xa8\x0b\xb0\xf0\xe2h\xcf\xe2\xddy\xad\xca\x01\x06\x06\xc3"\xea\xe6\x16\x1dA\x10n_\xa1\xb6\xff\xee\xdd\x1e`\x193\x0e\xff\x9d\x85\xcd\xcd\xf5\xf5u\x0f\xcb\xb2\xa1&lt;\xe9\xe6LWXjs\xc5\x83\xcb\xc7\xc7\xb3#\x9d\xcf\x1a\x12\x10o\xb6\x05\xa0=N\xf5\xfd\x8ae\xef\x1c\xba;\xef\x1d\xf1\x99\xe1\xb8\t\xa1\xd0`!\x92zs\xa1V\xdb\xdf\xdb\xdb\xdb\xaf\x9bcF\x12\x8akn\x0b\xb4\x03\xad\x8c\xa1\xb2\x03L\xe12X\xd4&amp;]\xdc\x7f|\xbc\xbc\x1c\x9fl\x0c\xd6\xd7\xbd\xbcJE14\xd4\x0b&amp;\x10\xa7-\x03C\xf3\x8f\x1eyC&gt;H\xf6~$\']\xd2\x13I4\xbf\xc6A\x81\\\xb5h\x0c\xac\xb3\x1b\xdd\x9e\xdbz\xbb\xb5\xb9\xcezC\xbf\x8a\xb5\x0cX\xae8\xe96\x85\xc3\xd6\x9e\x86`=\xdc\xe9m*\xe5\x94\xd3C-"\xc0\xc2i\xbbd~e\x85\x8d\xc1\xf1\x05r9%\x1aA\x93\x91\xcc&amp; \xbd\xfb\xe5\x97w\xfb\xf5\x1a\xc4~\x9f\x1f#=[o\xdfn\xad\xb3!\x92\x13\x0b\x8c3\xd4\x16I\x9a\xc3\xd5\xb0\xa0\xb3!\xb5\xf5\xf8\xa8\xa5{\xbc\xa4\x9c\xbe\x07X`\x85\x99\x80|~a\xc1\x03y\xd5\x88VJ\xb6\xa4_\x15G#\xec\xdb\xb7\'X{\xf5\xfa\xda\xfe~\xadP\xc6f}\x19\xe0\xda\x9c3\xc2\x00\x02\xb1v\xa1o\xb9T\x1a\xaaZ%\xd4\x93\r\xe9\xf2\xdf\xfe\xfdJo\xa9\xc4\x93O\xb7\x89x\x8al\x96\xa1\x07\x00\x8b-\xc4\xd6\xe2\xbcR\x8e\xa7Vy\xb5\x02=9\xb7\xb7\xbf\xcf\x95\xd6\x93\xfa\xda\xde~-\nW\xe7\x86\x01\x08\x85\x9f1\x03V*\xc5aY\xe2\xc5lqJfx\xfa\xa2\x11XW\xdf_\xebj\x9e\xa9\xd8\xe4\xcd"\x11`\xe141\xb1\xb0`,\x14\n\xc5R\xa9\xa2\xd0\xc7\xcbq4\xad7\xd7\xf6\xe1\xd4\x9f\x04\x83\xeeh\xad^\xf0d\xca\x0eG\x9e\x9d[\xf7\x18\x1d\x1c\xd6n\x18\x91J-\x03\xc2%\xbe|\xa6\xf7\xa016p\xf5\xca\xf9\xae\xa16i[\x1bO\x84d\x11\x0eke%\xe4+8\xa4\xb9J\x16\'"\x84\xb2\xbb\x9f\x87F\xeb\xf5z\xd4\xac\xc7m\x15\x9e)\x9a\x81\xa1C\xfa\xe3\xe5P\xc6\xe8\xe3*\x1e\xb0\x14&lt;\x9e\x05\x1d\xd0\x0c\xb6\\\xbb\xd5\x90\x85\xb3\xb3g^lt\x9f\x9f\x9c\x1c\x95s\x97\xa8P\xe0\x0c\xc1\xf7\xde\xc9\x93\xbeH\xb6\x8a\x17-\xc9%^\xfb\'\xe3\xc3:\x022\xa3#\xf4\xd1AWq?\xa4\xfeL(\x1f\xd7\xc4\xe3N\x92k\x0f\x89\xdd0\x0eX\xa3\xfcAkGk\xd7\xabFm\x91\xac^r5_\xea\x9al\x9e\x11q\xef"\xb3d\xd5j\x9dd&lt;\x12\xa0\xd3j\xb9|Ji\xcb\xd9t\xf6@\xc2_\x86H\xe6\x89\xba\xa3\x85X\xcc\x08\'\xaf\x11\x08\x04\x0e7\x16\xa4Ra\x0eK$\xf1j\xf9\xb2\xce\x8d\x86\xed\x02}zp\xa9\xf5\xfe\xbd\xe9K\x1c\x96\x14\xa1\x8b\x84\x98\xcf=R\xa3\xd1\xf4Iz\xe4\x03v\x8bE\xa0rG\xd72k\x19\x0f\xbcyf\xb3/\x1f\xe2\xc0T\xb2\x0e\xab\x1f3\x99\x96\xe9p8\xabP\xccH\x8cl\x19\xbd\xb7\xda\xb8`\xfd\xe2M\xe7\xf4\xd3{\xbd\xae\x19nZ3\xc5\xa4uP \x1bT\xe5\xf3Z\x95X,\xeb\x94w\xca\x9d\xf9hmo\xad\xc6}\xb2!\xfd~2\x1f\x02\xae\xcc\xc8\xa0U`\x05\x0b\x08b\x81Z\x8a\x9d\xa7~\x87\x7f~\xb5\x91\x0b7\x8f\xdfK:tG\x07\x0fx\xdc\xfc\xa1\xd3\xa8L&amp;\x01\xaa\xbc\x93/\x91M\xd9G;%\xce\xb8\x19\xdah\xa1`dG4(\xaaq\x96\xf3y\xa3\'\xa3\xb2Z#\xfa\xe5\x14}\x825s\xf0\xa7g\xaf\x9e=l\xe4G\x08(\xfb\x0f\x8f6n?&gt;\x12\x81\xf7\x85\xacH\x0c\x0c\x0ciC\xa1\xb2X6z\xce\xa2\xb3\xd8\x07P\xc2]\x88\x15\xcc\x98U#\xe8\xb0Ou\x0c\xaa\x9c\xce\x91\x8c\xc7\xa8\xb1\xa2\x14\xd4\xfb\t\xd6\x83\xdbg.\x9e\xc2z\xf1\x97W\xcf|\xb91#\x92Jy\x08\xb340\xda\xe7\r\xe5\xc5\xf2\xb6\x16\x9dNY\\R\xa7\x03\x146\x8b\x99\x12I\xab\xc6\xaa\x1e\xe8\x90\r\xf2UN-\xcb\xaa\xc0/\xc3\x15\xd2\x1c\xd6\xce\xa9\xad\x97\x9d=\xb8\x86(xY\x84\xb1\xd8\xed\x80\xc5\x97\x8c\xea@*\xf5\xa0J\xbb\xad\xc1~\nF\xb6?\xb2/\xe7\xd8\x8f\xf9r\\2\xd8\xc7\xe7\x8f\xb0e=q\x82\xb5K\xe3\xc8\xc6\xa7\xa7\xf6k\xff\x1f\x0f\x10D\x81 \x10\x7f,b\xafV\xd2\xda\xdb\xa2\x16\xf0\xb5w\x0e\x0f\x0f\xf3\xaf_\xbf\xde~\xb9\xc9\xd9\x99\xc3\xbc/O\xf2\xfb\xc4\xc0UF\x93T\x00\xe2k\x8af\x84\x1fNo\x11\xe2\x9b\x1d\x04Ap\x84\xd1)u|\xefD\xa7\xe8\xda\x92\xbacp\xf1\xceK\xf6\xf0\xe3\xf6\xf6\xeb\xd7\x87\xff\x04\xae\x97\xdb\xfeH$\xa2\x11\xa8\x05N\xa7\x13M\xa7\x03\x81\x04\x95\xa0\x19\xd7\xea\xe9\xad\x8d&lt;&gt;\x12\xc2A\x18\x83\xc1 \x19\x99\xf8lXx\xcd\xd02\xd5\xf1\xf3!{\x98\xdf\xfe\x19\xe4\xfa\x08\xbam\xff\x84\x12I\x08\x1d\x0c\xd3\xb7\xc8\xb7&amp;\x01\x8b\x02,\xfc\xd2\xc3S\xf8\xe1\xf3\xbf\xb2\xdf\x98\x11\xfe\x97w\xb3\rM+\xcd\xe2\xf8\x12\xd0\xa8s\xab(\xce\x07\xcb\xbd\xeaUtW\x03^1\xc6{\xaf\x98[\x8d\xbaUr\x9d6\xad\x98fl3A\x1ac5f1]ZRd&amp;\x10\x03\xd9\n5Y\x8a4C\x1a\xb7\xbbm\xc8\x87t;\x19\x08\xc9\x94\xa6/\x10\xf6Cv\x92B\x98\x86e\xfbF3\x1f\xb2IC\xa7\xa4/\x14\xda\xcc\xecy\x0c\xec\xb7egvz\xe7\x10\xf5\x86|\xf0\xc7\xff\x9c\xe7\x7f\x9e\'\x9c\xa7\xbd]\xef\x00\xac\x96T\x8a=q\xa4!\x10\xcc\xedlE\xb7\xb7\x1bu[\x96\xad\xed\x85\x85\xed\xad\x9dbq\xa7\xd8\xac\xff\xf5\xf9\xf3mQ\x8der\x18\x08\xe1\x98\xf8\xdb\xbf\x0b8\x18[\xf3\xb0S\xdf\xeep \xac\x8eHD}\xf2\xc4\xc9\x06_ng\x87\xf9&lt;\x95\xaa\xa4R\xe9\xf2\xd4T\xf9\xe2\x17[\xd1\xad\xa2\xe3\x93K\'N\xe8mf\x0b\xa8U\xacCXo\x84\x9b\x0f\x84\xcd\xc4\x84\xbe\xbd\x19\xb0`\x052\xb1\x18q\xe4\xd2\'\xe3\x83\xebo\xdeM\xaf\xbc^[[Y9w\xed\xdc\xda\xb5\xe9\x95\xb5\'7\x06g\x7fs\xe0&lt;`\xb5\x14\x87\x87\xf7\xd7\x1d&lt;{\xec}\xfd\xaf\xed\xbf\x16WU-\x9f\xcfG\xc6\x062|(\xf0\xf5\x9f\x97\xef\xcf\x94FG1\xb9\xe9K\x85\xc8\xf4e\xa94\xba\xb8\xfcn\x9d3\xaa\x9b\xd5\x1aMK\xc7\xf0d\xdd\xa7\x07\xcf\xb6OL\x0b\x89\xd5\xf3|\xc8\xd1\x0e9\xec\xf4uvD\x06R~&lt;7\xf8\xfc\xdd\xf5\x07\xf3\x8b%L\x81\xa1\xd7\xe8\xe8\xb9\xd7wV\x17v\xfatV\xa6\xe2\xd5Xr\x93\x87&gt;E\x87\xd7\x89sB\x0e-6]O6\x03W5\x8b\x96\xca\x85\x0c\x99+B\xa1\xaf\xbey\xb2v\x05b\xfe\xca\xf4\xca\xbd\xd5\xcd\x17O\x9fn5\xa6#\xa9\xde\xb8\xd9\xe2.\xbaQ\x0e\xab\xadG8\xac_=#\x10W{\xb3/\x18\xccUFRv\xfb\xce\xce\xd3\x17/^l?Z\x85\xd8X]}\xb4\t\xbf\xbd\xd8|z\xdc\xeb\xf5\x96{\xa3\x80\xb5\xff\xd0\xc7}\x8e=\xc2\xaa\x85\xb0:\x91^\xc0\xa5f\xd2\x15\x8a\xa2\xb6\xb67!\x80\xe5\x16\xc4\xd2\xd2\xd2\xad[\x9b\x9b?,x\xe3\xe5\xf2i\xaf\xcd\xe2&gt;\x04T\xc7\xf4\r\x82bA\xfb!\x86\x80\x0b\xac\xab3\xa8\xcdYc\x14e\x8dl?\xda\xf8\xfe\xed.\xd3\xc6\xc6[x\xdc\xdc\\8\x0eT\xe5\xb8\xae\xc5=Y,\xf6\xf59\x8c{\x05\xc6\x9a&amp;\x02C\xc9f\xb0z\x87O\xad\xee\x82\r`&amp;\x16_\xddx\xfdvc\t)\xb5\xf4\xf6\xfbi\xc0ZX\xf0\xf6\x96{\xe3\xf5\xb6\x96\xc9&gt;\xe8&gt;c\xfa\x90\xd0j\x9d\x9b\x08\x0c\r\r\xe9\x8dF}R\xab\xd6\xe2$IeR\xabo\x11\x15`\xddZ\xdax\x05\x8f?\\\x8e\xc7{\xcb\xf1z\x9d\xcd\xed\xeb\xeb\x1b\x1b\xd3\xefi\xf8\x05\xb0\x02\x01Vo\xdccd\x83\xda\xa0\xb6\xab\xcb\xe3\xb1\xa7\xca\xab\xa8\xa4n\xfd\r\xd066V\x1fy\xbdh\xa8\xc5\xab\xb3Y&amp;}c\xc7\x1c\xed\xc6\x06\xc1\xb1\xae\x8c\x07P\x84B!c2\x18\x0c\x1ap\\\xabV\xab\xed\xba\xed\xa7[\xa7 \x1a\xebS\xd1\xa8\xb9&gt;\xde\xdb\x1b\xd7\xd8\xa8.hR\x0e\x87&gt;\xb47d\x14\x18\xeb\xda]\x16a\x19\x81\x8b\xa5\x83A\xad\xc1\xa0\xdd\x9d\x176Vg+\xa1\xe4r\x16\xb37\x1e\x8f\xd7[)\xbb\x16\xa0\x1cz\xe3\xde\xbd\x81\x80\xc0X\xa3w\xfb\xb9\xaa\\\r\xa1\x00\x9d\xd5\xaa\r\x06\xbcK\xdb\xe6\x03\x83\x1d\x03\x87\x9d\xec\xc8\xb9\xab\x1by\xef\xf1\x08\xc3\xe0\x9d\xc9!\xbd\xde\xd8\xb07\xc4\xb2\x82\xda)j\x8a\x1c\xd7\xdf_\xcdb\x80\xc0=Y\x9c\xc4\xf1\x8e\x8e\x8e\xb6\xe1b\xf1P\xb1\xd8\xd2b9\x1a\xadO\xa7\xbd\xf1z\xc6jU\'aq\xe8C\xb3\xb3\x1c\xc1\n\xd9\x13\xd1\th\x90#\x10\x17\xc2\xe2\xf2~\x1cwR$\xd9\x85\x86\x13\xc7\xc6|mn7l\xa2\xd3\x90Bo\xd4\x16\xa1\x82\x0e\xbd\x9e5\x86f\x03t0)p\x12\xbf\xf9\x96%\xfe#\x17\xef\x1f\xcf;3\x8c\x1d\xc0\xbar\xc5\xe2\xfe:]$\x05R\x8d\xc4\xbdf\x9b.\x9ak\x86S8\xcb\x86B\x04\x94\x9f\xc0XWo\xb0\x1c\xe1*\x04\x90^\x01\x82\xf4\xfb\xfd\xb1\x18\xc3Db\xd1\xc6S\xdd\xad\xbf\xff\xe84\xb8h|d$\xad\xd3\x99\xadmU\xaa@\x88\x0b\xaa\xd5\xbe_\x00\x8bs\xb9\xfa\xabydy\xc0\xca\xa4b\xb1T\xda[\xdf\xda\xfa\xd9\x1f/\xde\xb9x\xba\x17&lt;K\xa3\x8b\x98[|\x08+\x00+\x03\xd6\x85O\xe0\xda\x9a{\xceq\x1cA\xefr\x05\x88\xbc\xd3\xefL\r\x0c\x8c\x94\xcb\x97[[\x17~w\xe7\xde\xbd\x8bS \x98&amp;j\xd6u$Y\x96c\x03\x1c\xcd\xe3\x1eC\x9b\xc0X\x89\x87\x04\xc7\x12\xae\xb0\xab\x80\n\x8c\xe3\xfdNgl\xe4\x8b\xa9\xa9\xf8\xe1\xee\xd6\xcf&gt;\xba\xf8\xea\xf5\xab{S\xbdi\x8d9\xeancY\x82\xe8\xe7x&gt;\x8b\x1b\xd4\xda\ta\xef\xd44\xfd\x8b&amp;X\xce\x15\x06\xae\x02\x90\xd1\x1e\xa73s\x01\xb0\xbc\xdd\x10\x0b\xa7\xef\xad\xbc~2\x95\xaeT\xcc\x96\xc9\xe6$\xd4 \x17\xe6\xb3\x06\x88\xc9\x89gMB\xdeo\xae\xb9N\xd0\xbbr!\xaeB!\x0creb\x03\xe9\xee}\xfb\xfe\xb0\xaf\xbb\xb5|\xe7\xceT\xbd9\x9d6\xb7\x04;\x81\xaa\x10\xce\xe7!\x85\xd0\n&amp;\x9eI\xa5=\x02r]\'\x08\x02\xd6\xa2\xab\x8a\xf5\xb2\xe0\xcaz\xc6q\xf5\xe4\xf0\xc13g\xf6\x9d\x81\xe8&gt;\xb5\xbf.ZI\xd9\x0c4\r\xe4\xe1\xfc\xee\xf8\xa9!\x98}\xac\x94Hz\x842\xfa\x9a\xc4c\x02\x85\xcbE@\x0eo\x16^\xbe\x0c\xf3|\xb0\xd9\xd76\xfc1\xc4\xd9\xb3p\xae\x1fvG\xa36\x9c\xafB\xe5\x9dN?\xb4\x01\\\xad5\xbc1\xd5~%\xe9\x11\xe8\x92[\x93\xe8!\x07T\xb4\x0b\xb4\x80\xc5\x88\xb8^\xd2\xc9$p\xb5\xf9\xc0\xe7\xc7\xfa\xfa\xe0\x10\xdd\xd2\x95\rC\xf1\x85\xc7\xfd\xe3N\'x\xad\x07\xa8\xd47\x16?\x94\xd4J\xa4\x82p\xd5\xf4\x94\xd6\xc1 8\x9a\x86\xe2\xe2\xfa\x91`\xc0\xc5q\xc9d\'\xba\x01\x01\xfd\x1a:P\x9b\x96\x86\x14\x87\xc3\xd0\x00\x80\n\xc2\xa0\rf\xd5\xdf]\xf9@\x8c\xb8\x04HdM\x8fx\xf1[\xe8\x89\x1c\x11F\xdf\x0c\xb6\n\\7\xffQ\xe8/\x80Y\xb0\xd5\x00\xb3\x02\x15\x0b\xf0\xd7\xac?\x13\xcb8)\x86\x02\xb1`\xff\xe3\x9f\xfeJ\t\\\xb5\xe2\xab\xef\x19\xac&amp;\xd1#\x92\xcd|\x87\xd4\xe2\\|\x18\x92\x89\xec\xeb\xe6n\xcc\xce\x86P\xcc\xa2\xb8\x89\xa8h\xdc\x19\xcb0L\x8c\xa9\x0e\x82\x1b\x0c\xe1\xeb*\x85\x0cq\xcd\xc9\xde\'X\xd3U\x85L\xa6P,\xdf\x85\x85\x08\xf6M\xf3a\x1a\xe8h$\x17\xc4?o\xdf\xbe\xfdW\x14Gf\x91Tt\x98Gwl2\xb1X\x86"\rj4\tN?T(\xe4"\xe0\xfa@\xa2\x90]M\xbc\xa7{\xe0\t\xd3\xa2\ta=\x18G\x06\x01\xed\x9a\xe6y\xbe\x9aI\x94\xb3\xc2\xec\xc9\xdd\x1b\x8a\'g\xc3w\xc7\xc1\xabp\xd2CR\xb1\x0b\x03\x19\xcaN\x82T\xb8\x07\x0f&gt;7\xc9\x15"\xb1T\xf2\xa1D\xae\x94)ds\x89\xa6\xa6\x9f_T\xd8\xfc\xa2R&amp;\xc7\xb0\x07\xe3h$\x9d\xabf0\x9b\x070\xa83Xu\xfd\x07\xce_\xbat\xa0\x81\r\xa2\xdbQN\x12\x15z$\x9d\x1e\x889a\xd7\xd3\xd5\xd5E\x92xp\xbd$W\x88U\x12I\xad\x14\x93\x891\x93\\:\xd7\x93H\xfc\x9c\xd9\xb7\xa6\x9e9\xd3\xe8LI)W`\xd8\xf2\xdd\xea\xa4|\xd5%h&gt;\x0f`\\8\xcf\xf3\xf9\xa0\xcf7\xe9\xb6\xd9\xd0u\x9a\xcf3\x14eg*\xf1x%f\xa5(\x06\x08\x19\xc6\x83ko\x8c\xca\xe5 \x96\xa4V\xac\x10I\x95\nq\xadD$\x12]\xed\xe9I\xfc\x7f\xa2%\xa4X\xc9\x84\xcd\xcf` \x96\xa9\x8a\x85\x029*\x94P\xd6?\xceC!\xe5\xc7I\xd2\xa2k\xd4\x98Si\x948\x8a\x82\xdd`\xda\x9cJY)\xab\xd5f\xb7F(\xd2\xc3\xdf(\x89\x94\x88\xaaV\x84r\t\x80"\xa5R\xa6\x14)E?\xd93\x9a\x12s\x18f*\x01\x95if^\x8e\xc4\xc2f\x06\x890\x1fFW\x1e  }Y\xd2I\xf2\xe8\x04\x84[\x8e\xea\x1a\xcd\xe6\x08d\x8d\xb1F*p.\x83}X\xc4jel\xd6\x08\x1c\x82\xc8\xec\xbaI,\x96 ,\xb9B)\x12\xab\xa4\x12xI\x95"\x95\x12|\xe3O?\x05,!V\x98\xe6gF\x81Ja\xba?/\xc7\x10\xd6\xe8\xba\x8b\xe6\xb3\x08D\xad\xc6=\x1e\x8f!\x0b\xef$\x0e\'Y\xf7\xd1F\x08\x1dP\xa4"Q+\xc5\x98+\xa9J\n\xddG\x8a2\x0c\x98\x97\xe1\xa1\\\xa5\xaab)0\xb9\x0c\xc4\x92V)\xe1C\xa9\x12\x89\xe7~|*\x132\x85\\V\xba?\x0fXX\xe9\xfe\x0c\x82\xc2L\xa6\xc7&lt;H\xe4\xc9\x1ap\xbb\x1d\n\x07\x96\xbfV\xab\xf6\xd8q\x83!W\xd7x\xf8\xf0\xf1\xe3\x95t%b\xb1@\x95\xc1CZ\x03a\xb62V\x90\xd0\xbf&amp;A\x95\x05X\x18&amp;\x13I\x01KT\xd5L"Q\xa9T"\xa5\xf8G\xb6\xcb\xa69\xa8$\xe0\x1a]\x9e7A\x12\xef\xcf`U,l\xf9/\xd0\x9cq\x0f\x89\xa0 E\x14\xbac\x04?\x06\xbc\xe5\xe8\xa9\xc3\x97ac\x1a\xb1\xa1\x1be\x91J:]_o\xd6h"\x11\xd0\x0e\xea~\x105\x1f\x84%1\x99D \x9bJ\x0c\xa1\x82w\xa9\x14t\x13\x83\xa3\xfd\xef\x12\xabI\xcc)L%\xd3\xbf\xf9\xb8\x9e\xd06\xee4*(\xf3_\xcc\xec\x8c\xaa\x991\n\x16)\x96A1R\x02\xdeC\x90j\xf0\xa6\xec\xc5l\x0b"\x16=\xc4\x87$\x18\x02\xd9M*\x87*14di\x97\x8dN\x1b\xb1\x87\x94\xf5B\xbaB\x8da%\nN\x83\x0cVX\x9ft\x90p\x8c\x0bas\xb2rp\x90\xb7\'\xd3[\xe8a\x0f\xfb\xde7R\xe8\xb2t\x7f\xc8\xd6H\x9eh\x9e\xdf{\xdf\xfb\xbe\x9fm\x05x\x1cg\xf7p\x03xv#XT\x11\x1a\xdex\xff\x83\xb3\x84\xb5|&gt;\x7f\x0eQ\x89\xed\xfe\xf4\xf4Z\xf6\xca\xe3\x87\x8b\xa4\xe7\xc33\xcbS\xf3\\\xabx0K!\x01\xffU\\\x03$\xe6C\xdd\xe6gpEH*\x8c\xef*\n\x90\xc1\xfa\xff?..\\5\x1c@\xaag(\x9f\rDu\xa0\xd9s\x1c\x9a\xcb1\x87\xdf\xfd\xe6\xc6\r\x0c\xa5\xd8\xef\x80\x87\xfc\xb9k\xa7\xf8\xee\'\xac\xb5\xf4\xc5\xc7S\xb3\x00\xb2\x9c\xc6vlv~q\x95\x1a\x92.8\xff/\x0fZ\x9a&amp;\xb0\xdc\x8c\x81{ \x012,W`\xe1\x91\xeai;\x8d\x9f\x8fX\x80\x8a\x93\'j(+\xbe\xb7\x9bA68&amp;\x1f\xd8f\xe6\xfb\x1bw\xef\xde\xfd\xea\x83_\x9e\xf9p\x16\xc0\xf2\xd7"P\xd3\xd3\xd3\x97\xb3\xe9&lt;V:[\xca\xa6gA\xd6\x14\xf6\xd7S\xcb\xcb\xb3\x04\xf6\xa3c\x11\x96\xa1k\xb6\x9d\xd4tU )\xa6i*\xe28\xd1\x92\r\xf3g\x18\xbbz\x93L9\x11\x02\xd3D\x9bplgc\xc3qmW\xb1\xf9\xa4m\x1c\xfc\xc0w\x8f}\xc5\xb7\xdb\xc1\xcc\xe9t\xf6Z\x04\xeb\xd7\xbf\x9a^+\x14J\x05\xec\xf8Y\x93S\x8b\x97\x16/]\x9f\x9f\xe2\xdb\x03g\x9f? *\xc02\xf4\xbd\xbdnK\x8b\xe4Shy\xa0\xb1,\x8d5\xa0\xf3~\xe7\x7f\xbd\x7f\xe1\xeaM\x15\r&amp;\x8e\xeb\x03\x91"\xf2\x03\x8c\xe9\xd63\xf4\xa7)\xb8\\\xfb\x15\xba\x1eR\xe1&lt;s)\x9f\xcd\xa7\xf3\xd9\xd2\x9a\xf8\xfe\xef\x97\xb1\nY\x06\xeb\xea\xe2\xad[\x97\xae__\x85\xed\x01\xeboG\xa6e%\x05\x96\xd7?\xe9\xc3\xa7\x19\xc7\xd3Z\x96N\xa8\x1a`\xf1\xab\x84g\x01\xdc\xce\x7f{\x1f&gt;\xd7U\x13\x0e2M\x1b\x82\xb3:\xc8,\x80\xdav\xc61P\xc6\xc4e\x9b\xfa\xd6?\x90Uw\xe1\xfa3g\x18\x97@\x96\xcf\x97\nk\\\x05\xfe\xea\x15\xb6\xe2\x8f\x92\xc0\x16\xc8\x9a\xa7\xbf\xbe\xd9j%\t\x0b\xa4d\x8e\xfdjg\xb4?\xda\xef\xf7\x0e\xea\x8d\x06\x13C`Y\xd1}\x92Z\xee\xfcD\xc9\xab7w4\xf4*\\\x17\x9a\xdb\xb6\xadPw\x0fI\xac\x9a0Y\xc6\xa6\x17H\x97\xe9\xea\x0f\xfe\x88\x91\x00!\xc1\x9c&lt;{\x1e\xc0\x10\tX\xa5\xec\xca\n\xb2\x9e\xae\x02]\xfc\x11\xb8`\x9a\x9f\xff\xf3\xb7\xbc\xa0\xb0\xa5mw\x82bP,\xce\xcc\x14\xab\xb5\xd10C4\xc9H`M\xeb&amp;q\x12U}\x1b\x16\x17\x1a;\xf8\x92\x82R\xc3P\x04C\xba\xa6\xc8\x18)\xe9\x82B\xccp*q\x11\xb5\xf2\xfak&amp;\xfc\xa9\xd3\xe8\xc9g\xd1\x8a\xb3\x90\xb1$\x90VV\xd2\xe9\xf4\xf2\xc2\xec\xc2\xf2&lt;\xa9\xe2\xbb;\xe7W/\xbdp\x01\x8a|\xe8\x86\xd5\xac\x01S\xb1X\xe5m\xa6\xb6\x7f\xd8\xd5\xa2\xd5\x95\x03BW\r\x1c\xdc\x1cSE2U\xa0B\xbf\x1aW2\xdc\x88%\xd5b\x18ff#\xa3\xa8DK\xa4\xf6\xb3\xdf\xbe\x7f\x1a\xf6\x92\x85M\x04ae\x05\xd2\x02|E8\xb3\x02\tku\xf1\xd2Q\xbc\x95\x8c8\xd1us\x1f\x98\xc8\x15oAP\x1cmC\xbaFC\xcc5\x16\x13\x17\xc5\x99\x91\xab\xf0T\x12\xa8l\xf4M]\x9b,\x9d\x1d\x02\xe3d|\xe3\xb0w\xdc\xe9\xc7uO\x11\x1e]\xdd~\xf65q\x01\xd8\xa9S\x9c\xa7JY\xa0Z\xf8\x82M1\xbd\xbc,\x7f\xba\x81\xe8\x9a\xa5\x94_\x1e=\xb5\x08\t\x1f]\xa3\xb1\xdd\xf1g\xb0\x00\xad\x8a\xbb\xf6hX\xb7\x8d\xe4\xcdF\xab\xd5\xe0\x12\\I\xb2\xa1s\xc8\xd3Aq\xd7\x05*\x86\x08\xaa\xc5S%\xe8\x90r\x96\xbb;l\xf6G\xb5 H\x1d\xd7\xbb,k\x18\x0f\xd8\x95\x17\x7f\x05Qh\xd2\xcc\xf8\xf7\xde\xbbV\x80\x88\xc4\xb2\x92\x9dcF\xa0\x1a\x99\xa8\xa0\xea\xd6Q\x06\n\xd24\xe2\x9f^1\x08\xfc\x80\xce\xaa\x16\xab\x9d\x1e\x8684n\x0c&lt;\x1a\xce\x98\x00K\x12\x01\xa6&lt;\x03e\xe2!\xc2m\xc5`\xb3"#\xf0&lt;\xb43w\x9b\x83N5\x15V\x12\xe5T\xa2v`\x11\xb3\n\xba\xd0\xd4\xd4o\x9fSA\xec\x99\x11\xa4H\x875\xf4\xc4\xdb+\x05\x14d\x01\xab\x94\xcd\x83\xaa\xc5\xc5\xcfn\x81+\xbaJ`\xe9\xd6\xee\tP\xf9A \x84u\x9a\x8c"\x9b\x97\x02\x03d\xc4j\xb5\xa8(&lt;\xe8\xc6\x08U\x07U\x98eI\x9fGk\xb3_\xb9\xf5\xe1~\xa7\x9aH\xf9\xa9D*\x95\xc0\xfd\xf1\x1e\xdb\x9a\xe1az\xc3kh\x9b\xdfc\x17x\xfaT\x94\xa5\xefN_\x9e\xbbwo\xae\xb0\x86\xe4b\xa8f\xd3S\x8c\x89\'\xcf\xfe\t\x05\x93\xd1\xea&amp;\x9d&gt;\x0cEX\x01\x9c\xd5i"plE\x8c,M\xdc0m\x8djZ]\\%\xa6\xea,M\xe0\x00\x00\x05sIDAT&amp;5&amp;;\xa8\xf2&amp;\x0b\xc5W\x87\x9dj\x81|cx\x1d\x1f\xab\xec\xef\xb3\xdd\xca\xb0\x8bo@om\x1c\xfd\xe1\xec\xb9qC|\x97$\xcda\xad].\x88\x86\x0b\xa8\xc0[\x8f\xfee\xb7"\xbf$\xe9\xe9\xc6\xb0\x16\x10\x17&gt;f\x8a\'C\x87\xdd\xc7\x9b\xd8\x18}\x12\xb4\x19\xc2\x16\xd8\x8dq\x8c\x05*\xa4\xbf \xe2\xb9\x99\xed\xe6~\x07pX0\x81_.\x97Sa\xae\x12\x86\xc5\x9eIX:#\x1f\xbci\xce\xeb\'\xe7K\xd7`.\xb8\xbeT*\xcc\xdd[\x01ass\xd9\x95\xfc\xca\xc2\xea\xc3\x8f\xee\xbc\xda\xd4\x85\xab\x08\x96&amp;\x12r\xb1\x04\x8f\x0f\x00\x82\xc2H\x851\x1d\\\xd8\xc65\x15\xad\xd1bM\xc64\x97\xb9 ^\xe7|\xe1\xd4\x0f\x9b\x83\x93j"\x0c\x13)|\n+\x95\xf5\xca\xfa\xd2\xd2R%L\x84\xed\xa6)\xc1A\x8d%C\xb6\x8e\x9e\xe7KR\x86+\x80t\xfb\xf6\xef\xf8\xab\x0c\x16\xe2\xe3\x8f\xee&lt;z\xf1\xb4E\x8e\xc6\x12j\xad\xfah\x86\xce\x82\xe3\xfd\xeah[\x82[\x95\x06\xad\xf1\x93\x87\x87\xa6\x02\x10\xf5\x8c\x8e\xbe\x14C\x88\xd3\xea\x84\xa5\xe9\xce\x1ex*\xa6B\xb0\x93\xc3\x07\xe0\x00\x12\x0e\x13\x94\xd1\x0fkM/:\xd3\x18\xfb\xc1\xdc\xfc\xf7\x13\xf9K\xae\x85\x05\xbeI\x8bo!\xbbr{\xe1\x8b\x8b\x9f\xfd\xe9\xcd\xa6\xda\x92\x96\x12\xe1\xd2,\xbb\x8f*\x14;\x04\xed\xc1\x1eQ!\x07\x11Q\x06j\x88w\x8cq\xec"\xad\xe6\xfe\x81\xd3j\xc4 \xa8&amp;Li\xde\xde\x10\x85\xe7\x83\'8&lt;\x91B\xf5\xe5B\x08\x08\xb7\xf3;Lq\xd5\x9a\xee8g\x05\x99a\xb4\xbc\xad\xd7?~\xf9\xf8\xe2\xc7W&gt;\xfe\x94\x7fg}\x91\xd0\x1e~\xf3f\xd3nH\x17\x14XT\xd0\xee\xd5\xe8\x08\xaev\x7f\xc3d7QL\xd0\xd4U\xa9&amp;\xcf3&lt;\xdd\xd2]\xbd\xdf\xee\x1c7\xe31N\xb0l3\xf6n\xef\xb8ZND\x98\x12ex\x1c0\xfcb\xc0\x83r9\x91#\x7f)\xea\xa8\t\x1e\x8e$\xc4\xa7\xb5\xba\xf6\xd6\x8b\x97\x8f\xee|\xfe\xe9\xef\xf9\xae\xdc\xcf?y\xf4\xf2\xc5\x96\xd2\x02\x92q*\x8b\x8en\xaf\xd6\x8e2+\xa8\xf52P\xccD\xd2\x90\x0f\xbe\x0e-\xd6\x8d\xe2\xdb\xf5\x06U\xdf\xaf\rb:\n\x13\xfb\xf8\xdd\xde\x89\x8f$(3\x0bHP\xe0\xf3\xa0\x1c\x04$-Gw\xad\xafW`\xb4v/&gt;)i\x14\t\xe1\xb1i\x18O7_\xbfy\x89\xf5\xe6\xf5\xe6S\xd3\xa2|\x1cU&amp;+\x19\x07\xaavu&amp;\x88PaK\xe1\xba\xf6X:)n\x8e\x05:\xc7C\xd5\x1b\x14}\xf4\x80\x98\xe2\x98\x9e\xb9\xd7&lt;\t*\xb9r\x10I\x05\x01\xcb&lt;J\x80;\x14a\x08\xcfW*9\xae0\x91\x0b\x06\xf5\xa41\xe6\xcb\xe3&amp;\xcb\x90\x0b\xb7Z:\xc2Q\xd1\x93\x93\xf4L\xb2&amp;"TV\xa6_k\xd7\xdaU\x16v\xad\x89A\x97[D[\x91\xfd\x98\xca\x9d\x19\xc6\x14\x18,J\xa8A\x91)\x123uw\xafy\xdc\xce-\xad\xb3\xd8\xa0a\x18\x92\xb3\x14\x92\x9d\xce__\x17\xf9\xc0\x1c\x9e%\x8d\xa1?:\xd4\xde\x1aL\x8aR\xd3~\xd2GY\xef\xc2\x94\xae\x8d\xfb\xab\xb57 *\xf6f\x84h\x9c#\x92\xa1\xa9.\xe6\x005Jo\x97\xc1\x84\xb0\xc4\x9c\xa0\xea\xbd6\x13$\x16?l\x8ej\xe50\x12\x8aJ\xe5\x04Z\x0e\xe1\x10\xe29\xa2\xaa\x84\xb4\x9a_N\xd0w\xa0\xb1345c\x0cL\x8d\x8a\\\x7f\x9b\x8a\xb2\x19\x14\xa6\xf4\xf1^\xe7p\x04\x01\xab\x94\x10\\\xc5M\xe2\xe1\x90\xc0oI\x8d^\x83\x01\xad\xcaR\x0cNd`\xab\xdf\xc1?\x80N\xeb\xebK\xf7\xb9\x80l]\x10"\x19\x98\x0e\xfcJ\x8e\x82\n{\xb9\x1c\xb1\xc1\x1f2\x98Op\x19c\x08\x91\xb6c@\xd1\x13Z\xa6yRecf&lt;\xd4zq6[xK\xba\x85\xea\xc9\x00lH\xdbPe\xb63\xd4\xf8\x88\xa3X\xac\xca\x14\xaf\x8c\x81\x00\xd9\xd2\xfdw~q\xff\x9dh\xdd\x8f\x80\xe2\x16A\xc6W\x98\xabe\xbf\xba\xbf\xed%\x05\x95g\xa8\xde\xdb\xba\x14\x06\xe17\x1e\xc8\xb6A\xd3\xb7\x07\xb5j\xbb\xcdA\x06\n\xf6\xe22_\x9a&amp;\xfb\xb0\x1a\x9dM\xa7\x8fQ\xc9\xdeL\xed\x93\xd7\x18\x13\x80,T\x96&amp;k\x02b\x02N\xfe\xf3\xb8\xe8\x99\xf5\x9cD\x1a\xc2\xa7\xd3\xdf\xf5,\x9d\xafgp\xcf\x07Ip#y\x1e7}\x84\x881S\xdfh\x9e\x14\xc5\xe9\xd0p\x06\n*\xec\xf4\x8et\x1c\x80\xd1t\xcf\xd0\xbaR\xd1\xb2GC\xefA\x97l\xb6\x11\x031\xf4\xbc\x14\xecD\x19\xa5\xda*Q\xd1A\xb9\xca$\x14\xf0\x89\x9eg/\x12{\x05\xa9\x10\t\xd2\xe9o;\xd8[\xa9\x04\x05\x86\x88\xc6\xf0\x14lEp\xa7c\xf4\xe9Z\x1b\xcdcd\xe8\x0c\xe7\x18tX(\x8f-\x02\xf6,\xb6\x0c\xa0\x1aN\xc7\x07\x0f\\\x14\xa5kKO\x04\x91C\xc0\xaa\xc6\x18\x04\xb9D\x18\x95?\xccN\xf3D\xc7!+\x93\x05\x88\xe3T\xd4\xb0\x016d5\xe6\x98\xb1Ag0\xacw5\x153\x1a\xf8\x91\x9fZy.j\x8a\xf4\xb1g\xa0\xbea\xaa\xa2\x8f\x1c\n\xcaep\x95\xc1t\x85\x13\x0c\xdd\x14\xbe\x0cI\xad.\'sl\xfcd\xee\x82\xef\xb4\x83\xdaL\xb1\x1dcp\xf2\xfa\xa4\x82\xae\x86s\xe0\xef\x84\x1f\x94\xa9\x17c_h\x12\xd8!i#\xf4\xb2\x8f\xe2DGj\x1f\xf7\x0f0\xe4\xbb\xb8\x00\xc4S&lt;\x95\xe1\x8dp4\xe3\x87\xfd\x93jP\xfc\xcf@\xf9OL\x05\xe8(\xb1\xf6E\xa0^\x01\xb06a\x03\xb5\xac\x04Y\xc1\x19\x17\xe8\x08 \x07\x98\xda\xc0\x05\x17\xb0\x88\x056d\xb8\xb7n\xb1.]\x05\x00\x96\x94;\xd4\x82\xaeqq\x00\x00\x00\x00IEND\xaeB`\x82'</t>
        </is>
      </c>
      <c r="M139" s="3" t="n">
        <v>45492.67673611111</v>
      </c>
    </row>
    <row r="140">
      <c r="A140" t="n">
        <v>363688</v>
      </c>
      <c r="B140" t="n">
        <v>2020</v>
      </c>
      <c r="C140" t="inlineStr">
        <is>
          <t>Yago Pikachu</t>
        </is>
      </c>
      <c r="D140" t="inlineStr">
        <is>
          <t>Y. Pikachu</t>
        </is>
      </c>
      <c r="E140" t="inlineStr">
        <is>
          <t>MD</t>
        </is>
      </c>
      <c r="F140" t="inlineStr">
        <is>
          <t>MC</t>
        </is>
      </c>
      <c r="G140" t="inlineStr">
        <is>
          <t>MD/PD</t>
        </is>
      </c>
      <c r="H140" t="n">
        <v>170</v>
      </c>
      <c r="I140" t="n">
        <v>22</v>
      </c>
      <c r="J140" s="2" t="n">
        <v>33759</v>
      </c>
      <c r="K140" t="inlineStr">
        <is>
          <t>Right</t>
        </is>
      </c>
      <c r="L14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2256bde5-5f31-4c83-a42c-54177296283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4g\xee\xfc\x00\x00\x00&gt;tEXtComment\x00xr:d:DAEewil2SDw:3048,j:4010854548617000738,t:23080814\x1a&amp;b^\x00\x00\x00\tpHYs\x00\x00\x0e\xc4\x00\x00\x0e\xc4\x01\x95+\x0e\x1b\x00\x00\x03\x00PLTE\xff\xff\xff\x10\x0f\x0b\xd0\xcc\xd1\xfe\xfe\xfe\xd3\xce\xd4\xd8\xa3\x94\xd7\xd3\xd9\xff\xfe\xff\xd8\xa0\x90\xc0ta\x19\x17\x13\xd5\x93\x83\xd7\x9c\x8co;0\xd2\x87v\xce\x7fmj8-m?5\x13\x13\x10zD8\xdc$)\x17\x11\x0c\xcf\x82puE;t@4\xd6\x98\x88\x0b\x0c\x07\x1e\x1c\x17yJ@\x89QD\xd1\x84s\xd1\x8ay\x82G9\xca\x7fl\xd6\xd1\xd7g3&amp;\xcd\x86t\xd8!&amp;H+$\x83TM\xca\x8e}\x86L&gt;\xbdp\\\x98WGoD;\x03C\x9a\xd4\x8f}\x92SC\xbakV\x8cK&lt;\xc8{h\xb7\x12\x13\xbc\x14\x15\x9fXG\xca\xc4\xc9\xcc\x92\x82\x8eWK\xa7eT\x97PA\xcf!$\xce|i\xcd\xc8\xce\x88F6#\x1f\x1b\xae_I\x91M&gt;\xachV{NF{?1\xda\x93\x87\xb2cO\xc9\x82q\xa7\\L\xaem\\#\x17\x14\xc3zhe=3\xb2sc\xbf\x1a\x1b\x7fJ&gt;\xb4jV\xb8eO\xbczkn5)\x80C4\x82ND\xc6\x1a\x1cT1)\xd3"&amp;\xfb\xfa\xfb\x9f]L\x06\x07\x03- \x1d\xd8\x8e\x81\xca!$\xbf\xb8\xbc\xadbO~RK\xcd\x1b\x1ek."\xd0\x96\x86\xc0lX\xe0(-\xd6\x8a|\xe4.4\xc4q]\\81\xc9we\xc4xcv9*\xca\x88w[3*\xd0\x8f~\xc4\x7fm\xc8ta^-!\xf0\xf0\xf1d6+ \x12\x0e\x9f\r\x0f\x85YS\xb7wg\x8a_Z\xb9raR) K#\x1a\xdb\x99\x8d\x05I\xa0\xa3aP@#\x1c\xf6\xf6\xf8sIA-\x19\x13u&lt;0\xa8\n\x0c\xd1\x9c\x8d7% \xd3\x1c \xc2\x85u\xa6YFK40\xb4\x0b\r\xbb\xb4\xb7@\x1c\x12\x9eTB\xdc\xd7\xdd\x049y7\x1b\x13\x054n\x92e`?,(Y;9\xa3h_\xc8\x15\x16\xb3\xac\xb2\xea5=\xdf\xa0\x95\xaa\xa3\xaa\xf9\xf4\xf3\xb7n\\dD&gt;\xc7\xbe\xc1\xc5\x8a{\xc1\xbf\xc4\x94\x04\x06\xc1\x12\x11\xaa\x9b\xa1\xbd\x81p\xdf\xae\xaf\tS\xa8\x93\\P\x9b`U\xaf\x11\x13\x9eRG\xb2bX\xc0\xab\xad\xc7\xb3\xb5\x98\x91\x90\xd9\xa9\x9f\xe3\xde\xe1\xba\x9a\x9e\xa3\xb4\xcd\xa3uu\xa8\x8a\x8d\xb3{t\xe6\xe6\xe9\xd8CM\x03&gt;\x89N\x16\x0c\x1dZ\x9f\xb4\xa5\xa7\xe14&lt;8Y\x83opp\xb6\x95\x92\xc1%(\xcf\x87\x7f]\x1f\x15\xbcEM\xd8\xc7\xccoTQ\x88\x84\x84\xd6\xbc\xc1\xf5\xe6\xe5\x9d\x9a\x9f\x9f\x82\x83\xc36;\xd3\xdb\xe6\xde\xcf\xd3\x8crt334\xd7x\x83\xc8\x97\x98\xbfhe\xcb\x9e\xa7fdda\x85\xb4\xda\x83v\xc4vt\xc8W_3j\xa5(*\'\xb6*0\r5a\xaaUT\xc0\xca\xda"Fpu0$\xbb~\x82x\x98\xc0\x85\x04\x05\x9cFN\xdbYfOQP\x8f\x9d\xba\x16K\x85\xc8\x87\x92\x81\x8a\xa4\x03+^\x8f\x17\x1dwxw\xe8\xc1\xbbj\x82\xa2Vr\x98\xe2\x93\xa2EA@\xdc/7\x9a44Kv\xab\xc8fw\xa73DTR{\xf0\xdb\xd7\x826(\xb2Zo\x828T\xf5\xafF\x15\x00\x00 \x00IDATx\xda\xcc\x97MLZ{\x1a\xc6KO2\x13\x8e\xe1\xeb\x10\xd0\xe1T-#\xa1\x8a\'\xf2\x91\xa0\x968\x80J\x01\xf1\x18\xf1+D/Mm\xaa1\x82\x82\xa8\x10\xad:)\x82)\x11\xd3\xd2\x90k\x8d\x89\xd1\xd8E\x13M\x9b4&amp;\x1d\xbb4\xb9\x8b\x9a\xf4n\xd8\xb0r\xd5\xd9\xb8s\xe3r\x92y\xfe\x07\xef\xdc\xd9\xcf\x1c{_\x81\x08\xab_\x9e\xe7y?\xce\x9d;\xffsQ\x14^\x95\xba\xf3\x87)\x81i\xf1\xe4\xe4\xe4\xcd\xc9:\xfe\xffc0Q\xd4\xfa\x9b\xdd\xf3\xf2u\xa9T\xba(\x95w\xbf\xacS\x7f\xfe\xf1\xaaA\xa6w\xe7%\xc9O7\xa5c/\xcf\xf7Z\x81\xf6c\xb9\xa8\xd1\xbb\xe5\x0b\x9a\x91\xe8@\x84"\x1f\x12\xfa\xe2\xf2l\xef\xcd\x8f$\xa3\xd6w\xafi\x9a!X\x84J"\x11\xbe\xa0\x98\xd2y\xeb\x97\xd1\x1fDF\x8d\xee]0\x8c\x86`\x01\x89a\x18\xda\xe5bi\x82\x86\xef\x17\x97\xe7\xad?\x02\x8c\xa2F_\x95\x88:\xe0a\x04*\x02\xc6\x92\xaah\xc6\\\x9c\xbd\x83d\xb7\xde\x81\xaf\xaei\x89F\xc3\x10y~C\xa3],\x0b\xc9\x08\x18\xd1\x90-\xb7\xde*\x175\xba\xf8\xa4\\\xa25\x12\r}C%\x11\x04B\xbaX\x02v\xc1\xde\xc4\xac\xb4\xb7N\xdd\x9eT\xeb\xade\x16JI\x08\x16[\xe1\xa2\x01\x81L1\x15.\xd7\x8df\x12\xd7\xf9\x97[\n\x18\x86\xd5\xa7\x0b\x10hP,\x1d\x10\xa8H\x13\n\\:\xfc($L\x00ci\tS\xbe\x1d.j\xf1U\x99&amp;\xbd\x07\xa5\x88\x87\x9a\xdf\xa3N\xd0\x00&amp;\xc4\xab"\x99\x8b\x95\xd0\xe5\x93\xd1[\xc0\xfar\xe5\xc2\xf8\x04\x15\xc1\x822\xb0\xd1\x15\xcem\xa3r\xb9\xb0+@\xd4\x12\x80\xe8\n\x19\xadc.\xef\xde\x82V\xe7\xb40:\x89\x85\x1a:\xe0\n\x87\xc3\xdb\xc6\xad\x08\x9f\xc9TWs\x91\x901\x1d\xce\x06H?\xb2t\xa5)\xc1%\xb9\xbc+rCR\xd4\x1e+P1$\xef)\xa8d\x0c%e5j\xb5\xd5\xec0\x9b\x9b\xcdM\x9c\nh\xb90L\xd4\x10\x15]P\x8e\xf9Ir\xf9F\xd4|Q\xd4\xdfJ\x12\x12\'\t\xd1+\x10\xde\x0e%\x95\x1b\x1e\xcf\xb0\xd3\xda\xe9p8\x9a?\xd8\xfd\x05\xf3\xb0G\x06\xb0\x00\x8b\x91&amp;\xa4\xcc\x05\xcf%g\x8b\x94\x98T\x7f\xba\x94 M\x1a2\n4\x81\xec\xdaB\xc3\xd0\xac\xc7\xe3q\x12\xacB\x01T\xfe\xbc\xbd\xe0pn\xc8\x92kP\x8cv\x91\xdcA.\x9d\xce\xb5\'\xa2\x8d\xd4bY\xc2TF\x81&amp;\x95-\xae-&lt;\x1b\x1a\xda\xf0\x0c\x0bb}\xb0\xdb\xf3y\xff8\xfe\xf2y\x87\xd9\xea\x94\x85r\xf0\x90\r\xa0A\xe1\'s\xf9E&lt;\xac\xd1O\xacDX\x7f\xc8zz\x15R\xc9d2\x8f\xa0\x94=\xef\xf7\xbbQ\xde\x01\xef\xc0\xc0\x80\xdb\x9d/|\xe8\xdc\x102&amp;d\x9f\xa6/\x9e\x88&amp;\x17ur}\x13\xf7@q-\xa9\x04\x93\xac\xc6\xe3D\xaa\x9aA5\xee\xf5\x02j\xc02i\x9a\x9c\xb4\x0c\x0cx\xdd\xf6\x82u(\xed"\x96\x0b\xf3\xf5\\\xac-DQ\xad\x17dbA\xaa\xb5\x05%J&amp;\xdb\xa8\x19\xb6:\xe0\x9f@\xf5\xd1;`\xb1LVj`\x12\x92\xb9\xf3\xce\x86b\x80\xcc7\xe8u}"\x16\xd6\xe8.K\xeeP:\xbb\xd6\xa0T\x0e)\x93\xca\xd9\r\xcf}Xh\xcf\xc3=\xef\xc7 \x98\xa6o\x8a\x90\xc1Owax\xa1\x98B\xb4h\xc6\xf5N\xa4\x19A\x8d~\xa3\x89Z)\x81\xaa\xa1A\x89.\x1c&amp;T~\xaf\xe0\x1ea\x8aF\xe7+5M\xb8\x90\xb2|\xc1\xb3\x1a\xc6\x8a\xa2\xd9oba\xad\x7fb\xf0\x1c\xa1\xc9.4\x10\xaa\xa1!`9;?\x8c\xf9\xbd\xc1`\x85j&gt;\x1a\xed\xa8T\xb4\x03`\x16!\xfd\xf6\xce\x9a,66]^\x17\x0b\xeb\n\xcf8:M1\x0e\xa6\x86\x86\x06A,\x07\x0cD\xa4,\x93\x84)\xda\xa1\xd0\x1a\xea\xb4uZ\xadV\xd1\x11\x05\x97\x05\xd1w\xe7;W5\xe8\x14\xd1\xc2\xb5xI\xa2\x15H\'\x93\r\x02\xd5,\x92\x05,$\xdd\x04\xac\xa8M\x0f(\xb9A+7\xd4\xd5\xc9\xeb\xeb:*\x82\x91a\x91\x0c`+\x94\xeeR\xe24\xe2]\xa1\x11\x03\xc6\xa4\xf27\xacak\xb3\x9fPIM\x10K\xa1\xef\xd0+\x14\n\xad\xb6N\x0e.\xbc\x15\xe0B\xf0\xf3\xf6\x9a\x1c\x8e\xc4\x8bw"\xcd\x87o\x0c\xf10\xbb*\xa8\x85d\xcd\x0e;;\xed\x02\x96\x89\x84\xdd&amp;\xe8\xa5\x95\x83J.\xbc\xb46\xc2\x05\xb9\xd4i\x96\xd1]&lt;\x11)Zg\x10\x0b\x93t5\xa9\x04\xd7\xd0w\x04\xdeJ\xda0h\x92N\x13\x0fm\x1d\x1d\xd0\n&lt;ry=\xb42\x18\xea\x14\xe0"6z\xd2a\x9aa\xf7\xc41\xf1\xaf%\x88\x95\xca\xe6p5(\x89\x85\xa4\x0f\x1d\x85\xbc{\xc0$\x95Jg\xa2z\xad^oSh\xe5\xf5((E\xdc\xd4\xeam\xc4Fw\x13N\n\x9a\xf9$\xc6\xfa\xa1\xa8]\x96\x88\x95M\xc7y\xfew,\x87}\x1cX\xd3\xd2\x99y\x9b\x1eX6!Z\xf5\xc4A4\xa4B\x1f\x9d7A\xae\xe6\xea\xb8\x91\x95\\\x891!\xa8QL-L\xf8\xa21\xce\xab\xfe\x0b\x0bjMJ\xa5\xd3\xf33\xf3Q\x1b\x99\xa3\x95\xd4+\x84\xeaP\xd8\xa2$]\x055\x1f\x0fKD9"\xa8\xf5s\x89\x0e\xc9J\x0bXJ\xd9\x7fL\x1cG#\xdal3Q\x1b\x06\x02\xe9\xc7\xba:\xc8D\xc6*\xb0\xc05\x0f\xac|\xbf\x8a\xdf\xd6\x94\xde\x88\x81\xb5x\xa6\x93\x04\xc2\xc5\xf4jD\xa5R\xc9dd&lt;\x00+?\x1e\xdc\x97\xf6\x12\xfb\xf4\xfa(\xb6\xcf\xbc\x16\x81o\x91\x13\xcd\x88hz\x12z\xaf\xbf\xb6Z\x15\n\xb8\xee\x8a\xb0~\xa8\xc5+\x9d&amp;\x9cK\x1bC|\x86\xe3dCX\xd3X\x88\xcd\xe3\x1f\xd1\x88\xbd&gt;\x9f^k\xd0\x0b\xfbP;5\xd5R5E\xd2e \xb2uD!\xd7x\xc1Z\xcd\xe7\xd8w\xa2`\x9d\xe9\xe8p\xce\x18\x8a\xf3\x1c\xb0d\xe4\x84\xb7\x9a\xed]]\xfb+\xd2\x19\x9f\xc1g\x88\xd9\x80e\xab\x93\x03\xab\xa5~\xaae\xae\xbe\x1ev*:lRS\xd0\xebn\xee\xe7\xb6\xe8]\x91\xb0\x02\xb9\xedH\x84W\xa98U\r\xa1\xc2\x8c\x7f\xd1\x15\xdc\x87\x891\x83an\xc2`\xc3H5\xcc\xb5TMT\xb5TUU\x81K.\x87\x8b3&amp;\x8b\xc5ko\xba\x17q\xed\x89c\xa2\x06O\x84\x91HD\x05\xb5\x04\xac\xfbV\xf3\xd8\x8b\x17\x0f_t\xad\xc4b\xb1\x89\x97&gt;2"bs\x13\x13Us\xbf\xcc\xcd\xb5\xcd\x81\xcaP\x07,\x0bV\xa6\xdf&lt;\xc2\x87\xbf\x89\x83\x15\xc0s\xea\x01\x07\xb18D~cC\r\xb0\xda\xda\xda\xf6\xf6\xe3\x9e\xe5\xbe\xd8\xcb\x97\t[,\x96\x88m6\x1e\xbe\xdf&lt;&lt;l&lt;l\x8c\xf9|X\xdb6)\xee\x0b\xcb\xf8\xd8\x08\x97\xfb$\x0e\x16\xbb\xbd\xf5\xf6\x00y\xe78\xdc\xcb\xc9x$\x82W(\xc4W?8\xaa\xdd9|\xd9&amp;M\xb45\x0e\xfazNO?\x7f\xfe\x8c\xf7\xe9\xe9\xfb\xc1^\x85A/\xc5\xca\x04V\xed=\xa38j\x9d\xb9\x8c\xc0\xe22\x1c\xc6\x962\x94\xce\xe5\x8a\xd9l\x8a\x8cW\x88w\xb4|\xb8\xb9\xd2\x0b\xac\xbe\xf6\x9f\x1f\xf0\xa0\x8d\x1c|]z\xfe\xf3\x8eT\xaf\x97\x9aPA\x7f\xf3HH\x1c\xb5\xce\xc2\xc0"m\xa8L&amp;W\x8b\xd9@*\x95\xd2\xa4R\xc5t(\xa2\x92\xd5&gt;\\\xee5Ics\xcb\xc7\x0f\x9e\xf2\x07\xa1\xf4\xebtz{\xeb\xfa\xe0\xa0}%A\xd42Y\xbcc\xb5q\x91\xb0r[\xc4\xc4L\x86\x8b\x1b\xb3\xa9T6\x8b\x89\x1f2\x1a\x8d\xa1\x08\xc7\xa9\xcd\x83RK\xef/m\x83;\xedKO3\x11\xfc\xb6e\xdc\xde\xde\xda\n\x8d\xf4\xadX\x88\x8b\x03\xf6&amp;^$\xacJ\xb42\x19&gt;\r\xaa\xd7quS\xfb\xf1\xceq\xbbZ\x06O=\xcd+A\x8b\xbej\xc2\xd7\xd3~\xd4N\xfa\xe0\xe8\xf9R\xe6\xe0\x00\xcc\x99\xe3\xe0\xbeE&lt;\xacQ`\xbd%bq*#Be\xe4\x9b\xec]Aio"\xb1\xf2\xc2\xe1\x1c6\x8f\x8d{-\xb6\xaa\xbf\xd4\xf7b^\x04\x83\xc1\xae\x95\xc1\xc1\xd3\x7f\x9e&gt;\x88\x18\x8d\xfcQW\x90`\xdd\xe7\xcf\xc5Qk\xab\x82\xc5\x87\xd2i#\xafv\xf8\xbd\xfb\xd2D\xac1\xb6\xb9\xe2w\xd8\xed\xf6\xbcE\xff\xe8\xd1\x94v\x06\x87\x1f\x1e\xb0A\x1ckk\xdb\xdc\xe1\x08\x97?\x18\xf4\xfaG\xc4T\xab\x9bS\xf1\x98\n\x11U?\x04\xea\xea[~\xff~\xb3\xb1m\xf0\xa1\xbd\xd3Z\x00\xd6\xdf\xc1%\r\xba\xfdy\x7f\xd7~\xa2qb"\x96\xe8[\xe2W\xfb\xed^\x82\xc5\xfd*\xa2Z\x9c*\xd3\x8d\xd9U\xdd\xdf\xd4\xd4\xd4~\xb4sz\xda\xd3w\xd868\xe6\xfc\x97\xd3k{\xfc\xe8\xd1\xe3\xb9\x15\x7f\xa1\xd3\xe9\xb4\x9a\x1f\x0e6\xb6\xc5|\x89\xe5\x1d\xf5}\xbb\x1b\xebg\x84;\x17I-pq\\f\xe9\xf9R\xf7\xbdj\x15\xcfC\xb6\xb7_\x9f\xb6\xef\xf4\xbd_6\xcf~wz\xa3S\x8f\x1f?j\xebs8g\x95JU\xff\xd1\xce\xe0 .\x1e}\xe2\xa1y\xcck\xf1\x16j9q\xb2uE:\x91\xe3\xba\x9f/--Us&lt;\t~\xaaT\xbe\xfe\xda\x7f\xbc\xb3\xb31\xf4\xdd9\x1e\xc5\xf5P\xd5\xd6\xd39\xbb\xb0\x9a\xce\xe6\xb6\x0e~\xee\xeb\xdb\xb7\xf9\x0c\x89\x1e\xecs\x8b]\xad\x12\xc1D\n\xd7\xe9\r\xd6\x83\xee\xee\x8c2^\xcc\xa6\x01V\xbc\xbe\xfa\xb5\xfb\xd9p\xed\xb3g\xdf\x9d\xeei\x05\xce\x1a_\x97c\xa8\xe1\xebV*p\x99[\xad9\xea\xb1\xd8\xf4\xbe\x84te\xdf\xe2W\xab\xfe\xf1\x7f\xc7\xa2(\xdc\xf2\x15\xac{\xf7\xaak\x94\x0b\xaf\x8b\xe9x$\xfeoZ\xcd\xee5\x914\x0b\xe3\x03\x12b\xa1e)\x05Z\x82\x1f%)\xe2\xfaA\xd2\x16H\xab\x88D\xcbO\x8c\xe8j$\xb4 X\xd8\x8d\xa451v\x8d`\xd4\x92\xf4\x884t.\x92a\x90\xcd\x85\x1b\xd9\\,!\xa2=\xa4\x9b\x9e4\xc8\\\x0c\x91\x81i\x16\xbaas\x91\xbe\n\xf4\xc5\\\xe7jn\xb2\xb0\xa7\xdc\xd9\xff\xa0\xf2\xd6?\xf0\xab\xe7\x9c\xf7y\x9fS\xf5nV\xed\x8d\xf3s_&amp;S,n\xfb\xa2[\x90\x98\xd5\xc8\xd0WD\xd9\xe7/\x0f\x977\xed&lt;\xbf\x91\xda\x02.\x13\x84\x9b\x02\xae\xfa\xa7D\xb2(Y\x14\x13\xea\xed\xcf\xff\xf8\xf6\xef`\xf2\x10\xb5t]\rZ\xe7\xeaBo\xa9\xd6u\xa3D\xe2\xf88Y\x9ccY\xcb0&amp;\x9a*\xb1\x9c\x9f$\xf0l\xb3af\x89m\xa7\xb5b\xa2\xd4p^Op\xfb\xcf\xc2\xcbI\xc4\xec\xab\xf7\x9a\xeaghy\xc8Z\x1a\x8d\x86\x00_W\xa9\x08&lt;\xa9?\x8f%b\xee\xdcjo\xe9O,/\xa6\xc6\xe8Z\xcc\xe3\xf7\xe4`\x8f^^\xa6\xd35\x13\xad\xa6\x14XE\xc0z#9\xf9tv/\x1e\x97\xe4\xad\x99\\\xe2\x0f\x97\x01K\x05T\x04\x8a\x02\x13iY\xb5\xed\xc7b1\xb7\xcd2\xc7rD\x9f\xc1Lf\x82\xb9"&gt;98\x98\xb4j\xa7\xa7\xa7;\xbb\xbb;&amp;L\xa1PW\x1e\x85\x93\xeb\xef\xde\xfe\xdb\xea\x1d\x9c,\x8a\xa7V\xb3Hp\xfc\xe6\xdf\x04\xb5\x08a%\xf56[n\xdf\x1dH$\x12\xfb\xab$\xb4V&amp;\xe8\x88\xfeU\xe0\x12\x062\x1ai\xa5\xe35\xf0\xd9\xa7O\x1f\xff\x85\x12\xbe-\xd1\x8f\n$\xeaN\x97on\x0c"\xca\xf5ms\x96E!)\xac\xcf\xc5\x02\xa5\xf4\xb6\x9c;\x10\x88\xed\xa5\x13\x01\xa7\xbe\x07\xad\xd5\xc3\xfd\x13\x04\x06\x1f\xe8zE\xdeH]]\xedj\xa5R\xe9\x82\xf4\xe9\xaeq\xc7HEh\xeb\x9a\xdfO\xdf\xe4C7\xa5\x8f\xe2\xa9\xf5\x81\x99%\x19!jua\x1b\x12\xa4~\x15\xea\xe7\x06\xaa\xbdD \xea!\xb7A\xac\xde\x86\xd3JcXy\xcb\x0b&amp;\x91/\x95`\xd2\xd0\xca\xa5\xaf\x16^A\xb2\xdf\xdd\xa1hk\xf8\xe8\xc0\xa8\r\xe5o\x06"b}"f=\x96a\xbb]p\x07\r\x0eM\x95\x13*\x08\xfd\x1e\x88:\xfdA\xa8!\x1at\x14\xca\x86\x92Q\xfdbK\xc0\x02.8\x88\xe4Rx\xe4Z\xd9\xff\xb0\x0e\xc2\xb2\x8eL\\\xac\xdf2\xc5\x0ca6w\x19F\xa7\xd3%\x01k\xdeX1w\xd49\xf68\xb6A\xab i\x1b\xaae\x0b\x9d+\xc3\xd63\xf0z\xc0\x026\x19\x08&amp;\x7f\x05\\\xc6H\xc5\x9aZ\x0b\xcb\xe4\xd2\x90\x88X\x12\xc9\x9bb\xa6\xa8\xd4\x81^,#`\xe9A.\xb7\xdb\xbd?&gt;\x02\xaa \xb4;\xe9\xb7\xc5\xe2W\xf2\xb3\xb3\x05\xadq\xeb\x85\x00%`\x85B\x80%\xc8e4U\x90G\xe1\xf0\xae\xfcl &amp;\xd6\x93w_\x8b\xb3i\xd5\xce4\x00+9\xc7\xda\xdf\xcf9\x8f\x8e\x8e\xc6~\xb2X\x0c\n\x94\x89\xf4\x95\xf6\xe2\xecba!_\xf6\x02\x97 Y\xa8#\x97J\x05\xb5\xd4\xf4\x162\x0c\x17(\xe9\xd9EID\xac\x93_\xb6g\xd3)_g\xcdf3\x93\xcc\x02\x15&lt;B\xf4\xcb9\xfd\xbdY\xd0\x16\xdd\x1f\x8d\xdc\xad\xc8\x95 \xce\xc2\xa0T\xce\x0b\x0b\x04\x0bu\xa4R\xb9V.\x83\x19V\xc02I/\xce:\x17bb\xf5\xa6\xd3)\xb7\xce\xb2f\xd0+\x0b\\\x16\x87\x03\xb0\xa2\xd1\x9c?3\x1b\xedG=\x04n\x03\xb7\xd8y|z\x99\xb8\nA\xf9\xe0\xc9\x97\x14\x98"\xaf\x85\x15\xa2Lq\xe4Q\xa1\x10\xef\x0c.\x06g\xe2\xd9\xe9w\xefp\xc0R\xda\x01\xcb\xdc0g\xf5z\x0bI\xfa\xfcG\xce\xe8db\xcb\xcc|Q\xf7\xc6t:#\x03\x81\xe1\x08\xe5g\x7f`\xf9R($\x80\x190\xafW!\xd3B\xc2\x87\xb3:\x05X\xa1\xd0@D,\xc9\x937\xf8l:\xd3h\x989\x96\xd9\x9c%\x05,\xa0\x1a\x0esx\xb1\xe8I\xc4\x1c\xdb\\\xd1\xef\xde\xbb\xbc&lt;\xbe]\xf3\xde\x18\xa0\xdb\x01\x0c\x0e\x1d\x0c3\xac\xc8dF\x8cN\x85\x0f\nT\xe9&amp;\xd4\xb9\x13\xf1\xf0\xf9-\x0bX\x8cF\xe8\xad\x06\xc8\x95\xc5\xf1\r\x9f\':\xb1"-\xf7*\xf9\xf5?\x9e\xb1\xc7gq\xe5\xf6^\x9f&gt;\x16\xd2\xbcw\x8e\xd5\xe9@\xdf+0\xaf\xc1([Q\xc7S\x85\xb5\xc0S\x83\xb7\xd3\xb9\x13\xef\xf6\x81\xe4\xd7\x06:\x9b\xe2:\xd6\xcc6\x1aMs6\tX\x0e\xdb~\ni\xb5\nN\x9b\xcd\xef#{\xa8\xc6u|\xecr\x1d\xa71o\xd9+xi\xa7\xd3\x91\x19\x15\x06\xc8\x14\xc6\xdd]*\x1dX+\xc4\xe4ty\xd0\xb9\x131\xd9|\xdf\xd0\xe33\x14\x94\x82\x126\x05\xb5\x92\xa4\xc3\x16M\xb5\x86\x050T\xdb\xaaE\xd5\xe6\xf9M\xbb\xaa^\x87&lt;\x1aW\xcf-\xab\xd3\x91w\xf2PE\xaf\xd7 [\xa1\x90\xf0ZaO\xfbL\x01Xb\xe6\xad~\xf6\xbc\x98i\xc2p\xc1\x9a\x9b\xac9;w\xfah!0\xc9\x1dy&lt;\x16\xa2\xda~yx\xc8?o\x1f\xb6\xf9\xaa\xceM\x03V^6\x97K\xa1\x16~\x97\x95\x8c\x06\xa4\xb0VH\xc7\x9f\xc9:\x83\xfbE\xf1z\xeb\xc9O\xa8\x8b@\xcd0\\\xc0f\xd4e\xd9\xac\xce\xe2\xb09\x8f\xc0\xb6\x1c\x8e\x8d\xfa2@\xfdp\xd8\xb6W\x81mS\x85\x8f\xd2Ti~&amp;B\x9f)\xbc\xder\xd9\xa00X\x0b\xd1B\xcb\xaa^\t\x81\x9b\x8a\x86\xb5(\xf91\xeb\xc2\x8b\x9afS\xa8"cf\xb3Y\x8bc\xd5\x13\xd4[pB\xd9&gt;\xfc\x01\xd6\xe1t)\xd9\x9b\xf1|\xbb\xcd%\xdd{\x11H7\xa0\x97VV\x82*b^\x85\x1a\\+\x80\xac\x0cd\x1d\x11m\x0b\xb0&gt;\xbc?\'8\xb49\x97\x0b\xf6cV\x0f\x07\x90\x05%T\xcaM^`\xe2\xb9\xa0c\x1c\x8d\x8e\x1d\x99z\xb5\xae\xd2\xb9bi\x0cv#TqE\xf8\x9b\x81)LC\xc0\x8a\x0c\x06\xe0\x0fO\xc4\x9c1\xbe{w\x9c\\R6\x80\x8ba\x18\xb0\t=\xcc\xd4\xb8\xb2\xfe\x1c\xea\x07PK\xb8\x07\xa0\xa2\xd7_\xbe\xec\x8d\xf0:\xc7\xd5!\xe4\xc71\xe0\n\xe5\x85\xcf\xcd\x86H|\x18(\xa4\xae:\x83\x8e\xf4^\xcc\x99L"\xf9\xf4\xde\x85\xa3\xbaf\xb3\xc9v\x05S\xd5\x83I\xa8\xaa\xcb\xfc!,~\xdb\xef\xf7{\xc6\xe3\xdf\x0b\xd7\xd7\xe9t\xe2\x1c\xe5\x94\x84&amp;9\x8a\xed\xc8B\xd0\\\xc2\xafE\xc0*\x04\x86F\xc0\xbc\x10\xb1\x86\xf3c\xf1\xcd{}F\xd9\xec7\x85\xd0\x05X\xfa\xa4\xe6\xf92\xff\xf2%\xdf\xe62\x1b\x0e\x8b\x03\xb0\xc6\x93\xc9d\xd8j\xa5\x8f]\xe7I\x9dJ3\xda\xa3\xe0\\\x84"R\x918\x92\n\x87k\x9dPH\\\xb1\xe6\\?\xf6\xfb?}\xee\xf7\xcd:\x1dp\xb9\xb2s\xac\xc3\x97\xd5\xba\xb2\x87\'\xf1\xa0\xc3\xe3\xf1\xdcNn\x81l\x12K\xef\xe9Q\x15\xa79\xde\x83|c\xa0\xd5\x11\x1aN\xc4pjg\xa0\x95\x89\xdaY\x7f\x9a\xc4\xc7\x8f\'\xbf\xf4\xfb\rF\xc7t\x99\x869i\xaf\xf2&lt;_\xad\xd7\x85_\xc4\xdcW\x9f\x7f\xa3\xf7\xf5\x8f\x83\x03\xc8\x85\xab\xfb\x89\x11\xaa\xe1\xb8\xac[]\x82Q\xcc\x14\xa7\xe3\x10kR\xaf\x07\x0bg\'\x0f\xf0\x11\x02\x16(\xd6dY]\x17\xca\x98\xb5o\xf2\xedu\xddz\xb5\xcdO\xa7\xc5\x8d\xf1\xed\xed\xf8wA,\xcf\xd7b\xd0?\xd2i\xeamU\xceTR\xd3\x95x&lt;RAZ\xa9\xc7ww\xf7\'bk\xf5\xff\xb3\xf134\x17\x0by\x1er\x97\xbd\xdd~\xce\xb2U~\xcasK\xe4xr\r\xab\x1c\xf9r=\xc9A\xba\xdf&amp;\xd0:W\xd5\xd3\x06L\xc0\xa2\xe3 \xd7\x9dD\xb2\xf80T\xdf|\xf3\xf6}\xbf\xd9d\xba\x9a.\xf8\x97}s\xd3\xcej\xb86\xdf^\xea\xf9oo\'`\x0fWWW\x91\xeb\t\x8c\x1d~\x1f\x01&gt;\x81\xc71/\xe4\xd2\nb\xaa!\xe9\xfb\x87b\x9a\x7f\x8b\x80*2L\xb7k6\x03V{]\xa3\\\xe2\xc0\x0e\xc8\xd5Ia2\xfc\x12\xa1\x04\xaeZ\x1aAj57\xc1qd\x9c\xf6\xd2\x08R\x89S\xf4\xf0\xf1\xc9\x03^w{\xf2Nh.\x98~\x18\x01\x8b\xe7\xe6\xf74P\xdcb\xdb\x1f\xb9\xf4\xae\xf3\xd1\xf1\xe5\xeb\x9d\xdd]\x85\xdaD#\xab\x1cgA\xca&amp;\xdaj\xa5)\xaa\x8c\x9c=\xe8%\xbc_\xfb\xfd&gt;Le\x0c\xc32\xa0VU\x99\x81\x85\x12A\x1cGQ\xa5J\xa5\xd2\x9d\xbb[5\xcad\x82\x86\x1a\x11K\xb9\n\r5D"\x11\xecE\xfc\xfeA\xaf,~\xf8\x178\x17`\xb1l\x17\xb0\xea\xaa^o;\xb8\xb1\xd1\xcb\x80G,\xd5\x95Jtc\x9cza\xc2"\x91H\xdaM\x92\xa9g\x00eE"\x14\x86\x9c&gt;\xe8\rOH\xf5M\xd8\x8a\xc2\xea\xaa`\'\xaa\x08\xe1\x16\xa5\xc3\x11D\x95\xe0^\xa8\x12\r\x8e\x1fa\x14\x15\xa1j\x91\x84\xc3\x89l\tT\x95\x1a\x85Y/\x1e\xf6\x02\xb1\xe4\xfb\xcf\r\xb3PCV\xa7j/W\x95D/\xe8\xf3\xdb&lt;\xbe`\x8f\xc8l\x13\xf86\x19\x85N\xa2v"T\xbc\x95s"\xc2\x8a\xd7"\xff\xe5\xe5\xdcc\x9a\xce\xb28\xbeKyu\xa0H\xd3HK\xd2\xd2VH\xa5\xad\xb4\x94\x04h\x89t\xa08\x94\x02\r\xa5\xd444&amp;e\x17X\x9d\x8a&lt;\x16\x04y\xb8\x96\x87\x91\x00\xe9\x82\x03BHx\x14\x93*\xb8Y@\x05\x04Ce\xd8\xddP\x11\xa2\x84\xc9\x8e\x7f\x90Q0\x04\xe3\xc6q\xd7\x99\x8cn\\\x93=\xe7\xb6:\xf3\xd7\xee8R.)\xd5\x18\xc9\'\xdf\xf3\xbd\xe7wN\xef\xb9\xa8\xe3\xea\xff\xe3\xe5q\xd8\xa6U\xe8\x14\x99l\xf4\x96E\xd0p\xfa\xfc\x11\xc0\x8a\x8fOR\xf2\x18\xe7Y\x0c\x8eR\xa6R\x03\x16\xb8+K\xafh\xc7\xf9\x08r\xbcN\x1d\xb9\xe7\xedi\xebE\xd8\x87L6\x1b\xb0z\x058\xa1{\x04\x1b\xc6x1\x07\xda\x0e\x864^\xa1\x07,H\xed\xd0|\x883\x8a1\x86Y\x15\xfc8\xddW\x83^\xc6\xa28\xd3\x98\xb8\xd2~\xd3\xdc+h\x04.\x96!5\xde\xd4n\x92C\xa1\x9a#\xd7V\xa8+\xf8Y%%%\x1a\x85IVP,\xa2\x8aJ\xe0o\xd4\x82\xeb\xf9\x01^\xa5\n\xa0\x8c\x9f\x81Dp\x88\t\x9e\x1f\x164\xe2\x08\t+\xd5j\x12C\xa1\xc3b\xb28\xb5\xfa\x8aRuEEV}\x9f\x9c\xcd\xc3q\x12*&amp;y]\x86\xf7\xb1&amp;z\x984\xc0\x02s\x01\xd6\x17\x02c\xd9i\x99\x98\xc3`2\xe9\x90\xb7\xd2\xaei\xb4\xfa\xb6Z\xbdVs\x8dm\xa1\x99t"\x11\x80\xe9u)\xa0\x16\xc5\xcbX\xf6\x9e\x83L:\x9d\x05E\xd7pGk\x0b\x86\x91\x8eH\xd9e\xa7\xb3\xe9\xcc4\xc8\xf4@\x05\x8d,\xddH\x8b\xd7\xd5\x83\xb5\xea\x872\xd2E\xde\xc7Z\xae;\xc8fA&gt;g7g\x03V\x0b\x82Y,eeFc\x99\xc5\x92\x9d}(-m\xacO{M~\x94^\xc6P@\xa9Z?\xa4\xcb(\xa0\xfe\xfe\xfa\xa0\xb7\x83\xb8Tw0\x8d\xcd&lt;\xc4d\xb3\xb2\x05-\x99\x99\x99-\xc7.]\x12\x90\xd5a4\nz\x87\x87\xd9\xcdg\xd2\x9a\x0fY\x8c,\xb1jhH\x97^\x90!:|\xf2\xfa\xa0\xb7\xd5z\x80\xcd&gt;\x1b7#]\x90Y]\x8d\\\xad\x9eu\xe9R+\x9e\xed\xf5\x0e\xf7\xf6Z\x04F\xa68C7\xa4+(\xa0\xee\x0b;|\xdd\xeb\t\x82`a\xee\x02\xac\xea\xfd\xd5D\xaf\x1f\x17\x9e\xe6w\xf4\xc2K`\xa4\x8b\x0b\x00K\x97\x05\x9d\xcfa?\xafc\xdd\xe8A\xac4\xc42\xb6TW\x1f\xcb\x04\xb2O\x01\x0e/e\x90\x8b\x19\x1d\xe4\xb2H\xa3\xf1\xa8I\xa1\xd2\re\x85\x85p\xf7\x00\xebW\x04\xeb(\x9e\xde\xd1-\x8d\x80\x93Y\xbd?\x13\xd12\xddX\x9f\xb6\x02\x13l\x85\xc6l\xb1U\xa1\xd3Q\xa3B\xf6\x06\xeb^\x0f\x07c\x88X\xa1\xa7\x05\xc7\xaa\xf1\x02K\xf5\'\xd5\x9f\xa0`\xef\xd0Z\xbeh\xcc\x96\x8b\x15*U\xbd\x9a\xccU\x1e\x0e\xf4:V\xd5\xb4\xdcm-(\xfcB\xcb\x04\xc7\xf6\xbb\xd7\xaf\xdd\x9a\xb5\x1e\xc3\xb7V\x0b\x9d#\x17\xab\x14*=\xb7\x9c\xcb\x95\xec\x01V\xc0\xe0*\xb4\xae(\x16\x0e\x8b\x84f\x97\xb5V\x13(\xdc\x93\x18I\xa4\xba4,\x17\x8b\xa5\x90\xb6\xb2\xd4\xdcr\t\x97\x1b\xb1\x07\x96\x1f\x9c\x91c~\xc0\x11\xae\xd0P:-\xd4\x889\x95\x8c\xdb@\xda\x02[\t\x04\x16\xf65\x85Il\xd5\x89\xa8qa\xc7%!\x11{\x83\xb5\x88\x8d&gt;&lt;\x7f\xf0.\x06\x94\xc9\xd0\xbf\x96\x19++Oc*c\xb1\xc0tl\xce\x18he\xd2PKJ\xc2$\x12ID\x18`y?o\xe5\xdf\x94Cm\x05\x8f\x1f@\xc2\xeb\x18P-C\xffCc\xe6\xe0\xc7\xf5\x1c\xf87!\x87#\x95ZU\xf5T~DHP\x90\x84{\xfcx\xc8I\xef\xab\x95?\x81X\xc0\x05D4\x1a\xd2\x01U(\x9d\x89GAP\xde\xf0\x0cB\x99\xd8\xa4\xf83\x1a+\n\xb0\xb8\x12\twO\xb0\x96\xe5\xf8\xe1\x16`\xe1\xdd\x15B\x17Z\x19\t\x7fb1rr\xf0X\xb6@G\xc5\xea\xaf\xa2B\r!\x0c\x87\x177\xe2\xe4\x05\xaf\xefD\xca\xd2\x18`\x01\x17\x8d\x8e\xf7|X\xa0\x18-\x12\x00\x19\x18&lt;\xabn\x88\xca\x876\xb1\x84\xcf\xafP\x97\x939\xcf IHX\x89\x1b\xcb[wDp\xe5?\xa8\x93#\x16\x83\x86G\xe9\x0c\xe0\x83\x88\xb2x&lt;\x99\xc9\xaa\xd2\xe8\xe3\xa0\xa3\x88R\x03\x99\x1ar\xc3;\xac}\x88\x85\xff\xb5)\xdf\x0bu\x17\xfc\xd8\xc1\xaa\xaa\xd9\xf11\xf9Qa\x0e\x8fA\xa8\x189B\x86\x81g0\xa4\x8a\xad\xe8\xa6\xd2R&lt;\xb2\xc0&amp;C\x1d\xc2\r"X\x12I\x08\xbf\xa4\xe8^\xd5l\x97\x8f\xcd\xe9t\xda\xbavw&lt;= \x7f\xd6\xbc2y\xf7\x9f_\x0f\xcb\xe5\x1c\xc4\xc2e\xe0\t\x81\x89\xa7\x94IM*\xa0\x8a\x8e.//\xc7\xc7M\x14?\n\xbc\x1e\x1e\x14\x0eT\xa8\xd6-\xfbe\x9b\xb9\x7f\r\xd6\xaa\xd9\xbfi7KB\x8a\xcf\xdda,X\x1a\x8d\x88%\xe4\xc12\xf0\xc8wx\x93I\xc5\x8a!\xc4\x82\xc5\x8d\x8a\x02\xae\xf2\xa0p\xb2\x82$\xc7C\xf6Q\xb5\xe3f\x9b\xcd\xf1\xb5\xab\xaen\xd5\xec\xb3\x9bc\xf3\xf9\x07&amp;\xbf\x84\xc6\xf0l\xe3\x1f\x1b\xe4r\xb9\x10\xb9\x94\xca\xf7t\xa9\x90\x13t\xa2\xac\xd2R"\x17\n&amp;\t\x0f\xfe\x03\xa8\x85rE\xf0\xa9\x19\xd3\xce\xfe\x81I\xd7p\xb3k\xc6\xees\xa0j\xf7\x0e\xd1o8&amp;\xd7z\x1b\x1b\xf1\xf3\xee\x83c(\x97P&amp;K\x95\xa6"\x97\x92\'\x84\x18BmE\xadP#W"\x90I\x80(808\x1c\xcd\x05X)I}3\x93kP\xb5\xba\x9c\t&gt;K\xcb\xbb\xd5\x9eQ\x9al++\x93\xc3\x8d\xe4c\xf8\xa3\x04\x0b\xa0\xa4IR\x8e\x10\x9c%\x14J\xad\x1am}}\x96\x1b\xab\x1c\xbd\x1e\x8e\xe7\xd6\xe1\xc8%\x89\xe2\x8bR:\xdbM=g\x86-\xbdu\xb6d\x9f\xe5\xf5\xdd:\xae\xa6\xf8\xaf8\x1c+_\x12\xb1\x1a\xd8d\xb2T\x06~\x82g\x9f\xd0`\xf0`A\xeb\xda\x06X\x89E\x89AE8\x01\x11\x88\xc7\xe7\x88\x15\x16\'JiOI1q\xb2\x8d\xbd\xab\xf6d\xdf\xabs\xff\xda\x9d\x0c\x06b9`Mv\x00\xd5\xd9\x06\xc6\x18\xe1\x92\x92\xd9\x11\xe4\xc2}\x88Xm\xa5`\xae\xc4\xc4\xf2\xa0\xa2p\x1c\xb0\t$Q\x94\xc0\xb6\xa4\xe2=\xcf\xf4xF\x99\xcbq\xd9\xc7w\xfd\x87\xbf\xefJ\x92\xa0P|g\x1c\x8e\x01\xa7\xc3u\x16\x8f\xc0B\x01K\xca\x81 \x8a!\x83Z\xc5\xca#J\xb1\x82P\x8dD\x97FG\x17\x15\x15\xe1\xb0Hp\xa0g\x92EB\x82\x98\x92\x9b\x9b\xdbn\x88\\\xb3%\xfb.?\x9d\x9b\xd8\x95\xcd\x085\xd64`\xf5\xf7\xdf\xed8\xdbP\xf9\xb7J\xce\x18\xe4\x08N\xaagtD\x0c\xc9\xd4\xaa\xd1\xd4^i\xc3\xf4\x90Xt\xa1\x08\xcdNb\x18L\xbc\xc5\xe5\x8b\xd2scs\xd3;\xdf\xd2f\xcc&gt;\x07\xbe\xbf\xf3tis\x17\xee3\x07Pn\xec\xf4!\x96m\xc0\xd5\xd0PYY\xc9\x90\x03\x974\x15\xe7l4*\x85U\xaaL5i\xb4\xfa\xf7X\x17p\x82%\xd8M\x85\x19\x02\xd4\xca\x8d-\x8emO}R\xe7L\xf0]Z?\xb1~\xe0\xd9\xd4\xc7?\x85(\xf9\xe6\x9d\x1d\xc42\x9b\xefB\xc1\x17Y\x99\x97\x03\xa9\x8bCb\xa8\xd1jUb\x99\xcc\xa4\xa9\xd5_\x19\x19\xf9\tV\xa0\xdf\xfb(F\xf1?\x8f-.N\xe9|{\n\xc5\xba:w\xe7\xaa\xff\xf6\xc6\xfd\x8fu=%\xff\xfe\xc0\xce\xabE\xc4\xbalsUF\x16F\x86\xb2r8\x98 P-\xad\xb6\x1e\xb8\x92\x14\x10\xc3\x91DX@u!\xf8\x02\xa1"a$\xde\xfa\xbcX\x14\xdb\xae|\xd23\x9e\xe0\xfb`\xfdwO\x97\xfc\x1f\x8e\xbe\xdel\xfa\x180x\xee\xdf\x7f\xeex\xfcb\x95`%Lf#\x16\xed\x08\x8f\'\x94\xa1\xb7p\noHe\x12\xc7k\xae\x10\xb5\x08Wp`\xa0\x07\x8a`\xe1\xccHqz\xd2)\xc3\xa2\xdd\xc7\xff\xea\xdc\x89\xcf\xfc77F\xcf\xcd?\xdc\xfc\xe5\xfb\x11\xa8./,\xac&lt;~\xd1\x87X\xf6\x04\xfbZhaa\x1eT\x0e\x04+\x1e\xe5\xaa\xad\xd5(\xe0\xbd\x96\\\x0c!X8}\xe7\xe7!\x03\xcfs!q\xc5\xa6(\x9fL\xdbP\xac;s\xcb\xfe\xcf\xe6G\xcf\xc5\xc4\xccoC$\x7fAb\r\x08\xa04m\xbe\xdcz\xb4\xb5\xd2W\xf3\n-\x7f9!\xb9\xdf\x95\xf7\x0e\x0b&lt;\x8fr\xd5\xeak\xb5\x1a\x9c\x05oC*\x12E2\x15H\xbe!VT\x14\xe4\xd3\xa4\'\x07\x9dv\xe2\xac\xf5\x03\x9b\xaf\x01\x0b\xb8b6\xb6\xef\xe7\x7f8\x18\x85r\xff\xf9\xd6\xb7\xdf&gt;ZX\x99\xaey1\xe3$X&gt;\x93\x87\xf2\n\xcf{\xb0\xe2M8 \xa8\xd7\x03\x98;o!\x16\x91\x0b\xd4\xf2\x83\x97\xdb\xf2Qq\xbaN\x03\xf8\x1d\xc5:1\xb7\xdc5\xe5\xa1B\xb0\xa9\xd9\x0fT\x8cB\x99}\xb6\xd0\xddM\xb0f^\xd5\xf4\x01\x96\x19\xb0\x12\xd6\xe8\x85yG\x18\x86wjA\xf4p\xe9\xe1\xcb\xbd\x13\x8b\x08\x95\x9f;\x8e\xee4_\x92"\xcb\xeb\x19\xb7\'\x1f\xb8&gt;\xf7\xc3z\xd7\xe6\xeb\xd1\xd1\x98w\\\xe7^OU}\x80\xf7)\x10\xbf\xef\xba\xbb\t\xd6\xd6\x8ac\xa7\xe6\xd5\xa2\x1b\xcb\xd7\xec\x8a,&lt;\xc5b`\x8d\x05X\xc4Tm#mmW0\x88\xd1\x9e \xfa\xf9y\xccE\xb0\xc2D\x9d\xa7\x187\xcdP;&lt;=\xf1t\xb9\x0b\x9d\x85+\xc6\x03\x86\xde\xff\x99\x8a\x81T/\xb7\xba/\xba\xb1\x1e=\x1f\x98~Q\xd3G\xb0\x96\x96|\x9c\xcd\x91\xf8\xeb\x16p\x9e\xd2\x8a\x13\xb1(\x13|\xb9\x1d\xffc\x10\x83\xdd\x9b1\x1c\x12D\xba\xf2\xd4\xea\x84=y\xe9\xb3;w\xbe\x87m8\xff\xf2\xe1\xfc\xe8\xfb8\x82\xf7\x1f\x82\xc5(?\'\xafWM-t_$\x0b\xb9\xde\x0c\xa0\\7m\xe3\x8b3\xab\xab3\x13\x93\xae\xec\xbc\xf3\x88\x05T$\x8a\x98\xb1He\xea\xe6\nv\xefD\xa2\x18`\xa9E\x9do{\xc6\xcd\xf6%H\x0e\x90\xb3\xb6\xe7\xdf&lt;\xfej\xea!\xd9\x8c1\x1e\xb4\xf9\xed\xd9\xfc\xff{6\x0bV\x7f\xd9\xdd}\xf1\xf6\xed\x8b\xf0\xea\x06\xb5\xb6V\x9c\xb7jj\x1ek_\xedL\xcf\xcc\xcc8\xcc\xe6I\x17\xa4.L\xa78\xaa\xab\xad(\xc5\'\xa1\x9b\x0c\xb9\xc8\x03\x91\xd8\x8b\xa8\x15\xa7R\xcaoN\xd8\x13\x96\xff}b\xeej\xd7\xe6\xc6\xc27\xbf\xfd\xcb_\'\xa6\xb67\xe6\x7f\x12\xcb\x8d\xa9\xa6\xff\x1dH\n\x91\xaa\xfbv\xccm\\\xffX\xf8\xee\xcd#\xb7\\55\x7f\xfa\xe6\xd6Mg\xbf\xb3\xdf\x9c`[\xfbo\x1f\xe7\x1b\xd2\xc6\x1d\x87q\xb9\x9di\xa1\xbe\xcc\x1ba\xb0\x11v l}uG\xdc8\xf2fP\xca^\xec^\xec\xc5q}sa\x87\x84\xbc\x12}\x15\xca^\x14\xf6\xe2\xc2\x15"\xa4t\x7f\xa2\xf5EL\xd2\xea\x16\x96\xacF-\x11m1[\x04\x99\xa9\x9d1\x14#\xe9Zb*1"T\xc9\xaaev\xcf\xf7w\x17[\xd6v_\xd13\x18r\x9f{\x9e\xe7\xf7\xdc\xef\xde\xf8\t\xb0&gt;\xfb\x82\xe6\xcb\xaf\x06Y\xa2\x06:\x8a\xb1\xbd\x96\x93\xaf\x9e\x9e\x0f\xbe\xf9\xf8\xfd\xa5\xec\xc8\xe2\xdc\xea_\xa5\xf5\xb5\xe8\xf6\xbdc+\x163J\xd5\xdfr\xcd\x87[S\x0e\xd7\xbc\xed\xe4\xff\xf8w\xe9\xfe\xb3G\x90\xea&lt;a\xed\x1e\xec-\xd6_\xfey\xfd\xc9\xde\xf8\xdc~#$\xa9\xc5Jf\x04\x83\x90\xfd\xfa\xf5\xa7\xec\x96HX\x13\xfd\xe1\xee\xee\xf0\xc0P\xdf \xdbq\r8X\xb7)a\xbd\x1f}\xfe\xe1\xaa\xcf\x1b\x1f\xbd9\xfbO\xa3\xee\x99\xd9z\xa1\x01+f\tB\xa1\xda\xca4\x9f/\xbc.\xd8\x99w/@\x92\nTW\xce\x03\xaa\xd9*\xd6\xcc\xc6\xef\x8f\xae?\x99\xfd\xbb\xd1h\x88\xb1\xc2Ff\x04\x0f1\xe8{n\xf1;\xda\xfb]\xbeL\x8dEX\xdd\xe1sC\x83\x83\xd87\x0f1\x17I\xac\x1bP\xeb\xdc\xf0O\xab\xdct\x94\xf3fO\xf6\x1b\xfb\x0f\xb6\xa6^\xba\xadX*f\x08\xc1\x80 \x97\xaa\xe5\xd1\xed\xad\x8e\x95\x0b\xdbo\x7f\xf8\xa0\x1b -\xc0\xf9y\xbco\xf7\xe0\x8f\\\xb5\x10\x8bE\x92\x8d\xef\x1f\xfd\x102\x93\r\x92\xabV\xf7\xfb\xfd\x84\xe5\xe33\xb3\x97\xa9J1\x17\xfb\xc2\xdd\xb7ow\xf7\x0e\xf5]\x1c\x1e\x06V\xefY\xaa\xad\x1b\x84\xd5{\xf5\xce"\x17\x9d\x8e\xba&lt;\x95\x92h&amp;\xf7_\xbc(\t\x96*\xa9\x96;\x10\xd0,\xcd\xd2\x8b\x9b$\x99]\x19W\xb6\xdf\xb6\x0f{%\xd5y\xdcI\xc7[\xd5B\nrG\xf0a\xfb\xa1\x08\x0e\x18E/VH-\xf4\xbd\x8f\xcf\xd6Y\x93\xde\x1a\x1e\xee\x1b8K\x8e\r\xf4\x0f\x02\xab\x9f\x1ez\x9c\xe6\xea\xbd:\xe7\xe7]QW4\xba\xbc\x13\x10b\x11\xa9Vr\xbb\tKp\x07\xdc\xb2aX\x96e\x946*\xb401W\xa6f\xde|(\xb2\xa5"\xaa\x85\xe7\xcd\xd1VQ\x91R\x84\x95\x8a\x98\x98\x08\xb8B\xc9FH\x81\x8d\xd0+\xe1\xa5f\xcd.]E\x97b(\\\x90+\xdc?qkx\xa2S\x11\xdd==\x03\x139/\xef\xf1x\\.\xdc\xa3\xc7\x82\x82j@$\xc1\x90\x14\x83a\xe9\x86L\\Fa\xa3&lt;j\x83a\x1f\xf6\x0e\xa9v\x17\x9e\x8dW6KJJ\x8c\x881\xc30TIL\x9bf\x1a\\\xb03i*dc"\x91\xf0\xf9|\x9cg\x05\\\xf5\xa5\xa5\xa5\xdcb&amp;\x8b\xc9drxQ.cY\x86\xa9\x1c\xc2K\x19\x1f\xcf\xf3Du\x98\x0f\x8e!M\xa0\n\x08\xaa\xa4\xc8nw@\xd0u]\x96A\x85k\xd7\xab\xe5q\x06\xf6\x9fm\xab\x93\xaak\xf3\xf7\xf6F\xebE\xb8\x97\x02\x86d\xd0\xb5\xa8R:d\xa6E1\x12\t\xc1\xc6\xb4R+\xc7!\x16\\\xe48\x8f7\x93\xa1\x9cqtj\x17d\xf1\xf0&lt;\x87e\x17\xcff*\xe5p\x7f.\xce\xf1\x1c\xcf\xbb&lt;\xd8f\x8d\x8d\x01\x8b\x8dFXB\x07K&amp;,\xacK\xb9\xb49\xfepjj\xfb\xf5M\xd8{\x9dZ\xbf\xb7\x97#\xa10R$"\xaa\xc8\xa4e\xa8\xa94*K\x04W\x1a&gt;&amp;%\xa5\x98\x89\x13\x16\x873\x82\x83\xa3#\xc3r\xb1\x1f\x98\xa8\xc7\xe5\xc1\xd2\xcbx\x19\x15^\xac\xec\x10\x15\x1bx\xa7\x88\xaa\xe6\xa8\x05.CE\x8d\t\x94\xb8R\xbd\xf9|\xe6\xdbWPg.=&gt;\xb8\x06\xaa\xddg\xb9_j"\x83"\xe7 \x96\xa6\x01+&amp;\xdaX\x04\x16\x82\x8d\x85\x8d,\x89\xe5c86\x97\x87M\x07\x8c~s\xf1\xe0\xb6\xc9]\xcb\x08V\x87\xab\x8dhI\x84\xe5v\xd4\x92uU\xb5\x80%X\x96Z\xcc5g\x1c\xb9\xd0\n\xd8\xc1@\xa9\xdd\x83\xf1z\r\x1aIlD3\r\xa9\x05r\x91\xb0l\xb9D\x11\\\xe9B\x9ckG\x0b\x00\x00\x02zIDAT\xe1h\x85a1)\\\xbc\x83\xe7\x809\x84&gt;\xafM\x05\xc0\xb5\x0b\xf9S\xaa\xa0\x1b\x1e\xbe\x81%\x13\x96a\x08V\xa1&gt;\xe3\x94\xfd\xa9\x7f\xcdrQ\x82u\x92\xc2\xa8\xd2&amp;\xa4\xb6\xb1T\x07K\x02\xb1"\x86\x92\x8aQ\xd8\x8c{\x1d,X\xc4\xd3 h\xccK|\xd1/^F\x05\x19\xa3\xd1\xe8!\xa3\x02V\x00\xe9\xd2dD\x8b8\x02\x1a3Q\x03\x96.\xbbm,\xb7\xa0\x1e%\xee3\xbd\x1e\xb3\xa8#T\xe8\xce\x14\xc1\xd8X\xa6)\x1a\x02\xc6\xc6J\x86\xd2LCE\x01\x97\xa9\xe8\xa5\x96\xd7\xe1\xe2m\x85\xb2\xb8!a\xfb\xca\xf9\xfd^`\xf9\xbc\x8e\x9a\x1e4\xd6d\x87\x8aEK\x90q\x82S\xb5H.]/0\xb54\x9d\x0eZu\x85\xfeAi\x17A\xc1\xbfV\t\x91\x02\x8cd(P\x05f\x99\x8a\x85\xf7\x12\x17a%\xd3\x84D\xdf\xe0J\x83\xab|*\x17[\x84\xd8NyG|\\&lt;\xce\xc5=\xbc7\xe1\xe3\x1c*Wtr\x87\x05\xeb\xee\xdd\xbb\xafaQS\xa0\xb7H-\xc8G\xb6\x00K\xd65\xb7\x10p\xe7\'\xa7\x91{\x92\xaaY)*l\xf5\x99\xa6j(\x14n\xb8\xa6\xd2%\x08\x96fc\x99\x90^a\x03fQG\xdb\xd3\x89m\x1b1\xf4T4\xe2\xe5F\xd0\x06\xbeD\x9c\xa8|,y\xd1\xc9*\x80\x00\x95\xafVK\xedv\x1b\xd1\xc2G\xd8X\x9a\x8d\x85\x03\x89\xa7A7\xd9M\xe7,\xb5\xa6/uA\xaa\xd1V)\x86\xf6\x94\xa4\xb4\x99VQ\x9f"+P\x19E,\xe0\x1a\xe4\x18a\x85D`\x1d?=fd\xa2\xa4\x17\x18\x17\x7f\x8a\xc5y\xfc\xd8\xf0\xe0\xc64\x9a\xb0c\xc5\x8a\x94Q\x05\x83\xa0:\xa9TZ\xf5\x93\x93\x93b\xb1x\\+h\x0c\x8b\x02\x0f.\xc3\xd0\xc8CzA\xf6\x08\xee\xf6\xfat\xd7\xee^\xa5\xaa\xa4$\xb4\xa5\x08\x0f\x15h\xc3\xa8LE\x08\x10\x16\xde\xce\xd4\x82sjm.1[\xab\x1d\x1f\x17\xe0\xa6\n\xbd\x96\x9dp\x01\x0c\xf2x\x13\xb8S\x12\x1b\x908\xa6$j\xb4\xda\xa6R\xc8\x1f\xb5*+k\xb87r\x89lk}\xfd\xa8X ,\xb2\xcd`\x85*\xd8jiZ\x1b=\x019\xda\x17\xba\xf6\xee\xd4R6\x15\x95\x82\xed!\xccL\xab\xf8\xab@rY\x0ck\xff\xe9\xcfO\x8fo&amp;\x1e\xfc\x98\xf3\xaf\xd6\xc8\x07].\x96\x97m\xb9h\x90r\xeaX\x8a\x15c"\xaa\xb5r\xbeMstH39\xb9\xc2E]\xae\xc3\x9d\x9d\x9d\xa3b\x1eu\xdf\x06\x97A\xe1\xd2\xdahYP\x02\x0b.k\x81`0\xff/\x97\xac\xcbIY\x10\xed\x14\x00\x00\x00\x00IEND\xaeB`\x82'</t>
        </is>
      </c>
      <c r="M140" s="3" t="n">
        <v>45492.6778125</v>
      </c>
    </row>
    <row r="141">
      <c r="A141" t="n">
        <v>364778</v>
      </c>
      <c r="B141" t="n">
        <v>7314</v>
      </c>
      <c r="C141" t="inlineStr">
        <is>
          <t>Pedro Henrique</t>
        </is>
      </c>
      <c r="D141" t="inlineStr">
        <is>
          <t>Pedrão</t>
        </is>
      </c>
      <c r="E141" t="inlineStr">
        <is>
          <t>ZAG</t>
        </is>
      </c>
      <c r="F141" t="inlineStr">
        <is>
          <t>ZAG</t>
        </is>
      </c>
      <c r="G141" t="inlineStr">
        <is>
          <t>ZAG</t>
        </is>
      </c>
      <c r="H141" t="n">
        <v>190</v>
      </c>
      <c r="I141" t="n">
        <v>4</v>
      </c>
      <c r="J141" s="2" t="n">
        <v>33955</v>
      </c>
      <c r="K141" t="inlineStr">
        <is>
          <t>Left</t>
        </is>
      </c>
      <c r="L141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e937521d-b8e4-4a52-aee8-2fc1f47141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ea\x95\x12\x00\x00\x03\x00PLTE\xff\xff\xff\x1a\x1c\'*/5\xfd\xfc\xfc\x1a\x1d!().\x1e&amp;+\x19 $\x1d"\'%&amp;,""(\x15\x18\x1c%,2\x15\x1c!$\x1f\x19(#\x1f\xfa\xf9\xf8!)/\xc7\xa1o\xfe\xfe\xfe\x14\x1b&amp;\x1e\x1b\x14\x8dpO\x9e|U\xc4\x9cm/(%\x10\x13\x19\x11\x17 \xc4\x9ef\xc7\xa2v\xcf\xa1v \x1c"\xf7\xf5\xf4\xce\x9em\xdf\xabn\xabwR\xa5|P\x16\x18"\x19\x13\x10\x9cvSQ=\'r]C\xbd\x99m\xb2\x8ej\xb7\x93i\x9atI\x94qI\x18!+0--\x96wP\xd8\xa9\x7f\xbb\x91b\xc2\x94o\xae\x84d\xcc\xa8w\xc9\x9cs\xc2\x99g\xd4\xa3jXD-\x92sR\xb3\x8c`\xd5\xa7p\xe3\xb4y\xb7\x83]\xf2\xef\xee\xe3\xb0t\xa1nE\x88g@kZC\xac\x80T\xaf\x8beJ8$\x9e}\\\x8dkF\xac~_\xb0\x85U@2"\xbb\x91k\x96vX\xaa\x84X\xa7\x84c\xa9\x88^\xa4\x82W\xca\x9ah\xb0\x87\\aO;\x97kH\xb7\x89g\xa5rMiU;\xa7\x81S\xdb\xa8i\xa5|[xaC~iL#\x17\r\xdd\xafu\x1b\x16\x1a\xd3\xa4{\xb1|V147\xc0\x9fr+\x1d\x13\'\x1b(\xc1\x8ch\xcb\x96osU=\xbd\x98c\xad\x86m\xa3~c\x1d \x1d\x8fgL\xc1\x93g\xc3\x99t\xee\xe9\xe7\xd7\xb1\x81\x11\x0c\x08\x86gJ\xc3\x97b\xc2\x90]\xb6\x89X\x7fdD\xbd\x88a\x87lN\xd2\xaay\x80\\@]J3\xa1wK\xd9\xa9wG3\x1c\x1d.1\x96}Z\xcf\xac\x81\xe2\xde\xdd\xcd\x9f~\xb9\x99t\xb0\x91t\xbc\x91u\xa9u[\x8exY\x9c\x85e\xc7\xa8\x7f\xc7\xa3f\x94mT\'+%?&lt;&lt;\xbd\xb7\xb8|Y8\xd6\xb1u\x9fkT\x96}d\xc8\x91hhL2\xad~M\xe8\xe4\xe2\x9d}L\xbd\x8bW\x88_8~^K\xc9\x97]\xeb\xbe\x85\xcc\xa5l\xe0\xb0\x80:20\x0b\x1c\x1c\xce\xadp\xa8\x90k\xb3}fI\x18\x1a8\x1b\x18\xb5\x91]\xc0\xa2~RNN\xde\xba\x80\xd9\xd5\xd5\x9fu_\xad\xa8\xa94)\x1d\xb6\x81SO&gt;4wfND7+\xb5\xa1|\x85pV=+\x1b\xd2\x9d_\x87\x80\x81\xd1\xcd\xcd1\x1b!$\x11\x1b\xb9\x85q&lt;%&amp;x\x1f&amp;\x8e\x15 \xa1\x8bp\xe3\xd5\xcfp^RfPF\x8a`H\xc8\xc3\xc3\xdc\xaa\x8b\xc1\xac\xa2yP0\xce\xb6\x8e\r&amp;#zvvkgg\x9f\x98\x99\x9bf?\xde\xcb\xc3IDC\x9d\\M\xd3\x94\x84\x85R9qG1\xc0\xa2\x8a\xb5\x96\x89WH&lt;\xee\xde\xd7\xab\x8c\x82\x91e&gt;\xc9\x88x\xce\xa5\x91\\WW\xa9\x0b"\\\x13\x19\xde\xb8\x8c\xb9\xa0\x95\x8a2/\xc4\xa9p\xc2\x96\x7f\xadgVa "\x92\x8a\x8c\xb2\x98z\x8eqdf_]\xd7\xc3\xb9\xd0\xb7\xaf\x8fSG3\n\x08\xf0\xc4\x8f\x8dsC\x89eW\xb8oWtjj\xd5\xb2\x9eb&gt;-\x7fm_\xe2\xbf\x95\xe4@G\xb1HC\xa1}r\xae6;\xd2MQ\xce?F\xd5k\x1b\xee\x00\x00 \x00IDATx\xda\xcc\x97mLZi\x1a\x86\'a\xffmr\x0e\x91\x00b\xda.(\xe1c\xba\x1a\xa8\xb5-X*2\xb2Z\xa0\xea\x16?@Q\xe84KZ2\xd6\xd6*b\xad\x80i\x99:\xedZ\x84\xd6\x0e\xb8\x04?H\x9b\xb8"\x82T\x8b\xd0\x89I\x17kf\x8d:\xeb\x8f\xedv;\x89\x89\x93l\xa2u7i\x1ak\xfbo\x9f\xf7\xe8\xec\xee\xff\xf5\xd8\xdex8\xc21\xf1\xca\xfd&lt;\xcf\xfd\xbe\xefg\x9f\xfd\xdf\xa2Q[R^o\xca%\xa7Rh\x9f}:b\xbb\xa2\xc9\xad\xc5\xe4\xb27\xd2B\xa5\x11\xfa$\xa8"\xd1\xad\xf0\xcaJxsi\xdd;\xc0\x96\xcb[\xd8\x94O\x80\x8a\x1aY\xde\\\t\x89B!\x8f\'\x9c\x8c\xce{\x89rB=?"\x12\x8d\xc2\x96G\xa2K\x9e\x90\x08\xc7E\xa2\x90\'\xbc\xba\xb4\x84\xca\x19\xf5\xa6\x06\xd8\x1f\xad\x94\x14vK\xc4\xbb\xbc\x04^\xb1p\x9c\x85\xb3D"\x96\xc8\x03\n\xafn%\xa3)9\xe5cQ\xb9\xbc\xcb\x8ba\xf0\x8a\xc5b\xe1\x18\x12\x81\x06\x12\xad,-\x03\xd7\xc70\x8c"OE\x01J\x84\x90\xc0+:\x8e\xd1\xd1\x1d\x87\xcft\x8c\xe5Y]\x9f\x87\xe6\xdfw0J\xcb\xfc\xfa\xe6\x8a\x08!\x11%\xa4\xa3;A\x86\xd1y&lt;\xb8\xaf,FS\x90\x18\xfb\xed\xd5|r%\x044&lt;:\x0b\xf5\x16F\xc7E!\x16\x86!\xaf\xe8\x88\x8b\x8e\x87V\x93\xde\x81\xfd\xe5\xa2\xb1\xe7\x93\xe1\x10\x8ep\xc0\x19\xd4Y8+\x14\n=\xc5\xf1\xa7\x18\x8f\xc7km\xe5a0\x9c\xe1\xc5\xe8\xc0~F\x05\x8d\x12Y\x07\xaf0\x16\xc6;w\x8e\x87\xaes\xa8\xd3gYO\x89B\xd2y\x08\x0b\xbb\xc4\xf2lE]\xfb\x97\xae4J\xcbr\x18\x00x8\x0eD\xadH\xbf\x12\xb1\xd0$\x02\xd49:\x86,D\xdd\x8f\xe3\x1eb"\xf7\x89\x8a:\xe0\xddd!S\xa0\xcd\xe9\x04\x16\x0f\x87H\x05\xdf\xc09:\xb4;\x08\xa2\xa2\xef\x12\xd1`\xf3\xfb\x93\x144\xaa+\xba)\xa2\xa32\xa1\t$\xcc\xe2\xb1&lt;!\x9c\x00\xa4\xe3x__\x9f\x08^}\x97\xa0\xed0V8\xe9m\xd9\x0f\xbf(\x03\xd1U\x1c\x19\x83\x13C\xb7\x8b\x05n\xc1\x00\xb6B\xf5\x08.\x80\x82Gt\xf8\x8b\xd9\xb9dj\x1fV"\x8a\xdc\xbb$\x82\x04\x80\x7fJGp\xbbE\x84V3\x83\xa0\xc1\x80\x15%&gt;z\x08X&lt;\xe3\xec\\\xd4EzN\xd0\xa8\x91d\xe8RV\x16\x1d\x82\xc0h\xc4\x8c\x84\x80\x07\xbd%4\xf1\xf8T\xccL|\x03\x17\xcf\x08p\xad\xad\xc6\xd9\xf7\xe4\xe7\x17\x98\xb5\x8aeeA}0s\x0c\x07\x06sL\xa3\xd1 \x16s\xa2\xd4^\x92.\xa9.M \xdb\xcc;\xbc\x18\xc0\x8d\n\xde\x7f\xef"\xb7\x8e\x14v*\x19:\x97\xf5K,\x06Jh4\x89D\xa9\xd4.\x15\x94\x96vww\x0b|\x96`0(\xf4I\x05\xf0\x01\xbe\xd1\x8c\x8ej\xa6b\x18\xddl\x9e\x9d[\x8e\x90\xc9EcG\x96\xe3\xdf\xb5f\xfd\x82\x95\xd0\x94\x96\n\x04\xdd\t\x81\xfeqc\x83Ph\xf1\xdd\xeb\xea\xeaz\x0e\n\x06\xbb,\x16\xe0\xb3X|\xdbRTTTGc|=Bb\x1d!\x1b\xe6\x9e\xc2\xbc\x89\xa6\x04v\xbd0\xd8\xd8`i\xe8,\xbfQ^X^\xc8\xa8!\xe4\xe6\xf7\xbb\x9b\x9b\x9b\xdd\x13\x13\xe5\xee\xe7o\xdf\x06\xd3\xe9\x928\x0e3\x81\xad,\x93\xd7_4\xb9w+\x84b4\xaeoh\xecd\x94\x03M\x9e\x98\xc9\xe43\r\xaa\x8a\xf3\x84r@:\x9d\xee\xb6Ju\xbb\xbf\xa6\xbf\xdc\xfd\xfa\xf5\xebt\x1ck\x85us3\xea"+\xbe\xe4\xf3\x8b\x1e\x08\x00\xf3\xd4\\[a\xa1X\xcc\x079\xb8uuJ\xb5-\xbf=\x10h\x07\x05\x8a&amp;\x8blEE\xb5EE*\xc0\xe3\xf3\xcb\x1f&lt;x\x9f~\t#\x8b\x87\x96\xbc$\xb5\x17\xc5\xb5\xee\x81\x944&amp;\xecA\x868\xf7\x0f\x00T\xa7\xf4+m\xc038\x08X\x81A$\xed\xa0\xd5z\xf9r\xfe5\x9b\xcd\x06\xde\x19\xca\xca_\xbf~\xac1\xc2\x02\xeeI\x92\x93\xf6\xb0\x9bY\xea\xa3\x1b\x8d\tiG\xa18\xd7\xc1U*\x95~\xffd\xa0}p\x064\xb8\xab\x99\x19-\xd2\t+87\xe9\xf7+\xb9\xfc\x89\xa6\xb7\xd5\t3\xaf\x95\xb5\x19!\x07\x0b\xed\x1b\x8c\xc6QiW!\xdf\xe1\x00,?P\xb5kg$\x92\x99]\x11X\x12B\x1c\xad5\x10\x98\x9c\xf4\xe7\xe8\xfa\'\xdc\xc1\xedQ#\x0f[MQI)\xa2+\xe9\x89\x99\xcd\xdd\x16\x06?7\xd7\xe1\xf0\xab\'m\xed\x83\x92\xfa\xfaz\x84U\x8f\xb0\xea\te\xcbLN\x93S\xa2E\x95\x9d&lt;\x9fs\xbb\xbf\xff\xf9_\x13\xa3\xe6\xefV\xe7Ii.Jd\x8bE7\'\xb6;\xc4\x8e\\\x05`\x11\x05\x94\x10 \xd9\xf5\xffUvq\xf1\xa9\x91\x91#\xd7\x8f\x1d\xcb8\x9a_[\xa0\xba}{\xc2m\x91&amp;\xccO\xc3\xcb\xa4l\xbd(\xf3\x9b8\x16\x13X\xda\x88\x12r\xfdj[`p\x06(\xe0e2\x99\xb2\x01\x8e\xa0\x03*\x02\xeb\xcb\xeb\x872/\xd7\xd6\xaaT\x06\x03\xbf\xc3^:\xcbZY\x1f\xa0\x90\xd1\xf1\xd10\x8eMU74\xe7\xe5\xea\xa0\xdf\xd5\xea@\xbbV\x92\r\x10\xc5 \xe2-\x1b\xb1\x11f\x8d\x1c9\x02X\x9c\x8bG/\x00W\x81\x81!\xb4O\xcdz\x16\xc9H.\x8a|}\x05\x8f\xc5\x85m\xcd5\xb9\xba\x1c\xa5\xb2\xc8\xd6n\xe5\xc8v\xb0L\xf0\x8e\xee\xd9\x88\n\xfd\x0e\\N\x99\x8c\x03\\\xb5E\xaa\x02\x95\xb8Q\x1f\x0f\x85\xb6"$\xf4&lt;e`1\x14\xd3\xbc|\xcc\xc8\xabq\xe4(s\xce\x17\xe5[\xb5\x12\x99\x13\x88\x8a\xb3\x9d&amp;\x82\na\x11\\\xc5#N\xa7S&amp;\xe1\x00\xd7\x85kEU\x15LF\xb0z*\xb4I\n\x96k\x8b\x15\x9b\xaand\xe4\xe5:\x949J\xf5\xb5\xcbZ\x0e\xc22\x15\x9b\x10\x0c\xc2\xfb\x19\xab\xb8\x18\xa8\x9c(&amp;8\x17\xbf\xbdP\xa4V2\x0b;K\xe2Si2\x12\x82\x9a\xda\x8c\xc5\x04\x80\x05Q\nT\xc8,\x0eG\x86\xb8\xb2\x9d@c\xfa\x0f\x17\x12T\x90H/\x82\xcb\xa6\xe4\x8a\x19\xc1\x97\xe4`\xb1\xa3\xab1\xd8\xc7\xb4\xa1,%VA\xeb\t-`\xc9d\xf5\xb2z\xf8\x91\x99L\xff\x83%\x93\xec\x8a\xc3\xd1~kS\xd71\xcb\x1b\xab\xe3i\x12\x82\x8b&amp;_\x7f\xa9\xd1H\x85\x0c&gt;\x93[\x87\x16B+\xb85&lt;,\x91\xd5\x13\xd1U/\x91\x99v\x9b\x1ebB&amp;\x01.\x99df\xc7\xae\x80M}\x96\xd9Y"%\x03\x8b\xd2\xb2\xf8r\xaa\xd4\xde\xc1\x10\xa3UG\rch\xbd;\xfc\x10t\xff&gt;\x91\xa7\x04\xd6\xa9\xdd\x90@\xad\xe5\x94\r\x0fs8\x87\xd0*d\xab\xaa(+\x0c\xda\xe7\xbc\xf2\xbd\xc7r-\xc55\x80U\xc8\'\x16\xc3\x80\xf5\xc0\x81\x03\xc3\x0f\xef\x8f\x8f\x9f:e\xdaq\x08U\x11RU"q\x8e \x1d\x19\x1e\xbe\x9b\xc19t\xe8\x10\'\xa0VW0\xcb;\xf5%\xde\xbd\x8fyJdsJ#\xf0\xb5\x89\x99uu\\\x87\xdf\x06Xw\x1f^\x1dG\xbao\x02\x93L\xf7MH\xd9P&lt;\xd3\xc8\xda\xda\xda\xd5\xab7o\x1e;x\xf0\xf8\xf1\x8b\xdav\x9b\xba\xe2l\x99;\x18\xfc~\xef\xb76\xd4\xc8\xa6\xa6Tj\xe9\xe4s\xeb\xfc\xb0 \xda\xf2Odf\x1c\xbb:\xbe@\x80\xa10\x05&amp;\xb8`\x9d\x1eATk\x0b\x0b7{{\x0f\x8e\x01\xd7q+\xc22\x94?\'\x07+]*\xf05\x14B\xc3s\x1d\x0e\xf5\xc9\xfc\xcf\x0f\xf6\xde\\@Z\x1b_\x1b\x1a\x1a:\xb5\xa3\x11\xd3\xc8\xf8\xda\x07\xd0;x\xd2\xdb;6v\xe5J\xe6e\x9bZYg\xe07\xbf\xfdi\xef\x17Ej*-\xb0[\xa0\x86\\\xaeC\xe1\xa8\xfa\xcd\xe1[c;T\x0b\xc0\xf0\xe6\xcd\x1b\x00\x1bB\xda\xa1z\xb7\xf0\xe2\xc5\xf4\xf4\xf4\xc6FO\xcf\x993\xf9\xb6*u\x9d\xc1\xe0v\x93\x815\x9f\x96\xea;\x18\xb0{w(\x14\xfe\xb3ee\x95\x8fzz\x9em&lt;z\xd43\xdd\xbb\xb0Fp\x11\xfa0\x04\x05\xec\xddxv\xe7\xc9\xe3\xc7\x8dO\xee&lt;\xf8\xea\x9b\xa3\'\xab@\xaa\x82\xa6\x89\x9f\xfe\xbe\xe7Xl\xc0\x12v\x16\xc2\x0eP\xf1\x83\xc2\xcfonkk\x0c\nKJJ\xf4\xc2\xb6\xb2\xc3_#.\x02\xec\xcd\x9b\x0fk\xbd\x87o4\xea\xd1\x99V \xad\x16\xbem*\xe0r\x95\x15JUAA\xd3\xdf\\{\x1e\xf3lo\xda\x0eY\xcaW\xd4\xfc\xf0\xe3\x8f\xa7\xbb,B\xe1\x9c\x1d\x9d\xa5\xe14}\xaf\xb9\xe0\xf8\xda\xd0\xcf\x86\x8d_?\xc9\xef\xdaF\'\xebD\xa2[\xb0\xed\xebr\x9f\xae\xe1\x1b\x0c\x86\x82\xa6\xa6W\x7f"\x01\xab\xa4\xba\x81\xc1\xd7\xe9\x145\xa7\xef\xf9\xa4\xd2\xb9\xb9\xeaj\xbb\x80\xc0\xfas\x97\xa1\xf6\xcb\x91\x9d\xb6\x1f\x1a\xb9\x9aQ\x97\xfb\xc5\xb6O \x05\xf9@\x96`\xd7s\xb7\xa1\xa9\xb2\x89\x1c\xac\xf9\xb4\xbe\xa1\xadF\xa7\xebW\x10XRiu\xc9\x9dF\xa1\xde\xe7\xbb\x97\x97[U\x9bI\x84&lt;\x0c\xa2S\x96\xf9\xc7\n\xe6iF[G\xc3\x9d\x07\x0f\x9e\xb45\x13\x87lC\x93\xaa\xa9\xa9\xf2\xd5_\xf6|\xf5\xa1\xa6\xdeC\x1b\x01\x96N\x97\xf7\xc5=\xbd^\xd8\xf8\xe4\xf7\xcf`\xd8\xa6\x1f\xfd\xfa\xf3\xaa\x93\xb6\x80V\x06;\x1c\x93\x8c\x03\x87\xb1\xcc+\xb7nmL\xf7l\xbc@\x1a\xeb\x01\x9bT\xa0\xca\xca\xcaW\xff\x94\x93\x80e\xb7\x9c\xaeQ(\x14\xb9|\xa6\xf8\x86\xf8\xc6\xa3\xe9\x85\xe91\xc0\xba\xf5\xbb\x8c\x13\x19\xc3\x1c-\xc4;l\xfc\xac\xed\x9c\xe3\x07\xbf\x1e\xbb\xb5\xb1\xb11\xbd1\xfdb\xe1\xddB\xef?\xbe9S\x0b\xc3\xf8[U\xe5W\xff\xda\xf3&lt;\xa5F\xfeM\xab\xf9\xfd\xa4\x95\xa6q\xfc\xc2\x7f\xc0h\x02\\\x8c\'\x92CBG~$\xc0!\xc7V\xcc1\x10(?\x02\x022p\xd60\x93\t\'M\xce\xb1\x87ph\x83\xe2\xa9\xa4N\xb4\x08\xd4\x86\x0bW\xb1\xad\xb8\x99^\x94\x8c\xbd q6\x9b\xbd\xd8t\x13\xdda\x95\xbd\xd1\xcc\xa8La\xbd\xa8Y\x9a\xad\xd1&amp;5\xeb\xf4\xa2\x17\xfb\xbc\xb8\xd9\xbf\xe0\xf8\xc6\xe8\x05\x17~\xf2}\x9e\xe7\xfb&gt;\xdf\xc3\xf9\xe3\r\xc0\n\xef\xed\xe9\x82\x81@0\x00T\xff\xf8\xd3\xfb\xad\xc5\xc5\x97\x1a\xadV\x01"\x8du\xf6\x98I\x81$\x93\xd96\xef\xdf\xca\xbdDz=y\xf5d&gt;K\x0e\x98,!\xcf\xe8xu\xf7\x99\xc4\xcd\xd5\xdb\xfd\xe8\xd3\xadU\x1b`YU!\x8b#\xa0]x9\xf7\xcd\xad[\xdf\xdd^\xfd:S\xb7=LONBtE\xa9U \t\xaf&amp;^,\x9e\xae&lt;^\xd9\x02W[XH\xf6\xf5)\x04\x138\xbd\xaax"\xb1C\xf4v\x8fl\x7f\xfam\xd5\xa6\x07,\xbbI\xab\xd5\x06d_O\x9c\xfe\xfa\xd5\x0f?~j\x9eNdj4555\xf5\x871eij\x8a\xf0F\xd4\x99\xc3\xd5\x89\xd5\xefn\xc3\xad\xe0\x8b\xfb\x1d\x03\n\xc5`\x07+\xb1%\xf1(v\xdd\xfb{\xf3\xcb\x1b\x80\xd5j\x85\xc7M\x03Z\x8d\xa1&gt;\xf1\xf9\xe4o\xbf\xfe\xe5\xaf\xa7\xbb\x8d\x8b\x8bZ\x82N\xafA\x98E1Z\x8c\x98\x13\x87\x87\x13\x10\xf0\x7f\xb8\xfd\xbbo\xa63\xae\xa8\xc5+\\a\xa5N\xcf\xfa\xa5\xcd\x88\xfb\x8d\xf5\xd5\x1b\x876W\xab\xac\xb3\x9b\x06\xef\x06\\\xf5Ls\xb7\xf9\x9f\x1f\x7f\xfa\xf7I\xf3b\xfdCmys\x13B\xf6\x94\xc8\xe0\x8c\xbbP[\xca\xac\x9f~\xf9\xe7\x1fn\xad\xbcw\xd6\xebj\xb3\x97 \x0414\xaa\xaa\xad\x9fK:\x8a]\xf7\xce\x9b\x17\x13\xbf\x1d\x96me\xdb\xf3\xb408h\x91\xdb\xa6}\x8d\x93\xe6\xe9\xe7\xe6\xe7\xd3\x89\xc3\x83\xf02\x0e\xab\xe1Ti\x8a\xc2\xe9\xc2r\xa2\x96Y\xbf\xb8\xf8\xe9\xabO\x8d\xe3\\\xa6^\xeb`A\xec\x8ff\x96\xa4]m\xba\x9e\xed6\xab\xb5z\xbdl\xb3}Tm\x0c\x8e)\x14\x1b\xcf]C|\x03\x98N/\xd6\'\x0e\xca{`\x1cO\xd7J\xa5\x12\xcbX\xc3\xcb\xe1\xcc\xe1\xe1\xfa\xc5J\xf3\xe4\xa4\x19/&amp;\x12\x0eo2I\x00\x96&lt;\x939y#esu\xbf\xd9}\xcfW3K\x08k\xdc\x04\x89gr#m\xd1\xbe\x02\xab\xf4\xc9j\x99r\xb9\x05X\xf4fI\xc9q\x1c\x8b\x87\xc3\x89\xda\xd2\xc4\xc4\x05(\xd9h\xe4x&gt;\xe2%\x00\xcbkv\xab3\xb5\xc6\xb6\x94\xcd\xd5\xbd}\x943\x9b\xc3\x07\x80\xa5\x0f\x9a\x84\x12\x0c\xdc\xe4\xa0\xa2\xaf\xef\x8e# \x87)\xb0"\xadp\x84\xa5\xc48*\x0c\\\x89T\xa6\xb8\xf2\xb9y|y\xdc\xceg\t\x84\xa51G}\xd3\xbe\xf6\xbe\x94X\xfd\xdb\xaf\xdc\x85\n}\x00r\xe9\x83\x16\x93(\x02\xd6\x17_\xf4\xfc\xeb\x8evc\\\xa7{\xda9\xf8\xa6X*q\\\x89\xb2\xd2\xb4\xbaXLU\xf9\xc6\xf1\xe5\xe5q\x16\x90\x06\x08\xf02\xbf\xd3\x97\x8a\xb7\xf7\xa5\xec\xf9\x91\xb3$\x8eSt\x19\xb0&gt;\xca\x03\x14%\x8a\x82r\xc6x\x7f\xa6gc#\x04Ivrm\xf3)\xc30\x94\xc8B\x11\xa1\xe9q\xb7\xd9/\x8f\xf3\xf9\xa3\xe3\x9d\x9d\x9d,!\x08^\xad\xc6\xe1w\x1ad\xfe\xf6\x99\x84=\xdfu\xef2\x02\xff\xd6ZF\xbde\x08z(\xb1\x84\xc5\x8cF\x087}w\x06\x14=$\x87|\x01\xa7\x19\xc0*\x89\x14C\xe3\x91d\xd2k\xd6\xe4\xb3;o\xdf\x1a1\xc5]\xd3\x86%\x14\x08\xca\rC\xfe\xf6\xb9\x84{s\xd7\xf6+;C\xe1\xad+,\xb9\x9d*qY#\x08\x812\xd7\x93\xf9y\x92\xa0\x18\x1c\x87\xa5\x95\x11\xd1$\xe2\xb8\x1dF\xefI2\xdf\xcef\xb3\x10\x13\'M\x1b(\xfa\x04\xe7\x0cC\xce\xd7\x97\x12\x8eb\xf7~\xce\xcdR \x16p}4\xa8&lt;\xec\x18\x96\x9d\x07\xaa\xfb\xc6\xf9\xf9\xf9X6\xe9\x85\xc2Y\xf7\xf6h\xc0\x05,\xab\x95a\t\xd2\x18\x03\xa8,\x89\xa1X}\xd7d\x19\r\xca\xe5:\x9d;r,\xe1\xf5\xd3\x7f\xc6GH\xca\xda*\xc3(\xea\xd5\xe3\xe9I\xe5\xcc}t\xe6gb1\x8c$\x08\x82\xba\xa2b\xc1\xb7(\x1c\xa9\xc6r\xb1Xl\xdeh4\xc2\x1fL\tWbht\xfc\xa1\x8e\xa6\xbcG\x12:\xc4\xc8\x19O\x90"m\xed`\xc9GMc7\x8d\xf7\xdf\xa2\nb\x18I\x12\x02\xfalo\xcf*B\xbf\xb3\xac\x08\xc2\xe1\x88\x0b\x03\xb1\x8c\x9d\x03\\\xb0\xd8\x8c\xcau4\x9b&lt;\x92\xd0!F\xce\xf9$\xbbi\xa5[\x1d\xac\x90I9&lt;\x0bZ\xcd\xf4\xf5\x90}\xa4\x82\x108R\xb4\xb6\xacL\t\xe3\xd0$B\xef\xd3\xb8\xc8\x96\xc8+\xac\x17/^\xccb\nAk\t\xc9\xc34\x91\x95\x18\x8b`\xe8=\xdcZ^B\xbe%(\x87\x87g\xd0\x03\xee\x1e\x92\x1c#9\x05\xc7QV(!GrD6\xcbR\x14n\xc5\xa1\x9c\x1cIfa\\w^\xbc0b$X\x84Cz\xac3\xdek\xc7\xad\x1e\x15\x18\x97^\x85\xb0n~\x0fd\x98R\xa9\x80\xad\xb4$\x98\xa0\xcfq\x91\xc38.f\xe4\x08\x96\xa1\x19\xf0U.\x99$\x91\x8d\xbc0\xa2\xfe\xeb`Y\xa5\xc5\xea?\xcby-\xa1\xa7i{\xab^v\xc9C\x82\xf2\xe6Mlxv\x16q\x8d\x8d\t\xa6\x8e&gt;\x0c\x1b\xdb\xd9\x81\x9f\x9d_\xd8\nN\x01"\x81\xb0\x10\x97\x11\xc3z\xc0\xe5\xcd\xea0\xcdJ\x8a\xd5\xbd\xdd\xd0\x98B*\xbb\xaaU_\xb2\xa9Cl\xe7Y\xee\xef\xbf\x9d\x9d\x1d\x86\xf1\x17(\xc6\x0e\xc6\xce\x88\xe4N\xe7\xfc3\xe2f(\x16\xc3\xb8$\tj\xc5\x8c\xb1Y\x0c\xc3\x92^\x8d[\x1d\xc6\xd9\xb6\x94X\xb0\xd7\x98-*0\xa42`\xe9\xecbI\xa9\xfc\x1e\xba~v66\x1bS\n\x9bv\xe8r\xe8s\x86\x85\x16\xff%R)\x14*\x80e$\x91V\xb1\xce$B\x15\xbd\x8e\xa8.L\x11\xf9\x86\x94w54WP\xf5P\x07jel:\x8a*A\xcc\xf9\x16\x06lx\x16LiP\xa4\xa8\x10\xbdW\xaf\xef\xb9Y"_Y&gt;8X.T"d\x0c\xa0\xb2\xb1+\xae\xffa\xb5pJZ\xac\xeeG\'\xceh\xc8\xecp\x81Z\xfa\x10S*!\xaca\xa5\x12\x83\xbe\x87v\xf6F\xf0V\xfd L\x17\xe0,\xd7\x0f\x0f\x96+0\x92\x88\xe9\xaa\xb7\x8c1\x92\x88@\r[V\xda,)V\xd7\xc8Y\xce\xa9Y\xd0\x18\x96\x00\xcb\xce@\xc8\x01\xeb\x1a\x1e\x1b\x1c\x9b1\xce`\xb0\xe2E\xa2\xe10\x8d\xbe\x9f.T*\t\x90\x0b\xaej2\x8bD"\x01\x0b$%@,\xbdKM[\xa3G\x92f\x1f\xe8\xae-\xbf\x86\x97O/\xb9\xf4\x0f7\xd7\xd6\xd0W\x05J\x85\xd0\x83\x94\xf0j#fy8\x1c\xf5\xe6#f\xfeu\xbe\x9aHD\xf3\xc9\x081\x0f\x1f)\x14\x18\xa2\xc2\x88\x08`\xe9\xcdT!\xbe+\xe9\xd6\x0ce\xdc\xdd\x8a\xc7\xe3\x0f\x96d\x06\x9d\'\xbd95\xa6\xecQ\x0c*0\xd0Jk\x8eF\xd5z\x97M\xad\xc9\xc3\x86\xcc\xf3\xb0\xbdW5y\xd8j\xe6\x01kP\t\x83Hb\x82\xc3\x11\r\xab\xf3\xac\xd9/q\xdc\xef\xed~v\xde\xc8\xe5V\xa6\x11\xd6fzm\x12\xae_\x81\xec\xeb\x1bpD\xd5C\xb2D*%\x8bj4\xfex\x9c\xe7\xab\x89Z\x02\n\xbe\xb0\xd0\x87a\nX\xfb\xc1*H\xb4\xc8\'\x8a^1\xc2\x9f\x8dH\xfc\x00\xbc{\xe4\xd1\xfe\xf9\xc9\xa2\xcc\xa0\xb7{\xd6\xd2\x1b&amp;\x93\xc5\xa4\x18\xb0\x04\xa2\x86\x84\x0b=+\xf2\xf9y\xde\x1f\x87_\xcebB\x86\xb2\xb4C;@*\x04\x01\xaaM\x92\x91P\x14\xb0\xcc,q$\xf9\x13\xae\xde\xae\xee\xfe\x91G\xbb+s\x06\xbb\'\x9d\xf6x&lt;!\x8b6\xa06\xe8]\xaeD\xb1\xe8\xab:\xe3~\xd8\xd6A\xadx\xd5\xe7\x1b\x1a\x1a\xf29\xe1\xf2D\x87\xe0`\x0e\xcdQ\xf5r\xb5\xc2\x1d\xef_\xc3K\x07\xbd\xbd]\xfd\xdb\x8dE\xb9\xdd\xe3I{T\xaa\x90%\xa0v\xb9\\\xa9Tq\xc8W\xf5\xe7\xf29\xbf\xafX\xe5s\xbc\xefAJ&amp;\x93\xb9d\xbaq\x8b\xc9$\x08%\x01}e\x1dU\x17\xcc\xf9\xcb\xfdkz\x13\x15\xe2\xf5\x96_=\xea\xf1\x8c?\x7f\x1e\x0c\x1a\xf4z\x83o\xa8X\xac\xc6\xf9\xd7p\xf2\xf9v\xbb\x9dm\xe7\xe2C\xb2T\xea\x81l\xc8\'wS,+\xc0R\x13p\x98\x0b\x95\xe3\xb37\xd7\xf5\x9a`o\xff~\xd3\xaf\x0e\x8e\x8e\x8e\xaa\x9e\xcb\xe5\x06\x83\x01\xaa\xe5+B}\xe0\xca\x01\xcfBl\xafQ\x8f\xf9d\xb2\xc7\x8f}\x88K\x14\xa1\x0b\x03fw\xa5\rR]\xdb\xcb\x8bpk/:\x11\x16\xc8%\x070W*\x91\xa8\xd5~^\xee\x9cw\x88\xcd\xed\xe6ys\xd57\xb787\xe7\x94\x17\x18Q\xb4X\xb4\x0e\xb7\xfb\xf5\xe5u\xbeJ\xdc\xf5\xe8d\xd1)\x1f\xef`\x05\x03\x819\xd7\xf4\xd2\xe1a\xfd\xc3\x87\x0f?w\xce\xbbw\x05\xd0\r\x08a\n\xe6\x9c\xf1h\x01\xb2\xa3\xc9\xa2\xd5\xb8+\xc7\xdb\xd7\xf9bY\xf7\xb3\x93\x15\xa7\xfa\xffXNC\xaa\xfe_^\xce=\xa6\xa9&lt;\x8b\xe3\xbbC\x99\x85\xb2\xaeD\x9c{uM3$\xad\xe9\xe3\xb6\r\rV\'\xb4\t\xc4&gt;\xb8\x85\xd2\xd7\xb6tK\xda\x1a\xa3\xec\xba\x15dp\xd3uK\xd3\x1aR\t`\xdbX%\xb0\xac\x8c\xcc\x1f\x93\x14\x18\x8d(\xa0\x18\x07y):\x9a\xf8\xc2\x81\x95\xa8\xa3$M\xc0\xac\x02!\xf8Hv7\xd9sn\xdd\xec&amp;3\xd9\x9du(\x87\xf6\x86_\xfb\xcf\'\xdfs\xee\xf9\x9d\xf3\xeb\xef\xfe\xde\xbc\x99\x9ezG\xc5\x80=x\xb0\xb885\xd5\x12 B4\xed,\xdc\xf7\xa9\xd2\x0cj5C\x1eM!V\xda\x7f`\x91f3I*T\xb7\xa6\xa7\xa7\x1e\xb4\xce\xcd\xad\xcc%\r\xb0\xa6\xe0\xb3i\xbf\x81\xa6K\xecv\xbb\xd5\xac5\xc9\xbf]\xd55\x91\xef\xc5R\xc8\xc0\x8b\xbc\x0e\t\x13\xf4|\x9a\x7f\x1d\xc4::\xfc\xe4\x9d\rw\x1dm\x05\xb5\xae\x1f3\x18\x0c\xd5r\xbb]n6S\xce\xaa\xd7\xa9\xdd\x13\x8bX:\xa9\x84\xc7\x93H$p#\x92\n\xd2$w\xb6B\xe5\x80X\xdf$m\xb8\xab\xb7\xb5\xb5\xba*bP\xd0T\x99\xbd\xc4h\xd6:\x87W\x7fE\xfe;X*)0I\xa5R\x89TF\xcaH\x8b\\\xdee\xef\xeaB(x}\r\xd7aL\x14U\xd5\xb4\x82\xe0\xcb\xed%N\'iv6\xdfO\xa9\x0f!\x9f\xdel\xf3\xa9tR\xb4e\x82\x00\xc1dNyY\xf3\xb6\'\xcd\xff\x96\x0b\x92*f\xafH\x08\x12\x97\xd3I\x93$\xdf\xf9\xed\xea\xd63\xdf\x87e\x08\xa8t:\x98\nU*\x95nY\x01\x81\x06\x01d\xb7C\xbe:ZR\xd2\x95L\xf6\xcdX\xe3 \x16\x9f\xc4\x1d\x8dR\xe7\xeb\x839\xa9\xc6\n\xb7\x9c:\x05`*\x9f\xcf\xe5\xf3\xa9\x08\x8c.yWW\x89\xb3\x97\xdf\xdb\xdb\xeb,\x91W5\x01U&lt;n\n\x85`\xc6\xe6\xf3\xe1R\xd3\xbbP\xf4\x93\xd4\xab\xd5\xd2\x12P!U\x8b\xcb\xe5\xf2\xe9\xc0\x8br\xb9]nB\x93\x9b\xe4Z\xaa\xa9\xb1\x89\x8aG"\xa10A(\x8e)`\xda\xae\xa9~\x99z\xac6U\xcb\xad[\x01\x1f`\t\x85B\x87\xc7\xa7\xa0A.;\x05\xa6\xa5(;\xd5\xdc\xdc\xd8(\xa6L4\x88\x05D\xc7\x08\xbf\xd7\xeb\xadz\x99\x9bb\xac\x937#\xbaS\xd3\xd3\x1e\x97\xcb\xedr1X\x04m\x02\x1e\xb1\x98\xd2j\xed\xcc\xaarm\xb3X\x8bXI.\xc0\xaai\xba\xbf\x06X\x84\xeaV{\xbbG\x88b\xa9\x1dB7\x112\xa1D"J+\x07\xaa\x1d\x9c\x1d\xb5\xa22\xcal!C!\xa0"\xfc~o\xa0\xe6\xe1\xd5\x94cA\x96\x97\x9e\x9anow8\xd4hB\xb7\x9f\xa0\xab(J$*\x03\xdbV\xbb\x03W\x96\x01\x8b&amp;Ca\xbf\xd7\xe7\xf5\xfa|-5\x7fY\x03\xac\x10!\xd5y\x82\xc1\xa0\xcdfs8\x84\x03n\xb7\x9b\x80\xd9\x0fJw\x110m\x83fV\x0cQf2(\xc2\x83\xe0f\xb0\x80\xa7f\xf5K\xf8\xef4f\x0f\xc3R\x9d\xd4\xd7.\x10\x14\x04\x0b\x82A\xb5p`@\xe8r\x13a\xad\xb8\xac\xb6\x92\xc3\xa9\x14A\xb8\x87\xda\xda\xda\xfe:88 T\x83\x9f[\x02\xe5GS\x9dM\x01\xeb\x11\x01\xd3\x8e\xceS\x80\xfb\xe5\x05\x82\xa0M-T\xab]\xfe0\xb4:\x94X\x04}XS&lt;\x12\x1e\x1c\x1c|;0\xa0\xb6\x05AO\x97\xb7u\r\xb0\xae\x8e\xfb\xa5RR\x06r\xd5\xd7\xd7\xeb\x8b\x8b\x0bl\x10`.w\x18\x1a\x1f\xe0B\xaax\x1b\xe8t\xed\xda\xb5\t[\x01H\xea\xf0)\xd6\nK\xc2\xa3\xfd\xb8-\xa4\xbe\xbeX_\x8c\x8a\x08\xdd\x83P\x8b\xe2\xf6\x96\xa6\xf8x$\xecVO\x80!\x95 (\xf4\x87\xf8\xa9\xc7\xca\xbd:\x8eu\rM\xb8\xdaq\xbbJ\xb1^_\\\x00\x8et\r\x0c\x86C\x91x\x1c\x92{[xp\x00\xb0f\xfa\xfb\xc1\xcdA\x87;L\xaf\x05\xd6\xfd\x88N"\xe1\x91\n\xaf\xd0\x11\x04.\xfd%\xe0\xb29\xd4\x10\xf6\x83!\x86\tB\x1d\xfc7\xd3\x7fA__\\\x00T\xa15\xc0\xca\xc9}\xd9\xa6\x93\x1c\xe6\x91\x06\xc2-d\xf4\x02.\x01r\xc1-\xe9F$\xb8\xfd\xd4\xb6\x19\xa0:\x0f_\xd8\\\xe1H\x84\xe6rS\x8e\x05\x05\x84\x8e\xcf\xd3\x90\x06\x85\xbf\xd3\x03\\\x02t\xa3\x00\xc1\x1c\xc9\xfcj\x0b"\xd3\x85\x0bz\xbd\xbe\xdf\xa6v\x87#&amp;g\xea\xb1 m\xf9u\x1d\x15\xa5\x16\xbe\x81\xf0\xba\x1c6|\xc6\x07\x00\xc0]`\xccn\x9f\x99b@\xbat^\x7f\xe1\x02PA\xc4EL%\xdc\x95\x14b\xe5\xa4\xa5eg\x1f|9\xeeSI\x8c\xa5f\x13\x94\xc4\xef\xb8\xea\xf5\xf0\x87\x0f\x1c\t\xf0\x1e(\xbet\xe9&lt;@\xf5\xcf\xcc\xa0_\x07C&amp;y\xc9\xca\xca\xd7)\xc2\xca\xc9I\xcb&gt;\xd8p\xf6\xc6\xcdG\xee\x80N\xa2)\xb5\xca\xabi\xf0\xa3\x0b|V\x80y\x00s\x85 \xf9\x1f\x88\x07P03\xa9\x07\xc0\x85qm\xc9\x9e\xb9Ta\xe5\xa4\x15\x9d=\xf1\xfc\xd5\xb5\x89\t\xa1\x07\x1a\x0c\x9e\xc6\n\xb3^\xb5\xc1\xef\x13:\x1c6[\x10$\x13 \x17\xd0a\xa4\x01\xd4\x04D\x19CEQ%\xdc\x94ae7\xdc}13\xf2\x9b]=\x05\x9e\x00\xb4\x17\x875V\xa5\x9d\x92\xd3\n\xb7\x0bJ\x1b\xe4j\x87\x99\x1b#\x9e\x19\xd80a\xe0\xce@\xc8d\x94\x16Bk\xe5\x9b\x94`e\x9f}\xd4\xdf\xb3\xb4\xb4\xd4#h\xf7@\x7f!9\xac\xd1h\x94ebm$\xecw\xa1^\x90\xe6\x85P\x16B\x82p\x0f\x08\xf1\x86\x84!SW\xc0Dif\xb0RQ\x06f_}8\x01PK\xdd\xed\x1e\x0fT\xf1\xd0%\xf2x\x80%\x12ki\xc2\'\xf4x\x18\x08\xbf\x1f\xd7\x8e\xc2\xeeN\x18wv\xfa|^\xbf\x824S\x94\xd2\xc8\xe5r\xe7\xba^\xaf\xfe\x1eJ(H\x17\xbb\x01j~:\x00\xcd\x85O%\xeb(\x97\xf0J\xf3\xf1\xe7z\x93\xc2\x87\x15\x15@\xb9\t\x85"\x1c\x82\xca\xaf\x13\xa8\xfc`\x046jeeJ#\x8f\xcb\xdd97\xbc\xb0\xca\xcbH9\xd9\x07\x17zG\xbb\x97\xba\xa7\xaf\xd7\xb4xZZ\xa0E\xec\xd0\x1d\xd6\xfc1?\xbfL\xd4H\xd1\x84\x1b\xc0|\xa8\x154\xb2!\x83\xc2\xdb\t:\xc1HAk\xb5e\x9f\x02U\x05b=X\xfc\xfb\xc2\xd5\xa2\xdcU[v\xc3}[\x0b\xbd\x89\xd1\xd9\xd9\xf9\xa9\x1a\x9d*\xd0\x12\x00,\x89\xb4\xa2\xd4\xaa\xcc\x17\xd7FO7\xd1\x90\xbd\\&gt;/\xf4\xd7$i\xa1IHf\xd8\x80\xf9\x81\xaa\x11*\xd5}\x85\\\x9eF\xc3\xbd\xb7\x98H\xb4&gt;\xbcy\xe3\xab\x86\x83\xabr"INn\xc3\xc2\xf0bblll6qO\xb2\x0c}\xf4\xa9\xeb\x8f\xcb%\xcc\xd2\x96Y[\xc6\xe1\xd4jI\xe8\xaf\xa52\x92\xcf\xe7\x19\xcdF\x92\x0f\x9a\xc1\x072\x8b\xb6\xa9\xe9bc\xf3\xbe\xba={\xfa\xfaV\xee%\xc6\x12\x89\xc4\xc4\xb5W\xb7\x9f\x9f\xbb\xd1P\xf4#O&gt;\xc0l\xf5p11:\nX\xa3\x89\x9d&lt;\x86\xebq9b!\x97\x95j\xac\xac\x14\x9bI\xa9Tf\xb1\x98-\x15F\xa3\xc5Bbs/\x93\x81V\x8d\x8d\x17\x9b\xa8}u}}}\x1a\xee\xd4(\xd8|\xf7\xc8\x17_L&gt;\xbds\x19\xc9~\x84f\x10U\'.\xbf\x99\x9d\x9d\x1d\x1d{\xf6l,\xf1\xeb\xd2\x8e\xe5\xe5\xc7\xba\xf2\xf2r)\x83\x05\xb5(\xd6\xee\xc0%#a`5#V\xd2\x8c\xda\xc6\xd3\xd1\xd3\x17)y]a\xe1\x1e\xa3\xa5|~v~t~~d\xe8\xe3\xdd\xb1\xbc\xbd\xc7\xcf\x00\xd9W\'A\xb2\x9c\xf7\xa3j8w\xa7\x7f\xa4\xbb{v\x16\xb1\xc6v\xf6\x01\x16\x94\xf1\xe5\xe5\xcb\x92\x0e\x8b\xc5\xaa\x14\x8b*\xa3QN%e\x04D\xb1H\xac\xb4\x1a\xd1\xcc\x16\x1cr\xa2G\xa2\xa7\xc5\xca\xba\xbaB\xa39\x14\xe8^\x9a\x05\xaa\x91\xdf\x1e\xf8%\x8b\xcdN\xcf\xdb;y\xe6\xce\xf3\x13\r\xef\xb5\x1a\x9eVt\xe3\xf9\xd3\xbc\x91\x91\x1e\xe0b\xb0\xfe\xd6\xf7\xe7\x0e|\xd2NR.E,\x8bY,\xe2p8\xd1J\xb1R\x0b\x84"\xe0RZ\xe1\x05Ag\xa6D\x9ch4Z\xb9??\xbf\xcej\x8e\x84\x83\x90]\xba\xbbG\xf2\xd8\x99Y,\x16\xebc6;3\xef\xf8\x99\x17\xefs\x8c\x05D\xd5\xdd;\x93\x9bcy#C==\x88\xf5\x0c\xb0\xf07\x02\x1e\xef\xb0D"\xe9\xa8\x00O\xa1\x0f\x99\x0eL\x0c\xbaUn\xda\xb4\x1fwX\x8a\x95\xcc0\n_\xc0\x07\xf9J\xedx\xdb\x80~\xd7\xae\x9e\x9e\xa1\xcdy\x19\xec,dJ\xcfL\x07\xc5\xc0\x99\xb7\xef\xa2d\xff\x07Tn\xc3\xb9\xdbg\xf6\xc6byy\x9b\x87~1\xd4=\x8aX\xffX\xa9+\xad\xc0\xe70\xf0y\xbb\n\xa3\xc5\x9a\xc4\xda\x04Bm\xe2ppW\xc4&amp;4F\xc2(z\xf7\x0f\x87\xf2\xbf\xd4\xc6\xc7\xdf\xce\xac\xff\xe8\xa3+W\xae\xb03\x93X\xecLvzz&amp;83\x19eg\x8b~\xa0di\xb9\'O&lt;\x7f\xba7\xf6\xe1\x81\xd8\x071&lt;\xd7\xa1\x87\xc1J\xac\xfc\xa9P\x03\xd9\x91\xb1\x8a\n\xa3\x12$\xda\x00b!\xd5\xf6#\xbfg\xb6k\x00\x1d\xd8\x11\xb4\xed\x9c\xcf\x0f\x1dR\x9a\xc7#/bY\x07X\xbbwg\xb12&gt;dge\xb0\x19\'f\xa2h\x1f\xec\x85\xf8\x7f\n\xe1\xffC\x0e\nJ\xcb&gt;y\xe3\xee\x8b\xe3y\xb1\x8c\x03\xebb?\x8f\xc56\xc7\xd6\xf7\xcc"\xd6\xd8\xdc\xef\xf6Y\xad\xc8U\xa1\xc1\x8b5\x1f\x80\x92\x121X\xb8\x8fd{\xf2\x8a`\x9c\r\x9f\x1f\xfaL\x19\x8f\xbc\x9d\xcc\xcaZ\xb7u\xeb\x96-Y\xac\x0f3 \xe2Y\x19\x00\x94\x8e\x96\x99\x99\x99\x8e\xbed\xee\xcb\xff\x911\xd2\xf0\x1c\x9f\xc9\xbcL6k7+\xe3\x00x1=\xb6~\x88\x89\xf9\xd1\xc5\'\xdb \xa4+\xc0\x81V\xbcZ\xbf\xdc\xff\xc9\x064\x0e\x83\xb6\x01\x91\x18&amp;t\xed\xf6#\x9cO~\xf5Y\xa92\x1e\x9e\x89\xb1\xb6n\xdc\xf8\xd3\x8d[\xb6\xac\xfb\x19\x0b\x1c\x08o\xe4\xf9\x97\x01\xd9\xf1\xc9Ww\xffk*\xcb\xc1#s.\x9f9\xfe\xcf:\xce/\xb4\xad\xeb\x8e\xe3&gt;\x97\xab{\x8f\xee\x1fi\xca\xa4\xcd\xbaW\xcae\x0f\xb7\xd4J\xe0\x9a\xba\x04\xaf\xc4a0w\x1dX}\x18i(\xe9C\x1d\x15IwT\xdbeL\x10\xba\xce\x94\xd5\xf5\xa2\x84\xd8"\t\xc2+cl\xd3"g\xb6\xb5d\x98.nhc\xb2\x9a\x94\xbd8\r\xf8mO&amp;P\r7\x1b,o\x83\x84\xa6\xfb\xfe\xce\x91\xe2\x18\xb6_,9\x8e\xec\xe3\xcf\xf9\xfe\xbe\xe7{\xce\xb5#\xc5\xc20\xf4J\x9e\'\xb1\xb2\xb7\xee}"\x02\xf5\x8f\xcf\x1f^]]\x9d\x02\xd5+/\xbe\xf6\xda\xd4*=\xa7F\xd4\xf0\xf8\xf8xn\xf8@\x1b\x7f\xcd\x81Q43?\xfe\xab\xdf\x1c\xfd\xde\xe2d6\xa32\xc6\x02`\xa9\x1c\xfd\xf3D\x0f\x05W_3\xbc\x95\xb7\xff\xf5\xd1\xa5k\xff\xefuo\x90\x9f\x08\x85\x8b\xb1\xd10L\x86\x1eU&lt;\x06\xae\xd1[\xcb\xbbH\xe9{\xbb\xff~\xb5p\xb8V[E\x0c\x1c\x9dzqj\xea\xe8XMr\x81\xaa6~z\x9c\xaa\x86\xb7\x9cD\xfd\xc9\xdb?&lt;\xfc\xded1S\xf2\x08+H\xdb\xcc0\x98\xaar\xc3xJ/\xc5 \xff\xe3\xdb\x94w\x10\x18\xff+\xca \x15B\xe1Oe,`\x83\xd4\xf2J%\xcf\x10X\xc4\xb5{oy\xf9?\x7f&gt;\\\xc8\xd5 \xd8\xd8\xabG\xa7\xa6\xa6\xde\x82\\\x10iX\x885~\x9a\xaaV\x03\x97\x80\x1a\x1e\x7f\xf9\xedsWF\x8a\x99\xc8\xdb\x08\xc3\x80\xb0\xa0\x93o\xfa\x03\xac&gt;\x17\x96\xa5\x02\xd9\x94\xbd\xc0\xd8OF/l\x82P\xb0\xac\x14\x8f\x93\xd6\xc0\xc2r\xc6\xd7(\xb1xx\x93\xea\xc1\xf2o\x0fUz9`\x15^\x1e[}\x0b\x7f \x17\xc0r9\xc2:~\xfc8\xb0N\xe3C4\x93\xcc\xf6\xfc\xb9\x1f\xbd~=crL\x91\xb0\x02\xdb\x0b\r\xdf\xf19\xe7\x86p{\xdc\x12\r\x8c\xcbF*e\x85\x02\xe3\x8bK\xd7\xf6)\xf6\xf5\xef\\\xfb\xe2\xb3\x8b\x8a\xc5mnq\x83\xeb\x9c\xab\xa6\t{Z\xa020\x94\x17\xde\xdcXy\xff\xfb\x95^\xaf\xb6Z+\x14j\xb51R\xadF\xf2\xe4d\x1d\xcf\xe5\xfaX\xe4\xb0\x03\x95\xc2?&gt;\xfc \xeal\x81&amp;\x0cE\x13}\x8f\x99\x8e\xcf\x80\x157\x04W_2qo`\xfee\x91d\x00\xfb\xda\xde\xef\xe3H*E\xe3Z\\\x03\x04a\xe9\x8e\x83\x8c\xd1R\xa0\n\xb6\xb6\x02\x16\xde\xac\xbe\xfb\xb3\x1f@\xaeZ\xadR\x18\xc7\xfd\xd8X\r\\\x00\x19&amp;\xaaf\xb3\t\xae\xd3\x90Nz\xabph\xf1\xef\x89\xce\xd6V\xc7\x97X\xb6k\x96|*\x95S\x1fe#\xfb`\x90\x8a\x16\x00\x91!/.\xfd\xf2\xa7\x83T\xf8\xf8\xeeg\x88*\x10\xc5c\x9a\xaes\x9dn\x8e\xa3\x93Y\r\x03T[\xb3A\x18VW^\xf8\xee\x15\xc8\x05\xb5@R\x935\x10\xab\xd9l\xb7\x9bR\xb4\xe1&amp;\xc4:\xf4\xcd\x13\xd9\xcc\x13,=m;\x8ec\xaa\x0c\xee\xc2\xa0\xfb\xb1F\x81d\t\x83)\x96r\x11\xd6\xff\x9b\xb4\xbatUJ\xd3.@\x1al\x12\xban\x0b\xac4c\xe9t\xa0i\x01a\x05\xf1D\xf5\xc6;\xdfh\xf4(\xd8\x05\t\x04\xabQ\xa2J\xac^\x1b\\\xcd\xf6\xb7\xda\xc8\x89\xfcB\xe3\xbd7\xd7\x12\xe8a\xc7f\xa0\xc20\x84\xe5\xa8d\r(\xe6q\xc9%\xd7\xa4\x15#,\x8b\xd4\x82^;w&gt;\xbaC\x07\xd0_\x7f|w\xa7\xac(\xa9\xd4\x05M\x8b\x8by0H\xcdl\xb7\xe3\xc2\x12\x82\x8b\x93g\xb9\x17%\xd6N\x9c\xbf\xdf\xad\x90X066\xe9B\xa1\x82M\x87:\xd8\xeb\xf5\x96\x96\x96\xda\xdf\x9e\x98h\xb7\xf3\x0b\xdd\xf9\x937\x12\x11D\'\xc1U\x9f\x03\xc5\xf5}S\xd5U\xdb4M\xc8\x86\xd9\xd32\xd44-\x95JY\xb2\x14\xc9U\xb6\xca"\xd5\xefl[x\x10.J\xf5\x855&lt;U\xd5\xedN\xa7\xb3\xa5\xdb\xae\xcd\xc9m}\xacd\xf1\xe4|\xa3AX\x88s\x1c\x1e\n\x15$g\xafIX\xe2\t\xa7\x13K\xf4\xbf\x19\x17\x1a\xf3#\xefV\x81\xa5R\x942\x9fY\xdcqS\xcc%,lE\x00\xd3\x85\xe9c\xf1\x94\xac\xa7\xa8\x80\xa5\x94\x87(\xd5\xcb\xe2C\xcb\x92\xfbT&lt;\x1e\x86\xe0\xb2\t\xab\xd3\xc1\xcc\xb0\xb0\x05\x17z\x1be\xaa\xc5\xc9\xc5\xb3\r\x98\xab\x87 \xaf\xd0n}dfiP\xadV\x0bTs\xf5\x85\xcd\x91\x97\xaa\xd3Q\x04\n\x15:\x99\xcc\n\x1c(\xef86a\xa9\xaa\xa9\x0e\\\x0f5\x84`\x03\xae\xb2\xe0*\x0f\xdd\xdd\xd9\xc6;x\x8d\n\x8f\xca\x8e\x87\xd8Rm\xd3\x11 \x19\x98p\x00\x00\x03\xf8IDATU\xc2\n7\x08\x0c\x1dQK\x89j\xf1\xe4\xe2}\xe8%N\x0by\xb1\x17\xb6$\x13Q\x9dj\x01k\xe1\xca\xeb\xcf\xaeMg"h\x05,8\xc2\x0f\xd0\xc2\x80\x11\x16\xc4",X\x177.\x9a\xf84\x96\xd4K\x19\xda\x19\x15I\x0e\xcfI0\x94FG"\x0fg\x11\xf1\x12Q\xcf \xecQ\x8c3`\xd9Q21]\x1cY&lt;[A\x04\xb4gZ3\xb0U\x9bpPW\xe5\xbb\xba\xa0\xaaV3\x19\x9cD1\x11\x1f+\xcfw\x1d\x97vk\xc7\xb7\xa9\x85\xf2\x01\xba\xe7\x9a\xb6_-Evn\x08\x891:\x1aGj*\xd6\xec\xacl\xb4F^\x02\t\x8en\x1b\xcfl\x80\x0e\\P\x8b\xb0\xf4(\xca\xa0\x8f#\xf3\x8d|\xfe\xe0\xc1\x99\xd6\x04\xb9j\xa9Uo\xd5\xc5\x93s\x8f\xb5f\xea\xf5\xb9\xc6\xf9\x17\xaa\xd3\x89\xc8\xb41\r\x14\x96!\xd6t\xc0\xfc\xb4c2\x93\xca\xb6\xfbd:\x17\xa5\r\x0c6\x90K\x19R\x14P\x19F\n\xf10\x9b\x02\x18\xc1#\xa6t\xcf\x0b7D\x95L\xb3\xa3z\x9e\xce\x19q\xa9&amp;\xbd.\xd3\xf5\xdb\x8b\xe7\xf2g\x0e\x1e\x9cX"\xac6\xa0@u\xec\xf7\xc7\xae\xd6\xe7\xe6\x16\xd6\x17O\xace\xd0A\xdbF*\xf8\xb6\xcd\x19iER\xb9\x0e\xd2\xc1\x14\xe6\xb2i,\x95&amp;\xca\xa5\\}\xdf+\xb3\xd0\x87\xb0D\xf8\xa3{\xb3B,|J\x9c\xb0::\xf6A\xa2\x82\xf7;\x1d\x1b\x03\x00\x8b\xd1\xf4#\x08\x96\xbc&gt;\xf2\xe3\xc6\x993\xe8#\xa2]`\xfd\x81\x9e,|\x15X\x0b\xeb\xf3\x937\xd0@\x82\x12X\x8c\xfb\xa0\xc21\x10\x01A\xc9%=\x0f\xd3\x93\xbb\x08\xab\xdf\xc8A\'-E\xc3J\xb44P\xd1:\x9c\xb5 \x15\xa5\x9ca\x80\xcaVatH\xe53\n\n\x9b\xbe\x1aT\xf8&gt;4\xc9\x08z\xbd\xb9\xd8\xe8\xc2`\xcd\xdc\xefr\xcd\x99\xfas\xf5\xfa\xa9\x16a-\xacoN\x16\x13\x19UO\xf7\x8b\x05\xccu\x99\x86\xe3\x16\xce\x81\xe0\x92]4\xc9W\\R\xf1}`\xb8\xa5\x80\x85\xb8\xb2\xc8V(\x00&amp;\x938)TK\x11\x9d\x1fp\xfc6]1\xb4+\xb00FZ\x17\xa5FQ\xf5\xc6\xfb\xe7\xcfv\xf3y\x8a\xacv\x1b\x07\xd3\xe7~q\x8a\xb4\xean\xfe\xa5\x98HD\\\xe4p\x9a\xf6.8\xdd\x17X\x8e\xcb\xb0U\x0b.\xe1:,F\x1aW\x0f\xf6\xc8\xa8\x93\xa2\x9bC\xe8\x9e%\xa8,-\xca\xdeB\xe1\x8a\xee\x01.\x9fp\x05\xec8\x14\\bxa\x03\xb6\xc7\xe5%\xaa+\xcf\xfe\xfcJ\xa3\x82\xf4:\xd2\xc3f\xf3\x06\xf4:R\xa9\x10U\x12T\x94\xbetR\x06\x14\xda\x97\x86\xf1]\xa4\x03SK\xa0\xc2lU\r\xeeBP\xd8b\xbe|\xd0\xca\xd4\xa0\x80%\x85\xd2R\xb1Xv\r\x97\xaa\xbb\xe2\xc7\x05\xf7\x96W\xaa\x99h\x8b\xb0\xc8\x13\xbe*\x963\x01\x11\x1dF\x8a\xa6\xa7\xab/\x8d\xcc\xafw\xbb\xbdnE\\\xef\x80\xaa\xdb\xdd\xbc}=\xf1\x84\x8a\xd4\xa2\xe6\x81\xc9%\xb1\xb0 \xb1\xa8E\x17h\x89\x9a\xb4L\xf7\xb0\xb8H\xb0&gt;[\x1fk\xd6\xc2\xd1\xf8\x16A}\xfe\xe8\xd1\xa3/\xbf\xfc\xfc\xaf\x00\xc3\xe6aK*Z&gt;&amp;\xd8(l\x98(\xf8+3]\xfc\xf4\x9f\x9b\xeb\xdd\x06\xb0f\x8e\x1c\xa8T\xd6\xd77o\x17\x13I\xb1#\x88O\x92W\x16\xae\xed\xb8\xb4\x12\xd3p\x96\xe7e\xb38^:*!\xb9i\x01\xa4\x89f&gt;\xe5}\xed\t\xd6\x05+\x9b]\x11P\x8f\x1f?~\xf8\xf0\xab\xaf\x08l\xa5z3\x01\x93\xe1\\\x02,2\x85\xd0Lbq\xc4u&amp;\x93\xfc\xe06\xb8`1:_\xad\xdfG2$\xa2h\x00E\\\xa4S\x9a\xb0\x88\xcb5\xc3\xd1Di\xf4\xb2\x81\x9d\x1a\xe3\x817\xd0\xfb\\\xb2$\x18i6\xa4`\x05\xe2@s\x81\xa8\x08\xeaa\xbf\x08lwy\xe5\x01"\xc2\xe0\xe2Pb\xf6\xb9T\x92\x81\xecb\xab\xa5\xe4\xe5O?\xdc\xec\xce\xe1\xc2\xb5\xdd\xbd\x7f\xfe\x9d5\xa4\xa8\x1dH,\xcfS\x19m\xf4vZj\x95\xf6\xfdRx1\x99\xb9\xbc\xbd\x1dw\xf4 \xc0\xbf\xe8\x02\xcb\xd6\x07X\xfa\x13\xbd\xfe\x0b\xb8\x9b3h\xdai\x0e\xfb\x00\x00\x00\x00IEND\xaeB`\x82'</t>
        </is>
      </c>
      <c r="M141" s="3" t="n">
        <v>45492.67627314815</v>
      </c>
    </row>
    <row r="142">
      <c r="A142" t="n">
        <v>373740</v>
      </c>
      <c r="B142" t="n">
        <v>49202</v>
      </c>
      <c r="C142" t="inlineStr">
        <is>
          <t>Alan Empereur</t>
        </is>
      </c>
      <c r="D142" t="inlineStr">
        <is>
          <t>A. Empereur</t>
        </is>
      </c>
      <c r="E142" t="inlineStr">
        <is>
          <t>ZAG</t>
        </is>
      </c>
      <c r="F142" t="inlineStr">
        <is>
          <t>ZAG</t>
        </is>
      </c>
      <c r="G142" t="inlineStr">
        <is>
          <t>ZAG</t>
        </is>
      </c>
      <c r="H142" t="n">
        <v>186</v>
      </c>
      <c r="I142" t="n">
        <v>33</v>
      </c>
      <c r="J142" s="2" t="n">
        <v>34402</v>
      </c>
      <c r="K142" t="inlineStr">
        <is>
          <t>Left</t>
        </is>
      </c>
      <c r="L142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99469a1-e36b-49e8-83cb-ebaf5a527aa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eb,\x00\x00\x00&gt;tEXtComment\x00xr:d:DAEewil2SDw:3197,j:2859061571337059036,t:23090301\x03\xa6\xfc\x13\x00\x00\x00\tpHYs\x00\x00\x0e\xc4\x00\x00\x0e\xc4\x01\x95+\x0e\x1b\x00\x00\x03\x00PLTE\xff\xff\xff\xfd\xebCD4\'\xfb\xe8&lt;\xfe\xefE\xfc\xea&gt;\xfe\xeeH\xfe\xfe\xfe\xfe\xeeA\xfd\xec?\xff\xf1E?0#I8)\xfe\xf2I\xfe\xf6R\xff\xf6LN;,\xe8\xc0\x9b:+\x1e2&amp;\x1c\xfe\xf3M\xfd\xeeL\xb6\x95v\xfe\xe7B\xda\xae\x8c\xce\xa8\x87`I5\xea\xc3\x9f\xd3\xb6\x97\xdc\xbd\x9c\xe6\xbd\x96\xd8\xb5\x91\xfd\xeaH\xd0\xb1\x94\x17tK\xd0\xae\x8dT?-\xd5\xb0\x8e\xd5\xaf\x87\xbc\x9a{\x1a\x81T[C0$\x1c\x19\xdd\xb6\x90\x15oG\xfb\xfb\xfc\x1a\x85X\xfa\xe8C\x1e\x89[\xc9\xa4z\xa6\x86h\x1a}Q\xe1\xb7\x96\xe4\xbb\x9b\xd7\xba\x9b\xe8\xd3\xb9\xc2\x9fz\x17yN\xe0\xc0\x9f\xdb\xb9\x96\xf8\xf7\xf8XG:\xd5\xa9\x8e\xcc\xa9\x8d\xce\xa2\x85gS?\xc4\x9f\x80\xe3\xc5\xa3\xc7\xa3\x86\xb5\x91q\xad\x91ugM8\x9bx\\-!\x18\x92u[\x8eoU\xe3\xce\xb4\xed\xca\xad\xd5\xa7\x87\x1f\x90_\xdb\xb4\x98\xe1\xbb\x94\xde\xb0\x90\xdb\xc1\xa1\xe8\xd1\xb4\xbd\x9f\x81\xc6\xab\x8fpXA\xca\x9e~z_EQ@4\xae\x8aet]HxX?\x91iN\xfd\xf2R\xe5\xce\xaf\xaf\x89o\xa1~b\xa7\x82c\xec\xc6\xa5\xc0\x9ft\x85cI\xfd\xf7Z\xfa\xeeR\xbc\x9aq\xe3\xca\xab\xd0\xa9\x817+&amp;\xc1\xa5\x88`M&gt;\xfb\xe39\xd0\xa2~\x89hM\xc8\xa8\x82\xa7\x8bp\xde\xc4\xa3\xb4\x9a\x7f|cK\xb0\x8flnR:\xe0\xc7\xa8\xde\xca\xad\xda\xc5\xab\x99}b\xf9\xe9L\xf5\xf3\xf2\xe8\xdcO+$"\xbc\x93q\x97qT\x88lV\xc8\x9aw\xf4\xecO\xf1\xe5U\xe1\xe1\xe5\xa3{Y\x15fA\xc8\xbbF\xc6\xd6V\xd4\xbf\xa4\xbf\xb1@jWJ\xd8\xceN\xf1\xe2I\xc4\x93p\x9e\x82i\xec\xeb\xee\xde\xca\xb3\xe5\xc0\xa6~\xaaV\x83]B\xd5\xd6\xdb\x86\x82\x88\x83jM\xf2\xd7-\xf7\xf1]E:4&amp;wO\xca\xb4\x9d\xf1\xd0\xb43\x90Z\xaf\xa5U\xb9\xc6K\xa8\x9d&lt;\xb4\xa7C}wzJ\x94[\xec\xebV\xdb\xd1a\x13];\xe1\xd3F\xd1\xc4F\x1a\x15\x12maY~hUk\x99F)\x86S\xbe\xb3V\xcf\xc4T_RL\xf1\xed\xe2\x9c\x92@!\x9ag\xd8\xd9Q^\xa1^okr\x95\x90\x95\xda\xe4``[aW\x8eF\xb5\x82c3/0\xb4\xa6\x8f\x91\xa9@\x9d\x9a\xa2\x99\x8a2RMMC\x8bJ\xc8\xc8\xd0\xdf\xe2Q&lt;gFGCE\xa8\xa5\xac\xbb\x89j\xf4\xd9\xc4\xcd\xc3d\xb5\x92f3~G\xbd\xc1\xc4\xcd\xddm\xa6g[\xa7\xbeR\xb4\xca_|o`9\x85Z\xf0\xeck\xc6\x93\x89ql.\x9f\x99{\x82y1\xe9\xe5\xa7\x97\xbfe\xe7\xe0_%iE\xba\xcdsnB3\xb0\xb2\xb7\x96ZI\xf0\xee\xcb\xce\xb8\xaf\x87\x80A\x91\x85{c\x92i\xeb\xde\xd5\x14O1\xbe\x86{\x99\x91T\x83M=fxV\x89\x87gKyE\xd3\xceu\x8a\xa7\x82\xb0uZ\xdb\xddu\xb5\xb1k\x0e&lt;#\xbe\xc3\xa2n\x9d~\xeb\xe5\x84\xe3\xd2\xcb\xd9\xdc\xb8\xa2\xbc\x93\xc9\xd0\x8fS[%bPn\xb8\x00\x00 \x00IDATx\xda\xc4\x97Ak\xe2\xea\x1a\xc7K6Y$\x8bh@\xaa\xb6J\xa9UT\\(\xe3Lh\r=\xb1U\xab\xe2P\xef\xcc\\k\xcc\x943Z\x0b\xd6L\x18u\xaa\x1d(b\xdb\x01\xbb\n\xdc\x8a\x8c\x16\x84\xae\xdc\x8dn\\Y\n\x05)Be(\xdd\xf8\x05\xba9\xab\xf3\x19\xee\xf3\xc6\x9e\xf3\x01.7=\x8fmZW\xf9\xf1\x7f\xfe\xcf\xffy\xdf\xb9\xb9\xff\xbdp\xdc\xd7\xa8\xfa|\xaeF\xab5\x1e\x8f[\x8dj\xd5\xe7r\xb9\xaa\xe8[\xab\xee\xc3\xf1\xb9\x7f\xa6p\xbc&gt;n\xb5\xea\xadI\xbb\xdd\xedvGO\x88\xad\xdex\x1a\xb6\xd1\x97V\xc3\x85\xcf\xe1\xff\x04\x14\xee\x1bO\x9e&amp;O\xa3iO\xee\r\xeen\xda@\xd7\x1e\x8dzw\x03\xf8\xd2\xbd\x9e\xb4\x90v/\xad\x19\xeer\xf9\x14\x9d\xfe\x98\xca\x82,\x11\xfcMo \xcb=\x99eYY\x1e\x0cnz\xc3I\x1d\ni\xf6\xa2T\xbe\xfaS\xfb\xa67\xedM9\xb9/a";\xeds,\'\xf3\xf0\x0b\x94,;\xe8\r\xaf\xaf\xdb\x93q\xc3\xf5\xa2X\xbe\xfa\xe8\xe6\x9e\xed\x9f\xf5\x05~\xca\x92\xb4H\t\t\x8e\x15$\x89\x97\xa7 \x98$A[\xef\x06\xdd\xd1\xb8\xe1\xc3_\xceUxu|=e\xf9AO\xe6\xec$G\xd0a\x9a\x178\xbb\xdd\xce\xf3l\xbfO\x90\x92,\xf4$\xf6\xae\xd7\xbe~l\xbc\xd0H\xe2\xae\x86\x0fl\xd5\xeeA\xab$Y"IJ\xc2h\x07\xcd\xdaI\x12#\x08\x82\xe5\x12\x18i\xb7p\xfc@\x9eN\x91\xc1^\x06\x0bR\xe1\xb1\xde\xa8?\x81\xb9%\xd0\x86\xc50\x92\xc7\xc2\x0e\x91\'\x81\x89\xa6\t\x12\xf80-A\x91r?\xd2\xef\xcb\xedI\xab\xfa\x12\xae\xc7]\x8f\xa3F}2\x94e\x96\x07\xa5X\x8c ),\x1c&amp;(\x82\x16E\x9a\xee`\x12Ej\xc3\x04F\tg\x91\xbe\xc0\xc9\xbd\xf6S\xeb\x05\xec\x85\xfb&amp;\xd7\xad\xc7\xa1\xc4r\x124\x8d\x940\x00\xe2\xc34\x06\x8d\x0c;\x90Z\x12\x05\xff\x02\xabT\xee\x0b\x89\x84 \xf4\xdac\xf5S\x02\xc7\x1b\xed\xe1\xa8\xdb\xe1a\xd8HB\x0b\xda\xd0\x18\xcd\x8bZ\x12X\x1c\x8eZ\x98\x06\rA&lt;-AX\x84\xf2\xe5e\xbf\x9c\xe0z#\xf5\xe5\xc2]\xf5\xee\xcd\xf0\xfe\xb6\xc3\x93,\xa5\xa5\t\x96\xa7\x01\x0e\xd3b0\x8d\x8e0Mky\x8c\xd2:\x90l\xbcdH\x94\xcb\x89\xa3\x04\xe8\xd5R[.\x97\xaf\xd1\xed\xdc\xd6h\x8c\xc2HJ\x1b\xd6b\xbc\x16\x8a 0-\r)Ah\t\xad\x08\xd6r\x80^\x14EY\xec\xa1D"\t\x06k\xd7\xd5\x1dG\xdcU\xad\xb7;b\x8d\x16A\x15R\x99&lt;x\x12\x044\x11\xc1\x81\xdb\xb4\xcf\xc2\x11\xc0IPvD%p\x83GU\xdb\x88\xa8\x9en0\xf4~\x8a$-\x14\xe0\x90\x16\x0bI\xf1\xf0\xa4(\xbb\xc5n\'\x91F$\x12\x90F\x0e\xb3\x18B\\\xa2\xacv\x1b!J\x1f\xbb\x1d\x91\xc0H\x0c\xa3\xecGGv\xbb\xc1\x10\n\x19\xb8\x04\xbc\xfa\xe8\x08\x9e\xe5\x8f\xc9dR82\xd8-H\xca\xb0\x16@\xb9\x04\xc5J\x83vCM,_\xab\xcbJ\x82`\x013\x85\xa2\x85r\xf2\x12*ry\x19\x8d\x1e\x97\x8e\xb7.&lt;\x1e\xcfEz\xeb4\x12\x89\x16\x92Gv\xb0\x1b\xc4\x17E\x82\t%\xfe~RUs\x0c\xdb\x03\xb9\x7f\xc6Q\x04utl\xf3\x9c\xa7+\x87\xb6\xa0\xaeR\t\x04\x0f\xffm\xb3\xf97\x8bE&amp;WIA\x9d\x9f\x16\xf6\x8f\xec\xa4\x05C\xc9\x81\xc12\xe8\x0c\xeb\xb8jZ\x8d\xdb\xb2\x0c)i\xb0X&gt;f\x8a\xb9J\xa5\xe2_Z.n\x16\xfd\xeb\xcb\x0b\xaf\x97\x97W\xcc\xe6\x15\xbd;\x9b\xcd\xe5\x1e\x1eR\x99\xf3\xdd\x8fv\x98\xd5\xb0\x96\xd4\x92|\x07\xbbi\xa94\x8c\xb8k\xdc\x95\xb9\x04g\x07w\xefg\x8a\xc5\\.\xc7,\xbc{\xb7\xb0\xb4\xb4\xf0\xf5\xdb\xc1\xef_\x17\x17\x17\xe3f\xabuY\xefv\xbb\x8b\xc5\xec\x03\xe2" d\xc3\x1d\x82\x10\xc5\xbb\xb1Jj\xe1\xd5\xeb\x81\xcc\xb1\xb0\x02\xa9h*\xe7.2\xee\xa2y\xe3\xe0\xe0\xdb\xbb\xaf\xdf\xde\xbfy\xf3\xe6\xfd\x81Q\xa3\x89;\x9d\xe6\x15\xab\xd5\x9a\xcf[\x8b\xb9\xd4\xf9\xbe\x01\x85?\xc6\xd3\xb5\xda\xfd\xa3:\xb3\x88\xe3\x8fw,k! \x9a\xa2\xb9\xac;\x9f/\xeaW\xd66b\xef\x7f?\xd88x\xf3\xeb\xd7\xaf\xab\x98Q\x83\xc0\xe2\x80\xe64\xcfo\xaf\x14\xb3\xb9\x87\xf3\x8f\x16\xe0\x82\xa0\xab\xdd\x8eT\x8a\x08\xdfu\x87\xe7Q\\&amp;\x03Y\xb7\x1b$\xb1\x9a\xe3\x1b\xb1\xab\xab\xd8j\xf3\nULc4\x02\x97\xc9\x04d^\xef\xe2\xdaJ\xde\xcddS\xfb\x96\xf0\xcf\xb0\x08\xebr\xa8ND@\x0fa\r\xc3\xd63dr9\x85\xca\xea\x8ck\xf6b\xb1\xd8\x81\x11=\xf7\x8c&amp;\x85\n\xb8L\xdeUo|\r\xfc\x0f\x93\x99\xd9\x07\xbdj\x8e\x9f\x8e\xdb\'u\xe4\xf2\x8d\xee;\x18MS\x91\x87\x13h\xe1\x0c\xcb\xa4\xd1h\x10\x8cqo\xcf\x08X\x1a$\x16\x02\xd3x\xd7\xd6\x80\xcb\x9aw\xe72Q\x16\x96\xd1OG\xed\xa6\xae\x12V\x07\xd6\x1d\x91H\x05\x18\xf7\x17\x84\xe5t\xc6\xe3\x88\x02\x142\xee\x19\x15&amp;D\x05\x05M\x8c?c}\x0fx\x92\xa4r\xe8Q\xc9\xf4\xd5\xeb[8~\xb2\xc7\x15p\x16`9\xad\xd6y\x003\xc5\x15u\x80J\x91\xe9_\xa6\xb8\xc2\x15GXf\xb0\x97;\x9b;5`b\r\xb8TY@\xb8\xef\xfa\x96\x0e\x13\xe5`\x80\xf9\xf2W\x13\x91^\xf1\x99@\x9a\xbf\xc5\x8a#\xa88j\xa2\xd9l\x85\x0cc\xd2G&lt;\xe4\xd7\xcf\x9f\xf7*$*\x8e\xbbF\x80E\x9e\xe9r\x0c\xbc+?\xf3\xbc\xf3\x15Py\xe1cD\x85\xb8\xe2\xa6g*\xa7\x13~\xe6\xf3\xee\x1d\x7f i\xa0D\xc0\xaaMp\x15b\xab1t\xd4\xb4\xd4\xb1\rz\xe8\x9e\xc9\x05j9\xbd\x1a\xc5\xf0{3.\xcds\x07Qt\x01\xd7\x9a9\xbf\xb3\xe3g\xa2\x06V\xc1\x1a\xa9\xd1\xc4\xd6\x1d\x046{ac\xdc\xcfj9\xc1[^@\x8a\xa1x\x98\x15r\x18`9_)Xf\xc8\xae/n&amp;\x97\x0e\x1904\x8cm\x97\nM\x1c\xdf;j\x1d\xeeB\xc7dgb\xcd\xcf\x9b\x9d\xaf \xb8\x94(El\xe8\xcf\xdf`\x88\xcb\x0cM\x04,\x98E\xb8\x89 ,\x9f\nX\xf5\x1bQ\xec$.tn\xb4y\x00k\x05QA\x92^\xfdB\\\xb1+\xf8\xa0P}\xe6\x02{\x01\x1a$\x04\xc2:K\xa0.:\xba\xd5\xff?\xd6\\}x{\xcb\x0b\x1e\x1d\xc3\xcc\xb0\xe6\x9dk^\r4.\xf6\x97Z\xa8\x93\x10`\xcaL\xc6\x15\x83Ar\xb9w\xb2\x15O\x14\xb0 "\x86U\x15\xcc\xa5`\x953\'Yff\xf8y\xe7\xabW^\x8dW1\xfc\xcc\xf1F\xcd\xec\xcf\x86\x11\x96\x8f\xd2G8J|a*\x99\x82\xa0`\xb5\xd5\xc8\xd3\xc6P\x14\xf9\xf2\xb3Z\n\xd46pA)Y\x8a4B[\xc8\xd8\xdchnl\xac6WW\xd7\xb6\x95\x98w\xbbO\xa0\x89\x14\rX]\x9f*X\xb5Z\xa7\\B\xb9\x95\xd7\x9b\xcdk\xabM8\xf8)X\xa8i\xa6\x19\x96\xb7\xd9\xfc\xfaza\t}\x0e?o\xae\xff\xf6\x1b\xcaSh"\x89\xf6\xb5\x1aX\xb8\xaf]st\xfa\xa5\x80.\x9b\x07\xbb\xaf\xbd^\xdc^Zx\xbd\xb8\xb8\xba\xda\x84\xbe)\xf1\xd5\x04\x8d\xb6\xfd\x9f2\xe9h4\xb2\x15\x89F"[:\xff\xf7\xef\xdfwR\n\x16l\x1f5\xd4\xc2\x9fn\x01\xcb\x03\xcbGo^^\xff\xfc\xe1\xf3\x87\xa0\xed\xf3\xe7\xf5\xa5\xd7\xcd\xe6\x9e\x11u\xd2\xb8\xd7\\]\xb2EC\xa1\xa3P\x88\xe3\xb8\x84\xc1\xc0m\xd9l\xdfwv\x02Q\x0e\xa9\x05)\xafF\xcc\xb7\xee\x1dD\xd9\xf3\xa9\xe2__\xd7\x95\x82\x17\xc7[\x85\xb3\xb3B!\xed\xdf^E\xdeB^_\xdd\xdeL\x17\x92!8\xed\x1bBpi\xbc,\'O\x036\xff\x8e\xee\x92\xc3\xe0pS{T\x03k\xaeq\xe3\x10\x05O0h+E\xe0\xa6\xca\x85\x0c\x14\tw\xd8\xdd\xc0\xfa\x1a\xe4\x01\xc22\xc5\xcd\xfa\\\xa0\x92\x8e\x1c\x97\x82\x87\x1f\x0e\x0f\x83\xa5\xe3B$\xc0\xecT\xca\x12\t\x93x\xab\x06\x16\x1cO\x01K.\xc1\xbb\x12\x06\nn\xf1!Y(_F&lt;p\xdb@kH\x83\xa8 &gt;\xf3\xca\xc2\\^YY^\xd7o~8L\x17&gt;\xf9w\x02\x05\x0e\x05\xc4\xbd*w2\xdc7t\x88\x89R\xe98i\x10\xce"\x17A\xdd\x87ut\xf7R\xce\x13_\xe6\xbdF\r\x9c\xc0\xde*\x07\xac\\\x96\xf1\xeb\xf5\xcbz\xbd~\xd3\xb6\xf5\xc9\xef\x9fa\xa1\xe3\xa9\x1aX\xaek\x87\xc8\x95J\x05!zQ\xa9\xe4\x98l\xcev\xf2\x90\xaa\xe4P\xfd\xc7\xaa1\x9a@*\xe6\xe4!s\x0e\xe5\xd1\x1d\x06\x02L\x11\xb8R)\xbf_\x97\x94x8\t\xaa\x855q\x88R\xa9t\x16\xf5\xe8\x02\x0f\x99\xad\xf4\xd6V\xdaS\xda:=?\xcf\xa4\x1e\xden\xeci\xacnF\x97\xf9\xf1g!"\xd8\xed\xc2E\xf0S\xe6\x04\xf4\xd2\x05\xfc\xfe\x93\xb2\x9dR\x0f\x0b\x7f\xac\x89l)\x189\xae\x04*\xa7\xbb\xbb\x1f)\xad\x96\xfd\xe3l\xff\xc7\xee\xe9\xf9\xc3\xdb\xbd\x98\xd1\xca\xe8t\xbb\x7f\xfe\x98\x8e\x06\xff\xa5\xd5\x0c^\xdb\xc6\xb38\xbe\xf8\xe2\x83}\xf0\xf4 $M3&amp;\xd8\xaa\xf0\x98\x1cF\xc8]\xd3ddY\x95,a\x13\xf1\x1b\xefz#\xc7\x96@VG\xe0\xa9\x1b\xac\x84\x89\x05cBd\x1b\xeaSAi\x8dg\na\xe6\xd4[\xdbKr\x99P\xdc\xa5\x0c\x0bS\x97a(\x0c\x94\xbd\x850\x84Pr\xca-\x97}J\x16\xe6\x1f\xb0_\x9c\xe4\x90C&gt;\xbc\xf7\xfd\xbd\xf7}\xd2\xef\xf9\xf3\xe7\xd1\xbcmM\x85\\B\x144\x91\xb6\xd7C\xfb\xad\xcf\xe7\x83\xf5\xb7\xa5\xef_\xef~Y((\x8c\xd4\x19\x8eur\x1f&lt;A\xeb\xe8\xa8\xaf\x1bN\xcf\xa3V\x7f\x1a\xa5\x07\xb5\x8e2vN\xdf\xbe\xd8?8x\xf1f\xdd\xb5\xb2\xb9\xc4bN\x14\x84~\x0c\xb0v_=\x9e\xcf\xb6\xff\xf0\xd7\x00k\xab \xd5zn\xe8\xd9\xd1\xfe\xc1\xfe\x8b\xd3\xff\xbe\x94u\xbb7@?\xbd\xbb\x9b\xf9\xa26\x1c\x1f\x1f\xeb\xa7\x7fDB\xeb\xa7[}{\xd8\x14\x17o&amp;\x08QP\xa2\x11(\xe2\xd1\xce\\6\xb2\xa5\xc7\xaf\x02,\xa9\x801\x86\xeb\xbe&lt;\xdd\x88D\xbe\xfc#O\xca\xfax\xd8fW\xdf\xdd\xfbD\x9d\x0e{\xc6\xf9\xf9\xd8\xa9\xbf\xdc+|+y\x82H$\x16\x13\xbc\xa65\xa2-\xc8\xd6\x9b\x95\xf9hk\xe7\xe7\xdd\x8d\x02\x06\xc14\x94\xa2\xb2\xd7-\x16\x8b%[\x1fW\x9d\xda}v\xf4n\xf5\x13\xdc\xb7\x94\x92a\x18C\x13\xcbA\xed\xb2&lt;P]a1\xb1\xd6zd\xf7\xe8\xf2\xf2p\xe6\xd6&amp;x\x81\xf8\xc3\xee\x01\x86\xd1\x98\x14&lt;Y+\xc0P\xecX\x8aa\xd8\xb6\xe2\xa9\x805\xba\xc7\x0e&lt;s\xaf\xd1\xb0\xac\x89\'l\n&lt;Al\x12\xd0W\tQ3S7RI\xd7$\xf0\xf4\xe1\xac+x\xf6\xdd\xe5\xd9\xd1\xee\x01MWh\xacV3\xa1a\xd1\x92e1{{\xc5\xe1d\xc0\x05E\\E\xed\xb6\x86\x99\xa6D\xd3Y(_\x82\x82\x86\x1a\xfc\xe0yO\x8e\xda\xc3\x81zKm\xdf\x99\xad\x89X\xba\xf4}\x8e{\xd9zT\xa9\x08\x15\xba\x03-B\x920L\x92\xcc-\xc6\xfa\xcd\xd3T\xc0Z\xbd\x87\xd4\xb6\x9a\xd8\xa4\xb1\x8a\x98[\xbcys\x91J\x00\x1aE\xa9\xbcF\xbbu\x8c+\x97)\xf8\xfbax\xa6\xf3P\x9bx\xbe\xdfK&gt;\x82\xff\xb9\x99mb\x98\x87\xd1\x15\x81\x0er\xe3M}\x9eC\x80\xb5\x1a`\xe18\xb1)\x02\xd6"LE*\x1eG\x88\xe2xQ\xd0\xfbT\x99\xcd\xe0\xbc:\xb8\x9c\xa9\xba\x1e{\x13\xc9\xf3\xa4j\xbe@\x8b\xc4\xe6\x17\xd9lV\x80\xa8`Xs\xe0{\xbe\x96\xf8?\x96\xca\xe3e\x1c\x87\xd9\xc8Q\x14\x07^\x11\x8c5\xce\xf1&lt;_\xdd^N\x8f\xbe)\xf3\x9c\xf6d\x96X\xe1C\x13\xb0\xb2Y\xe7Q\x01\xbb\x9a\xc2&lt;/\x8ap\xd6\x06\xcd\xc1\xc0\xf7\xbf\xe6\x13\xe8\x9fP\xc4\x05JU\xf1r\x19\xc0 i8^F\xcb_\xb1\x08\x8a\xc8\x0bU\x9bE\xa3\x11\xcbs\xed\xd1L\xc5u8\xfd8\x95\xb2\x82\xb3\xb1\x85\xd1\xbcJQ\xb7\x088\xf7\x1a\x18\xe2\xc1\xa0\xe9k9*\xd0\xd6j&amp;\x8e\xab\x01\x14\x04\xfc\x86\xaaeX\xb6|\x85\xa5;\xe9\xe5\x85\x0cR\xcb\x1a\xda\x99m\xb6\xa6\x93\xdf\x9a\x9e\r3\x91\x16\x08\x8a\xc2U8u\x01\x17\x84\xafQq\x04}kuT\x864\x01V9H\xd95\x15\x9b\x0e\x8aH\xbb\xf6\xfd[w\xef ^\xf5\xb9\x9d\x99J\xde|?\xf1L\xc9^\xdf21\x81\xe7\xa0Z\xed 4(\xa1\xef\xf3T\x9c\x1d\xad\x8e@\\\x88\xbb*\x1f\x1e@\x05\xcb\x1ah\xab\x0c\x92\x97\x8e\xfb\xda$s\x17\x8e\xc4\xc5l\xb1V\xe8\x93\x89\'e\xf5\xd8\x9e\x89e5\x15\xa2\xad\xf1*\xdf\x1e\xf8 y\x82\xe2\x16\x825v\x84\xa0\x84\xc1\x17~\xbd@\x06\xd9\x8a\xc7![f\xaa\x8b&amp;\xfe\xa7#\xe4\xbfG3\xc5Z\xfa\xd7\xc9T\xd3\xa6N\x80E\x03\x90\xca\xa9WlA\ry\x8e\xa3\x80a4\xca\x94\x03\xc5\xe3\xd7\x05\x84\x85\x1b\xb8`\x85\xe54AI\xee-\xf0S|\x94\xf1\xdf\xdf\x9e\xe9\xbb\x9f\xf0\x93\xa1\xa7j\x13:\xb9g\xc2Y\xe4\t\x15\xbf\x85\xe3\x1c\xa4\x0cT\xcf\xb55\x02V\xc4\xd5w\xe8\xaa|W\xba\xfa\xec*[(\xbe\x1c\xf4-\xda\x89n-s\xd36b\xf9\xc9w3\xb5\x11Kg\xd3\x01\xe7O\xc5X1\xd0\xbcH\xa8\\\x80p\x95.U\x1dx4\x82-v\xc4\xd5\x86\x83t\x99\xfd\x8b\n\xa1t\x1a\'x\xcc\x8e\x162\xdct\xd0ns\xfe\x93\x996\x88\xf0\x99\xa6\xa9\xd3\x89\x90\xac\x83\xe6iZ\xe4\x81\xab\x0c5\x0b\x94\x7f\x7f\x982\xe00R\xc40t&gt;U\xcb\x992\x9ef3\x9f\x81\xae\x10\x9c\xd04\xca\x89\x92\x1e\xabd\xb8\xc9\x05\xcc/\xedr\xa6wn\xc2\x87\x8b&lt;?9\xb166\x18\x13\x9c\x8d\x00\xaa\x0f\xba\x13\x0eP\x03\x7fx\xec\xd0\xa2H\x105c8\xf1\xf1L\xe6\xba9\xa08\x9bF(\x8e(\xd1\x94S"\xcb_\x9c\\\xf8\x1c?\xd3\x99\x08\x1d\xe26O\\\x9c+d\xac\xbb\xd5\x91L\x1a\x06\n\x17t\xf3\xf6}\xc27N\x0c\x052\x88I\x16cN\xa6&lt;\x10\x95Y6\xc8V\x19G\xcb\xb0/V\x1ad*\x814\xc0\x1a\xf0\x8b\xb3u\x10\xe1\x95\x1f5\xca\xeb1\xa9P\x9faL\x93\x86\xde\x85_Sq\xb41v\x1cX9\xc6\xba\xa1\x80\xd7\x9arl\x10\xa0.6\xad\x96\xe3\xf1\x9c\x88\xf5\x93r\x82\x8dsS\rj8[\x1b\x18^\xf9Sc\xa9\x1c\xedF\xf2\xdd\xbd-K\xca\xf2j@\xd5\x86U\xb0\xd9\x1bW]]\xd7e\xb9\xea\x94z\xbd\x86\x97#\x08\x8ae\xbf\x82sH\x10q\xb0\xf2\xccv\xd2%\xd2\x19\x96\xd3\xa6h\xe6v\xfeR\xe3Q\xc2s"\xeb}\x85Qj\xe0#\x12\xc4\xfd\xf6\xd7\xd9l\xb3\xd3\xd3]Y&amp;S\xc9\x94\xec\xea\x8e]\xb2h\xba\x99%@\xf5\x88\x10\xc1\xa1V*E9)\x13\x14\x0c!!w6k7\x1f~\xfc#\x91\xc8\x89\x8dP\xa8\xde\xed\xf6,Z\x10\xb4v\xbbY\x93$F\xb1]\xe0qS)}&lt;\xb6\rgl\xd4\x98-\xb3\x96\xbd\x15\xa7\x04:\x97\xab\x98X1\x16K\x89w\xc0\xe1\xa0\xb39&lt;\x01?\x1b\x8d\xfe\xb1P\x88D\xf2\xfdR\xd1\xc2`\x04i\x1ehI\xe9\x19\xf6xl\x98\xa6b\x98\xb0\xd63\n\x94Qqz\xca\xb0\x99\xa0\x84\xc0?7\x94.\x19KJw&gt;\xcd\x8c\xe6@\x05\xf3\xe7l\xb4\x80\xa4H\x84\xd4mEa:\xb4\xd0\xec9\xdd\x92\x01\x18fE\xc8!\x0ef\xd0"\x97\xc8\x81\xa7f\x0c\xbb7\xeei\t\xa1fuL\xa5X"#\xeb\xff~\xf2\xf7\xb3\x9d\xb9,\xd5\xc0u\x9b\xb7\xa2\xfb1y\xdb)6,,\xab\xb8\xdb\x8e\xa3X\xa6\x98\x13?|\xf8x\x1d\x1fr\x8b\xb7o&gt;\xe8t!\x83^\x82\xb6z\x96U\xea\xda\x1b\x91\x83\xc7\xc1]\xcf\xb9\xbdD?\xfb\xf3\x97V(\xf5\xa8\xde7\x14\xc9\xb3]\xbb\xc4|\xfb@\xac\x98\xef\x83\xb8\x80\xef\x93\x93\x93\xf7f\x05\x14\xa58\xba"\xd2\r\xd8\x19\xed\xe2S2\xf4jg\x9ewl\x96\xc2+?\xb4B1yM\xd6\x1bf\xc7\xad:\nV\xc1\x1a\xe7\xc7\x10\x01P\x10\xe7\x10\'4\x819\xfaX\xc2\x98\xb1\xab\x94\x8a\xfdd\xe8\xd9|op\x85\xc3o_\xb7\xa2)2\xb5\xdd\xab5\xaa\xf5~\xc34\x8e\x8f\xcfO\x1a&amp;\x94\xef\x03| &gt;\x9a\x96%\xd1\xb51\xa93\x1dE\x97\xab\xa5F)\xdf:\x9a\xf7\xc5\xb2\xef\x7f\xbd\xb1\xbe\x91\'\xab%\xa6\xabWm\xc5\xea\x19\x8au\xcd\xc3}\xe08\x84\x82\x051\'\xd0\r\xfd\xd8\x05,W^\xb3\x99\xa2&lt;w\xac\xf0\xca\xabV\x94$\x93\xae\xa3\x18r\xde-1\x1d\xec\x81\x98\xe3\xe0\x10\x82\x8bA\x0b\xe8\xf6\x02\x02\xacl\xa7\xbbF\xba[\x1dKw\xabv\xb7\x94j\xbd\x9d\xfb\xed\xc0\x9f?_\xcf\xa7bd\xd5\xb1\xe5|}\x0f\x16\xa1\x07\xc0\x95\x83\x0f\x84P\xa9\xc0\x9e\x06\xf3\x06\xdbz*\xbb\x16\xc38\xb2\xae\xbf\xec\xc7Z\xbf\xcf\xf9\xf2i8\xfcf7\x9a_\x0f\xa5\xd6\x9eV\xf3d\xbd\x08X\x95\xe0i\x89\t\xf3\xbbV\xb3j\x1dI\xd8$\x12Y\xa6Q\x92\xc9\xbe\xa2t\xf5\xbaLnD\x0f\x1e\xce9W\xe1\xf0\x7f^Gb\xd1H\x94\xac\xd7IPX\xa3\x80a\x1dL\x1a\x1a\x8em\xd8\xc6P\x82\x1d\x97\x10\x84\x8eb\xebd\xb2nC\x01\xebrr=\xf4lg\xee7O\x1f\xfe\xd2\x8a\x84B\x91X}\x8d\x94\xeb%\x06&lt;aS2\x87\xc6x&lt;\xd6mK\xf2\xbc\xacHK\rg{\x8d\x8c\xc9U\xdd\xee\x03V\xf4\xc6\xe9\xdc\xb1\xc2+\xd0"Z\xadHl\x83$S\xf2v\x97\xf9\x1f/\xe7\x1b\xd3\xc6}\xc6\xf1b:,\xf5\x8e\xead\x07G&gt;\xd9\x02\xdf\x99\xda\x8e\x8c\xed\xfa$\x0b;0\xc7\xfc1\xf8\xfc\x82\x17\xc8\xe7\x1e\x7f\x1bG@Hf*llBg;\x19VH\xdc$\rr$\'\xf3R#\x94u$d(\xf0\x82\xae\xde"\xb4d\x1b*\xafFP\x10U;HhE\xa6\ti\x84D,mD\xd2=\xbf#\xd3\xb4i\x7f\xba.\xf8\x0c$8o&gt;\xf9~\xbf\xcf\xf3\xfb\xdd\xf1\xfcp\xd6\xd6\xf6\x9f\x1e\xbc\xf8\x85N\xa7\xfb\xa2m\x10\xc0`]t\xb7\x92:\x1d\xaek\xf1\x82\x85\xeaJL\xf2\xab\xdd\x9f\xd3\x15\x9f\xfa\xdd\t\xa9T"jR\xebp\xa2%\x9ef#\xf5\xbe\xc1\xde\xd6\xd6?\xc3\xc7\xc5\xde\xfa\xd3\xa7a\x11l9\xa6\x16\x89 \x7fuP\xb3\x04\xe6"r\x80\xf5J\xd9oNH%\x12\x11A\xa8\xd5M\x8e0\xef\x86\xab\xcd\xdd\xd6\x06\r\xac\xed\xe2 ,7\xee\xb4\xd7Q\xa7#DjG\x8b\x03QI\xb1\xf0\xad\xdd\xcf\x96X|\xe9\x03\xd7\x0f$\x18\xde\x84\x13\xa2\x1e\x87#\x1cg{/\xc2\x9e\xf9\x90\xcf\xe7k3\xc3\xe6!\xcc\xd7\x91\x0e\x1d\x8e\x93\xba\xf7I\x1d\x81\xbb\\=\xf1\x9c`\x9d\xba!uI0\x11!\xc2\xb0&amp;\x9c\xac\xe3\xe3\xe9^\xdf\xe0\xe9Cf\xd8\xc8\x1f&lt;\xe8\xbe\x88\xb6\xaa \x93H\x87f\xd4qL\x8a\xb3\xc9\x91X\x0ef\xc0O%\x9b\xd0\xd02\x81Fbq\xb5\x1a\x199\xe83\xfb\xea\xdb\x80\xcb\xc7\x86!P\x0e\xb2\xb2\x92 \x9b\x084\xd8/\xba\xe1\x0c=\xa8\xc8\x85Z\xc1\xb0d\x9fK\x02M\xa2\t\x87^\xd1\xe3\xf0\x86\xdd\xac\xaf~\xb0\xd7\xed\x83\x1a\xf4\x92d%\x94_%\x01\xfd\n\xcd8\xb7\x84B\xfe\x07e\xb9P\xcb\xc9\xbe/\xdd\xe7\xc2\xd0\x00?|q\xa8Io\xba\x93\xadw\xf7\xf6\xb2m\xad:X\x99\xa0\x18t:5!\x8c9\xeb\x9c~\x8f\xe6A.\x06\xf9/\x84"l\x8f\xcb%\x15\xe1\x04\xf4\x01\xa2RDx\xbd\xadi\x96Owv\x86[\x11\x0f\xc2"\xd1!\x03\tV\xc7\xfa\xb9\xaa\xaa\x1ca\xb1l\x9cp\xa1\xd1`\x90\x04\xaf\xc4D\xe41/\xdf\xc9{\xf9V\x1eV$\x1dt\x85\xca\xca&amp;\xe8\x0c.\x89\xda\x1d\xf4p55\xb9\xc0z\xe5B\x08uL\x08\x8e\x08G3\xd7M"\x1c\xcd\xc5\xb7\xf2u\xad\xfc1\x87W\xf8\x01zO\x8f\x1a\x93JE\xbap\xd0\xe9\x87\xdb\xb8\x9c`\xc5B\x83\xf5,[G`\x12\x89\x84\xc00\xf0\x8cT\x03\x0eO\xa2\x9f\xab;\xa0@\xe1{\x11X\x88\xd7\xf1\xceP\xc8\xae\xa2\x0f&lt;\x88\xe5\x04\xab\xde\x97L\xa6\xd1\x1a\x0c\xed\x0b\xeaQM\x8at\x0e\xb5\x83t\xb4\xa0\xa0c\x10-\xf8\x07\t\x01\x05\x1a\xf2\xc8j\xe8R\xf9Hn\xb0\x0e\x1d4\x9bY\x9e$qt\x08C\x84\xba\x13N`\xd0\x12\xe0\r\xd4\xa9p\xd0\x11\xd3y\xc3\xe1\xa0\xc7\xae\x81]\xa1&lt;\'jU\xdcj\xee7\xf7\xfb\xd2\x0e\xafC\x8da\x12\xa9\x0b.\x0c\x16o)H$\x81U\x1c\x98\\\x18\x19\x8e\xb0\xee\x10\xa7\xaa\xb1\xd3\xf2\xa39\xc2\xea\xef\xef\x0f\x9a\xddi&gt;\xcdC\x8a$\x12\xd7&gt;\xe1\x8c\x0f|H%\xe8E\xe0\xea\x167\xeb\x0c\x06\x93p\xcbX#\x97\xe7\xc6\xc4\xb2\x91\xfe\xda~\xb39\xe2N\xbb\xd3a\xfe\x98\x1aW\xe3\x82b\xfb\xa4\xe8\x90\x16\xd1\xe4\xe0\xeb\xd2\xac\xd9l\x0eq!\x8f\x9d\xb6\xe7*[\x80\x05\x97\xd3\xcc\xb2\x91t\x9a\xe7!c^oO%:\xbb\x02\r\x96$\xc9\x16w\xbc\xde\x0c5\xe8\xe1\xfc\x9cJU\xaa\xa2\xe5\xdc\x85]\xdf\x9d\xbe".\x1b\xa9\x95\xd5\xd6\xca\x9c\x91d0\x1eO\xf3\xf18\x1fv\xc7o8\xd4\xb0p\xe3\xb0J\x93q6\x02;|\xbf\x9f\xe38\xbb\xaa\xb8\xb8\xb8\xb4t\xd7W\x1f\xb1X\\V1\xd2\xdd-\xd3hBNg\x90e{\xf9\x16\xe8\xf9\xe14\xb0Dn\xd4\xe9td8i\x8eD&lt;\x1a\x0f\xa2R\xa9\xe0\xf6\xb1\xb4\x94.w|\xb9{OF\x84\xa76\x97~\xfc\xcb\x9f9\xbb5\x9ar\xb8\'\x0c\x85\xcc\x11\xb6\x93\xaf\xf7E\x92\x91H2\xe9\x8e\x87\xe3q6\t\xb82\x8f\x07\xb0T\x9cJ\xa1\xda_\\J\xd3o\xf1s_\xc6v\xf1\x91M\xd9\xa5\xb9\x89\x89}\xc9\x8e\x0eMU\r`\xf9CA\xb8\x9fp\x03\x14D\t\rF\xc1\n\xe8\x0f\x858\x0e\xfe\xf0\x08\x93x\n0\x91~#\xd0\xfb\xeb\xcc\xd7;g\x9aw\xe7&amp;qibb\xc2\xd1\xdcQ^^US\xe3\x07EdI\xb3\x0f\x94\x8a\x04C\xf0\xcd\xc8\x08\x84\x9c\xf3;\xe1\xd3\xe3\xf7\xdb-\n\xa5\xc5\x82\xe6\xd3i\xb9\xfb\xc4\xfdLf\xf3\xf3\xed\xe9\x97\xaf\x98X\x1c\xbb\xb3t\x7f\x02\x0b\x9fn\xee\xee(\xf7T\xa1\xf0\x00C\xb0\x19zA\xd0\x19\xec\x97\x01\xd6\x88bD\xa1\x02B\x8f\xc6\xafRY,\x16\xa50\x9eN\x1f\xadw\x8dg2\x99\xb9\x8f\x1e\xbd=\xfd\x92g4\xc4\x15\xdb\x8f3\x89\xc4\x07\xf5\xcd\xcd\x08\xab&lt;`\xb7C\xa2\xb9\x90\x13zE\xd0\xe9\t\xf5\x9be\xdcY\x05\xa4\\\xe1\x87dq\x9c\xa5\xb1Q\tZ\xedW \xacf\xe98\x95\xc9\xe8\xbf9w\xfc\xda\xf3\xb5\xd8\xcb\x92\x0c\xbaBl\xed\xd1L\x86\xd2\'6d\xdd;X5r\x84\xa5\xe2&lt;\xb2f\x99&amp;$\xf3h4\x1e\x88\xf8\x88\x02\xea\x0ftTY\x1a\xabm\xa0\x9505O\xcb\x7f\xa4^\x07,j\xfd\xb7C\xc7\xaf\x9f\x7f\xb4&lt;]\xf62\xce\xcd\x8b+\xa6\x97\x9f\xde\x9b4\x19\x18\xbd~C\xd3\xd1\xfc{A\xad\x1a\x01K\xc5\xf9e\xdd\x1a\xbf\x0c\xca\xcf\x8f\xdeP\x80`v\x95\xc2b\xb1\xd9\x10\xd6\x8bl\x95{\xd7\xf5\x14\xa3\x7f\xf2\xd9\xd0\xf0\xb0\x00\xb6\x16+\xfb\x7f\xab/\xb6\xb6\xfci\xb4\xfd\xbdy\x93AKQ\x1b\x9e\x17X~\x8e\xa6\x01\x02=d+\x87\x80\xa3MhM\x95\x87SX\xe0=\x85\x12\x1c\xdcQ\xabx\xa7\x14;w\xb0\xbe\x01\xac\x9f\x0c\x7f8y\xf7\xda\xd3\xe5i\xd4b\xc5\xdf5\xe7\xd3\xdbO/G\xa3\xc6\xae\x9ffL&amp;-\xa5\xdftv#\xac\x8e\x8e\x80]n\xa7\x15@A\xcb\x03\x01\xd4\xd0\x0f\x1cx\xeb\x00\xe4\\\t/\x8b\xb2\xafO)\xa8\x85\xa8\xde\xa0\xe9\xa3\xec}\xbd\x95I&lt;\xf9lx\xef\xf0p\xf4\xf6\xf8\xfd\xcd\xd4\xe2\x16\x90}\xa7\xdf\x82 \x16W\xac-o\xdd&lt;i,1"\xac\x06\x93\xd6J\xcd\x99\xffn"\x1aY\xb1X\x14\x9c\x9d\x16\xecT\xd0\xdfW*!\xe9\x8d\xca\xfdJ[\xb5m\xc7ET\x89\xd0\xe7\x11\x966\xf1\xe4\x0fCF\x84\x95\xd0\xeb3\xf33w\xaf\xdd\xfb\x9f\xcd\x84b\x01\xf7\x9e\xa7\xee\x0e\x15\x19K\x8a\xf2\xf7\nX\x06+\x95y\xb8\x83\xd5Q%\x88\x85\xb8h\xe1/\x16\xe4\x9c\xcd\xd6\xd8\xd7\x07X6[5p)\x81R\xd0\xabX\xbe\xa1\xd73\xda\xf1\'\x1f\r\x19\x8d\xc6\xe8m\xbd5\xb3\xb2\xb8I\xcd,\x0e\r=]\x16*S\xfc\xad\x85\x9a^\xfeKv~\xf2^Q\x9e\xb1\xa8\xe0\x9d\xefu\xbd7\xdf\xd0``\xac\xd6\x8d\xee\x1d\xb5\xd0S?\x14m\x90\x8b\x16z\x14\x9aoV\x16\xdb\x06\x00\x0b\xc4\xaa\xde\x91K\xf0Qa\t\xce\x01\x16\xb3\xfe\xe4\\\xd4\x18\x8d\x1e\x9e\xa4\x18&amp;\xb5:IQ\xb3g\x86\x86\xeem-\xaf}\xcb\xb1.\xe8\x9c\x97\x9e\xad.\xccj\xc7n\x1e.\xca{\xb5\xb0\xe0\x9d\xfc\xae\xeb\x9b\x08\x8b\xb2n\xca\x10\xd5\x9b\x81\x00RK\xa0Q\xd0\xc2\xcc5h\x85X\x06\xd0\x89@D\xf57\xb9\xe0\xa5\xda\xa0\x12\x94\x16\x12\x7f&gt;j4\x96\x0c\xcfX\x19+tW\x8a\xca,\x0e]\x99\x99I\xadn\t\xf9\x17\xff\xb7MB\xec\xce\xe3\xd1\xec\xea\x8c\xc9\x94\xfa\xb4=/\xaf\xb0\xf0\xd5\xfc\xfc\xf6\x93\x93\r\x10.\x8a\x9a\x0fB\xde\x85#\x88\xb4\x10-H\xb8\x02\xa9\x06\xeeUW\xf7\xc1W\x84e\xdb\x91K\x89\xb8\x94\x96\xb3\x0f3\xfa\x04\xf2\xf0\x8f\xc3\x80e&lt;\xbeI1Kc\x0c3\x95]\xb9we\x96a\xb4Sc+/\n\xf3?\xed\xf2.\xac=\x1f3\x8d\xaef\x1b\x1a\x1aF\xb3\x8bWO\xb6\x17\x16\xe4\xe7\xef\xe9\xfap\x14\x85K\x9fy\x18\xe8\xe8(\x0f\x04\x04,\xc1:\x8b\x02l\xb2(\x1b\xfb\x90D}}\xb6FA\xadj\xc1M\xd0\xb0\xb1\xef\xf39k\x822X\xd7\xc7\xc1\xc3|\xe0:?9\x9f]\x9cg\x96V/\x9fGT\xd91\xed\xd2\xcaM\xa1\x97\x89\xff}C\xb8\xf3l!k2\xadl\xa5FM Ofr\xf1j\x11\xa8U\xd0\xf5\xf1\xac\x80e\xfdS \xf0&amp;\xa2\x12\xda\x032\x0f\xb8\x14\x96F\x8br\'\xe7p!7\x01k\x00\x88@\xbd\x1f\xde\xda\x846\xcc\x98\x12\xeb\x9b\xd7\x91X`\xe3\xc93W\x86\xc0\xc9\xd4\xc2\x8cU\xab\x1d]H1\x86\xec\xd6dv\x15\xa5\xff_X\t[\xbc\xe9\xaf\xbe\xce\xaeN\x9aL\rc+[\x0b\xa9)\x83v6\xf5\xf1\xc9\xc2\x82\xbc\xfc\x82\xf6\xcb\xc8EFO-\xdd\xa2\x05\xadh!Z\x8d\xa8!(\x8a\xf7+\x05\xb5\xfa\x00\x08\x99Y=P=pd`\x00\x1c\xed{wd\x83\x81\xff\x8c\x89ZO\xdc\x8e\xa2h\x95\xe4\x19Q\xee\xc1\xbe\xa9\xb1\x0c\xa3\x05\x0b\xc7\xb4\x06`3\x8c\xa6V\x9fo\xc7\xfe\xf9\xb7\xa6\xa0\xe2\xdb~\xbc\xb4\xb4\xba83\xd5\xd0\xf0\x0b\x00[8sw\xf1\x93\xc3{\n_{-oo^{\xd7\xb9Q\x14.\xfd\xd4c\x15 \xa1&gt;\xf5\x82\n\x81!\x0f\x07\x06\xc0\xc4#\x03\x00u\x04]o\x1f\x01\xb0#\xef\x9e\xdd\xc8@\xa1\x18\xb4\x89\xf1\xd9\x9f\x1f&gt;\\\x02WQ\t\xb0E\xa3\x9f\xdc\x9d\x9cg\xac\xcc\xd8\xec\x94\xc1d\x98ZYd@\x8c\xd1\xec\xb3\xed\x7f\xdcc\x88\xcbN}\xf5&lt;5e\x02\xe6\x85\xc5\xec(\xe4*u\xe6\xea\xeb{\n\xf7\xbc\xde\xde\xfeW\xa6\xcd\'\xb4m4\r\xe3\x11\xb6\x85m\x90\xbc\x07\t_fY\xad\x99C\x0e\xde8\x10\x98\xe0\x85\x1ez\x99\xc3\xe2\xa5\x87\x86\xc2\x9e\x94\x9bD\xa0\xf5a[\x98\xd8kt\x92\x87\xc8\x162l0t\xa3&amp;\xc4\x91\xeb\xbf\x94F\x9eu\xddYOh\x8c\x13\x92\x1c\xcc\x10\x92\xd68\xdedzX\xd2P\xc2dZ&amp;\xb4\xcbvg\x9fONg\xf6\xb50\x0e\x04\xf1\xd3\xf3&lt;\xef\xfb\xbd&gt;X\xe6y\x86\x93\x94\rgrE\xcfV0\xa6~CF\x15\t\xce]b\x14\xf90\x0f\x94\xdf\xcf;,s\xb3N\xcd%\xe6f\x93\x17\xcb\xe3QX\x15\xae\x86:\xb9t]\xd7\x1a\x86\xa2(9Y\xa4\x05Qm\x1d&lt;\xce\xb7w2y\x10\x95\xf6\xe1\xd1\xe4\xe4\xd3\xfd\xfe\x9bw_\xfe\xee\x17\xfb\xbe\xfcp\xf6\xb2\xb3\x0eb \x1f\xef\xef\x1ff\xdae\x91\xe3\xb8T\xcd\xe8\xf5z\xc5f\xd3\x90\xcc\xce\x04\\\x0c\x85\xd6\xdff\xc9\xb4\x02U\xf6\xe6\xcdyRs\xe4\xed\xae#\xd1\xec\xdc\xcfT1\\\x89\x8b\xe5\x89q8\x15^\x08\x95\x0c\xadi\xd7\x8dF\xa3\xae\xe9\xba^Wd\x1eO\xab\xa6S\xbchl\xac\xc3\xc5\x0e\xa2\xfc\xb4-\xb1\x99\xd2\xfb\x0f\x1f\'\xc2\xdf\xdf\x9d\xad?}\xb9\xff2_Z]-==n\x9b\x12\xcb\xb2\x9c\x9c6t\xdd\xa8T\x1aZq\xf8EOj\x8d&amp;\xea\xf8\xd9J6{\xf3\xb3O\x88D\xc9\xa4#\xce\x1c\x84\x99w\x8c\xfb#y#P333\xb1\xe9\xd8\x11\xa8\xc6\'\x08\xd5\xea\x81&gt;4D^\xb6\n\xa6,\xab\x8aV\xd4\x01FQ\x82@\x0b\xa9r\xeb\xa0\xd3\xcelON\x1c\x9b\xa2\x99\x87\x97W[\xe7\xdb\xb7\xab\xc4\xd9R\xfep\x7f\xbf\r&amp;@q\xac\xa9\xd4\r\xa5\xac\x82\x8f\x95s\xb9\xe2\x1f\xfafg\x1c\xe9\x9a\x8aB\xae$i\xb2\xf9d2\x91\x98\x9fO8\\\x90&amp;F\x8c\x9b\x1f!\xcd\x90\x1f5O\x1f\xed\x8eOLL\x82*&lt;\x91\xd7\x06\xa0\xa2\xf4;\xcf+\xb2\xac\xe8f\xce\xd0\xb5\xb4(\xd04.Z\xe6\xa0A\xeb0\x7f`J\x194\xfc\r\x07\xea\xfd\xead\xe9iiu}\xd5\x91\x89\x14HLE\xab\xa4eQiV\xf0\x17Z\xf1\xe4o?J\xc6\x0fd\xa4NM\xbd\xf8\x90H\xe2uU\x8ey3\x9f\xfc\x9a\xfc\xb8z\x860\x8d\xb8\xa6\xa7\xff\xb3\t*\xec\x1d\xe1\xea\xc2\xd4\x866(\xa2\xffj\x83G[\xe7\xfdt\xf7\x9a-\xcb\xb9z\xb1\xa1\n\x14E\xd1\xa4\x18\x8ecUhp\xb0N\xd4\xfa\xeb\xbf\xfeY"Q\xfbw;\x93\x19\xc9\xe4\x94tR\xe9Y=\x89S\x9b\x8f\x8e\xfa,\xcb\x07]\'\xc3\x8a$u\xd6oL\x12\xae\xd2\xbbE\x02\x14#hN\x96f\xa6\x7f\xfb\x19\xa1r\x98\xae\xa8\xa67w\xa3D\xabP\xb5\x1a\xda\xd6\xeb?\xd5\xe2\x11\xb5[\xe8]\xdb\xba\xb4\xef\xec\xddi\x88\xb4lt\x8b*\x15\xf4\xd0n\x9av\xbb\xdd\x0c\x13\x08\x04X5\x93/\x1d\x8f\xbd\xcf\x1fcx\xae#k\xc48\x0eD\x01@\x99\x95J\xdf\xb8\xf3\xa8"i\xd7\xbf\xbe\xff\xd2\xe4h\x17e\x0cNDig\xe3\xc6\x93\'\xd8o\xc6\xcf\xde-\xc6\x80\x94\\\\$j\xcd\x10\x07c\x8em\xd3\xb1\x91\x89\x0eU\x08\x16B\xab\xea\xc2\x8bNN\x1b\xa4\xe3)\xfd\x0b\xbb\x7f\xba\xf7\xd5yo\xf8\xeczE\xe4\x05\xa5[\x94)\x0f\xe5P\xb9\xfd\x0c\x03\xc9\x80P.\x8fa\x9c!R\x99\xbe\x03\xc5\xb1\x01\x02,\x9d\xf4N\xa4\xf2po\xeb\xe2M\xb7\xf0\xfc\xfe\xab\x1f%\xc6\xc5Y\xa7&amp;\'Jk\xdf&gt;y\x82\xd8OM9\\\xc9l\x12pw\xe7f\x13\xb1\xd9\xd8H"\xc8\x15\x9b%P\xb1{\xbb\xa1\t\x14\xb4\xaa\xaewj\xb9\xfa@\x89\xd4\x86v\xb19x\xb0w\xd1o\xfc\xea\xd9i\x9f\xe7\x05c\xd0\x12&lt;.\nr\xf9\xdd\xfe\x11\x17\xfa_\x1c\x8b\xe2\xc0l\x8f\xbc#D\xa4\xccF\xcfd%\xfb\xfc\xda\xde7G\x15\xf3\xfc\x1f\xf7\x8f\xfa\x1c/w\x1b\x1c\xcf\x88fg\x1d\\\x93\x84k\x05\xf1J&amp;\x17\x13\xd9\xe4&lt;\xb4J\xcc]\x89\x15K\xcc\x12\xbc\xc5#\xe2\xe0\xc4xt\xe1uu9_\xcb\xa5\x94a#R\xd3\xe4TM\xc7\xf3\x9e\xdb?=\xdb\xbb4\xf9\x94:,\x8aA\x97\xc7\xe7&amp;\xe9r\xfbiZ\x14Yp\x8d\x1d\x1c\x96%Itp\x02\xac\xc3%\x81\x8ac\x8dB\xdfz\xb0\xf5\xf0\xbf\xc5\xc2\xab\xaf\x1f\xe2\x06\x9ae\xd2&lt;\xcd\x89\xe5\xce*\xd1\x0b\xf9:\xdb\xccB\xadd"\x9bM&amp;@\x13#\x89\x9f\x9e\xc1\x0cM\x10\xba\x9f\xa9\xaa\xaf\xc3\xdb\x9d\xb5\xb5L\xab9l\xed\xec\xec\xa4UY\x19l}\xd5\xab\x0c\xb7\x9eWDA\x1eZ,\xe5r\xc1G\x86\xc6\xa6B\xb9\x81\xc1\xb8\x991\x89\xe0]\xe5\x9c8\xc8\xb1\r\xdbd\x99\xf4\xf9\x9b\x13\xeb\xd3\xbdo\x1e^\xf6\xadG\x0f\x9f\xe3\x0f\x85S\xd5ry\xa7\xbd\xbf\xf1\xc4\xf11\xba|\xb6y\x0b\x03,\x99\xcd\xce\'b31R\xf0\x95\x0cy|\x18Q\xe1d\xaf\xbe\xae&gt;^\xab\xb5Z\x99\xb5\xce`p\x90\x01_&amp;s\x98\x7f\xdci\xafmm\x9d\x9b\xbc2\x04[&lt;\xee\xa1\x9cd\xb9]4\xa8&lt;^f\xccI\xf9/\x15\xe0\xca\xa7\xe88\xb5p\xf9\xa6\xd7\xe8}\xfa\xe0\xday\xbf\xdc{\xd9{\xd3&lt;D\xa7\x92\xda)g\x1e\x7f\xe4*m\xae\xac\x00\xeb&amp;L\x84`\xd3\x98\x9e\x8b\xf0\x90X{\x84\xb4\xa3\xa2aX\xb8\xd1\x8aD\\.W$\xa7u\x9b\x8d\xb4\xaa@\xb2\x1dr\xb3\x83\xf3a\xe5\xa4k\x9b\x1c\xb5\x14\xf7y\x19R\xee8\xc3\x06&lt;\x1ew`L\x14EG\x80\xd8C\xa3\x00\x00\x06)IDAT\'\x8e\x1b\x01\x8a\xe5\xd3\x1e|\xb4\xfb\xa6Yn\xaf\x1d\x1c\x1e\xe2\x06\xfb\x07M&lt;g\xa6\xac\xaajJ\x10\xd9\x9d\x11\x17\xe6j\xe9\xe8\xd6\n\xd4J\xc4b\xf31\xc7G\xd2\x9a\xb1\xec\xed\x0b\x87j*\x1aZ\xa8\x8e\xa8\x9c+R\xb7,MI\xf14Nk\x19e\xb6\xb4\xaenb(\xc6}&gt;\x17E\xb0\xbc\xae\x00\xe7\x8e\xfb\x98\xc0\x18\xcfsN\xfe\x19?iQ\x90\x99\xf6e_J\x8b\xb2\x9cn\xb5\xdb\xed\x9d2\xaa\xd1l\x89u\xbd.\xa3\x8d\xd1\xcd\x1cK\xc6\x049\x86\xa6\xa2/\xc0\x85\xe8C%\xf2\x8aM\x831\x9b]\xb9\xd8\xc5\xf7\t\xa4/\x84\xd9\xb0\x9d\x11\x88V\x84*\xe2V\xf4b\xd1H\xe3\xdc\xe7E\xdc\xbea5\x15\x91\xa7y\x98\x18\x8f\x07\x05\x1f\x03\xfb\x02\x9c/N\x01\x0b\x92\x01\x8a\xe7i?\xc3\xd1^pI\xcai!\xcd\xe3\x81@&amp;\x92fm\xd9v\x9a\x93\xeb\xf5\x1aO{\xbd\x14\x15\xf1\x80\xeb1\xb8&amp;\x89^\xcb\xef\x91\xaf\xc5E\xf8F\x92\x15KfWVn\xbd\xda\rG\xb1\xadGaa\xf5\xdb\xb5\x94C\xe5rQ\x14O\xd3|N\xb3\x8a\x1a\x8ej\xbbh\xe9\x8d\x96**\xa0\x8c\xc4\x83A\x1c\x8d\x94\xdf\xef\xf3\xf3~\x97\xcb\x0b,\x80zh\xf8\xc7\x11\xd1\xdc\x1c\xf6\x8d\\\xbdY\xc0\xb1#\x8b&lt;\xcf\x8bj\xad\xa8\x9f`\xe5bR9\x9evS^\x1f\x85)\xf3\xff\\Q\xd2\x90\t2(\x00\x97]\xb9u\xeb\xf6\xc5w\xe1P\x08P\xa1Px\x81P\x8d\xb0\x04\xdd\xa8\xd7j\x8a\xaa\xe6\x0cM\xd7\x0c\xa3\x95\x96\x19^\x90k\x9a!\x07\x81\x85.\xa7\xfd~/C{\xe3\x0e\x96+\xbe\x14wA001\x1e@\x0b\x94\x90k\x14\nv\xe5$\x9dJ\xe1\x9c/\x1a"\x86\x16\x8f#\xcb\x8f%\x95\xf2\xf9&lt;.\xc2U\xce\xaf:\\\x00{\x81\x83\x1b\x82\xa1\xb2\xb7oon~\xbf\x10\n\x11,P\x85AE]aE\xbaV\xb71l\xeaz\x9aWEt\x16G3\xb0\x88O\xd5j)\xe1\n\x8bF7\xd2\x9e8\xec\x0b\x8cQ\xf1\xa5\xa5\xa5\x08F\x19\xc7\xba\x97\xb0d\x10\xae\x94\x020\xa0\x15\xbbd\xf9\x80du4P\xad^\xe7\t\x16\xe4\xf2P\x0c\x87\xf9\x85xM\x90v[&amp;\x82%\x89T\x9b\xf7\x8e~X\x08;X\x80r\xa8\xf0\xef\x0eU\xcd\xea6\xad\xc1i\xc1VjV\xc3\xd2N\x94\xb4"\xd7\xd2&lt;\x0e !\x08\xb9\xc8\x1a! \xe3\xf8\xea\xe7`y\x83\xe0\x8a\x07\xf1e\x90\x89\xc4\x81\x85\r(%\xa4\x10x\xa3n\xb4\xca\x12\xaf\xe6\xb0IX\xf6\xe9y\xb3\xd04\xbd\x94\xd73\xd2\xcb\xcd\xa8k\xdbW\\\x10\xec\xfd;\x84j\xf3\xf3\xcf/vGTD\xaa\xd06\x1c\xf4\x8c\xa8P9\xa5^\xd74\xcdR\xb4nap\xdakV\xba=\xbbbT\x94t\n\\\x02\xd4\xa2\x04&gt;\x10\x80\x87x\xe6\xc0\x98\x9br\xb8\x80\xc8\xd0B\x90\\&lt;\x0f\xf7d%\xcdB\xa1FQ+V\xacB\xe1\xfc\xfai\xd3\xb2r\xb4\xdb\xeb#zE\\\x1e\x9a\x113\x1b\x93\x8e\x8f\x13\x8e\x93\x9b\xf7\xfe\xfc\x97\xef\xbf[\x08\x8f*\x14\x0em\xb4\xe0\xe0G(\x8f\xc7C\x0e&gt;\x9a\x8e\xa4j\xc8\x16\x8eF\xbbk\xdb\x85?\x9d^V\xf4t\xc4I|\x90\xa2Y\xce\x03\x85\xb8\x00\xb0\xdc\x94\x0b6\xc6a#i?\x81\xd6lM\xb7\x9b\xc5BQ\xaa\x17\xf0X\x85&amp;\xdcl64l\x849\xca\xed%X\xbe\xff5a\xfe\xacm\x03a\x18\xcfq:q:P\xb3\xd8\xdc*&lt;y(\x95!\x93?E&gt;BVo\xfe\x04"\x93\nn\x10\xf1\xe4%\xa5\x10;\x86\x90vpZ\x08\x99&lt;\x84b\xdc%x0\x9d\xbbu2\xdd:\xf7y\xde\x93T_\xe2?\x83u\xf7\xd3\xf3&gt;\xef\xfb\xde\tk\x98&lt;r\x17[l\xfd\x07\x03Vs\xeeu\xfe\xfc\xfc\xd1@\xbd\xed\rw\xb3\xcb\xc6Vd\xe2H\x8cR\xc8\xe5\xb8[\x16\x05\xb4[^W\xf3\xa7\xc3WL^x,\x0c\xaa\xe8M\x8a\x18Zb\xa1\x0f%\xb4W\x06&gt;\x18\xcb\x17\xdf\x9f\x0e\xaf\x87\xdf\xf3\xbfw\x1f\xab\xf9\xfcuY}\xfbp]\x96\x1d\x86\x9d\x9b\x0f\xcc\x9bp\x01\x0c\xa4\xceh\xbf\xc1\xde\x9f`\xb0\xd8\xe4W\x08\xde\x04q\x1cn\x16eK%X\x9a\xd17\xb8\x1c5Fq\xa6S\xecGG\xd3b4\xa5\xe93R\xa1\xe5"\x86\xc6\xa1\x05\x9etR%\xae7TQ\xf9|Z-\xe7w\xcb\xeaK\xf5y\x84\x13\xcaH\xaam\x14\x06\x0b\x04\xa8 \x98J\xb8\x0ef\xef&lt;\xaf\x1eE\xaf\xb3\xc9\x03\x8aU\x03\xd5\x9f=\xc3VZz\x8e \x89V\xb8,I0\x034\x8fQ\x02\xb1\xf9KS\x85*\x84 \x89X\xf8\xaa\xa5&lt;\x00\xeb\xa2\x83\x06\xc9(*\x8f\x01\x99\x8b\xe2\xfd\xb4(X\x13\xe2# \xe7\xc2\xb7\x80U\x07R\xd9\xa8[\xee7\xd8\xeb\r\x1f&amp;(\xa0\xcc\xbe\xdeY\x7fp\xbb\xbf\xcf\xd8nX\xdb\x03\x93@\x91\x8aX$\x8b\xf8\xa2\xfa0U\x16B\x08,?\xd6\x1ab\xa5l\xd5\x9d\x98r\x01K{\xad\x81\xa6rV\t\xda :\x1e-W\xf0\x97\x82\xf3\x8d\x08\xb6\x9d\xedz8B\xbcC\xaf\x81N\xe7\xe7\x8f\xab\xabn\xd6\xda\xaa\tb\xc2`4T\xc2%\xd3%"\x17$!V\xac\xc7\xde\xa4\xd8\x07\xa6\'\x11\xb94s\x91HHU\xfc\x02X\xa8m\x82\xe5(\x93s\xf2ak\xaa\x86\x8b\x8a\xe58 \x94\x8b\xf5\x0eT8\xd8\xf6\xe1\xb4\xdd\xcbeQk%\xafV-J\xa5\xfeca.\x07\xbbb\x03\xd8\xcd\x84\n\x9f&amp;\xd1\x96\xed\x06\xe5\x14U\xa2cnn4[\x00\xa0\x14\xfb\x13\xb9\xc2\xa5\xce\n\x12\xdf\xack\xe4R\x02fD/pe\xddr\xb1\xfa4\x14\xa8\xdb\xd5B\x1e\x7f\xe8\xa3\xcaPs\x11\xac\xc5"\x99\xe3?\xfd\x1f\xa8\xe2\xae7\xd6\xa4\xa7\x82\x95\xc7\xd8\xd4\xc4\xe8@\nX\xda\xe7\xf8\t\x8f\x94QH\x17($L6\xc8U\xdffd\xd9\x1c1d\xb5\x1al\xdd\x1b\x0c\x00%O\xb0\xda\x1a*\x8e7\xc6+QK\x9c\x01\xaf\xdb\xa8V\x8b\xb7\r"TS\xd6\xd3\xcckk\xe9,X~\x8c\xea\x95\xa6\xc4b\x10\xc7\x1e\x8b\x08VR\xdf\x91\xb3G\xc6\n1\x0c)\x994\xce\x07\x06J\xceh\xfb\xb2\x9e]\xdd3\xd7\xe5a\x91\t\x7fFIn$\xf5`\xc6H*F\xads\x15\xac%\x07\xc5\xcc\x8f\xc7\x11\xa9\xc0\xf5\x0f-K\x92\x1eg\\\xa1o\x00\x00\x00\x00IEND\xaeB`\x82'</t>
        </is>
      </c>
      <c r="M142" s="3" t="n">
        <v>45492.67753472222</v>
      </c>
    </row>
    <row r="143">
      <c r="A143" t="n">
        <v>374486</v>
      </c>
      <c r="B143" t="n">
        <v>1967</v>
      </c>
      <c r="C143" t="inlineStr">
        <is>
          <t>Pablo</t>
        </is>
      </c>
      <c r="D143" t="inlineStr">
        <is>
          <t>Pablo</t>
        </is>
      </c>
      <c r="E143" t="inlineStr">
        <is>
          <t>CA</t>
        </is>
      </c>
      <c r="F143" t="inlineStr">
        <is>
          <t>ATA</t>
        </is>
      </c>
      <c r="G143" t="inlineStr">
        <is>
          <t>CA</t>
        </is>
      </c>
      <c r="H143" t="n">
        <v>185</v>
      </c>
      <c r="I143" t="n">
        <v>92</v>
      </c>
      <c r="J143" s="2" t="n">
        <v>33777</v>
      </c>
      <c r="K143" t="inlineStr">
        <is>
          <t>Right</t>
        </is>
      </c>
      <c r="L14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58840f94-50d0-44cd-b028-37d5310a14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#\x13d\xbf\x00\x00\x00\tpHYs\x00\x00\x0e\xc4\x00\x00\x0e\xc4\x01\x95+\x0e\x1b\x00\x00\x03\x00PLTE\xff\xff\xff\x0e\x0c\x10\x1c\x1a\x1f\xfe$?\xfe\x1d9\xfe1L\xfd\x172\xff\xfe\xfe\xfe!&lt;\xfd\x1b5\t\x08\x0b\xfd*E\xc3\x7fp\x13\x11\x15\x15\x19)\x17\x15\x1a\x04\x04\x07\xfd\x13.\xfd\'B\xd7{r\xc9\x8b\x7f\xbe{n\xc0\x80s\xc2\x83w\xfd.H\xfa\x14-\xfc\x0e(\xf2\x10)\xe4\x93\x92\xc4mb\xc8\x80u\xbeo`\xcapd\xfe,H\xf3\x07\x1f\x9a`[\x81E&gt;\xd1xn\xb7h_\xcb{r\xd5\x82} \x1d#\x9c[R\xbeug\x18\x1d/\xd1\x80xyA:\xb8eW\xe3\x90\x8d\xb6aQ\xe1\x8c\x8a\xadic\xdb\x80x\x96I;\xcdrj\x82MG\x8cOG\xed\r$\xa6OA\xc0h[U !\x93[V\xbdnh\xb1cU\xeb\x05\x19\x9cPE\xe7\x99\x9b\xbcvn$"\'\xf8\t"\xc7\x87w\xc2{k\xc4\x88|\xd8\x86\x84\xf7\x0f(\xc2rk\xfc\xfb\xfb\xc4ve`!\x1f\xdc\x8c\x87\xa6TH\xde\x07\x1c\x90UM\x7fUT\xc5\x02\x0e\x8bKA\xc4vo\xb2\x03\x0c\xe3\x96\x98\x93c_\xfe\x8b\x98\xd6\x07\x1b\x9cTM\xd4uj\xa1`Vn?=\xe4\t\x1f\xb5ri\xc7{m\xe4\x02\x13\xdb\x85\x7f\xa4ZP\xc9g]\x94MD")=\xcavms71\x9fL=\x98ie\xf9\xf7\xf7\xaa[M\xa1b^\xbc\x02\x0e\xaf_O)&amp;-],*\xaafZ\xa6f_\xadvr\xcd\x8f\x86k1.\xb1h[\xbckYf85\xd8\x01\r\xd0zt\xf4\xf0\xf1\x1e#7\x82?3\xc3\x87\x87\xb7YJxJF\xf5\x15-\xb7o`\xe7\x9f\xa1\xafYHtOO:%%g)%\xb5zu\xfc\x1e8\xb7vl0-4\xfe\x94\xa2\xf9\x192\xce\x85|\x8cC7\xb8\x80|%\x1a\x1e\xa8_V\x10\x14"\xa6ql\xb0SE\xcf\x04\x16jEF\xdd\x90\x90\xcfja\xed\xe9\xea\xa2XI\x89`^jRW\x9ftq\xce\x00\x07\xafng\xe1\x89\x84\xc0zuE\x1f\x1e\x92mn\x91ty\xb6kfS20F,,\xbda[\xc8\x83~\x88SL\x1a\x0e\x10\xbe`O2\x1a\x1c\\::\xa1kf\x96WN\xab|{54:\xc7`W`\x17\x15\xae_\\\xd4\x92\x8b\xe3\x83\x80\xd2\x8c\x83\xd3qe\xab\xa4\xa7{9.\x87joJHP(\x15\x15\xce\x95\x8e\xe8\xa9\xa5\xaeVS\xbf\x91\x93\xc0\x7f~\xe2\xdf\xe02 #w+%\xcb\xc7\xc9\xea\x95\x91\xd9\xd1\xd2\xc9\x0e \xbcVW\xc0\xbb\xbe=;B\xcf\x85\x85\x90\x91\x99\xfc6P\xb7\x85\x85\xceAF\xc8\x92\x87\x92:1{\\`\xde\xa2\x9b\xe8\x17-\xb5@F\xfa"&lt;\xa1&lt;?\xd8\x9b\x94\x9d\x8b\x92\x86\x86\x8cfekXV\\}z\x81\xbc\x13#\xb8\xb0\xb1\xd6\x17)\xeb\xca\xce]FI\xd6lv\xd2]e\xa9\x1d)\xe7\xba\xbe\xa2\x97\x9aM7:\xf3\x85\x8am\x15%\x95}\x86\xe8rs\xe7&lt;M\xa5\x05\r\xf1N^\xcd\xb8\xb9\x8e\x12"snt\xd7\xa9\xaa\xef\xdc\xdd\xca\x98\x9aT\t\x08\xe1):\xf0.CA\x97\\\xb5\x00\x00 \x00IDATx\xda\xcc\x98\xdfK[y\x1a\xc6{\xceM@8\x1c\xc1\xdbd\x0c4\xda\x1cA\xe3\x8f$\x8a\xa9\x868\x07\x16\xd1\x12QRR\xd0\t\x1db\x82\xda(\x1e\xb7"\x15\xc51l5S\xe6\xc0:)\x15\x7f-\xc3h\x06\x13\xdb\x98(\x91n\xabC\xc2,kP!\xb1W3w\x1a)\xcc\x8d\xbd\xf6n\x9f\xf7\xc4\xb2\x7f\xc0\x1e\xed\xbe\xc4\xaa\t\xf4|x\x9e\xf7\xfb\xbc\xef\xd7;w\xfe\xf7\xd2(\xd5\xd9\x19\x08t\xe2;~\xbd\xf3\x7fP\x00\x9a&gt;\xcc\x1d\\\x9e\x9d]\\|8\xc8\x1dN+l_\x94\x88\xa0\xa6\x0f?^\x14R\xb2$\x8a\x92(Ir\xe1\xe2\xe0\xe8\xb0\xf3\x0bjF\xc6\x05Vsg\x85\xbc,\xb2&lt;\xcf\xb2\x02K\xff\x88\xa9\xf4\xf9\xc1a@\xf3\xa54\x0b\xac\x1e}\xb8:O\xe7%\x91gEA\x94\x04\x9e\xe7E\x91\xe58V \xcdN\xc8\xcd\xdb\x97*\x90\x03RJ\x86R,\x0b\xb5X\x9e)\xe1%Y\xe4\xb9\x92\x12\x06\xa2\xc9\xe9\x8b\xdcj\xe7\x1d\xcd-SM\x1f\xa4%I\x10\xa0\x11\x0c\x84BP\x89\x13%\xb6\x04UZ\xc2A8V\xcc\x9f_\x1ev\xde\xee\xe1;\xfc\x90\xa6\x96\x12D\xae\x84)a\x08\x83\x17D\x81a8\xae\xa4\xb4Ty\x83c86u~\x14\xb85\'!\xd5\xd1U\x1aX,9\x07\x06\xb00\x9c K,\x0f\xb2RT\xf1M\x8e\x17S\x85\x83U\xcd\xed8\xa9\t\x1c]\x14\xf2\xa9\x94\xcc2\x04E&amp;B0^"\xedD\xbe\xb4\xf4\x9a\x8b&gt;\xc3\xbb\xf9\xf3\x8f\x94\x17\xb7\x80u\x94\x16\x89\x81g8\x85\x89\x158&lt;_\xa4\xc3\xc83E*\x0eL\xd7?\xc9\xa2|ur\x1bF\xae^\x89h\x1b\x16OFks\x9f\xc5\xc2qT\xe4\x03\n~\xe1\x98"\x16\x0e\'\x0e\xe5\xf9\x8d\xeb\x85`8H!\xa1X\xe5\xb9D\xc6\x91]\xa5\xe4"z\x0b\xe9\xc0CJ\x81\xfd\x8c\xc5R\x96\xc9\xe7\'\x9d7L\xb5z\x90\x96\x8b\xcf\'(:\x86LQ7\xa8\x85\xd4\xe2YI\x96e\xc4F\x91\x0b\x9fr\x82\xc0\n\x85\xdcM\x9eH\xcdt\xee\\f\xc9#\xa5\xa1\xe3q\xbcPx6\x99()A\xcf\x83BB\xef)&gt;*\xdc\xf8\x8c\xcf_\xaejn2C)6\x91I%\xf1L&lt;\x83\xcaf\xc3TY\xb0\x86\x05\xb0\xc4)\xc5X\x08\xc4_\xb7=e\x05\xc5\x99|\xb6z3z!C\xcf\xf2\x12\xa7\xd8\x16\xcf$"\x91H,\x12\x8d\xc6b\xb1P(\x96\r)\x95H$2\x19\xbc\x80\x1cF\xa6}\xee?\x8a\x11A:\xbb\x11\xbd4\x9d\'\xe72O!\xce0\x99\xc8\xfd\xfbcc\x93\x835.C\xd0\xe3I&amp;=\xc9%\x8f\xc7\x13\\\xf2\x04\x83\xf3A\xcf$j,\x96\xc8\xc4\xaf\xfb\x9e\xc8\x10\xb4\xa9\x83\xc0\rpi\x0e\xcfS\xca\x01+\x89\'\xc6\x06\'&amp;&amp;ff\xfck\xfd\xfd\xbb\xddo\xba\xabF\xeeV\x8d44\xbcz2\xf2\xf4\xe9\xcf\x8f\x1f7ln6|\xb3k\x18\x8bd\xe2\xd7}\xcfQ\xe3K\xe9\xa3\x1b\xb0q\xfa\x12\xd3\x86!\xaa\xc8\xc4\xcc\xc2\xcc\xcc\x82\xc5\xef\xe8\x1a^\x1b~k7\x99*+[;Z[7\xc1\xb3\xd9\xda\x81z\xd8Qi\x7f\xd9k\x98\x88$\xe2\x8a\x85h3lc\xa9\x0b\xd5m\xd4h\x8e\n\xa9k\xaa\xc1\x05\xbf\xc3bq4;\x805\\\xb7e\xf3\xf9\xf4\xd6\x8a\n\x1d\xd1&lt;\x1c(\xd6\x83r\x93\xdd\xfe/\xc7\xcc\x04IF=F\xc9+\xa6?\xaa\x1d\xab\x9a\xd5\xab"U&amp;28c\xf1[,C]\x8b\xcd\xcd\x8bsu\xb6=\x9fo\xa5\xaf\x02\xd5WV\x01:\xab\x9eJ\xa7\xb3m\xd5\xcd\xceu9\x16\x0c\x83\xf73\x8c\xd2\x90\x08\xdcs\xb5\xe5\n E\xe9\xecg\xeeO,X\x00\xe5\x00\xd3\xec\xec\xec6\xa4\xf2\xad\xec\xf7\xf5\xf5\x95\xa1\xfa\xa8\xf6WV|&gt;\x9bmo{{vn\xae\xab\xab\xcb?3\x96a\x14+9&gt;u\xa0\xaa\\d\xa1\xc4\xe3\x7f\x0e\xc7&amp;\xa0\xd5\xd0\xd0\x10\xa8\x16\x17g\xa1\x94O\x0f\xac}P\x99\xcdf\x80\x95U\xf4\xed\xef\x83k\x1bTus\x8b\x8b]\xcdC\x96_#q\xae8\t\x84\xf3CU\xe5\x9a\xbeHa\xf1d\xe2\xa1IX\xe8\xf8L\xb5\xbd\xb7\xe7[Y!*\x05\xcbX$\xdbW\xc0\xf6\xb6!&amp;|nn\xb6,L$x\x05\x0b\xd7\x0f5CB\xd3\x99K\x8bda6:\xf8\xeb\x82\xe5Z,\x85J\x91\x8a&lt;\x04\x92\xf9\x9d\xf2Ed0r\x0f`\x8bE.\x17l\xa4i\x85\xd5\x07riT\x8c,\x89\x16\xd0pl\xb2f\x86\xb0\x14*X\x88\xc7+J\x95\x99\xbd\xef\xdey\xbd\xeb\xeb\xeb\xf5\xb5\xb5\xf5^s\x99"\xd8\n\x8c$.\x8b\xc5\x10S\xf6 \x01r\xe5T\xc3\xd2L\x7f\xc0)dH,\x0f\xe5\x15Q\xcd\xa1\xdd\xe9\x04\x96)L\xa0YW\x98\xdcmmn\xad\xb6\x1e\\}\xfbz\xbd\xaf\xa8\xd7\x90\xc5\xef\t\x89\xc5a)\x1f\xa8\'\x16\xd6Q\x0c8&gt;\x1c\x1a\xab)b\x81j{\xcb\xa7\xdf\xef\xab0\x03\xcaY[__\xabu\x1f\xbb\xdb\xb4\xc0js\xbb\xdd\xb5^s_\x1fr\xa2\xe8#\xb0\\IY\xa0\xfb\x91$]L\xab\xc5\x158\x93\xb1\x812l8\xe61\x80\xca\xd2\xdc&lt;W\xb7\xb5e\xd3[\xa9\xd1\xbd\xd7T\xe0i\xd3j\xb5\xb5Z-\xb0\xb4No\x19R\xccJz\xcdA.\xbf+\x18\x0b\x0b\x02a\x15\xd4:\x8b\x9a\xc3\x02\xee\xcd\xc0\nEk\x0c\x0b\x0b\x14\xa4\xb3&amp;\x05\x0bZ\x95\xc1@\xf4\x93V\xdbv\xac0\xe1\x05\xae\xdau\xa3\xd7\x0c,\xab^\xa7\xb4\x97\xc3\xdf8\x19\x8a\x0b\x02\xf6\x88\xc2\x89Zj\x1d\xa51g\xb1w\x86\x92\x845\xe4\xe8\xaa\xab{f\xd3\xd1\xc0\x99"\xb9@EXm\xc5/\xe2\xd2j\xdf\x99\xd1\xf7\x08}\xbd\xceF\\\x0e\xc8\x95\xcc2\xb4!b^\xab\xa4V.M\x0b\xa9\x10\x06\x16u\x96\xa3\xcbTg\xd2\xe9\x07\xac\xd6)\xa5\xdf\xa1\x16L\xd4\x1e\x13\xd61\xfd\x08S\xd7\xbd\xde2\x1aH\x90k\x0b3\xa8\xcb\xe1\xaa\x99\x8c\xc5\x19\xbaj\xab\x14\xf4\x9a\xc0e\n\xddJ\xad5YCT\x8ea\xd3V\xf9\x83\x01\xbd\xd5Js\xd0\x0c\x13\x01v\x8cR\xb0p\x1c\xb5\xf5N\xaf\x97\xd4\xaa\xa8\x86\x91\xb6:\xcc `yba\xc8%\xcag\xea\xf4\xbcf\xfa,\xcf\xd2\xc5+\x1b\x9d4\xb8p\x0c\xbb\xec\x95\xe5\xbao\x81\xa5\xaf@\xd3#\xb1(\xac\x8eI.`iI;\x88E\xc1a\xed\x03\xd5\x80\xde6;;LX\xd10GX*\x1d\xc5\xce\xc0\x87\x94\xf2\x97\xabl\x8c\xb0\x9a\xbb\x86G\xcb;\xe0\xa1\x1er\xe9\xf7\x91\xee\xc0B7\x91Zn`\xd5:\x9d\xc0Z\x07\x15,\xb4\x92\x8f\xba\xba\xba\xd1\xb5&amp;\xc3d4\xab\\\x8f.TSK\x96DdN\x96L\xa4\x15\xcb\xae\xd3\x81\t\xb1\xe4\xd3WPo\xad\xaf+\xfdD\xe7\x90\xec3\x1b\xf1e&amp;\xac\x8a\x81\x81)`\x99L\xf6k,$\x84ZX\xb8EK2\xee\xf3|66V\xe3\x02\xd6\xa8IWN`&gt;\x9d\x1e{V1\xe61x\x88\n\x93\x07\xfe\xd1\xc4\xae.\xab\x06\x96\x1e\x1eZu\xcf\x9e\xd9\xd7\xfc.C4\xcbs*\xaa\xa5`\xa1\xe9\xc3\x91I\x83\xdf\xb16\\g\xd3\xa1\x1e\xe8\x8b\x85H\xf5*\xd9EY\n\xd5\xb4\xf5^\xeaw\xa3\xd9H\xfd^\xdc\x08M\xf6\xfe^\xbfk2\x01\xb5\xe4\xbcJ\x9b\xb3\x06\xbd%\x02+\x8e\x93\xe8\xf2\xe3\x1cbM\xb6\x11\xd6\x03\x9d\x0e\xbd\xa3\x0cD4;\x8d\x9dc\xb72\x13\xeb\x9dN\xaf\xd1[\xc4\x02\x94\xcdV9\xba\xd6\xdb\xeb\xf2\x84\x80\x95\xca_\xa9\xb4\xa1v~L\xb3t\x8fND\x07]\x0e?\x99HX\xfa\x01\xa2\x9a2\xa2\xdd\xdd\xcf\x8b\xd5\xf6\xfc\xf9o\xf4\r`\xed\xed\xed\xc6\xea\xa9)l\xf8\xc0\xda2\r\xf7W\xf56\x05cH\x99|^\xb5M0\x97\x16\x90[X\x01k\\~\x7f\xff\xe8\xa8i\x0bX\x03\x10\xa2\xe3\x9e\xb1}Y\xeb\xfe\x8d\xea\xf9\x7f\xcb\xad]v:O\xa7\xaaQS\x03\xba\xf2g&amp;\xfb\xcb\xaa\xaa^\x7f0\xca3\x82zj\xd1\xf0!,\x0cjWSw?\xd42\xd9t\xd6\x0e\xdc\xc0:\xeeU\x9f:\x97\x97\xffxNT\xd0J\xd9\x1e\xfep//\xff\xf3\xf4\xbb\x17?\x8f\xbf\xd8\xd8\xd8x\xd8Q^i\x1f\xed\xaf\xaa\xaa\xean$,I\xbd[\xd9IA\x86\x89q\x0cjWSS\xef\xda\xf0(\x9a\xbeu\xb3\xf2m\xc3\xe3\xaf7^\x9f\xb6;\x97\xdd\xc5\x02\x14\x80N\xbf\xfbq\xfc\x97G=\xbf\xf7,\xcd\xf7\xb4\xdcm\xe8h\xad\xb4\x0f\x7f\xc6\xe2\x046\xafR\xca\xd3\x06\x91\x129&amp;\xa3`\xb9\xfc\xbd\xfd\xa3\xa6\xca\x86\x91\x16\xd4\x93\x9d\'\xaf\xc6_\xfc\xfb\xfd\xf224\x83\x9b\xcb\xcb\xa7\x1b\x1b\xe3-K\xc9O\xb1P(\x9b\rE\x97\x96\x1aG6+\xed\xa0\xda\xad\xea\x0eF\xc3\xbc\x8aX\x08\xae&lt;\xd6\xc0D\x94L\x04\xd7\xda\xcb\xb7\xdd\x9edr\xe9\xcf\xe4\'\xd4R\xcf\xa3W\xafO\x8d\xef\xdb\x9d\xe8\xa8\xf7\xafw^=Z\xfa\x14\n\xb3\xe1p"\x14C}J\xbe\x19y\xdb\x0f\xaa\x96\x96\xf9d\x98e\xa5\xf4\xa5J\x97\x0cM\'vf\x9e6f\xc22\xb8z\xab\x82\xd1\x10\xd4\x08\xf3\xf186\xd6\xe4|\xcf\xce\x0f_}U\xedu:\xdb\xff\xbe\xb1\xf3\x8f\x9e\xf9d$\x11\x89%==\xf3\x00\x0c%B\xc97\xb0\x10\xda\xf6|\n\xb3\xbc\\\xc8\xa9\xb5\xd8h\x0e\x80\xc5\x87hR75\xd5\x18\x9a\x92\xc5\xbf\x1a\x85\xb2\xa1l"\x11\x8a$\x83-;?\xfc\xe5\x9e\xd1\xe9\xad\xbe\xf7\xf5\xd3\x967\x86\x9a\x9a\xc67-;\xe3?\x8e?\xfa\xfd\xcfX6\x91\x8d6\xb6\xb4\xec\xb6&lt;\xeaI\x8a\x82\x90*\xa8\xb6oa\x97/\xaa\x15ljj\xac1$\x13\tx3\xff\xcbO?\xed\xb44z&amp;\xbe\xff~\xd0\xd0\xfd\xd7\xf2o\xab\xdb\x8dS\x0f\xfe\xf6r\xd7\xe5\xda\xbd{\xf7\x9b\xff\xb0f~?i\xaci\x1c\xdf\xf4\xc6\x9b\x93\x9c\x0brvo\xca\x8fd`@\xc8\x88\n\x05Ra\x08\xab\x89k\xd0\x85\x8c\x91H2B$\x0c\x84\x86B\xac\x83\x11\rM[b\x8b5\xbb\x89\xad\x13N\x10\x91M\xf1\x07J1U\xd4p\xd4\xad\xb6G\xad]\x1b\xd3=i\xf6\xb8\x17\xcdn\xdb4KN\x1a\x9bz\xd1\x9cn/\xf6yi\xf7/p\xe6\x8a\x0b\x93\xf7\xe3w\x9ey\x9e\xef\xf7y\xc3+\xc9dr`5\xd8\x99Z&lt;\x98\x1d\x06.\xc0:iiiY\xe3\xcf\x9d\xfe\xe6\xc9k\xe8\xf2\x13\x0b)=\xc2\x1a\x1e}\xb0\xb8\x9c\x98N\xbe\xd8\x1fKb\x14h#\x95^\xeb\xca\x0cu\x106\x85Glf,\xa5\x8c\xa9T*uv\x1e\'\xe2\xfa"\x16\x9cN-..\xebMN\xccy|\x029q\x8d\xc7\\=\xf5\xea+V\x91*\xba\x17\x1f=XH\x04\x07\x92\xce\xcex\xa2\xd3\x19\xc4\x0c\x86\x12\xe5\xb7\x98\x01\xcb&amp;\x17\x872J\x97\xabd1\xa4N\x0e\x0e\x0eN\x16\x86/\xe91\x93{a!\x8e\xb0\xa6\x97\xc1{?\xff\x89\xbf\x9d\xf3\xd4+t+\xb0\x98\x82\x7f\xbf\x18\x1f]\x1aM\x99\xb0\xa2{v\x14\x9d\\)2\x00\xa2\xa42b\xc0\x8a\x89\x19\x97\x8be\xec]\xd9WW\x9e_Yz\xbe3j\xbc-\xc5Lq7\xa8\xe5tNWj\xcf]y\xfe\x96\xb7{\xc6\x9a\xabo\xd0\xcd\x1c`\xc5\xf5\xfaa\xf4iQn\xe3\xe8\xf3\x9d\x89\x89\xb5\xda\x9dlW(\xca*)\xbf:\xe0\xf5\xca\xd4\x8c\x8b\xed5_\xa4\xfe\xf5\xeb\xc4\xce\xda\xd2\xce\x9b\xca\xac\xb1\xae\x14\tc&amp;\x13\xe6tn\x03V\xcb\xda_\xa7\xae\xf2\x86\xf5\xef\xb5+`\xe5A\xadx\xdd\xf0r\xbchp\xcf&gt;8y\xf3\xfaQ\xcb\xce\xb9\xd7?M\xd3\xaa?\xb0\x16\x7f\x9f\x04\xec\x95\x9a\xe1\xd4"&lt;\xb2\xba7?\xbb\xb4\xf4(\xfb\xe1x\xc1\xe8\xe7X6\xe2r}\xc5\xaa]\xa0V\xf6x\xba\xd3h\x7f\x9b\x05\x7fZ\x0bXE\x83\x14\xea\xcb\xd0Ug\x9cM\xcd\xff\xfa`\xe9\xdbG\xc7/V\xcb\xf8\xf8\x08mi\xf0\xe9t\xbe\x06\xa6o\xa8\x03f\x80f%^Y^\x9e6u=|z!\xaa\x1a\x19\x19\x89\x02\xd7te\xa2\xf6\xe0\xd2\xc5\xefC\xab|T}M\xfb\xdf:\xfbg\xa1\xe5\x8c\x02\x16Ur\xb1,\x1b\xf5_z(-v\xba\x97\xb3\x89\xa0\x06\xcf\xf7v\x00\xd6Q\x1aRa\x83=\xa4n\xbd\xdf*\xcc\x8f\xad\xae\xae\xae\xb8B!\xcb\x05p\x8d\xe2\xd6oz#\xf0MVZ\xce-\xf8o\xd9_Z\xf6\xae\xf2\xe1N\xe7\xa5\xd7\x06\x0fj!\xbd&amp;(%\x1b5\x878\xc6\xd2u!\xc3(#\xc9\x17{\xd7g\x1c\xfb\xff\xf8-\xe7\xb7\x17$i\x9f\xaf\xc1no\xc0\xf7\xf7Ir\xe6\xfe\xf5\xeb\xdf\xa9\xc4#f\xf3\x88X\xd2\xd1\xe1\xe9\x8d8\xe7\xb6\xb3W&amp;\xdc\xfe;?\xbf\xfc~\xec\xbfg.\xfb\x9a\x9ag\x9d\x97\xa4\xd2\x85\x96o\x01\xcb\x901\x83\xd3\x0c\x99\xa3l\xa8\xcf&lt;\xa2\x9a\xf9\x1dX\x97\x19Q\xb3\xd9\xe2\x87\x97\x98\xf6\xad\xdf\xb0g\xcc\x85!U3\x89\xe3y\x95xhh\x08\xef\xf08H\\,\xc6Yln.\xfb\xe7E\x14\x9d\xd2[\xd6\xb3\xdf\xe4\xd5\xb4\x7f\x94&gt;\x1d\x94\xba\x0f\xce\x8d\xa6\x00+\xd4\xd7\x172\xab\xbe\xf1\xa8p|DL\xaa\xac\x8e\xf1\xf1\x80\xba/c\xb1\xec\x16|\xbe\xf5#\xc0j\x82\xf4\xe1q|G\x92\xadr\xf4\x10\x84\x157\xe3Mf\xc0\xda&gt;\x19\xee\n\x93\x85\xd3S\xdd\xc7\x9a\xb3\x97\xd6G\xd6\xfe\xb0\xaen\xf4\xdcb6\x81\xdcV\x88\x89:\xd0i\nB&gt;&gt;&gt;\xbe9\x1e\x10\xaa\xfb\xec\x16\x8b\x1da\xdd\xb0\xd3\x90\xd6t=[\x92\x0e\t\x8a\xdc\x82\xaaA%\xa3\\\x94\xc3\xe6\xb6\xb7\x97\xebJ\xfbm\xbe\xd3\xd3\xd3O\xedg\xc7\xfa\x14(X\x0cu\x8b\x13\'\xd9c\xbd?\x93\xc9p\xe2\x80&lt;F@\x0e# H\x10`\x9e\xf1&gt;\x06a\xa5\xd3\xebG\x0c\xbd\xdb$\xd1\xa1\xa5\xf3\x16\xda\xf3\xcab1\xc0\xb2\x92e\x86\x01\xb5\xe6SR\x8b\xe2&lt;\xc2\xfa|\xf9\xec/\xf1\x93\xa0`.K\xfb\x0f\xb2\x80e\xb0d\xb8\xa85\x10\x90\t\xdal`d@\x8bX\xcc\x1a\x85\xbcU\xc5J\x17\x18\x9a)\x08u\xda\xc6F\xb4\xe0R\xd8 h(\xe4\x80\x85sJ\xd3\xdc\xfc|\\\xcaH\xea\x85[\xa7\xa7\xff&lt;;\xd6\xd4cACC\xe8\xda\xe0"`\xc5\xbbh\x86\xc5\xc5\xe0\xe1\x156\x9b\x82P(\x14mm\xa8v\x18\x9a\xde=J\xa7\x7fY\xdf\x85\xb7\xd8$\x89\xd9\xceW\xd3\x8f\xad\x11\xfd\x95\xdcA\xe6Y\x17\x86\xb0\x1e\xee\x06r\x92\xf5\xd3\x8dO\xedg\xc7\xfaAv\xab\xa1\xef\xcemc\xe58\x0bX\\\x14\x17;\x00\x0b\x02\x17\xa0\xd5w\xdbbB\xbcL\xfb\x01\xcb\xb7\xf5\xcb\xfa\xd1\xae\x85i\xd2\xc5\xda\xc0\xd7\x83\x93n\xcc\x01\xb5H\xdej\xcdk\\\xa6\xf9\x0f\xdb\xfa\x9f/J\xb4\x82\xf54\x1fX\x97?\x8boI\xc4\x17\x9e\x1a+\xd9\xe3\x84^\xc9EGHG \x062ym\x93\x90\x11\x01\xab\xa9l\xf03\x05_\x8f\xa0\xc7w\xb4\x0b\xfd^B\xd8P\xdc\xb05\xd67\x82\x07\x93;T\xaa^Vi\x9a\x9f\x9f7\xed\x1e\xe966z\xd2\xdaw||\x89\x9a!B\xd4\xf0r\xb0\x92\xcd&amp;\xf4%&amp;\x8a\x93V\x84\x85\xa4B\xfbH\x85\\\xcc\xf9\xe9rA\xa7mS\xc8|e\x86V\xcb\xbch\x93\xda\x8d\x16p6\xe0\xaa\xde\x9d\xb9\x9c\x80\x85\xe1[\x82\xdc\xa17-x\xc7\xc3\xec\xf9\x18\x91\xd9\x14&gt;{]\x15\x8br\xb1Q\xb15\x16Sxm\x8dp8d\xc3I\x82\x85\xca*\x08e\xb9\xeeI\xad\x0e/3e\xb9\rm\x9coVw\x83\xe0\xa4\x03$\xae\x89`N\xa8\xad`~#wx\x98\xf3\xc5\xfe\xc3G;\x8dx\x0fm\xba\xdd\xbae\x84ePrf\\\x08X9D\x05X7\'\x9bi\x9akh\xd2i\xcf\xff\xd8\xed\x95\tqFi\xf56\xa2\x05\x00\x84~\xf4\x16\t\xb9\x15\x07o\x03jm\x07\xf3\x87\x87\xef\x0f7|\xf7y\x19&gt;\xf7l\x87\xf5\x82\x86x\x15\x0b\xc9\x85\x93\x01\xc2\xfb\xe5h\x10K\xc4\xd1\x9cY-\x8c\xd9~|w\xb3Q!\xcfs\xca\xb2\\Q\xbd8\xf8\xfd\xf9\xfa\x9cW\x01\x1d\x04\x8f`\x80\xb5\xbdmjBX^\xdf\xe3)\x1e\xd4z\x96\xf4\xd6\xe7\x04G\xfaT\x15\xab\xa8t\xe5Qmy\xe1\xe4\x9b\xdd\x93m\xf22\xcd\x94\xcbe\xab\xa2\xfb\x1d`\x11VM\x99cH\xf8 \xea\xa1\xee\xceox\x01+@j\xc2\x18\x16\x04\xacR\xfa\xfd\xfb\x8d\x9c`\xfd\xf1U&gt;\xd4\x1a\x10h\xb5[7\xee\xa4*\xd9D\x11\xc9\xa5!\xab_b\xe3\xe4d\x1b(\x01\xaf\xb0\\V\xe2\xc4d\xf7\xa4\x8d\xc8s\x11\x96c4\xa8\xa1\xa1\x8a\xf7j\x151Y \xaf\x01\xb1\x10\x16\xe3\x13\xf4\xf4h\xd3\xeb\x9f/\xf3\x10\xc7\x9e\xad\x08\xb7|\x85\xdd;\xc3\x95JB_\xd4S\xcar\x15\xcb\xd6\x08Tb\xb1\xc6\xe0\xa7)\xbd\xd4O\x8e\xff]1N\xd2\x06J\xc9\xd0\x1c\x0cL\xa2\r\xcd\x01\xd4M\xad\xf9\xc8W,zwH\xad\xdbZO\xbf;\xbb=\xad\xa9y\x12\xec\x13\xb2\xe5r\xd7p*\x0b\x19KO\x958\x12\x86"\xea\xefrR\xec\x89J/\r\x1agg\xfb\xfd\x9a&lt;\xa91\xf4\xcf\xce\x0eJ\xa5t\x00\xb0\x00|\xb2m\xf3\xffXX\x10Fu\t\x0f\xf4\x8az\xd2V&gt;\xa2b\xfb\xd4j\x08O\xde#\xe9\xba/Xz\x8a\x83~\n}\x9e\x08\x08qO\x00\xbf\xf6G\xa3\x11\xb8\x8c\x10\xb7\xc1K\xc3\xef\xdb\x83\x19\x9d\x80\x88\x11\x9b\x9b0\x11a\xf4\xa8\xf2\xae/X\xd3\xac\x0c\x9ak@w\x97\x8fU\x12\xb4y\x1c\xd7\x0c8p\x83\x1ba\x19\xa0\xb8\xf2V4~`\x18z`\xf2\xd0R\xa9^Z7\xdco\xec\xef\xef\x1f\x96v\xf9\xfd\x06\x9a\x94\xc9\x04\x84\\$\x82\xc1#\x87\x89\x08\x031\x1cFXj\xadV s\x8c\xbd\xe5c9\x82j&gt;\x1f\xe9\rX9w6\xab\xa7(\xbd\xc1\x85\x93\x1e91\xee\xc0=\xe3\xd0\x93\xca\xae\x92\xc9\xd4Y\xd4\xbb\xdd\xc3\xa9"\x16\xd6h"\x1aGL&amp;C\x16\xd0\x83\x1e\xc7\x08\xeb\nG"\xe1\xb9mg\x936\xe7\xd5\xea^&lt;\xe1i\xa7\xbb\x97\xbc\xe7\x90\x05p)\xa8E\x99\xa0\xa3\xe2*\x0f\xa8\x80\x8b\x89\xfb\xcd\xd0\x0f\x94\x94\xc9\xe4\x0c\xae\xa0\xb2\x1eH\x86#\xe1p\x84D\xabB\x87H$\xf7t\xb4z\xac#Q6\x02m~n\x1b\x13\n66\xb4\xba=\x9e6I\xed\xcf\xfeb\x8d\tt\x05C\n\xd4RR\x94+j\xf5\xc8\x038d\x9c\xbb\xf7\xc2.\xa5\xc9D\x99\xc2\x03w\xc7\xc6\xc6\xee\xee\x8f\xc1\xf9\xc0U\x06\xcdz\x9b\x1d\x80\xa5\x02/\x9f\xd7h\xee\x81Z\xf3+rt\x93=\xf3\x8c\xb7\xf8\xbaG\xca\x04:\x9cN\x1c\xebK\xca\x92\t\xb0D"\xab\x9a\x9c\x19K\x06\xb1\x92\x12\xea9\xac\xd9\xbf\x0e\xcf\xfeu\x90/\xec\n\x97\xa1}b+\x03\x7fr\xc8\xabX\xbd\xf0h\xc2s\x1f\x066\xebsZ\xc7\'\xbe\xee\xf6\xa1\xd1\x8f9\x08\x91#\xd2y\xdcYR*\xb1\x08\xc2"\xf1\xe6\xbb\x03A\xe7\xffh9\xbf\x98\xb4\xf2,\x8e\xf7\xcd\x17\x1f\x11^\xb6\xd7f!\xd8\xd0\x14\xe32\x14\x16\xff Kjuu\xa9\x82\xe0\x98!Pj\x18RD\x81\xa0\x88\xe8\x18\x1cc \x10\x1e\x80\x10\xab\x8e %\x0c\xb6\x11\xe2VI\xd5\x10t\xd3\x08\x13\x8c\x831\xd1\xd4,q\xc9f\xb5\x8eV\x93\xb2\xdb\xd8\xa95\xd9\xf3\x83\xcd&gt;\xcf\xcez\x0fF\x13%\xb9\x1f\xbf\xe7\xfc\xce\x9f\xfb\xfb]ji^\xef\xca`\xddMlggttg\xa7\t\xd2\x01\xe4|/h\xa81:\x14O\x9e\xfc\xe9q\x85\x84\xcf\x07\xac\xc5\xb9&lt;\xe3nSE\xeab\xe4\xfa\xf6\xd0[.&lt;\xcd\x15\x92\x15\xff\xbahIF\xd3\xf6S\x9b+\xb0;T&gt;\x88UKSn\xcc\xcf\xbf\xfa\xfa\xbb{\xb7\x9bvP\x8b\x8cv\x10\xab\xe7W6\x944\xf2\x84\xd1\xd9\\Q\xc4r\x82Zs\xe7IO\xf2\xd3\xd6u\x1e\x96\x02\xbd\x92F\x88\xda9\x91P&amp;\xd32\x9eKn\xdfn\x86\xc9\xd9\xa8\xa5I\x95\x1b\x1b\x1b\x99\xf9\xafo\xdek\x82Zt\x0f\xa6\x9fW\xf3\xf3\xf3++\xbdJ\x84\x05^\x84\xc0\xe7\xf3C\xfc\xa0v.133s\xdd\xa7\xafKF\xb6.67s\xfbQ\x10\x0ba\xc5\x1f+\x1c\xb1\x89N!\xe4)\x95\x8a\xc7S\x1dp6VV6\x0eZ9\xbc\xee\x03\xe6\x01\x93)\x16\x0b\xfb\x1dD\x0c\x93@\xf2\x92\x10CNP\x0b\x8fS\x8b\x85\xe3\xef#\t\x88y-#\x08X\x0f1\xa7\xc73\x11\xa5\x9b\xd2i5\x85N\xe9\x8c\xb2\x85Bvm\xb83\xda\x19eA9\x82"D\x979H\r\xae\xc7\x18\x86\x95\x12C\xe0\xc4&lt;&gt;\x87&lt;\xd1\xa9\xfd\xa3u\x96P\x1bT($\xb7\xa7w\xf8\xa9F\x85\xd0\xf0\xbda\xc8\x96K\x9c\x1f\x1d%\x12\xf0}\xfb\xe8h\x1b~\xae\xcf\xfe\xe5\x05\xbd/H$\x11\\\x0fJ\x01+\x14R\xf4/\xe6~\xc0\xed\x84\xe7V^\x14%\x03\xd6\x9d\xbb\xd3\xab\xa5\xa4\xc6R*\xe5\xc5\xec\xcfsG\xdb\xe7\xdb\x9b\xf0\xba\xb8\xd8\xbeH$r\xf9\xdc\xcf\xfb"i9F"5\xc6]\xa5\xa5.\xc0\x82\xd0\n\x9c\xe3\x875\x83\x82+\xe8T\xf0]\xd3\xd3\r\xc4FWEu\xab\xe8\xa7\x9f\xfe&gt;;\xe4\xf7\x87c\xb1Nam\'\x9b\xa2N\xd3-\x07\x9c\xf9\'.\x02\x81\x10\x8f\x00\x96\x0b\x0b\xf1\x19d\x88x\xbc\xa8Jz\x12\xeb\xa2Z\x86\xd3\xe9\xc4\xe2\xd3\xf1\x86\xc6\x01\xd7\xad\xcc\xc1\x1b\xbb\xe0}:\xedV\xb1\x0f\xc0\xde\x1dd\xb3\xd9\x83\xec\xd3\xaa\xba\x8a\xf8*\x810\x00X\x11\x0c\xe3?\xef\xd7\xe4\xb6{n\xe0f\xdb\xf9}a\xbf\xc2\xa9\x08\xc5\x1f\xc2U\xe3\xae\'\xd5\x99l\xd12\x99\xd3\xd3\x93\x93\xd3\xd3S\xf8\xc5\x06\x95\xda|7\xbe:@ 4\x12I\rX\x19\xca\xf1\xb9M\x1cO[\x1f\xe5\xe6\xa24\x86\x93\xcfox\xb8\x1a\'\xc4\xd1\xa4\xbf\xd1\xca\xc9f^\x01\x13J\\\'\'\xf72\x99\x0cL\x92\x12W\x1cQ\x91\xca0\x8c\x08\x91\xa5\xc9\'p;&lt;\x0c\x8b\xf1\xe8\x1f9?\xc8\xa5\xe0\x93\xd0e\xa1\xcf\xab\xa8\xa3\xaeld\xb2\x19P\xeaw_\xfe\xe17_\x9c\x9e\xde\xac\xab\x83\x0e\x02C\x7fo$\x11\xcbJ\xcb@,r8\x97\x18\xb9\x81#\xd6~\x1e\xe4\xea\x0f*\x88\r\r\x04\x82+\x1e\xbf+\xa9\xa3R\xeb\xa0\xfc\x9c\x9c@\x97\xdc\xf4\xcd\x13\t\x16\nI$\x12l\x870\x8a\xa8\x9c\xce;\n$\xd6y\xa2\x07O\xac\xd9\xf5\x9c\x9f-c&lt;w\x92\x88\x90\x00 \xba*\xea\xea\xf8\xa8\xba4\xd7=W\xf0\xa1\xb5A\x8d\x04V\x81E"\x8d\x1e\x8f\xc7\xe1\x84\xe6!\x08U+\x97;\xc7\x13k{jv.\x1f]\x82\x89_\xe1tx&lt;$\xe0\x92HB\xa1\x94g\xd7\x133\x1ac\xb1\xdd]\xc0\x8a\xb8\xe0\x95\x82\x06\xccc\x0c2\x82\x8c&gt;\x18]s\xeb9|\xb1^\xce\xe6\xd7)K2o_\xd0h4:"q\x17&amp;\t\xa5R\x1e\xcf\xeen,\xe6AP;`.W\x04Q9&amp;\x16\xfb\x83\x0c\x19\x885\'\xc2\x17\xcbfx9\xbb\xce\x12/\xc9\n[sFb\xe4.\x86\x85"\x11\x02\xb8\xce\x83\xa4\x1a\x18 \x0c\x00\x15\x81\xe4\x00\xf1&amp;\x16\xc9\xfd\xe0BM&gt;o\xb3\xe1\x8a\xb59e2\xbc\xd8_\xa7\xb0\x97h\xb5\xe4\xc5\xc5\t\'4\t0\xe2DvV\x07@\xa8\xe4\xeb\xd7\xafWWW\xe3H,\xd02\x16\xd0h\x16\x19\xda\xce\xb9\xfc\xbe\\t\x8e\xe7J\xdc\xb4\xc1\xe4\xf5r\x7f\x8c\xc2.\xce\x15\x13\xce\xb2\x07\xa8I\x88@o\x9aL~\xfe\x8c\xb8\xe2\xe0X\xa2\xc38a\x0ch\xe0\x1dZr8\xbf&gt;E\xc7\x17k\xdb\xa6V\x1bj\xa6Dt1;\x1a\xf5\xc3U\x83\xfc;\x0f\x10V$\x05X\xc9$x\x11\xb0\xc0\x85\x0e\xf0p\xa0\x13\x0c\xdd\xaa\xb1\xc9\xe9\xa2\xdcH\t\x9ej\xa9a\xb6\xaf\x99\x1a\x03.\x96\x08q9\xf9e\x92\xc2bDN\x1cM\xa5"\xe0A\x92\x07\xc4\n\x80X`\xb5~DE\x89\xce\xcd\xe0\x8b\xb5\xa6\xb6\xd7\x18\xe4r:\x8b5\x06\\\xe4 \x14n\x18!\x1c\xb0\x1cA\xabT(\x14"\xa6\x1cE*\xbf\xdf_+\x12\xed\xefO\xd1a\xf0\x0e\xe3\xd7\xd7\x94\xdc\xd8\xb4\xd1\xd7,\x88\xcb\xa4\xa6\xd3\xe9\x88\x0b\xadGc0ht\xa4^\x7f\xfe\x9c\x1c\r\x85\xf8N\x80\x9aX\xd4h\xfc"\xb01\x91h\x8a.\x06\x0bo\xe1\xaa\x16\xc5\xe2\xa6\x00\x97\x00\xb8\xd4r\xb8\xa8_\x83\xb6\xf0\x8d\x0e\xcf(P%G=\xc5\xa8\x9a\xd0t\x02\x95mL&gt;e\x93\xcbY*\x15S\x15\xde.\xc1\xefA\x9f-\x9b\xc5\xe2\x16S\xd4\x82\x1a\x81]\xad\x1e\x92\x17v\xd1\x03\x80\x05I\x0b\x85|r\xd7\xe3A\x0e\x0c\x00\x95m\x0c=\xce"\x97S\x840\x84,\x05\xb6[\xf0SkK\xe4v\xbb\x99*\x8aI\xb0,\xb0\x9bLCCS(\xee\x03\x81\x18J\xf3`\xa3I\xc8\xf6\x81\t\x88+\x91mJ&gt;\x04\xe0&amp;:{\x89\xe7\xe3Iq\xc5\xfa\xc1\xeff2U&lt;\x15\xc5.X\x060\x83aH\x0e\\a\xe0B\xf5\x10\xb1yb\xb1@,\xd0)\x9a*&lt;\xee\xa36\xa9\xd9R\xa9\xaf\x97#\r\x1c\xe16\xf8\x8c\xccl\x86\xddL\x9e\x8a\'e\xd3\xed\x80%\xb0\x0b\x0c&amp;\xe0\n\x17\xb9\x8a\x16\xc8\x83\x0bECC\x86!\x13\x98\x9a-S*\xf5V\x8eTs\x84\xcb\xc3G-\x97_6}\x97=`\xb9\x99\xad&gt;p\np!\xbd \xc6\x0c\xc0\xe5\xd7 \xb2@\x00EU \x10\xf6C-0\x0c\x19\xc0\xcbj\n\xcd\xeb\xe5Z9\xad4M\xa2\xa7\xf8\x10\xfd\xb5\xc2\xb5\x1c\xef\xb5\xeb:&gt;\xbeG\xc7\x87{{}&gt;\xa9\xb0\xc0\x85\xc0 \x8b\xc1\x82\x84\x10\x83\n\x08\xf93\xec\x17\xc9\xd1\xadA\x81\xdd\x0eTK^\xef \xd7j\xf5\xf9j\x03\x17[\x97#`\xd7\xf90F\xc9\xe5\xbf&amp;;&gt;,_]\xa9\xdd\xdd\x1c\xab^\xaf\xf4\xf9\x80\xab\x08V\x03`&amp;\xb9|l\x8c\x15e\xb1 S\x01T\x8d\x00\x0c\x96*]\xe8\x95\x8d\x9b\xab\xf4\xbdJ\x9f\x90\x9d~\xd3:\x7frr\xf2\xc5Y\xcbuA\xb5\x8c\xfc\xb3\rA]-\x17\xb1*\x07\x95J\x1a{-m\xff\xafb\x053 C\xb7u\x11\x14$6\n[\xe6\x05\xaa*\xbd\xde\xdb\xaab-/\xbf\xff\xd8\xd1&gt;\xfc\xd5\xde\xe55\xdc\xfe\x06\xa6\x99\xe3O\xb7\xdf\x1e^]\xd9\xd3iA\xda\xdd\xfd\xd4ZUi\xa6z}R\xf1ZZ]\xe4\xb2\xdb\x0b@E+(e\x07(\x8a\x90\xa6\x1c,\x07*\xee\xa0\x9e\xa7b\x99\xec\xe8\x1f\xfb\xa8{;\xdd\xf3\x7fF\x18b:\xfbf/\xfbN\xd7v\xb8\xc6\xe30\x01\xeb\r\xa7\x15\xb0*\xcd\xe3^)O\xbc\xb6\x06\x95\xbb\x08fR\x83\x99@&gt;d(\xd6\xa1\xc7(RUq\xa9T\xbdOEQ\xab-\x16\xf5\xf7\x7f\xbe:\xdc;\xebA\xfb\x05%\xbf\xb2\x00\x96\x94\x8c\x1c\xff-s89\xd9\xde\xa1\xebz\xfb\xb4\xd2\xca\\\xb3\x03V\xaf\xf5\xdb\x85\x85\x05\xf3x\x1fO%\xb6\xd0)\x16\x80)\xba\xf2?L\xc8}\xe0?\xe1\x12\x99\xd6W^YUU9&gt;\xce\xd5\xf3\x98\x965\x8b\x85\xe9kU\xa5\x7f\x9c\xdc\xdb\xf9t|9\xf3+&gt;\x04\xa1\xe0\xbc\xcbO\xf3\xd9\x8e\x8e\xf6\xb6\xe1v]{\xfd_\x17\xccV\xa6\xa5\x80\xa5\xd7/TWW\x97;\xfbP^\x85*L\xa1\xabM\x06A\xcdr\r\xf2\xa6\t\x9cG\x11G\x85B\x9aV\xd67\xce\xad\xaa\xa4\x8eS\x07\xb9\xbd\x1c\xc0\x82\xfa\xe0\xd3\x9b3\x8f\x9eMN\xfe\xf8v/\x93\xfat\xd9\xf2?\x91\xc1{{f\xce"\xd9w\x1d`\x93]]\xcft\xcf\xba\xfe\xb8g\xb6r\xdc\x80\xd5m\x05\xbf,T\xdf4\x9b\xc7e*\x95P,f\xb3\xd9,\x16\x85\x8e\x8c\xc2b\x01P\xc1\xc8\xfd\x88\x8a\x0b\xde\x1e\xa7Vr[\x91Z\xee\xeen\x1fw|\xef\xf7\xc3\xc3mmm_\xe9:\x0e\xb3;g3\xbf0\xceJ\nL\xc7\x9f3\x05\xa6\x8e\x0e\xddp}\xd7p\xfb\xb3\xae\xfb{\xe6\x05\xab\x1bb\xab\xfbi\x95\xb9\xb2\xaa\xfa\xe6-3\x17\xb8x4!\x1b j\x0bF&amp;w\x92\xc1h\xb5K4-\xa3\x0f\x12\x96\x9e[^^\x0e\\\xfa^\x1fs\r\xb9\xd0\xca-\xdf\xab\xef\xaa\xaf\xaf\x7f\xf4h\xf2\xc3\x07]\xfbaf\xf5\xf8\x17|\nH\xe1\x031\xceF7\x80I\x07_:]\xfb\xb3\xb6\xfb\xbf\xedz\xd6&gt;|\xff\xed\x02`!\xb5\x9e~[]^\xb9P}\xab\xbcR\xcfU\xf2\xa42\x19m\tP\xd0\xed\xf8E0\xadV\xf6o\xbe\xcd.\xb4\x8d\xec\x8e\xe2\x82\x91\x07]f0\xcc\xa0\x914\x1al\xad\xe6!\xd9 \x17\xe3\xba\tL\\\x12\x15\xa1\x0ffQ\xb1@M\n~\x91-BS\x0c\xc5\x06\x07\xd7\xc6d\x1d3"\x94\x1d\xc3t?\xc4\nJ\x1e\x14\xbc\x90\x87\x85,}H!-yH!\xe4E}1\xd2\x822\xe9\x93QH\x9c\x07\x83\x1d\xcc\xa6\xd8=\xff;Vh\xe9\xc7?66\x8a&gt;~:\xe7\xdcs\xaf,\x1b\xdf\xdf\xba\xb5\xb2\x02\xaa\xc9T\xeaA&amp;\x83+\x06X\xb3\xcb[S3\'\xa6i\xe6\xf1\t\xb9\x8e\xaeW\xab\x9d\xee\xa5\x1f\xde\xff\xff\x1f_"\xe3\xef\xdf&gt;#\xef\x96h\xaa\xd5j\xbb\xb5Q\xcb\xe7\xcd\x8dv;kt\x1fn]$\xac\xcb[\x0f\xc153SN\xad\xfd\xe6\xab\x95\x1b7\xe8\xb7\xc6n\xf1\xb9?\xfdG\xfee~~zem\xed\xea\xd5s\xa9+W4\r\xb1_^\x9e\xbd\xb8\xb9\xf9\xab\xd9\xa9\xf5\xf5\xae\x93\xcf\'1v\x05\xbb\x06\x1e\xa85\xd7\xda{y\xe7\xd5\xff\xf4\x12\x97\xdf~{\x8d\xe7\x89\x13aZs\x98\x9a\x9d\xcc\xd7\xdb\xed\xba9\x00\xd6o\t\xeb\xeb\x87\x93\xa9Lj=U\xce\xac\xd1/\'}\xb5\xb2\xb22\r\x94\xfb\x98y\xbc\x8c\x9e\xdf\x9e\xbf\xdf\x00\xd5\xda\xb9\xc6\xfcvL\x1b\x83\xe5W\x97//~\xbe\xf93`\xcd\x9c$\xf3I\x05cW\xe6Z\x04\x86\x87\x82l/\x9f\xbd\xfa\xef\x8a\x11\xd4\x9b\x93\xbd\xeb{\x98N\xa7\xd3\xaa\xb6Z\xad9D\xb3V1\x92I\xc8\xb5\x91\xb5\xbah\x08\x8eEr\x953\xa9\xf2Xj\rU\xb96===\xbf\xad\xc5b;9-w\xe5\xc1&lt;\x0e\xf7\xdb\rh\xd5hl\xef\xc4\x8a\xa9\x99\xf5\xc9\xab\xd8\xac\x17?\x7f\x02\xac\xd4#\'\x99\'*\xd1@\xeaA\xb6\x14d\xe5\xfa\xd1\xfe\x83\xff|#\x81b\xfe\xea\xf1\x893X\n\xa0:\x90\x96KU\xa9\xd5j\x96\x1e\xc8\x95\x1f|\xbd8\xc4z8S^(\x97S3)&lt;\xfeZ\x83@\x88+\x1e\xcb\xe1\x85\x90\xb6\xade\xa0\xd6\xda\xda\xf6\xb38\xa7:\xd7\x98\xba;{\xf9\xe2\x93{P\xeb\x04\xfe)\xa2(2\xa3\x06\xacJ\r`GG\xb4\xb4\x8e\x8e\xf6\x9f\xbd\xff\xf7we9\xd4a\xdfs\x07K@\x1at\x06s\xa4S\x85[hY\x96\xae(\\.\xa3\xbb\xb89\xc4\x1a\x1b+/\x143\xa9T\x06\x04\x8d\x06!\xc5c\xc1\xc4e\r\x176\xa6\xefo\x97J2\xae\xb1\xde\xc8`\xb3\x9e\x9d\x05\xd6\xdd\xa9\xae\xc3\xa9\x18\xf3\xfa\xfd&gt;\xf7b\xae\n\xa4`\xd1\x1f\xfd\xed\xed\xbf8Ie\xfe\xe3\xc3\xbe\xeeyn\x9f\x94\x1a\x0c\x06\xa4\x92U\xc3m\xe6Z\x15\xc3p\x14%\x99\x05\x97\xd9\x7f\xb9\xf9\x84cMM\xd2_c,\xc8\xe5L\x06\xe2\x00K\x8e\x15J\xa5h\xb4\x80\x89\xc74-\x03[?+\x15d\x02o \x868C\xdc[|roj\xab\x8fd\x89\xcc\r3\xc72\x0c\xc3\xaa\x81\x8c\',\x98\xbd\xee_\x87/r\xa1\xd4\xdb\xd7\x87}\xc7\xf3&lt;\xc6\xfa\x9d*\x19H\xeaZ\x86\xeb\xf1\xdbA/]\x1c\xda\xf8\xfd\xe6\xf7|\xabF\xcd\xa7\xca\x0b\x0b\xc5"\xb8b\x1a\x92\x15\'\xaa(\x07\x83\x95\xd3\xd3\xdb\xb1\x98,\x17\xf1\xff\xd0\x13\x99\x07\xd7\xe2\xe6\x8d\xe5\xae\x9d\xcf\x8ba7\x1cq\x1d\xc3\x02X\x1f\x0f\x80\xb8T\x97\x02\xb2\xa3\xc1\xc9\xebW\xc1y\xecv`\x9f\x1bq]\x97\x19s\xb4\xfeZ\x1c\xcbq&lt;\xd7w,\n\x97-\xc2Fpe\xad=`\xdd\x85XP\x8b\xb0\xe0c1\x93\x93\xe3\xa58\xc7\xea\xad\xae\x96J\xf1\xd8\xf6\xfcg1M&amp;*h\xa9\x15S\xeb\x93H=\xb0\x96_\xf4Q\x0e\xe1\xb0\x1b\x01\x96c\xd0p.,I\x80-\x1d\xfd\xe9\xbb}\xa3\xdf\xfd\xe16%\xec\xf1\xa1\xefG\x04!\x12\x890\xc6\x8cV\x95\x97\x15\x99hx\xccs\x99\xef:xZ\x8c\x89I^^\xd6\xfe\xc5\xcbw\xef\xa2~P\x0f\x84\x05.\x8c\\\x88\xde)\x95z\xbd\xde\xd3^\xefN\xe9\x8b/\xf8\xcfL\xcf\xb0\x8a\x19\\y\xbd\x01\x17\x7f\xb1ub\x9by\x11\x8f$\xf8H\x06\x98\xc0U\xe3Q\x99\xebT\xab\xc7\xdf4\x9b\x07}\xc3"\xc1B\xa1S_\xe5PP\x8b\x89Vk\xa9zV\xa2\x0e\xdc\xd7\x19\xe9\xed\x19\xb6\x83\xb5\xc3\xe3\x95\xed\xbf\xb8\xbc&lt;\x05,l*c\x0b\xe7\x17\x16\xc6e`\x15\xe5x\x14LO\x9f\xfe\x03\\=\xfa\xf9\xb2\x86\xb4\x01L+\x16\xcb)\xba\xf2:\xfd\x99H\x97\xa8\xc2\x82*H\xc0\xe2\xd9\xe2\xe1\xa2\xb5\xd5\x07\xaa|c\x00\x00\x07\xc3IDAT\xea\x1c?o6\x9b\xdf\rt\xd0v\x7fy;\xa4\xaa\x80\n\x93^n8l\xb4\x82r\xc7\x96\xd3\xef[\x96\'zLt\x91\x03\x03kg\x18\xfb\x17\x84\x95J\x95\x89\x0bX\xe3\xa4\x97\xa6\xc5\xe2%\x02\xeb\xf5H)\xb2\x0eXX\x94\x1c\x0b\xf1"\xae\xaec\xe6u\x16\x11TU\x85\x03@\xaaq\x07\xf9t\x0eF1\xcd/\xf7t\x1d\xa9\x1b\xbc\x0eI\x92\xaa\x92\xae\xaa\x00/\x1ddk\xa9J`\x1b0\x117\xd6]\xa6x\xbeg\xdb\x0c\xdf\xe49\xd7\xc9\xd6\xe4\x0cYXN\x95\x8b\xe5\x85\xf1\xc2\xb8\\\xd4\xf8\xc4xK\xf0o\x8b\xc4\x19\'\x1b\xcb$f\xb1\x88~\xebzv^\xa1\xe7\xaf&amp;&lt;\xd3\xac\x05\x13@U:?\x07\xd4\xc4\xe8\xe8\x85}\x9d\xb8\x8c~(\x91N\x03L\x92\xf0ER\xfdJ;\xd8v\xda\x1b\x1b\x08\xbda9T1\xae\xaf\x9b\x8e\xe0\x8aJ\xbe\xbe\xd1\xae\x1b\xa7\x8f\xb0\xe6\xcb4x&lt;\xfe\xc6\xdc\xb8L Z.\x17|\xc2@"\x8c\xcb\xc1J\xe5!k&lt;\xf2\rSq\x89J\xf5\x1d\x94\x91\xe78\x1fL\xdc\xfb\xe9(\x9f\x89\xd1c\xddVl\xddpB##\t)\x9dH$FF\xa4\xb4\xe4[\x95\r$\xbb\x8dp\xb57\xea\xa4\x17\x82\xcf&lt;\xcf\xd7u\x1feC\\\xb8\xf8p\xac\x98!\xb1\xca\x14k|\xcagE:\xd4\x8c\xa6\x84\xd6\x92IG96\x1e\x87\xa0\x8fN\xd1X\xae@T\xaa\xaeDT\n\xb4\xcbt\x9b\x02\xd6!\xaa&amp;}L\x1c;\xe8n\xdb\xe6X\tN\x05\xbc\x84oX8]\xd11m\x0e\\\x15Kg\xc8\xbb\x88\xf2\xf0=Q\xf2\xc3"j\xa2N\\\x1f\x91=\xa8S\xb9\x00\x0fi\xe2\x1f\x06\r\x81A{\x91H \x8e\x8f\x93\xcf\x1f\x1d\xea\xf9$\xf3\xc1$\xa5}E\x0c\xab\tI%\xfd\x930\xad\x7f\x00\x99\x9aD\xd6l\x1e\xdb\xc0\xd2u%D&lt;\xc1GB\x1a\xf1\xed\xa4mekuZ\xb6\x95v\xbbb9\xd0\xdaF-\xbb\x02s%\x01\xb17\xb3\xf5zV?\xbcD\x06\x15\xe5\x05p\x15b\xb2Fm\xcak&gt;Z\xa2\xe1PX\x87\x80\x02\xe0x\xa1p\xfe\xd0\xc3\xa6\x13!\xaa\x84\xa0 \x18.T\x13\x18a)\xfd\xe3\x0b\x13\xdcBP5\xf7\x93\n?_\x84FvG\x82\x81XiWq]\x91\x945h\xeb\x81l\x96\xc7t\xc3V\x18\x0b\x83K\x85\\\x01\x97wxi\x1cZ\x05X\xd1\x02\x89\x12\x0f\xa0\xa2Q\n\x95FB\xd1\x85\x84U\x88\xfe\xfe\x9dk\xeb"\x13\x10\xe1\x84\xc4@\xc5D1"DD\x1d\x0fe\x1d_\xe0i\x0f\xe6X\x1fb\r\x07N\xa6\x99\x82\xa7\x11\xc6\xaa\xa3HZ\x04\x96\xd5u\x0fB3\xd7\x97\x98\x9f\x00\x17\x0e\x96\xd9\xac\xa9\x9f\xfe\x01\r@\x0e\x82\n\\\xe8\x87\xb3\xa1\xce\xca]+\xcaA\xec\x89s\xf5G\xef"\xb8\x87pD\x95\xf0\x8f\x9a\x10E\xcf\xf0\xa1\x9b\xa6Q#\xaa\x0b\xa3\x1f\xb0\x1c\x91\x1f{\x80\xb5K\x13\x90\xe9IQ\x80\xe9\xc8\xa3\x8f\x1a\xf5\x8c,\xb8l\x08\xa6\xebnX\x95\xdc\x08\xf4J\xe2\xb0\x1apa\xd7\x8b\x13\x16\xed\x84&lt;Uqd[\xcb\xe4\xb63\x99k\xf2N\x8c\x93b?z\xfa1\xa8\x14\xdeW\xd2\x88\n\xdd\xc3abB\xdcm\xd3\xb2\xf6\xbf$\xad&amp;\xf8\x00\xeb\xc0\x10\xf9p\xb5\x86\\\x92\x8d\\"\x00\x10N\xa5\x9a\x85b\x94p\x04_\x87\xbb\xc8hB\xc5.\x94\xa4\x93x^9}\x13\x8f\xc9\xe3\xb1\x00\xab@\x87-y\xe1\xda\'\x99OP\x11\x10\xaf\xc0\xd3\x1f]\xed\x81JehQ*\xa1\x91]\xe0`\xa7fd\xa3nX\xa6\xb5\xff\x1cHgT\x94{\xc2R8V"\x9d\x189SK\xb5L\xacb5A\x86"k\x92$@\xb0z\xdd\xc2\xde\x88\x9c\xfa\x92\x10N\xf0|%\xc1\x95T\xfc7&lt;&gt;\xe4"lDce\xe8\x17\x912\xb9\x1d-Fg\x1c\xd2ju\x15\x0e\xe2&amp;\xa0\x92\x88\n\x01%\xb1(^:\xd7\xea\xf9\x10i\xe2\xd3!\x16y(\x86\xa4\xa0\x1ev\xe9\xc3\xc7+\xa5\xbc\x12A\x81Q\xc9R\x9b\x11\x18-=\xe6\x8a"x\x05!\x81\xb6\x01X\x1eG\x01\xc5?&lt;_\x8a\x17\xce\\\x94y\x91\xe62\xda\xce\x0eJ+\xfa-]\xba\xda\xeb}\xfcN\x8a\x04Tx\xf6\xbe\xeb\xfa\x11\xae\x15\xa8,\xcb\xdc\xfb\xdd(a}\xca\x87\xc7\xfe\xc0\xd0\t\x8b\x85hyH\x01\xd7\x88\x93\xc5k8S\x17\xd2\x894\xdd\r\'\x96|\x07\x82\xa1UQ\x13\xaa$@2\xce\x85rL*\xee\xe1\xafK\xd1R\x01\xa2D\x83\xfd9\x97\xcbQ\xa68\xd2\xea\x1dl\x92?y\x97\x16\xb0\x8a%~\x7fB\x98w(_\x88\x8em\x1a{\xdfp\xad\x80t\x93\xa8\x9a\xe8\xae\x03\xcb\xa6\xd2\x10C\x02\xed\xd3\xa8\x13`%\xa8L\xebY\'\xc2q$\x12\x8d\x02\xa7\xfap2k`\x85CG\xe8\xa5\x86#\x0c\xe7U\x8c\xc8N\xff\x12\xed\x11\xc2j\xf0\x0e0&amp;\xfe-\xf7\xee\xcf\xab\xd1;\xbd\xbf?\xde\x95\xd4HXH\xe3y""\xd8y\x84\x08\x19\x88\xfc\xe8y\x93\xca=\x80\xbay3\xa0\x9a\x18=\xc0\xe1\xceNr,\xe6a\x99H\x00\xc0\xaeE\\\x96\x03\xcd\x13$\x98t\xe60)\x86\xd5g3\x01m\xa8J8q\xd0=\'\xff\xd9\x95\xd5\xb3\xb8\rDA\x83,\xb3B\x95\xb7ZYi\xa4\xdaEHgp!\x02jT$\xa4;t\x8dA\xcd\xd5I\xe1\xe6\xe0\x1a\xe3J\xc4J\x13\xc8o\x08\xf9\x03r:\xb9\n!M\x04\x17\xd6\x08\x91"\xdc\x91pA\xc6A\x84\xe4 \x99\xb7\x92\x85\xf1+\x8cW\x9f\xb3o\xe7\xcd\x9bE#\xcb0\xfe\xfdxu\r\xf7\x97e\x941\xc4;\xc2\x94\xd2G\xfd\xf9}\xb9\xcfq\xbd\xa6\x01\x92#r\x93\\J\x9f\xb8\xd5\x1f`\xd3\xe2\xdfL\xc7\x1d\xa86W\xe3\xf1n\xe6\x05&gt;\x12\xd0C\xc1\r\xec\x05\xf1\\i&lt;x\xe8\xb9#C\xc3\x90z\xb7\xea\x16\xba\x026Q\xc0\xb8\x03\xfd`$&gt;XJ\xd2k\xf6\xeb{\x9a\x95e\x96\xa5\xf3\xeby\x13\xf8;O3\tT\xe4\x02\xb8\xa3\xb4\x87\x93y\x00\xf9!\x10\xd4t\x14*\x85\xe9\x90\xab\xd7\xb4\xa2Of\x91\x8b\xae\x02ni&lt;\x0e&lt;\xbb\x10\xb9@\xb9Ax\x93\xc0u\x83\x84\xa6(\xe8\xa9pc\xe0Z\xae\x0b\x90\xdf\x05\xf1\x18/4Xl\xfaQ\xdc\xed\xf7\xcd\xfa\xa9\x94e\x99\xbe\xcf\xd2\x94&gt;\'\xa6%B\xfeyT\x13=1)bBN\xe6\ts\xc1\xa6GU\xe2\xe8f\x07T\x17\xa7\xa8\xc6\xd3g\x91\x8b5 X\x1a\x0b&lt;\xcf\xd6t\x11\xab`1\xd4\xd7\xb5\xc0oA\x8f\x057\xa0\xcf\x02\xc0\x1c\x1e[\xb67\xb1\x17\xd0\x1c8\x14\x8e\xa2\xea\x938\x16&lt;\xdf? `R\xe1ic\x9f#M\x8e\xa3R\x95\xebZ\x1f\xb3c\x94,\xb8\xe0d8\xda\xee\xbaTu\xa8\xa8\x1c\xa7\xe7\xd1d\x80\xc7\xf68+\x00+r\r\x93\'\xb8\x13\xd4\xe1\x85\x81\x84\xf9\xc8\x8b\x89\x99:X2\xcc\x13\xef\xc8s\xc1\x13Rx\x7fha\xd5\x95\xe0\xd2rbbf\xbd&gt;\x93r\xb9\\J\xb9\x91\x9b\x8d\x94\xebZ\xf1RoR\xa5k\x056\x0c\x8c5\xed\x10\xa4\xdc~x~\x00u1&gt;Bu\xf5\xf6\xd3\xa5M\xe4\xeb\xd1[-\xd4\x9f\x81\xc2\'\x93Fj\xc5\x19\n\xc5\xb7\x12F\x8f61\x8cc\xca\x18J\xa0H\x94d\r\x12;\xc1\x08M\x8a\xf6\x01\xb0\xb5\\\xd4\x95\xdc\x1c\xe2a-\xb8\x82\xa3+\xe5\xe1\x94Y\\\xa8\xda\x1dy\x99\xc5\xef\x0eT\x93*Z\xc1+\xa2\xfe\xf4M\x94 \xa9\x01\xc1\x8a\x93\xe8\xd2\x83\xa5\xc2\xca0U\x84\x82&lt;L\xe0\x07V\xac\xb5C\x10\x83\xfaFcG\xa0+\x0c\x0e\xb2hJ\xa2\xd9\xa00\x9e\xd7\x1f\x15\xa6\xc7U\x9d\x9b\xad&gt;\x136A7\xc1\xb1\xc5\xc3v\x9f\x9fl\xbf\xbc&lt;Au`\xff\x8bo\xb3\t6[\x81\xd7[\x85\x88j]\x85m\xac\xda\xa0\xa3\xc7\x07\xda\xb3\xe1\xe1_XU\xe1\xf1\x19\x1a\xdc\xdd\xfe\xbd\xbd[\x9dD\xd8\xdeRu\xaf\xb8\xff\xdc\xc5\xd7&amp;\xda\xd1\xcf\xb3\xe6\xaa\xaa\xfa\x0f\x1a\xbb\xc4\xa9\xa1#\xc9F\x00\x00\x00\x00IEND\xaeB`\x82'</t>
        </is>
      </c>
      <c r="M143" s="3" t="n">
        <v>45492.67859953704</v>
      </c>
    </row>
    <row r="144">
      <c r="A144" t="n">
        <v>377238</v>
      </c>
      <c r="B144" t="n">
        <v>1954</v>
      </c>
      <c r="C144" t="inlineStr">
        <is>
          <t>Matheus Pereira</t>
        </is>
      </c>
      <c r="D144" t="inlineStr">
        <is>
          <t>M. Pereira</t>
        </is>
      </c>
      <c r="E144" t="inlineStr">
        <is>
          <t>MEI</t>
        </is>
      </c>
      <c r="F144" t="inlineStr">
        <is>
          <t>MC</t>
        </is>
      </c>
      <c r="G144" t="inlineStr">
        <is>
          <t>MEI/PD</t>
        </is>
      </c>
      <c r="H144" t="n">
        <v>175</v>
      </c>
      <c r="I144" t="n">
        <v>10</v>
      </c>
      <c r="J144" s="2" t="n">
        <v>35189</v>
      </c>
      <c r="K144" t="inlineStr">
        <is>
          <t>Left</t>
        </is>
      </c>
      <c r="L144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5c27b35-8c17-4459-b02e-533dd89b19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:]r\x00\x00\x02\xfdPLTE\xff\xff\xff\x01$\xa7\x005\xc5\x00]\xf0\x002\xbf\x002\xbb\x000\xb8\xfd\xfe\xfe\x000\xbd\x005\xc0\x8fK9\x97R@\x00V\xea\x01,\xb6\x8aH8\x8aOA\x012\xc2\x91N&gt;\x80D2\x92RE\x00(\xac\x00:\xc7\x80G&lt;\x009\xc3\xa6\\G\xa3VE\x86A/\x87E5\x00,\xb1l:-\xacUEs@5r6#\xa9]I\xa6N&gt;\xaegV\xf9\xfa\xfc\xb5iYy=-|A2\xc7\x7fl\x9eVD\x9f\\K\x7f?*r%\x0b\x98XJ\xa9dT\x86K&gt;\x97K8\xb1]L\xc5s_k0\x1c\x906 \x9dP@j?4X/#\x00P\xe4\x7f-\x15\x02,\xbbt&lt;)\x85;*\xf4\xf6\xf8\xb8l_vF:~OD\x01J\xde\xa8^O\x816!\xb3cR\xberey8#\x91E3\xbfn]\xadbKk5$v1\x1c{\x89\x7f\xc3we\x01 \xa1\x7f6*\xbdwjc3%\xcf\xe4\xef\xa2aRl)\x108\x15\x0cr{l\x8c@3\xbf\x7fj\'\x11\x0f\xb4ph\x00&gt;\xd0M\'\x1b~\x8f\x88kxq\x99&gt;+\xbc|s\xc1\xd7\xe9gqh\x03\x1d\x96a=3\xc0jW\xc8\xdf\xed\xa0G5b-\x1dy*\x11\xee\xf0\xf1F\x1b\x10k!\t\x01:\xcc\xc6yf\xbbcR\x82\x94\x91\xbbxb&gt;#\x1c/\x1c\x1b\x00B\xd8\xca\x91{r\x82y\xcf\xa0\x8c\x8dWJ\xdc\xe1\xe3\x871\x18_ie\xb5s`W(\x19\x86\x9d\xd1w\x8b\x8a\x18\x0c\x0c\xaam^s\x85\x82\xe6\xea\xeb\xc4\x81tgE&gt;\x00G\xd2\xbb\xcb\xe4[A;[6.\n\x05\t\xb6qX\x8a\x91\x84R\x1f\x12G-%\xd0\x9a\x83\xd7\xeb\xf7\x8c\x9e\x9b\x95_Rs)\x12\x8c=+}\x84vk}\x80J84a\\Q\xd8\xe6\xf1\xb4|j\xc9\x9b\x85\xc5\x89qrLC\xc5\x86{^#\x11sSM\x03%\xb1`OI\x18:\xbdkjaV__ddYpscO2+\'F\xbem\x8b\x94v{v\xb0\xc4\xdf\xadI5g\x83\xcc\x99G&gt;\x00f\xf5\xa7\xb6\xb8\x0f/\xaf\x85WK\xc3\x8e\x81VWN\x8f\x98\x8f\xdf\xec\xf7\xbc\x89u\xa8\xad\xaevaX\xa3A+\xbcZFe*\x16\xb5WC\x86hb\x8c\xa2\xa66[\xc7\xe7\xef\xf7\xb2Q=xsn]t\xbb\xb2\x88\x83\xa7KQ\x9a\xa9\xaa\xa7viIf\xc3\xc8\xd0\xd1\xa3\xb5\xd7\x0e\x11M\x1b3\xaf\xb5\xbb\xbb;.)-E\xb0\xa4\xbc\xe0\xb6\xc4\xc7\xbf\xcd\xd0ME?\x9diZ\x979:Ts\xcb\xa6\x98\x98JQL\xb7Xcz\x96\x9c=W\xb7\x9d\x7f\x81y\x19\x0f\x85{sy\x91\xcf\xb0:D\x1f3\x9f\xd7\xd4\xd4\xcd\xd8\xdf\xcd\xc2\xc3^nu\xbeIR\xbe\xa6\xa5\x93\xab\xd0\x07\x1a\x7f\x91\xae\xe2\xc6\x90\x8b\x8fro#c\xdb|\x99\xa5\xc6dn\x03\x12iOc\xb3u\x8d\xc1(*)^V\x92?E\xa0\x89}\x87f\x91\xd9b\x0f\x04sa\x8952{\x0e\n0fRt\x1f\xfd\xce\x96\x00\x00 \x00IDATx\xda\xdc\x97\xdfK\x1b\xe9\x1a\xc7{7\xb0\x05e= \'\x16\x7f\xd4\x98\x98\x9eZ\xeb\xcf-A\xa3\xc5h\x12\x9a\t\xb14\x8c%0c\x18\x94\xb6A\xe2\xf4f\xd8dZ\x86N\x14&lt;0,L51\xc8q+a2\xb38\x14\tmBMW\r4\x94\x94\\\xb8\xa0\xf6B\xc2\xe2\xc5\x8aw\xc5\xcbsy\x9ewb\xd9\xfd\x03\x12\xbb\x9c\'obH.\xfc\xf8}\xbe\xcf\xf7}\xbcr\xe5\xff\xbc0\xec\nz\xfc\xdd\xa0\x82\xe1?\xa2\x1dX\x87\r\xfb;\xa9\x84a\xd1\xacX\x0cc\xa5\x12V\xf9\x10\xc3\xbe-\x14TG\x87\xed\x8f\xf0~,\x16\x93\x8aR8h\xc3\xa26\xf8\xe8\x1br\x01Q0\x1c\x0c\xee\x97\x8aJA\x8c\x111\x02\x97\x0e\x0fJ\xd1p\xb8\xb4}\x10\xb6}#0\xa4SXb\xf2\xd9\x84\x9cH\xa8\xb2\x9c\x93\tB\xc3\xa5\xedt\x9a\x97)!\x1f\xee\xc0\xbeI\xf3l\xc1\xe8~!\x91P\xe0(\x99\xa4\xac\xaa1B%p\x11\'8\x8e\xc0Y2]\n^\xb9d\xc1\x00*\x9c\xdef\xb4\xcc\x12 \x81H\x89\x8c*\xc6TQ$d\x02\xc7q\x82\xa2(\x82\x94\x8a\xd1\x0e\xecR3\x03\xeb\x88\x96D%\x959N$dU&amp;T5\xa1\x88\xb8J\x88\x12{\x94\xa1\xf1\x18\xe8E\xe1$\x93\x0e\x06\xa3\x97\xe80h\xdf!\xc3\xd3\x99\x0cG\xab40\xa9\xb2\xa2\xaaJF\x85QL\xfd\x96@\x9d\x14q\x16\xb0\xa4\xf4\xa1D\xa6\xa3\x97\x85\xd5\x11&lt;\x95X&lt;F\xd3\x04N\xb0\x00A\x10*\xad\xe8\xc6R2\x04\xae$\x88\x98\x18\xc3I\x9cg\x18\x86\xe7\xc9b\xb8\xe3\x92:xZdH\x12\'\x80\t\xc8 \x17\xb2t\x06\x0cE(\x00H\n\n\xad\x9cdE\x86\xa5)\\\xa0HI*\x1e\x06\xb1\xcbq{\xb4(\x91$\x8b\xa0\x08\x16\\.\x92\x1c\x8d\x14\x8a\xb1,\xcdq\x9c"\x8b\xd9m\x96\xe28\x96\xa5xI\xda\x0f_\xc6}\x04n\x0f\x06\xb7I\x1c\x07=h\n\xfcM\x10"-\x13b\x96\xccdp\n8\xd9\x18\x0e\x88\xf0\x1d+\x08\x94\xc0\x80\xc3\xc2\xb5\x97\x0b\xb3\x9d\xe6A+\xf8\x9d\xa0G\x06Oi\x1c\x0eC\x87\x8b1\x91f\xf1\xac\x98\x15c\x14jo"\x93 \x04\x92\xa7h\x81\x17\xf8\xedp\xad\xa7\x11\xe2*O\xe24\x87\x1e8\xadP\xc7\x99c\x96#E\x1c\xa7\xd8\x02@\xc1\xd1\xb2E\x96\xd5b\xea\xb1\n\xd6b\xa9x\x9c\x17\xc8\xfd`M\xb9\xc0U\xe1}\x06\xa7R\xc7\xc7\\\x86#i:stLS\x94&amp;\'p\x92\x15EQb\x8a\x1a+I8N\x8aY\x96&amp;(\x9aca\x16\x81l\xbb\xa6\\\x98\xed@"Y\x8a\xe2\x8eS\\\x86\xa2R\x9cr\x04\x95L*\xaaF\xe3"\x03ZI1\x8d\x82)\x95\xb2\xa4\xc8\xb2\x02.\xb0q\xa6\\\xe6yf\xbf\x86\xf6\x02*\x86!q\x187\x8aS8J\x96U*\x95I..\xae\xe7r\x1br\xac\xa0j\'\'`u\x8dH\x80x\x14\x99%\x19\x92\x02\xcf\x0b&lt;\x83\xe6\xb1v\xa9\x8a\x05\xd3L6\x8b\x83aRGJB-h\xb4"\xcb\x89\xdc\xc6\xfa\x06pm\xac\xe7\n{_r\xb9\x82VP\x92\x1aK\xc1\xa8\xc2\x9f@k&lt;\xc7A\xaeJ\xd2a\xcdb"ZJK\x8cD\nBju&amp;\'\xe7\xd4\xc4j2\xa7\xe6\xee\xde\xbd[\xbf\xf7\xb2\xb1\xb1~\xb4\xfe\xd6\x83[/\x7f|\xb3w"\x8a\x85\x18\x89\xc74\x92\xe1)\x81KQB\x1c\xd6\x9f0V\xa3\x16\xa6y\x12\x87t\x17\xe8\xd5\x99\xc5\\.\xb7\xfe\xef\x99\x1fZ[Go\xffX_W\xff\xdd\xed\x86\x86\xa1\x86\xa6\xefz\x06\xaf\xde\xba\xf5\xf2\xcb\xef_\xf6\n\'\'\x85\x98\xc6@\xbaqg\xa8\x8d\xe5\x83\x1a\xddA\xc1&lt;\xc2\xe2Y6\xb1x\xaf\xb9\xb9yh\xc7\x87\xcam\xbfi\xb7G\xec\xc3v\x87\xc3\xee\xb6\xaf\xac8\x9d===Wo\x81h{\x00\xa6\x91\x9aF\xc7\xa1\x8b\xf9|\xdaV\x1b,[\x9a\x01.\x8aUf\xfa}s\x17\xd5\xd5\xf5\xe4\xc9\x13\xab\xd5\x1a\x89X#O\xac\x91\x81\xc8\xc0\xc0\x80\x0ei\xbf\xd9P\xff\x06\x81\x89\xff\xd5\xe2\xe0\xfar\xbexZ\x9b\x90\x08n\xa31\xa4\xe8\xa5\xbfR\x01\x97\xb5R\x118\x005\x10\x81\xb2Z\xddp\x1c\xe6\xc67\x08M\x83\xe4*\x97\xf3\xe9hM\xbcUb\xb2`w-\xd1\xec\xf3\xfd\x05\xea\xc9\x05S\x04\x98*j!*(\xb7\xdd\xedv\xb7u\xde\x050&lt;\x1e\x97\x90\\5\xd9\xb2\xd2\x10D\xa4\xde\xc2\xae\x8bZ\x06(8\x88I\x17jZ?\x03\x11k\xe4+W\x9b\xdb\xd1\xd6\xf9fO\x10x0W\xb0&amp;\x1b\xe9\xb6~\xf7&amp;gv|\xcb\x00\xe6\xd3\xa1t\xa5*L\xefQMW\xc8"\x11\xbb\xddn\x85)px\xddnG\xe7\xa8\x0cY_.\x9e\xd6`\x16m%\t\xb6\x01\x8dJ\xde\xf7\xf9\xba\xe6t\xa9\xac0\x82\x15\xa6\xe9\xe9\xf7_k\x1a\xca9=\xbd\xb22l\xf7z\x01\xcc\xeb0\x9b;\xd7i~ss3_\xfdM\x02\x0bKB\x9c\xe75:\xf9\xd8\xa77qy\xd9m\xb7\x0f\x0f\xd8u\xa8G\x8f\xde\xbf\x7f\xad\xd7\xfbG\xa8\xda\xdb\x07{\x9c+\xc3\xc0\xe5\xf5z\xcd\x9d\xe6\xd1D\x1c\xb0\xca\xa5\xaaSu\x946\x05(M^\xdc\xa9\xa8\x85\xc4\x1a^Y\x19XAP\xed\xed\xaf/\xaa\xfdu{{{KK\x8b\xa1}pk\xea\x82\xcb\xdb\xda\x9a\xa0\x00k3m\xab\x81Z\xbc\x10\xa7(y\xf1\x15Rk\x0eF\x10\xa8\xa6zz\x906--\x1fv?@\xe9/\x08\xaa\xb7\xd7p\xdd\x80\xb8\xa0@.s\xeb\x86\xb0Y\xe9b\xb5\xb1\xa2y!N\xd3r\xf2\xfe\xab\x8b&amp;Z\x87\xa7\x9c[\x06CKoK\xcb\xee\xf8|\xef\xee\xee\xaf\xbb\xbb\x1fvww\x81\xc9d\x1a\x1f7\x8e\x19\xb6\x9cS\xa8\x91^\xef\xd0\x0f\x1b\x1a\xc2:\xaf\xf6}\x8du\x1c\xf2qX\xeb\x92K\xf7wt,h\xe1\x94\xb3\xc7`4\x8e\x8f\xf7\xf6\x8e\xcf\xcf\xcf\xff\xaa\x17\xfc\x9c\x9f5\x99L#\xfe\x11\xe3\x18\xf8k\n5\xd2\xdc\xd6\xbcQ@r\x95\x8b\xc1\xaac\xc5\xe3g\x14\x97L\xdc\xeb\xf7\xf9\x96\x01\xcb\xbe\xe2\xec\x19\x1c\x1by62;?;\xeb\x9a\x9d\x9d\x05\xa0y\xf4\xc6\xe5\xf2L\xb8\x02\x01\xbf\xdfxc\x0b\xb8\xa0\x8d\x9df\xc0\xe2\xe2\xe5\xf2y\xba\xda\xdb \x16\x86\xe5\x97\xca$\x93\xcd;:\x95\x15a\x19\x8c\xfe\xc0\x04`\xb8\\}\x08lv\xb6\x0f\xca\xe3\xf2LN\x06\x80\xcb\xf8\xaf\xc1-\x84\xe5\xbdin^/h\x02_&gt;\xafvD`X0\x1f?\xe3\x00\x0b\xc5\x16\xba\x9f\x11\xd6\x8dn\x7f 0\xe9A\xd5\xe7\xea\xab\x94\xc73\x01T\x93\x93\xfeg\xa0\xd6\xd6E\x17A-\x8d\x89o\x9e\x9fW\xfb\xba\x06\xac3.\x95I,&gt;\xf6-/\xebk\xc30p\xfd\xd3\xf8lrbb"\x14B`P\xa1\x10\xe2\x9a\x0c,\x04\xfc\xdd\xddc\x83\xa8\x89SM\xc37\x11\x16\x15\xdf\xe47\xab\xde\xc4+\x08\x8bK\xeaWO\x05\xcb\x0e\xf1`\xe8\x06w\xbb\\\x13\x9e\xbe\xaf\x05\xd6\x9apMB\x07\xc7\x0c7\x90V\x15\xac\xd6\rY\x8eC\xa2\x1eT;\xb8@\xadT*s\xb4t\xbf\x1f\xb0\x96u\xcf\x83\\\x83cF\xd3\xc8\xc4\x04\xea"\xe8\x14B\\.\x97\xcb42b\x02\xac\xc1\xef\xeb\x00\n\xa8:\xcd\xad\xeb99~\xb6Y&gt;\xad\xfa\xc6e+\xa6\x8e\x8f\x96\xee\xf4\xf7\xf7/w]l4\xf6\x95\xc1\x16\x08\x07W\x9f\'\x14\xb2\xc0\x81g(\xe4r\xcd\xbaL&amp;c\xf7\x9fX`y\xf3\xe8\x86r\x16\x8f\x9fW\x7f\x9f\xc7\x0eRG\xabw\xee\xf7\xf7\xbb\x97}\x177\xf5\xf0\x16`\xf5B,\xe8\\\xa8\xc0[h$\xc7\x11\xd5\x18\x8ay\x94\x0f^\xd0\xabq1\t],V\xddZ\x18\xb6\x7f\xbc\xfa\x0b`\xc1n\xe7\xd3\x97e\xeb\xb0\xd3P\xa1\x82B\x8a\x01\x95G\xc7r\x8d\x98\xc6{\xc7\xc6\x80\xcb\xd9\xd4\xe4\xf5\x0e7546\x8e.\x82\\\xd5W\x0ba\xfd\xf6\xd3\x9d\xfe6\x9dj\xae\x0b\xe5\xd6\xe0u\x93\t\xac\x84\x12\x14%\x96\xc5\xa2\xdb\x0b\xdeB\x9e\x9a\x8c\xc8]=\x10\x0f\x0e\xef\xb5k\xd7\x1aG\xd7\x95\xd4YM\x9a\xf8\'\x96\x0f\x85\xfc#\xc3u\x88\x87\x87.\x93GO\xab\xd0\x85Z}\xf0\x12\x9a\x9c\x98\xf4\xbf\x00.\x84\xe5v4\xd4\xd5\xdd\x1e]O\x02V\r\xfe\xb5&gt;DX\xf7\x1c\xee\xfe\x1d\x1d\xcbi\xe86\xfa\xd7&amp;\x03OG,\x16\x8fn+K\xc5\xf3@hYX\x80\x94\x7f\x06\xb7\xa2\xb3\xc9\xebn\x1b\xbaVW\xdfX#,\xac\x94Z\xfd\xe9\xce\x90\xd9\xbd\xf3jnn\xd9\xd1\xd4s\xfd\x85\x7f\xed]\x00\xa2\xd3R\xa9\x85\x9fu\xd3{\xd0\xbb\xb7o\xdf\xbe\x0b\xac\xf9\xbb\xc7\xae\xd659\xee\xb55\xd4\xd5\xdfn]\xca\x9c\xe5k`\xf9S\xee\x08\xb0\x86\xfaw^\xf9\xdc\x0eG\xe7?\x1e\xbcX[\x0b\xac\xad=}hY@jY~\xfe\xcf\xc2\x82%T\x01|\xf7\xf6\xed\xc7\x8f\x01\xff\x8b\x07W\xbf\xaf\xef\x1c\xbag\xbe]_?\xba\x94J\xe5\xab\xbf\x06ba\xfah\xf5\x976\xc0z\xbc\xf3\xfc\xf9\xf3\x99\xf57/?\x7f\xfa\x04`\xcf&amp;\x9f&gt;}j\x01\xb8\x05\xf4\xb4&lt;|\x88\xb0\x02\xef\xde}\xfc\xf4\xe9\xf3\xe7\xff\xd1j~/\x89\xf4{\x1c\x7f\xee\x04\x07\x14\x1b\x10\x7f\xe0h\xe3\x8e\x96\xeeL\xce\xaa#\xa1\xcf(:\x93\xa5D#nT\x12(\x07cj\x0bB\x97\xc3\xba\xbb\x06+*\xe4\xee\xc9\x0b\x0b&lt;,\xa4\xb1\x10t\x13q\xb0\xbd\xd8\xa7\xd6.z\x08\xe4\xb9\xd8\xe0\xa1}h/\xd6s\x11\x1d\xbah\xef\x82CW\xe73\xed\xbf0g.\n\x1ca^\xbc??\xe6\xf3\xfe|\r1fm\xd0d\xd2\x02\xd6\x87\xd7\xaf?\xc9\xde\xe4\x15\x8f\xca\x7f;o\xee\x99\xfc\xb1\xc5\xb5\xe5\xe5|}\xaf\xd9l\xae\xafWwv:\x85$\xe8\x96\x9b\x9d\x9d\x15&amp;\x87\x80\xea\x9d\xb5\xf4\xbe\xd7\xeb\xfd899\xf9\xed\xb7\x9d\xf5\xbdy\x9f\x891\xd9%\xac\xdd\xff\xfcK\xf6S\xa0\x97\x9f&gt;\xfd\xdel\xd6M\xfeDbcznz\xfa\xf9\xcf+\x9f\xdf\xcb\x06\x83\x85R\x11\xa8r\x02\x9f\xcb\x95\x92\x85Na;[\x93\xb0\x9b\x17\x17\xcd&lt;|\xc5g2\xab\xd1\xe0\xc5\xee\xee\'yO\xf3\x14\x8a\xf2\x8f\xf6F\x1d\xd4\xca\x9a\x13\x8b \xd7t\xbe~\x9e\x7f~~\xfe|n:?_cB\x8ew9a67\xce\xe7\x8a\x8dP\x90\xa9\xf9\xf2\x12\xf2\xdd\xdd\xf9\xf9y\xfd\xf9\xf4\xf2&lt;cV\x17\xaa\xdfvw\xbf\x94\xcbr\xea\xa5P\\\xbb\x1f\xaf,\xd7/\x9aYfm\xa3\xbd\xe8v\x9b\xb6w\xb6}\xf3\xd3\xf0\xc8\xf9\xf9\xb5D\x10\xb1\xe6r\xc5";\x9eK\x8e0Y\x9fo&gt;?=\x07\\\xf5\xf5\x9dj6;\xbf6\xef\x03\xac\xec\xc7\xd7\xbb\xff=9\xf9"#\x97Bq\xb3\xb9\x14Y\xf1]\\d\x99\xc4b\xbb\xdd~\x1a {\xa5\xe4\xb0\xd2\xe0t\x8eY\xdc13B\x15gA/!G\x15\x82\xa6X,\x06\x92\x9a\x06\xd4\x8d^\xaf\xa1\xf5[\xfc\x8c\xc9\x1c*Tww\xbf\xad\xadX:W\xf2\xc5Q\xf1\xcb\xe5\xa8\'\x1aq\xaf7\xb3U\x8b\xc5\xbd\xf24\x12\x1d.\x95\x92:\x9d\xd7\x85\x0c#*\xa3\xdaA\xe5Z\x95\\\xa55[,5\xd4\x1a\x04Q\xaa\x10\xc7\x84\x94\xfb_\xd1\x01\x9bM\xab\xd6\x86\n\x1fv\xbf\xd5\xe23\xf1\xf8\x8dlXP\x86g\x1e\x11\xdc{b/\xcb@\x9b\x87\xbee3e\xeb\xf9z}/\xb1\x18@\x10\x95R7\xc1\xb6\x04\xa2rX\x11\x8a_\xd5(2\xb0\xe8\xabe\x19\x06\xaa\x14\x85\xbee\x1b\x18\x19\tu&gt;|\\\xb7D\xd1\xa9\xfe\xd9#\xf9\xb0\xca\xc9\xb4\xcba\x88\xb8\xebY&amp;\x0eo\x1f\xa8\xc57o\xde\xdc\xbd}{w\x9e\xdf\x88\x1b\x0cJ\x1dM\xcf\xf2OZ\xadY\xb6\xd4\x18p\x8e\xad-\x9f\xdf\xdd\xc1\x17\xce\x9b\xeb\x89\x98]kW\x8d\x84B\x1f&gt;\x9a\x02^\xcd\xc1h\xaf,\x1f\xd6\xb5^L\xb3\xc6\x88e/k\xda\xdc|\xba\x0cPs\xf9\xb9\xbb\xb7o\xee^_,\x7fv:\x11\x1d\x86\xc1\x80\x03M\x8b\xb0&amp;\r\xce\xc5\xe5\xfa\xeboo\xde\xbe\x05\xf4\xb9\xb9\xe9\x8d\x98M\xc2\xfag\xd5\xa6rx\x8d\x9b\x8e+\xf9r\xfe\x06\xdf\xf2\x1cm9\xdd\xbe\xac4A\xb4\xdb\x9fc\xc1`\xb59?_\xed\x84\x12\xed\xa9\xa8C\x87\x8b\xf8iw\x9c\xa5\x89w\x94\xcb\x18s\x9bC\xd5\xfar\xbeY\xf3\xadMOo|\xb6k$\xb5\xaa\x03\xea\xb3\xf0L\xc0{-_%\x9emyD\xcc\xe5\xfc\xecc,\xa3\x91\xb1\xcd\xa7n#\xd9h\x14\xd4(I\xa2\x8d\x86\xc1\xe5\xc5\xd3\x9e\xf4\xd1&gt;\xc1u9"&lt;LR\x0e\x12U\xaaG \xcf\x1b\xe4@\xccbW\x93*mh\xdd&lt;@\xde\x86\xa3\x07\xe2\x8dlj=\xfa\x1e\x10EO?\xbeXc\xdcKK\x9b\xd2~yF\xa3Q\x827\x9d\n\xa84\x1a\xc4\x95~\xe5\xc1\xf7OY\xf0\xfd\x83a\x87\xc3\x81\xc0\x1d\x04\xfe;H\xb5\xddbSi\x10\xa56\x945\x8d\xe8W\xe9\xbf\xbc\xe9\x1b\xb9\x96o\x8arC\xc4=\xfdQc\xc2\xf4\x13+\xeet\x1a\x0c\xd2j4\x12\x98Q\x19U\xca\xa8\xc7#\x1e\x1f\x1fOr]\x0c\x9f\xa0\x10\x97\x12x#\x01\x83\xc1h\xb4\xd9\x8dF\x03\x90kC\x8c\xc9\xc8\n\xab\xf8A\xfaV\xae\xf7\xb5\xe2eC\xa2:K%\x18S&lt;&gt;\x1a\x8f\x18@!\xaf\x17A\x86\x1d$Ij\x94\xd2f\xf2\x14\xb0x\xee\xf4\x14\xa3\'(\x90i\x18qE\x8d*\x94\xd4\x00\x92J\xa5\x01\xb5\x82&amp;\xf7+\x9c\xa6\xff\xf2\x9c\xc9\x84\xa5P\\%\xd3\xfd~\xeaV/aE"\x91-\x97^\x07\x06\xb1H\x10\x14\xa5\xd7\xe3\xa2\x08\x99\xf5\xb0\xae\xa11\x1a\xeb\xd2\x1cQ\x84[E\xb8IY\xad\x94\x03Q\xa9\x94\x80\xb5\x1d\xfc:\xd5Ow\x0fF\xcf\x9e\xc9\x85uM\xbe\xeaG[t$\xc1\xf8\xc7~\xbaV\xa2\xc8\x82I\x85d\xc2p\t+\x9d\xee\x9e\xeew\xa5\x95\x12-y\xa1q^\x10\x04\xf8\x03\xafn\x82\xd2!\x1a\r\x94\xe2v0s6\xd5\x17\xb1\x88|j]\xa3\xfd\xfe\x01\x9f6$\x183\x18\x9e\xa8\xa8\xb7f2`n\x1e\x16n\x98(q\x1d\x9d\x1e\x1d\xed\xd3?\xb1\x88\x05\x00\x83\x8b\x1d\x9a\xad@\xdb\xb7\x86!\xa4\xea\xd0\xb6\x19\xab\xf4\x96&lt;\x98R\xae\x94\x07\xacB\xff~Fp!\t&amp;\x18\x88F\xa3\xf8`1\x95"h\x1c;\xc58\x8e\x06\xaa\xa8\'\x8d\xef\x1f\xedc\x186\xc8\xd1\x1c;\xce\xb3@\xb6J\xf0B&amp;#\x14%\x87=\x8cv\xb6C\xc8B&amp;\xf2J\xdf\xf8\xa2\x90\rK\xbdu\xbf\xd2k(\x01\xcb\xe0r\xb9p\x9a\nc\x10\xbd.g%8)\x88\x9eW\xe9\xfd\xfd\xfdS\xe93p\xb4\x1c\xcb\xf3\xfc\xb8\x04\xb6\xca\n&lt;\x0b\x8e\xd1\xea@;\xd5B\x92\x03\xac\xc1\xc6\xb5lXW\xa1\xe8\xe8\xfd\x14i\xf4e\x83F\x174OL\x8fKk[\x8e\xe08\x0eX\xa4#\x02\xa0\xeaJX\x18M\x00\x94P\xa9LN\xb2 \x18$ \xa4=E\x91\xa1j\xc7!\x94\xfa\x9e\xf0\x89l/\x1fE\xb93\x16Y\xb9_\xb1HXQP\x0b\x07,\x80\x02%X^\xe0\xd2\xe9\xa8\x08\xcd\xf4\xf4\xb8\x8bKjq\x95V\xabU\x01.\xc0\x93\xca\x02\x82H%%\xac\xf7g\x81&gt;\x8e\x9e\x94e\x9bl\x9e\xfd\x88\xc7\x1f\xdf\xdf\xb7a\x0eU\xa9\xa2 \x17\x8eqPl&lt;\xcb\xc3SEOZ\x84\x17u\xf7\xf8\xb8+\xad\xe3\xc5\x03kF\x90\x1c-\x98\xd8V\x86\x07t\xa0r\x14v\xd6C\x0eC\xdfC\x8e|\x97\xef\'J\x8aK\xbfets\x05\xb0\xccF\xa5\xa4\x16\xceA6Wx\x96\xc3\x06\xf5\x10A\x8cf\x17\xa4-\xf3*\x87\xe1b\xfa\x80eW\x1f6\x83\xad\xdb\xdb\x16\x80[%\xac\xedu\xd3\xe3\xc7K3\xaa\xc2\x8d\x8c\xc3\xe9\xd5\x8e?\x1a\x18\x8d\xf9j&amp;\xadR\tX\x18\xd1:\xac\xf0\xe34\x8eSR\x15r\x840\xf9d\xe1\xc9$/\x10\xc0uD\xa78Z\xda\x95\x00\xd6a\x86-\x96\xac\x0fX\xb1\xcd\xa5\xb8\rm\\\xc98\x9d\x96O\xec\xb6\xf8\x96\xdd\xe73\xd9\x8d*\x97\x88s\xfc\xe1a\x05Z\x84\x18\x0e\xa7!\xa0,\x7fx\xf3b\xe8\xc5\xcd-Dm|\x15\xc3R)=\xb6\xba\xf0d\xe8\xf0\xb6\xd5\x92\x1a\x84T\x88Y\xed\xd6\xd6\x94\xdf\xf8]&gt;\x07\xabP\xfc\xfa\xdd&gt;\x16\xf1:\xc1\x8a\xfa\x07@-Hk\x10\x8b\xc6]zx&gt;_\x11R\xc2\xe1\xf5\x8b\xbf\xbf\xb8\xbei\xb5n_\xdc\xf2t*C\xe1\xc05Y\xb9mU\x04\x98\x0cI4T\xcd6\xbc\x01\x9bm\xfbZ!\xa7\xf3\xb9\xb49g\xbcc\x12\x96\xd3\xe8\x12!\xe1g\x05B\xef\xf2R)}\xf8}\x86\x80 \xb6\x86\x86Z\x87\x19!\xf5\xfe,\x93\xe2R\xefSa\x1c_}2\xdb\x02\xf9\x88\xb0\xe3\x01+IM\x99\xed\xdf\xe5&lt;\xeaT\xfc\xf2G\xc8\xe9rm\xae\xd5\x12~\xe7\x80R\x84\xe6\x94\xe39\xaf+\xcc\xa6\xc2\x1a\xbf\xcfmG\x1d\x0b\x93\x93\xe3 \x8b6\xd6n\x1b)\xc0\xb2\xeapl\x01\xaa\x15\n\x11\xa8\x00\xab\x86P\xc6\xa0\xfdF\xd6-\x84\xe2\xd7K\xb3q3Q\xab\x81Z \x17D1\x071\xd4\x97R\xa9\x92\xa6\xbd\xbch\xd6\x8e\x90I*L\x16\nj\xb5\xe5\xb3*%\x9d\x15P\x83\xd0\xee!\xb1&amp;\xc2$\xaaAC\xeb{\xaaa\x98W\xafd&gt;\xc5(_\xee\xec|\xfa]\n\xa2\x7f`+\x8dO\x14\xd9\x89\xc10e%R\xc4\xf0\x8cAE\x92#6s\xa8QJ\x95\x92\x8eRFxh\xed\xf0\x1ab\x8b\xd6A\xdd0\xaa~\xc0r\xc3\xe4|)\xf7Q\x94\xe2\xd9\xd5\xcbg\xff\xf016\xe7\x98-\x10\xf5\xd2\x0478!\rT\x84\x95\x85\xe4I~-\xa1~u)\xd5\xeb\xf5R)\xa9\xb1C\xf9\x91\x81\xc0 1\xa1\x1bF\xd0\x11\t\xeb\xdf\xbf1\xa1\xcb\xb2\xfc\xa7\xc2P\x8f\x97{\x8c\xd306\xe6\xdc\xf2\xd2:\xaf&gt;\xfcp\x01\\\xb2\x10\xect\xbe\xc2P\xda\xd9\xde\x01[\x91\x84x\x0e:\xc0]\xb47\xa3z\xbdK\xa3V\xa3\xa8\xf6\xc3\x97\x97\xd7\x7f\xfc?~-\x05\xde\xfa\xcf\xff\xf1r\xfe/m\xe4i\x1c_\xbb\xadig\xda\x99\xce\xc4\x8e&amp;\xd3\xe9\x8cln\x86d\x88\x93\x92\xcb\xa4\xdc\x98&amp;u\xaf\xe9\xdeH\xb5\xd9l\xf0R\xe6\x87\x15\x83\x84\xcd\xfd\x14\x7f\xb1p)\x16\xf1K\x02\t\x9c\xeca\xfb\x83({\xc7\x91\x05\xa9\xd8B\xc5\x82\x94\x95z)\xa7\xae\xedY.+\xa1\xde\xad\xb6\x8b\xbb\x96Jm\xb9m\x0f\n\xf7|\xd2\xfe\x05=\xe7&gt;1\xc1(!/\xde\xcfg\x9e\xcf\xfb\xf9\xcc33\xacJv9\x1cn\xf6x&gt;\xb6\xe3`\x9a\xe1\t\x16O\xcd\xfa\xfd\xd9P\xaf\xc2\xf9\r\xa3\xe0\x1fP\x83\nie\xf8\xe0\x98\x9e\xfc\xacZsS0\xe5\xaf.Z\x1cf5\xab_\xba\x9a\x90\xec\xcd\xe1\xd6fO\xeb\xb8\xa6\xe9\x92\x04/\x91\x88\xdf\x88\xa5RFq a\xa4b0\xd2)\xc3\x9fU\x13~\xa3P\x88$\x7fw\x0e#\x08\xdcM\x86\xee^2\xad\x8d\xd8\xd2\x7f7+\xdaQ\x14\xed\xe3y?\xa0d\xfc\x99L&gt;\x957RF*\x13I\xea\xfa\\\n!\xf93\x86\x91E{I\xf1\xb4?\xdf\x8c\x11,\xee"\xc7n\x99\xd7\xee\x06\x93\x0b\x8aP{\xb85,\x8f\xc7\xe2}q\xa8\x98\x01\x0b\x16$.\xd9:\xe5\xb3\x9d&lt;\xe9\xf3&amp;\xf9 \xc3G2\x99\xac\x81\xb6)\xe2\xf9\xfc\xc7v\x96\xc0\x9d\xa1\x89\x15\xf3\xba\xd4-\x8e\x15\xc0\x92\x01\xab5\x15\xef\xcb\xc5c\xa9L&gt;\x9fOr\x8a$\xb4wL\x813\x9cB\x1b\xf0A.\x99\xcf\xa7\xe2q\x14\xd1\xd4\x7f\xa0X\xc4p&lt;t{\xf1\x03\x13\xc7\xe3\xab\xaa$\xcbB8\x9c\x8f\xa1\r\xd48\x90\xe5\xc7\x93\x02:{\xdf\xfe\xe5\x97\x1d\xf6\xf6v\x8e\xe7&amp;&amp;\x98\x01\xf8{2\x12\xc9\x8c\xb7\xa2\xe2\xd5i\r\xfd\xcb\xcc\xd6SK\xff\xaba^\x0e\x0ba\xc1;\x8e\x84\x8a\xc5G\xff|\xfb\xf6\xc0\xc4\x18\xa7{\x93^\xc1\x1bQ\xc7^\xdd{5=\xbdv\xe7\x9fe\xab\xc2h\xc90\xae\xd0P\xeb\x93\x13\xb7\xcc\xbc\xd2\xc0\xe2\x98\x1d@\tU\x10e\xc1\xab\xeb\x1ch\xf4\xec\xde\xea\xbd\xe9\xe9[\xb3\xa8\x13\xf6\x0f\xf7Vf\x1f&gt;Y]\x9d\xbeS\xde(Y\x15\x85\x16\xc2V\x9a\x85\xfc\x10\xba\xbabn?\xec\xe2W\x80%\x0b"K\x0b"-\xd1\x1d\xe5_\xf6\xae\xdd\x9b^]]\\\\|\xf8n\xcc\xaeW6J%\xb7B\xba\\\xac]\x11\t\x92"\xc7\xfehnW\xb3\xe5\xd2\xedaU\x13\x850\xcd\xca,\xc6\x8a\xecT\xb9\\.\xad\xaf\xcd\xae&gt;|\xb8\x8a\xc6\xec\x8f\x7f-mlUJ`\x1a\xa2-n\x19ch\x02#CW\xa7\xcdmj\x06\x9bZLh\x9a \xc8,\ri\x9em\xee\x98*oll\x94\xaf\xac\xadM\xcf\xce\xce\xae\x7f^\x81w\x95J\xc9G\x82\xa3h\xa2\x08+\xc3\x12Jh\xe0n\xbf\xc9X_&lt;\xcb&amp;\x12\xba h\xa2\x0c\xe9\x08g\xe5\x8er\xa9\x82X\xe0\xb5\x02:mmT&gt;\xaf\x94JV2\xdat%JQ$\xcd\xb2\xcc\xd8W\xb3&amp;w\xcc\x03V$\x9b\xe0\x04\x01f\x16\x86;\x9d\x14k\xef(\x97+\xcf+[@\xb4\xb5\xf5\xfc\xf9V\xe5\xe2\xc5\xd2\x94\xd5\x8a\xc4rYI\x86\xa6\x83\xc1\xe1\xbf\\2\xbb_&gt;\xb0\xaeW\xb94\xf0\xf4\x94\xd3\xe5$ \x89\x83`\xa5\xca\xf3\xb7\x03\x94\x02\xad\xac\xd6\x91hS\xd4j%%\x9a\t\x0e\x0c\xbf2\xbb\x8d\xdf\xe2X\xe7"P\x96\x01\x97\x0c\xce\xa0*\x17\x8d\x04+\x81\\\x15\xd0\x0bA\x91\n\xe9v\xbb\xdcn\x10K\x92\x80j\xd8\xec\x18\x02\xd6\x1a\xa7\x83\x8b\xd1uA$0HI8\xc5\x8a\x92("\xb2\xa9\xa9\xa92\xcbJ|0\xc8\x90n+\x1c\x8a\x80\xc5\xf3*`\xad\x98~\xd5\x96\x05\xb0\xf4\x8c?\xa2\xeb\x10E\xb4\xcdGa\xb4\x06)\x1e\xe5\xfc\xbc\x01V\x02\no\xa0\x82A\x02U\x10\xa8FG\x07~0\xfd\n$\xcb\x8f\xa2\xa6\'\r\xe0\x12d\x82\x80\xa4DQ\x98$x\x81*\xf6v\x89LjJ\xaf+\xea\x02\xad\xac\x0c\xc3\xabj6\x9b\x98xl&gt;\xd6\xac\x18\x16\x04\xc4\xe5Er\xb1\x88\x0b\xc0t\xef\\fn&lt;\x93J\xa5\x924\x1c\x84\xd1j\x08\x83\xaa\xaa&amp;\x8a*\x7f\xc7\xfc+D&gt;X\t\x865\xcd\x9bJ\xfb\x93 \x17E\x80i\x81\x81\xd1\xedv\x8f\xc7\xde\xdc.$#\xd6\x96h\xd4\x85JC\xa5JUT\xd5;\xa6\xe7\x07\x8b\xe5\x87\xa0,\n\x82\x916\xfcI]\xa2(\xab\xcb\xe9lijih&lt;y\xf2\xc4\t\xdb\t\x9b\xd3\xeanB;4nwo0\x9b\xcd\x16\x8b\x1c\xcf?\xeb7\x1f\xebq(L\x83\x83\xcf\xa7\x0c#\xa3\xb1\x14\xe5v\xb9ZN\x9f&gt;\xfd\xb6\xa5\xe5\xfc\x85\xd3\xbf\xbf\x00%mtdd\x04Q\x8d\x16\xb2|P]\xff\xc2|\xacK\x80EKz2\x153\x0c\xbf\xc6\x92\xa4\xdb\xd5\xf2\xeb\xd3g/\xa0n\xb7\xf3\xe7\x7f\x8bz\x02/^\xf9G\xef\xc8\xcdDqt4\xed\x87t\xc1\xad\x05\xfe\x0fX\x13^\x99\x96D\x1d\x8e&lt;\x08\xa4\xa6(\x90\xeb?\xbaX\xdd\xc4\xfd\xe4\x93\xb3g\xabT\xd1\x91\xde\x9b\x03\x85\xfb\x85t\x91WB\x0c\xbf\x160\xff\xa2\xa8\xfe\xdb^A\x86\x0c\xea\xcd\x00\x17\xa8\xc1+\x94;z\x11\x9d\xd0p6\xb4D\x7f\xf3\x8b\x8f\xae\\\x19\t\xdd\xbc96\xdas?m\xa8\x8a\xc20\xdc\xbf\x9f\x9a\xcd\x055\xff\x1d\xc0\x92$\x1a\xe9\xd5\xd3\x93\x8e\xa0\x8bDHWS\x8b\r\xa7E\x89\xc0m\xce\xe8\x08\xe4\xf5\xe1\x02:\xb1\xcf1@\xc5s\xcb\x9b\xaf\xaf\x99ll\x1c\x9f\x82Z\xa2\xc4\xa28fP%X(\xfa\xd1^\x1cEAJ\x87j\x9a"\x83\xc3\xc5B\xe1~OO\xdcP\x19E\x81\xf5\x87\x8b\xbf\xa9\xf9\xae\xdb\xc4\xf5\xc7b\tL\xbe\x18\xfeL\xd0\xc24A\x8b&lt;\x97\x89\xc7\xe3\xa8q\xc4\xf0\xfbUH\xe8cc\xc1 \x9f(\xdeO\x17z\xe0\x1f\x86\nkc\xaf\x12\x04\xac\xdc\xf2\x91o\x86L\xe3\xb2Xf\xbe\xdf\xdc-\x08BX\x06\xc7LH\x1c\x1c\x8fP\xc4"\xb0t\xa1P(f\xe1Q\x80\xdf{z\xfa\xe2h\xd6\x01\x15)I\\\xb6/\x97\xdb\xae\x07.s\x8a}\x8be\xfez\xd7r\xce\x80 \xca\xa8(\xc5 &gt;\xba?\xd6\x97C\'\xca\x91l\xd5\x9e\x1b@\x82\xf7\x85\x88\n\x0bv/\xa9Hb\x15k\xb7\xfe\xd87\xe6L|Duc;\x973`\x91\x96e{\x07\xb8\x07B\xd2\xf4\x88?\r_\x9b\xcb\xf5\xa1\x07\x0c\x04\x99\xf6\'T\xa6\x17\xfc\x16\x18.\x91\xe3\xd2\xb9\xdcrm\xfd\xb1\xaf\x9f:\xcc\x98\xec\xd7\xae\x7f[\xb7\x9d\xeb\xc9x!\x88v\xfb\xb9s\x18\x86)\x92\xc6\x81b\xa8\x01!\xf7v\xf4\xc5cF"\xa1\xf2\x8a\x1b\xd9@\x82\x96x\xb0\x8d}\x80u\xa8\xbe~\xe7\xa9c\xef/z\xe8\xfe[M]\xddn\xdc?\x0eA\xb4\xdb;\xce!\xb3E0\x0c\x80i\\$\x99OU\xab\xffL\x84\x83\x05\x9a\x0f\x91V\x1c\xb7b$\x01\xae\x90\x8fdz`\xce\x03\xd6\xa1\x9dN\xc7^7\x80_\xfb\xae\x0e\xc6rl&lt;\x83\xb0::\xaaj\xb1\xb0\x0e\xf1\xa2\xa8I`\xc2\xbc^\xaf\xa0\x05\x91\xf3\x0b\x86z\xad\x14\xf8V\xf0&lt;\x04\xf8\xd3H2\rX\xfb\xf7\xed;p\xea\xf5\x8cco\x1b\xa5f^\xd7\x83X5\xcb\xa99\xc0B1\xc40\xf4c\xa7iZaD\x99&amp;H\x0c\xac\x17I\x86 {\x85H\xd4\xfd\x83N\x05c\n\x1c\x16\x91\xa4\x91\xdb\xfd\xd5\xc1\xa3\xf5\x07\x06w\xba\x1d\x8e\xc0\xde\xf5\xd88\x02\xaf\xcf\xd4\xbd\xc3\x1a\x07\xa3eg;0\x8f\x87\x82(\x02\x96D+\xf0$q\xa7\x0bU`L(\xa4\x90\n\xe5\xf39\x01\x8d\x829_\xc5\xda\xae=pt_\xed\xe0\xe1\x17/\x9f\x04\x1c{u\x07\x0bG\xff\xd3\x9d\xc1\xae\xba*\x96\x17\xb0\xc2v\x98W\x1e\x1c\xf7x0\x16\xe9\x85$SpW\x8b\xabW\t)\x8cB\x829\xf49\x9d&gt;\x1c\xac \xc2\xd2\x8d7\xdb\xb5\x07\xf7\x03\xd6\x99\xae\xae\xcd\xebC\xf3\x81\xc0^\x80\xcdO\xbe\xb8q\xea\x1dV\xac\x8a\x05\xbe\x14\xc7}&gt;\x1fp\x11\x90\xc2hX#Y\xa8\xce\xc0\xbd3\xb0\xe0\x10\x84\xc7gs\xda\x9c8N",]\x8f-\xb7\x01\xd6\xd1#\x83\x83\x9b]mm\x9b\x0bK\xd7\x02\x8e\xffi\x7f\x17\xdd\x8c\xa2\xfb\xfbG\x8f\xfet\xf8X\x15k7\x9e\x9cC\t\x02\xed\xf0\xf9\x9c6\x9f\x07\xe2X\x15L\xd2D;\xacG\x12\r\xd5=0\xdb\x1al\x80E\xa1\x95\x1arn|\xf7x\xed\x81\xfd\xfb\xeb\xce\xec\\\xbe\xbc\xf0\xa0\xab\xab\xed\xd1\xe5\xa1y\xc7\xfb\xdf%\x05&gt;8\xf3\xd3\xc2\xcb\xa1\xc9\x9d*VM\xcdv\xdf\xf8\\5\xcb\xa3J\xdf\x06_\x0e`\x04\x0b`\xb2\x00G\xa2W\xd7@6\x02\xf39\x1b\x1a\x1b\x01\x0b\xc4b C$\xdft\x1d\x07\xb5\x0e\x1e?\xbc\xf3\xf7\xee\xce\xc9\xcb/@\xb3\x07\x0b\x97\x9f\x04\xde\x0f\x0c&gt;4\xbf\xb4\xb009\xef\x18\xda9\xf5\x16\xab\xebM\xde\xab\xa3t\x8a\xc1\xa4nhh\x04M\x10\x18\xc1V\xb9\x84*\x15\x85;\x1b\x1b[\x1a@,\x02\xb0@\xae\xd4r\xcd\x91\xda\x83G\x8f\x1c\xfa\x10\xb0\xba;;;\x97^\xfe\xbc\xd9v\xe3\xc1\xc2O\xd7\xde\x83\xcc\xe2\x98\x1fz\xb9\xb0\xd4\x1f\x98YZ\x18&lt;5\xd8\x86\xb0\xda\x96S\xba\x00\xf1\x82\x04\xe1\xf3\xd9\x1aN4\xa2`\xf9 \x13\x00\x17\xda\x17\x07\xa9p\xa7\xad\x11\x86\xcbi\xa5H\x05l`\x90\xef\xd9\x06\xb1\x0e\x1e\xad\x1b\xfc\xb0\xfe\xe7\x85\xa5\xce\xee\xce\xeeO;\x97\x16\x1e\xdc\xa8\xf9\xf6\xd1\xf5\xa1\x99\xffRr\x06\xa1qcg\x1c\x1fi$\xad\xde\xae^WP\ty\xb3\xba\x18\xa7\x90\x04\x92m\x0e]\x84\x16S\x14\x0c\xad\x0b;P\xe5\x12P/b\xca\xb0\x14Tp+c\x1f\xcc\x80)\xcc\x14|\xf0\x90KP\xc6-\x889\r\x0c\x83\x19\x0c\xf6\xd5\x03\x1b\xc8\xe0\x0c\xb5\x0ff.\x0e\x18\xb3\x17\xc7l!\t\xc9\x86\x84\xd2\xff\xf74I\x97\xb0l\xdb\x8f!\x99\x91\xc6O\xbf\xf7\xff\xfe\xdf\xf7\x9e\xccx\xfe\x1f\xfb\xd3w\xae\x00\xea\xf9\xc1\x1f\xe6\xb3\x83gRU\x05\x96DXO\xff\xfc\x9b/\x90\xc3O?\xfc\xd5\xcf\t\x0b\xc9\x9a\x01\x17$\xfb\xf4\xd2\xa5K?\x11\xbf\x96\x98\xa1\x98\xbdv\x1d\xed\xe1\xe3\x8f\xb1i\xfe\xed\xa3\n\xd7E\x0e\xcb.\x0c\x0f_\xd5\x04\xd99\xc8\xac\xf1\xa8\xde\x14\x9a\xfd/\xdb\x0bJ_\xb3\xfe\xfc`8_;\x1f\x8d+\xd2\xd9\xc0\x0b$\xc2B\x16\xbf\x82\xad\xa9?\xfc\xa2P\x85\x18\xae\xcd\xcc\\\x15\x1fP\xba\xfa\x89@\x9a\xb9uk\xe6\xdaGtc\x8d\xd5\xfa\xb3?=\xe1\xbe\xaa+\xb9]6\x06\x12\xc5a\xff(\xae\xd5ja\xd8\xac?;\xcc\xf3\xee\x94\xec\xbf|\x8b\x0bN~\x90\xf5\xce\xcf\xd1_\x9a\xa7\'\x03\xe9\xecY\xfd`?\xf0\xd4\x8a\x18\xf3\xe9\xef\xc8\xd4\xe8\xa4\x10kv\xf1&amp;q]\xc3\x93\x82o\x06\xc7f\x17\x11\xf4\xb1\x1a\xe2Z]]\xfd\xfc\x91\xa5\xea\x88\xdc+\x1b}\x14\xa2$\xe5.\xb2w\x04\xac0\xac\xf5p\xc4\xca;\xa3\xd3\xa3\xf0\xc7[\x06\xd2\x07\xa8^8\x1c\x1eM\xba\x04u\x10\xc7\xdf\xbc\n\x8cF\x81%=\xfa\xe23ZZ&gt;\x02\xd6\xe2\xcd\x9b\x8b\x8bB\x1f\x11\xb7\x88M`\xc1\xf0W\xaf_\xa5_&amp;\xdd]\xfdGU\',n\x97\xcb\xff\xec\xd5\xe2\xe6\xf9\xd7g\x12\xe7\x83\xf1I\xbd\x17\xb6B\xe4\x13\x9a\r\xf2\xbc\xb3\xdfo\xfe\xc8\x8d\x1b\xa5\xaf\x17gY\xb3&gt;\xea\xe0g\x9f\x03*\x8e{\xfd\xc0\xf3\\AeU\xef}\xf8S\\\x11\t\x9b]\\X\x00\x035\n\x00\xcd.\xd2\xdd\xb5\xc0"\xc7S\xdc\xbe}\xf7\xf8\xf7OuU\xd5}\x9f{\x02\x0b\x1c\xb5f\xfdd\x9c\xbb\xee\xe0\x10\xd9#\xc5\xa0\xd9\xf3\x931W\xba\xfd\xf8\x87w\x8a\xe4\xf4\xf9\xbfdY|\x01\xa1\xc6\xa8\xe0\x98fs&gt;\x19Wm\xcf\xb0\x05\x95\xe4&gt;\xf9%\xaew\xfb\xf6\xec\xcc\xe2\xe2\x1cqQ1~"\xf2\xf8V,\xc4\xed\x1bx\xcb\xf1\xf1\xf1\xea\xa3\x9c)\x00#\xb1\xbcAwrQ\xcb\xc20\x0b\xa9\x10s\xee\xf3\xee\xa4N&gt;\x0b\xb3\x1a\x8et\xfcn=\xbc\xfc\x83\xf9\xbb&lt;?\xac\x1d\xf5\xbb\x9c\xba\n\xa6R\x8b\x8f\xc8^V\xc5\xf5\x8c\xb7r\xe5o\xae\xcf\xdd\xb8\xb1&gt;wc\xeeg\x1b\x0b\x1b\x82\xeb\x9d\xd7\x05\xd4\xc2\x06}\xda\xe7\xf8x\xfd\xe1\xfa\xf1\xbd\xaa\xcc\x98\xaek$\x16\x934\x9f\xed\xd7\xe3\xac\x15\xb6v\xc9\xee\x03\xcd\xa7\xec\xbd:h\xd6\xc2V\xd6&lt;\x1du\xfc\xfd\xa3\xe1{EIR\xed6/\xfa\xfb\x1d\x8e\x1e\xdc\xa3)\xf4\xea\xa3\xae\x0b\xbd]Kj\x18FD{\x08p\r\xde\xcc\xad\xad\xaf\xcf\xado\x14\x81\xa4\xcd\x90^\x85R\x0b\x0b\xe2\xe0:b\xed\xe1\xc3\xcf\x9f\xc82#g%\xe5\xb2\xc1]\xecQM\xbd\x8bf\xb5\xdbj\xed\xa2\x10\xbf\xc6\x94\xf3\xdc\x87\xaf.\x9a0Z|\xd0\xefv&amp;\xdf\xbbG\x12\xdf\xa25_\x03\x85\xaf\x1dN\xea\xbd8\x0e\xb3\xf8|\xd2\xd58\xc2\xa5`\x86ah\x96K\\|\xf0\xaf\xfb\xf7\xd7\x10K\x88_\x83a\x8e\x8cOLss\x1b\x1btpm\xed\xbe\x88\xbb\x8f\x14\xdbT\xa8\x0e\xbd\xed\xed\x86\xaaj\xaac;\x0c`\xbd\xdda\x0b\x91\xc5\x07\xa7H\'\xf7M\x90\x89\n\x80\xef\xba\xa7\xd9\x07o{\xc2\xe5\xf9\xec\x08:\xe1\xecy\x93\x9aJL\xaf|U+\x82\xe3\xd1(\x97\x1b.\'.\xcb\'\xae\xfb\xf7\xc5_:|\xb9\xb4D`"\xf0d\xe9\xcb?\xe2\xe0\x12N\xee\xed\xed\x1d\xdf\xb3\x12\x19XL\x89\xca\xdb\x06v\xcd\x84E\\fgtP#\xc9Z\xbb\x195\x89Q\x07\xc5\n\x9fQ\x05\xc4\xf5\xd1\xe8bX|cU\xd6{\xb5\xdf\xe9\xa2{\xc4!\xd5\xec\x11^\xf9\ncLEL\xd1\x98Q6\x1c\xae\xb9H$q\xed\xed\xe1\xf2w\xb6\xael\x11\xc5\xd2\x9a\xc8\xdc\xda\x12\xfd\xc5\xd6\x15:\x01\xa8\xbd\x87\x7f\xad\x82\n;\x1a\xd9\x0c\xb6\xcb\x11\xb0\x14\x1dXLc\xb6\xe9\x0f\x0e\xfb\x07qFd\xc4\xd6|~\xd2A\xb9v\xfb\x04\x10\xd7O&amp;Pj\x18\xd7\xc1tr\xdaC\x89\x84q\xf3\xe8\x14L:s\x00Up\x11\x98+U\x12\xa3\x1cp]\x9dr\xbdx\xb8\x85+oQ\x10\xc6\x1d\xca\xdd\x120\x11[[\x7f\x17\x7f\xe8\xf3\xb7\'\xa0\xf2}E\xb6e\xa3\x1c\xe1&amp;Cf\n\xb0T\x15O\x1c\'\xcfs\xb2p\x0c\xfb\xef\xb6v\x87\xe1\xf9\xa8\xab\xf9\xbe\xb9\x0fiZq\xbf4\xdf\xebw\xd1\xff\x81\x99\xc1s\xa7\x93\xfd\x0e\x1606\r\xb5\xc0r\xadjE7\x83\xb2\xc1tE\xe59\xf2\xa8\xf9/\xbf\xdd\xda\xd9[^&amp;\xae\xbd-!\xdd\x95;\x82ryyyg\xb9\xbd\xb3\xb7\xfaF\xb6aw\xc5\xb4\xed\xa4\x1ca\x97e\xa9\xa0\xc1l\x99MS\xc6\xa6\xc2\xcf\xf9\xf8p\x04+gC\x90e\xe8\xf8\'\x1dH6\xb9\x88\xc3R\x1fL\xbd\xb8\x96e!\xd9I\x85N\xdf\x0b01^\xa9p\xc9J\xa2\xc4o\x94\x13_QtPJ\xae\xa6\x040\x19\t\x00\x00\x04@IDAT\x8c_\xef\xb5w\x96El-\xef\x10\xcf\xd6\xf24\xf6\xf0\xfa\xee\x1b\xd36a\x19f\'rd\xc8\xb6cU*\x92\xea\xa8\xc8\x03\xfc\xa5\xfb\x9c\xab\xba\xacp\x9e\xe7\xbc\x83\xbe:\xa4\x1a\x08\xbf!\x9f\xa12\xeb%l5\xa8\xc1\xd1k\x85\xbd\x17\x8a\xa2\xba\x15L\xd3\xb2\xec(R\xaa\xd5 \xc5&amp;\x13\x9b\x01\x14\'W\xd5\xc1\x8b\x07\xedv{s\xb3\xbd\xdc\xc6\xe3-\xd2\xe6\xe6&amp;\x81\x1e\x83\n\xc6\xd2\x91\xb6DN\xd2\xd40\x02&amp;U*\x16j\xdaq\x04\x96\x8fsH\x04\rev\xba\x93\x83\xb00Z\xd8;\xed\x9aI\x89\xda?uu\x06(E\x7f\x8fL\x03\x94\x12\xa5Q\x14\xd9\\\xaa&gt;\x91\x12\xda\xa1\xe8\xd4\x1e\x81\xc5\xcc\x97\x8f\xdb\xff\t\xc1\x83\x7f6W@\xf9\xed\x19\x1c\x85*d\xf8\xcfNtP!R\x95\xc04\xca\xa4\xeek\xd8U0E\x83#\\\xd5N\x14\xbd\x03W\xd5D\r\xec\xc2\xeb\xa5\x1a:hW\xf7M\xd2FQ\n\x9b+\x85\xa78\xa0\xe4\xc0\x0bR\x04\x97x\x15\xfe\xc0~N)\xc0\x80\xc5\xe4\xf1\xeb\x9d\x95\xf6\n=VV\x08kS`\xad\xec\xbc\x1e\'\xb6\r.J\x98\x9d\xb0\x8a\xec\x19A\x84\x91T&amp;I\x1a\xf9\x8b\x16J\x1aJE-Y*\xca\x931\x9fl\x85\x1e\x01\xb2a\\\xea\xef;&amp;N\x03E!0\xf5]O\xa0\xf49\x81\xe1\x05A\x90F\x98\xa8\x04,\xc9\xe2\x85\\\xf0\x0c\xa9k\xfa\x10\xac\xc0jo\n2Pm&gt;~\xa9\'`"*\x88\x95\xd8\x96\xc5m#\xd0l/\x88\x98Z\xe1\xa2S\x14\x81\xebY\xe4\xb8\x84*\x81\x91\xe1\xb0\xc7i\xb6v[%F:\xd1[T\xa1\x16\xb84\xeer\r9\x93\xb0&gt;#\xc0\x05\xb5\xb0\xb1\xacH8c\xb9b8\x0c(\xbcg\x9a\xe3\x17\x0fV\xa6\xd1\xde\xa4L&gt;x1\x96\xa1\x94P\xcb\xa1LZ.&amp;\x19\x18\x01\x96\xd5 J\xa0\x8eF\x17T\x8aqtT\x94\xa6$\x91\xac\x10\x00.N\x9a\x1d\xed\x96h\xf0)y\x11\xd8\x1e\xa9\x1az\x93c\x94\x11\x10?\x05XD\xab\xb4\x8b\x04\xdb\x91x\xa7x\xb7\t\xb9LS\x7f\x07\x06\xa1\x08\xca\xb4\x85T\x14\xc02]\x97\xe4G7.\xc3\xf6i\xea`~\x16\xf5X\xa5\xc0\xd2\xa4\n\xd6\xca(\x92uu\x1aX\x04\xfa\xa5\xc2S\xd3\xc9\x8b\xcb1@\xb96V\xb1m\xc2r\xdc\xd4\xf0&lt;\x86\xe5\x10?\xad6\xd0S\x15\xda\x03\xd3\\\x88\x0c\xae6\xf9\xd9\xeb\x07"\x8f\x0f\xbe{9\xf6M\xd2\xaa\x10\xcb\x94\x1d\xd3g6\x0c\xab\xf1\xb4\xc0\x8aR\xcdM\xa3J\xc5U\x98\xb8\x18\xfa\xb3\x94k\xaa\x1c%B+\r\x9e\xc5\n%\x97\x982}\xc341:\xd2W\xd5\x02\x82"\xae\x805&lt;\xcfh\xd0j\r\x93GF\x19{_\x99\x17\x8a\xe1v\x06X\xc4\xe6\x9f\xbd~\xfc\xdd\x8b\x97\xe3\xdc4\tF\x9eb\xc9&amp;S\xd1\xf0l*\x1f\x073B\x16\x13=\x8a\xa0=mua\x07$F\xf5\xc93z\x12\x99:\xad\xe5\xc4\xe5Dv\xa9`\x99\x96\x97\xa6[(77I1\x84!\xb0\x08\xc33\x1c\xf4\x1bMe\x18\xd9\x8b\xbcm\x83\xe1\x8db+\xac\x98b&gt;\xd8|\xe6\x03\x9f\x18\xe5)U\x91B\x9d:C\xe00\x07\x17\x0c\x1a\x01\x06K\x13KA\xbf\xc1\xc3\xe1V\xae+&gt;\x1a\r\xda\r\xe4J\xecB-\xc2R\xddR\xe1\'\xb1\x83\xcc}\xd9\x97x\x12\x90\xcd\x13\xb7Q\x16\xde\x02\x95\x97\x02\xcau\x1a4p\xc3\x01V\xc3\xd6x\xe1G\x93\xa08Z#\x98d\x94\x98i\xe2\xe1\xb0)\x95\x1c\xd0\x10\x81\xc0B\x7f\xc0SKNx\x94\xa2\xbe1h\xe28i\x8a)\xd1\x16EU\xec\x04\xb3\x98rU+\xa5i\xa9\x02\xd9\x84\xb7\x1b\xc2\x99\x98"\xb7"AE\xa5\xe8\x91X*na\r\x82\xc4\xc1F\xd0p8\'\xc1\xa0\x13\x96or\xbeP\xc9,\x82\xaa]V\xb4H\x14\rq\x895\x105\xe4\xf1\x1c\xad9E\x07\x0b\xb0\xd5I\x13; \x01\x91%\xb8\x15\xab\x81\xe0B\xc6\xabU\x81\x85N\xc6\xcd\xa9\x9d\xa6NOS\x8f \x0c1/\x97\xb0\x12TxY\\(\x88\x1a\x8d\x86\xadb/\xce\xc5((\x16&amp;\x9b"y(\xb0\x7f\x0f\xc8\xe0\xe4\x14\x00z\x13\x94\xf9\xa0\x1aD\x81\xd5\x0c\xb8\xc9f\x01Jk@gYD\x970o\x00\xa6\x08\xa660\xc5\x02t\x97@n.0w\x82B\x8b39\x19\x00\x85I\x05&amp;\xf6\x17\xda\xab\x00\x00\x00\x00IEND\xaeB`\x82'</t>
        </is>
      </c>
      <c r="M144" s="3" t="n">
        <v>45492.67658564815</v>
      </c>
    </row>
    <row r="145">
      <c r="A145" t="n">
        <v>378590</v>
      </c>
      <c r="B145" t="n">
        <v>1961</v>
      </c>
      <c r="C145" t="inlineStr">
        <is>
          <t>Thiago Santos</t>
        </is>
      </c>
      <c r="D145" t="inlineStr">
        <is>
          <t>Thiago Santos</t>
        </is>
      </c>
      <c r="E145" t="inlineStr">
        <is>
          <t>VOL</t>
        </is>
      </c>
      <c r="F145" t="inlineStr">
        <is>
          <t>VOL</t>
        </is>
      </c>
      <c r="G145" t="inlineStr">
        <is>
          <t>VOL/MC/ZAG</t>
        </is>
      </c>
      <c r="H145" t="n">
        <v>181</v>
      </c>
      <c r="I145" t="n">
        <v>29</v>
      </c>
      <c r="J145" s="2" t="n">
        <v>32755</v>
      </c>
      <c r="K145" t="inlineStr">
        <is>
          <t>Right</t>
        </is>
      </c>
      <c r="L14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9113c87-238b-4370-a5e1-77b1157d7c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\xa2\xd3l\x00\x00\x00\tpHYs\x00\x00\x0e\xc4\x00\x00\x0e\xc4\x01\x95+\x0e\x1b\x00\x00\x03\x00PLTE\xff\xff\xff\xf2\xf2\xf7.+-\'%(613" #xWI\xff\xff\xfe\x1a\x1b\x1f*\'*=45$#&amp;\x1d\x1e%1-0\xfd\xfd\xfd\x1e\x1d!O&gt;&lt;C8:\xbd\x94|\x7f]N\x83[JsUH}YJxZL\x16\x17\x1bnQE748J;94\\[\x91cM\xf5\xf6\xfb!"*&lt;11OAA;7;r(:/JN\x85`N\x8baMI=?6``\xb9\x8fzUC@&amp;&amp;.aMJ:gf+*3\xf3\xf2\xf3\\HF\xa6t\\n\'9z^SC&gt;BcKCVFH\xf7\xf6\xf6\x95fZ\x99aM\x85SE\x99hQ\xae\x87v\xf0\xf0\xf5C54hPG\xabzb\x9ehV\x94`Q\x8ehV\x99?J\x90[M\x89\\L\xfb\xfa\xfa\xc0\x99\x826--\x87gY\xb2\x8by\x91l^\x80-=\xb8\x8cu~SD\x8cVE\x8ch]kMA5WVIBE\xa1&gt;J\x9bj]\xf7\xf8\xfc\xa1GM0/8SJO\x882A\xacs]&gt;:&gt;[F?w"7\xa0nW)JN\xaf~gkE:\xa4reODH\xab|jwQD\xb9\x92\x7f\x93:I\x94[I\xa6\x84w\x8aeR\x9eeP\xc1\x9d\x87\x8e6E\x85]SZJLiTP\xb4\x8f}\xb5\x87q1OS_TX\x86cT\x8c^HoSL\x90pdtJ&gt;\x9dr]rYV\x9acT\x9cxi}N?\x94fQ\x99qe\xa3m]\xa9nW\xa3{nKFJ\xeb\xe7\xe8w*=\xa7\x80prXO\x9f\x7ft\xec\xeb\xf1\xb3\x84m\x9cEN}%:\x7fbU:c`\x87l^\xa7GO0GG\xb1\x80l\xef\xec\xed\x99nX\x1f&lt;=\x8d`TI74\x87le\'@BgWX\xe0\xde\xe0\xe3\xe5\xf1\xd9\xd8\xda^PRWPS\x91tjeOO\xda\xd1\xd0\xe4\xe4\xe5All\xe2\xd7\xd8\xa8OVwba\x7fe\\d?4v_[\x98un\xb8\x80hl]]Z7.\xad\x83q\xa5xf\xb1\x89\x7f\x986DD-(\x85UN*UR\x8f(97OQ\x7fgedE=tqs?YXQ82\xb1xb\xcd\xce\xcf\xa6\xa4\xa5#DEZ?9\xc7\xa0\x8e_aa[ut\xa3hR\xcd\xc1\xbf\xac\x97\x8f\xbb\x92\x87\x93xr\x87qn\xaa~u\xcc\xa6\x9fWXXMMO\xd9\xc6\xc7\x86\'9-QJ#QH\xc0\xbc\xc1\xb9\xa6\x9f\x85;N4=@\x9b\x98\x9a\x89\x88\x8a\xd0\xd5\xdb\xc3\xb5\xaf\xad\xac\xae\xe8\xdc\xe5\xb0Za\xc5\xc8\xca3#!E`^\x93\x8f\x90lih\xa3\x89\x83\xb0\xb4\xb7\x90FWy3E\xbf\x96\xa3\x86\x9b\x9e\xbe\x89q\x95\xa7\xaap\x85\x86DCI\xafs}\xd6\xb8\xbb\xbd\x8e\x92\xbc~\x85\x7f}~\x97\x82\x7f\x82`\\\x8f^\\\x91fo\xabfp\xbb\xa7\xb0\xcc\xaa\xb4\xac\x9a\x9b\xa0[k\x86Rh\xaa\x80\x95{@\xbf\xf8\x00\x00 \x00IDATx\xda\xbc\x98_H\x1b\xf9\x1e\xc5\xcb\xfc13\x99L&amp;\xa2\xd1d\xa4D\x07\xbaR#\x13\x8b\xa3\xd1\xb6\xd4&amp;\xa2\xc1nY\xab\x84,\xb9\xdc\x91\xd2Mm\x91\rX\x91m\xbb\xb7\r\xdb\xda&amp;\\\xa1\xd0\x97\x06\xdc\x07\tb\xf3x\x1fn\xcb\xfa\xb2A"%\\\x10\xc4\xbc\x08\xab\x10\xb0(&gt;\n\x17\xb9\xcf\xf7|\'.\xf7\xfd2\xf1k\x1c3Q\xc8\x87s\xce\xef\xfc~\xf1\xd2\xa5\xffs\x1c\x0eG8\x84/w,\x16&gt;,\x84\xf2\xf9\\\xe8\xe3\xc9^y\xb5P\\-\xe4\xc3\xb1\x98\xc3\xedv\\\xba\xf8q;\xdc\xe1\xe2j.W,\x16\x0f\x8f\x8ej[\x98\xb3J\xe5\xb8t\\*\x9d\x9d\x94\x0b\xb9\x10\x88/\x9a\xcb\x01-\xc21wnk\x7f\xeb\xa0t\xbc\xfbS\xb5j\xc4O5Y3UUf\x189^)\x1dlm\x15bnHz\xa1R\xc5\xc2\xab\x85B\xb9\xb6\x9b\xad\x1a\x9a\x11\x8fk`a\x18-\xcb1\xb2\xc5\xa6\xa9\xe6\xee\xeeA9\x1f\x0e\x87/P+\xb7;\x96[-l\x95NA#\x89\xaafh\xbc$\xabf5.\xb2\xac\xc8e\xd7\xb2\x1a\xc7\xa9\x9cY\xd9/\x14\xf2\x17\xa6\x17\x1c\x8c\x85\n\xc5\x93\xd2iR\x14U\x89e\x19C\x15$N5M\x99\xe3$F[\xabj\x1c\xf4\xe2dm\xed\xe0\xa8\x1c\xbb8\x1b\x1d\xe1\xfc\xe1~\xc9\xd0YI\x96%\x97\xc0\xcb\xb2O\x90U\x8d\x13\x19pjU\x83g\xa1\x9d\x01\xbd\xcc\xf8Q.|1`da\xbepp*K\x8a\xc2\xaaz@\xf0\t\x8a\xe4\xf31\x9c\xc9\x89\xa2\xac\xaa\\\xd6\x90xV5\xe2\x9al"b\xfb\x85\xb0\xfb"\xa8b\xe1p~\xaf\xa4\x051|0\x99\x0c\x06\x04AaE\x89\x15\xe1\xa1\xacrX\x8fYNRDFU\x19C\xd3\xcc\xb5\xfdB(\xd6\xf8\x0es\x87s\x1fk\xc7ZP\xff#\xe9\x12\x04\x97+\x10p\x05\xf5\xa4&amp;*\xbc\xcc\xca2\xa3\xc0VS\x93yE\x90e\x96\xe1\xb2\xa6Y=\xde\xdf+6\xdaIw\xac\x88\xda4th\xe5\xf2\t\x02\x81\x05E\x89G\xc2\\&lt;\xcfj\x8c\x8f\x17\x05F\x95%A\xe0DE\x14\xb1H\xb5x\xbc\xb2\x17j,\x96#\\8\xd8\xcdB+(\xe5\x13\x02\x90*\x10\x0c(\x8a\xe0\n\x12\x97\x08\xf7\x14^P8\x19\x17U\xf4\x89z\x90\x81dF\xf5l/\xefn(Uq\xaf\x9a\x0c\xba,\xfb\xc8\xc0`\x00w\x01\x17\x00q\xc7\xb2&lt;\x08\x81kQ\x1b\xaa\x8fWU\xb0\xca\x8c\xb1v\xbc\x95kX\xe5cW.\x1e\x9e!\xec&gt;\x1aW0\x19\x14\\I\x13L0\x12\x9e\x92\xa5x\x9d\x17`$.\x86\xe9\x13t\x93\x119\x15\xc5\x96\xdd=\t7*\xf7\xd8\x9c\xcb\x07\xd5\xa4\xae\xe3\xdd\xc9B\x17\xd2\x95LZ\xba\x11\x15\x90(k"~%\xa21TM\x10$F\x16\x19\x8e\x918\xc3X;*\x87\x1b\x84\x15\xcb\xedg\xff@\xda\xf1\xc6\xc8\x14\x89\xa6\xe8:\xdc\xc3\xc3\x12Jp)\x96b\x02\xcb\xa3\xc8\x88\xcf\xc5\xb2\xe8\n\x911\x0cU=&gt;\x0c\xb9\xdd\rh\x86|\xa1V\xef+\x01\xe9\xb1z\xd4\x15H\x12\x16\xc6\xc2A\xb400Q\x12|\n\xab\x80O\xe1YAb%\x913\xe3F\xb6t\x92\xb7\xdf\xc7X.W\xa8U\x92\xb4\xf8\x10)jQ\xc8\x14\xd0\x93\x01\xc2\x82L\x96\x85\x82\xc0\xbb\x14\t:)\x12\xd0|\x80\x0c`\x0f\xe0EQ4\xb2\x9aY\xa9\x85l\xc7r\x7f\xff}xoM\x0f\xd0\xf2C\x94\xc0D\xd7\xa0\x1e\xb4*\x15\xeeA\'\xc5\xe5\xe2%\x89\r\xf8|\x92\xc8\x92\xa1\x90\x0b\xdf\xb8\xe1\xe5\xb8\xc9eKe\xfb\xe5r\xbbC\xb5*\xea\x00\n\xe9\x14\xf2@P\x07\x0eU\x03\x15\x04\x0f\x1e\x85e%PS}\xe0\x19\x8fA\x8d\x01\x96N\x19\x12\xa2\xafU\xf6\xec\xafU\x87\xbbpv\xaa\x93q\xc8\x15u\x16\x02\x16\xac7\x18Pu]B\xd9\x83!`5\x1a\x01Iu6\x05X\xa2\xac\xf0"#\x1b\xb5\x90\xfd\xa1\x0f\x1f\x1e\x9c\xeaA\xab\xd8\x89-\x99L\xeaV\xcdcO\xd4Y\x91\xb6 QR\xa4\x80B\x06#\xeb"\xa2.\xf2\xa4\x16\xcf"i\x02\xc1\x9d\x15\x1b\x10\xfa\xbd\x92Y_y\x00I\xaa\x86\x89\xbd\xcfb\xd2\x93\x0ca0\x1c\'J\x18\xa4\x1ei\xc7\xbd\x88\x93\x05\xb2\x05{\x01\x87\x1f,Wi\xc0\xb10\xbc\x95\x85@\x8aK\xa7#Cs\xf7`W\xb7S\x96e=\x19\x84_\x92(\xd3A\x19\xe7@\x88\x84\x9d\x11/\xe1E\x99\x91\xach\xc1K\x8bN\xce\xd6\xc2\r\xc0:MR\x19\x04\x19gwW\xdf\x88\x7f\xa4\xaf\xab\xbb\xd9\xc9\xc9\x0c\x8b\xdc0\x9c\x93\xe3\xf0\x9c!\x8d0x"\xe3h\x7f\x8e\xc5\xb2\xb4(%\xd6\xd8\xcf;\xecN|h\xffT\xa5\xf5\';=\x03\xd3\xfe\xa6\xb6\xa6\xe7\x033]\x9e\x0e\xa7\xb3s\xa2\x13\x8f\x89\t\x88\x03]h\xc7\x91X`\xb1$\x99\xa5\x92D\x9b8\xd2\xcf\xc6\x1b\x81u\x843rPW\x9b{\x06\xfc\xde\xa6\xb6\x966\x02\x1b\xe8\xeb\xe9\xe9\xf1x:\xc0\xe5\x94\xe1\x16N\xd2A\xa9\xde\xad\n\xdd\n\xbc\xb5\x1e)\xf8\xbc\xc2T\xb7\xec/\xd4\\)\x89X\xa9\xdd3\xd3\x04\xd5\xda6\xd9\xb6\xd1\xda\xd6\xe4\xf5?\xf7\xfb\xfd\xd3\x9e[\x1e\x0f\x0e\xf3\xa2\x15$\xda\x82P\xaf\nu\x06\xa2\x86fU,\xb5\xb4\xcaQ\xc1\xee\x86\x88\x9dT\xd5\xa4\xaeu\x8dx\xdb[ZZ6\xc0\xd5\xda:&gt;&gt;\xbe\xb1\xb1\xd1\xba1&gt;\xdf4\xd3\xe3q\xca\x88&lt;\xfc\xe2\xebM*XH,/\xd5\x1d\x84\x87\xe6\xeeY\xd9m\x7f\xe2\xd5\xa4\xda\xd5\xdb\xd42??\xdf\xd2\xda\xba\x01\xa8\xb1\xb1h4:F\xd7\x95V\xff\x8c\xe7\x16\xe2\xc5\x10\x16m\xd8&gt;\xd4\x15Uj\x1d\x89V&amp;cT\x8e\x8av\x9b\x18\xdb:\xd5T\xa3o\xa4\x7f\x9e\x06:YP\x99L$C\xd7Lt\xbc\x89\xc0:\'XK+\xda\xad\xa9.&amp;:\xbf\x12\x92\xb5\x1c\xe5x\xe9$d{\x9b\xee\x9f\x9afw\xdfr\xcb\xfc9\x97\x05\x95XZ\x8a\x00*\x82\xcb\xd8x\xeb\xa4\xff\xf7_\'DJ\xbaO\xe0;\x7f\xdd\xdc\xfc\xf2\xe5\xcb\xe6o\x0cd\xa3\xc6\xe0\xcc\x83\xd5\x98\xed\xb5u`\x98Fw_S\x0b\xb8V0\xb0/\x13I\xa4R\x845\x0c\xae\xc8\x8dh\xf4\xf2\xf8\xe4\x0f\x9b\xbfML|\xfd:\xb1\xf9\xe5\x87i\xff4\xe6\xf7/\x9b\xb7H7\xf8\xab\x96V\xed\x8e\x96#_2M\xa3\xab\xd7\xdb2\xff\x14X\xd1\xa1\xccP$\x92XJ\x81k)b\xcd\xfd4\xb0\xc6\xc7\'\xff\x86y4I\xf3\xe8\xd1#,\xd2\xe9\x81\x99\x8e\t\x02c\xd4\xdd\xb2\xddj9\n\x15\xd3\x18\xec#,K\xad!B\xda\xc1|J\xcd\x82l)\x92\x8e\xa43Q\x8a\xdb\xd8\xe5\xb1o\xc6\x9e]om%,\xef#\xaf\xd7\xeb\x9fq2\xe8~\x86\xdb\xfdh\xb7Z\xeeB\xc5\x88\x03k\xb9\xe5O\xaa\xa5O;7?\xd3\xec\xcc\x02\xeb~:=\x8c\xe0c^\x81\xec\xd9\xbd\xeb\xd7\xaf\x03\xab\xc9\x1a\xffL\x07\'\xd2^~l\xfbBt\x97+\xc6\xc3:\x16\xa00\t`\x11\xd7\xf6\xf6\xe7\x9b\x9f\xc8\xc7\xf4\xf0\xb0\x855\x14\x8d\x12\x95ec\x1bQy\xfd\x03\x1d\x9d2a\x95rvc\x85k\x7f1\x1e&gt;\xe9[\xff\x1fV*\xf5\xf6\xef\xc4usgg6\x15\xc9\xc0E\x0c\xadI\xa8u\x8e\xd54\xd9F`\xfe\x01\xcf-\x0e\xc7\xc0\x06\xa8\x15\xabU\xe3\x83Oz\x17\x96\xfb\xe7A\x95 \xac\xd7\xc8{\xeam\xca\x1a\x988&lt;\x9cNg\xea\xf5jYh\x85\xbe\x89\xb8\x08\xabS\xc6\'\xd9\xca\xaa\xed\x9f\xf3\xb7\xb2\x84\xb5\xfe\xbc\xff\xe9(i\x95H\xbcN%\x12$\x1b@\xa2\x96Hscs\xf7\xee]\xbfGL\xbf\x00\xe9\x17k)\xb6Y&amp;z\x9a\x9d\xe8-\xacD\xbb#\x1f:\x8a\xc7\x9f\xf4\xf6\xf6ZX\x80J\xbcx\xf1\x02T\xa4\rfnn\x183\x07,\x82"\xa9\xce]\xc4\xb4\x03\xab\xa7\x03X\xb2Z\xb5\xfb3\x86#w\x16\xa7\xc4\xaf/[j\x81j\x89\xd8\x12\x16\xd7\x1ct\x9a\x8b\x0e[\x92a\x11\x8e\x03\x0e\x05\x86\x86\xb0\xd6a\xfb\xf2H\x9f\xe7\x96sb\x82sVk6\xff\xeb\xd9Q,\xc5\x07\x07\xfb\xfa\x16^\xfe\x89eUij)\x818\xcdEI\xact\xfa\xfe\xfd\x08\x14{v\xef\xd9\xb3\xb1\xe8\xabW\x97\xc7\xe9\xdc\xe3\xf5\xb6{\xebX8\xbd\xc6\xed\xc6r\x17K\x0f\x07\x9f\xf4\xf5.\xbc|?5uw\xe8.\x84J\xcd\xce~X\xfc\xf0`v)3\x8cvH\xff+\x9dF\xa3\x0e\xa7\x87\xeb\x93\xb9q\xe3\x9c\x0bX\xb4\x87s\xe02\xb6\xecVk\xf5\xf8\xe1\xe0`\xef\xfa\xc2\xcb\xffLM!\xe7\xc8Wj\xf6\x9f\x8b\xdf=Fm\xcd^\xfb\xeb\xedko\xde\xbcA\xa9^K\xdd\xbeF|D5\xf4j\xe5\xca\x95+-\xed\xe7&amp;vr\x9d\x9d\xda~\xc8\xf6\x92\x87Z\xeb\xeb\x0b\xef\xef\xdc\x81Z\xa3\xc0z1\xfb\xe1\xdd\xb7\xc0\xfa\xf7\xf6\xe7o\xa1\xda\x83\x0f\xef\x16\xf1X|p\xed~$}\x03;7\xfe\xe8\xc7\x1fG\x9f\xbe\xef\xafc9;\x9d\xcef\x9b\xb1\x1c\xee\xf2O\x0fQ\x0f\x0b\xcbSS\xc0\xba{\x97\x16\xe3\xa7\xb7\xb4\'Z=\xbf}u\xf1\xdd\xe2\xe3\xc7\x8b\x8bW\x17\x1f\xdcF\xe5g\x86\x86VVFGG\xa7~~\xfd\xf3\x9d\xfe\xe5\x01OG\xb3\x13`\xa6\xcd&amp;ZX\xd4\xa6w,\xac;\xfd/\xeb\xb3@\xae\xfec\xe7\xe6\xe3\xab\x8b\x1f\x16\xb7\xb7\xbf\x83`\xb7S\x89\x95\x96\xf6\xe5\xe7\x03#\xff\xa5\xd5\xec^\xd3\xca\xd38\x0e\xcd\x8b\x1b\x87\xa6\x1ac\xc4J@\x0b\x19\xe9\xe1@\x95SmM\x831\x95\xbch\x0e\x89J\x08L\xb0\x12&lt;\xf1X\xcc\x0b\x8d\x91:\x1ec5\xbe\xb4h\x10\x0e\x82\r1\xb4\x90IZJ5/\xc6\xc5^\xc4E/\x0c\x98v:\xd9\x9d\x8b\t\xecP\x16\xc2\xb0{\x93\x9b\x85\xdd\xee\xcd\\\xec\xf33\xfb\'\x9c\xfdQ\x02\xe9M&gt;|\x9f\x97\xdf\xf3}~\'E\x10\xfe\x0c\xc30\x19"\xe0\x90\tQ\x189Wk\xf4\x97\x1f\\Z\x1cOYI\xab\x95a\xb5\xca\xa9\x19\xd7\xd4\xddG0\xea&lt;\x12*\x97C\xd6\x92/\x9dM\xdf~\xecs:\xe9i\x98\xebA\x9b\xd6V\xbeP\xa1\xc0T\x1a&lt;\x94\xc9\x10\x83\xcd(\xca\xf9\xbf\xfe\x1f\xb0\x96\x97wY\x92\xb42\xf9\xa9[\xb7\x1e\xdd\x82s\xf3\xe6\xcd[B8J/\xb1\x9au\xa6\'.Q\x04E\x83*a\xebudb\xe1\x124\xa1\x84\xf2f2)\x07\nb+\xff_/8\xde\x05\xfec\x06*\xd1k\x06\xac\xbc\xf6\xee\xd4\xf3\xe7SS\xa0\xd6M\xd0D\t\xde\x1a\x1b4:\x9dN\xdf\xc4\xa5S\xbd\xe9\xc00!\xb8\xfe\x96+s\r=\x14q5\xe5\x02\xb5\xfe\xf4\x82\xdb\xd4\x82\x01\x02\xb0 \x86\xa4y\xf9\xee\xf3\xa7\x87\x87\x87\xef\xf7\xde\xef\xe1\n\xbe\\\xa6U`X\x80\xcc\xa6\x91\\NuwN\xe6\x10\xc8\xaf]\xbfv].\x04\xcf\xddt\xdd\xcaP&gt;\x85A\xe7\xe2\x0b\x01\x8b\xc7e\x0c\xef\xfd\x02X\xcb!\x10+\xe4r\xbd\xfa\xfc\xe3\xce\xfe\xfa\xfc@2\xcc\x10\xb8\n\xb2&gt;`\xa5\'|\xce\xac/\xedT/8\x10\x96I.\xd3\xa4\x08\x96\x90\x044\n\x08\x1f\x9eg5z\x10K\x08A\xe4n=?\xfa\xfa\xfc\xf7\xdff\\\xaee\x02\xc4\xda~z\xbc\xb3&gt;??\x00\'\x19\x8e\x92~\x96\xcdg2\xe1t:\rat\x1a\xd4\x1b\x12\x8dC\x90\xcb\xd55hXF\x07~\x959\xf2\x99\x94L.\xd7\x0b\x7f}y\x8f\xbb\x87\x96;\xe7_S\xaa)\xc0bI+\xe1\xfd\xbc&gt;\xbf\xb22\x1f\x8e2\x8cY$\xb6\xd9\xa4\xed\xac9\x9a\xf4\xf9|\xa89\xa8g\xd7z4u\xa0\x1a$\x084\xd1 \xeb#\xb590"C\x08@-\xe5o_\xce\xcfO9Z&amp;\xf1\xee|\x1c\xf1\xe3\n\x97K\x0b\x17\x0f\x9b\x01\xa9\xc6\xc3\xd0\xbap\xed\xb2@P\xafV\x8bT{\xdfj\xba\xab\x0b\xc2\xa8~\xf0\xad\xbb\x90+\x97\xeb\x81\xbd\xbd\x14"n\x97VlR\xe9\xa0\x86\xcd\xe4U\xd0\xe6\x95\xa1\x0c\xe3\xdfy\xc7M\x1cy\xf7\xce\x86W\xcdZ\x98\xb7\xa0\x99\x92\xe1d"\x19\x15ir3w\x1f\xfd\xb9\xe5\x1b\xbe\xa0\\.Rn#\xdd56\x01\xd7N\xaf\xbbX\xbe(c*\x95\xec\x87G\x17&amp;yU\x83\x0c\x99T,6g2^\xa1^/sH{\x82=o8\xc2\x1a=\xd5\x95\x92\x84B\x89[\xcd~k8\x11\x0e\x8b\xeae\xfd\xf2\xcc\xad\xd6\xb6\xb6\xa9\xc3j\xb9Zpo\x96\xd2\x13i\xb5N\xd7])_\\\xe4\xaa\xf8\xf1\xd4w-mw\xff\xc2\xbf(\x03\x19L\x11,\xb4T\x85R/\xab\xb8{(\xce\xb0:\xdf\xc4\xe6V\xa2\xb8p\x17\xb0\xccL8j\x0e\x04X\xbf$\xb0\x8bA\xb84U\xf8\xe1\xee_38k\xb3:O\x04\x89U\x16\x84&gt;?\x95\x9bLz,\x07\xfe:W\x91\x8a\xdbE\x19s^\xab\x10`\xd2vw\xa1\x9b+,\xde\xdfJC\xe34+\xf3"\xb5\xa0\xf8z\xda\xfd\xd1\xc4\xfc\xfa\xbe?H\x15\n\xc5b\xbd@MZ\x1a\xf6\xf8\xa2\xc7\x12)^\x80@\xbb\xef\xf7B\xaf4\x95J\x05\xb2=\x97\xabVlb\t`\xe1\n\x07P\x05\x0b"\x8e\xb0`b\xa6u\xb4\xd3\x88\xa5\x00\x8bd\xac\xfe\'~3\x19M$\xe66\')\xa0*R\xc1\xe0\xa4e1\xae\x1e\xf2X\x82\xc5r\xb9Z\t\x1c\x1f\x7f\xfd\xfa\xa4\xbb\xbb\xbb\xc7\xe6\xa8\xd7\x1d\x15\x9b\xc4\x9f\xc9\x98\x07\xb1A\x91\xdfM\x15E\x9c\xa9\xf5"\xe9Q\x1b\x9aXV\xa0\x02(\x12\x06\xc1\'\x93\xc1\x02\x1c\x8a\nF&amp;\xfb=\r\xbb}\x16\xd4*@\xaa\x81LP\x7f\xe0z\x82\xee \xa4\xbcT"aY6c\xf6bb\xd1\x02`\xb1\xaf\xb9R\xeb\xe5\x1f-\xea\t\x12\xb0\xac\x0c\ts\x8du\x13\x1cD\x7f\x04\xed@\x90\xf3\x9a\x04\x13\xa6\x8b\xdb\xe3\r\x9d%B\x15\xab\xc5\x8a4 \xa5\xe0\x04\xddM\xf7*\x02\x8dE\x12t]\x8b\xbb\xfb\xdc\x85\xe2\x0eW\x9f\x92t\x8e\x9e\x0f\x1bNJ8aev\x18\x12\xe6\xf8\xfb`P\xaf\x9cW\x7f\xff\x87\x11\xb0\x87H\xacxc\xd1\x13\xa1\x90~n\xb4&gt;\xf9\xf0\xa1\xb9o\xda\xdc$\x8d\x0b~Vb\x06,\xaa{\xa1\xbdX\xfc;W/,P\x8a\xd3\xf4\t\xede\xad\xcc~8\xbc\xba:77\xfd\xd0ru\x9a+\x1a\x8b\xc5\x13\xff\x1f\x16\x14\x01\xe5vO&gt;\xd9\xfc\xcf&amp;\xfcC\xe6\xf6\xfe\xfd\x85&gt;\xbf_d\xce\x10\x8eB\xc4\xe8/\x16\xcf\xb9\xfa`\x83\x07Q&lt;:Iz\xf3[;\xebI\xbaT\xa2\x8f\xe8\x188/\xe4V\x87\xd1\xbe!\x12\xf14\x80\xab\xb1\xa8\xebobA\xae!"\xe4\xb9\x9f=\x1b\xee\xfdva\xc1\xccf\xb6\x08\x075\xb9`,TN9{\xf7\xe1\x8d\x9e\x1f\x8d\x95\x10\xd6\xfc\xc0\x11M\xa7\x8fh{\xe3\xcaC\xa3\x85\x03\x9c\xc58\xe4\x16J.\xd42\xa0\x06"\xfd\xc3\xd3sP\xabs\xb1E]o\xaf\xd1\xe8\x17A?U\xd9&amp;\xbb\xfb(\xe25wX\x9d_~\xcaF\xbd{\xcc\xce\xfc8`e\xb3t3d\x1e\xcfb\x0c\xdc\xa2\xc1n\xaf\x1d\xd4j\xf1\xab\xe4\xa2\x82\x93\xfd#\x90s\xc3\xc8H"\xac\x07kFc3\xb7TR\xa8Mj\xeb\x05g{\x08^\xe7\xcf\x89\xa1\xfb\xde\xd0\xd6Nr\xe5\xc8\xe0\xf4=\xbe\x9dE\\\x8d\x86=\x9bu\x1a\xe2\r\xfb\xc1\xe5\xc1\x01d\xd7"\xd4"T\xe7H/\xdaG\xe8bt\x96V#\xac\rc\x1f\xe4V\n\x17\xdb\n\xb6\xca\xbf\xb9{_\x81\x9cOx,\xb8wk?9&gt;\x90Mw\x9d\x9c|\x02\xae\xb8\xdd\xe9\xac\xd5b\x10K]\r\xb0\x00\x0c"\x0ba\xa4"\xd0\xc6\x80Z7\x97\xadA\xc2\rml\x18E\x04\xb4S\\B\x15)\xdbG\xee\xdeWx\xbcwIO\x04[\xde\xdaO\x8c\xafL\xdc\x1e;9;\xfbt{"M\x1bb1{\x0c\xfe\xbe.\x8e\xe4:\x00\xb9\x16\x1f\xf4C/\x8bD,Cv{l\xae\x86\xfegV\xbdJ\xb2"\xb8|pq\xb1(\x95\x9es\xb7\xb4\xe9\x04\xacX\x04\xd3\xe6\xc3\x89\xf1O]]\x08\x0b\xb8\xb2\xb1gC%g\x13\xe7\n\x0b(`\xb6\xf9\xbe\xf7\xe1\xf7\x91\xa0\xa5Q\xcb\x82X\xf1x\xdc\x90,\x91\xd0 B\x98\xaaX.\x88\xa5\xa7\xdc\r\xf3&lt;\xde\xdb\xf5\x12\xa9r\xed\x85\x13\x03\x9f\xc6\xba\xc6\x96 \x8a\x13\xb5!\xcf\xf0t)\x0b\x11\x1d\x03\xa6&amp;V&lt;\x9e\xcd\xae\xce\x96J\x0f"\x85\xa0%V;p\xda\xe3v\xc3\xc0J\xd8hfY\\\x91+\x17\xdd\x14\xf1\x8e;\xacN\xde\xcb\xf5\x11r\xd7u\xb8\x9fH&gt;\x06\x8c\xb1\xb1\xae\xcbZ\xc3\x83\xaa\xad4\xf6O\x90\xee\xa4\xeb\xb2\xeb\xe4\xb2f\xaf\xdd^9\xa2\x93\xf4\x06\xdc\x96\xc1\x91X\r\xa9\x85\xb0\xccf\x11\x81\xc9ru\xb1\r]=\x1c\xfa\xc4;\x1f{\xfc\xa1\x99WL\xb84~rv\x82\xa8\xe2\x9eHdd:\x1aM\xfcDZ\xe7\xcf\x10\xdbe\xadv\xe0\xa3W\xfb\xe0\x96n^\x89#C\xf6\x9a\xddn8J\x92~\xb3(%\x108$\x92b\xe5w.\x1f\x0c:\xef}\xb1F\xf3\xcbO\xb7\xa2\xe1\xe4\xd2\x19\x8a\x9a]\x17\t~\xb8\x1f\x8d\x92\xe4\xd7@ t\xfc\xf1\xecl\t\xe2h\xd8\xe8\xb3\t\xaa\xd5\xba\xc6V\x01\xae\xfegj\xbbZ]Z\x85\x10Jp\x99@\xeco/HNy\x9cb\x9d\xce\'2\xdb\xdb\xf9h4\xbc\xb2\xb4\x04b-NRn\x98\xba\xac\xc4W"\xe0\xdd\xc5\xf0\x9d%`\xad\xf5Vrzy.\'\xab;\xea\x15\x00s?\x1c\x9a\x9d\x85:dY\xb1B&amp;\x90\xf6\x88\xd8\x1f\xdfr\xbb\x83\xf8y&lt;a\xde\x9e\xd9c\x98\xd2\xc0\xe3\xb1\t\xc3\x03w\xb5&gt;\x18"\x88P\xca\x8b\xe3Z\x85P\xa8%VW\xd7\xdc\xfa\xb660\xf8\xf2\x9c\x00\x13\xd4\x1d\x0eG\xdd6\xb2\xb6\xb1\xb1 "\x08\x8d\x0c\xec\x85D\xe4?\xe7v\x93\xd4\xf9\xe2&lt;a\xdd\x9dy\xb5\xc5Di\xdfDiA\xa3\xd7c*\xaf\x17\xdf\xc5U*L(l5\xf1MzA\xae\xe3\xc6\x1fnt\x98`\x8a\xcf\xc9d2\x81@P\xcd\xd5{\xd6\xd6\xfc\x12I\xca!\x93i\xc4\x12\x11\xfb\x85\xdb\r8o\xf4\xdd\xa7\xe8\xab\x99\xed\xf7[L\xe9\x886jL|\xadV\xab\xd2j1\x85B\xc1\xbf\x86&gt;;h\xeb\xd0\xcb\xbfi\xbb\xd1|9\xbcf\xe2\xf3\xf9Bp`r\xbd\xa3\xbd\xaf\xaf]\x92\xc2\x94(\x86"\xe6\r\xd7/\xfb\xa3o&gt;\xbe\xffa\xfb\xf0\x98\t\'\xa2\x01\x93\xc9\xa5\xd5*\x85\n\x17\xda#\xa1/\xac;\xdan\xb4\x08[;\x9a\xaf\xd3\x1d--\xe8cO\xb4\xe1\x92\xcb\x05\xb6\x1e\x898\x85+\x94\x98d\xc1\xc8|\xe1\xfc\xdbk\xde\xe8\xdb\xbf&gt;\xfd/-\xe7\x17\xd2V\x9e\xc5\xf1Vo\r^\x89\x93;\x1a\x83\xb9T\xee\x15\xd2`\x08M 1\xc2\xa0\tTf\xdd\x18\x99\xc5\x12\xdazA_f\xd3\n\x91\xa1I\xe4\xbaI\xc7\xcd\x10HD\xd3)\x12\xd8\x94iHh\x12#\x92LBpd|H\xcb\xa0\xcc\x0e\x98&amp;\x1d\xd6\x87Z\xda\xc9\xc0\x946\xd3\xf6\xa5\x9d\xeeZm\xd7\x87=\xe7\xday\xd9\xb7\xedzO\xfc\xf7\xe6\x87\xef9\xbf\xf3;\xbf\xfb;\xe7\xf2\xf1,\x1e\xc8&amp;\x1a\xc6\xd5j\x87\x9a\xc4\xfe\x0c\x92\x91J\t\x82h&lt;\xd1B\x10\xcd\xcdx;\x8d\x9d#\xd8\xe3\xd6\x00d\r\xe8;\xb9E\xa3V\xeb;\x06\x9d\xdb"4\xe2I\x86~)\x02W,=l\x90\x91F|\x10\xd8\xad\x06\x034\xd6e2A$\xd1\xb0\n\x19\xf3\x8d\xefh\x9a!\xacR\xe1b\x93h4\xeb-\x02\x15\x9b\xad\xef\xac\x88\xd2~\xda\x9ay\xc2\x17\xe3\xd9XdQF\x8c\x13JBI\xb9\xdcKK\xb3\xb3\xb3\xaf\xf7\xf7\xf7K{\xeb\x97\xae\\\xf9\x14o^\x15\xb3^=MY\x9b\x1b\x9b\xa5D#\xa9\x99\xe8\xd5\xb0j\xb5\xebg\x1d\xf6\xf5\x8b\x80ul\xf9_\xf8\xbc-\x17\xc9i\xac\x04\x84S\xb3\x95u/d\xf7+\x85\xfd\xfdBa\x7f\xef\x0f\xebx\xcds\xe9OMm\n\xef\x04\xcd\x80?\xa5Ri\xa3\x19\x9bJX\x9a\x8do\x886k0\xf7\x10\xb0\xb2\xb3\xf9\x9c\x96&amp;\x19V#\xfb\xf6\x11S\xac\xd6\xcb;\xf5p\xc17\xb2\xf7\x95p\xe3\xef\xf3\x8d8+9\xfa\xd1\x07\x1f&lt;b\x80\xad\x19\x9c\x0b\xd9B\xcd\x16o\x1e\x13\xc9$\xba\x07|1\x9bu\xcf\xe6g\xb52Z\xefU\xc8\xbf\xbbq{s+\x93\xd9\xde\xae\xed\xd4v\xca\xe5\x9d\xb7;\xe5\xda\xceN\xad\\5\x9fx\xf4-$.\xa6\x81\xd1\xb0\xb4\x99\xa6Y\xc7\x93e\xd1\xb0\xfa6\xf9x\xb5\xe4\x8e\x03\xd7\x92^\xbfty\xb4\xe3k\xefn\xed\xe6Jb9\x93X^\xd9\xce$V2[\x1b[[\xb5z\x1e\x9f\x99\xf4\x82\'\xd1\x854\x8a\xe5x\xa8\x13\r\xab\xf5\xde\x0f\xf1j5\xbf\x04z\xe5\xb5\x1a\xfd\xcc\xe8\xc8\xfa\xa7W|\xe5Zm{k%\xb1\xb2\xbd\r\xb2\xbd\xad\x1d\xec\xee.\xdc\xfa\xfe\xac\xdc\xeb\xd5\x98oh\xb4\x88\xc5\xb2\x0e\xd3\xa6x\xcd\xd6\x92\x9b\xb7\xf9R\xb5\x04b\xe5\xb3ZZ\xb38\x12\x08\xac\x7f\xf1\xc5\xfa\xde^\xa1P/\x97\xcb\x07\x07\x07\xf5J5w\xf6\xec\xd7_\xdf\x92+\xbc\xbd4#\xd3kh\xfa\x06kb\xd9\xd4\xbdc\xe2aE!\xe6\xb3\xb1\x12D}V/\xd3\xe7\x01+\xb0\xb7~yo\xfd\xd0\xf6\xf6\xf7.\xaf_\xbat\xe9\xec\xad[\x9d\x0b^\xcb\x04ie\xb5\xe8B\xc8\x0f\xd4\x93\x9b"b\rAp\xe5K\xa5\x9c;^4\xb1&amp;7\xec\xdb\xc1` p7\x18\xb8[\xd8[\xffh\xfd#\xf8Z\xbf\xfc\xfa\xb2\xdc\xbb\xe0\xf5je$A\xb12\xf8h\xd4\x14\xf50*"\x16x1U,eK\xf9x\xd2\xe4`\xdd\xb1\xb4\xdfy\xf7\xee\xda\x9d\xb5\xbb\xaf^\xbd\xf9+\xdeY\x9f\xf9\xf8\xe3s\x81\xd1E\x83\xd7\xeb\xd6\xab\x19F\xad\x86\xdc\xcf\x82X\xdc\xafb\xce\x17\xb4\xea\x1e\xa7\xe2\xd9l)[\x8c\xf3.\x07\x1c\x1b\x0bNg\xd8Y^[{u\xe7\xe5\x9f\xcfak\xd2\x993\xe7\x02#\xaf\r\x0b\x16\x10\xcbjU\xab)\xb3\x1a\xb1\x9e$\xc4\x9cC\x92\x0c\xfd\xcas\xf1l1_\x04\xb9\\Zw&gt;\x12v\x86c\xb1\n\xfc\x0c\n\xed\x07g\xce|5\x0cbAd\xe9iBj\xc5\xbbM\xdc4\xc7\x1fF\xc5\x1c\xc6h\x95$n\xc3\xb6\x98\x8c\xc7A-\x16\xa2+\x97\x0e\x87cYD\\\x82\xedQ\xbb\x04\xe9L\xbf\xa40x\xb1\xf1\x01\xca\n\x12\xcaC\x8a"\x95b\xf4\x9b\xfewF\x05\xac$\x9f\xe28W2\xe9\xce\xe7|ag\t*/\xea\xf0"\xaf[I\xb1z\xaf\xd7\xa2\x11\xa8\x08\x12j\x1eRIt\xf3["O\xfa\xb4n\xfc\xc0\xa7x\x8es\xa4\xe2\x80\xb7\xe4v\xe7c\xd5l\x1c\xb8\xa0\xa0PB=h5\xeb\xb5n\xad\x9e\x15\xae\x0f\t\xac\xc4\xe0\x17U\xdc\x10y\xc4M\xb2|\x9bK\xf1\xa9\x10\xc7\xc7\x93\x9c\xcb\xa5\xd1/Ar\x9d\x8d\xbb\xd4\xf0\xcf)\xf86i\xd0d\x14^\x87A)-E8B\x9d\xcd\x1c\x13\xd9\x86\x1e\xa7\xc0\x81!\x8e\xe3R)\x97\xd0\xb0\xe1\xce\x97\xf2&amp;\x8a\xc2\x92\x90\x92Aq/\xa3\xb1E\x04o\x0f\t\xac\x9c\t\xa2\xdbT\x12\x1f\xeb\x01o\xb7\x87B\\\xc8\x9eJ&amp;].\x99F\xeb\x9e\x9d\xd5\xaai\x97\x96\x85RG\x83\xbb\rmfH\x01\x0b\xe7V\xa0\xe6\xa2\xb41\xb1\xb1$C\x0f\x92v\xa3\x9d\xe39\xa3\x83\xe7\xe1\x80\xa8f\xf5\xb0\x00a)\xeae2\xa8\x9c5\x1a\x9a\x01\xa9(\x8a\x81\xe0jh\x86b\xbe\x81\x90Y\x00K\xe4\xe1\xb6\xber\x9c\xb3\x1bA\xad\x17!&gt;i\xa7\xe0&lt;\xa6\x87\xb3\xe2\x92\x16\xca*\xd6t(\x15b\x91d7\x89\xc3m\xd2\x06)\xa9\xf1\xc62bOu\xea\xca\xa58g4\x86\xecFc\x8a\x0f\x19\x1d&amp;\x97\xc9\x05\xc6\xaaiJM\xd1\xb03C\\\x01\n\xd9\xad\x14n\xf7\xc1\x8d\xb4e!\xb6-&gt;V\xac\x88+1e\x1c\x0f\xa5\xb8\x90\xc3\x91\xe2X\x13o\x82\x88\x87\xbci\x86\x12\xd9\x8c\xf9\x8aT\x928j\x80\xfd\x80\xd4\x84e!"v\xde\x92\x00V\x96\xe7\xb9\xd0?^\xc0\x91\x0c|\xc9%9\x87\x8bw\x90$p\x91\x0c%\x9c\x1c1U\x10xZll`hM\xaf\xc5\x9b\xdb\x12{\xd44Z\xf7\xc5\xb2\xc5\x94\x1d\x8f\x89J#`\xf1\x90\xbf\x92\x0e%\x01\xc1/\x10A\xa8+\xbb\x89\x86\xe6\x16&lt;[\x93\xb2\x89^\x8be!W\xeb\x139\xcb\xcf\xd5}\xe9t\xa9\x08\xfe\xb3\x1b\x95c\xe3/\xc0\x9d\x90\xf49c\xb7\xdd\xe1\xb0\xc3\xf6GH\x85\xe1\x07`jn\xc09\x04\x8b\xc5\xd2)7\xec\x88\x8c%I\xd4\xd3\xe9B\x056\x1c\xce\x8e\\J#z\xd2\xceqv\x87]m\xa7\x94R\xdcq\x1a\xd0}\xb0\x11\x9148\xd0\xd2\tXe\x9d\xc8X+\xce@\xa1P\xa9Ta=:\xb8\xd0\xf8\xd8\x98R\x89A\x162\x82Sq\x9aZ\x18^\xc1\x06\x1b+\xc3\xd0\xe0Al\x85\x90\x1b\xeaQ\x91\xb12\xe1\x82\x1f\xb9@\xb0$\xa4y\xbbr\xec\xf4\x98r\x0c\xe9\xc6\xc6 \xa3cs\r:P\xca\xc0\xe9P\xd3\x8bXr\xf9\x82awN\xdc\x0c\x01X\xfe`\xe1\x90+\xcf\']\x0e\x10i\xec4\x1a\x0e"\xe1\xc0wKK3\xfaO\x06\xc1\x8eTr4C%!n\x86\x90l\x87\xfd\xf3\xe1p\x18\xc9\xaa\xd9"\n\xe6\x18G\xa5N\xe3L\x19\n\xd5\xd2`\x85\xdaO\xa6\x07&amp;K\xefYy\x93B\xd1\xd4\xa4\x88l\xe1\x90\xa9`GN\x84\xe3\xfa}5\xbf\x7f\xbe\xdf9?\x7f(Y\xb5T\xca\xc6]\xb052\xd6\xe6\x13-Bg\x94\x95!\xcd\x98\xac\x00\x0b;3\x10K\xde\xb4\xb8\x0b\x07\xdc\xe590\xddQ?\xa5\xec\x1b\x18\xb8\xba|\xaf\x1e\x00\xac\xfe~8Z\x04\xfd\xa0Z\xb8R\x8d\xc5by\xbdFff\x18\xc6\xcc\x98e\xb4L3\x81\xc9\xaa\xb7\x17\xa8:\xe5\n\x85B.o2Dv\xcb\x07\x9b;o\xdf\xd6\x12G\xfa\xfa\n\xc9\xd0\xf1\xc4O?\xfd\xf2\xf3nZ\xc0\xb2!Y0\x18~g\x85\x9c\xc1\x0b\x1c\x13\x13\xdfO\xf4"\x12\x1a\xb6\xfd\xfc.\x96B\x91\x8b\xa5+\x95\xdd\xdd\xc7\x07\x99h\xdf\x11^\x18\xb4\xf6]\xbd\xb7\xf9\xe0a\xb5\xe4\xf3\xfb\x83\xfd6\xdb\x9a\xcd\xe6t\xce\x87\x9d`uP.\xec\x1f]T\x08\rH\x90\x0f\xbc`\x9d\x9d\xc8%?l\xe3\x07\xac\xc5H$\x96\xaeV\xab\x8f3\xd1\x81\xa3k\x95j=\xdf\xb5\xfc\xf86\x9c\x10\xf1\x89\xee&lt;`y\xe0\x03\x82\x813\xd7\xd6\xd6\x80-\x18\x18\x9di\x03aP\x19\xb0\x05!]\xc9\xd1\x85\x8a&amp;\x8cyC.\x12\x89\xf8\xd2\xb1\xea\xd6\xc0\xc0QqI\x80\xaa+Q\x8d\xcf\xe6J\xb1tp~~u\x15\xdc8\xe9\xb1\xd9\xfa\xd7\xfa\xfb\xd7&lt;\x1e`\\\xf5\x8f\x0cNM\xcd\xb4\x81u\xa0\xdf\x80I\x90\xa9\xa3C!,E\x83aqx8\xe2\xf3\xc7j\xba\xa8Nw$\xaf\x16h\xd5\xcd]\xed:\x9f\xa8\x02\xd5\xa8\x805\xbf\xdao\xf3\x00\xd6\xe4\xe4\xa4\xc7\xb3\xe6\x81_\xb6\xd5\xe0\xe7\xd8\x95\xabR\x01\x16\xce9\xc8\x11\xe6\xd0\x81\x88\tX\x86\xc5\x99\xe1a\x9f\xbf\xa6\x1b\xd0\x81E\xff\xcfMRrL\x97I\\\xed\xea\xea\xba\xbak\x18\x1e\xf5\xf9\x04\xb5\xc0\x8b`=\x93w&gt;\xbb\x03Z\x01\x9bm\xf5\xe27\xd7\x07O\x9d\x9aRa\x9fH\x07Dy\x870\xee\x00\xd6\xd6\x86X\nE[\xdb\xcc\xcc\xd4H8#`E\x7f\xfb\xfb\xca\xd0\xfb\xb7\tJ$Cs\xaf\x9e#\xd5\xf9\xe3\x9b\xafGG|\x01\x7f\x10&lt;\xd8o\xeb\x81\x8f\xa7\xa7G\xd0\xcb\xe3\xe9\xb1M\xff\xed\x9b\xebS`\xaav\x15\x02ut\xb4\xb5\t\x80\xf8\xc7\xef\\*\xd5\xd4`yn@\xc0\xfa\xf1\xda\x9b\xe7+\xef7\xc7\x8f/;\x89\xfe\xf6\xf2\xe9\xf3\xe3]\xc8\xb5Q\x1d\x1d\x01\xaa \xe6\x07 B\xf3\x08\\\x93\x9e\xe9\xe9\xe9\xd5\x8b\xd7O\x9e&lt;y\xea\x94\n\xb1\xdaU*U{;\xd0\t\xb1\xd6\x86\xc1\xd5\x04X3\x83i\x88x\x94+\xfa\xfc\xda\xb5ko~\\\xd1\xfd\xef/&gt;\x90\xb4\xb6F\xb7\xeaO\xef\xdf\x7f+`u]=\x18\x05*t\xe14xprR\x00\x9bD\xeb\xf9dz\xfa\xcb\x8b\x9f\x9f\xfc\xcb)\xb0\xf6\xf6v\x15\xa8\xa6\xc2&gt;\xa9\x8e6\x95\xb0\x06\xc0\xa9\x8855x\xb0&lt;\x80+\xf1\xf8\xdc?\xaf]\xb8p\xe1=\xc0\x10\xea\xdf/\x9f\xde\x7f\xf6\xec\xd9;\xb5\xba6*\x90Ja\x19bh\xf5L~\xd8\xf3\x8e\xeb\x8f\x9f}\xd8\xf3\xc9\x97\xff\xa9\xe4\xfeb\xda\xba\xaf8\x80\xfb&gt;\xf1\x96\x07\x96\xb5/6\xd2d\x07\x99\x07\x84p\x1f\xb2\xca\xb5\x04\xf2\x15AK\xe0\xe5\xca\x8a5O\n\xee4\xc6]\x18\x9e\xd2\xb8a\x11S\xe5M\x1dNs\xb1sg\x83\x91\xc60]\n\xc6\xab:U\xa1\x96\xc0\x0fWBtX\xe9&amp;\xd5\xc1&amp;!+\xabAV\x02\xb6\x05\xe1\x8f\xa6\x850\xc8\xbe\xe7\xf7\xbb&amp;\xd9\xd4V\xdd\t\xc4AB\xe1\x93\xef9\xbfs/2\xce\x9b\xcd\xf6\xfe\xfe\xfez\x04\x86\xa4\xdaHEy}\xe74o&amp;\n\xc4\xde\x9b\x93\x0e\x85\\\xc2\xe4\x11\xb1\xdc\xee\xe4\xc1\xde\xee\xe0\xff\xf1,B\rk\x9f,\xfbJ\xc1\xe0s\xa5\x8e\xc7\xf5\xe0\xcf\xd4A6Z=pu\xb2\xea\xa1g\xae;\x87Z\x9a\xed&amp;\xaa\x005\x92\x99x!/\x1cE\x9a\xb13\xbd\x17\xfe\xc1P\xa8\xc3PH\x14\xdd\x91d\xc4\x9d\\\xdb\xdf\x1d\xfc\xb6{\xff\x14Cm\x8a&gt;O\xd0f~Z`i]\xac\x9bx\xcc\x0e!\x8dVOC-\xebb\xe7\xf9\xce\xda\xdaZ\xfa)\xf9\xe6V\xbb\xdd\x1e@ZmU\x11\xd9\xe8\xf5\x05\xaf\xf0\xc1?\xd3\xfb\xd9\x14\x0bK\x10\x94}Q\x14\x91\x17\\\xc9$\xc1\xbe\xd5\x7f\xfaQ3\xb2\xb4\x9f\x0c\x89!\xd1\xd7\x114\x9b\xcd\xc7\x13u\xdc%\xdc\xbfL\x0b\xfe-\x1a\xf8\x1e\xd24\xa0}\x9d\xb0u\x12\xab\xab\xb5\xd5\x8e\xa8\xb8\xea\x15\xee\xa2b&amp;\xcc\xfb5\xb4\x90\x95\xe0\x18\xdc\x91e\xb8BnR\x11l\x8f\xd6\xc57\x1f\xbf\xb3\xd3\xbb\xfbk8(ha\x89T\xc1\x95\xfb\x82\x1e\x97\xf2\xe0\x0e\xa6\x1d\xfb\xb3\xb6\xbd\x96W\x03T\xc0]\x1df.\xbb\xa9\xbf\xfft\xdbi=\xaf3h\'\x1a\x8a\xf6Q]\xa3S\xc8U\x8e\xc2\x8e\xcf\'\xca&gt;\n\xccM\xaa\xb5\xb5\x9d\xddo\xbc\xb3\xa8\xa9\x199&lt;\xa2\xa4\xd0|\x19a\x91k\xe5\x99C \x15\xae@\x13\x9f\xb1\x05O\xe3\x84b\xbfCU\x8b\xd9"\x96\x9d\x06\xab\x9e\xcec[\x1b\xbd\xd5\xd3\xbe8\xcdT\xd7N\x06K\x10\x1c\xca\xf4\x91\xc7\'\xa7R\x8c\xe5f,w\xf2\xb0\xe9\xeb]5\xa7\n{2f\n\x03\t\x95\x07\xac\xa0-X*+\xd5\xb8\x1cw/\xbf\x81\xb5\xde\xde\xd7\x07R\x03\xcf\xab\x81\x06\x7f\x88\xa7\x15`\xbb\x8b\xb3\xe8\xb1\xb7\x9e\x99\xae\xf5\xd2"\x15\x18\n\x93\xa5L\x1ey\xe0r\x89b\x8a\xb5\x12.\x97\x18)\x7f\xed\x91\xac97} \x1f\x95\x0fDR\xc92&amp;+h\xb6\x99K\xcf\xe3\x0e\xbe"\xea\xea\xe2\x0f\xde=a\xe9\xaeZ\x9d\xf5#\xc4e\n\x04\xb8\x8b\xab\xa8\xaea\xb9\xf7:\x9d\x8f\xc7\x05\x87\xce\x1aT\xeen\x82\x95\x12S\xa9\x94Kt\xb9B\x980&lt;D\xf6\x97\xce\x9d\xfa\xeak\xf2\xee\xd1Qyz\xfa\xc0\xc5T\x1e6\xf0\x18\xae\x9dx\xbc\x1a\x97\x80\xd3H\xacvV:\xac\x93\xcf|3f\x1ey\xf5\x9bx\\,-VN\xa7\xf3\xe6$\x9a\'\x08&lt;,\xe5P\xf4\xc0\xe5#\x9a\x8b\xb5\xd1\x9dr\xc1\xb5\xf6\xf9\xe0W\xdcZ\x9c+\x94\x0f\xf6\xa6\x95\xf1gI\x97\x8b\xab\x90\x95\xcdf6?\x1d\x8f\xeb\xab\x0bq\xfd\xfd\xa3wYZ\xf4\xab\xf6\xe48^\x1dj\xa1\xe1\xb2\xd3\xd0S\x81E\xcb\xd5\xa9\xb3\xde\xb9\xab\'\x85\xc1B\xedAD0\x8a\x8b\xd6D\x12\xc1\xb9\\,\xb0\xa6\xff\xb9Q0\x8c\xec&gt;/O*\x13_n\x7f\x1cr\xb1\xc1b\x03\x0f\x96\xedx5\xce\xdb\x08\xd5V"}\xe5F\x0f\xb1P\xed$\xead\xd7\x1eJ\x8b\xb1\xc8E\xa4zS\xbd\xa97\xc0^\x82\xe4\xfc\x1d\x0e\x8d\x9e\xd5\xd4\xaa\xa2L\xedxXZ)Y\x0eEh\xa7\xbae\x9d\x85\xc0\n\xa7^Z\x15X\x0b\x87\x87\xd3\xca\xeaVF\x93\xde\xc6j\x90W&lt;%\x9a+\x16\xd7\xf1z&lt;\xce\xf3\x82\xaa\xd1\x98\xber\xb9\x8f\xa1(."\r\x01\xa5\x87\xf5:O\x8bLX\xf8\xce\xd8\x054\xd0\xf9\xeabe\x8a\xa3\x84\xf8\x97\xeb\n\x1dD\xa0d:\xee\xee\x88\x1b\x11\x846\xa9\x9d\xcc\x15\xd9y\xe9\xe9\xffs#\x93w\xc7\x07\t\xe5\x97\xfcoo\xfad4&gt;Xe\xd9V\xee\xc7\xe3\xab\x1bq\xa6BY\xd3\x7f \xd7_\xfa8k\x08;\x8be\xd5u\xa2\xea\x07\xc9\x14p\x06b`]p\xbe\xa7\xa9\x89\xad8\x9f\xab\x8dm\xa4\xb5\x14\xf2!*\\|0W\xa2\x0c\xe2\xc1\xe1\xfe\x11c\x91\x0b\x81U\x0f\xe0\xe0D\x81\x92R%?*\xbb\xe9[\xf1\xad\xb0\xe5\xc0\xd3b\xac\xed-e\xaa\x92h$\x97\n\x17\xfdh\x19cQT\xcdP5\xd3\xd5\xe7u\xd3\xcf\xa8\x8bt \x03\xf6X,6^P-\xed\x00\x00\x04bIDAT0\x10s^\xd1\xacVkbC\xa8\xc3`\xdd\xcflO\xd1\xc4\xf3\x1d\xef\xc6\x1eJy:&lt;\xbe=\x87\xb2T&gt;H\xea\xae\xc8&gt;?\x80\x82\xe2P\xe6+\x19\xa3d$\x96t\x0f\xa8\x15\x84EiQX\xb6\xd23\xb02Z\xa5\x92P\xadV\x825J\xd9\x9b}\xe4\xea\x03k\x98GE\xef\xc8+\x80\xb3\x18\xa0\xe2\xaa\x81\x1f\x90\xcah\xb5f\xd6\xa1\x9a\xc7_\x82\xafU\x16\xf9"\x15\xa9)\x1d\x1d\x1e\xb9Lg\xa1\xb0T\xdeIr\x18\xff\x0e\xd0\xa1\xacV\xf4\xa4\xfc\x16\xbf\xff\xc9\n\x8a]wl\xb6\x13\xd6\xf8\xf6XZ\xb36\xe2+4\x02\xd6h\xcc\xde\xfe+\xf5\x117\x0f\xc3-,+^\x90\xfd\x9clv\x96\xd4\xc0\xc0\xad\xacfDY\xd5\xc6\xedU\xc7\xea\xb6V\xdcp8F\xf6B.w$\xe2b\xc7*\x8c\xb0\xc4\xc7\xebSt"\x9a\nK\x9f\xef\xaf1\x16T\xd4&gt;\x16\x94\xc4d\x96\xdf\xae`\xe0\xd9\xce\xaa\xa6Uf\xac\xb1h\x1a&amp;+\x0f\xcc\x9a\xfd\xfd\xf9vv\x18\xaf\xb6PT4\xf3\xf4N\x99\xb5rU\xf3@\xec\xd6=\x89PP5&amp;*\xf3\x95\xa2T\\\x17\x9aF\xf60T!\\\xda\x80\nwt\xf8B\xa1_e\xb6\xb7\xd6\xc7\x15\xc7\xd9:ap\xf2p\x7f\xcd`\xb8\xa8\xccoe\x8a\xa4\xb1\xe0\x8d\xd5\x0f7e\xea![\xa5\x8c\x15\xfc7N"Xp5&amp;\x98\x0b0\xab\xf6\xd1\r\xba8\xb6w\xb6t\xd9\xc9\x85\xc1\xa7W\xfa\xb0#\x19\xeb\x02j \xf6\x9e&amp;\xf1\xa8Pj"S\xd4\xb4\xc4\xfc\xd9\xa6\xc1\xfdH\x88\x07\x85\xf2\xe0\xbe\xcb\xfdK\xa3Z\xcclW6\xe6\xa7\x1c\xb8\x96\x8cL\x1b\x94\xf5JFK\xa7-\xc4\xf2\x92\t\x8f\x1flBe6\xbf`\x95\x9e\x178\x0b}L\xf0\xbc\x00S\xb5\x8f\xdf\xc1\x96oohi5q\xd7\xf0\x10\xd5p\x8b\xce\xea}?]\x8d\n*\xa3$IF5\xb3\x8aV\xed\xe0&gt;NG\xc9\xae\x08\xc6\xec\xa7\x9aQU\xf1O\xa5\xd0 \xab3T\x12i\x8b%m\xf9\xaf\xfa\x80\x0f\x16;\x846\xf3\xa5Kf\xc6\xfab\x14\x15\xf5K\x9a\xda\xa8r\x98j\xcd^\xbf\xd3\xd0^;\xdce\n\xa0u]\x03\xbf\x99AV\xc3C-1\xeaa\xec\xb5{/\xa2\x82*-i\x80e&amp;\x9a\x9a\xb0\xb6 \nR\xffD\xbe\xb7V\x8aj\x11.\xd5\xa8r\x99\xc18\xeb\xf5F\xf5\xfey\xbd,\xafh\xa9\xc4S\x82\xec\x12U\xb0\xf4\xcf\x82\x83\xb3F\xf1)\x92\xca\x02#\x98\xb5\xf8a7\x96|\x8b\x9d\x1d=\xbb\x1d\xb4\x99\xee!\xf6\xe1\xad\xac\xf4R\x03\xadR\x1a\x95\xcf\xe73\xe3M\x8e\xc9\x7fut\xf0\xa8\x08\x85\xe0r%\x12K\xf8,IUU-\xf3\x85av\xd9\xbb\xb0\xb0\xe0\xe5*\x8b7\xea\xf5KO\xcc\xec\x9ac\xbbT-s\xe9)X\x15\xc6b\x9f+\x19\x89Eg\xd2\xaa-\xde\xbe\xd3\xf9f\x8cv\x02\x86|f\xa6{ff\xa89\xd0\xf6jV#\x95\x1e\x95\x91\xa1\xa2\xf9h4\x9d\x19w\x08K\x9bH+\xe7\xa1\xcb\r\xa1\xf0\xe7R6\x9f\x9f\xcdK\xc6Y\x94\x11\xdd6,,\xeb\x19a\xb2\xbcT\xd8\x0f4\xed\x97^T8\x8c\xbby\xc1Q\x19\xe3.\xafwl\xcc\x92\x96\xc0\xe2\xb8\xe2\xa3\xdb\xdd\xcd\xd8U\xe8\xdb\x0c\xbe\xb3\xed\xee\xee\x0e|\xf7\x8f\x0c\xa5\xb3\x8ciK\x94\n\'&amp;\x1a\xcdL\xd4\x815\x87rE\\\xa9\xb9\xb9\x1c\xc5\x16\xf6\xbc\x9f_^\x9e=\xa9\xbc\x01\xf1xy\x07\xfdL5;\xeb\xff^0\x17\x0e\xbf\xac\xea0\x1f\x17\x04aklt\x8c\xe7E\xb3\xff\x90\xa6\x99\r4`\x8b\x1f\xf6\xd6\x9b\xbe\x0f\xd5\'o\x81u=\xcb\xce\x1f\x96\xb3\x15-\xb1J\xd1\x87(\xc6Z\x00k\xf5b\xd3.X\x88\n\xa8\xb9\\.GK\xc2\xf3\xe3\x87\xcb\xcb:\x8c\x1e\r\x8bQ\xaf%M\xcb\x81\xa9f\x11\x96\xe5\xd3\xdc\xdc\x89+L\xa5\xb3\xa2\xa3\xa3c\x0bP-,\x8c\x8e\x81\x18MKU\x98U-f_\xfb\xc5\xafo\x9c\xefi\xb8q\xfdQQ\xa2&gt;\xcc\xcebN\xd0=\x0bS=\x8c\xd2zA\\\x8b\xabuM\x87\x9b:\x8a\xb1r\xe1\x8e\xdc\\\xe9\'Qr\xe5\xa9\xf0h\xd8\xc8F\xd3\xc5bBc*?\xa9\x9e|\x1af\xac\xf0I\xe5\x82\xc7\xf8\x96l#\r\x0bC-\x8cQb\x18\x14-S\xc9\xb0\xe9\xc7\x94\x15\x17\xfft\xfb\x8dO\xfe\xf6\xa8H9\x91)\xb1])F\xa3U\x15\\\xd4\xc5&lt;X\xc2\xeef\x8a\xa3t\x17b\x90\x8f\xefUU\xe4\xfa\x0f\x95s\x82\x00\x9by\x95_\x00\x00\x00\x00IEND\xaeB`\x82'</t>
        </is>
      </c>
      <c r="M145" s="3" t="n">
        <v>45492.67863425926</v>
      </c>
    </row>
    <row r="146">
      <c r="A146" t="n">
        <v>385916</v>
      </c>
      <c r="B146" t="n">
        <v>1977</v>
      </c>
      <c r="C146" t="inlineStr">
        <is>
          <t>Mauricio Lemos</t>
        </is>
      </c>
      <c r="D146" t="inlineStr">
        <is>
          <t>M. Lemos</t>
        </is>
      </c>
      <c r="E146" t="inlineStr">
        <is>
          <t>ZAG</t>
        </is>
      </c>
      <c r="F146" t="inlineStr">
        <is>
          <t>ZAG</t>
        </is>
      </c>
      <c r="G146" t="inlineStr">
        <is>
          <t>ZAG</t>
        </is>
      </c>
      <c r="H146" t="n">
        <v>186</v>
      </c>
      <c r="I146" t="n">
        <v>4</v>
      </c>
      <c r="J146" s="2" t="n">
        <v>35060</v>
      </c>
      <c r="K146" t="inlineStr">
        <is>
          <t>Right</t>
        </is>
      </c>
      <c r="L14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16450d39-6f5f-471d-8d5a-33ee883a75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e7\xd2\x00\x00\x00&gt;tEXtComment\x00xr:d:DAEewil2SDw:3759,j:3325205453230688475,t:24032721W\xbf\x04\xf4\x00\x00\x00\tpHYs\x00\x00\x0e\xc4\x00\x00\x0e\xc4\x01\x95+\x0e\x1b\x00\x00\x03\x00PLTE\xff\xff\xff\xfc\xfc\xfc\r\x13\x1b\xfe\xfe\xfe\x0b\x0f\x17\x0e\x14\x1e\n\x0e\x15\xff\xfe\xff\x08\x0c\x13\x0c\x11\x19\x02\x03\x05\x05\x07\x0c\x07\t\x0f\x05\x06\x08\xd9\xac\x98\xfa\xfb\xfb\x10\x16\x1f\xd4\xa6\x92\xfb\xfc\xfe\xf8\xfc\xfd\xc9\x95\x82\x0b\n\x0c\xc5\x90{\xa1aL\xdf\xb1\x9c\xc6\x93~\xd1\x9d\x88\xf1\xf1\xf2\xd6\x96\x84\xda\xaf\x9c\xd7\xa9\x93\xf4\xf8\xfb\xe7\xee\xf9\xca\x99\x84\xca\x90}\xd0\x97\x82\xe4\xb8\xa5\xd1\x92\x80\xd4\x9c\x84\xe3\xb4\x9e\xd0\x9a\x85\xed\xf3\xfc\xdf\xb4\xa0\xc5\x8aw\x9b\\H\xb7\x85w\xf5\xf5\xf5\xd9\x9b\x88\xca\x8dw\x15\x1a$\xd1\xa4\x8f\xf6\xfa\xfc\xe6\xec\xf8\xf0\xf6\xfc\xb1~o\xf8\xf8\xf8\xe8\xbb\xaa\xbe\x82m\xc2\x88r\xe3\xea\xf5\x96XE\xb6\x82o\xbb~j\xd2\x97}\xc2\x8cy\xdb\xa6\x8f\x91WE\xbc\x89{\xe1\xaf\x99\xce\x92xD(#\xa8eO\xafmU\xdb\xab\x93\x8bRB\xcb\x9b\x89\xb3pX-09\x8fT@q=/\x12\x0f\x0f.\x1f\x1d\xbd\x86t\xb8t\\&lt;&gt;FW2*tRK\xf0\xf3\xf8i9-H3/\xc8\x85u\xdb\x9f\x8f\x83M&gt;\xa4i\\\xce\x96~\xe8\xea\xec\xed\xee\xeflKF\xe0\xe1\xe3\xdf\xac\x95\x80H9\xabhU\xa0m`\xadsa;%!\xbcyb\xd6\xa3\x8c\xec\xf2\xf8\xd0\xa2\x8b\xc6\x8br\x1f"+\xe4\xe5\xe8\xc1yk\xadyg\xb7zf\x1b\x13\x12\xcb\x94}\xd5\x9f\x8c\'\x1a\x18\xd4\xd4\xd8\x90f^\xb9ue\xea\xf1\xfa\xda\xdb\xdf\xa8o]\xa9\xab\xb2&amp;(0\xbf\x8e}\xdc\xe3\xef\xc3\x81t\xa6qe\xc4\x7fm\xeb\xbf\xafBEN\xc5\x8c~\xc4\x90\x832%%\xb1la~\x81\x8b\x9abQ\xe9\xee\xf5\x86\x8a\x93\xb4tf\x89O=68?\x1e\x1e$\xa1\xa4\xac\xe0\xe7\xf3rv\x7f\xbb\xbc\xc2\xbcxj\xd2\xd8\xe5\xca\xcd\xd2\x8e\x92\x9a\xb3zg\xb4\xb6\xbd\xadi\\\x88`V\xbe\x8cv\x9b\x9d\xa5^akRU]yB3\xd0\x8a}\xa2|u=--\xd7\xde\xec\xb4r_\xa1hVM.(knw\xc4\x97\x84\x9bj\\\x14\x14\x17\xa0th\xb6e]a6+\x94\x97\x9f\x98nex{\x82\xcf\xa2\x95\xbb\x7fqgB:JMV\xc5\xc7\xcc\xbd\x95\x8a\x1b\x19\x1c\xad\xb0\xb8\x95^L\xc6\x9d\x93\xa3`S\xaeaV\xa8xl\xb1xl_?8\xbc\xc0\xc9\xd1\xce\xd0W:6\x9bdY~WP\xd4\xaa\x97\xcf\x8b\x88\x85REN99\xbe\x92\x81\xc6\xa7\x9e\xb6\x8d\x81\xb0\x84w\xbdogpWTpC9\xcd\x9e\x90\x86ZM\\EF\xcb\xa0\x8awH=\xa8\x7fvdgp\x91bS\xca\x93\x89\xcc\xd2\xddY[d\xa2PN\xe3\xa3\x98\x92VT\xeb\xe0\xdd\xe1\xd5\xd3\x8dlg\xd0\xaf\xa6\xbd\xaf\xb0\xde\xb3\xaa\x8eSI~]Z\xcc|v\xac\x88\x81\xa8TZ\xca\xb9\xb7\x95BI\x99ZM\xd2\x97\x8fzQF\xea\xae\xa7\xd8\x90\x8a\xdb\xbc\xb6\xbeyw\xbent\xef\xe7\xe5\xe0\xc8\xc5\x7feg\xb0hl\xb8\x9f\x9b\x93vs\xaf\x92\x91\xc6\x82\x84\x96\x83\x85\xafUJ\xdfP\x12\x06\x00\x00 \x00IDATx\xda\xcc\x98QLZi\x1a\x86K0\xd4\n\x946\x993\xa4%^t\x9a\xd9\xec\x05!\xed^\xec\x996l79\xcd\x02aAa=\x18ip@\x023\x98\xcc\xc2\xa6d\xc5\x86\xe54\xdb\x86\x8e\x8ba\xe4\x10\x98\xc0\xd0\x06p%\x08\xdd3\x01\xe9(\xa2c\xba\xd4\x8e\r\xcejdt\xd1&amp;^\xb9\xa9\x8d\x17\xc6\xcb&amp;\x93L\xf6\xfb\x0fNv\xef\xc5\xda/@\x0e\x10\xc3\xe3\xfb~\xff\xfb\x7f\xff9u\xaa\x85\xc5\xe5\x88$\x16\xb3\x84s\xea\x9d*\x8e\xc4\x15+\x06\x82&gt;+~\xfa\xdd\x81\xe2r\xf1h`\x86\xd2n\xe7\xe3^\x0e\xf7\x9d b\r\xe4xJ\xa4\xb3B\xcdlE\xe6D\'\xce\xc5\xe5\x02\x10[\xd6`:\xc4TB\xa4?\x9f\xc4e\'\xdb`\\\xaeH$\xb1z\xcdV\xef\xa2g\x8etR4\xa5\r9\xa9 \xeeMXN\x92\x8a#\xf1D\xe3i\x7fd{&amp;4\xb3\xade*\x0c\xc3\xe3\xd1\xda$\xbeX\xb4\x9e\x9c\x8d\\K,Y\n\x9d\x13\xb4\xb7\t\x04\x82\xf6\xf6vaG\x87P(`\xa8\xa0\xb5&lt;g=1\x17\xf1X\x89\xd4\xd2M\x18\xa1\x10^:\x9aWB*\x95\xca\x97\xf1\x13J)Ky\x8bn\x17\xf0;P!4\xc4%d\xaf\xb0s\xb46n\x81\xc5\xf0\x16\x8d&lt;\xcd\x85F\x87\xaer\x15\xb7)\x01\xab\x12+\x12\xe2\xe2\xf3\x0f\xaf0\x8cIG]2\x97\x85\xf3\xb6\xc8Ns9\\\\\x86\xe3\xae$y\x95\xd7\xf4\x8d\xb5\x0e=1\xac\xa9Z\x07_\xc8g\xb4\xa5D\xc9\'\xe1\xe02\xd1[I)\x91Lf-\xc7\x12\x01\xf2\\\x1b\xbf\xa9\x8c\x10\xd3aB&gt;\x86a:\x06CoYN\xbe@\x9b\x0fmy$\xde\xe8qg\xbeH\xc4\x01\xa5\\V\xab7\x1a\xf4\xd3&lt;\x81\x80\x8f\x14rW\xdc\xee\xa1\x8a\x0e\xd3\xe9\xdcp\xa9s\xc3%\x02\xe3\xf3yZ\xad6\xef\x8b\xfa\xa2\x92\xe3\xe5\x92\x98e"\xdc\x1b+{\xadI\xff9\x96\t\xa8tC\x0e\x85B\xe1\xd0\x03\x9b^\xefp\xe8\x1d\n\xbd\x1bc\xbf\xea\x10T*4\x99\xf4\x94-\xc7\x8beq\x99-\xd6h\xb4\x1c+\x924\x0f5\x13\xd8\xe6\xd6+\x9eOO\xd7\xab\x06\x87C\x91\xcb\x19\xaa\x06x8\x86@;0\x93\xdf\xce0\x95\xedb&lt;a\xc59\xc7\xaa\x96\xc5\x9a\x08\x86=I\xb2\x8d\xf5\t\x03\x81\x14\x86\xe9\x86\t\xaa^(\xd4\xeb\r\x9b\xad\x01U\x00\xc1\xdcn\x9dN\xc0\xc7t\x15\xa76\x9d\x0f\xc6\xf0c\x14L\xe2\x92Y\x8a3\xc908\x88\xa0\xc0?\x85\xa1Z\xb7\x99\xd4ju\xcd\xd40\xd5\xd4jBm\x1a\x03\xc4j\xce\x01v\x0e\xb9a\x15`\x0cE\xa6R\x11\x0f\xe7\xd8\xb8\xb823n-\xf9\x03!\x1e\x8f\xed\xa9\xa6T6\x1b\xf0\xd4\xa0\xba\x08\xb9\\N\xa8\xc7\xc6L\xb6z\x9f\xc1\x90\xcb\x81f:\x8c\x8f9\xc9\x99\x94? \xe3\x1e\x1b\x17\xee\x8a%\xb7\xb5\xd4\x19\x08Q\x9d{H\x913\x14\xc06\x90g\x0c\xe4R\x13\xc4\xfe\xfe&gt;A\xa8\xd5\x805\xde\xdd\xd7W(\x14\xa0\xc9@0:\xbd\x15!g&lt;\xc7d#\xfc\xb7\xaeD8X"y\xed\xd0\xe8CzG\xae\xd0\xc7R!&amp;5\x92J\xba\xbf/?\xc4\x1a\xef\x06\xb0\xbe\x82\x81\x15\xcc\x99*\xe6C\t\xb3Et\x1c\\\\\x11^\xf6\x95\xe7R\x14\x0f\xc3`\xf9\x19\n\xf0\xbb\xe3\xe3\xb61\xa4\xd3\xae|_\x0c\xa5\\\x10K\x91\x8d&amp;\x1b\x0b\x06d\x86\x9c\xc3\x8d\xf1\xb4\xa5\x80?*\xb3H\x8ea\'\xe2\xcab\xcf|s\x8ba\xb2\x8d\x87B\xc1\x00P\xdd\xdd\x88j\x97\x90\x13r\xe9\xc2\x82\xd2nW\xd9\x95\x88\xab\x8b\x05Cd XN\xaf\xc3\xda\xc84\x99\xf0D\xbd\xad\x8fU.\xc7\\\xf2Cd\xa7\x9c:\xdd\xcfZ\x01\x95i\x97\xa5\x92K\xc5\x0bJ%`\x01\x15\xb4=\x81\xc8\x9a\x82u\x1b\x14C\x18&amp;8Cm\x95\xf2\xc1\xb2\x8c\xd3\xf2\xbdP\x16\x0eQ\xf9\x12\rT\x0e\xe8\xf5B\x81\xa5R\x13\xfbR\xa9\x14\xf9\xa7&lt;TK,\x95\xca\x81\x8d\xe8jr\xd5\xfbr\x90\xad\xed|!\x93\x0e\xc6\x8b\x8b\xa2\xd6\xcbe)\x86h\x1a\x85\x15\xc2b\xc52\xa9\xc1=\xc4\xa3T\xaa\xec*\x95\xa6G\xa3\x022\x16\r\xbc\x04.\xd4_\x86\x11\x14_\x1dB\x01\x9d\x8e\x84-\xa7[\xbe\x0ee&gt;?\x83\xf2\x11\xb0X\xad\xc6mj\xb9x\x01\xe1\x00S6\xab\xd1\xf4\xf4\xf4h\xa0T*\x90\x0e\xc8\xbal6\xa0\x82\xd5\x08r\xa1\xad\x9bqj#\xad\x8e\t.\x8e{#\xa1\n\xd6T\xab\xd0lw\xb9\x18\xfaI\x83`z\x06\xd9B`\xe8\x89\xc8\xc4\xf21\x13\xeaz\x08\t\x86\x1d\xc3t\x14\xed\x9fs\xc9Z\xea#$|8M:\x19&gt;\xbb\xe3\x14\xc0\x9d\xf11ht\xa5J\xf3\xffX\x88\xab\x07^X,)j/\x84\x05ju\xa0\xbd\xaaBSA\x8f\xab\x95\x07H\x18\xfe\xbc%?u\x86\'\xe0#,\xd6\xc2.)\x12K\xc5\xfa\xd6s\x08\x95E\xef\x00\x93m~9\xe2\xea;4\x91\xd5\xabR\xf2\x98[9L\x88\xcc\xe5\xf8\x8c\xf6\x1c\x86\xf1\x85,\xd68k\xa1X\x0cX,\xd7\xff&lt;\x04 ;\xfa\x14\xb9\x88\xb8\x10\x96\x1b\xfeL\xc8\x0e\xf8%3\x07\xc7[v\xf2\x10\xc5\x8a\xf9t\xe8j\x1b\xb4\x16\xc2*\xa0\xc6\xea\x02\x0fY,\x95*\xdb3\xf8\xa7\x1bM.\x8dJ)V\xa2\xb8@\xeb\x11qAp\xe9av\x85\xf1Z\xc8`L\xca\x07\xe3\x9aU\xd6\x12,\xae$Q\n\x04"~\x86\x871\x0c\x83\xe6\x06\x16\x8b\x90\xb2q\x05\xe2\xc0B\x1c\xbcq\x83\xc5R\xa15\x88\x82\x0c\xa8\x10\x18\xd1(\xe4`\xc4A6\xc2\x93\xf1o\x07\x92\xf1x\xd8\xd5\n.\x99\xaf\x14\xf7\x05\xd3\x14\x1a\x9e\xe8\n\x8be\x03,\x90K\xca",\x88\xed\xd0\xf3w\xee\x00\x96F\xc9\xe6\xbc\xf4\xf0\x1bxc\x9a\xce\xa1\x89\x1a\x98@1\x86\nmGJ\xf9\xad(\xde\x02.K1\xecIli\xdb\x84(\x1e\xd0\xd6S\x18\x87\xb9\xa1\xab\x0b\xf6\x98.\xd6J\xf0R\x93\x85\xf8\xd2h\xd8M\x11&gt;D\xc5j&amp;U\xd7\r\nE\xa69\xdeCv\xd14\x19(\x06\xa3\x92\x16`\xc9\x9e%bI\x98\x1c\xe0\xf0\x87\t\xddz\x87\xa1\x0fi\x05\x05#\x1f\xc2Z\xb0\xa3R\xd9\xed\xd0\xef\xf6\x9f{\n}\x81R\x82\x00\xb9\x1c\xc6e\x88z\xb4\x16\xe9t\x9a\xdc\x8e\x04}\xe6\x16\xa4*\xd7\x1b\x8e\xe7gh8\xea\xa0\x13\x05\x84\xe98K5\x86\xa6,\xb0j\xe1a6\xfb\xf0!4\x7f\x16\xa2\x1e""\xfbpra\x1f\xb4D\\\x90\x12\xea\x06\xe22\xeaQv\t\xaf\xa6\x02d\xc5\xe9\x0f\xb6$&amp;D\xd6h\x80j\xe3!\xa8\x0c\x9cn\xbaMM\xa5\xd4\xc4\xbcx\xd2\xfe0\xfb\xe5`\xf6\xce\x1d\xc8\xac;_\x0e\x0e\xde\xbf\x7f\xff\xda\xb5\xdb\xb7\xb3\xf6\x05\xf0\x92\xb5q\xde\xd4\xa8*\x14F\xa3\x1b\xdd\xaa\xe0\xd3!-\x8d1[V\x11\xa7\x15\x1b\xa2\xa4H3:\xddPfY\x81Bk\x0c\xba\nQ-\xf4\x7f\xfa\xc5W7\xfe\xfa\xc7[\xf7\xef\xc3\x03\xd5\xad+\xbf\xbbr\xfd\xfa\x1f\xae}\xf3\xd5\xa7\x93\xc4X\xd7&lt;Z\x8d\x84\xe9\xa0\xea\xc8,\xeb\xd9[(X\x1b\xa5\xad\x08B&gt;W+\xba\x0ba\xf1\x10\x95\xd1\x91\xeb\xab\x9b\xa0\xd9\xd5&amp;S\xd7\xfe\xe4\xdf\xbe\xb8\xfd\xcd\xf5\x07\x1f|\xfc\xf1\x87\x1f^\x81\xfa\xfb\xad\x0f._\xfa\xe5\xe7\x0fn\xfez\xf5\xe9\xd3{/M\xa6\xda.L\xad\xf3\xc4\xee\x81\xc1\xb1\x91A\xb7+\x18\xcaI\xa5C\xedL:\xfeLvt\xb5\xcc\x9ex\xe8*\x83\xa8\x14\xd5\x06\x0cY\x84\x1a\xa6O\xf5h\x7f\xff\xbd\x7f\xfe\xe6\xc1\xa5\x1f~u\xfe\xe2\xc5?\xff\xe2\xf2o/_\xbe\xf8\xc3\xe3\x95\xcd\xcd\x89\xa9\x9d\xe1\xe1\xe1\xa5z_\xa3\xb6;?\nz\xd5\xea\nc\x06\xed@\xda`\xc0\x1fIUB\x91@\xf0\xe8\xb3\x17\xc7\x9b\x08\xa6\xb4\x95\x8cQa\x04\xaa\x1aA\xd4\x1a\xf5\xbe\xe9\x83GK\xbd\x03\xbd\x8f\xa6Vg\x9ft\xbe\xe8\xec&lt;{\xfe\xe2g/\x9e\xcc\xeeM\xec\xbc\x1e\xd8\xd8\xd8X\x1b\x18\xa8\x1a\xaa\xd3\x8d\xda\xbcX&lt;9z\xf0\xdc\x81\x9a\x0b#}\xe5H\xb1\xe8OJ$\x89\xa0\xe7\xa8{\x10\x17\xb7\xc4\xe2$\x9dq\x18\xab\x07\xeb\xeb0\x13\x9b\xa6\rp\xae\xdf\x80\x9f_^\xdeX{\xb3\xf9\xed\x7f^Auv\xbe\x98\xdd\xdb\xfb\xf1\xcd\xda\x86?\x94\xd9X[\x03\xb2F\xbd\xb1;:999&lt;\xed\xc8\xd0\xc2\x0el\xbb\x9c\x88\xf8\xe2\x11\x8f\x84cI\xce\x1d9$\xb8\x1ck@KeF\x8c\x03\xeb\xf3\xf3\xf3Dm:\x973.\x1f\x16`\xedL\xcc\xfe\xeb\xd5\xab\x8f&gt;z\xf5do\xe2\xa7\x9f\xde\xac\xadm \xb9^\xbf~\xfd\xe8\xd1R\xa3\x06X\xfd\x9f\xf4:Fh8]n\xcd\x95"\xd1R\xd1"\x13Y|\xd1#c\x9d\x16\xb9\x92\xa4sd\xa4\xba&gt;:::_\xab\xe6\x9e\x0f\xf4\xf6\xae\xbd^\x1b@\x8a\xac\xed\xfc8\xb17\xdb\x89\xf4z\xb1\xb2\tr\xed\xec\x0cOMln\xae\xac\xec}=5\xbc~\xb0\xfe]\x7f\xff\'K\x0e}\x05\x03\x13gB\x81\xc5x)\xba\xe8Z\x84\x8d\xb1\x05j\x85\xd3#\xfa\xcc\xc0\xcb\xc9\xd1\xd1G\x07\x86\xe9\x9d\xa9\xa9\x89\xbd\x95\x95\x95\xd5\xd5\xaf\x9b\x04\xb3\xe7\xcf\x9e\x05\x13\x9f|;\xfb\xfd\xf7wo\xde\xbcp\xe1\xbd\xdf\xff\xfb\xf1\xec\xca\xea\xd3\x7f,\xd5^N\xfe\xe5\xde\x12\x1ao:\xf8\x15r;\xec\xf2&amp;\xa2s\xc9\xf0\xe2\xd1o\x12rD\xb1\x92\x7fd\xc4\xd8\xfb\x1d\xc2\xea\xed\x1d~\xfatu\xe5\xf3\xc7\x97.]x\xef\xc2\xfbwo\xae\xdc\xfd/\xab\xe6\xff\xd3D\x9e\xc6\xf15M\x8e\xe4\x92\xd3\x90t\xd9\x14\x9bKhS\xd2\xa47\x94\xf8\xc3 \xe4\xda\xab;\x9e^\xaeG\\*k\xe2tG\x01CG\x8dq\xa7\x84\xaem\x18%3\x95\xa9c\xe3\x04M\x9c\xac\xa5\xf8\xe5*\x81U\x96\xe6\xba\x0e\xab\x88-\xf5\xa0,\xeaJ\xf7\x8a\'\xd2\xd8\xa2&amp;bo#\x88\xba\xab\xbbk\xe4\x9e\xa9\x7f\x82\xf3\xfc\x03\xf3\xca\xfb\xfd|\xfb|&gt;s\xc5\xbeo\xef\xde\r\xa5\xab\xbf\xcb\\Tkt\x9a\xf6\xf6\xb22\xb5\xddn\xcf\x04\xb0i\xef\xcc\xdc\x00\xc9\xf6\x02\xd6\x1f`T\x9f=\xf1e\x93JUs\xe0\xe0\x89\x9e\xb5\xaa\xf7&lt;o\xa8TM\xc7\xba\x8f\x1f\xe9\x03,Wjn\xa6wh\x0c\xc3\x02v{\x05\x84\xb1\xbcB\xad\xd1\xdc\xfa\xef\xba\xbd\x1e\xcf^\xcf\x86\xd5\xeb\xecj\x9b\xc9TVV\xa6\xaf\xa8(\xf7\xac\xf3x\xec\xb3\xde9\x82fg\xbe\x02\xac\xdf\x1f\xba\x7f\xf6\xd4\x81\x1a(\xa1\xf1\x96\x03\xff\x1a\x7f_\x13KJ.7\xfenDVkP\xc6\xf2\xce\xde\xced\xec\x19\xcf\xbe\n\r\x88\x02\x92]\xac\xd8\xe71V\xea++\x8d\xeb2vN\x12\x93!!)a\x1ace\xb9\xc7s\xe9J,\xe5\xa2\xd9\xde\xed\xf2\x12q\xe8\xd8\x99\x0b\'\xe0p]\xd5RU\xd3\xd1\xf2\x9eX\xaa\xaa\x96\x93\xdft\x8f4\x14\xb1\x06S\xbd\xb1\xdb\x97\x00\xeb\xa2\xc9\x81\xba\xdd!\xd4\xe2\xe8\x84\xd0\x99p\x88\x88\xee\xe2-$I\xb8\\\x83\x83,\x8aJ\xd5\xed\x15\x9e\xd2\xcc\xec\xa0\x8bp\x01\xd6\'\xb0\xaeu\x1d;s\xf5rGSMS\x8dj\xd5\x9a\xf7\x9e\xd4\x07ZZN\x1d\x1a\x01,\xf9\x83\x83\xb3\xd7\xbe\xcbT\xd8B4\xe1\x9a\xeb\xf5\x0e\xa1I\x14\xb1\xa0V_\xbf\x8f\xf2\xfb%\x0cK\x12\xde\xc9\xeb\x13\x13\xcd1\x96m3\xa9\xcbK/\xddfi\x19K\xbe\xb8\xfc\xfa\xebs\';v\xb6|^S\x05X\xef?\x11w\xee\\{\xb2\xebx\xc3\xf6m1Pkh\xfa\xd2\xa5,\x17\n\xceM^\xffjw\xdf\x9d\xd7\xde\x14\x8b\xd2d8\xc1S~\xca\x87\xa2\xa9y\xef\x0f}\r_\x1c\xe9\xdb\xe6uK:\xc0\xba\xe5f\xd9\xa1I\xc0\xfa\xe4x\xf7\xfe\xfaS\x1dM-M\xabTJ\x9c\xae\xa1\xcb\xef\xbc|o\x7fC\xd1\xc4\xc1\xa1\xe9L&amp;\x80\xa6f~\xb8\xf3\xc5\x91\xfd\xdd\xf7\xdf&gt;\xba{\xc3\x15\x0c\x87\x13Q\x91\xa2\xf8\x01ba\xfe\xcd\x9bs\x8d\xf5\xdd7\x9f\x0c\xdf $\xf5:\xc0\xa2\xdd2\xd6\x87#\xf5\xdd\xdf6v\x9dhiR\xe8\xfd@\x05\x1d\xa2\xe9L=4yojnp\xec\xd6\xa5\x0c\xe2zv\xfd\xf5\xdb\xc6\xbe#\x8do\x7f=\xff\xcf-\x0b\xa3\xe1D"\n&amp;\xfa\x06\x06\x16\x16\xc6f\x9bw7\xec~\xfd\xbf\xc9-\x9f\x11\x0e\xfb&gt;\x8d\x9b\x86\x06q\xb3\xe1\xc3\xe3\xf5\xfb\xbb\xba\x8e_hQ\xf0\x96KUs\xb0\x1b\xb0\x06]sA\xc0\n$\x17\xb7l\xf1\xbey\xb2i\xd3\xc4\x13\xef\xfc\xc2\xfch\xb0\xb5\x88\x85\xfbi6\x99\x9aO\xcdO\xcex\x87\xd8Tp\xb1U\xb4\xa9O\x03\xd6\x18\xa4\xfcH\xf7\xbd\xb3]\x87\xba\xef\x9d\\\xa5$VO#`\xb9\\\xa9\x017\xd6\x99$\xfe\xfc\xf7\x85yW,\x16\x1bd\x89T\x8a\x08\xc6A\xadD\x9a*\xf8\xfb\t\x96\r\xf3\x02\x89\x040\x0cc\xacdH\xaa;\x1d\xa2I\xb7w\xe2H\xd7\xd5\x8e\xf1\xa3\xf5\xdd\xf7\x0f*\x86\xa5\x92\xaf\x91\xea\xfb\xb67\x0f\xb1\x04A\xba\xdd\xc4@\x9cp\xa3\x12\x82\xa0m&gt;&gt;\xbe8\xba\x18\x8f&amp;r\x89(p\xed\t\x13\x84 1&amp;\xdd\xd2R\x96s8,!\xd2Z\x1b"I\xf7\xe0p\xdf7\x1d\xe3g\x8e\x9e\xdb\xdf\xd8\xa3\x14\xd6\xaa5U\x1d=g\x01k\xdb\x18K\x0c\x0c\xd0$M\x93(\x82tf\x03\x0eI\xe0\x89`\xf0O\x89h.\x97\x8bF\xd3~\xea\x1f\x82\xf0\x12\xe3\x8c\x1e\xa7\xd3\xb9\x14\xd0h,d[\x1bI\xd0n\xefp\xf3\xa37O\xb6\xfdv\xa1\xf1\xdc\x01\x85rK\xd5\xd4\xf1\xe5\xd5\x0b\xb0C\xdd\xdc6\xc4\x0e\x04\x07h\x9a\x0eI\x81@ \x9b\xcd\x060$I\x0f|$\x8b\x95\x8b\xa6\x81\x8b\xf2\t\x82\x88\x05*Jat\x97\xda5\x1a\x87\xb5\x8d\xa6\tz,\xf6lp4\xbe\x92 \xcf\x7f{j\xadBb\xa9\xaa:\x0e\xf4\xbc\x9e\xf8\xb4\xb9\xf9\x19`\x8d\x06\x81\x8cD\xb1@\x16|\xcav"n\x92nm\x05*H-\x99K\xf4\t!\x9b\xda^\xbaz\xd7\x1f\xcb\xb3\x1a\x87\x14\xa2?"h\xda\xcd\xceY\xfdL\x04\xa7\x88;Wk\x94\xc1ZUUU\xf5\xe0J*\x17d\xe7f\xc6\xd8\x14\xec\x81 XH\xc2d\xb1:\x91$I\xf3|\xb8(V:\x1d\x056\xcajeLj#l\xf7z\x1dWW+\xab5@\'\xc7\\\x8e\xbfV\xee\xda\xb8\xe7o\xbf\x8d+t\x91\xb4jgO\xcf\xf7\xa2\x9f\x91$W*\xc9\x06?\xfe\x18\xdaA\x7f\x9b\xe4\xb0q\x1c\x87%\xc9\xd6V\xbe\x9f\x0f\xc7\x7f\x8c\x16\xd5\xea\x17)Q\xf4Y\xeb\xaa\r\x06\x83\xae\x1a\xafm\xb3\xd6\x92\xb2Zn\xb6lG\xe5\xc6\xf5\x95{\xbeW\xcc\xc3\x8e\xfb\x8d\xb1\xad\x86L\x80s\xb3\xa8+\x08b\xd1B\x9b HPoR(\xbcys\x98\xf7\t&lt;t\xadB\xa1\x90\x8e\xfa(\xca\'n\xdd\xea\xf3G\xe0\x88\x16\xa9\xae\xb5\xd6\x99Br\x85\xb8\xdd\x15\x1b\xfeb^\xceG^(\xf5\xe0\xaf\x1a\xef\x1a\x99O\x9b\x9d\\\x00\x19K\x92P\x89\x84`\x15\xfb\xf96\xab(\xf0\xad\x9b\x13\xad\xad\x02#\x84y*\x02Q\xa0|&gt;\x90\xcb\xb7\xb5_\xf4\xfb)\xbfAk\xd0\xb5\xeb\xea\xac4\x9dLZ\xecz\x7f!\x9f/&lt;\xaeR\n\xeb\xf3\xa3\xdd\xbd\xe9\xa9)&lt;\x8b\xa1I7\x94!\xdd&amp;I&gt;\xc1\xea\x93s\n\xa8xI\x8c\xf3\xfe\x88\xd3\x99\xcf?\x8f0\xbc\x0f\x07\xae4\x0c"\x8a\xc2\rZ\xbd\xce\xa0\x83\xa6\x8a\xa2\xe8-["\x1a\xd1R\x8aa}P\xf3\xefs\xc3\xd1B\x9a\xe7:Q\x14\x06\tOZ\x19\x06g\xfc\x80\x05``\xa1\x18o\xc5\x9f\xe7\x97\x97\xd7?\xce\xe7\xb5L\xba\xc0\xd4\xc2\x18\xc2#\x11\\N0\x83^_\x1bJZP\xd4b\xc7\x13"\x1e}\xac\xd8_\x1b%k{&amp;s\xe9D\xd8\x86\xa0h\x92$I\xe8\xe28\xc3\xf8E0\xcc\xd7\xcf\xf7\x0b\xbc\xc0---\xaf?|\xf8\xf0\xf2\xc6\x8d\xce\x08\xc3H\x0c\x18j\xd0j\xb5\x06\x90Ko\xa8v\xa0\x16\xd4b\xe9t\xfa}\xd1\x95\x17\xcaa\xa9j\xae\xacD[m\xd8\x18jI\x92\x82\xd0\xc6\xc0\x97)\xb0\x8a\x92$Q\x10x\xca\x99=\x7f\xe5\xf12\xc4\xb5\xf3H&gt;\x0f\\\x11\x19\xc8\\\x0c\xad\xd1`0Y\x00\xab\xf3\xf4\x86\xf6\xad++\xaf\x94\xbc\xff~\xbc\xb2B\x19\x11\x98\x81\xa8;dmcp?\xa8EQ\x0c\x8e3"\x1f\x9eZ\x8em\xdavmyc~\xe9\xc9\xeea\xe7\xe1\xe7\x0c\x0e:\xc9T\x90nN\x003\x98\x1c\x88\x1b\xad\xc8:=\xd1\xa7\xe9\x07\xca\xad\x0f%\x1f\xbc\xca\xad\xe0\xc6\xce\x80\xec\xa2E\xaa\x85\xad\x9d\x91Ww\xc8\x1d\x9d$c\xb96mb\x9d\xbb\xf2\x81\xbb\r\xffq.OQx\xd1&gt;\xa0r:\xcdZ\xb3^W\x8d!\xa8\xa3\x9c\x8b\x98\xa3O\x97\xd6*\xf9X\xf00\x9e\x8b\x18\xd5\x9d\xc84j\x91$\x13\x1c\'\x98\xeaj\xa02;\xb5\xb8\x90x\x99\x7f\xfe\xcb\xfc/K\xf9\xfc\xd2Oq&amp;\x9fg(\x1c$\xd2\xbe\xc3\xd2\xea+\x8d\xed:\x1bb\xd1\x94\'\x7f\xa2\x12\x8b/\x14\xfc\xb3\xa5\xa4\xe4\xe7\xe9D!\xc2\xc1`F\x10\x87\xa3\xced2\xe9\xe4\xa4\x06,3.\x86\xc3\x05\x9cI&amp;\xa7\x9c\xf9\xa5H\xe4\xf9\xf3\x02\xac7\x11\xb0Pk~\'\x97\xd3\xd3n\xe3\x104\x1bH\xe5\x9e\xe6\xd8\x87\x8a\xbeDU]\xfb1\xc1\x8b\xeaNXg0Ng2\xedh7\xc8\xa5f6GD\x9e\x8f\x12)\x82`_N\xe98\x87\xf4RL\xc3X\x94;\x16\x84\xd3\xb9!ovn0\x96q\x88\xc5\x1e\x18]L\x84g\x1f(IU\xb2\xe6E&lt;\xf7t\x11\x0b \x92\x03&amp;\xa1\xce\xa43\x14\xbfk\xd6\x89\xe18D0\xe5\x1aC^\xc2Z8\x9d\x14x^\xf0\xc1\xec\xd1\x9a\xdf\xb9\xe81{\x8c\xb2\x89\xe5\x1e\x8c3\xc5o7)\xfb\x9a\xf8j\x8c\x8d/\xda2\x90\xba6\xce&amp;c\x15\xb3\xdaP\x0bT\xb0\xcb\xcf\xcd\xf4\xc6\x86\x86b\xb1\xf3\xb3\xb0\xbd\x12\xe1\xfe~\x1f^\xac\xc4"\x9a\xa7\xb2\xdd\x86 j\xa3No#~\xad*Q\x14\xeb\xe1\xf9i\x8e\xf3\xac\xc3P\x8bM\xc7\xe98\xbd\xb6\xd8,M\x02\x11\x9c\xbfqwxxbbx\xf2Q\xf3\xcd\xe6\xc9\x99\xc9\x99\xf9TX\xf0Q\xd5E5!\xf5\xcd\x95;\xcal\x0e\x87Fo2q\xd8\x8b5\x8ab\xa9~~\x83\xa8\xb3:\xe8\x10\x16L\r\x013\xc5\xa0\xd7V\x8b|p\xe1\xc6\xddO\xff\xcf\xcb\xf9\xc7\xb4q\x9eq&lt;\xc8\x7f\xf8?\x10\xd3\xe9\xe4s\x12\x92\xf3\x91\xe3\x14\xcb\xce\x89m\x06\x1f2w\x9e\xedH\xc8\xfb!,\xd5\x8b\x03\xb9`\x81L\xe6bEXG\xea\xaa\x8dLX\x06Y\x1b1\xa94!E\xb3#\xb5\x84\x88\x19\xb9\x91KP\xac\x86\x8d8u\xdc\x00\x81\xf1\xaba\x814\xfcp\x1aF\x1a\x85\x85_\xc9R\xaa=\xafi\xa7\xfd?\xecG\xc6:\xf3\xd7G\xdf\xf7\xb9\xe7\xfd&gt;~\x9f\xf3\xe1\xee\xc3\'\xe2\t_\x1f4B1\xa7\xd398w\xec\xa2\xf7\xf7\xfc\x9e\x1f\x16\x9aIa\tn\xf6\xe8\xd1\xfe\xf9\x9d=\x14\x96k\xbf\xdd\x82\n\xcait\x1a\x81\xc00\t; J\xd4\'gjo\xde\x1f\xbf?~\xe4\xda\xf8\x91\x9a\'O\x9eT\xd6\x1cy\xa3;\x1e\xeb\x8b\x8dO\xban\xe9Y\x9e\xe7\xd1J\xee\xa1DTO\xcf&lt;\xaa\xd8\xf3bU\xbb\xa3T\xbbd9\x0b3g.\x1ee!\xab\x05?NH\x14#I\xaa3\xefN\xf6\xbdqm|\xd0U\x7f\xab\xf5\xfa\xc5?\xff\xed\xefk\x7f\x9c[YYq\xc6\xe3\xb1\x95\x9e&amp;\xce\x82\xb0h\x86: \x1dP\xf9\xfb\x9f?2\xff\xeb\xd1\xe6\x0e\x1f\xec\xcbe\xbb\x93\xcdl\xc5\xccu\x93-\x88\xe3\x04!\x89\x92\x85\xbd\x15\xe8\xeb\xee\x1e\xbfs\xeb\xee\xffDs\xb3\xc6g\x8f;\x1c}\x83\xf5\x1e\x8bE\xa4(\x8a? \x8aD(yo\xef\xea\xe6\xf2\xe3];\xcc%\xcb\xdaX\xfd\xe6\x9bd2\x1a\x14\xf0T\xb0\x1eu\xd89\x14wFZ\x10\xcd\xd6\xd6\x16\xfc\xc1\xc5\x8b\xbb\xcfgF\x02\xb1\xa1x\xec}\xceb\xe1)\x11\x91\x89\xb8\xf2\xdb\x0b\x9b\xf3\x8f\xdf\xfbb\xc7\xa7Y\xe4Y\xda\x8d\xf9\xdd\x1bI\xa0B`\x82\xc7s\xc6\xd7\x17[Z\x8e\xce\xb4l\xad\xad\xbfz\xf5j}\x1d^\xebkk[w{\'\xa6\x17\xedN\x97\x07a\x01\x97H\xf1\x96\x8a\x85KU\x17&gt;\xbc\x90\x8eqO\xb9L&amp;\xd3\xaeB5\x85ET\xe1j\xb5\xee\x81=\xb0\xdc?\xb3\xb5\xf6j\xeeY\xcd3\x14_\x7f\xfd\xec\xd9\xd3\xa7\xaf\xd6f&amp;\xa2\xcba\x9d\xc4[\x90\xdd\xa2(F\xe4\xad\x8f?\x7f\xeb\xc3\xcb\xbb\xd31\x84*G\x83\xfa\xab&amp;\x80\xc20\\P\xab\xaf7\x85G\x87G]ss)\xa2\xa7\x10\x9f~\x8a\xde\x9f\xcd\xdd\x19\xd0\x85B~\x8c\xb2\x805eh\x9a\xa2\xf9\xe1\xcb\xb7?\xf8\xcb\xa5\x9c4\r\x96\xc9r6M\x02\xc2\x12\x04\x95J\x85\x07\x83\x06\xd7\xe0\xc75O\xfe\x8a\x96p}\x1dZ\x9f\x7f\xc2j\xde\x99\x9b;V\x8f\x87B\x0c-\x8a\x0c`\x89\x80\xd5\xbb\xa0=}\xf9d\xba\xe6\xdd\xe4Y\x0b\xc3\x80E\x92~\x01WQV\xbf\xc1P{\xe7\xd8\xbb`\xa2?y\x01\xd9\x8eb\xcb\xd4l\xb3A\x0f\x89\x13J7T\x07\x9aah\x8a\xa2\xc5\xa4VVU\x95\xb6iJ\xb9|&gt;\x9a\xc2"\x04\x01\xb7Z\t\xee\xba\xd7{\x9dS\x13LEnoo\xef\xf3\x86\xdcl\x85"\xbb\x81\xc2%\x89\x17\xddF7\xcd(\x19Z\t\xa9En\xe6\xa4u\xec:k\xa3\x1f\x84 I\x8c\xc01%\x83\xab\xf5\xa5\xa5z\x0e\x0fj\xfc\xa3#\xcb\x9d\xd3\x9d\xd3\xc3\xbd\xb9\xee\x06\x8a\x85\x9d\x9c\x06,%D\xc3!\x86\x12\'\xe6\xb3\xd2\x89%\x97U%\t"DZ1\x02#\x01\x8bKa\t\x86\x9e\xc0\xa4o\xc9\xee\xb4\'|&amp;+\x06EA:\xc0\xd3J\xb7[\x89\xbe\x98oP\x8a\xaadUZ\x07\xc1\xa1\x07Z%1\x0c\xb0 H\x8a\x05,\xbd\x87U\x05]\x83\x93+\xceX\xcc\xb9\xd2\xd3b4\xd2p\xefQ&lt;\xcf(iXD\xa0\x02\xd3\xbcZ\x94\xdeak\xb9l\xe1+D\x84ap?B\x1f\xaf\xd7s\xac\x85\xa7E\x9dk\xd2\xeet&amp;\x02\x9a\x8aj\xb3\xf1\xd0\x1e\x1e\xea($;O\xd1`\x02)jf3\xcdX\xe0p\x92\x98\x88\xb4\x02,\xd5\xb6Z\x16\xfePCC\x8b+\xb0\x92\xf0\xe9\x98\xea\xeaj#\x8f\x82\xa2\xe9\xedw\x9ab\x92\xf3\xe9~.\x03V\xd1J\x91\x08\x0b\'p5\xc2\x02\xb9\x0e\xa8\x9a\x85c\x93\xf7\x07{l\x80h&lt;\xc4[X\x0bl&lt;&lt;oA\xf5\x94\x12\xad\xe9\x16\x0b\xc95\xdfK!\xc3\x05\xdb"\xc7\xe9\xbd\xdeR=Dikmm\xd3\xb1Z\x83\xde\xe3a\x11\r\x0b\\"O\x01\x9c\x04^\xa3\x7f&gt;\x03\xcfHi\x93\xa8&lt;\xa0\xdd\xda\x06T\xde\xdfy\xdf\xf6z\xaf\xb6zKQ\x97\xc6\xb2\x1e\x8f\x85\xe5&lt;(XI\x02:\x16D\xbd\xb7!K\xfb\xa3n\xb2\xac$\xdc\x88x\xb3\x10\x84|\xf7\xbe}\x15E\xed/\xbdP\xbdT(\xd4jV\xed\xf1p\x1e\x8e\xc3%\xa0d\xd58\xae\x89n\xa4_,yV\x12\x0fa-\xb0\xef\xd8l\x86\xd6\xd6\xabW\xbd\x1d\xb5\xad\x1dz\xb5*u\x7f\xaa\xd4\xa8\xb7\xe5 &lt;(\xf7\xd4j\x01\x17\xf4\xd1\xf9L\xa8u/\xd8B\xb4\xf8m\xd0^k:Z;\xbc\xa5\x06\x83A\x10\x9aSg\xc0\x85J\x12\xe7\x80*\x08\xe2\x81\xabVs\xb09\xe2\xb6\x0ca\x19\xc0\xcd\xfbM(\x0c\x1d\x1d\x1d\x06[\xd0\xdfb\xb5\x86&amp;&amp;&amp;z\xd1\xf1\'\x81\x1b\x0c\xf0O\x01y2N\x90D\x15RkW\x06\xb0J\x83\x80\xa51\x05GL\x1a\x8d\xc1\xa0\xd1\xf9C-\x13\x13\xfd\x10\xbd\xd1\x91h\xc8\xef7\xd47\xe9@A\xd4\x86\xe1\x0c\xc5\xeaC\x19\xc2\xe2\x04\xc0\xd2\x984\x03\xd3\x1a\xdd\xa8.l2iFG\xa2#\xfd\xfd#\xcb\xa3#\xa3h\x06!&lt;\xaa\x1b0\xf9\x05\x9b\x80\xd1\xbc\'CX\xfdP\xd9\x91\\\x9a\xd1\x81\xce\xcepg$20\x00 \x9d\x9d\xe0!:\xc1E\x84\x07"\x81\xc8t8\xac1\x81c\x04\x13\xe8\xd1\x0f\xcf\xcb3\x81\xe5-\xe5pHz\x93&amp;\x1cY\\|\x1d\x88&lt;x\x10\xf0\xf9|\x91\xd7\x8b\x8b\x8b\x01\xdf\xa2/\x12I\xbc\xf4\x05":\x93\x1f\'i\xda\x92\x19,\xf96\x16N`\x84?\x9c\x18{\xb9\xb8\xe4K\xd8\xed\xf6\xa5\xc4\xd2\x92\xdd&gt;\xe6D\xe6&amp;\x00\x97\x89\x1e\x9d\xbf\x05S\xba\x11\x96?cX\x1e\x0e\x87\xcd\x1a:\xd51\x08{,\x16C\xc3&gt;CC\xf1\xa1x|\xcai\x1f\xb3;W\\&amp;\x1cQ\xd1&lt;\x9b\x19\xb5rRX\x90]\x18\xe6\x1f\x088cS\xf1\xa1!\xc7a\x87\xe3\xca\x95s\x10W\xae\\q8b\xf6\x95\x07\x06p\xf3\xe0\xbdx\x9e\xe5\x863P\xb7v\x01\x96\x1e\x15qp\x11\xc3\xa6p\xc29\x05@\'N\x9c+//?u\xeaT\xf9\xb9\xf2s\xe7N\xc4\x13\xae\xa0D)\xdde\x08\xcb\xc2\xf9\x172\x80U\x04X\xb0#\xe3\x18Cb\xfe\xd1H\xc0\x19\x8f\x0f!\xa5\x80\x0b\xc4\x02\xc1Nt\'\x06p\x82\x023\x8f\xb0,\x16Op!+\x03XQ/\x07\xdb\xb1\x8a`\x94d\x8b\x7f \xec\xeb\xeb\x9br\x0c\x81`\xe5\x8e8Z\xca\xee\x98o\x98dD%P\x99\xcb\x0e\xd1\x99\xc1\x92\xcb\xb5Q\xe4\xdf\xc1\xd8\x90\xca\xbaP\x8b\xc94\xea\xb3\xf7\xc5\xc6\x86\x1c\x0e\x87\x13\x84\x8b\xc7\x9c&gt;\x8d\xb5\xae\xcem4\x1a\xab\xcd\xd5\x15\xe0\t-\xc1\xcd\x1cY&amp;\xb0\xc0TI\x80\xc5\xd4A\x07\x04]}d\xc5\x0e]\x8f}e2\xe0\x0bwNG\xadJ\xa4\x14\xb8g\xb3\xb9\x1azE\x1e\xb0\x8ar\xd2\xec\x9ae\xb2\xdd),\x8a"\x19FY\x88\xf9\xc9\xba\xc2\xc2\x91@`\x1av\x1d\rY\x18\x1a\xf6[\xf3\x8cn\x10\n\xa2\x00\xb0\x80\xcbb\xfb\xf7\xe3\xd3\xef\xa4\xbb\xc8o\x8c\x94r\xac\xc8@g\xca(\xad\x84@\xbas\xb3\x0b\xa7\x87\xbf\xfc\xf2\xabBEAAv^Yvu\x99\xd1\x88\xa8\xe0\xa3\x19.i\x8b&gt;\xfc\xf0\xe1\x8dt6\x8a\xb2\xac\xaa\xb7\x1e\xebJ9U\n\xcb\xcaXI\x82\xac\xcb\xcb\xce\xb6f\x17\x14(\x14\xf9\xf9\xc5\xc5\xf9\xf9\xa0Qu\x99\xd9\x0c\xaf\x02\x85\x19\x10iI\x1f\x9e\x1a:\x9d\xae\xdf&lt;\x90\xcbe9\xfbN^~\xb9\xd4\x04X\x14j\xe3\x95\x0cC\x12\x842/{o\xf6A\xe0\x01(\x84\x95_P\r\x99\x05P \x16\x10\x02\x16\xd7\x94\xe8\xfe\xbe(\xe7\xa7i!\xfb\x89\xb6\xa4\xad\xf1\x83\xa9\xf1I\x97A\x8d\xd4j\x80f\x9e\xa1$L\x99\xbbW\xa18\x98\xff#W1`\x95\x95\x99SX\x88\xcbH\x8b\\\xd3d\xdfg\xbb\xf7\x9do;\xbe\xe3\xcf\xb6\xc9\xf6\x9dl\x9f\xed\x9a}y\xadf\xb0\xa7C\x8dK\x80e4\x82^"i-\xcc&gt;x0\x7f;\x8a\xcf\x02\x17dT\xb5Y\xa1P\xa4\xb8RX\xae\xb9\xfb\xaf\xab~\xbe\xbf\xad\xfd\xc6;;\xfa\xe8w\xd6o\xcf7\xce\xce\xb67\xde\x1e\xfbMM\xe5\xfb\xf56\\\x02\xb1\x8cyn%\xb4\x8c\x08k\x9b\t\x1d\x0b\x9f=[\x9c\xaf\x80\xda\xa0\xd8V\x0br\xcb-\xda\\7+_\x1f\x7fs\x7fII\xfb\xecq\xed\xce\xcd#\xe5\x1coo\xecjo\x07\xac\xa5\x8f++o6\x19\x82\x04\xd3\xe0\xce\xcd\xcb\xab#\x7f\xc0\x82\xb5+\xfe/V\x01\xba\x0b\x91Z)*Z2\xb8n\x0e~_u\xbe\xad\xa4\xe4g\xed\x1f}tI\xbb#_*\xc9\xb2\x8e\xdf\xb8\xdd\xd5\xd6\xd5\xd5\xd5\xde8\xbb\xf8qe\xcd\x13W\x07\x87\xc3"\xe6\xe6\xe6\xd6YI\xd2\xda\xfb#V\x8a\n\xe5&lt;B:\x98\xaa\x0f\x08\x0b\xd7\xf5\xdc\xfc\xc5wo\x96\xb4\xed/\xd9?\xfb\xf0W\xff\xf8\xfc\xa4V[\xf4\x7f\xd6}\x99\xac\xe8\x8b\xf7\xfe\xf0Y{c#p5v}\xf7\xa7_W\x0e\xf6\xd4\x1b\xfe\xc3\xc9\x19\x85&amp;\x92\xdfq&lt;N\xc6\xe9\x0c\tj\xf4X\xcc\x8a\x8e\x81\x83\x9eR\x02\xe38\xcd\xc3\x10\xe8\xb5\xfb\x92[|Y\x02&gt;]\x15\x17va\x93*\x81\x16\x0f]s\xb2\xe0\x8bQ\xc8\xaaA\xdd\xd0Da\t\xc5,\x05\xc9\x82.\xee&gt;\x19\x8a\x1c\xeb\xbd\x14\xa4Y\xccK\xba\xf6\xe1\xc8s\x1fr\xcb\xd1\xef\xef?&amp;\xa5\xa5\xa5\xbd\xfd\'\x19\x03\x19\x9d\xcf\xff\xfb\xfd\xfe~\xff\xf9/\xab\xbfX\xfa\xec\xf6\xa3@`s\xc4\xb0\xdc,\xec\xd7T\xc0\x02\x15\xb8\xa8S|\xfe\xe8\xb3\xdfl\xbdx\xfd\xfb\x89\xa6\xeb\xa9\x94/\x9bi\x9f4\x8a\xddD,\x11e\xef\xc6\x98\xfd\xe8\xa6\x9e9;o\xd5\x8f\xca\xe5r\xf6([\x9e\xbc\xfb\xd9\x17\xdf\xfc\xe9\xe1\xb3{t\x8f\x17\xd8\xdc\x84\\w\x03\x03\xb7\xffZ\xab)\x96\x13P\xd4\xb4\xd0M\x1f\xfd\xfa`\xeb\x0f;\x7f=\xd5\xf4\xa0O\xd3\n\xd9\xe0Q\xa6\xd5h\xf7\x93\xe9H\xd4e\x9de\x9f\xe1\xf0\x11\xff\x12\x9f\xa8\xb7\x0e\xc7G\xd5\xa0\x1e\x0c\x96\xb3\xe5`\xf2\xf9\xce/\xbfy\xf7\xf8\x19\xf64\x84\x15\x08\x8c\xee\xde\x1d-\x0c\xdcT\x84\xd3dM\xd5r:\xef\xafy&lt;h"\x8b\xf7\xb6\x1e\xbf\xfb!\xe1#,\xb5P\x1bg\xcb\xb5z\xa7\x93\xdfKDb\xe9\xc4\xc7\xbc\xebt\xd6\xe4\xea\xe6\x8b\xdd\xb2~\x94My\xbd\xa9B\xb9\x1c\x8c\\\xbdx\xfd\xc5\xbb\x07p\x11\xed=\x80\xd0/\x00,\xb0`azM\xdb\xe9\xa7~\xffO\xc9\xc5;k\xa0\xda\\:X}\xf8\xf8\xabI8\x18Li\xb2\xdcm\xe4\xf2\xfd\xec\xd1^&gt;\x97;;L\xa6c\xe9t,\xfa\xe3\xba,\xa0j\xf9V\t9?l\xe4\xab\xc8EJ/\x07}\xa7\xcfw^\xbfF\xb8\x0en-\xdd\xdd\x04\x96\'0Z\x1a\xc1F\xb7\xfb\xbaw\xf9Y\xc7B\xdf"\xac\xcd\xdb\x8b\x07\xab[\x0f\x9e\'5o0%\x877\xdaqAY/\x8e\xcb\xd9~\xbd\xb9\x0b\xc9@\x16K\xb8~\x04\xd8\xecr\xb2\xdel\xf5\xf5\xa3^S\x11\x95R\xc1\xa7\xf9P\xe2\xbe\xc4\xd5\x8b\x9d\x9d\x17O\xc0\xc5\xe4Z\x80Z\xa3M\xc2r\x1a\\~PM\x87\xc5\x83\xf0-\x01\xeb\xd9\x1f\'\xd1\xb0W/\xc8r\xe4\xc4&amp;\xd9$\xa5Y\xaa\x06\x83G\xbdVn=w\x92\xe9\'#\xe1\xe5\xff\x07\x8cr\xb8|Zo\x9e\x1ff\x83\xdd\x93m\x913\x0b\xad\xac\xa6\xf9|\xba\xee\x93O\xbf\xdf\xf9\xf2\xc1\x14k\x81F\x00_\x16\xa7\xdf\xefv\xfa\x19\x96\xdfiY\xb3\xac\xad\xb9\x9dk\x81\xdbw\x97&gt;98X]\xfd\xee"\x1c\xf6\x92\x87\xe9\xa6\xc0\xd9l\x9c\x14od\xaaA_p\x9c\xa9tvC\x9dJ\xa9\x1fs\xfd\xaf\xb7I\xd1[\xfe]\xa7\xf5\xf3\xf3z\xcd\x9b=\xec`zf\x9b\xb8^\xd3\xc0\x05#\xb4\xc2\xd5W_&gt;\xde",2\xd1\xe0\x1a`\xf9\x01\x8e\xffSZ\x85\x9c\xf46\x03\x8b\xc7\xb3\x86f\xbbt\xbc\x08\xb5\xbe\xbbti)o*,\xcb{\xbb&lt;\x87a\x96\xb8\xedfq\xef(\xe8\xd3\xab\xbdv\xfe\xac\xd99\xaf\xd4\xf7\x90\xb2\x9f\xfc\xd7]\xa0\xc9dMd*\x8dJf\xac\xeb{\xadm3\xcf\xdbx\xb39^\xda\xd0dpy}r\xfa\x87w\x0f\x9f&lt;[=x\x8bL\x19rA-\xf2\x0e.\xfa\xff\xf6\xa9\xdf\x82\x02\x80ZkH\xdd\xe8\xb7\x8b\xc7\x9f\xdc\xfav\xf8w\xd9\x97\x82Xj\xf80\xceK\x8c\x0b\x92\xd9B\x9d|o\x9cE\x85\x1f\x8d\xf7\x0f\xf3\x95V\xab\xd8\xff\xcfK\x13\x1a\x82\xd5\x95.\x9d5+\xfbXm\xfa\xf9uE\x9283{\x11rQ\xa69k\xe1\xee\xf7O\xb6~~\xef\xe0\xed\xf1(\x00"\x0fqY \xd5\xf5\xf0\x04,\x16\xc2Z[@\xb3]\\\\|{u!\xcb&gt;\x9f,S\xb4\xcc\x1c\xb0\xcc\xc4%\t&lt;\xa7l\xaf7\xf2\x87\xfb\xb5*\x1au\xba\xda\xdd\xdfK\xc6"p\xf3\xdf\xd6\xa6Y\xd3J\xb4V:iA\xdel\xb5WYW\x80\xc3\xf3\x9c\x19X\xd2z\x1f\xd1\xc0\xabc\xd6\xd1\xc9\xf3\xad\xd5{\xbfz;bX\x80\n\x04\x06\xccD\x86\xe6^@\xd2\xc8D4\x8f\xcd\xd1\xf1\xad\xe3\xabS\x97\xaa\xd1\x93e9\xd9\x14$\x0e\xd1"0I\x10\xf1+\'\xd9\xe2\xa1\\\xa3R,\xf5\xfa\xe3t"B#\x11\xfd\x17\xcdfW\x12\xddR\xbd\xddC\xf9v\xdb\x8d\x90\r\xcffX6z\x8c\xb7\x11\r\x95r\xbf!\x83k\xf5\xe0\xeb\xe3\xd1\xa6Q\x8a\xe8\xf5\xf0\xcd\x89\xa8[\xa8\xfe,L,\xcf\xe7\xe8\x1d\x90\xeb\xf8\xaa\xebRU\x18\xa8\xca\xf2Jf[\x14E\x81\xd9\xc8\xf1\xf3\x02\xac\x90p\xa0a\x06\\\xa7Q\xa9\xef\'#\x91X2\x99\xf8\xe7\xff[\x9au\xa5\xf7\x81\\\xd6Q\x1f\xb9m\xe4\x1c0\xd0\x1cO!\xb9\xcc\x8d*\xb0T\xc2\xd2\xb4\xc8\xe4\xdb\xaf\tk\xb4\xc9\xd4\x02\xd6\x80\xb0\x88\xcb\xc2\xc2n\xf1\xe0\xb6g\x80?\xbc\x19\x9e\xba\xac\xaa\xac\xd2\x8f\x1ak\xd0\'&lt;\xcd\x8b\x02\xe6i\x16\xe6)\xfd\x82H\xa5i\xc6\xec\x81\x08WC\xcd\x93R79\xeevor\xa5Fb\xb8w\xe9\xf6\x8a\xcd\x90\xc2\x8c\xc3\xd94+\x9eJ\xda,\x85\xda:^YE\xbe\x10\xde\xe8\x07\xae\xde\x00\x00\x05\xf4IDAT\xc4\xe4\xd5[R\xebZ\xaf\x80\xc7\xc3\x94bI\xa7w\xfc\xac\x01\x0b.\xbe\x19^\xb8\x1c\x0e\x87\xea\xb0\xe3\xc7\xd1\xdb\x9e7\x86\x88\xa9\xf2t\x90x\x16\x12\x8ef\xcf\x0e\x94\xb7\\\xebp\xafv\x93\xaa\xf4^\xa9^9\xcf\x85\xe26\x92\xc7L\'s\xec\\\xfc\xf0\xc8gn\x7f\x83\xb84_J\xd3V\x12\x97W\xc7\x9b\x7f\xc6\x9a\xb80X\xf0\xb0\x88a\xa3A\x81\xc2:\x88Bt{&lt;\x83\x81\xc73\x9c\\,\x9b\xec\x00r\xd8\xed\xaa\x9ahHs\x8c\nG\x81\xe7I&amp;\x89T\xc2\xc5$^\xe2\xa7\xd7\x82\x0e\xb6\xedN\x9e\xdd\xe6\xb9\xd2\xbd&lt;\x11)\x06\r\tE\xc6\x11\x16\xce\x15\x04Q\xc4\xc9gcMv8du\x03w\x02r\xf4t\xf8\x06\xf6\x05\x06\x03\xa3y-\xb0\xf5q\x81\xa0\xdc\xd4\xb8\xf08\x18^\xc6\x96U\xab\x15Xv\x87]\x0e\x97\xb6\xc5\xf9\x9b\x81\x90\xf14_*Lx8\x15\x0bN\x82\x14\xd7U\x00\x15\xad\xb5\x1b\xbb\n\tdf\r\x85\xf8\xc9D\x1b\xa9,\x10\x14"\xc0\x0bO\xf31\x92\x0b&gt;j\x9a\xaa\xba..\x87\x9b\xb7o\x07,\x03\x8c\x05\xd2\x86\x08Ad!*\xf7\x1d\xcbpr\x1aQ\xedv\x93\xd5\x81Vhu8\x92\x1d\xce\xd0j\x0eL,b\x18\xa4\x16\xabw\x80Q\xbc\x8co\xa0\xce$\xfa\xc5\xce6\x14R\x18\x07U/\xfb\x85\xd9(\xf1"=]\xa4\x02\xe2\xc5\xd0aD\x95\x1d\x00\x0b\x03o\x05F\x0eG#\n\x12\x91Y\xa6\x03\x06:\xf1\xe5v\x0f\'\xe9eu\xc5d\xb2[Mv\xbb\xdd\xaa\xaa\xbd\xb8H\xf6\xcd1\xa5\x18\x96\xc8\xe6\x8b\xdcJ\x86+0Pb\x01\xe3%\xf3Le=\xceJ\x8d\x9a\x1cC\xe1\xe0\x1e\x15"\xc7Oy\xf0(\x10\x9c\xb0^*PP\x1cT\xed\xd8\xf6E/\xde\x0f_Z\xee\x1b\xb6\xd1q@\x077-\xdb\xc3a7\xb2b\xb2\xaa\xf6Y\x80\xd9\xadvx\x98\x89\x8b7\xfe\x89\xf3\x0c\x89\x0eB&lt;\xc7J\x0c\x17&amp;\x19H5\xd2n\xc6\xc6*\x8d\x81\x99\x19\x8f\x82.gc9\x17\xe8\x9b\x86\xc0\x86\xc8wj@r\x18d0H\x86`\x03\'\x81\xd0\xbb\xed\x06\x83\x97\x86\x85\xa0\xbaD\x05ZM\xd7\x9f\xddg\xb5;\nz/.\x18T4A\x06\x85\x17\xc7\xa4;\xbd^\xb1\x112\xa3\xe0I6\x9eQ\xf1\xdc\x0c\xeb\x03\xa0\x01\x0ep\xf1\x80\x81\x98\x8b\x06\xcf\xf44&lt;\xd0\x8bmg\xa8y\xc1\x14D\xc6\n\rV\\\xe9\xcb\xf7\xef\xb1\x1c\xba\xfdn\xba\x19]\xbbO\xcb\xe1\xcb\xc9ib\x85p\x88j\x86lT7\xf4\x02\xb0\x98w,SS,:\x9c\x8f\xf5ru?\x9f\x8b+\xb8\x86\xc4\xc80f\xa8&gt;%\x12\x8b\x19iVB\xe7\xf5\x96\xc2\xda/\xcf\xc4\x12h\x06\x02i7?\xff\xb4\x9d\xf29\x1c\xd8\xb6\xd8\xd9@\x92\xe5\xe8\xc5\xe5{@\xa1i1\xa5\xee\xff\xee\xcd\xd5e,\xac2\xa5\xe8\xc3\xdd\xe8&lt;9\x85{\x8f\x0ca\x89l\\\'\x8b\xc0\xa4\xb3j\xb9\xac\xa7\xca\xe3\xc3\xf3\x90\xc2\x1b\xf5\x88\x84\xcd\xb0\x18q\xe4\x1d\xa8\x94\xddJ\xbf\x1c\xce\x84\xa8\x18$v\x12\xcd\x00)#\xbd\xe6\xe7\x95\xa2\xae\x87U\xd5j\x9fb9\xe0\x945q\n\xb0\xb5;p\xd2iy\xf9\xe6\xd5$\x19v\xac\x98\x0c,\x9c3kw\x84\x0bA\xaf\xd7\x8bl\xdd\x0c&amp;\x98`\xd4b\x05\xdb\x17\x1d\xbb5o\xb6\x9fo\xee*\xccF\x0e&amp;\x1a]\x8a\x96\x9ax\xb3XK\xf9\xbc\x1b\xfdu\x85\x96\x1dZ\x0b\x99\xdb,\x86\xa8JA\xa9du\xdce:\x18\x14.JT\xa6Y\x19`C\x84lp\xf7\xd5\x87\xc9)\xee\xcdi\xd8\xa7R9\xd4p\xc1K[\x81L\x9c\xd4\'\x18qZ\x85`\x92\x04.\x9f\xd5\x01\xadck\x95\xf2\x95k\xed\x8e\x8d\xb5X2\x91z\x82d\x0b\xb52\xe9B\x01\xa7h\xd5\x8e\xa2p&lt;[\xe7Y\x8f7\xba\n^\xd5vv\xa4\x97\xf5HX\x9d\xca5\xfd0J\x93\x1c\xb9\xb8\xfc\xf0\x97\xe7\x1f&amp;\xc9\xa8\x83\xda\x14\xa9\x08\x99\x18\xd4\xc6\x06\x16\x06l\x05JO\t\xe6\xc6?q\xdaul\xc5\xb2\x1e\xf4\xea\xd8W\xe9^_\xaa\\\x86\xa8\xb4X\xce\x18\xed\xdc\xb6~\xd2\xcf\x16\n8#\xe8\xf5\x95\x1b\n\xdd\xd4\xd0\x9d\x91\xd1Q\x88\x89\xb0\xb8&amp;\xb6f\xd0\x0b\xcb\x101\xd9M\xd4\x00\x90~;2\x96\xcc\xec\xc7\\*\x15\x02\xb0\xac+\xb3VZu\xe4pX\xa3\xf6\x8bq\xa8\xcc\xcd\x19K\xcf4^\xf4\xeb\xdc\x9c\xad\x8dK\x02*\x8b\xed\x9e\x8e\x8d\xfb\xfe\xf6\xdc&lt;\xa2&gt;C\x9d\x93\x0bU\xf6\xb2^\xba\xa2\x17\xe7\xa4R\x15*G\xd6P\xcd\x06\x1dg\x04L\xe8\x8cStR\xb0\xb0\x11V\xff\xd1s\x19\xab6\x0c\x03a\x18JR\x12\xe4\x12CF\r\xd6\xea\xc5\x10b\x91\xc1\xcf\x90-\xa05t\x15\xb8\xbb\x0c\xc1K\x97r\x19\x9aP\xdc\xe0!\x9b\x87@\x87N-t\xccS\x14\xfa0\xfd\xef\x9c\xe4\xb0A\x83\xb1&gt;\xfe;\xfdw\x9a\xe20N\x19\x03\x86\x998r\xda\xc1\xcb\xd8&lt;\xa7l\xb6\x93\x05Cy8o\xe2\x9du\xce\x1f&gt;\x14{\xa9\xbc\x8c\xa5\xfa\x88\x0fEj\xa8\xe0K{\xd3\xfcuy\xbb\x89\xd4h8\x13\xac\xd5\xae\xcb\x01\x95s\n\xb1g\xba-g\x02\xc6\xc7S\xba\x03wm\xcc\x93\xf7\xcf\xef\x06\x9f!\'\xc1K\xe3F ONkl?YL\xd86 \x1dO1\xc9&lt;\xcb2\xed0\xa590\x11\xd1g\xacD\x9e\xde\xe9\xafT8Eu\x08\x84;\xe8\x1eX5\xd9\xb6\x1c)5\x10\xb5\xe2Sm\x88\x02Fb\x84I)\xddmf}\x0c\xc5\xcfx\xf0\xea\xc9Vg\xa8\tIC\x8a\xc1\x8b\xa5\x80\xdf\x13/\xd8\xc8\xf8a0\x90\xea\xc7\xef\xca\xadu\x961\x15C\x15\xf5\xf1\xb5g\x89nL\x91z\x88\x06\xe5\xb6C\x16\xb9\xa6\x8bzol\xd2\x8a\x8f\xa0\xb6\xee\xe2\xf1o\x17\xb80\x8d\xecg\x83m\x97\xf1\x85\x0b\x82\t\x96\xe4q8X\xbe\x05\\\xfb\r\xf3\xa7\xd6{OO\x15\x17\x1alJ\x98\x98j1\xf7\xd5\xf9x\xfaj!\x96\xbe(\xb5\xa6}s\x10;U\xea\xda\xaf{\xd9\xc6\xe5K\x83\xa2\x90,\xe5\xf8\xa7\xfd)y \x1c\xff\x03\xd4\xdd\x8c/m\x98\xbaX\x00\x00\x00\x00IEND\xaeB`\x82'</t>
        </is>
      </c>
      <c r="M146" s="3" t="n">
        <v>45492.67736111111</v>
      </c>
    </row>
    <row r="147">
      <c r="A147" t="n">
        <v>386198</v>
      </c>
      <c r="B147" t="n">
        <v>5981</v>
      </c>
      <c r="C147" t="inlineStr">
        <is>
          <t>Everton</t>
        </is>
      </c>
      <c r="D147" t="inlineStr">
        <is>
          <t>Everton</t>
        </is>
      </c>
      <c r="E147" t="inlineStr">
        <is>
          <t>PE</t>
        </is>
      </c>
      <c r="F147" t="inlineStr">
        <is>
          <t>ATA</t>
        </is>
      </c>
      <c r="G147" t="inlineStr">
        <is>
          <t>PE/ME</t>
        </is>
      </c>
      <c r="H147" t="n">
        <v>174</v>
      </c>
      <c r="I147" t="n">
        <v>11</v>
      </c>
      <c r="J147" s="2" t="n">
        <v>35145</v>
      </c>
      <c r="K147" t="inlineStr">
        <is>
          <t>Right</t>
        </is>
      </c>
      <c r="L147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c1a9d038-7e68-4dcf-9668-9772ed5c9c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\x14\x90\x93\x00\x00\x03\x00PLTE\xfd\xfd\xfd\x1d\x1b,\x18\x17&amp;\x13\x12\x1f\x1c\x19)\x1f\x1e.  0\xff\xfe\xfe\xff\xff\xff\x15\x14"##3\x18\x18)\x10\x0f\x1c#\x1f1\xbakY\x1c\x1e0\xb8hU\xaebP\xa2\\M\xa8`Q\xbelZ3\x1c \x19\x14#!\x1b+\xc8yd\xd2\x87w\xd7\x8d{\xb1dV\xcf\x82n\xfc\xfb\xfb\xc6u`\x9cUG\x19\x1b-\xc2q\\\xa2aR\xa8eV\xd8\x8f\x83\x99YL\xc8\x8dy\xb5eR\xbeyl$\x11\x19\xcc}g\xc6|m\xa8ZI&amp;%8;$,\xb4j\\\xd3\x85q\x1f!4\xa6i[\x0e\x0b\x18\x99YS\xdd\x94\x89\xfa\xf7\xf8\xd0\x8f{\x96_S\xb0o`\xd5\x95\x8b\xc9\x86x\x89VO\xc2\x89v\xa1XH\xbdq\\\xadkY)\x16\x1f\xaeyj\xa2bZ\xbbuf\xcd\x97\x93\xb5rf\xc2s`\xb4\x7fy\x9coh\xach_\xa4se\xb7\x83\x83\x90XQ\x95lc\xb5}l\x9d^UrC=\x94WJ\xaa]L\xbd\x88\x86\xce\x8bs\x82RJvJD\xaf{r\x9bc[\xca\x86\x80\xd1\xa2\xa9h=9\xc1ycB(+\xb7\x82t\\86\x9di`\xb9\x8b\x8d\x8fSG\xbc\x82n\xc2\x8d\x8e\xc0{u\xc3\x85o&gt;! \xcb\x8c\x83\xb7s^\xc9\x8f\x8c\x89]U|B7\xc9\x81j\xaasf\xda\x95y\x91L?\xe0\x9d\x94u9.\xc8\x81s2 *tRO\xb2|\x80\xa4jgA.5\xc1lc\xbf\x82u\xa9zz\xc9\x87p\xb5ys\xbe\x83}\xaelf\x96RD\x80XS\xd5\xae\xc1\x8aNA\xb3sm\xd4\x9b\x92\xc7\x93\x9a\xc4\x89\x84[1+\xf9\xf1\xf2\xce\x93\x86h5+M4:~LDm\x1c3\xd1\xa8\xb5\xdd\xb6\xc2\xb2\xa1\xb0\xec\xe5\xea\xd6\x8ft\xd0\x9c\x9d\xc8}{\xa7xl\x8bgd\xacsp\xb7kg\xe5\xda\xdf\xc2so\x91cX\xbd\x91\x98\x87I=\x93d`T&lt;B\xd8\xd0\xd8\xd8\x86~\xde\xb0\xb8\xdb\x9a\x81jHE\xf3\x05(\x86c]M.-\xa2sqaBA\x1c\r\x15\xc8\x9c\xa7\xf5\xdb\xe0\x88B4\xb8\x133\xf6\xe8\xea+\x1a\'\xb3\\N\xd1wj\xf1\xec\xf0\xdf\xc8\xcb\xbb\xad\xb7\xec\x01\x06\xd4~v\xea\t/\xc8qh\xc5\xa5\xb6\xbcon\xcc\xc3\xcd\xd1\x16:\xde\x136S&amp;\x1f\xc5\x0e/\x86s\x816\x13%C\x13&amp;\x9a\x0f\'\xb9\x99\xa0[\r\x1e\xa4\x1a4\xb0\x8a\x8f\xb6zf\xa4\x91\xa0\x95nm\xdb\x02\x07\xb8Xc\x85\x10)-,@\x86!6\xc2\xb7\xc0\xd6\xc3\xc8\xe4\x06)\x99}\x83\xa9\x83\x86m\x0c\x1ffVgT\x1f3\xcdry\xc0#B\xee\xb8\xc1TBR\xaa\'B:9P1\x10\x16\xc7doxbodKS\xe9\xa1\xa9O\x15)\xa9[_\xf0\xcf\xd3\xd2\xb5\xb9\x95%?\xe9\x17:\xa1\x02\x07\xe0\xcc\xd6\xda\t,\xc8_R\xcaEW\xac\x0b&amp;\x96\x85\x93\xb2?W\xd0\t,\xf6\n5\xc5\x04\t\xde\'H\x9bCA\xe5\x8c\x9e\xe3?[\xdc\x87\x94\xddu\x89\xb0IB\xe6g\x80\xdcYtxD\xd8\x15\x00\x00 \x00IDATx\xda\xbc\x99\xdfOZi\x1a\xc7\xcf\xdd\xf1\x8a\x00B\xa2-H\x04\t(\r\x18B\x19\x18\x89\xc8B\xfc\xc1\xc2F\xb4\xc1\xc1 \x8356\xb4:\xf5\x06\x01W\x83?\xa6n\xc5\x1d\xcc\x04\x92\xdd\xba\xa4\x1d9\x93\x98\x02\xed\x8d\x1b\xc2MC\xb2\xf1\xa2\x89\xb1WN4\xde\x90\x18\xbc\x9d\x1b\xff\x82}\x9e\xf7\x1c(vg\xfb\x93\x99G\xce\xcb\xeb\x01\xcf\xfb\xc9\xf7y\xce\xf7&lt;\xe7H\xb5|~PR\xa9\xd1XLg\x98r)\x95*\x95\xca\xe52\xc3d2\xe9\xa2\x94\xa6\xe9\x86\xaf\xd1\x9fs\xe8\xfa\x1f\xd3\xf0"\xc7\xa3\x1b\x8f\xca\xed\xa9m\xb5\x192\xb1D\'\xc7\x87\xd5\xcbB6\x9bLf+\x95\xcay\xf5\xf0\xaa\xc4\xa4\x8b\xdbR\xf2-rD\x8a\xfe_0\xfa\x03\xac\x14\xfcU\x0bl\x14E\xb6\xfaH\xf6\xe1\xc8\xee\xa2\xe9\xfa\'\xecL\xba\x9d)\xa7\x8e\x0f\xcf+\x95\xe4\x92V\x1bX\x82A\xbb\x14\xd0.j\x97\x92\x95\xf3\xc3\xe3\x93\xb4\xd1(\xa5\xebG\xa4\xe9\xb7\xeb\xe0H\x8e\x81;\x91\xb0a1n\x04,\xf6;-T=h\xea\x83!M3(\xd2\xf9e%\xbb\xa4]&lt;88\xb0\x89\x17\x17\x17\x03\x80\xa5\x85\xf7E-!+1E\xea\x0b\x83\xa6?\xfe\xbb\xd2b\x86$\x0eTZJ&amp;\t\xd5\xc1"\x8c\x8bZ6\x90\x0b\x94\xabT\x0f\x8f\xcbi)\xf5\x87\x84\x14\xa1\xae\xaa\x95%\xadXlC\x94\x03\x9b\xcd\x86\x1c\x8b6`\x13\x83h\xa8\x9b\x16F1\x92\xa5\x98\xe2\x1f\x00\x06\'^\xba|u\x99\x04\xa6\x90X|`{\x01\xd1m\xb3u\x93\rG\x12\xdd6\xc0\x82\xb4B\xc5U\xae\xcai\xa3\xf4\xf3\xf2\xf7\xd1\xd1bL3\xa9CB\x05\xfa\x88\xc5\xdd\xdd/\x08X7\xc2\x11\xc2\x1a\xa0\x18\xb9\xc4\xda@2{~\x9c1\xd2\x9f\x1e\xd4\xa7\x98\xc96s|^I\x06\xb4\x01\x0c-`\xd9j`5\x1e2\x85_\xc4$\x02\xb9d\xf2\xf2\x8a1~\x81o]w\x94k\xce\xc5\x99\x1a\xa1J\xe2\xe9F\xa0P\x0f\x9b\x18h^\x90\xf4\x89\xd9\xfc\xc1\x14\x81B\xf8%\xd8\x92K\x90H\xc6X3=r\x9cw\x9d\x8b\xdb\xf9\xf6;0\xa3\xeas\xee\x9d\xcdj-\xb9-t\xdd\xb4\x8c\xc5L\xaa\x8aT!-\x14\x96\xd8\xc6)\x02\x81\xe2,\xe2\xc4\x86\xa8\xa1P \x04\xdc T\x0e\xc6\x1cp\xe1\x19\xd9\xd2\xe0z\r\xebp3\xaa\xbeQ5G\xa3\xdf\xe7Wt\x83/\x94S\x87\xd9dNK\xd6G\x12X^\xccR\x909\x06\xe2@\x04sA\x88B\x01\xcd\x1f\xb8\xb2\x87\'\xc5\xf7\x1f\xfc\xe3\xf6\xffV\x183X\xed\x08\xd2}\xd1\x8d0\xb9D0\x81\x0c\x89`0\x91\x80!\x88\x83\xdf\xef\xdf\xf7LLL\xec\x17\xf6\xf7#\x18\x85l2\x80\\\xc6\xdf\xc7(\xa4\xe9\x12\xa1\xba\xe8\xbe\x00&amp;`\xf1xvv&amp;&lt;~`\xd8\xf1\xee\xecx&amp;v&lt;\x1e\x18,\x16\x8b\x1b\x02\xde\xbc\x1b\xf3O\xf7\xf6\x9e&lt;\x8fd\x97\x90\x8b1\xfe\x1e\x06A\x19\x99\xd3\xcb$\xa4\xab\xfb"\x94\xf0\xfb\x81\xe9\xd1\x8cR\xa9\x1c\x9b\x19S\xe2\x1b\x89\x99\x99\x19\xe5\xe8\xe8\xa8\x1d6\x93\xc9\x04P#\xb1\x91|\xfeM$\x9b\x03\x9fH\x91\xbe\xa2\xd9\x06A\x17O\xaa\xd9\\@|!\xfe\xcf\x0f\xdf\xfd\xf4\x08\x08\xc6\x94\xc2V\x08\xb9B\xde\n?\x10\xadr\xa1\x10\xdf\xe5\xc8\xe53\xf8|\xb1X&gt;\xbf\x12\x8d\xe67\xa0\xc4\n \x17\xfd%\x06\xf1\x7f"\x93:\xcf&amp;C\x17\x179\xffO3\xeb\xb2~a\xbfp\xfc\x96PH\xc8\x04$`\x82\xbf\xcb\x85r\xa02\x18L\xbe\xbd=\xd0jw%\xeaZy\xb2\x8fre\xa4\xcd\xc7\x922\xa7\xd0,\x88C\t\xcf\xa3\xf5\xf5\xf5\xfe~\x04\x12\x92h\x15\xdc\xc4\x00\xb0q\xa2\x9e\\\x88T\x06\x93\xc1\xbd1?\x12\xabqe+p6~\x82\\\rU\xd6\xd8\xdc\xd4\x93\xc7\xb6^T:u\xb9$\xb6\x85\x12\xdf\xcd\x8c\xc9\x00\xaa\xb5\x15\x18\x040\xc06.\xa8\x85\xa2\x95\x95L\xa8T\xa2\\\xee\xf9\xbd\x18D&gt;\x1a]\x81\x02\x03W}g\x1d\xd6\xb7\xebv\xc05w\xef\xefg\xae\x7f$-WA\xab\x80\x7f\x07\xea\x9cM\x1c\x08\xa4\xe3T\xaa\xc5M6\x97B9r!\x98\xc97\x1d\x9b\x9e\x8e\xe5W\\go\xf6\xb3\xd5\x13c\xd3;\x87\xe3K\xa4\xf2*\xa1\xa8\x15$i|\x1e\xcfj\xe5\xf1\xf9*\x95J\xa0\xe2\xab\x04\x02\x98\xa8\x90\xb2\x95H\x06g\'\x80\xf9|\xd3&gt;\x9f\xc9\x17\x8b\xba\xce\x9e\x14.\x8f3\xd2f\x9b\xd6i2\x14\nzMv\xc5\x00\xa8\xa4S\xf1\xf9&lt;\x91\xd5J\xb8\xf0\xc5C:&gt;\x04\xab\x1f`\xc9d2\xc0r\x1b\xec&gt;\x1cv\xa1\xbe6\n\xd5R\x93=\xd5\xc8T\x03@\xe5\xd3;\x07t\x03:\x1d_\x85T\x9d\x9dV\x11R\x11\xd9\x00\x8e\xa3#\xb5\x7f\xab_&amp;[g\xf52\xb8\xdd\xa3\xce\xb8\xcb\xf5&amp;ry\xf5\t\xcd\xea\xc7\xf4Y\xdb\xa9\xcb@\xc2\xe2s\x9a\xcd\x03\x037u\xa8\x8f\x08\xb1:;E"\x11\x8f\xc7\x13\xf1\t\x16\x86J\xf5o\xc1\xf8\xad[\x88E\xb8F}&amp;7\xc8\xb59\x0c\xa7c\xa4z\xb2\xddL;\xa5\xd2\x87\xd9\xc4\xc4t\xccl\xd6!\x15\tQgg\xc7PG\x07A\xb3\xa2L|\xfcA\xacq\xc0\xea\x87 \\\xc4\xc3\x0c\xf6\xb58\xd8\xea\xf3\xeaU\x9aj\xb8\xe5\xfa\x90o5\xb4X\xb5\xa1\xf1&gt;\x8e62\xe7A\x8f\xc9\xb9f~\x00\'\x1f\xe4\x0c\xa0\x90\x8aD\xe7\x10p\xb1\xa5\x0fb\x89\xf8,\x16\xea\xd5/[_W*\x91\n\xb1\x86\xc1%\x9e\xa3\xd5_k\xab\xd8\xdb\xd0kK\xb3#\xc5JV\xef\x80\xb8\xe1Zr\x8b\xa5\x88\xdfkw:u\x10*\x1e\xd6\x12&amp;\x10\x98\x86:kr!\x18\x1f\xd3\xc9\xafa\x91\xf2B\x9f0\x18F\xedk\xbb\xbb\xc3\xd1\xfc\x93\'\xa5b\xdd{\xea\rV\xad\xbb\xe3\x06n\xfc\x88\x0e\'s\x1a\xd91\xe9\x9d\n\x85\xe2&amp;\x9fT\xf8\x10\xea\xd4\x86Bu\x8aHFy\xa4\xdcI\x89\t\x10\t\xd0H\x1a\xf1:\x0e\x05f\xd7\x03\x17\xc8\xf5\xe6\xaa\x89\x1e\x01\xe7a\xc4mw*\xe4\xe0\xa4\x02&gt;h\x83XC \x15)y\x11\xe6N\xc4\xa9\x05\x066^\xc7\x92qXJ\x83]\x1f[\x03\xac\xfc\x9b\xc3\xf2v\xd3\xb0\xd2\xa5\x88\xd7\xa4p*\x84J\x99P@\x0c\x8be\xea\xfc\xabH\xc4r\xf1\x90\x8b$R\x80X\xfd\\m\xc9\x88^\xd0\xf2\xf8\x08\x16p\x9d\x96\xd2\xcd2\x08\x8a\xb9\xda\xb0\xd8\x07\x08V\xbf\x80\x8f~\x85jq\xfe\x80\x81T&lt;\xf0\r\x10\xeb&amp;\xab\x16\\\x17\x89Z\x80\x85\x9d\xd8\xa8=\xb6\xfbM\x14\xb8N\x8f\x19\xaaI\x06A\x9fT\xe7Mz\xb3\xd9\xac\x10\xf6\x8f\xf3E\xa8\x14\xa9\xad\x8e!\x12V\xab\x88\xb5\x0c\x1dOG.?\xe3\xa4\xe69\xacu\x99\x0cZE\x03`E\x11\xeb\xec\xb4L5\xa9\xb11\x96"\xf3\xe8\xa4\x83\xba\x01\x81\x8a-+R\xf1mm==\x9a\xb6\xb6\xa9!+\x0fOEr\x89T\xa1b\xd0U\xdc\x1a\x07\xb9@*|\x8d\x81{\xd9\x9d\xf1\xa8\x0b\xb8\x00\xcb\xd8\x1c,*\xfd:\xf2\xd4\xee4\x0f:\x1c\x0f`md\x9aB&amp;\x80\x82\x17\x82u\x90d\xf2@8\x11\x9e\x94peD\xc5\x08\x17\x9bE\xc0Z\x1b\xbe\xe3\x02\xae\xb3\xb3R\xfaS\xb0\x88\xe7\xd6\xcd\x84\xe6\xba!\xe2m\xcc\xf1\x86O\xbf\x06T\x8e\x07`X\x1d\x1cRO\x8f\x04\xa2\xbd\xbdW"\xe9A\xf3\x82\x82\x9b\xc2\x9c\xc2\\\xc4S\xb1\xd7k$#\xed\x97\\\xbfyg\x16\xd5::*eZ\xae\xf5u\xf45#k\xe8\xaa\xe8\x9a\x8b\xfdV\xcb\x05`\xe5\xb3\xbdi\x10K\xad\xd18\xf0\x1c$P\x92^\x8c\xf6\xf6\x1b\x10\xed\xbd=mXgSS\x04\x18\xc4\xb3\xf2H+\xa6P\xb0M!\xf4\xd1kq\x82\xe5\xba{\x94b\xe8\xcf\xbd%\xbc\x0ewr:\xb2\xb00\xe8P\x87\xc3\xea)\xa4\xeay\xf8P\xc2\x11\xdd\xb8\xd1\xd5\xd5\xc5ru\x00\xd5C\xf8D\x82\x8c\xc0\x85\xe1\x1cP\xe0\xcd\x87P\xae\xd8\\\x9d\x9du\xb9\xee&gt;{\xf6,\xc54\xc7\xb5\x00+\xbf\x1b\x8f\xab\xef\x85\xc3\x9a)X\xbb\x07\x96F,\xe0\xe9b\xe3F\xaf\x04\xea\xac\xad\r&gt;\xe8\x95\x84%\x12\xcd\x94\xe3\x81\x0e\xce\\\'^\x17\x08\x953\xbe57\xeb\x9a}\xdcL\xac\xd2\xe9\xc8n|\xf9\xder\x18\xb9 \x81\xa8I{\xb8\xef\xfe\xd7\x10\xb7\x91\n\xf4\x92`\xf1\x03,fV\xa2\xd1\xa8\x1d\xff\x1a\\s\xeaG\r\xcaQ\xb8QS(0\x87\xb3\xb3\x8f\x01\xeb\xf5+\xa6IvZ:\xcd\x0f\xc7\x97\x97\x97\xc3}a\r\xc4C\xa0\xd3\xa85\xff@\xac\xbf\x01\x18\x04\xe6\xb1\x17\xeb\x9f\x8dp\xf8\x9ezssaA?j\x1a\x83\xeb\xb4B\xef\xdcD\xac\xc7\x88\xf5\xf2\x15\xd3\x1c;\xa5O\xce\xa2\xae\xe1\xe5\xe5&gt;\x08\xc2\xa5Q\x0f\x9a\x077\xbf]\xdd\xda\xda\x9a\xfb\xfb\xd7D3\x04c\xa3\xb7\x1d\xbe\xa5\x8eo.\xfcyz\xda\xf7\xd4\xe2\xf5\xee&lt;\x1a\xb3\xafm\xc6W\x11\xeb\xe5\xe3\x97\xaf@\xad\xf7/G\xbf\xd3o\xbd}\x10\x7f\xed\xd9&lt;}r\xe4r\xadnM\x02\xd5$r9\xcc\xa3n\x0b\xdc\xc9\xff\x05\x02\xb2\xbb:y\xbf\xab\xeb\xf6m\xc0\xfa\x19\xa9z%\x1a\xb5\xd9\xe7\xb6x\'0\xf6=~\xbf\xdfc\xb1o\xc6\x87Q\xae\x97@\xf5\xeaW\xaa\xa1\xdf\xaauz0k\xe1\x9eeQd/\xd7_\xb54&lt;m\xa2\xea\xcf\xcdI\xfcrt\xd7ugkr\xb2o\xf2&gt;p\xa9\xf53\x1eX,X(\x04\x83A\xff\x84\xd7\xb4v\xaf\xef\xab.\xc4B\x0b\x83zw\xd8\xbd\x9eD\x8e&lt;V\xca\xe5\xc8s\x1c\xbf%\x86Xs\x8f_\xfe\xf8#\xaa\xd5\xf0\xb8\xbe\xf60\x8dz\xfb\x9f\x01\x16\xe0\xc3\xfe\xf1\xcbk\xd7]\x82\xd5\x07\xdb\xb2\x1e\x1f\xcelD\nI|\xa0\x15\xc8\x05\xfd\x16\xfd\xbdv\xa8z\xacu\xac{\xb5\xde\xe2\t\x06\xc8s\xaf\\\x10\x1f\xe7Lx\xfc\x13{\xdf\xb8V\xa1\xb4\x00\xeb\xfb\xef3M:\x13\x99\xd7Gwg\xe7\xeec\x16\xef\xf7\xc5-\x96\xbd\x7f\xba\x86WF\x9eo\xc0z\xc1D\xd0\xe3\xf59$\xe0\xa9`\xb0`\xf7CV\xb3\xc9\x0b\x1f\xfc\xe0\xd9\xb1\xc0\xcd\xebt,\xb6\x10\xf3\x99\xe6\xe7G\xa2.\xac-\xa0*7\tK\x9ayU\xc3\x9a\x9c\\\x8eM\xffiuknn\xeb[(j\xbd\xc9=3c\x92\x0f8\xfe\xcb\xaa\xf9\xc4\xa6}\x9eq\x9c\x1b=!\xfeE\x02\x83A\xd8\xb8\x10@\xc2\xa2\xfe\x13\x93\n\xa3\x1ap\x86j\xcd1\xb6\xb6@\x9cn\xa3\xa1\xc1\x08j\x8c\xd76x6F`\xfc\xb7\x91Y\x0cR1\n\x9a\xc0\x93\xb2\xd5F\x08j\tQ\x1f|i\x95\xed\x10i\xca-\x8a\xa6J\x8b\xec\x1c"\x1fv\xf1\xc5\xd2\xbe\xcf\x0fJ\x9clK\xad\xda\xef\xc1\x7f\xf0\xc1\x1f}\x9f\xf7\xfd&gt;\xcf\xfb&lt;\xafV\xdc\x92\x875hD\x83\x1c\xbd\x99\xef\x8e\xc7s\xf1\x916\x83\x19\xd6\xd57\xbf\xb0\xb0\xf0\xd5\x17\xbf\xfd\xc5\xe7\xa0J\xb9\x80\xf5\xe4\xfeEU\x81/\x08\x8b\xb8\x9c\xce\x8f&gt;\xf8\xc8\xbb\xba\x8a\x1f=j\x8bm\xc2\x0c\xb3l7O\x8ck:\xe1\xf7\x10K\xd4\xcf\xe5\t\xf8#\xe0\x8aS\xdf\x0b\x7fl\xb7\xdb\x19\xb0?|\x98Jm\x13U\xec\xe5\x19\xb1~2\x97\x7f\x83=_\x97k)\x12\x01\x93\xd7\x894d\xd1\x83\x89\xban|\x1egP#E*\x82X\xe3\xfd\x12\x87I\x1e\xcc\xf9\xb1\xee\xe5r\xb9x0\xda\xc1o\x07\xd8\xb5QH\xe5\xdav\x11\xd67\x17Uo\xed6\xb0\x9cK\xdeU\xa3\xf7*\x03\xd5\xde\xe1\xce\xf9Ckk\xfex\x07\xaf_$\xdd`\xb0\x069&lt;P\xe1\xe3e\xec\xad{`\x0b\x85\xae\xe7F\xda\xec\xf3\xb0-`\xb9H\xae\x0b\xc3b\xbd\xfc\x1eX0.\xa7\xcf\x9a0\xf6^\xd5Z\xf4|\x84)\x8e\x7f\xbf\xbf\xbf\x1f\x8a\x9bx\n\xcd\xc6\xe4d\xa7H!\x94\xf0\xa3\x0c\x15uTo\xc2\x19~u\xef\xfaZ(\xdef\x00\xd7"Q\x9d\t\xeb\xd4\xe0\xaeyec\xb1\xfe\xeb\x03\xf6\xe6\xb7\x0f\x18\xb5(\xdd\x10U;\xb6\xce\x10\xcci\x1f\x16\xb1\xbf\xec\x8f\xeaT2\xc8\xd5)\x13\xaax\xf2`\x11T\x00\xfa\xeb\x9f\xee^\xfe\xe1\xce\xad\xe5\xdf\xac\x81k\x18\\\xa3M\xacfG\xab~)\xad\xdb(\xeb\x9d\x86w\xb2^\xbf)\xbe\xc5!\xee?\xa9c\xad6\xa8\xdc\xb9{\xf7\xae\xc3\xb8\xa8\xe7\x0c\xb9\xa2\x0e\x9eP\x03{Pp\xcb\xbah1D\x1a.\xff\xf9__\xde}\xef\xf2\xa5K\x0f\xa1\xe7\xb2\xdf\xddf\xf84\x92Zg\x82\xf8d\xf7\xc9\xee\xfd\x9e7*.6\xeb\xb4\x87\x9eq\xad\xbc|\xf0\xbbQ\x9f\x17\x1bku\xec\x13\x8b9\xe8\xf7\xdf\\~x\xeb\xee\xef\xdf\xfb\xfa\xd2-\xc2\xe2\xf1\xb8\xb2\x8a\xb4"T\x95M$\xd6\xda\xfe\x9d\x87\x9f}\xf6\xe5\xdd\xcb\x97n=\xbc\xb9\x0f=C~\xa4\xc5\x19\x9fk\x1b\xbe\xb5\xbe\xfd\xb7\xbf|\xb8\xbes\xde\x06\\k\xcf\xcaJ\xcf&amp;\xb0\x96\x80\xb5\xda;;&gt;\xc1\x8f\xfb\x97\xf7\x97o\xc2\xc9\xbf\xfe\xe1\x0e\xd4\x08\x05y*\x95\xa2R\xa9q\xcb?b\xed\xef\xaf\xc1i\xf7\xb1\xf1\xfd\xf5C\x19\xef0\xd8"\x8b\xdf\xff\xf1\xdb\x98\xeb\xf3\xae\xae\x85\xd1d\xe9\x9c\x85M\xcf\xe6\x8b\x17\x9b\x9b\x8b\xb7\xebXc\xa2~^\x1b\xbf\x83\xf6\xd6\xfb\xb4\xa7\x11!\xech\\\x88\x14\x15M\rj\xd5\x83\xb8\xb6F\x8d{\xf0\xc0\xbdF\x86\xa8W&gt;B\xd5\xfcm\x14[1\xd75\xfb|\xfa\xb1o\xb7\xf5\\\x85\rk\'\xe5Y\x18]\x8c\x8c\x02\xcb\xd9;\x16\x18\xef\x9f\x98\xd0\x9b\xcdf\x83\xc1p\xc5\xed\x07\xc0Z(w\xc5\xecP\xc9\xa0V\x98\xcbs\xc8\xebXk\xd0\t\xb6\xe5ff\x084Rh3\x18\xfa"\x0f\x10D\xd7\xa8\'\xfd\xf8\xd1\xbf]+\xac\xb3\x1a\x04\xfb\x7f&lt;\x02\xe89L\xd7\x84z\x8b\x96\xb0\xae\xce\xce\x06p)\x9c\xc0\xa2\x92\xd8\xd0\x95\x03A\x08\xc6%(\x0b\xe9v\x16\xe6Hx\xfc`\x83+\x14\xf2\xfbs\xe4\xf6n8*\xcaf\x83\xc1\xecy\xb0\x1d\x8b\xa5n\xfb\x9c\'\xdf=\xf2\x96~\n\x8b\xddxA\xd18\xae\xaf*\x1cr\x90\x95g\xb5ZE$\x92\xa2\xe4\xf3\xbe\x1b\x08\x88P\xccOLpH/s{G\x1c~\t*\xbeC\xa5\xd0H\x1bX\xd1b\x91\x01\x0b\x11W\x91|^\xceG\xd5l0\xd8\xfb&lt;\x8b8\x88)\xab\x15X\xdf\xa5K\xac\xd7\xe6\x96\xcdo?Va\xacfW\xab\xf9\xde\xe1\xd5\x83\x07v\xa9ptT\xe9\xec\xec\xf5.\xf9\xbc\xbd\x0c\xd5x\xc0\xa2\x97\xd0%p$H\xd9Enr\xf0TB\x19\n\xadJ\x98+\x91\x08`\\X~\x82\x02U0\x18\x8d\x9ap%k\xa7\xb4\xdd\xc0\xf2\xa5\xcbPk\xa5\xf5\xf5\xb9e\xb3\xf0j\x16b\xef\xbc\xa5\xdcb\xb0\xf2-\xcaU\x9f\xcfGX\x81\xc0\'\xe3\xc8|&lt;\x07.\xa6\x1dQ\x1a\x1c\xf0T\\\xaeP\xd4\xc0:\x10\xf0\xa39\xa2\t\xe2k1GXr\x93@\x00\xb9\xcc}6\x8f\xb5\x90,\xa4\x90R\xc3\x8fN\\\xe7ks\xbd\xc2\xb2Z\xbd\xb8\xf2\x04f\x03\xdaq\x8e\n\x97y&gt;\xb5G\xa1\x14\xb5\x00ep\xd3*\xf6&lt;G"\x10\x98\xa2AF\xa4h\x14pDE\xf3\x97v3\xb0fR\xc0\x8a\xcc\xdb\xd2\xe9\x7ff\x0f\xcf\xe7Z+\xcf\x98 \xb6\xf4"\x1d\xae\xce\x82\nX\x83\x1c\xeabQW\x86\xa7\xa2\xce\xae\x02Tbq\x95\xb8\xf4\x12;\xc2\x88%gz[\xf4\x95\x99yP\x10m\x11`\xb9\x06\xa2\x0e\xb5\xf3$U:\x9f\x9b\xf6\x1cV\x08\xabS\xebE\x96\x16#T@CJ\xe6\xd2P\xa0\\f\xa8d2* \xf2\xf9j\x15r\xe93vdk\x12\xc9\xa4\xd39\x04\x02\x07M\x85@f\xb7\xfd\x9d\xb0b\xdb\xc1\xa2\\\x9f\xae\xed\xb6\x9e\xab\xdeb\xb3v\x94\x08b\xa7H\xe5\xb1&amp;\x12\xbd\xa0\x92\x8euJq\x9b\x17\xd6\xe7\x03B\x85L\x84\xfb\xb4\xb4E\xd9\xad\xcc\x93\\\x99\x8c\xbe\x8d\x89\x9e\\\xe7\xa8O\xcep\x0c\x10\xc4\xf9\xb9\x99\x8f\x97\\\x85\xc2b\xb0x\\\xf6$v\xd8\xe7+l\xd8+\x85J%_\x11\xea&lt;Vk\xa2w\x8c\xee\xa8\x1bb\xea3\x0c*\x84a\xac\x9aL$\x82Z-t\x87%\xb92\x99L{\x07\x8eh\x11\\&lt;j\xe1\xd3\xb8E \xd1\xdb&lt;3H\x8a\xc9\xc2\xe2q\xf1\xd8\xe1)\x94~n\xbd\xd5h\xe6\xb3{v\xaaU`\xa9&lt;\xb4\xb9\xc0\xd5\xb9\xc14i\xa0X-\x0c\xb0A\xc5\xa0H\xa4\xed\x84Z\xdd\xdd\x8c\\{\xd9L;\xcc\xcb_\x0c\xea$\xd4R\x15\n\x99.\x89M\x1dY\xb2\xae\x13\xd6?\x8e\xcb\xd9\xc3\x9e7\xc7\x05\xf5\xc2\xe6\xd4\xff&gt;U`5\x1eV5\x7fef}\xa5)eU!&lt;\x9afJ\xc0\x8d\r\x86\x8a\x9a\x0eZm8\xccLYD\xd2N\x12\xab{\n\\U\x8f\'\xed\xd9\xd3\xf3s\xa1P\xd1$\xe1\x10w8\xdc\x8f\xc4`S;}t\x10]\xc0\n;wZ\xff\xff\xa8\x90\xcdf\xbd\xf9\x94\xecu\x03\xab#\xf6&lt;\xeb\xae\x1c\x1d\t\x19\xac\xad\xc9\x96\x96\xc9\x96IH\x83\x9d\xa4\xadq\xca\xd8\xf5B\xadX\xd9=\x85\xf5\xfcyw&gt;\x9fN;\x9diO&amp;\x08,\xb9\x84\x13f\x9a\xaba\xb5\xdabQ/%\\\x85d\x12X\'\xd3\x89\xb7\x9e\xc33U]\xec\x9e\xc3\xa9\xcaQ\xf9h\xdahM\x19\x8d[[\xd0j\x92(\x94bm\x18e_\x99\x1b\xae\xd6\xa1\x18,e\xda\x03\xbd\xbc\xe9(\xb0\xa2&lt;\xe1 Ni\x8d\x9a\x16j\x0bv\x16\xa8b\x8b\xc7\xc7\xe5t\xf2"z\xf3\xa5\xe7\xd5\xa3\x93\x13\xed\xaa\xd5jLLu+A\x05\x8en\xa5\x18b\xe9t\xaaAm\x1e\xe1\xab\xaf|\xf5i:3\xe4&gt;\xc8z\x90\x19\xa3&amp;\x9ePV\xc3\xc6\xd3j\xa7\xc1\xe5D\x08\x93\xc9\xf5H&amp;\x8c\x18^\xc4\x14\xb6\xf5\x99\xb2v\x82Sm\x05\x97\x91\xe2\xb8E\xea(\xa5$\x16opZ\x0c\xc7\x92\x98$\xd9|&gt;_\xa9e\xf7\xdc\xc8\x86r\x01\x0c\xc2\xe1pp\x85\xd4;\xd4N\x03\xcb\x83c\xc8`y\xb3Y\xd7J\xeb\xf9\xfb[,\xd6\x0e\xe4*\x97m\xb7}Vj\x19MnL2\xcah\x14*\x9dJ\x01\xc7\xcaW\xc3\x0e\x93&gt;\xcb\xb8\xfc\xe3\x03\\|\xfcAX;\xf9\xad\x8a\x83\x04\xa0a\x82\xe8\xb4R\x0c\x931k"\xeb=l\xfd\xf9\xfd\xadS\xb5\xd7\xca3eU,S/\x11VbK\x89\xc3\x88-/\xd6\x08\xcbe!\x19\x96\xb2Z\xcbd\xb2\xda\xf4\xd3\xf0\xe3\xc7\x07\xfc.w.(?\xa0Y\x1a\xc0T\\\x05\xf5\xee\xc7-\x9e%k\xaa@{\xcb\x950\x16zXg\xbf\'61\x1ae\x10\xeb\xd5c\xd1\xd6\x9d)\xe5\xd4\x16\xb2"\xce\xa2\xd1\xd8\x82T\x04\x87\x90\xcaTe\xae\x86\xdc\x1dr=\xcdf\xd3\xd3\xe9lF/9\xe8\xa2Y\xeb\xc1\x01\xb0\xb8\x12\xa4N.\xd2\xc0\xb8\x05X&gt;F.\xd45\x85\x12\xfb\xf4K\xae\xe6P\xb1\xfei\xf3\xd1\x16\xeb\xf47\xf6\xa9\x86x3\xbc\xac\x95C%vS}oQ;\x12\\HG:\x9e\x08W\xfc\xbc\x18n\x95\xce\xe2\xfc\xa5\xd3\xd9\xbd\xccA\xd7\xfbC]7\x06h\xf6Hat\xe8\xc058\xa1\xa6\xceaj=\x19[\xf7Y)\x84M{|e\x93\x8d\xcb\xe3\x1b}-\xf6[\x8d\xa4T\x98\x9a2\x1a\x19\xb5z\x99\xe6Z\xa7\x86\xab\xd3\x8dK\xc5-b\xf1tz:\x9b]XX\x98\x9f\xcf\xece\xec\xc3C\xcc\x93\xa4\xae\x81\x81v\xe6\xad\x86\xce\xa4R(\xfa\x81\x15\xc1\xb5\xba\x90\\\xf7%K\xac\x0b[\xad\xe02\xc2!\x12\x89\xad\xde1i@\xa3\xd1(t\xa6\xfeq\x9c\xb1i\xb5z\xcf\xb6\xb0\xf0\xd5W_\x90Bv\xfb@W\x17\x81A\xb2+]\xccC\x0e\xb9\x83\xdb\xdf\xaf^Z\xba6\xe7s\xc5\x92\xb1\xc2\xce\x05&gt;\xd1h\xed9|\xde\xcd`\x19\xebX\x08\xa1@mQc\xd9\xe6\xe7\xe7\tka\xdeNM\xa3&gt;\xfb\xc00=\xdf\xa27\\C\xee\x91a\x01_\xee\x10\x02+2\xb7p\x1bX\xbb;\x17\xfap\x04\xe5\xe0\x14\x82h%\xb5f\tK\xe7\xd0[l\xbfDR\xb1\xd9ls\x9e\x999\x8fG\x9d\xd1\xeb3\x16KXo\x1f\x18\xb8qcx\xb8k\xc4\x8d\x0bY\x9b j\xe2\xf4{\x96\xae}@X\xbb\x9bg\xa7:\xd3\xeb-Vi\x17\x97\x03\x92k,\x10@\x85e\xe2Y\xfa\x0c6\xf5\xc7\xd0\xeb\xaa\xd3\xe9uR\x0f\xbaF+\x8b\xda\xc6\x06\t\r\x03\x1d\xeex|\xa4\xad=j\xe2Zf"s\x9f\xfezt;\xb6{\xff\xcco\xa5\xce6ud\xb7\xae\x94^\xa6\x80\xb5\xfan\x80\xc6c:\x9e\xcd0\xdc\xa7Fb\xe9U*\x95\xc6\xff\xd0r\xfe1m]W\x1c\xf7\xb4n/\xaa4E\xed\xb4F\xd0\xf0\x0f\x10\xe4.B$\x1e\x01\x8cm\xd5\xb3\x8d\xfb\x1e~\xbc\x07\x91\x7f\x11\x88\x8c\x1f6n\xc0\xc1Q\x9b\x82\x1b\xffbV\xf8\x91_\xc44ql\x03&amp;\x8e\xd2X\xcc\x14T&amp;\xc5\xd2\xa48\x89\x94v\xb4\x10D\xd3\xa1PBR22\x04\xa4B\xda\x9a?2J\xd4\xee\\\x1b\x83)\xe9\x16\xa7\xe1b=\x0b\x83\xde\xfb\xe8\xdes\xcf=\xe7\xde\xefqa&amp;8\xf9\xbfN\x81C=r\xa43\x12i\xb6\xdb}\xe6\xdc\xa3\xe7\xcfW\xa7\xbf\xfe\xea\xab\xafK\x1c\x8ef\x13\x0eX\x8b\x97Y?\x13k\x83x\x02K\x1bt\xb9\x11\x16\x84\xcd\xdb\x7f\xff\xca+\xdc\xf4\xea\xbd\x1c\xae\x94]\x83\x82\x06\x08\x1b\xceMM\xcd\xcc\x8c\x8d\x8duv65\x99\xcd\xe6\x80\xea\xd8\xb1\x93\xefVs y\xcba;p\x91(\x8a\xb5.\x97\xc6~4Rq\x1d\x04+\xa6;]\xa7\x95\xc0Vw\x996,\x07\xc7;*\xdc\x08\xcbP\xbf}\xd7\x9b99\xc2\xbd\x7f:ZV\xc9\xb7\x92z}[\x11\xe4km5\x91\xb1\xb1\xe2&amp;\xbb\x9c\xb42V\xab\xf7\xc2?\xde&gt;y\xb0\x80[\x9b\x93\x03nK-R#,0\xad\x84\xe48\xee\x1a\xe3\x8fM\xd8\xd7\xc20V\xa2\xd4\xfe\'\\X\xec\xa3\xbcp\x14K`0(\xcen\x7f\xab\xb66#\xfd\xe8\xc9\xb7\xabn\x0c]qU\x8c/,,\xb8\xdcummr\xb2\x7f\xc15tex\xc2{\xeaw\xc7\x0e\xee\xe0H$o\xd6J4\xb8\xcf\xa3n\x94\xf7w\xc4D\x10X\xa2&gt;\x0c[\x1f\xf2=\xc71c^\x97\xcb]\x84\xb0l\xf9\x87\xce\xd6\xa3\xac?\xa7\xb4\xbd\xd2;4\xbe\x18\xeeZ\\\xec\xea\xea\n\x87\xc3\xe3\x0b\xe3\xe1\x85\xa1\xa1\xdb\xa3\r\xc7\xde\xad.\xcd\xa8e\xef\x7fK\xc2\xc6q\xb3I\xdd\xa8\xafxa{\xdf?\x92\xef/\x00\xd6\x01\x84u\xe9\x12\xe2\x82\xc5N*.!\x18W\xbf\xcb\xb5\x10^\\\x1c\x87v\xa5\xbf\x7f"`n?\xd8~\x1ef!W\xc2\xde\xbf\x9f\xad\xc3q\x99\x0fa\x85\x93\xc1zv-(\x8c"`eee\x01V\xea\xaez6\x9a\x88\x87\xa5M\xcd5\xdd3\x91H#\xd33&lt;44\xec\x9b\x9b\x9b\xfbO.\xb8\xac\x1d\xe9\xe9\xc2Z\x89D\xb2\x9f\xad\xc1q\x93\xcfJ\xb6\xba\x16\x8fo\x8a0=\xad\xcb\xb5\x8au(\xc5\xb0sg\xfd\xf6\x94|^w\xa4\x1b\xe6 \xb4\xb19s\xe7\x18jss\xe2\xd2\xd2\xf4\x8c\x0c\xa1TR[+AX&gt;\x1f.ouu%\xa1&lt;M\x02\x8b5\xd8\x115.\xc0\xca&lt;\xa40\xec&lt;\xbc=%%5\x9f\x07\x1e\xe2\xe2\xf2\xf2\x93)\xe4\x1e\x10\x1e\xf8\xad\xa6&amp;t\x1e\xcc\x95J!\xc7\xa75v\x1c\xc6\x90\xe9\xef8\x93\xcc\xb3\x9e\xee&gt;W\xaf\tR.\x18E\x84\x85\xba+3\x1fa\xf1RR\x907\xcd\xac[\x9e\x9d\x9d]\x02\xb0\x99)h\x90\x92\xd9#\xd2\x8c\xdffpa\x85\x14s\x9b5v\xbb\x1a\'\x99\x8a\xc5\xcb\xd8\xca\xdd\xb0\x84\x92\xa4h\xa8\x15}\xcc\xda\xc3\xb0\x95R\x9b\xa7\xee\xd8oY\xab\xcc\x89{\xd4p+`\xf1\x10\x17`\x19\x10\x16\x04\x82\x10I\x17B\xde\xb3\x04\x1d\x16m\x10{9j\xa4\xc2\x0c!\xb7\x98#\x16sDv;\x8e\x93\xf2\x1e\x18\xc3\xc4:\x1fl\xedQ\xeb\xea|X\xeb\xb5\xb0\xcf4\x17\xc3=\xadu`\\\x8a\xac|\x85\xc2v8\xd6[\xd1|\xec\x9d\xe5=\xcb\x17\xa7\x90\xa3\x9f\xe9\xee^\xc1\xca\x10\n9\xe2r\x8e\xc9\xa7\xc6q\xb9\xbe\xbf\xe32k\x93Z\xda\xf8\xb0\x1eaA\x7f\xe5g)x\x88\x0b\xb0 O{\xa7\xa5\x10\xb2\xd6\xee\xeeH\xe4\x08\xa4\xfb\x90+\xb2\xb9B\xb45Y^n\x06\xdf\xa0F\x9dU\xd1\x95\xb7yX\x13r}\x9b@`\xe3\xf1\x80\x8c\'\x80\xb7|\xc8\x83ZP\xec\xba\xef0\xbbY\xda\xd9\xd9\x19\xe9fG \x0c\xe3\n\x85\x19\x10\xe0hM\x88\n\'\xf5\xad\x1d\x9bW\xf0\x936N\n\xe4\x0e\x07p\t,\xbc,\x01\xc2JM\xbd\x04\xa3\xd8\xd2\xb2\'\x93W\x03\xa1 \xa2\xea\x96J#RX\n\x85\xe2r\xad9J\x05c\x98tg=\xfb\xa4\xc5Xa\xb9\x05\xc75\x16\x03\xea,\x81\xc5\x02\xae"?53j]\x85\x99\xfbx5\x11\xc8\xcc\xba\xbb\x8fD 6\xe4\xd6B@V\xae\xb5\xe2v\\M"\x83?\x93\x8c,=)\xbf\xb5\x855Nj&lt;V\xe0\x12\x08\xa0\xaf\x04\x16\xc1\x81\x13\xf9h2\x02\xd6\x1e\xe0:\x07XG\x80K\xc2\x96H%\xfb%R\x93\xc7\x87\x93$\t\x96\xc5\xf4,&lt;\x1f\xd6\xaaJ|U\x8d\xbeZ\xb2\x18\x93\xafG\x85T\xe3\x13j"dU\xc7\xb8\xb2\xd0\xe1\x14\x92\xb2\xa4f"\x81\xc6\xbe\x9a\xce\xe2\xb9\xb9&amp;\xb0.\x88\x9da1\x94\xd0\xc8\xa8\xe4\xd0Hrbx\rk\xf5\x8c\xeei9\xf3\xda\x1e\xd7\x96\x84\xac\x91\xb5\x96%\xaeK\x1ec\x7f\x88a\x8d\x8e\xaa54\xe2:q\xe2\x04J\xd12SS.f\x16f\x9e\x03*1\x92\x98B\xfe#\x95\xa0\x0e\xd3\x00\x13\xc3 \xac\x89\xdb7\xaf\x9cI\x8b\xcb/\x90^&gt;\xfe\xa4\xb8\xf4v\xdd\xe3\xe3j\x0c\x16\xf6\xd4\x00\x07KTMD\xdf\x00KMxG\xd54\xadCX\x10D\xb7\x14\xc28\xf2R w\x05\x83\x17\xe7\xee\x8d\x8a_\x8bk\xc1\xba\x9aIF\xafg\x10\x17y\xfb[\x84\xc5\xda\x10Z\xad\xd5O\xae\xdfkKV\xd45&gt;\xac\x11\x88(\xafG\'\x12i\xc0\xb0\x8aZ\xdc\xee\x96\x03\xfbx;wJPbV\\\nL(\xe3\xc9\x15s\xa5\xcd&gt;\xb2\xa7\x87\xd130\x84\x80\x85lk\xf3\n\x01\xc3\x8cEg\xd0y&lt;:\x93\xccD[\xda\xea\x8a\x8a\xdcEm\x0e\x0b\x9b[\\\x0c\xf1\xbbX\x9c&gt;\'\xce\xad\x86`KY\xa0\xd5\x86\x98\xd6\x1e\xe8\xabF\x1co\xbc=\x9c&lt;V2\xc57a\x06\x17\x19l\x06\x83M\'\xa3d"\x8d\xa3\xae\xc8\xad\x97;\xecfq)\xf8s\xc8\xab\xc5\xe2\xdc\x12\xa5\xaa\xac\xac]i\x0c\x84zZ\x19k\xa3\x95 \xd48\x13\x9d\x89\x9bV\x08\x88\x85\x195A\xd7\xdb`A\x14Q\xc0ew\xc8\x19\xd2\xea3\xfb\xcb\xc1\x9f\x9b\xc5\x1c\xc8\xa8\xab\x95\xed\xaa2U\xbbR\xe9\x1ce\x18\xab\x99\xf0\xf6\x06|\x0e=`\r\xb2~\xb6\xdf\xc26L\xdf\x15\xbdx\x98\xb1R\xa2\x11\x9d\xc2f\xa0\t\x8a\x90\x99D\xeaP\x88 \xb4\xferst\x0c\xa3T\xed*\xf8iopz\xadV"\xe0lp\x96\x8b\x1cu=C\x0b\x97\x93\xc4Z;\xc9[K\xc8X+\xa7\xff[\xd6\x92%\xe4 \xb0\xb0\xde:j2\x99t\xb4\xc8CP\x88KFAw@\xd3\x9a\xcdZTGP\xcdG\xa5d\xa8\xb6\xad\xc1\x1b"\xfc\r\xc1\x7f\x1a\xb5\x80\xd5\xda\x0f\xbd\xb5\x16P%\xbe\xb6`O\xb9\xc6=\xe7\xc6\xcdpl]\xd6\xb4\xf2\x1b`\x85D\xda^h^\x8a\xf2z)\x0fmrB3\x06\x02~~I\xac\xa8\xad\x1d\t\xc9\xca\x82}*\xa3\xd6\xdf\xd0\x17l\xf0k\t\\\xef\xae\xe8\x00\x93\xc7\xd6\xc7[\xb1\xeb\xc6x\x0bK\xaan96\x13q\x82BT\xbd\x148\t\xcaK\xd0:\xbfR\xa5r*\xf9|et\xff\x88\xcfGX\x95}}A\x95\xdf\xe8\x0c\xf65\x94\x18\x8d^+\xe3\xaep]}\xf1\x11D\xde\xc0\xfc\xfc`Z\xda\xe5\xbf\xdf\x1c\xb6\x8ezQ_y\x89\x11\xb0/\x8a\xa2u#\xc6`\x1f\xd2\xae\x80\x99#0\xa5\xaa\xb22XU\xd5\xd7`\xec56\xa8\x94\x05\x05|02\xb2\xa8b\x08\xd5\xa5\xbfH&amp;\xec\xf8\xc0\xbd\xe5\xc6\x89\x0f\xae^\xfd\xe0\xc1\x83\x89(\x16E\x10\xb2\x91z\x9bMF\xe8t6\x99\x13a\xc0\xc8\xa1\xf9\xd7\xaeR\x95U\xf6U\x9d\xeas\x06z\x8dNeIz\x89\xd2\xe9\r\x91\xee\x8a\x9b7n\xc0\x1d\xae\x86\x07\x06_\x0c\\\xde\xe0\xfc\xd2\xd8\xc3\xd3w\xbe\x9e\x9c\xbc\xff\xbes\xc2\x1a\x02[\xa7\xc0k\x8d\xb0\xd9\x06\x8fG`S\x18d\xc6\xe0\xa9?WUV\x81I\xc1\xab\xac\xb2\xaa\xea\x02PQ\x01\x7fA\xc1\xde\xd2\x02\xbe\x91\xb2\xca\xdd\xfd7\x1f\xc0\r&amp;\'\xe7\xf6}8?\xf8L\xfb\xf2\xffg\xffh`\xe9\x87G\xa7\xdf\xbbu\xeb\xfe\xfd\xfb\xd9\xa7\xbc\x13V\x81\x8d&amp;\x90m\x89hZM\xc9PP\xaf#z\xc1\xb6U\x95\xa8\xdc\xb5\n]\x83\r\x01\x82\x08\x99L\xa5|ez\x86\xd1H\xe10\x13oN\xc2\r\xee\xdf\xbas\xfa\xd1\xcc\xf2\xbd\xc1\x95\xef?x\xcex\x8b\x9560\xfb\xfdw\xdf|\xfc\xd9o\xb2oA\xdb\xd6G\xc8q\xc5.\x05\xb8\xf8\x00\x85:\x8d\xa0\xc1\xb3\xa6\xd84\xa3^\xcad\xe2\x07\x83A\xe8\xac\x83e*\'\n\x95\xed\x1an\x89J\xc9\x11\x96k\x9b\x05\x07Z\xfb\x87\x11\xd6\xad\x97\xff\xf8\xd5\xe7w\x1f\x8d}?;\x90\xf7?\xb8\xa2\x07w\xab\xd2\xcf\xf8\xb7,\xc4\x8f\xedX\xc7\xe7g\x9f|\xf7\xf8\xee\xf4\xe9O\xb2\xb3\x81+\xfb\xa5`H\xeeP\x9c\x8da\xc9\xa0\xbbh\x8d\xc6B\xebx\x02\xcf\xa8\xc6"\xf2\x83\xa7P*\x95{w\x14p\xa4\xb4\xddno\x16+\x11\x96\x90\xcb\xe6\x1d`\x86\xbe\x9dDT\xbfx\xe3\xab\x7f_\xbb\x06`O\x96\xee\r\xe4a\tU\xdb\xeb\xb5\x10Q\xac\xd5\x8c1q\x87\x07\x0c\x1dA=\x9e\xfe\xf2\xce{\xdbv\xef\x060\x84E:\x0c\n\x83\x88\x00\x07*\x1b\x81\xe1\x83\x80P\xedQk\xecj\x9e\x85\xe8\rh\xb5\xe5F~:\xe4\xf8Rp\xff&gt;m)\x9f_\x00\xd9O\xb1\xd4\xd26&lt;t\xfbk\xc0\xda\xfa\xdaG\x9f}\xf11pMO?\x9aY\xba\x07\xb3;\xfe]\x11\x89\x92\x88x\xbc\x15\xffp\xf5\x7fXy\x00\xb5\xf4\xc3\xe3\xc7\xd7\xef&gt;\xac\xfa\xf4\x8d\xd7\xb6\xee\x86\x96\xbd{[\x90 5j\x9d\xce\xe3\x85!\xd4\x8al\x10J@@\xef!B\x9a\xac|\x18HBD\x9b\xfc\xce\xd2\x8cb\x8eVk\x12y\x02\xfe\xd2t\x0eX\xbc\xdfl\xc7\x99\x9e\x1b\xef\x03\xd6K\xbf\xfc\xc3G\x7f\xb9\xf3\xf0\xda7\xd7&gt;\xff\xf2\xe1\xf4\xbf\x9e\xcc\x82\xf9\xe7m\xd8\xcf\xfa\t_\x9aw|p\x1eL\xea\xf1\xf5\xeb\xd7\xa6+\xef\x9c\xfe\xdb\x17\x9f\xfezk\x14\xebW\x17`\x9d\xf3\xd0\xb0\x1cBtC\xd3\x06\x82\xf2hD\xb4\xe6\xbf\x8c\x9coh[\xd7\x19\xc6u\xff\xc2\xd5\x1f\xf4Mbe)\xaa\x0c"fH\xade\x98djaY\x8c\x12s\x89o\xbe\xc8\xb1)\xa9\xaa\xa0!\x10"\xd2\x17k\x18\xc7\x0c\x0c##\xc5\xd32\x04\n\x0cu\xc9\x88\xed\xd0\x84\xa0\x19F\x86Xc\xa1J\x8a\x1d5\x8d\xa2\xe0\xc4\xf5\x9c\xbaa\x99W\xec!\xe2\xdaY\xbal\xac{\xdese\'\x81\x16v"\xdd\x1b\xc9N\xee\xef&gt;\xcf\xf3\xbe\xe7\\Iv~x8\x1f\x88\xe4\xf3\x91\x88\xf6\xceX\xf2\xd8\xb1\xa3\xd3\xc9\xa8\x1aJ%3\xfdN\'\xe6\xc4dt\xf4\xc8OO\xfe\xd5\x8d\x921\x99{\xafvWk\xd9b\xb9\xd4.\xd6[[\xbbO\xfes\xe9\xab\xb3g\xff\x9f\x96q\xe8\xc7\xd7\x1e\xc2\xbc\xed\x12\x94\xca\xaeew\xf6Vv\x968+\xd3K\xbex\xf9\xf4G\xb7C\xb1\x90\x1a\x8f\x1d\x8e\xc5b\xea\x10\xfa\xd7\xa4\x96\xcf\x0f_\x18\r\x04FG\xf3CQ\xaf\xd7?2w&lt;\x99\x8c\xa6\xa2\xc9+s\xfd$Va\x18X\xb7/"\x9c=\x8a\xf9\xeaj\xbd\xb9Y\xddlVVV\xda{\x95\xe5\xad-*\xcc\xef|\xb1\xfe\xd5\x9f\x9e\xfe\xc3\xc3\x7f\xa1\xf6J\x10\xaa\x05\xa8zee~\x9eaa\xf4\xc83\xc9\xd3\xb7okS\xf1X\xbc\xd1hh\xa1\x94\x96B\xf2C\xb4\xf4\x9a\x9c\x8c\x8c\x8e\xaa\xc3\x85$\xda:r\xdf\xef\x8d&amp;\xfds#\xfe\xae1\xaf\xf7\xc2\xf9\xd1\x9f\x8f&gt;F\xcd\xb89\xa1\xf7Q}oo\xa7Y\xab\xad\xd6+m\x02+\x16\xb7\xbe\xf9\xfb_\x90\xffC\x86\xef]oa\x92A\xa2\x9eo\x97\x17\x8b[\xad\xb5\xb5\xa5\xe6N{\xbe\xb4X\\\xadq\x0e\xab\xd5\xe1\xb0\xca\x13\x99\xd3\xb7\x91\xa0\xf8\x94\x16j\x1c\xd6TU#\xa5Rj4\x04\xa8\xfc\xe8\xa4\xa6\x162#\xfd\x04\xe6\x87h\xfe~\xbf\xf3\x98\xdf\xdb\x17\x1d\xd6F3\x13\x9c\xfbn\x0fo\xbe\xfa\xa8\xde.\x95\xf6\xeaK\x00k\xee\x80\xac\xb4W\\^\xde\xd8\xfd\xf8\xcc\xc3kg_y\x91\xe6\x00\xeb\x10\xc5\xfcy\xb9\xdc\xael\xb4\xde\xf7T7WwV\xe6K\xe5bkmP09\xd8\xb0\x8e?\xfe\x08V\xa5\x1aS\xa1\xd4\xe1\x1f\xdc8I\x8e\x00\x00\t~IDATN5\xd4P,\xae\xa1e\x85\xb4_`\r:\x19\x9e\xfa\x89\x13=\xc1\xef\xf4\xfb\xfd\xc7\x80\xe5t\xfa\x93\xc9B_J\rM{Dk\x8f\x9bS\xcc\xbd\x8fV\x97\x17KOK\x95f\xad{p3\xbb\\\xdc[)!f\xcb[\x1bw\xe0%\x9a\xec\xc1\xabV\x06\xfd\xda\x8d\xa0\xfeKB\xa1\xf6&lt;\xd5\xeaR\x93\xec[\x01\xd4\x82\xdd&amp;(:\x96C\xba\xa8\xc6\xe3\xb0pJ\xd5\xc29\xf4\xafP,\x1c8\x7f9\xff\xf6\xa4:4\x8a~\xff\xa3\x81DW\x7f\xbf3\x18\x04S\x17\x16_\xfd\xf4\x13\xf2}\x8dTr\xc2\x8es\xea1\t\xbd\xbd\xbd\xdd\xd5\xecr\xb94\xdf\xdeYz\xd4\xcd\xc8 \xd9\xca\n\xecAa^\xbaF\x1f\x9fz\xf1{l\x00\xc5j\xef\x19R^\xabVk\xab\x08\xfa\xfc|\xa9\x82\x96e\x91\xed\xbc \x98\xa0\x97\xd5a\x12\'2Z\x9cLT\xe3\xb9t:\x9d\x0b\xa3\xc9\xab\xc3y_X\x1b\r\xf8\xc2\xa91\xef@"\x18|3x,s\xdc\xdfu\x14\xf3t\xb0/z!\x15\x9d\x9b\xb0\x8b\xf4\xcf!Vo\xaf`[\xa8e+\xa5yr\x12`\xddU\x90-\x96K\x08\xf3\xfa\xc6\xee\xb7\x7f#\xc5\xf6\xd7[\x14)\x06\xd5Z\xf3\x80\xa9\xce\xa0V\x8a\xcd5\x8f]\x149\x8e\x13\x15r\x11X\xbc}f,\x8e\x8b\xb1xj*\x9d\xcb\xe5\xe8\x9e\x0b\xa8!\xdfk.h\xa5\x15\xa6\xc7\x12\'N\x9c\x18\x08\x1e\x9d\x1bq\xfa3\xc9\xe0\xc0\x89D\xb4\xe0\x1d\xf1\x88&lt;o\xb2Z\x99X\x82\xcd\xc6\xdb\xabK\xf56\x0eP\xd9i.U\xbb\xbb\x17j\xa4YY\x07C\x93\xed\xbc\xe1x\xf6\xabK\xc89S\xcaS[Ze\xc57\xdf.6\xb3\x1e\xbb\xdd\xce\x81K\x12\x15\x1e\x99\x07\x96\xa2\x8c\xcf\xd1\x8a9\x16\n\xa7\xd3SZ&lt;\x0c2Wl\xd2\x17\xf6\xbd\x96\xc3\x02\'SH\xd0\x07\xe2\x82G\xd1\xea\x93#\xde\x13\xaf\xbf\x9e\x18\x9b\x1e\x99\x11\x15E1Y9&amp;\x96\xc2\xf3\xbch\x1b\xdcl\x16\xc9\x0e4\xaf\xe6R\xad:\x08\xc9Z\xcb\xe8\xfe\x04\xf6\xf1\x99s\xd7\xe8s\x12\xe7\xfe\xfd\xed\x93\xf5\xf5"\x9aT\x8d\xd5\x1e\xcec\x0fJ\x8d\x13\x90DX\x1c\xaf(\x84e\x05\x16\xef\xc9\xa4b\xb1\x00y\x18\x1f"+\xc3q\x08\x15{;\xfc\x83S\xa9\xe4\xf4X\xe3\x14\xbd\x8d\xe0\xecz\xb3\xcb\xefO\x0c\xbc\xf1F"yebA\x10\x04\xc5\xc4\x99\x08K\xe0E\x91\xb7a@0v\xfaL\xb3\xd5M$\xe7=\x90UhZ\xda\xb8s\xe6\xdco\xffh\xb8\xb3\x0b\xa8\xd6\xda&amp;J\xaf]\xa2S\xa8\xd4Wk\x0bv\xf8\'\x9a8p\x81\x8d\x87\\\x0e&amp;\x97 z\xa6\xd5\x88\x0f\xc1J\xc7\x87\x87C\xe1\xdcT,\xe0sE\x02\xa8\x00,\n\xb5\xf0[\xa7\xe8\x83\x96\x98\x9f\xfb\x82^ob\xa0kn\xdc&amp;\x98\xcd\x82\xc2\x9blDe#,\xc6\xc5\xc0\xda\x8c\xac\xb4\x82#\x12Y-\xbbU\\d^\xfe\xec\xd7\x86\xf5\x8dV\xab\xd5\xac\x17a/\x92G\xdfQ]\x00\x12S\x8a\x06g1\x1ae\xf4\x08\xb2\x91W\x04\xfbDf8BX\xe1&lt;\xb0\xd2q\xcd\xe5\xf3\xb9\x02\x01\xdfl\x1a\x01\xcbM5\x82}\x89\x84\xd3\x99H\x14\x10\xae\xe0\xaf&lt;\xa0!*\x9e\x17\xb0\x07\xcd\x01\x96\xcdN1\xc644?\xff\x14d\xed\xcar3\xbb\x89\x98m\xad/\x96\x9f={b\xd8(\xae\xc3\xd5\xf2\xf6\xf66\xfa/\xbe\xc2\x84\xe2M\x04Db\x89\x92\xd1h\xe4`CG.p=\x1e\xf2\x91^\xaeP&gt;\x9e\x0eD\\\xaeI\x17\xb6\xb3\xb3\xe9\xd9t.\xf6N\xa3\x91\x08\xf6{\x1b\xd1\xcc\xe3\xa4\xff\xb8G\x80FfE\xb1)\xb0\xd0Lt\xfbPDh_@\xa8\x9a\xf5J\xf9)\x8dR\x19\xad\x15S\xcb\x1a\xdc\\_4\x10\x11=S\x07\x93g\x9c\xd5\x9e\x08\x1a\x93\x89\xb00\xe4\x1eYF1*z1\x82\x0bm\x02,\x00s\xc5\xe2H\xbc+\xa0\x05\\\x91I\xdf\xec\xec\xac/\x1e\xeaKx\xbd\xdeio\xa3\xf083}\xc5C\xc5Gb)\x8a\xd0\xcb\xb0l\xfbT"a\x89:Y\xb6\x89\xbco3\xb4E"\xc3h\x19*\x95\xe2r\xb3\x99]\xf3@&amp;\xc9ba\xdeQW\xa0!\xc92fh\x8e\x93e^P:\xd5Hz\x9d\x8f\xc0\xb6t\x1a\xa2!\xf2\x81P\xcc\x85\xce\n\xfdb\xa9T_\xd0\xef\xf7&amp;\x1b\x8d\x02\xa8\xc6\xcd:\x95\xa2\xb0\xb8\xd3_\x80\x85;\xd8\xa8"9\xe2\xa2\x0c\x8f\xd7\xa8\x12+{\xe5\x12\xd0\xb6+Df\xc8"K\x0bv\x8b\xc5\x82n\xc0I2qq\x1c\xe3\xc2#\x197\x8e\xe7%\x89z\xaaU/GA\xd1\xb9\xe8\xad\x9f\xd9t\x00k\x07-\x10\x08\xa9\xbe\\\\\x1d\xeb\x0b\x8e\x15\xa2\xd1dC\x8bN\xbf?x@\xc5\xac\x14\xb0\x83`\x84ER\xd1\xc9\x83\x89\xa8D\x0bZ\xd1\x82g\x8d%\x1ea\x02Z\xd9@Hd\x96d1Z@\x04,\tw\x0c\x84J\xe2d\xd4!\x8f\x1e\xc1\x9bx\x85qQ\xf7\xe2\xed\x13\xd3\x11\xd4\xdf\x07\xe0\n\xb8\\Xt\x05\xb4T\xc0\xa5FS\x8d\xb1$\xb0\xd4x#9\xc3\xa8\x84\x03*\xc5\xb6\x9f3\xe8\xc4\xdbD\xe6\x87\xc4&lt;\xb1\x13\x01\xee\xe3\xe3@km\xac\x13\x9aAg\x92)H\x94%\x99\xbe\xdbb\x81{H:\xeb\xa5\x8a(q&amp;\xce*)\xa4\x17k\xf6\xc4\x95\x89\x04"\x14t\x17\xb0\x86T\r\x8b0\r\x8b\xbfh\xa1\xa0\xaa\x85P\xac0#\xea\n!W\xbaV&lt;\xb4B\xab\x10\xa8,M\xc8\x98\xd8\xc1"\x11$&amp;\x0c\xfc\x02\x9a\xe7\xbd\xb5lvk\xc3`4\xb2\'\xe1\x98Dh2\x01\xca\xd8\x1b{\x88\x8at\x02\x1b1+\xd4U\x1d\x98\x1eM(\x07p\xe5\x03G\x8e\xfcr\xf6\x03\xd0\xe1\xca\'\x1fQ\xd5|H\xbd|9\x8a\x8d\x9a\xbc\xb8\xc0 @%\x00\x87\xa9\xa4c\x99\xf5vA\\\xa4\x13n\xc4D\x04\x1c\xb0\xec\x16\xb7Qbh\xc0\x02\x17\xa3\x95\x99lFY\xd2u\xe3x\xd6\xe6\xf7783L"\xc4\xe4p\x10\xbfg\xfa\xc3\x9b7o\xbe\xfb.6\xb7\xee\xdf\xbf\xf5\xe1\xad\x07\'O&gt;\xb8\x7f\xff\xc1\xc9[\xf7\xcf_\\\x10t(^\xa71\x0b\xfb;\x1a0\xd2\xd6\xe1"\x07\xed\x12\xd5\x1a\xab7\x0b\xb0hc\xb1\x18\xe8\x01\x91!\xddH\x17\xfa\x81\x91\xa5\x0bm\x8f\xef\xf0\xb1\xa4\xc9\xc0\xefpaAh\xb5\xca\xc6/\xbf\xbew\xe3\xc6\xefq\x05\x7f\xe3\xde\xbd\xeb\xd7q\xbb\xce~{\xe0\xbd\xeb\x9f~naG\xe7q\n\x8a \x1c`\t\xc2KX&lt;\x1d\xa0\xc3\xd5\x19F\xb7E\x1f\xc01\xe8\x8e\xd1\xb0\xc8n7\x1e\x88@\xa0\xf03Ge\xa6\x1d\x92/Y\xdcn\xc9\xc4\xf3V\x9dK\xb6J\xc6/\xbe\xde\x87\xd1\xc7M\xb6\xfd\xf4\x93\xcf\x8d\n\x1d\x9b\xa8\xf8}\xac\x8e\xa7\x9d\xc1\xfa\xaa.\x96$\xe9L\x08\x16!P\xe1\xe1&amp;\x1b\x98?\xa4\x06\xf4\xa3\xe7YMR\xccd\xb9C\x05&lt;+j\x92V\xe3&lt;\x90L,nV\x88\xfb\xe5\'7\xff\xfcb\xfc\xa6C\xf5\x85\xd1\xb6\xaf\x95I\x0f\xba\xb9\xe3\xe0\xcbX"\xe3b\x1d\x9bV*pR\xf7\x8cl\xc4\xde@&gt;\x11\x84\xd1-\xcbF\x9d\x8b\xc1\xc8\xb2e\x9fJ\x1f\xf2\xdd\xbbF\xfc\x7f\xac\x12M\x9cC\xb2r\x96\x99\xdf=y\xfe\xfc\xc9\x8bqgw\xf7\x9b\x8b\xee\xef\xa3\xfa\x0e\xb5\x98)\xacM\xb2\xf9\x04I\x82)d\xa3A\xd7\x85\x14dX\xc6\x8e&gt;/\xa4\xd2\x1fa\x03\xb9$Br\xd0\x06-\xc3*\x0e.\xfd\xe3\xb3\xcf\xfe\x84?4\xfeIcg\xb5jSt\x071\x7f)\xd4P\xcd/\xa5\x9d\xb5\xb1\x97M\xec\xf4nB\x93p\xd5Gy\x07\x96\xd1m\xe0\xf4`Q\xb4d\xc6\xa63\xbc\xc2\xa4?e\xfc_\x15f\x8f\xe3 \x0cDa0\x06)v\x90;\xea\xb4\x14\x14hO\xb0\xf7\xcd\x01\xf6\x02\xbbJ\x15m\xba\xb4\xdb\xa7N\xbd\xef\xcd\x8f\x01\x0b%Q@\xf2\xc7\x9by3#\x93K\xb2\x1eM\rt\x</t>
        </is>
      </c>
      <c r="M147" s="3" t="n">
        <v>45492.67776620371</v>
      </c>
    </row>
    <row r="148">
      <c r="A148" t="n">
        <v>386212</v>
      </c>
      <c r="B148" t="n">
        <v>1955</v>
      </c>
      <c r="C148" t="inlineStr">
        <is>
          <t>Everaldo</t>
        </is>
      </c>
      <c r="D148" t="inlineStr">
        <is>
          <t>Everaldo</t>
        </is>
      </c>
      <c r="E148" t="inlineStr">
        <is>
          <t>CA</t>
        </is>
      </c>
      <c r="F148" t="inlineStr">
        <is>
          <t>ATA</t>
        </is>
      </c>
      <c r="G148" t="inlineStr">
        <is>
          <t>CA</t>
        </is>
      </c>
      <c r="H148" t="n">
        <v>181</v>
      </c>
      <c r="I148" t="n">
        <v>9</v>
      </c>
      <c r="J148" s="2" t="n">
        <v>33423</v>
      </c>
      <c r="K148" t="inlineStr">
        <is>
          <t>Right</t>
        </is>
      </c>
      <c r="L1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545b4cc-eb8f-4b44-a190-d2de51e1168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}\x1e\x92\x00\x00\x00\tpHYs\x00\x00\x0e\xc4\x00\x00\x0e\xc4\x01\x95+\x0e\x1b\x00\x00\x03\x00PLTE\xff\xff\xff\xfc\xfc\xfc\xf6\xf7\xfb\xf4\xf5\xfa\xef\xf0\xf8\xf1\xf2\xf8\x08\x06\x05\xff\xff\xfe\x04\x04\x02\x01\x01\x00\xea\xec\xf4\xfb\xfb\xfd\xf0\xf1\xf8\xf3\xf4\xf9\xfa\xfb\xfc\xee\xf0\xf6\xf7\xf8\xfc\xee\xef\xf7\xf8\xf9\xfc\xfd\xfe\xfd\xe2\xe4\xef\x0c\n\x08\x10\r\x0b\xe5\xe8\xf1\xf3\xf3\xf8\xe4\xe6\xf0\xec\xee\xf6\xed\xef\xf6\xf5\xf6\xfa\xf7\xf8\xfb?-#\xe9\xeb\xf4\x15\x11\r!\x18\x12\x1b\x12\x0e%\x1b\x16\xe7\xe9\xf3C0&amp;\xdf\xe2\xed]E:A*!U?4y[M\xe1\xb9\x9fK4*M7,\xe3\xba\xa3\xe3\xbd\xa7\xdd\xb8\xa0\xd6\xd9\xe62"\x19XB7\x15\r\n\xe5\xc0\xaa+ \x1a9%\x1b\xde\xe0\xecqWK,\x1b\x13R=3\xdf\xbc\xa4\xd9\xdc\xe8\xe9\xea\xf2\xe5\xbe\xa3N:0\xe8\xc6\xb3\x1d\x16\x11\x17\x15\x13&lt;)\x1fG3)\xd4\xd8\xe4\xc2\x92v\xec\xed\xf5;1*\xbe\x8ds\xba\x89o\x83eW\xbb\x8dy\xd1\xd4\xe1\xce\xa2\x883&amp;\x1f\xe6\xc1\xa7nQD\xd9\xb4\xa0\xe2\xc0\xa8iNB\xe3\xc3\xaf\xdc\xde\xea\xe1\xb6\xa0gJ?\xaa\x80k\xe7\xc4\xad|_P\x82aS\xc9\xcd\xdb\xd5\xab\x91\xc9\x9e\x87dG;\xcd\xa8\x93\x93qbaJ&gt;\xce\xd1\xdf\x9cr^\xe2\xc1\xacV9.\xc1\x99\x81\xd7\xaa\x8c\xdd\xaf\x9b\x96m[\xd5\xb0\x9d\xce\x9e\x83\xd2\xad\x98\xdf\xb6\x9c\xdd\xb4\x99tQD\xd8\xae\x956+%\xc7\x9c\x828)\x1fH80B4-\x88hYnK&gt;\xcf\xa5\x8c\xb6\x86l\x8dn`\xc6\x96z\xda\xb2\x9a%\x16\x102\x1d\x17\xc9\xa3\x8dkTII/%\xc6\x97~\x8aj\\\xd6\xa8\x94\x9fxd\xb0\x84p\xd9\xad\x99\x9ayk\xc0\x94z\x8adS\x8fkZ\xa5{f\xda\xab\x95\x1d\x1c\x19\xde\xb2\xa0\xb5\x88r\xc7\xcb\xd7\xc4\xc8\xd7\xbd\xc1\xcf\xa0}j\xcb\x9a\x7f\xd3\xa4\x87]?4\xc2\x9d\x8a\xdc\xb0\x93\xd5\xa5\x8e\xe9\xca\xb8\xa8\x83q\xb2\x82j\xdb\xb8\xa7\xb4\x8f}vXIyUG\x99udt]R}cW\xf5\xf6\xf6$"\x1f\xc1\xc5\xd2,% \xb6\xb9\xc7\xb0\xb5\xc4\xb7\x8cu\x93gT\xe0\xb6\xa6\xdd\xbd\xaa\xba\xbd\xcc\xef\xf0\xee\x81ZJ\x80[Q\xa1\x80q\xbe\x92}\x87^O\xd0\xa1\x8ecOD\xba\x96\x82\xd2\xa8\x8eQB9\xeb\xea\xeajml\xac|d\x9e\xa3\xb1\x97\x9b\xa9\xae\x89x\x92vkcC5\xe8\xda\xd0\xc9\x8f\x89\xad\xae\xab\xea\xd0\xc5\x90\x94\xa0_ca:95\xa4\xa8\xb5\xad\xb0\xbe\xe2\xbb\xae\xb5\xb7\xb4\xe1\xe2\xe1\xa5u_\xf3\xf3\xf2\xa7\xab\xbb\xc0\x90\x7f[I@\x9e\xa2\x9d\xc9\xaf\xa5\x86\x8b\x96\xa8\x86vv{u\xdc\xdc\xdd\xd1\xd3\xd2\x94\x8e\x88\xc6\xa4\x94.1-\xd9\xd7\xd8otz\x82lb\xa0rh\xc0\xc3\xbf\xe5\xe6\xe5\xc1\x84\x7f\xba\x99\x89\x9eiX\x92\x97\x93TWTBDA\x7f\x83\x8d\xe1\xc5\xb9KML\xa9\x8b~\x92_R\xc9\xcd\xc9}\x83\x82\xce\xc4\xc7\xb7}t\xdc\xcf\xc3eZQ\xa2\x95\x8e\xeb\xe3\xdc\xb9\xa0\x97\xabsk\xd4\xa1\x97\x91\x82{|L=\xcc\xbe\xb9\x7f\x0f\x83~\x00\x00 \x00IDATx\xda\xcc\x98_LZi\x1a\xc6\xcb\xcd\x11\xb3\x89\x17=9\xe7Nr\xe0\x84 ,$\x13$\x87\xa87\x86#1@\r\x06\xe2\x05D\x03\xfe\t\x91\th" X\xacm\xad\x0c\x8a\xa8=\xe3EQc\xaa\xadN%&amp;6\x13\xbb\xa3N\xb5\x9a\xcc\x98\x98\xc8\x05j\xb66\xb5\xb6\xcc\xcejv\xad\x89\xbbz\xd1\xabM\xf6\xfd\x0e\xda\xee\xfd\x82\x9d/\xc21\\\xfd\xf2\xbc\xcf\xfb\xbc\xefwn\xdc\xf8\xffN\x01^\x80\xe37p\xfe\x14\xe07\xfe(\x07\xa0p\x81\x00\xbf97W,\x00\xb0?\x06\x14/\xd2\xdc\xf1a\xfa\xfd\xfa\xfa\xc59pe\x85\x03\xda\xafJ%\xd8;~\xb7\xb5\x9d\xe2H\x8c\xa4\xd8\xb3\xdf^-\xcee\xcby\xa3\xa0\xe0\xabUO\xb0xt\xb2\x9d\xcapB8\x85\xf0!2\xa7\x1f\xd7O\xd2\xe9\xc3,\xdbWR\xaa\xf8\xf0"C`B\x8c\xa7\x82\xc3\xa3a\x18\xc9&amp;\xd7\x8f\xde\xbd;.\xfe*\\\x82\xc5\xad\xb3T\x92bY\x92\xc00\x1e\xeb\xea\x0816\x99:H\x9f\xcf\xe1_A\xaa\xe3\x93$\xcb\xb2\\29\x9fd)\x02d\xfaL\x85T\xc3\x08.u\xb2w\xdd\\\xf8\xdc\xd1z\x92\xa3\x00\x8a\x036\x96$\x89\xabJ\xfe\xaff\x07;\xd7h0\x08*(\xe0)0\xb1\xc0\x04,PBD\x84\xa1bb_\xb0\x84B\xf2\xf4h\xef\xda\xb2\x02\x17\x14o\x1dd(\x96\xa3\x08\x82\x04\x1e!\x85aDa!\xc1B-y\x93e\xfd\x8f\xa1V`/\x8a\xaf\xad%\x8b\xf6\xcf2$\xc5q\x04F\x00\x0e\xf0\x90\x1c\x89\xc4"0p\xff\xe7\xb6\xcc&gt;\xc8\x83\x1d\xc15`\x15@\x88\x1fe8\x96\xa0(\x16\x13\x92\x08\x8b\xd2\xb1I\xa2PHB\xd1H\x8a$\xf8\xbe\x14f\xb1\xe0A\x9cm]\x87\xf3q|\xe7\x8c X\x8c$9!\xc6\x01\x16\x06\xed\xc8\x11\x80T\x88Q\x10\x16\xac\x06\xe3\xcf\xa5bB\x88\xb1\xbf\xbd\xc2\xf3\xee+\xc1\xabm\x8c\xaf\x17\xc9B\xaf!,&gt;\xba\x08\x12\xc3\x90\xb7X\x0e\xf9Lx\x99\xfb|I\x85\xc46p\xe5\xd3\xf7x\xd1\xde\xce:\x89\xa2\\H\x90\x00B\x91\xbc\x1c@\x05\xa5\xa3X\xd0\x8c\x85_\t\xb0\x18qi3TI!v\x90\xd7d\x85d8|\xcf\t/\xb1@\x1bd%\xf8\'\xfb\xd0i0^4\n~\xd0\xf1\x1e\xc3\xb2T\xa0\xeaa~\xb1\xe6\xb6\xce \xa9 \xc3\x01@\xc3R\x1a\x8dD"\x113\x8c\x98\xd2\xe9\xc4\xb4N\xa3A\x83\x08\xe4B\nB\x86\xf1`|5\xb7\xf3i{\x01&gt;\xb7?\x8f!\xb1(\x89\x98\x96\xd0\x8cN\xac\xae\xd2+\xe5J\xa9H\xa4\xd4\x8b:\x99{\x12\x89\x86\x07\x83&gt;\x85"\x0b?\x1fr?\x7f1\x01b\x1d\xae\xb3h\xde\x91,\xc3\xcc3Z\xa9^Uj\xa9\xbfu\xab\xab\xa1\x1e\x8eEV\xa9\xd4W\xa9i1\x88\x08\xeb\x17\xf2\xdb\x17.\xee(o\\x\xd1\xabt\x06\xa4`9\xa8\xdb|\xad\xb4\xb1\xde\xd3\xef\xea\xb7O\xd9\xed\x1b\xfd###\xb3\xc3\r\n\xc5\xd3:Y\xab^\xdaY\x8e\xccE\x92_\xb2\x15\xdb^\xcc\x1b\x96`\xe7\x80\xc5\x08I2\xa9\xa3\xfd!\xf9S\x97\xdd\x04\xa7\xbb{jj\xaa\x1b\xbe76v].\x8fghy\xa6\xa3n\\\xa9\xd6\x91\x9f3\x1f}e\xce\xf3%\x17\xbew~\xc0\x92,\x95\x94\xd0\xb5"\xa0\x9a2e\xb1\x10\xd2\x14\xc2\xda\xd8\x052\x8f\xe7\xf9\xd0\x8b\x8eFU\t-\xa1&gt;obBa&amp;-\xc8Ot\x15\xe0{\xfbI\x92KB\xd71!\x99\xc2\xd5m\xac\xae6\x1aM&amp;\xf8tg\xd9\xd0\xd9u=\x7f\xfe|y\xe6\xf6\xa6\xaa\n\x04Cz\xf1\xa3\x1b\xaa\xf8*?r\xe1\x8b\'\x1c\xb4\x18%\x91\xd0Ur\xc5\x08@\xf5\xf4$\x12=\xd5p\x8c\xbcn\xa0\x19\xaa\xe4?\x01\x0b\xe4\x1a\x97j\xcb%W{\xd8\xa5\xe9\x0b\xf2\xd0\x86EG\x19\x08QVW\xcb\x88d\r#&amp;\xa0J\x98WcQs["\x11\xa96\x82p \x18\xfc\xed\x02\xd7\xd0\x8b\x99\x8e\xcd\xbe\x12-#\xd6`W\xed\xc8\x1d\x08\xf2\xb0\xe2\xe0\xf8\xcd\x13h{\x1d\xcd\xd4\x06\xe5/\xecP\xc1Db,6\xfdMt\xc5\xdc\x16\x08\x00#_P\xb0\x1a\xb2\x17/\x97\xaa\xafJ\xcd\xd0\xd4\x15\x16y\x91\x97\t\x84\x9f\'!\x1b\xc4\x80UZ\xdfo2V\xf7\xb4\x99\'}&gt;\x9f5\xb6\xd2\x06j\x01\x17\xc2\xea6uO\x8d\xec\xf2\xa6\xb7\xb5*K\xd4\xe5\x0c\xad\xe1\xed\x05\x99\x7fQ\x94\x17\xac}\x88H\x9d\x981\xe8\xcb\xfaG\x81*\xd1\x16\x9e\xbc;==m\x8d\x9a\xc3m\x91x\xcf\xa5\\\xa3S#\xfd\x08k\xe6\xf6\xb8\xaaD\xabV\xab\xc5Wi\x9fy\x97\x0f\xcf\xff\xe9=FPb\xda\x1fl\x19\x9e2\x19\xc1\xec\xe6U\x07\x8f\xe5]]5\x07"\x91H\x9c\xa7\x02\xb5\\\x90]/f,\x8d\xad}%U\xea\xdar*\xcb\x85\x9d\xa6s\x8f\x85\xe3\x8b\x1f\t2\x99dB\xf22\xd7\x14\x18\xab\xa7mr\xd5g\x9d\xb6Z\xbd\xedQ\xb3\xd9\t\\\xa0\x16D\xc5\xd4\x06oyP\xabq\\\xd5\'-\xe9T\x8b%\xd9X\xfd\xf8N\x90\x07\xc7\xa7!\xb3\xfc\x80U\xfa\x14\xb2!\x92HL:\xa21\xab\xd7j\x8d9\xa2\xe6D$\xce\xa7\x84\x11\x12\x1f\xa8\xfe\xbd\xbc\x8c\xb06\xe5*e_\x89ZLe\xb12\xc7y\xc0\x12\xecs,G3L\xa8\xa2\xden\xecik\x1b[u\xf8bw\xef\xc6\xf8\x84\x88\xf4\xc4A\xa9K\xb5 O\x87\x96\x97g,\xb7m\x9b\xad*\xbdTKk\xb2C\x9bJ\xe7!\x1f\x04\'\xb0\xb2\'\xfd\xb5AY\xd7\x80\x11u\xa1\xc3\xe7s8&amp;\x1d\x93+f\xe0\x02,\x13\x9f\xfa\x90\xa9\xbb(\xe6\xc1[\x16TFi\x89\x16\x8dm\x94^\xd8\xc5M&lt;/j1\xf3\xf3\xfe\xa0\xcd3jDv\x07(G\xf4\xe1\xc3ht2l\x86N\x840\xad\x89W#\xb9 \x1f\x10V\x07\xc2\x02\xd7k\xcb\xefix,\xe1\xe9q\xce\xb1\nn\xbe\xd7\xb1@e\xd0[fM\xd5\x89\xf0\xaa#\xe6\xf3\xc5\xa0\x8awc\x00\xb6\xd2\x86\xb0\xe2\xa8\x1b\x17F\xed\x10\xa7CC\rO-\x8d\x9b&lt;\x96\x9a\x96dG6\x99\xce\xf5M\x03/*&gt;Ir~\xc6\x1fTul@:\xf0I\x1a\x8d\xdd\xb5Z\xad\xdf\xc7b\xbeh8\xb0\xd4]\x13\x81~\\\xaa\x19\x1d\x80\x84\xf0\x0c\x0f7Xl\x8d\xe3r=`\xdd\xd7e\xef\x8e\xc2\x8b\\\x8f\x1f\xb8\xe0\x9f\xf8i\xff\xbcAZ:\x04\xd301\x065\x04\xb5\xac\xdfCpy\xbd\xed\xde\xf6\x15g\x8d\xc9\xbd\xd2\xebFX\xf6\x91\xfe\xfe\xd9\xe6.E]c\xa3\\%\xedT\xab\xcb/\'cj\'\xe7\xcb\xcd\xdc67o0\x18\xa4\x16\x17\x8c\xe5\xc0\x18\x18\xcb\xd7\x0e\xf10\xfd\xe3\x8fV\x1e\xab\xc9\xb9\x14hr\xfeu\xa9f`\xc0\xfe\xf8Q\xff\xec\xf0-\x85\xc5&amp;\x93\x95*\x01\xeb\xbe\x8e\xbf\x04\t\xa9\xad\x9c\x0f\xeb\xbd\x8f\xc9yC(XY?Z]\x1d\x0f\x84WW\xa3\xed\xed^\xaf\x17\xb0\xbc\xedMMM\xed\xde\xde%w\xaf\x13ie\x7fl\x7f4{\xa7\xbe\xacNV\t\xbb~\x05`\xa9i2;\x18\x0fr\x9e\xf3\xc5\xdb`\xf8PP5lDXm\xe1\xb0sb\xe2\xc3\x87\x0fo\xde\xbci\xfa\xd0\xdb\xdb\xe4\x9dv\xd6,\xf5\xba\x17\xec\xb3\x9e\xe6\xe6\xaeg?\xfc\\\x11\x0c\x8aji1#\xaa\x02,\x86\xdf#\n\x85\xa79_\xe8\xe7\xb6\xa1\r\r~\xb9\x1d\x96\x85x\xc4\xdc\xfb\xf2\xf1O\xbf\xfe48\xf8\xf6\xed\xe0\xafo\x7fy\xf2\xb2\xa9)0Z3\xb1d\xf74\xc0%#\x04&lt;\x12\rl\x8c\x94\x86\xd4\x88\xd5h^g\xab\x98&lt;\xcfu\x15\xe7\xd6\xe7\xfd)Cg\x9d\tv\xd2\xb8\xfb\xe5`\xd7\xb3g\x0f&gt;\xbd~]\xbaVZZ6\xfb\xe8\x97\tPj)P\xe3R\xd4\xc9T"5\r{\xbc\x86\xd21\xe8b\xcbs\xd1Y\xb5`\xe7\xca\xf5\xf5\xe2#\x88e\xe8T\xc0&lt;\x8c/&lt;\xaa\x7f\xf0\xe0\xe75C\xc8\xe0\x07\xe7(e\xf5\x83\xf6\x85%\xf7\x92\xd39:l+UI\xab:\xb5\xdaN\x91\xb2B\xd6\xd2\xd2\xb2\xd6)\xa6h\xe8E\x82_\x9d\x89\xf5\xbd\x1cc\xed\x9c\xce\x1b\xfc~\xd1\xb0\xb1\'\x12\x07*E\xd7w\xb7\x9e),\x8d\x8d\xb6\xcd\xdb\x8a\xa1Y\xfbBM \x1cv\xdb\xff2\xaeR\xb6\xca\xea\x14\xb7\x86\x9b\x9b\xeft5(\xca\xca^\xfbi\x90\x8b!\xb3X\xb9\xbe-\xe2\xe7)\xc8\x07\xbf~\x16\xb0\x16\xba\xea\xbf\xfb\xd7\x07t\xfe\xf1\xe4q\xbf\xc7\xe3\xb2\x8f\xc6\xdd\x0e\xab7\xbc\xe0\xb1\xb4\xf6U\xda\x14]\x83\xe0\xba\xd9;]\xf5u\xb6\x96R}m9s\x85E\x1e\xe4\xfa]D:\x0554\x04G\xaa{\xe2\x8fg\xdfN@$X\xbd\x13o\xeft\xd867\x97\x07\xe2\x91\xd5?\x7f\xe3\x88\x8c,\xc3\xbd\x02\x96\x19\xd9\x83\xb5Z\x86\xe9\x94\xb7\xc8\xe4\xa5\xf2J\x91Z\xadUk\xb2X\'\xb9]\x9cq|+e\x00s\xad\x01\x96\xfb\xc9\x93\x97\x13M\xeda\xf7\xa3\x1f\x82\xb5bF/\xdf\xec\xb0\x9b\xbf}\xe8\x0b\xd7\xb8:ZK\xaa\xee\xdd\xab\xb0\xad\x9f\x9d\x91,K\xd7VVT\xea+\xe4R\xd8\x9d%\xd9\x17p9~C\xc2c\x85\x0c!\x1e\xcb\xfd\xd2=\xe1t/4\xbf\xf6\x9f\xa6\xc8d\xc8\xd6\xf1b\xd8=6\xe6p\x8ez\x1a\xfb\xb4\xe5\x9a\xfb%\xbf\xef\x9f\x9db\x99TH].R\x89\xf4\x950\x7f\xb4b\xb46\x83\xe5\x7f\xcb)\x17,\xa7\xa9\x14`U\xd8\xe3\x01\xa7\xb3\xb7\xd7\x19X\x98Q~:;\xcd\x10\x99\xe0\x0f\r\x7f\x1fu\x9b\xc7\xc2\x91\x81\xe1qXc\xca\xef+\x7f\xff\xcf\xa75\xc3\xda\xda\x7fi5\xbf\x9f4\xb34\x8e\x8f7e\xaezc\xe4\x92\xf0#\x84\x17|Q\x02\x08\x01L\x16X\x88\xb1\xc5\xe8\xd2\xc5\x08\x95(b\x14}\x15\x14+Uv\xa8\xa0(\x02\x830x1\x8a\xa5n)B7M,\x8d\x82Rk\xb3\x89\xbfj\xb2\tI\x1b]\xe3\xec\xd8l\xb4\xdbvgbt\x12\xad\xb6\x1d\xbb\x0f4\xfb\x1f\xe0\xb9\xe0\x82\xabO\x9e\xe7y\xbf\xe7\xfb=\xe74\xd3\xf9B\x19*\xa6\xd1P\x8b\x85\x92;\x7f\xe2\n?\xe4\xf7\x1c\xb5\xf0\x05\x0c|_%\xc7_\xd1\xfb\xacg\xc0\xf4\xec\xbb\x8b5\xf5\xea\xfe\xf6\xed\xca\xe5\xed\x07\x8a\x95\x85;\xc6\xc9\xea\n\x8d\xcf\x80\xf0\xf9|\xa7\xca\x96\xda\xf5*\x94V\x95\x8eN\x95\xf1\x9d\x06\xfaW\xac+x\xae\x9d-z\x93OA\xc5A\xb5\xfa\xfa*sX\r=\xed\xbd\xd7\xfe&gt;&gt;\x1e\x89\x1c\x1d\xa5l\x90&amp;\xc64\xdfg\xb1\x865\x8b\x80\x850\rj\xc5\xcc\xb4[3:\xa6\x10\xd0\x11*\xaaR0D\x16\x0b\xef\xca\xb7\\\xb2\x9d\xcd\xa7\x9e\xe5q\xe8q\x05\xebG\x9c\xdb\xb7\xa1\x89\xa3\x15\xc6\xf6\x9e\x9e\xea\xc6\x86\x81N\x93\xc9\xd4\xd46\xeeo\x19\xd5\xccV\xdc\x99\x0cO\x0e\xbb\xb3X\xce53\xc3\xa7oi\x81Tf6\xc8\xe9*F\xbdB\xab"X\xd8EW\x80J\xe6p\xec\xe5\x0f\x0b\xa8\x1a+\xfc\x0cNe\xa5\x18\xb0\xeevw\xf7\xf4t\xde\x00\x9b\xd54\xd8\xd6V5[5l\x84\xc4\x11N\x0f\xff\x15\x9a(CB\xe6\xf9\x16\x8d\xc6\x0f^\x10\xbcM\xbdB?\xa6x@#\xf0\xd9EEB&gt;\x82\x08\x85\xbf\xe7\xb1Z\x0f;\'\xc2\xae\x05\x05\xb5R\xe4\xaf\xa8\xbe\xdb\xc5b\xb1\x9e\xe4\x12bcoocu8\x1c6N~\xc5\n\x01\x96\xc1\x1a\xedp\x8f\xcfB\x17\x01L\xcb\xa8\xef\x87^Z@\xb8\x8a\xd8\x08\x95 \x14\xee]\xcd\x97\x13\xc4\xe1\x9e7\xbe\xff\x14v\xf5\xd2*\xc5\xfe\xef\x8dw\xbb\xca\xcbk[\x9f\x00\x98\t|3\xac@\x18\xa8\\\xe1a\xb7O\xe7D\x10t\xcd\xec\xf3\xcf\x82\x1d\x04\x8f::\xc6P\r\xc5\x86\xe8\x16\x0b\x9f\x88\xe7#\x04Y\x16+\x7fM&lt;\xdfx\xb9\xe1r5\xe8\xfb\xc4\x9aa\xe3\xdd\xe2\xe2\xd2?\xb7\xb6\x96&amp;X\xf7\x83A\x88\x18\x03\x81\xf6p\xbb+\x10\x06\xdd\xb2\xa2\x08\x02\xe5\xf2\x8d\x8e/\x80{\xd6\xf8[\xc09\xd3h41\xc1b\x91\xe6\xb0\x1cy\xc4\xc2\xe1\xe6\\\x9f=\x98\'P\xc5\xe1h&amp;\x8c\xdd\xdd%\xa5e\xad\xb5\xad\t\xcc\x83\x05\x02\x01\x0fv\xb7\xbd\xc1\x83a\x81tU\x87\n\xaa%s*}\xa3\xee\xd9\xaa*p\xaa\xa3cQ5M\x04\x19\x96 \xa3\xe0\xf9\x049\x81\xef\xc8\xa3\xce\xe3^\xddH\x04\xb1\xb2\x9eI\xc6\xf6\xf4Du\x17T\x0bV\x02\xfe\n\x06&lt;\x01\xac\xae\xbb\xbd\x07\xabK\x04][/\xcd("\x16#\x06\xad\xdf\rTP/\xff\x18C\xcd\x11\x01\x15\x81\xc0\xc3\x0b\x1d\x16\x02\xc2\xcf\xa3\x9d\xc7=L\xd4\x05\x03\x92\xb2\xf6\xd1\xe5i\xe3_\xba\x8a\xcbKK\xeaJrd\x89`\x10\x8a\xe5\xf2`\xc1`"\xd8\xe8\xf6\x85Pz3\xc7\x19\xf2i\x16\xb6\xb6\xb6\xa0\x8d\x1d\xf3j\xba\xf8+\x16Wh\x17:\xf8\xec|\xee\x8aW\x13uX@r\xaf\xc1M\x9b\xae~\xd6\x05\xc5\x826J$\xb5\x99\xda\x0c\x16\x9e0f\xa9\xb0\xba\xcc\xa1\xab\xaaC\x8d\xa245\x131,\xba\xb3X\xb3\x9a\x96E%\x07\xcda\x91\xc8l\xbb\xdd\xee\xe0\xff\x9eO\xdd:\xc4\xc2\x9e\xb2\xb2\x06ws\xaa\xba\xa1\x9bURRvSros\xf30\xe32^\xbb\x9e\xc6\xb0D&amp;Q\xbbyh\x02,&amp;\x93\xae6 \x0e$\xaa\xa9\x02.\xb7\x7f\xec\x01\r\xb0\xa8\x04\x0b\x99$cs\xc9BY&gt;u\xabp=`\xf4HZ\xc3\xbd\x82\x99\xea\x86\x01V\x1d\xd4jss}3\xe3\x9a\xb8\xfe\xf2\x9a+\x98H&lt;\x81\xc4\xd8\xd9\xa8\x89\x8aQ\x11\x87\x06X\xc2\x1c\x17tq&amp;\xa9cR\xb3XD\n\xc2\xe6r\x85\x84\xbcn&gt;s\x981!\xc1z\xba\x15#\xb0\xed\x0c\x94\x94e\xee\xe5\xa8\x86O\xde\xbf\x1cN\xc3Gjj2\x99\x06\x17:\xb2\x95\x913Q\xbeC(D\xe6\xdd\xd9,{\xa0U\x89\x01\x8bj!\xdb\x11\n\x97k\xa7\xbe\xc8\xe7N\xfd01\x99\x91`\xc5%\xb6xo\xc3@\xf7\xd7je\xa9\x8e/\xc6]\xae\xc6\xad\x0es\xd4\xb645\xad\x05\'c\'\xb3\xf9\x0eX|\x83o\x1c\x86k\xa6_)\x92\xcb\xb3X$\x19\x19\xaa%\xceg$\x83\xe1j\xcf\x94`]%\xa3\xf16\xa8V\x16K\x92\xf1L|w|q\xe0\xc2\xb0\xe1\x0e\x83a\xd1;\x9d\xd2\xaa\tl;\x89\x0c\x8e\xcb\xe1\x90!hh\xcc=\x0e&gt;BI\xcf\xce\xbc\x85\x08XB6\xf2\xf4?\xf9\xbc3\xc0mb\xa5\x81p\xe0O\xb3\x82\x85\x86\x9e\x01P\x87L&amp;\x98\xbe~l=n\nb\x01\xd7\xd6\x01$\xc5\xc8\x8c\x92Y\x03}\x02\xffBq\x08\xd9|\xd4\xb0\xd6\xef\xce\xce&lt;\x07\xe4\xd4\xf2\x88K\xa2\xf2\xa9r\xf9OW\xf3\x89Ux\x8e%\xc2w\xd2\x92AA$[\xad:P,\xd7\xd6\xe3\xb5\x8b%\xd3`\xba\xb1j\xd7k\x13\x08l6\xc6S\x11[J\xc6\xe3\xf1@&amp;\x14\xb2\xa9\x86P\x07(\x17\x83\xc3D\xa9\x04\x1e\x91KeB\xd9\xf2{8\x82{u?\x88\x19\'[M\x82\x15\xd3\rV]]]\xb0\xb3\xb7%\xb4\x96\x8ax\xc1X\xf5\xc7i\xe2\xbe&gt;\xce\xb6\x98C\x93\xf1(Dn\x11\x1eO&amp;I\xed\x0e\x19u\xcd=\xeb\xd7\xd2\xc4\xb7\t\x16\n\x11oa2\x99\xdb\xf9}uSXp\x18\xc0\xcaKJ\xaac\xde\xa6,\x16\x8ber\xaf\x19lz\xb3R\xa9\xd65\x8b\xe4\x84[l\x02\xc1"\xa7\x13x\xbc\x1anv\x01V\r\x8c\xd2\xd8\xc2\xec\x180\xdfzD!\x16Y\xc4"\xd1\xde\xc3\xfc^G\xe1\xce\x83X\xad\xe4\xa6\'\xb6\xfa\xce\xc4b\r\x04Y\xd5\x8f\r\xf5Z\x1dG\xad\xa33QT\x8e\xf6\xdd"\x10dru\x88\xef\xe0\x93\xc9\\\x12\x99D&amp;S@\xd5CU\x0b\xfa\xe6\xbe\xca\x1a\n\x89\x8b\xb7\x88\xc5\x1f\xfe\x95\xefG\x8d\x05\x87\xac\xda\x9b\x92\xd2\xd8\xfe\xd1\xeb\x81b0\x82[Ve}3]\xa4{\xa0^3\x18\xe84\xba\xcc\xe94\x98\x17\x93!\'\xe2`\xb3A\xb7\xecd)\xcfN\xe6G\xda\xf4\x9c\xca[&lt;\x8a\x94\x88\x971\xb7\xdf\xe4\xff\xa8\xf9\xf9\xfd\xd6,V,\xb5\x04\xd3\xd5U&lt;|\xc1P\x19d\xa8R\xdb?\x1f5/\x8eh\xd5\xd6\xe4\xe2\xf1\xf1\xe2\xbc9\x84:\x11P.\x99\xd0n\xe7I\x85\xa9\xa9\xfe\xdb55Y*\xe2r\xecM\xfe\xef\x0b\xc0\xcf\x97\xffA"\x89\x0f\x8d\xec.5\x99zn4\xceGUL\x993\xba\xb88\x7f\xfc\xfe\xe0\xd3\xc9\xc1\xc1\xa7\xf7\xc7\xf3\x17Q\xab\x01E\x11\x07\x08\'DFH\x16#G\x0c\xea#\n\xb4\x14\xff\xc3\xde\xa5\\E}su\xb3\xfc\xa6d\xffil5\x15i\x9bj\x1a\xf4\th\x08\xdf\xb0\xe6t\x84R;\xafwv\x96v^\xaf\x8c\x1e\xa5\xe2\x82\x18\xed\x03\xa7\xa6\xe8[;\xa23\xa8\xe8\x84\x11\xaf\xb2\x86\xc2\x93\x92\xa5\xc4\x7f\\\xd2\xd37\xdc\xd5\xf5V\xd6\xear,\xbe\x9a\x9a\x9e\x8e\xbc\xb6)\xd5\xa8!\x89:\x99g\xa7\xeb\xeb\xe7\xcfO\xe7\xd6O\xbf\x9c~9;\xdb\xdb_\xdd\xae\xe1:\x9c\xea\xa8\xb6^\x84\xda\x14"\x1e\x85B\x96J\x89\xbf\xcc\x15\\\xd2\x1b^\xdc\xab\xf3\xbd\xe5\xa1\x98\xc2f\xd3\xa7\x8eFt4\xe7\x83\xc8L2\xf9\xe2\xdf\x80u\xbe~\xbe~zz\xfa\xe5\xe3\xd9Y,&amp;G\x0c\xa1d\x92\xa1\x100E\xf1!\x02\x05z(%\x11/\xe5N\xf8\xff\xae\xfe\xe7_\x9b\x05q\x9bb\x7f\xd5\xeb\xd5\xd1\xe9\xde\xad\xc6\x93O\'SMM;;S_vv&gt;\xee|L\x8d\xf4\x9b\xd5!\xab9\x9aLj\xb5C\x82~\x01\x9dG\xa2\x90\xa4$\x12\xf1\x9f\x97\xf8\xca\xa6p\xee\x03\xedi\\o\xdb\xb7M\xef2\x9a\x05\xde\xb6tz\xe3-\xac\xdc\x0f\xac\x93O\x07\x8f\x17\xcdV\xab\xd9\xaa\xd4\xfa\xb4\xea\x91\xa38J!Q\xa4@\xf6\xb7\xdf.\x13\xab\xe0\xbf\xa2\xa1z\xbd-\xbe\xffcd5^\xbf;\x98\xf6x&gt;\xa776&gt;\x7f\xde\xc8\xad\x93\x13\xf8\x1e\x93\xd1\xa8J\xa7\xf4i\xb5\xeaz\xefP\x1f`\x91I\x94?\xfe2\xf7\xcd%\xae\xc2\x9f+\x9f*V\x15C\xa0\xf6\x11\xaf7\x92v\xe5\xc2E"\x93\xf9\xfc6\x8b\xf5\x16\xb8\x0e\xc6\x92f\x95\xce\xec\xabW\xd2\x18q\x0e\xf4PJ&amp;\x91~xQp\xa9X\xaf~Z\x8e\xaf\xda\x14\n\xfd\xbbw?N/5A\xba\x00\xa6\xc3\xcd\xcd\xce\x1c\xd5\xdb\xb7`e\xb4\x0c\x95Z\x17\xf51\xd4\xb4f\x8e\\\x9a\xc3\x92\xfez\xc9\xef\x03\x0b\x7f[\x8e\xed\xdb\xfa\xf5\xab++\xbb\xbb\x91)\xc8\x89\x89\xcc\xfd\xc3\xc3\xfbS\x91\x95\xe9\x83\x0e\xbdwf\x84\xa1T\xa9\xd5Vm6P7\xcby\\)I\n\xf2\xf0?\xde\xcd?\xa6\xe9\xfc\x8c\xe3\x07JH8\xf9!E\x88B+PJm+-\xdak\xcdw\x05\xf9\xe2Q\x0e\xb2\x1e\x96\xd2\xa2\x1d-\xa6?\xb4\xd2\t\xb4\xc0\xd1\x16\xaf\x9a\xd0\xa4\xe7]Oo3`\x05\x1a\x88\x14(\xe3\xc7]\xd0\x95K\xcai\xd7\xa2\x8e\x95\xc10"\x06\'.\xe0\x8f\x98\xf3\xd8%\xd3\xa9\xdb\xb2d\xcf\xa7e\xfbw\xbb\x9b_\x1fZ\xfa\xef+\xef\xe7y\xde\xdf\xe7\xf3\xfd|&gt;\x04\xf6\xe1\xc6\xfc\xec\xc7m\x98\x1dai\x06\xa7\x9f~\x029\xfc\xc3\xf9\xfa\x9e\xfeGv\xafW$\xefV\xd9$*\x95\xea\x86\x1c\xdc\x81\xce\xc5qqv&amp;j\xc3\xec_=&amp;\xfaTl\xec\x82\x99k\xb38\xac\x0e\x87\xd5nu\xf6\xa8?\x83\x05\xf5\x9dcJ\xaf\x9c.\xc3d\xe0\xae\xdd*\x95\\%gz\xe8\xbbK\xc4\xe2\xacL\x98%\xa8`Z\x84\x16|8^JL\xb6!\rX\x97\xd5b\xb1|\n\\\xe7\x7f\xfe\xe5\t\xa8r\xb0\xf56y\xf7\xf1\xee6\xc9@\x93\x9b\xa9\x05*4\x13B\x06\xa9\x07~\xb9\x12E4\x15\xe9e\x1f\xdd\x87)&lt;\xd8C\x91\x07s\xf7}\xfd\xf5\xc1_|\xf2\xdb\x7f\x9c8g\xf1*\xcfz\x07$\xdd\xc7o4)\x95"\x0c\xa7\xb4\x8e\xf2\xb3\xde\x83\x1c\xc2\xf8\xf0{\xc2\x0f\xc4\xc2R\xf6\xe4 }i\xc8c\xb3a\x12\x99\xd6q\xaf\xef\x8b\x0f\x1b\xee\xfc\xf5\x98\x97\xe9e\x0e0\xdb\xda\xc0\xfb\xbbUZ-\x9d&amp;FC\x16\xaa\xac\x03\x99T\xdf\xed\xb7\x80\xa5\xff\xc8\x8d\xdbD\x98\xcd6\xa4\xa5\x0fi\x06\xcf|\xfa\xe1\x9d\xe9G\xca\x81\x01\x89\xc4\xeb\x95\xdc\xe8F/\x8eZ\xc5{\x81*;\x15\xb0\xb2S\xb3J^\x11\x7f\xd1 \xea\xa6^\x7f\x8cA\xc7l\xbe%\xdf\xd2\x12\xa4\xd3\xa1y4\xd97iWz\x99J/T&gt;\x17\xdfM\x13\xff\x84\nP\xd9\x99H\xaa\xcc\xacV\xca+\xe2\xd5\x8a\xbd\xa9w}.c\xd80-\x1d\xb0\xe8\x0c\xad\x02S:\x1eMj\x9a\xda0\x9b\xdb\xeb\x96sM\x90?\x98\x182\xdf\x03"jf6\xb5\x84\xf66\xb0H\xbf\xd3\xbb\xf4_\xc8eL\xcc\xc7\x15\x98\xae\x9a\xb8Kr\x99\xc8z\xdd\x8e\xa9\xb8Z\x1bx\x04Nkm\xe5gg\xa5\xa2#\xc40h\xb5\xd2h\x14\x84E\xf4\x15\x83\xd8\x97].\xe37\xc7$\n\x85\xc2w\x15\xb0h&amp;\x9c\x8e)\x860\x9bL \xc0\xb9\\\x81p/?\x8b\x9f\x95\xb9-3\x93\nAAo\x91(\xbe+\x84_1\x88\xfds\x97\xcb\xc0:\xf23;&amp;\x12-\x01\x96\xc9L\xcb\xc3\xe9&gt;-,\x07M4\x9a\x90&amp;\x16\xf3a=\xb6\r\x9d@\xa3\x8ai\xe8\xbd)\xa5d\xe9\x1a\xf1jU\x03\x16\x9b\xd5\xdco\xb1j&lt;f\xb3\xd9T^n2\x0b\xb8&amp;\xb3\xb9\xdcl\xa2P\xc4\xe2Qjv\xea\xfb\x80%\x16\xb7\x9a\xf0&lt;!\x05a]!\xbe\xb6&amp;\xf4.C\x11\xcb\xe0\x9a\xea\xbb\xa7\xa1\x9b\xc5bq\xb9\xb9\x05\xe8Z\xc4\xe2\x16\xf8\xa3\xb6@\xb9\xa7\xa6n\xcb\x1e-\xa7\xe0\x02\x1c\x9d\xc2\xdeE\xb9\xfa\x84\xf0\x1c&amp;\xd4\xeb]\xac\xa2"\x16\xab\xb9}\xea\x9e]K\xd9\xcb\x1f5\x8b\xd1\xf6:\x95:J\xe5\xb7@\xf3A\x0f\xa6\x1e\xe0\x9bi&amp;\x06z\x9d[\x02\x81\x13\x8f5|\xa4\xcb\xc5\xaa\xac\x04\xbdN7\xb6\xf7L{L-|(\'\xf8\xc2\x00C\xa5\x86\xad!\xf3\xfd\xacQ3\x8e\x0b\x18\xf8n!\x05a\x99\xee\x13\x8eu\xfb\x1b\xbd\x8b\x1d\xc1:\xdd\xd8\xd8\xfet\xd2&amp;l\x15\xb7\xa2#\x0f`\x07Y\xe0\x9f\xd9\x07\xa8|\x04\xc5\x85\xceD\x1b\x05%%\x14\xe1*\xc1X\xb1\xb1WN\xea\xc3j\x01\x97\xe1t\xbdZ\xdd&gt;5\xe9\xa1SZ\xc5-|Xxe\x81\'\xf0[\xcc&amp;.\x04C \xc8\x03\xaa}\xfb\x00k\x85h\x83\x88\xbdvRo\x04\xb5\xd8\xa8\xbc\n\xaa\xea\xab\xc2\x8aY0\x1b\xd7lni\xa1\x98L&amp;\x01R\x8a\xcb\xbd*\xc0\xf3\x909\xec+\xd9\xb5K\xf8\x17\xc2\xef \xfd\xed`\x18\xab\xa8\xa8\xa8\x92S\x90_\x95\x9f\x9f_\xd5\xd8^w\xcfiW`2\xadV\xcb\x00*\x9c\xc1`@\n#\xe6\x80\x92H{\xfcV\xb0XEa\xac"\x8e4?\xbf\x00\xd8\xaa\x1a{\xea\xfa\xfb\x06\xadJ\xb7DK\x07&amp;P\x8b\x81G6U\x00\x8cB\xa1-\x10\x9dC\xd2\xcd\x06\xbd\x01aA\x169R\x9e\xb4@\xaa\x93\x02Y}\xbd\xba\xbd\xae\x7f2|l\x0b\xa4\x82\xba\x02\'\xa5\x85\x03\xa1\xcd\x10\x8d\x15\xf5\xb2\x01\xd9\x16\x04\xbb\xa8\x92WS#\x85(\x80OA\x01\xe4rj\xdaiqk\xe9\\\xd4\x84`\x0e\xc2\xdd\xc2\r\xae\xbb\xb1DcM4\xa0FD\xc5\xc5\x01*]\r\xafF\'\xd5!:\xe0R\xf7\xf4;E\x12-\x17\xd2\x88\xe7A\x84\xc9P.\x1f\x10Z[\xa4\xa8\xe1[\xed\x117\xadd\xf3j\x90Z55\xe8_qq5\xe2\xaaW\xf7Lk\xd0\x86+\x17\x15&gt;.\x08\xa3\xed\x06\xc1\x1e\x129p\x91\x86W\x17^\x7f\xd0\xe5\x82\xf4!0\x1e\n\x04VS\xdc\xdb[\xac\x9b\x98\xc8\xafoTO\x81\\r:*.\x01hv\x1c\xf0\xf2\x80k\x89H\x9b\x1f\xbe\xf6\xc0s\xe6T\x17jD\x00\xaa\xdc\x80*\x86\xe8\xed\xed\xad\xd6M\x80U\xa8\xeb\xfa,`\x14\xc0\xc5`\x80h\xe8\x07\x8cBh\x9eI j\xfdJ"\xc7\xbc\xb0\xb9\x7f\nX\x06\xf0-\x1e\xda\x18F{?\xc5\xd5\x11\xac\xe2\xea\x89K\x90\xc5\xba&gt;;\xd3\xe6\x03,.Z\xc6\xa2_x^\x0b\xcb\xfd3\xf7\xaf\x10r\xbb\xe0\x9d\xa8\x98-\x0fL\xbf\xf9\xe0"\xd8\x16\xca"O\xcaaK7\xb4\ns\xe9\xc2XSN\x0bS\xe2\x03\x97\x97K$\x12\xb9\x16\x14C\x0f\xec\x96\xd9\xb5Y\xff]"\xd6?\xa4\xe1\xf8[\xaf~}\xeab\xc3\x11C\x18\x8b\xc3f\xb3!\x8bH\xad^\x14\xc5:t\xd3\xa0}zP4\x84\xd4\xd2\xca07&amp;\x93\xd3Q\xf9\xe7\xd1\xca\xd7\x9e\xfbg\x9f};\xfc\xa6w\x0bH\t\xc31\xd1/\xba?n\xb8\x181\xf9J\x1ePq\x90ET\xd7Dr\xd8\x8b\xb0\x1a\x9f\xf6Y=\x80\xe5\x03*\x85\x92\xd9$S\x01\x17#\x8f\xf2\xdd\xfa\xba\x7fv\xf6\xd9\xdd\xd5\xdbo\xd2)\xa2\x86\x13\x13\xe33\x92\x16\xdaNu5\x1cl\x0e\xab\xc5c\x1f\x06.\x1eXVu$\xa0\xb6\x90X\x1a\x91\x07-7|\x12\x85\xe8\xac\xc2-Q\x01\x17\x17\xa7\xac\x85\x96\xd7\x00\xcb\xff\xcc\xbfp\xfbM\x95&gt;)#.=&gt;##\x9a\xfc\xa2\xa9A\xdfu\xb0\x99\xc5B\xa7\r\xd8\xe88\x044cu\x84kB\x07X\x7f\xea\x1f\xb4\x8b\x80\xcb&amp;CG-\xedJ\xa6D\x06\x8fo.\xfe,\x80\xb0\xfc\xfe\xe7k\xdf}\x7f\x17j\xff\xcd\x14U\xe2\xd6h\x88$\xf2\xea\xc0E\x97\x1e\xb0\xd8\xe8\xc4\x01\x07%\x91\xc3\xe3Hu\xd5\xd5\xe8\xa3\xd3]j\x9crZ\xadV;`\xd90\x85\xfd\x9c\x1d\x9e\xdc\x12\xc0\xa2_\r\xce\x07\x97\xd7\xfck\xeb\xcb\xeb\xdf\xcf\xfa\xd7\x03\x1do`\xc5A\x1a\x8e\xd9\xbc\x85LNJJ"?\xf1~lpu5\x1b\xa5\xa8\x0bQ\n\x81\x8e\xcd\xd1md\xb1\xbaJ\xdd\xef\xd0h\x10\x16\x86\xc4:qN\xe9v#\xac\xa5?\xd6\xce!\xac\xf5Pp\xf9\xd9\xda\xf2\xda\xf2\xe2\xe5\xd5\xff/\x95\xa4\x84\x98\xb8\xf4\x8c\xcd1\xc9\xc9\xc9II\xc9\x89\xd7\xbf2\x1a\xbb\x9a\r\xc8\xb1\xc2X&lt;\xa9\x14\x04\x03\xb1t\xe0\xf1\x13\xf5=\xd3\x8e\xeb\x1a\xabU4\x841EV\x8d\xc6\xeee\xa2*\xd3\x0e\x8d\x8c\x04\x00km9\x10\x08\xcd./\x86\xd6\x83\xe3\x9d\x1d\xf7\xc9?\x1e,!q\x7fZ\\|\xf4\xe6\xf8\xa4d\x14\xd1\x7fo\xfb\xc8\xa8?\r\xabD\xb6\x94\x05\x15\x06\x96*EI\x84\x04\x02V\x95\xbanz\xd2\xe1pXE\n\xa6\xc7&gt;8x\x02~1L&amp;\xb3\xcd\xec\x19GX\xcb\xc1\xf1\xc5\x90\x7fqd&gt;\x14\x9c\xbbPQqt\xe5V\xd4;\xa4\x1f\xe3\xea\x89i99q;2\x92b6E\xb0\xc8\xabm\xc7\x9a\xf5`\xf2l\x04\x15\xae-\x84\xa5\x8b\xa8U\xa5\xee\x99\x9a\x9et",\x85Es\xe6\x8cF\xa9`21\t\xf6 \xb7s.\x10\\\x07\x8d.\x8c\x87\x9e\x8fT\x8c\xcc\xcd\x8d\x8fu\x14\x1e\xea\x08\xdc]\xf9\xc1\x92E\r\xc7\xa5\xe5\xec\xdcYV\xb6\x85\x9c\x1c\xbf\x81\x95\\\xf6\xcf\xa6\xcf\x8f\x18\x8d\x06\xd6\xbf\xb1\xd8\xac\x02\x18\xb6\x00\x0b\x8d[\xea\xf6\xa7\xfd\xf7&amp;\x1d\x1a\x8b\xd2cu8\xcf\xd8\x95\n$\xd7\xf5\xd2\xd2\xf19\xe8\xc4\xd0b\xe7\xc8\xf8r\xb0\xf4\xd0\xd1\xb1\xf9\xcb\x17F*rS\n\xc7B3\xb7~\xd0\x13)*f\x7f\xda\xce\xb8\xb8\xb2\xb2\xf4\x1d1\xe4\xe4M\x9b"T\xc9\xd1+\x92\xaf\x0e\x1a\x8d\xc6|\x16\x0b\\\xeb\xf0a\xf6a\x03\xcc\x7f\x1c4\xa0V\xa1\xa3\x82H.\xc0\x12Y4N\xa7\x06Q1\xb1\xa1\x17)#\x8b\x81`(4w\xa1\xb4sq},7\xa5\xb4s\xecrGGmaJN\xee\xd1\xb9o\x1f\xdf\xfa_\x15#\x91\xcb\xd2\xd2@\xa7\x1d\x10[\xb7\x02Vt&lt; \xbd\x8b\xb86\xbdn\xfb\xf24p\x19\x0c,(z\xd6\xf9\xf30\xcbs8:\xc0\xca\x8f`\xf5\xf795v\x84\xe5\xb0\x8b\x94\n7\x86\xcdl?\nb\x05\x83\x81\xf1\x8a=#\xc1@\xc5\xf6\x94\xc2Z\xc0\xaa\xa8(=\x94\x96\xb3\xbd\x10\x9aaa\xf5Z\xc2\x7f%\x83Io\x7fZ\x1a\x08\x95\x9e\x9e\xbe5=}\xf3\x96-\xe4w\x937\xb0\x12\x92\x93\x9e&lt;&lt;{\x84\xe5r\x19\r\xa0\x16\x9b\x9d\x8f\xb0\nx\x08\xebR\xd5\x7f\xb0,"\xd1\xa0s\xf0\x9c\x08\x1e&gt;\xd8\xeb\xfd\x85\x17\x16\x01+0_\x9b[1\x1e\xaaM\xc9\xd9\xbe\xa7\xf3\xf2H\xed\x9e\xc2\xc2C)9\xfbsr+\xc6\xe6\xe6\xe7W\xae\xfd\x8bp+\x08\x8d\xdbL\xa3Sit\x91%\x8f5\x15h$\xcd\xa0\x8b\xd0a\x03\x8du(\xe8`\xcd\x92\x8b\x10)\x91\x0f6Qp\x8a&lt;$(eJ\xd2N0&gt;\x949\x18\x0cY\x12\xd6\x9b\xc0z4\xd9\x92\xddlS6\x10\x86\x19\x07+\xcbfa\x8d!\xd9RH!\x86$&gt;\xb8KB\xc9%\xa4\x87,-\xe4\x14(\xd9\xf7\xfd\x1a\'e)\xbb_&lt;q\xcc\x8cGO\xef\xbd\xef}\xdf\x1f\x98\xff\xa3e\xb5\xa2\xab6ig\x00\x94RFI\x1c`q\xc0\xc4\xe8\xe2\x9e~\xb8\xd1\xe9\x10]\xc7\x8e\xe1\xfc\xfa\xfb9\x9c\xc8\xdez\x0b\xb0\xfe\x05X\x1f\x9e&lt;\x7f\x19q\x8f\xd9\xf3\x93\xee\xf4F\xbbw\xee\xdc\xd9\xe9{^rg\xa8\xda\xb6\x13$Y\x96\xb8\x0eJkZM\xddKF;\xf9h\xf0?&gt;\xb0\x0b\xa2T\xdd\xb6\x0c#4\x15\xe02\x15\xe0\x92$yb\xa2Pq\x82\x80\xf1/O\xae\xce\x00\x10\xe1\xea\x1c;\xbb2\x07\xbaf\x8aE~u\xf5J\xfb\x1f\xff\xbc\xfe\xd9g\xbf\xb9\x0eX\x17A\xd6O\x0f\xb4(\xdf\xd9E\xebe\x81\x16\x8cvc\xdb\xd6\xe3 \xcd\xb2\xd4ut\x88\xd2\xb4DKS\x83A\xde\xef\xe7\xbd[\xef\xfc\xb2z\x82\xee\x90\xa5H&gt;\x82DUV\xca\x92\x00\xfd\x10\\\x93\x13\x13\x8c0\xfe\xf5\xe53\xf3H\x88\x0e\x91\xd5\x99#\x15\x0f\xb0\xa3"\xc8"\x11O^\xbcx\xfa\xfc\x9f\x17\xce_\xfc\xeb_\xbez`\xbb\xd9hwww\x94\xf9\x96\x9e\xdc\xe9i\xb6\xa6\xc6n\xd4c\xb0,\xcb\xb2-1\x14\x9bz\x9cf\x83\xde \x7f\xfa\x0b\xe6\x9f4UUC\xebA&lt;\x85\xd1\xa4\x8c\x8bT\x9c\xe0x\xc6\x16\xe3K~\xfd\xe5\xb5\xf9\x83\xc0\xd59\xdb\xc1\x91\x9a\x88[Ya\x86o\xb7o_\xb8|\xf2\xf4\xc9\xcb\x17\xd6/\x9c\xff\xdd\xaf\xbez*\xc6I&gt;\xda\xd9\x19f\xaee8\xf9\xae\xaf\x03\x96\xe7\x02D\xe2\xb2\x8b\xd1\x97\x08\xc2\x9c8\xed\xf5z\x83\xde\x7f)\xf9n\xd5\xd4u\x1b&gt;/@\x99\x86\xf2\xa6\xca\x8a$\x83%a\xaa\x805\t\\\xb5\xd7\xcfg\x0e\xe2\xc8\nX\xe0ieieiqq\xab\xdbZ\xbe\xdd\xbe\xbd\xbep\xf9\xd4\xf9\x85\xf5\x8d\xf5K\xa7\xff\x0eT^:\x18\x8eF\xc3A\xa0\x1bj:J}\xdd\xb2u\xc7O\xfa}x\x0b\xb0L\x03\xda\x84\xa2E\xd2FI\x9a\xf4\x06O~&gt;\xc4\xdf\xa9\xc0Q\xe0\x93\x02\xa1\xc0\xa50\xca\x94\xc2\\\x8c.\xb9\x80EBN\xc9/\x9f_C$\xac\xac\x80\xac\xe9\xce\x12\n\xb0V\x97\xd7\x8e\xb0\x0fE-l\xb4\xdb\x1b\x97n\xfe\xed\x81\xa9FY?\x1f\xe6\x83\xd4Q\xb4$\x8b\x82T5*\xa1\x06X\x83$r\xd1Y\xcc-\x04K\xd3u\xcf\xf7\x03P6x\xbc\xff!\xc6woh\x9a\r\xe8o\x19R\xa42\xd14~\xc0\xf4p\x97\xc0S3\x16B\xe2\xacq\xe5\xdaG3\xd3$\xe2\xf4\xd9\xc5-\x90\xb5\xd5\xed\xb6\xdakk\x1b\x1b\x1b\xebG\xda\xab\xad\x8dK?&lt;Vt7\x19\xf4\x07\x83,\xf1-EK]\xad\x97\xbb\x86,\xd8\x1e\xb5\xe2 \xf1\x00\xablV*\x0c\x17\xf8\xd2\xd58\x88\xc0X\xefY\xa1\xa4\x88&lt;\xa7\xec|\xe3rB%Q6\x94\x95\xe2oF\x97\xc0\xed\xe3\xc2p\x94\x9f\xbc\x9a\x9b\x01\xa6\xe9\x99\x03g\x17\xbb\xdd-\xc0Z%Xk`\xac\xbd\xb5\xb2u\xe4\xf9\xb3\x8a\x16\xa7\x14\x05I\x12\xa9\x8a\xa5\xc6\xbe\x16\xecd\x96,\x9b\x8e\x9bd\xfda\x16\xeb\xa1Ya\xb0\x18[(\xd5\x89c?\xe8\xf5\x9f\xb0\xb3\xae\xcd\x02]y\xdbzD\x90D\x0fV\x82 )\xd2\x14\x9aQ\xe1(\xb8&amp;\x0b\\\xfc\xd3\xe7g6\xe1\xaf\xe9\xf7:\x1f\xcf\xcenA\xc4\xd9V\xbb}\xee\xdcZ{\xb9\xbb2\xb3\xb4\xb7-Y^\x90&amp;)\x95\x1b\x86\xe4\x1e\xdf\xcbrO\xa8\xd747\xe9\x0f\x87\t\x8cfT\xe8BaS\xd3U\x94\xae\xa1M\t\xd7\xb0O\xff\x8d\xff\xc6SR\xe1$I ,(\x99\x15\xcf\xd7y\x99\xc9(\xd6\x7f\x8e\xeb\xf1\xf3\x13\x9b\x00v\xb0\xf3\xa7Of\xbb\xdd\xee\xecjk\xf9\xdc\xf22Pu\xde?\xfe\xefmIT\xfd \nP\x91\xabYvS\x04_\x9a\x93E\x16\xcf\x8bA\x96\x8f\xfai\x8c02\x85ZM\xa8\x88\x9a\xea8\x9e\x03\'\xa1O}7\x1d\xe4;O\x1f\x95LBe\x14.\x1a\xf33F\xf4\xa6\x842\x9c5\xc5K\xf5F\x81\x8b\xe5\xfd\x83W\xdfm\xce\xcf\xbf\xff\xde\xc7\x7fXf\xb8f\x97\xa9&gt;_\xfa\xf5\xa1{\xb7\x04Q\xc3\x05|\xaa@\xd7&lt;\x84\x94\xe8\xf8\xcd\x9a\x16D\xa6l\x07\xfd\xe1h\x10\xc5\xc8\xedr\x8d\xb8cB1\x00\x00\x05\xafIDAT\x97\x05I\xd4\xbd\xd8\x8f=\xddbQ\xe1G\xc9 \x1f\x8eJ2\xc3T\x0c\x9a\xb7\xc2\xc1\\\xa6fK\\\xb5.p\xbc\x8c\xa7\x84\xc6\x14\xaf\xf0U\xb6\xe2\x14\xb8\xb6_]\xd9&lt;z\xe8\xf8\x1f\x0f\xaf\xb5f[\xadY&lt;Z\x9f|\xbex\xe0\xf8\xbdG\x82aC\x0f/\xf6p\x15\xc7R\x01\x10\xeb\x82\xaf\x0br\xe8\xc7\x88\x8a|4\xcc\x02\x1f\xab\x9c@JH\x96\xe3\x07\x81\xcf`\xd9\xe8\xc8 BR\x0cKu\x19.7\xd8\xbe0.J\x13\xfaf\xab\xaaT\x15\x84:J\xae\x984\x1b\x95\xfaT\xa3:\x066U\xdf\xde{\xf5\xd1\xa1\xabg\x0fo,\xb7Z\xddY\x06m\xa9\x03T\xb2\x89x"]`bG\xd4b\xd7uc\xfcS\x0f\xa5\xb2\xe8E\x98=\xc3&lt;q=\xb5b\xd6\xea&lt;`\xd9~\x94F\xaeG\xf9j\xe9\xb8\x11\xd6\x90\xa5:\x11iX\xda\x9bB\xbbZ\xa1$\x94)PlE\xc6\xa1\xa7\xd1\xe0\xea&lt;\xe1\xe1\x04\x9e\x0e\x1b\xfb\xebW\xe5\xe5w\x9bW\x0f|\xf0\xc5Z\xbb\x05\x19\xbbH\x8a\x19\xa0\xe2\x15\x9bL\xec\xa8H#U\x04,8\xcc\x8d=\xd0\xa1(\x88\xad\xc10\xe9\xe7I\x80\xa7x*\xb9\xa2\xa6YBQ\x1b\x1a\xa1\x08\x15c\x17\xb8\xd2\x12\x9d\x009\x0e\xd0B\xd1\xb6\t\x95(\x9a\xb0W\xd9R=]\xb4\xadr\xad\xb0}\x1d\xc6\xc2\xcb\xc22^\xcf\x8d\x81q\xf2\xe3\xbd\xcd\xf9\xc3\x0f/\xac\xcd""\xb6\x96V\x0e\x1c\xfa\xfa\x06/\x84x\x1b]\xc5\x97\xae\xe1\rl\xd5M\xa3\x00\xe6Q-\x04\xb5\xa5bd\x0f\x11\xf3j3\xc4\x1d\xa3\x9b\xc28\xebg\x91\xc7\xd2\x15\x02\x81.\x17\xf7Q\xe29\x1a,\x93\xd5\x06{\x91\x84\x8e$\xd3+\x1anV\xc7\xbdj\x88\x17r\x1dk\x04\xbeViZ2O\xc0\xa6\xe80\xc4\xc9\xcf\xf6V\xd7\xbe\x7fx\xa4\xb5\xb8x\xe2\xd3\xe9\xf9\xab_\xdf\xa8\x0b\x06\xc5#\x88\xc6\x8a\x04#\xb0\xc9\x02\x91\x00\xcb\x0e\x15\xa4&lt;\x96\xf8\xbb\x10Q\x0f\x05\xb9\x0e\x11jv\x94\xe3G\\\x06\xa0E\xc0\x82\xff\t\x96\xccs\xe8.\xfc\x99\xa4\x81\xc7\x91\x93x\xc1v\xc22y\x0b7\xdc\xa4\xb94.1\xb4\x902\x12O\xc0\xd8\xd9\x91\xe3\x9b{\x0b\xdf\xdf\\X\xeb~zf\xfa(C\xa5\x84\xf0.\xad\x07\xaa\xa6\x18M\xdbbt\xa5\x01\xad}aY2E5\xd8\xf9\xf6N\xe6jf\r\x1a@D=\x1b\xe5\xa9cUh\xc3\xc3:\x01\\DWI\x16\xb0\xe5\xb1i7Q\xb0Vm(\xaaZF3*\xd8:\x8a\xc2^_@3\xf1\xd5\xd4\xcb\x90\x95gb\x82/\xf1\xf5\xf5\x1fO\xad\xb7N\xcc}t\x14\xa8d\xfc\x12\xad\x05"8\xb3\xac\xc2\x13M$kJ\xbd\xd6\x04%p\xd7\xf0\x9b\xbby\xe4T\x18Y|M\xef\xef\xe4n\xd3(\x13\xac\x10\x11\xe10\x19K\xb2a\x08\xf5\xeax;`\xcb\x9e\xe2\x88,Gy\x19iWT\x8dJ\xaa\x00XE\x12LK\xa4d#\xca8\xc2\xf5\xf2\xb7?&gt;&lt;&lt;\xbbr\xf0\xde\rXT1\x00\t%\x8a\x8a\xa83{\x85"d\x8c #\xe8BBZ\xde\xe0\xee7y\x1a\x872\xe9\xc2\xd7\xd4|\xb7\xef\x99\xe5\x8aA\x98\x91\xa8$#`q\x8am\x1br\x83\x10\x15).{a\xb5\xc1\x8a\x1b\x17\tK6\x10\xc0\xb2%b\x945-\xa9\x18\x00@\x06\x82\x1e\xffp\xf3\x8bsKW\x1f1T \x14\x87\x00\xd1\x90`o\x07\xed\x08\x9a\x9b\xaa\x8f3\x85O[\xa6iZ8\xf0\xbc\xe8\xa7\xbeV\xe3\x1a\xe8\xa4\x9a3\xdc\xed\xeb\x82P!\xc7cL\x01\x17\x86vP\xaar\n&lt;\x8ah#\\\xa4dS\xc4a\x82\x81\xaa\x8f\x8bI\xc6\xbe\xd5h4\x81BI4\xc6\x93\x89pI\xf1\xabS\x1f\xcc\xddB\xcbT\x14\x93\xad\xb7\xa1\x81\xd0A8"\xe0\x9bt1\xc7\xa5\xb3\x0eB\x00\xcf\xeb\xee\xf0\xc5}\xcfw$\xfa\xdd\x02\x96]\x13\xa4J\xd94\xc8\xbb\xc8\x16l9%@\x90,X\xc0(V\xaa\xaalb\xe4\x15\xceGg2\x19Y\xf2CE\xf6\x93$\x10J\xde0$6\xa4\x18\x8f\x92\xb6\xf7\xe56\xe1C0cf`\x9e!a`B/\x8eU2\x14d\x0c\xa2\xc8w\xec\x10\xb8\x9bqv\xf7\xdb\xc8p@\x17.#\xeb\xf9\xfd\xdc\xaeI\x80\x05\x1daK\x9bd\xf4K\rl-\xc4\x97f\xf0d0N\x01\xa6\xfda\x88\x9b\xc0bSa\xa8\x98\xdbHI\x1e8\x80E\x10\xd9\x90\x12\x18\x91\x82\xb1\xdd\xa8\xcb\x02\x91\xc5\x06\x85,Q{4\xb1\xcf\x80"\xecU$cJt\x99\x18\xcdj\xb4\xf3bG\x91mM@?\xd7\xad\xec\xfe\xa8)\xd0\xcaB\xb8\x0cx\x0f\xe3\xc1/!\x1e\xaau\x05)\xa3I\xd4\x89u\x99cfg#\x1a\xd4\x00\x0f@4\xf6\xab^\xe3\xf7U\x95\r\x05\xefV\x11\xe8y\x8ad$r\x99\xac.\x1a\xa6,\x97\xc5f\x08\x0f:\xff\xe9\xb9\xeaQ\x18\x84\xc1\xa8$f\tI\xb5\x12h\xb5\x8aKq\xef\xe6\x12Gq\xf2\x08\xdd\xbcRO\xd1S8\nz\xa6\xbe\xf7\tu\x90\xa0\xcb\xf3{\x7f\x9f1\xf68\xa4\'\x8d\xa8\xc6\xc99x\xf1\xb3n\xb1\xae\xab\x9b\x83R\xec{\xdf\xc3](\xc9\xf8cj\xd1\xa3\xa1O\xe8\xc2\x8b\xae\xca.\xb4\x94W\x9dk\x10s&amp;;.\xa5\xfe\xda\xa7\xbeq\xe3s\xf2\t\xec\x0f\x9bB\xe2\xa9!n\xa5\xb1\x98]\xed\x93\x91\xe0\x15^\r\xc3\x03\x08z\xd4t\x9b\x19\x9e\xc6\xe5\x85m\xe6J+,\xc7\xf6\x9d\xf2\xdc\x84\xa9)\xfc|\xacQ\x1c\xef$\xc9\x9f\xaf\xb1+\xbb\xc4+\xea\xdc\x80R\x18\xb2\xd0\x18\x96\x17\x14\x84\x03\x95\x89\xf2\xcf\xf5FR\x82r\x13\xbdaJ\xda!\xd0`M\xe3\x85Ah\x88\x1d\x8d\xa9+\x9f\xb5\xc3`S\xc1\xc5\x8e\x06.\xa6\x04\xc6\x85\xcf\xb0e\xfc\xec\xeb|o\x1a\x1f\xa6B\x85\xef\xf6v\x18\xb5\xc9(\x15\x13\x96\x19e\xfa\x03\x19\xd1\x1a\x0bLLU\xba\x00\x00\x00\x00IEND\xaeB`\x82'</t>
        </is>
      </c>
      <c r="M148" s="3" t="n">
        <v>45492.67778935185</v>
      </c>
    </row>
    <row r="149">
      <c r="A149" t="n">
        <v>386230</v>
      </c>
      <c r="B149" t="n">
        <v>1974</v>
      </c>
      <c r="C149" t="inlineStr">
        <is>
          <t>Pablo Galdames</t>
        </is>
      </c>
      <c r="D149" t="inlineStr">
        <is>
          <t>P. Galdames</t>
        </is>
      </c>
      <c r="E149" t="inlineStr">
        <is>
          <t>VOL</t>
        </is>
      </c>
      <c r="F149" t="inlineStr">
        <is>
          <t>VOL</t>
        </is>
      </c>
      <c r="G149" t="inlineStr">
        <is>
          <t>VOL/MC</t>
        </is>
      </c>
      <c r="H149" t="n">
        <v>177</v>
      </c>
      <c r="I149" t="n">
        <v>27</v>
      </c>
      <c r="J149" s="2" t="n">
        <v>35428</v>
      </c>
      <c r="K149" t="inlineStr">
        <is>
          <t>Right</t>
        </is>
      </c>
      <c r="L14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38cd2b-4a1b-4ee4-b008-33de2331102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dW\xd0\x85\x00\x00\x00\tpHYs\x00\x00\x0e\xc4\x00\x00\x0e\xc4\x01\x95+\x0e\x1b\x00\x00\x03\x00PLTE\xff\xff\xff\xf8\xf9\xfa\xf5\xf5\xf9\x06\x07\x07\xf8\xf9\xfc\xfa\xfa\xfb\xf3\xf4\xf8\x00\x00\x00\x02\x02\x02\x04\x04\x04\xff\xff\xfe\xf2\xf3\xf7\xf7\xf7\xfa\xf5\xf5\xf7\xfb\xfb\xfd\xf6\xf7\xf9\xf0\xf1\xf6\x17\x1b!\xcd\x93\x88\xf5\xf6\xfa\x1a\x1e%\x14\x18\x1e\xc7\x92\x87\n\x0b\n\xfd\xfd\xfe\xc9\x94\x8a\x1d!)\r\x10\x15\n\r\x12\xc8\x90\x83\xcc\x91\x83\xc3\x8d\x7f\xb3|o\xd2\x95\x87\x08\n\x0e\x12\x15\x1b\xee\xf0\xf4\xdb\xa3\x99\xad|r\xca\x98\x8c\xbf\x87z\xd4\x9e\x92\xea\xec\xf1\xbb\x8a\x82\xc3\x89|\xacyn\xb7\x80s\xb4\x82x\xe7\xe9\xee\xd4\x99\x8c\xbf\x8d\x84\xd3\x9b\x90\xc9\x97\x91\xc4\x91\x84\xba\x84v\xb0\x7fu\xb9\x86}\xe1\xab\xa1\xa8zr\x0f\x12\x18\xce\x8c\x80\xa9uj\xec\xee\xf2\xa4re\xd3\xa0\x99\xce\x9b\x90\x9aph\xc0\x8f\x88\xdc\x9d\x93 $-\xdb\xa4\xa0\xcc\x9c\x96\xa5vo\xbf\x8a\x7f\xb2ra\xbe~n\xc3~r\xd1\x96\x8c\xdd\xa9\x9c\xd8\xa1\x95\xcf\x99\x8c\xa0l_\xc4\x8d\x84\xbazj\xc8\x86y\xc3\x93\x8b\xc7\x8c|\xde\xe1\xe6\xc9\x8c\x80\xa0gX\x9eun\xcd\x96\x8e\xf4\xf4\xf4\xc3\x85t\xd8\x91\x8f\x9bcS\xac|x\xbe\x83t\xd9\x98\x8e\xc8\x8f\x80\xb7we\xea\xed\xed\xe5\xa9\xa8\xe3\xe6\xeb\xcc\x8a|\x96_Q}MC\',5\xc3\x82{\xc6\x92\x90$(1\xdc\x96\x94\x0f\x06\x05\xe4\xaf\xa5\xe1\xa5\x9b-2:\xae\x82yG.+W95\xd0\x8a\x8a\x85UI\xaaqcd90\xb9\x80{\xe7\xe9\xea\xd1\x98\x91\x1b\x0b\t\x10\x0f\x0e49?\x93jf\xc4\x8f\x89\xb0xi\x9ag^\xd3\x8f\x84\x9e\\Q\xc3\x8c\x8d\x93[N\xe1\x9d\x9c\xf0\xf1\xf1\x8fe`sSQ\xc7\x80u\xb2\x86\x81\xe3\xe4\xe7\xb6\x88\x82\xbewv\xe9\xb0\xae(\x13\x10\xa3{v\xca\x80\x85\x85_Z\xdc\x9a\x9dkB72\x1c\x1a=BD\xe3\xa3\xa1\xb2|~pwz\xd2\xd5\xd9\xd3\x98\x98\xadj\\\xe6\xd7\xd2\xb9\x8e\x8a&lt;\x1f\x1a\xc0\x86\x81\x9dml\x94dV\x8bZO\xd1\x91\x91\xc1\x87\x89\xa4oo\xadgg\xbfvk\xb8qcrH=\x98\x9b\x9b\xd8\xd9\xdb_ehQ4/\x8f\\Y\xd9\x89\x88\xe3\xaf\xab\xa5k[OSV}WT\xaa\x82\x80_.(\x1f\x12\x11%\'&amp;\xcc\x8e\x91\x8fPJ\xba\x80\x84\x91rqy;9\x15\x17\x15\xbf\xc1\xc4gmq\xec\xb6\xb5=\'%S)#n4.\xc7\xca\xcc\xa8\xac\xae\xc1\x99\x92\xec\xe1\xde..-\\CCiNL\xbc\xa3\x9cCKP\x8d\x92\x95|^[fHF\xb6qm\xa3\\Z\xa6ba\x88GE\x99TX\xde\xc2\xbc\xdd\xde\xdf\xabuw\xdd\xcc\xc8\xd2\xb5\xaf\xcc\xcf\xd3\xb4\xb3\xb4\xb2\xb8\xbec?9\xf1\xe7\xe4I$\x1e|\x80\x81V\\_\xd0\xad\xa6\x85\x89\x8a\xf6\xee\xec\xa5\x8d\x88O99\xa2\xa4\xa2\x9d\xa5\xab\xd3\xc3\xc0\x83he\x94\x7f{\xd1\x85~\xafol\x9bLI\xbf\xbd\xbb\xd9\x7f}\xb8iu\xb3\x9a\x91\xed\xcf\xcd\xacUW\xbf\xae\xaa\xe2\x91\x8f\xb6]d\xe0\x87\x9a\xdau\x8c\xc2o~*\xd6\xb9i\x00\x00 \x00IDATx\xda\xcc\x99\x7fH[\xeb\x19\xc7#\x079\xe7\x08:\x94\xc2I\x19\xb5\xfaGz\x13\xa8\x0e\xe7\xe6\xbd^t\x16\x19\xde\xd6D\xadM\xaek\xee\x8dd\xb6\x11\xcc\xe1\x16\xd2\x1f\tIjs,\xd5\x10R]\xb6\xa5H"\xb3\x93\xdak\xb8\xa3M\xd4b\xa2&amp;+m\x94X\xddR\xb9VF\xc1B]\x16\x9dP\xd9\xfd\xa7\xb0\x7f\xf7&lt;\xef\x89u\xfb\xff\xc4\xee\x81\x13\x93c\xca\xf9\xf0\xfd&gt;\xef\xf7}^+\x93IT\x85\xbe\xe9\xe9-\xaf\\\xf6\xffUE\xc5k\xcb\xbb\xb1\x99\x8d\xfb\x00&amp;/\xc1;\xf2B\xf9G\x87\x94\xcb\xb6\xd66biA\x18\x88\xbc\x8fl\xec/\xf5\xcae\x85\x86\x82\x8f\xcc\x05\x8f\xf7E"{3\xbb\x03\x02\x9dL\x8f\x8d%\x06\xc6\xffn(\xee\xed7\xc8?\xa2N2Y\x81\xf7W;\x89D\xe2\xfa\xf7c\t\x8a\xa1\x07\x96\xc78nl\xad\xdf;=\xdd\xff\x11\xb52\xbc\xdd\x1f\x8f\x952\x0c+\x08\xc9$E\xb1l2\x91d\x93c\xfb\xc5\xfd[\xab&gt;\xd9\xd1\x19)/\x14;\x1a\x1a\xbd\xc4{?\xb2\x9bNr4\xc3\xb2\x14\'\x08\x1c\x05x\xf0\x9e\xe1\x8e\x8dE|\xc5\xd3K\xbe^h\xb1#\xc3\x92{{{\xbd\x06\x83\xf7\xfe\xde\x80\xc0\xd0\x0c\x820\x14\xc5q\x88\x05\xef\x04\x8e\xe6\x92\x89\r\xafw{\xf5\xe8\xfa\xbe\xc0k\xd8z\xbf\xbd\xbf7\xbe&lt;\x1e\x13h\x1a\x94b\xe0\x95f)\xd0\tL\x04\xaed\x12=\x1d\xd8\xbf\xbf6]xT\x16\x16\xf4.m\xc4\x06\xd2\xa5\x1c\xfa\xc5\x1cb\x81d\xe0$K\nD\xa3\xa9\xc4\xf5\xf1\xed-\xc3\xd1D\x81\xdc\xb7\x0f\xcd\xc4\x10u\xb0X\x02G\xe8\xc0=p\x91\x85W\x8a\xdc\x11\xb8c;\xd3G\xd1ZrC\xe1\xd6x\x92HC\xe5\n8\x08\x1b\xdca\xb1\xa9\x10\x8c\xe3X\xc4f96\xbd\xe6-\xcc?V\x81\xa1\x7f\x9cCYp\xe1\xb1\xa2k\x1c\xa2\x816\x94\x08\x04\x9f\x04\xf2\x99%7\x06\xde\x8a[Q\x9e\xb1\xf6\x934\xf1\r%bY\xd1ET\x0c\x8ddq-\x12\xc9(\x06\x009\xe0c\x99\x99~y\xde\xf5*\xbe\x1f#\x0b.\x87\xc0\x11*\xf4\x8c\x12}\xc3\xf7H\x89\x9a\x89\x17\x9d\x8cx\xf3\xdc]E\xc5\xfdKiZlp\x96p\x11\xfbP\x1dp\x8e\x12S\x82\x83\x96\x82\xdf\x90\xa8\x80\xdcg\x98\xb1\xed&lt;\x8f;r\xdf\xdbH)\x8d\xe9\x89\r\x8e\xadNDByH.\xa0\x88 &amp;\xc9UqirI\x10\x0f\xb6\xc7|rA^E\xc60\xa2\x98\\n\xa2\x8b\xd0=\xb4\xb8\xdd\xd0\x08\n\x90(\x14C\x11\xe5\x00\x0bD\xe4\x12\xe3\xbe\xfc\x05\x96akug\x8c\xc3\xd5\xc7\x1c,B\x90\x85\xf4&gt;\xd9~\x88h\x94h/M\n\xec\x84\xbd\x1b\x14\xfc\xf1N/&amp;^\x1e\xb0J\x8a{\xb7\xc7\xd3$\xa3(\xe2\x17\xb1\x8b\xec\xcb\x14Y\x87b\xaf\xb1"\x8e\x88\x85\xc3D)\x85b\x96\xee\xcb\x8a\xf2\x14\xa4\xd33\x02\xfaFZ\x0b\x9b\x8b\xa6\xc5-\x07\xd3\x82\x15S\x15\xc7\x07:w\x1f\xbd\xc6\xe6bq}\xd21\x9f,/3t\x89w-\x01\xe6q9!\x0e\x9f-N\x0fd\x17$\xb4\x0c\xfd\xe1\x1b,.L\x8a|\xf7\xd8\xb6\xc1\xeb-\xca\x07\xd6\x1e\xc7R\x07]\x93\xdb\x9e\x19q\xfd\xb1\x07,\xcc!n\xee#4\x1c\xb9I\xed\xac\xbe\xdf\xca\x83\x89\x85\xfd\xcb\xd8\xcc\xec\xe13-\x87%F\x99(\x17M\x04\xfb\x00\xc7\xb2"kz&amp;\xb6-\x93\xdcE\xb9\x0c\x82\x14\x02\xe9P\x0b\x8b?8\x19\x0c\x06\xfdP. s\x1d\x16\xb9qhv\xee\x9f$v\xf7{K$\xa7\xea\x9f!\xf3\xe7\x07\r\\Y\xa7\xd3\xb9\xb8\xb8\x92\xcdf\'\xb1Vl\xce\x00~^|\x01\xe5\xcc\xfa\xfd\x96\x03\xc5\xc4u\xc9p\x03\xcbKR\xcb%\x97\xbdO\x90l\x12\x1fdq\xf9\x17\x9f\x9a\x9f\xbe\xe6\x9f?\x07\x86\x00\xcf\xdb\xedO\x06\x9b\x1a\x1dz\xb7\xdb\xfd7(\xf7\xf3\xc5\x95\xa0\xe5\x7f\xb0 .\x12\xd2\xbb(\x8f$\xe9\xdc2cX\x97\x7f2\x102\x1b\xdd\x1e\xa0\xf0x\xdc\xd1\xa8\xe3NE]u\xcf7j\xb5\xda\xf4\x18k\xc2\xfd\x9a_\xf4\x8bF29\x17!\xd8\xf6\n\xa5\xe6*\x1e\x17r\xab\x9f\xb1\xf8\'W\xc2\x00\xe5\xd6O@\xb5\x9aLZ\xad\xf6w==\x9ao4\x8f\x1e=z,V\xab\xfb)\xbf\x02-\xc6\xfcWs1\xecN\x81\xb4Xr\xd9j\x9a\x16\xdb\x1d\xa8V\x02\xbc\xc7h4\xea\'Z\xa1\x1ek\xb5j\x8dV\rXH\x85\\\xf0b\x02\xbd\xdc\xaf\x17\'s`93\xb9\x88\xd4T\xfd\xbb\xe2J\x87\xf6\x8a[\xf9\xd0S\xa3\xd1m\x04\xa5@\xaaG\x1aMw\xb7\xa6[\xa7\xd3\x8dh\xe0\xbd\xe6\x91Z\x03^j\x91\xeb\xe9s\x00\xb3|\xc0\xa2\xb8\r\x89\xf3\xb4("@k\x10*\xcbd\xd8l\xf6\x98\xf5\xfa(@\x81P\x1a\x9d\xae\x8f\x94nddD3\x02\xaf\x08\xa8\x01\xae\x89\xa8\xdb\x13^\x0cZr\xeb\x04\xb6\xa2\x19\xaf\x94r\xc9e\x86\x1d\x9cVH\xa8\xfb3!40\xea@(\x10\xa9\xaf\xa1\xaf\xa1\xa1\x8f\\\xc03\xd2\xd7044\xd4\x07\xfa\xa9M\xc0\x15\x9d0\x07\x82.\x8a\x15\xcfI\xf4\xf7&gt;i\xb1~\xb4\'0d\xa0b,)~\n\xa5\x82\xb5W\xdd\xa3\xecj\x80\xea#/\xa4\x90\xafR\xa5\xaa)\xd7\x01Wk+\xb8\x1c\xb5[]\x14Ia\x08\xbd\xb1-i\x9b\xabd\x83\x13\x07e6n\xb3\x9b\x8d\x9d\x0eGE]\x8f\xf2\xf4i]\x1fa*o\x18\xc2\x1f(\xd4Pe\x8d\xaaCQ[\xde\xd5\xad\xd6\x9a\xa0\xf5\x1c!\x9b\xdfB&amp;2\x9a\xe3$\xc6\x92\xcb7(\x11\xcb\x02\x81\xe5\xd17BL)Owuu\x81\x87C\x87DC\x95\x00u\xe9\x97\xaa\xda\xda\xdaJ\xe0"X&amp;c`\xd2\xc5R\xe2\x81MZ\x131L\x05\x9a`\xb9f\xed\x1esSEu\x9d\xf2\xdc\xe5\x13\'.\xea\x88o}}\xe5\x95\xa4.\xd5\xd4\\\xba\xd4Q[\xabR\xd5\xb6]F\xb9LZ\x93\x83O\xc5Y2F\xb0\xc9\x1d\x83\xb4j\xe1\xd6C\xc69\x7f\xc6\xee1\xde\xa9\xaeV\x9e\xbbp\xe2DW7)]\x9f\x8ep\x01\x14V-\\mm\x88\x059\xa1\xd5\xde\tY\xfd\x1c\xaa\xc50\xb1\xfb\xd2\x8e\xa8r\x99/F6^\xf0\xd0n\xee\x04\x07\xcf}v\xf2\xe4ie\x8fZ\x0b\xcf\xc6\xccj(\'\x82\xd5\xc0\xd5VYY\xd6v\xbe\xb2\xab\xa7\x07\xc0\xc0H\xf3l\x9c#\xe7\x10nO\xe2\xadG.+\x1c\'\x8b\\\xc8\x86\xcdz\xc4\x020\xa0\xeaQ\xab{\xba\xbb\xbb.6\x94W\xd6\x1c\x14\x80\x95\x97\x95U\x96\x11)\x01\xcbat\xc6\xc9\x1fJ\x18!\x92\x87\x9d\x1a\x9b\x8b\x89\xdb\xcczc\xe7\x9d\xea:RJh\xfb\xf2\xb2J\xb4M\xd5\xd1\xd1\xa1Pt`\xa9\x10\xac\xbc\xfcbW\x17bi[\xf5a?Kf\xd9\xd25\xe9\xe7\x9a\xd5\x04Y\x87\xbc&gt;j\xd4\xe3\xbcPW]Q\xad&lt;y\xe2&lt;\xf0\xb4\xb7\xb7+\xdasU\x0f\x17\x82\x01\xd7\xe5.\x1db\x99\x1c\xf6 \x83\xd1B\xa7W\xa5\xc7\x9a\x86\xad\x9a\x8bg I\x8d$K+\xaa\xaa\xea\x94\'\x8f\xd7v(\xda\xeb\xaf\xd6\xe7\x98\xea\xeb\xaf^\x85\x0f\n\x15XY~\x19#\x15z\xde\xa4\xb7\xb2xl\xa3\xafO\xe7e\n\xa4\xa8\xa0\xdd\xa8\x87\x8d\xa7\xb3\xb3sj~\xb4\xf9\xd3\x9f\xfc\xf4\x13\x95\n\xb9\xea\xdb\xaf\xd5\xd7_\xbb\x06|\xc8\xd5\xae\xe8\xa8=\x8f\xc1\xa5&amp;\x11\xa1\xd5\xf2.\xdc\xb5\xe8Xo\x1eLL3\x9c\xc5\x8a\xf3\x8c\xc7l\xb6\x87m\xb3\xb6\xe1\x1f\xee-&lt;\xb8\xf2\xb3?"\x18(vU\xc4\x82\xab\xa5\xe5\xcc\'\xc7\x7f\xaeTb\xc3?\x06,\xb5~\xd2"p,\xb7\x93\x87\x03F\xff\x18#\xb8lf\xa3\xd1\xec\xb1g\xac\xa9\x94\xd5j}\xb7&gt;\xfc\xea\xd9\xc2\x95?_\xb8\xd5\xde&gt;\xf7{T\xaa\xbe\xbe\xa5~n\xee\x9f_\xfc\xe5\xc1\xc2\xbd\xe6\xe6\xa6;&amp;Sk\xab\x16"5\x10\x178&amp;\xbd$\xfdBD\xac\xb8\xdf\tP\x1e\xbb\x13\xa9Rp\xe8I\xc1\xcf\x97\xa3\xdf\x0e&gt;li\x99\x9b\x03\xaa\xb9\x16\x10\n\x90\x9eA\xfd\xf0jss&gt;\xda:1\x01\xfb\x8f6\x14\x14\x04:\xf6\x8b&lt;`\x19vY\x7f0\x03b\x01\x95m\xfd\xd5\xaba[0\xeer\xc5\xe3~\xeb\xe6\x93\x9b\xb7\x14\xa4\xb5\xe6\xce\\\xf9\xcd\x9f\xe67m\xef\xde\xbd\xdc\\_\x7fi\xb3e&lt;Q2*\x1aSq\x81\x991\xc8\xf2p\xd8\xdf\xe1\xfc\xa9\x80\xd9h\xe63\x99\xe1\xdb\x0b\x0b\x0b_\xcd\xdb\x82\xfex&lt;h\xcd\x8c\xbe\xf9\xee\x16d\x96\xa2\xe5\xccwoF\xd7m\xd6T\x1co\xdbl\xefl\xb3\xb3&lt;\x99\xac\xf5\xb3q\x81\xda\xcb\xc3\x9fP\xe5\xb2\xfd\xa4?\x15F\xac\x80\xfd\xf6W\x9f\xdf\xb8q\xe3\xf3A\xde\x96\rfg3\xa3go^\xf8\x1a\x92\xa2\xe5\x8b?|\x0bZ\xa5\xfcp\x80\xb5f\x86\x87\xd73\xb3\xd6\x8c=\x8aX6p1\x92\x97\xff\x06\xdbN\x04S\xbc\xd9\x1c\xe2\xedS\xcdg\xcf6\rN=\t\xf1N8\xad\x06\xc2O\xde|\xf6\xf0x\x9b\xaaC\xf5\xe5\xafo\xcf\xcfg\xb2\x93\xd9\x80\x1d\xber\xef^\xf3| \x106"V&amp;\x15OH\xdf\xf1\xb2"&lt;\xeb#\x96\xc7\x13\x1al\xea\x1c\xb4\x07\x02\xfc\x13\xe4ZYq\xf2\x9e\xc6\x9b\x0f\xcbn):\xbe&gt;}\xaa\x13\xb2cq\xc5\x19\x86\xc3,(\xfa\xdb\x1b\xcd\xf6\xb0\x07\xb0\xa6\x02\xd6\xb8\xd4\x93\xe9A\xcc\xbf\x9b\xb4\xf2\xe6\xa9\xc1\xce\xa6\xa6\xc1\xd0\x0bgxxxsx\xf4\xd9\xa8s1\x10\xea\xacxX\x06;\xe2\xf9\x0bu\x0e8S i\xe8n(\xcc\x0f~\nNO\x19\x1d\x80\x15\xb6\xc6\x97\xbd\xd2c\xfd\xe3_[\xbe\xe1\xec,`5566\xe9\xed\xce\x95T\xea\x98 \xa4_\xde\x1du:\xf9\xc1\xaa\x9bm\x8ak\x8a\xda2e\x94\x7f\xb1\x92]\xb4\xd9^\xae\x0f\xf3Ng\xa8\xea\xd4\xa9\xaaFG\xab#\x14\xb0\x06\xa5\x1f\x1fd\x7f}`\xbf\xfb\xefWV\x18\xe3\x07\xab\xaa\xaa\x9a\xfe\xc3\xab\xf9\xff\xa4\xb5\x9fq\x9c\xfe\xd0\xa4\xd7dKJ2S\xb2\x14\xf1\x07D"\x9e\x13\xb0\n\x12\x8c`\xcf\xa8U\x14\xbf6(\xbd\xa7x\xba\x10\xaf;\r\x93\xd9K-ko\x1c\x82R/\xcd\xf0J\xb1\x83Di\xf1\x0b\xe05Y\xab\xddj.P\x92\xb9\x9a\xe8]M\x16\xbe95\xcb\xb5\x89\xd1\x9bx\xabN\xab\xd5\xce=\xc7\xbb\x1f\xf6\x07\xc0\x9e\x90\x10&gt;\xfc\xf2\xca\xfby&gt;\xcf\xe7y\x9f\xf3\x19\xbb\xfb\xf8\xab7\x7f\xf9\xcd7?\xff\xd5\x1f~h\x1b\xa4\xb0XLL\xcf\xe6\xd3\x8bn\x84\xe6\xde&gt;}|\xfe\x93o~\xf6\xed\xf7w\x07#\xb5B\xb4\x081Ut\x8eN&gt;\xbb\xfd/\xda\xd9\x9f\xa6\xd8&amp;\xae[,\xbb\x89\xc1\xdb\xdf\x8d\x8d\xd6\xb2L\xb5\xbdPRw_\xbd\xfb\xf6\x8bO\xbe\xf8\xd3?_\xcd\xb5\xf5v\x0b\xebIB\x8fITHgI\xe4\xf5\x9b\xef\xcf\x9f\xfb\xc5\xf9?\xfe\xf0\xf8u\xa8\xb3(\xeb*\xaf\xc8d\x1a\x9d\xfc\xfc\xcd?hgR\xfc2\xe3\xec|(6\x1ck{6\xd8\x0b\xb3VgS\xd3(\x94\xd8H\xf3\x97\xaf\x9f\xde~\xf5~`\x0c\x8enS\xd4F\xb4\xb3[\x1b*\x7f\xc9z&gt;\xf9\xf7\xbf\xdd\xff\xf5\xfd\xbf\xbe{u\xf7\xed\x9c\xc5\xd4\x92u\x93Ga={w\xf6\xc2\xf5\xeb\xa9\xec\\\x19\xb4\r\xd1n4Zq\xe3\xee\xe0g\xe0y^t\xe6\x97\xd4\x96\xa2\x8d\x8d"\x96\x89%\x12\x19\x91\xce\xda\x17/\xben\xc5\xda\xf5\xad\xe0\xf2sY\xbdw\xeeLN&gt;\x1a\xd1\xf8k\x9b&gt;{QQ\x7f\x8dy\x8de\x1a\x1d\x1c|\xbf\xb6\xb4\xbe\xee9\x93J\xac\xb5\xe8\xa1\xbd\xde\xd4\xf9\xdd \xe4\x90\x05\x0e\x11\xc9\xef4!\xb9&lt;\x18\xe1U*\xd2\xf4\xc2biRd\x03V\xb6b\xa2\xd2\x88\xc6-\xc3\x9f\xaa\xd4R\xb9\x94\x81 \xd4D\x9d\xcdDL7&amp;\xdb\x90\xac\xfa\t\x05\xd3\x93b,\x9b\x9dU299Z\x8b \x00\x94\x9b\x8b \x08x\x8b\t\x05\xc9\xab\xac\x18\xb6X*\x1a\xf8\xfav=\xd1:1Q\x89\xb0\x02\x96x=\xc9S\xf1\xb2x\x80t\x93\xc9\xcfna\xd5N6\xb5n\x9b\xb7\x8f\x8f\x97R\x8ae?t\xd8Y\xa6\xb6\xb6\xeeS\x87X\x98\x05\x16\x91\xceT\xa9\x98tU\x0bx\xfa\xd8peC\xb6\xbe\x1d#\xcc\n\x85\xcd\xd6\x82\xb0\xa2\xf5\xe0&lt;\x1aT7%|%\x1f\xccP.R\xdb\xc6\xc20"\xd5X\x1b\xe4\xa1\xa3\x85e\xbas\xa7\xbb4\x1f\xc9+d\xd0\xab\xf8U\x94\xc5a6(l\xad\x8a\x8a\xe1h\x8b\xcd\xdc\xde\x8fe\x9b[m\r\x12\x89\xad\xb2\x85\xa7\xa2g\x17(aJUr\xf9\x14V\xe7X.\x86M\x1d\xed\xd9\x0eR\xfa$P}h\xcf-*\x1d\x83s\'\x1f\x15\\\x92\xc2\xb4\xc0\xaf\xca\x964(@\x1dE}E\xb4\x85\xb4\x11\xfd\xb3z\x820\x83a\xa4\x9ba\xbdA\x92\xcdeW\xc3\xfc\xac\xe4\x160s\x8bJjU\x98\x19\xb0\xf6R\x89\x95\x91\xb1t8\xcc\xdb\tA\xd7*a\xa1\x8dW\xe4r%\xc6\xcf\x96\xd8l\xd4s,[C\x03\x8fG\xb6b\xb3\xb3.\x82 Z\x15\x8a\x16\xd8\x07\xaaV:\x88\x05\x83j{1\xd8 \x1e\xc2*U\xf1\xb7S\x8eE[\xf3~M\xc6{),\xa1\xe8\xf2\xa5!\xa9\x12*\xc5l\xc6\xe1C\x10U*\x92$\r\xd6\xfeY-F\xc02\x18X\xf8\xe2\x13l\xcam\xf4OOWskn\x16\xb1J\xaeeSXS)Mb\xc6\x85U{\xc0R\xfa|\x14r(\xcak\xbc\x07Y$\x08\x1d\x86\xe9t:\xb3\x84\xb4\xdb\xed\xa4\xc1Eaal\xbd^\x8fa\xdai\xad\x9e\xf2\x1b\xed\x14W;\xbb\xe6b.\x9a\xcf\xe3\x9bq\xd7\xde\xd1BjO\x1f\x8fqw\xb7d\xb4\xbb$\x07\x15\t~7$\x97\xb31Lo\xd5\x1dm\x07\x02\xa4\x81\xb4\x93$\xee\xd2\xf6Sj\xe9\xd9\xc4\xf6\x84\r\xd3\xc2/J\xadi\xc0\x92s\xe9W\xd1\x9c\\\t\x86Y\xf7\xb4\x1b)U\x8b\xb6\xe0\xdd\xb5\x08\xfb\xca\xf2Q\xa3HP\xa7\x96\x17k\xb5Z\x97nJ\x91HD\r\xb8\x01r\xa8\xb3Za\x01\xd7aV\x9dab\xf7p\xdb5;\xdb\x7f\x1a\xd3\xc5r%=\x0b\xcd\xc9\x94X\xadGG\x07\x19)\xc6\xba\xbc\x1b\x17QX"\x91\xb7\x8e!\xd7N\xf7\x03U4\x12\x89\xd9\r:\x87\xdd`u\x01V\xbf\x0b\xc3q\xab\xd3\xe0\x08Dvm\xce\xd9\x1f\xc1\xb4r6W]\x87\ne\xe6#\xd7\x14\x88\x95\x91\xda\x9ao\x8c[\xd0f\n+\xcf[\x17\x94\xca)\xad&amp;\xe6f\xe2\xfbv\x07\xee\xb0;\xa6\xb5V(\xae~\xeb)\x96a*6\xb7k\xd7\xcdR`\xdab9[z/\x13\xed\x90NM\xb9\xf0\x83\xd4N\x10\xd0P\xaf\xd8c;\x03}\xe5h^\x9e\xd7\x1b\x1c\x92\xbbp\xb3"\xf26\x19\x8d\x06\xe2\xc9d,\xe0\x83\xe2\xb7j\x9d\xb8\x19\xd7\xe1\x06\x1c7$gv\xed\x94^Z\x97\x0b\xb0\xb8\xa7X{:\xf9Z\xca_&amp;.y\xedQMW\xa90Od4f\x0e9\xad\xf8v\xe8\xed\x9d\x9d\x9d@ 43\x13I\x06H\x87\xc3\xe00\x06b\xb1(\xe9\xc0q\\\x92\x98\x8b\x91\xce~-\xe4\x96-\x95\xca\n\x85\xa2\xf1\xed=|\xfa\'\xa9v\x18\xb4\xb5\xf5{\x0cQYs\x8e\x085\x1aU\xe3N\x1d\x1e\x9d\x8b\x04v\x02\xf1@&lt;\x94H\x84\xba\x03\x81\x9d\xa8;\x9e\x88D\x92v\x07\xc8\x85\x93\xf0/UqN\xa7\xae@\xc6\x11\x88\x91m\x1c\xc3\x96\xd2`1\x96\xaeH\xbd#\xcdb\x14E\x8d$\x1d\xc7\xb7-\t\x16h\x15\xef~\xfec$\x92\xfee*\xc2\xbe\xa0\xc10\x8e\x13\x81\x99\x90\x1d\xb7Zu\x84\xee\x9e\x9a\x93\'\xce\x82\x01C\xe9I9U\x06\xcds\xab\xc7\xeb/\x13\x0b\x85\xa81\x97)1Gc\xa4\xd1\xef\x1f\x19\x01\xac\xbe\xae\x91\xbe\xb1\xd8\x8e[\xe3\x0e/\xbb\xdd\xe1q\x9f\xcfg\xa8\xa2\'\xe6\x02\x06\x9d\x0e\xc7\x81\x8a!\xea`\xcf\xce\xb2\xa77h\xa9\x8f\x07\xeb&gt;\x9f\xa6L\x9cs\x8a\xc5\x97\x04\xc8\xe0\xb2\x9f\x8a\xae\x11\x7f\xb9\xc6\xdf]\xe2\x0e\x1b{z\xc2\xee\xb0\xef\x96/\x1c\x0e\xfbz\xdc\x91$`\x11UU\xeaK\x0cT\x00\xedU~\x90\x96\x0b-\x1b[\xf3\x9a\xb2\xf2\x1c\x90\x8bW\x85\x91;=\x0fG\xbaF\x96\x01\xcd\r2\x19!\xbcF_\xb0\x07\xa8z\x80\x0bD\xebI\x86\x0c\xba\xaa*\x10\x8b\xc3\xe8\xb8\xd4\xefri\xd7\xd2AE\xbbpvak\xb3\\Ca\x11\x18\xcb\xff\xa4\xb9\xaf\xaf\x0b\x92\xa6\t\xfb\xbc^\x03\x84\x03jj&lt;\x18\xbc\xd5\xd3\xf3{\x8d[\xa3y\xe8\xb7H0\x02\xb0\x18\x9cB\x91T\xebt\x1e\xa4\xef\xea\xe2\xd6\x00\xa8%\xcc\xc5\x88h\xf9\xcb\xae?\xf7\x8d,\xbb}\xbe\xe0\xf88\xec\xbd\xa9)\x1c\xd7\xb9\xb4r\xe7P\xd0\xe7^\xf6\x0f\x0c\xf8\xfd!R\x8f\x15\xdcc0\x18"T\xed\x9c&gt;8\x93.(8\x83^\x8a),.\x16\xd54?zDaA\xfe\xec\xa7\xe1\xa0\xc2\x07\xed+\x089,\xef\xea\xeb\xf2\'(,\x10\x8b!\x9a_\xf1l\xa4\xef\xa6T\x06\xed\xc1{\xaa\xb6\x8a\xb8lD3P\xf6\xe8yw\x12\x9aV"\x99L\xfa\x03\x87\xc7\xfb\xe1\xe3\xc3Ch\xf9\xb1x\x9c%,\x83\xed\x19b\x16\x13|\x0eG\xc6\xb8\xbc\x92\x91\xd6ke\x19\x17&gt;Pj!\x05zo\xc7\xcb\x0e\xf0\xa4\xaf\xe7\xba\xfd\xc9\'=\xe1\xd5\xd5\xe0\xd0\x8a\xc7\xe9\x90;N\xf6w#\xaf\x9f\xb5\x8dv\x97\x89\xe3D1Q\xc3\xe1\xa83\xe7\x17hi\x8d\x0c\xda\n\xf4S!\xca,V\xa3y\x02\xd3\xdbs\xb7\x9b\x17W\x1b\x97\x96V=\x9e\xa5\x95\xb5\x8d\x83\xa5\x85\xd5\xd5U\xaf\xff\xf3s\xf7#\xa5"\xb4E\xaf\xe7g28\x9c\xba\xc5\x07\xe9\xc5\xba@[x(D\xa1\xb8\xf4R\x84#\xaby\xfe\xd5\xedw\x8b\xeb\x8b[++\x1e\x88\xb5\x8d\x05\xcf\x02 \xceo~\xf9t\xae)K\x96UP\xcce\\\xe6\xc8\xd4\x82\x0fg\xd3\x8du}\x91\x92\x0b)\xa8\xbe\xca\xa9f\xd3{g"\xe2\x8e\xae\xcd\xcd\xd5\x95\x95\xad-\x8fgeuu\xf1\xca\xbc\xc6\x1f\x8a7|\xcaU^\xac\xae\xe6\x082e2F\xde\x16-\xed\xb1\nX9\xf9u\xc55\x99\xd5\xec\x1a2\xb0\x1b\x8b%"m\x9b\x8b\x8b\x9b\xef\x17?,vu%\xa3\xf6\xf8\xf1D\x15\xf3b\xb5\x12\xc4*\x14\xa8e\xea\xba\'\x0bi\xba\xe8\xf6?r\xad\x0ch\xd0\x9crT\xa9\xcc\xe4J\xd5^o4\xb0\x7fr|\xbc\xbf\x7f\xb2\xbf\x1c&gt;9\xd9?\x81&amp;qB\xd2\xab\x98\xdcjnuqAa\xa3\x8c\xc3\x10@i\xa5\x1d\xeb\xb7\x9bbT(\xce\xc9Rr\x182\x99W\xe0\xb5\x87\x1d\x86\x7f\xff7&gt;B@\xa7\x1f\x07\xbf\rv\xbaX\x99Y\x08\xdd!S\xf4&gt;\xedX0\x0f.6wt\x08s\x84\x0cFaM\xcd\xd5&lt;AO08\xe4t~\xfc8\x05Pp\x1e;\x9dN6\xb7\x80\x0fT\\%\x07\xa88\x8c\xcb\xe2\xff\x07\x16\xedC\xb3\xb8\x03\x15\xe6\x8b\n\x0b\x19\x9c\xff\xf0rv\xb1i\x9dg\x1c/(p\x11\xc0\xa0\x13\xe9\xc8\xe7\x02\xe3H\x0e_\x87\xaf\xc0\xc18h`&gt;"sh\x85\x8c\xc90\xce\xc1^p\x1d\x82Z\rE\x8a\x88c\xcbp\x01\x89\xe4(X\x18M\x8c\xb4Jd+\xd4N\x9d\xabfiW\xd9\x17^-U\x9a\xd4\xba\xb3\xa3\xd9W\xeb\xbaF\xab\xa6\xadIT\xfb\xa2\xd2\xa4^\xed\xff\x1e\'\xdb\xc5&gt;\xd4v\xc6\x8f\xb0\x0f`\t\xfd\xce\xff\xf9|9\xe7\xb5\x8eu\xe69P]F\xef\xf9\xe0\x03\x8c\xcd\x97\xee\x0c`\xb168xj\xd0\x144\xb8\x99`\x9a\xa1\x9d\xc2\xdf\xbf&gt;\x02\xacoB|\x06X\x1e\x1a\xfeq\x13\xb9\xf2\x8b\x8b\x8b+\xa2-.\x06\x02\xc0\x1a&lt;u\xea\xec \xb4B\x16B\xac\x02\xbfy\x04X\xc7\xbf\t\x91YPo\xed\x83\x1c\xb4\xd3\xc9\x86+y.\x9f\xcf\xcf&gt;\x98\x9d\x9d\xcdG\x06\x0e\xb0\x06\x81E\x8b.\xac\t\xfa\xc8\x91\xa8%\x94\xbdz\xbd\xc7k\xa7i7\xed\xae\x80\n\xa3\x0c\x06\xc0?~\x94\xe7\x88Vg\xce\x9c"f"\xf5=\x19f\x1b\xbc1\xf9\xd5\x11\xa8\xf5\x05_\xc5\x8c\xaa\xb7\xeaY`aj\xa1\xd3\x8b\xa5\x95\xf5\xd9\x07\x1f\xe5o\x0f\\\xba4pf\xe0\xe0\xfap\x90F;t\xb2\xf5\x86}$\xdc~,tE\xfd\x8d*o\xf5ZE\xb9\x0c\xf1t\xa9\xb4x\xfb\xf2\n\xc9\xc7;\x97~\xf1k\x88u\x85\\Q\x0f`r0$\x9du/O\x8f\xb8?;\x02\xac{\x9e\xfej\x88\xf7\xea\xbdz\'\xedf\xe2\xf1R\x8c,\xc0V\xb0t\xc4\\|\xe7\xec\x95+WN!\xb8L\x06t\x9dp\xbd \xd8c]G\x83\xa5\xf7\xf1e\xcc\xf4zo\x9f\xd3IS\x14\xf5\x93_^\xbb\xfc\xb3\xf5\x95\xdbdMx\xf9\xec\xa9+$\xb2\x02AL\xf0I\xb6\x10\xf2R\xf1\x11\xed\xbd\xa3\xc0*X\xf5BY\xe0\xbd|\xa6\xce&amp;\x12\x16\xcb\xcfg\xae\xad\\[__\xb9\x0c\xac\xd7_\x1f|A\xc5\x19\x0c\xe1ZCp\xbb\xe2#\xba{m\xcfC\x82\xe5\xb3z\x84PH\x10B\x99Z\xbd\x90\xf1\xd8\x97\x90\x88\xeb\xb0\xc5\x81\xc5\x95\x92)\x80\xd5}d\x93\xe3\x92\xe1zC`M&amp;W\x97\xe5\x8b\xa3\xc1\xea\xf7xB\xe5\x90\x10\x122\x99F#s\x17P\x0ff\xf3\xeb\xb3\xeb\x8b\xeb\xb3\xf9\xfc&amp;\x17\x89l\xb6\x92\xc9\x16\xb4*\x18\x08\xd6\xf8\x1f\x8e\x02K?\xed\xb3\xda\xbd\xd5jh\xa3\xbc!4\x1ak5,\r[\xb3\xad\x07\xeb\xeb\x11\x14\xd4\xd6fkss\xb3\xd5j\xd5\x84P!\x1c\x14\xb1\xfe\xd4\xd9~\xac\xcf\nCV\xab\'#T\x9b\xe5\xbd\x9d\xbd\r(Vk\xdd\xbd[\xbf[\xcfc\xd9:\xdb\xaa\xb7jkk\xb5Z\xad\x11*g@\xe52\xc5\x87_\xfbkG\xfb\xb1\xbe\x02\x96\x1ey\x18j\xae\xee\x10+/\x0b\x8d\xbb\xb55\xa8\x86U+\x0ekk\xfbkk\r\x04_&amp;\xcc\x05\x02\x83\xa6.`\xb5\x7f\xcf]\xe7\xd7\x85!\x1f\x9aO\xc6[^\x9d\xdb\x99\xdb\x9e\x9b[mV\x85F\x19\x8b\xc6\xe5r\x99\xdc\x97\xb1!\xec\x0b\xa8 \x99\n\x13\x0c\x0c\x0c\xba\x8e\x06\xeb\x95\xd1\x9a\x88\xe5\xe1\x05p\xednmm\xedn\xed\x02nw{\x15\x98;;ss\xcd\xbd=PyY.b\n\x0c\xba\xa8\xae\xe1s\x81\xf6c\x1d\x1f\xad\x0f\xf9\x88\x17ya\xb9\xba:\xb7\xbd\xb5\xf5\xec\xea\xd5\xab\x8f\xf0\xeb\x19lk{\x1b\xea5Q\xd6\xec\x89t \xe02\xb9\xa8\x93\xc3\xe7"G\xa0\x96\xaau\xde\xe7\xb3Zy\x9e\x17B\xd5\xe6\x0e\x04\x9b|\xf4\xec\x11\xd0\xaeNNN\x12\xe1\x9a\xa8\x1d\xde\x99\x04\xb3X*\x91\xebU\x14\xb0$\xedW\xabssh\x9a\xc8\x852\xcf\x0b\xd5\xf7\x9bD\xb0\xc9\xc9G\xe2\xe3\xcf\xbb\xbbs\xd5F\xa1P\x98\x99aJ\x81t,v:v\x92\xfa\xe9\xc5\xcd\xa2\xba\xfd\xb9\xf8\x18X$\x153\xbc\xc0\xdfx\xbfZm\xce\xedN&gt;\x82\x11\xaa\xd5f\xa8P\xaf\xb3,\xc1J3%\x97\xebt\xack\xec\\\xe6\xc9B\xb6\xbd\xfb\xbe\x8fwd\x1f\x0f\xf5\xfb\xfa\xe1F/\xe4Z\xaeV\x97C\xcd\xe6\xea\xdc*\xf2\x11\x156\xe4\xad\x87[av\xc66C\xa7\x99t)\x16s\xc5\xba,\xe3\xf7\xb76&gt;\xcefG;\xdaG\xa6\xca~\xfe\xf4\x06\xb0\xacz\x1f$\xf3\xf2\xcb7B\xcb\xa1L\xc3\xcb\xf6\xb1\xadz\xadV\xa8\xd5\x9d\x95\x8as\xa9o\x89N\x97\xe0D\x17\xc9\xc4\xb1\xfb\xbf}\xfbW\x0b=\xfebV\xd5\xa6 \x1b-:\xbe\xdc\xbbO\xb4\xb2Z\t\x17\xd2\x11\x9d\xb1^c\x93\x1ci\xce\xe1V\xab\xceV*K\x89D\x02X\xe4\x1am\x8c\xa2&amp;\xc6\xa6\xdfz\xfbw\xef\xcdk\xe4\x8al{|\t\xaa\xdc\x93m\x11\x0bc3\x89{A w\xf8\xd8\xed,\'\x1a\x86\xf7p\xa5RI\xd0\x15:MQ\xb1\xd8\xc9\x18\xd5\xa5\x1d\xbf~~\xea\x9d\xad\x8f\x15\x92c\xc7F\xb3\xd9\xc3\xbed\xf0\x8a\xecV\xd1\xec\xc8\xfd~\xf7\x06\x82\xcbJ\xbeO\xb2\xc3\x8b&lt;\xef\xcd\x14\xeaX.r\\0\x92\xaf\x84\xb1\xe4HV\x12\x15\x9a\xa6h\xea4\x86\xc4\xae\x89\xe1\xf1\xee\xe9\x8b\xbfy\xe7or\xb5Z&amp;\x93i\xb2\xd9\xc3\xf4d\xa7\xe4V\xb1h6\xe7R\x7f\x99\x1a\x02\x96\xc7\x18\x8d&amp;t3^\x18\x9f\xc9\xd4\x93\xc9\x081\x0eHy\xae\x02\x1f&amp;\xc4\xd0\xa2N\x12,\xa3\xad\xfb\xb5so\xed\x1fS+%\x12\x89L\x9d-\x1e\xde\x96Su1\x95s\xf8!\xd6\xc2\xde\xbb\xfdC\xfd\xd6\xde\xa8N\xcb\xd0Q\x0f/b\xd5\xc2\x15LY\x81H$\x9fL\xe69g4\xaa\x85\x07\xd3\xc4\x8d\xc0\x9a\xb0\xf4\xda\xc6\x87\xaf\x7f\xd7\xa1V\x130\xd9\x89\x9e\xa2\xff\x90\xb8T\xa9\x05\x02\xe5\x98\x9f\xff\xb6\xfaF\x7f\x7f\xbf\xd5\x1eMhiZ;c\x85\x0f\xe1\xc5&gt;\'b\x1e\x8b\xd8pX\x0c\xad\x04E,\x8dx\'\xf7\x10\x1b{\xbb\xc7\x87\xa3\xdf\x12,\xb5R)Qj\x14\x87\xa3WG6\xb5\xb0`\x06\x95c&gt;\xf7|\xea\x02|\xa8\xb7\xf7\x1a\x134M\xebD.\x8cW}\xa8\xa1\xac\xd3\x99\x88:\x93\x0c\t,\nZ\x95\x80\xa5\xed\xea\x1a6\xf6^\xef\xb6t?\x86\x13OH\xa5 SH5\x87\xf0o5d\xa3\xc5Tj\xe1!\xa1r\xe4\x1c\xef\xbdy\x9e`\xd9l\xbd\x16,^\xe9\x84\xdd\xc7#\x15YbN(\x95\xa8pi\xbcM!\xb4H&amp;B.\xed\xb0\xc5v\xfd\xfa\xd8\xf4S\x85R\xa9\x94\x82\x0bXRE\x0fj\x85\xfa\xff \xeb\x1c-\xce\xe7r\xb9T\xca\xec0\x13\xac\xe7S"\x96\xdd\xd6k\x9c\xa0\xd3\xe9tT\xcf\xf3\x19;\x90\xc2\xe1$R\x10\xa8\x1c\xc70\x98\x1eJ\x04\nT\xda\x11\xcb\xf8\xf4\xf4\xf8\x87\xfbf\x89Z\xa2&amp;r\x01K-\x95k\x1cE\xff\x8f\xbeq\nyc\xf6\xc3\xcc\xe6\x1e\xfc8R\xb9O\x9b/\xd52Zt\xdat0\xcd\xa2;\xd6\x80\x94Lr\xc9J\x05P\x84\xca\xe4\x8a\x95\\\xa7\xe31J;12|\x80\xb5Q\x94\xa8\x95\xff\xc2\x92\xaa\xe5=\x8eb\xd6\xffc\xf6\xa7\xcb\xb2E\xbfB\xaePhz4\x1a\x05\x0e\xe6\xf9\xd4\x93\xe6\x85!\x0c6\xdd\xb6\xde^\xa3.A\xbe\x95a3\x19{\x0b)xPP\x19\xae\xc20\xa5\x12\x956\r\xba\xe2qJ;2b1\x8e\xbf\xfa\xea\xd8\x85\r\xf3K,\xb9\x94\x04?\x9e\xaa4\xe6l6{K-;\xfe\xc3\x82*\xeb\xd7 \x1a\xa4\n@\xc9\xe5r\xa9Tn\x9e\xff\xa4\xfc\x06z\xa2UO\xf6\x16@.\x861$\xd9Z\xad\x0e\x17r\xa8\x11\x1c\x87D\x84Z\xa5\xa0\xcbd2\xc5\xe1\xc3\x89a\xa8u\xf1\xe2\xd8\xcd\xfd\x13HCR"\x94"\x14\x0ex)\xc7\x19\xfbA&amp;\xf9\x01A\x95\xf5\xcbqz*9\xb4\x92\x8bT\xe0r&lt;\xdc\xbf\x0f\'\xfa&lt;l\xaf\xcd\x08\xb9\xdc\xe4\xdb\xa2p\xd8\xd9J\x92:\x0f\xb0H)\x82\x88#TX\xf4\xd0#\x13\xe0\x12\xf7lL}\xd7\t\x0e\xa5D&amp;\x93\x100%9\xe2\xa1R\xe0\x84\x11f\xb7\xbe\xdf\x00\xdb\xa9\xcaf\xa1\x94ZE\xce\x878P!\'\xfa\xab5\x8eO\xcb\xe7\xc5\xe6cCx\xbd\xc0b\xc3yN\xac\xf2\x01bA\x86\t\xc6\xe3.\xb8\xd0\xa0\xd5\xe9&amp;\xb4:\x8bel\xf8\xc3\xe6\xe7\x1dP\x0842\xa2\x97TI\xa8\x08\x9aJ\xa3\xc1\'\x13\xb0\x8e\xef\xd7h\xe4R\x95Z%B\xc9\xe5\x04K\x0c\tE\xcf\xc2\x06\xe4\xea\'\xd1e\xb3\xe9\x12\t\x86`\xb1N\xd1\x85b\xffah\xda`0\xc4\x83q\x14--\xb8@\x06{\xf7\xa9Z&amp;\x11\xc5\x92\x11\xb1\xa4`#\xcf\xc9K\x15&gt;X\xa9D\xc5\xf8\x9f\x8au\xaaU\xc5\xd4\xbcC\x0c*\x9c\nNF\xae\x92Bh\xd1\x8b\x84\xf2\xf9\x9b\xa4)Z\xad\xe2\x16\x11\x9d\x9bf\xc2N\xb6\x8e\n\x91GCD\xe1\x8a\xea\xdc\x06\x86!\xa5aB\x87\x07\xe4\xa2\xa8\xb8\xad\xf9e\xa7\xe4\x85\x0f\x01u\x10]\x07X\x1d"\xa7RI\x12\xf3\xbf\x17\x7fI6\x95\xca\xe5\xfcr\xb8\x0f\xfe\x13\xa1T*\xb9\x8aD=j\rL\x9a\xda\x9b"jY\xbb\xa1\x17Zc\xc2\x9dt\xb2\xecA\x91_Z\x8a\x1a\xa3\x10\x90&amp;=G\xa7\xb3\x88P\x06$\xe4M"\xd6\x81@\x92c\xc4\x87\x12\xc9\x0b*YG\x87\xe8L\x12\xff\xfe\xdc\x7f\x9e\xc7\x88\xf7@eVHU\xa2\xe3\x14"\x94J\x85\xb6!\x17+\x04\xa9\x13\xc7&gt;\x99\xbb9\xddo%^$z\xb9\x9dN\'\xdbw`33\xbd}Q\x94TJ\xec\xd0\x16K\xd4\xad\xa5\xe2\xc1\xa0\xc9\xb7\xf7\xb0SBL&amp;\x91\xcd?\xf4\x83\xe4\x9fb\xbd4\xfcQ-U\x98\x8b\xd9\x7f\xaf\xfd2R\x98rf\x12\x83\x07\xd1\xf4\x8f.\xae\x18\xb6m3\x8dJ\x0c\xc5\xe1H\x8abE\n6)\xd9\x81\xc8\xd6\x8e\xe2^\t\xe1\x1c\x14%\xa08\t\xd8\xc0[N@,\xa3\xcd\x12\x18\x85p`\xc1\x85\xab\x07\x0e\x9d\xb2\xa8\xc3\xa1\x83\x00\t\xe8\r\xed\x18k\xd2\xdd,-22D\xeaV!Q4\xc41\x02(\x97\xa1@\x81L}\xdfG\xa5-\xfa[RLI\x91\x9e\xdf\xf7\xbe\xf7\xbd_\x80(!#\xa9\xaa"6Z\xfdI\x8bA\x15H\xfb/\xfe\xfb/h\xeb#\xd0u\x15tm\xef\xef\x13\xaeo?\xfd\x04\xc0\x0e\xeb\xfb\x9b\xa5M\x88\x8aP\xedm\x9f\x00\xd5\xb5k7\xbe\xfb%\xcfo\x8c\xab&lt;\x9b\x8eWs!\xb3A\xc7D\x1a\xd5\x96\xabHV&amp;\xc9\xb0\x0b\xed/6\x854\xd5\xa9\xc9\xaa\xcaV \xa9\x80$\xe0\xa0\xd8Y\xf6\xa6q\xbc\x12\n\\D\x19&amp;\xfd\xe2\xa7o\xaebQ\x1d\x0f\x0f!\xa6\xfau\xa6\x0c\xb7\xf7K\xfb\x187GG\xc7\xf0\x85\xbd\xedR\t\xa8\x0e\x9a?\xfe\xaa\xadai\x1b\xfd\xa9\x11\xc4\x17\xb3I\xbb\xb8\xb1\xb1\x91g\xa5Qi$\x99\x84\x8f\x03\xb5\xe0u\xfe\xd4\x94\x1bj\xc3k\xb7&lt;\xd6\x92\xc0\x0b\xc5\x039\xded5\x8e\x1c\xd3\xd0\x07-\x890Q-\x05\xe5\xc5\xffo\xa2\x82@F\xe6\xb5\xbd\r\x9a\xae\xdf\x81\x7f\xd5\xf7\x91**{_\x1fo\x1d\x1f\xe1\xee\xd2\xce\xb5[\xb7\x0en\xfd\xf0\xf6\xab\xbc\x98Kk\xa8\xac\xc2(\xc4\xa5;\x9e\xad\x96\xa3E\xab&amp;+b\x8e0\xd3;\x16\x15\xe2N\xaa\xb5\xdf\'\xeb\xbf\xa9\x8f\x10\xf1\xbc\x86\xc4\xd0\x89+\xd2\xbb\xeb\xb6\x97\xe3\xae\xe5\x18A`\x18\xd1c7%\x8b-l\xf2\xf6&amp;}]+\x9dA\xdb\x87\x87\xe4\x11\x04k\xbf\xb4\xbf\xf7\xf5\xde\xf11f\xe1Ie\x13\xa0&gt;&lt;\xf8\xe6\xed&lt;\x9f\x13\xd9\xa7\xb4|k\x10\x87X\x81\xa5\x1bQ\xdc\x9d^\x8c{\xe7\x8dT\xf596\x10\x82.\xc8^\x9b+\x99{\xf4\x15@\xb1\xa8\x80\x08\x1d\xe76\x1an\xad\xd3?\x1f\xc4\x8eo\x9a\xbac\x97\xcbvw)\xb0\xec\xd9\xc2\xc4\xb3\xd7\xb7\xe9{d\x7f\xbf\xf1\x90`\x81-d\x88\xfa\xf5f\xa9\xb9\xbd\xbbWA\xcaBt\xa8\x94v\x0e&gt;\xbf{\xfb\xed|#\xd54u\xe1*\x0c"K7A\xbf\x15\x85Q`\x05\xc3e\x83E,\x15\xb9\tR\x8f\xd5\\\xaf\rQym\x80r\xf9a\x9a\xcb5\x84\x86\xd6d\xd5K\x02@\x02\xa6j\xd5vt\xcb\xb8Xp;\xf2\x92\xc4\xce\xd3\xdb\x1f\xf3\xd7\xee\xf6*\xfb\xdb\xbb\x9f\xd6\xef\xd4\x0f\xeb\xf5CX\xfa\xee\xc9\x1a\x16}\x90\xb4y\xfbu\x8a\x8a\x91\xe5\x16C]7L\xc7\xb1\xc0X\x1c\x05\xc9\xf0\xe5\x04\xef\xe5\xb2\xd3\xcb\xd2\xba;\x9917\xd38E\xa0j\x14RL\x88/\xb5\x86\xb7X\xf5\xa6\x86\xef\xe8\x86aY\xa6\xef\xe06\x88\x0ccpV\xfc\x03\x97"\xbfy}\xf3\xea\xee\x8d\x87{\x80\x01\\\xd0&gt;`\xed\xa2\xff\x8e\x8eN(3\xef`\x16]\xff\xe2)\xe9\x8a\x10\xe1G\xf4z\x96e\x18\xba\x15\xc7q\x18\x19\xc9x\xb5\xf0\\W\xe6\xa9\x06\xbfV4U[W\x13\xe6\x96A\x8a\xaa\xd14\xa6\xe4\x82\xa7\xb9\xad\x15\x04e\xea\x16\xbd\x84\x01\xce\x81\t\xda\xd2M\xdb\x19\xb7\x8a\xeb:R!\x95\xd3_\xfe\xfd\xcf\xab\x0f\x91#*\x95C\x82\x85E\x1dpt\xb4u\xef\xde\xbd/o\x1d\xfc\xe3\xb3\xd7\x0bM\xcc\xa6\xa5\xc1\x8d\xfc\xb8\x9b\x80\xa3 \n\x03\xbc\xdcp\xe9q\xf5d\xd4\x00\\A\xfbY(H!\x9d)\xe8\xca\x0c\xa4Nn.\x15\x1a^\xad\xd1?\xefM\x03\xdf\x06O:ti\xeaA@\xb0,\xdd\xf1\xcb\xb6\x11\xf5Z\xc2{\xbe\xf0\x1f\xc4\xe2\xfc\xe9\x17\x1f?&lt;\xd9\xc2n\x03\x90\x9aM\x98\x05&amp;\xe0\xf1\xd1\x07\x18\xd4;\xf7\xbf\xfd\xdf\xbbS\x14\x90\x85L\xd8\x94\xf38L"\xd4\x10\x85\xb4\xa2\xc1"\xaf@\xc4\xae\x8b+\xea\xa7d\xb5\xa2"\xb0I\xb8\x9dB^\x9325\ny\x92\xec\xd6\x1a\xb2\xb7\x9a\x1a\x8e\r;\xd0u\x13\xaa\xc4\xbf(#.\xa6m\xdb\xbe\x19\xe8&amp;\xe3\x92\xde\xe3\x92D\xf9\xec\xdd\x7f\x9a\xe4\x9a;\xd8\xdf\x97\x9a\xf5&amp;\x0e\xb6\xb6\x00\xabt\xe7\xd7w\xf3l&gt;\xbb.\tJ\x98\x1fM\x1d\xc7\x87\xd8#\xd40\xe9-\x00\x08L\x80\x11YM\x03\x98D\xaf)\xbbr\xff\xe5\xac/e3\x052\x03\x08O\xf2\x96\xbd\xd07IO\x86I\r\xaa\xd5\xba\x00\x00\x03\xbcIDATb\xa7_\x1cGwX\xf4\xb6\x8f\x9f\xb2\xd9\x9b\x17\xd7\xb0x4\t\x8a\xd2y\xf3\xeani\xf3\xde\x97\xd8o\xc0\x1eJ\x95\n\xed\xc5\x0e\x9e\xbf\xe9\xd0\x14N\x8d\x9c\xa7\xce\xe2\x02\xf5\x0b\x820\xe9v\xe3\xe4\xb2\xef\xc1\x8e\xb0\xe7\x80M\xa6Q5\x1d\xc1x\xedb\x7fhMW\xb5\x0c\x10\x12\xe8\xce\xf9 t\x00\x86\xd81\x88-\xb4\xb1n\xfav\x95\xce\xa7S\xbd\xc2gD\xaa\x96\x9dA_YG\x9d\x9415\x9b+&lt;y\xf6\x1c\xc1\xf4&gt;\xb8jBg\x9bw_={\xf2 O\x8aR\xd6\xb0rJ\xfel\x10&amp;Ih\xe9V\x84\x0e|\xdc\x06\x02\xd2\xb7\xc83\x9ac9$\xab)\xe4\xe0\xfd\xa1a\x85\xbd\x0cz\xaf\xd5\x1f]Nc\x83(\xe2\xf2\x19\x80\x03\xaf\xaab\xd1\t}\xd2\xf3\x0eU\xabe\x98\x981\x98\xc8\x7fZ\x92\x8a\xb9\x99\x17\x1f\x9d&gt;\xf9\xfe\xd9\x9b\xe7\xaf^=\xff\xf9\xd9\xf7O\x1e\x89&lt;\xf2R\x7f\xe4%.\xc6\x10\xbb\x85?:\x8c\xc3\xe1\xb9+\xa0c\x14\x89v@i\x02 \x9a$&lt;[+\xb8\xf2\xa8k\xa1\xc52\xb5\xf9\xf9x\x1a\xd9e\x07\xed\x01\x9b\xf2\xc9;\xab|\xba\xaf\xf5)\x86@R\xb5\xea;\xe4\x81A\x14\x18\xd3eC\xe2\x97\xe1\xa6\xe4\xdc\x83q.\x16\xf1\xdb\x83\x07\x0f4E\xcc\xe7\t\x90\xc2\xa0DF\xa5\x8c\x86\x019\r\xfe\xe8x:^\xa2\xb5hd@]tUi\xb0 Hq\xbcW\xa4\xe2*F\xabZ\x99\xe58\xaa\xf2*\xd3\xe5Jz\xc2\xa3t\x81$\xdcW\xb6I\xa9\xa44T\x00\xaf\x1e_\xce!\x84\xb4\x92\x05d1\x95\x06)\xcdv%\xdd@0$^)ey\xf7|\x1a\x90aA\x17\xc9l4\xc7&gt;\xb8\xe6\xd2 aWR9l\x01U\x0e\xd1\x00\xba\x17f\x01\xa6f\x94IL\x9f\xeaU\xb6\xed\xb5\x82\xd6L]Y\xf3\x84\x07\xca\xben\x10\x91&gt;|\x02w9\x18\x19H`\x12aI\x05Fzed8\x06&lt;\xedwX\x00%\xcegIL\xdd\x97\xc4\xe1\xc5\xc8\x95\x89!\x98\x150a?K\xe1\t\r!\x01\x15\x98\x82K\xb9\xb5\x1e\xbbR\xc67\xed*\x19\x00U\x8f\x96]\xae\xae\xd9K\x7fK13\x8f\x04\x14\x93\xc8q\x92\xcbIC\x94\xd7&lt;!jP\x1f\xc9\xeaZm\x1a7\x17\xcb]\xc9\xe5\xdbK\x8c\xe78\t\xa9\x0b\x07#pD^%\x0b\x10\x11\xbaE\xa0\xf4\x84\xfd\x06\x824\xf0q\xc4i\x8d\xc9\x93\x8c\x0c1\xe0\x98\x0ep\xd1\x82\xb7\x80\x1d\x9b\xae&gt;\x8f\xe8r\n\xec=&amp;v\x10\xa8\xb7{\xb9(`\x8e\xa9\xeb\x8bJ\xe5P\xd3\x80\xa1I\x0c\xab\x08\xb66j\xa3^7\xc6\x94\x08\xc2\xc8\xd4\x07#\xc4\xccS\x0f\xe3\x8dD\xe5r\xa4\xcb*\xaaF&gt;\xa2q\xc2\x83\x7f\x9d]\xa0\xdc\x86\x9e\x01KUB\xe0\xc3\x11LLR\x8cR8\x03(\xc1\x83\xd4\x006p\x93\xbe 0\xc2\xec\xd0\x0c@\xa7:\xddY\x9f\xeaH\xe2O\x9d\x90(\xc31v$\xb4\x8d \x0bm/1\xef\x83\x18\xc3\xc6B\t{g\xb5v\x9b&gt;\xd1\xf0&lt;\xb7@C\x18OG\xc5U\x01\n$\x9e`b\x9aT&lt;\xbb ;\xd03\xe4\x04d\x07\xacl\xf2\x07\xb41\xcd\x1dj\xbc\xd4W\t$0\x07\x96O\xe8\xc8Y\xc9\xf3\xa3h\xfar9w\x05\xd6\xadL\x8d\xa9\xd2\x06\t\xb7\x82"d\xf3\xc5F\x7f5H"\xca1\xe4\x80V2kQ\xe75j\xf4\x81\x06\x19\x15ocT\xdaV\x81-\xde \xd3E\x98\x0fPDh\x0b\x90\xaa\xfcn\xe52Z\xd8L\x9bN7\xd2\x81h\x10}8$\xb1\x93\xf8\xc8\xd3@,\x9e\x81J\x1aFr\xf1x\x82w\xa3\xf7\x93Uv\r\xd4S\x95\x94\x82w\xb6|9L\xa2\x10\x0ejq\xc0\x02*\xd2\x93$\xa7\xfb)\xf2\xce\xac\x92\xaa\tE\xa4\x0f&amp;\xe0\xf4\xc0(w\xa0-+\x0c~\x03\x91-\xc6\xce\xdfn\xd2\x99\x00\x00\x00\x00IEND\xaeB`\x82'</t>
        </is>
      </c>
      <c r="M149" s="3" t="n">
        <v>45492.67782407408</v>
      </c>
    </row>
    <row r="150">
      <c r="A150" t="n">
        <v>551348</v>
      </c>
      <c r="B150" t="n">
        <v>1966</v>
      </c>
      <c r="C150" t="inlineStr">
        <is>
          <t>Hyoran</t>
        </is>
      </c>
      <c r="D150" t="inlineStr">
        <is>
          <t>Hyoran</t>
        </is>
      </c>
      <c r="E150" t="inlineStr">
        <is>
          <t>MEI</t>
        </is>
      </c>
      <c r="F150" t="inlineStr">
        <is>
          <t>MC</t>
        </is>
      </c>
      <c r="G150" t="inlineStr">
        <is>
          <t>MEI/MC</t>
        </is>
      </c>
      <c r="H150" t="n">
        <v>174</v>
      </c>
      <c r="I150" t="n">
        <v>7</v>
      </c>
      <c r="J150" s="2" t="n">
        <v>34113</v>
      </c>
      <c r="K150" t="inlineStr">
        <is>
          <t>Right</t>
        </is>
      </c>
      <c r="L1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004fd13-cb0e-43f7-8c72-933cb47c5a8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fV\x15\x00\x00\x00\tpHYs\x00\x00\x0e\xc4\x00\x00\x0e\xc4\x01\x95+\x0e\x1b\x00\x00\x03\x00PLTE\xff\xff\xff\xfe\xff\xfd\xfc\xfe\xfe\xfe\xff\xff\xff\xfe\xff\xfd\xfe\xfe\xdc.#\xfe\xfe\xff\xff\xfe\xff\xff\xff\xfe\xff\xff\xfd\xbe\x8fv\xbb\x91y\xe21&amp;\xb4\x83i\xdf1&amp;\xe0/#\xbb\x8ex\xbf\x91x\xc3\x94{\xb6\x85l\xe5\xe6\xf3\xbb\x8cr\xc1\x98\x823&amp; \xb7\x89q*\x1f\x1a\xac\x82k\xb0\x82k\xc5\x9f\x898*#\xba\x8du\xb1\x80f\xfd\xfe\xfd.#\x1f\xac\x7fg\xe33(\xbe\x93}\xb8\x88m=.&amp;&amp;\x1c\x18\xabz`\xb4\x88p\xc8\xa4\x8e\xb5\x8fw\xa7\x7fh\xb2\x86l\xfd\xfe\xfc\xae}c[C8\xe4\xe5\xf0\xb7\x8cs\xfc\xfc\xfa\xa1t]bH&lt;\xfe\xfd\xfd\xb1\x8bt\xa6w^\xb2\x85q\xbf\x95\x80\xba\x89v\xe31$\xe1\xe4\xf1\xc5\x99\x81\x9bu_\xc5\x96~\xc2\x96~kQDQ&lt;2\xc2\x9b\x88\xdd\xdb\xe7\xc0\x8brH7-\xe0\xe2\xe9\xa2|e\xa9|h\xde\xdf\xe7\xc8\x9f\x8d\xbd\x8cv\xb6\x86r\xa6{cB/%\xc2\x92x\xaf\x85n\xbb\x89o\xe2\xde\xe9\xfa\xf8\xf7A3+\xe2\xe7\xf1\xc4\x9b\x84\xb5\x8auI&lt;5\xb5\x91|\x9dpY\xda\xda\xe5{[J \x18\x14\xcb\xa7\x95iK=\xe9\xe5\xf1\xd9\xd9\xe1\x98lW\xa7\x82m\x88bQRA7\x81`OM9.1"\x1b\xe1\xe1\xee\xdc1\'\x8diV\xa0ve\x92nY\x88fU\xdd\xde\xebXJA\xe0A6\xac\x87r\xcd\xa3\x91\xfd\xff\xff\xba\x91}\xd792\xeb\xd7\xdfF4)\xe4\xe3\xec\x9byf[&gt;1\xa8wctVHtSC\x89[K\x7fQC\xe6\xd2\xd9\xd8\xd5\xdd\x94fS\x90o_\xe8\xe2\xec\x95tb\x8ebP\xcd\xc6\xc4\x97p^\xe6=1\xdf7,_PF\xd73)\xd5kg\xcb\x9e\x88\x83[J&gt;) \xc3\xa9\x9d\xe2\xdb\xe3\xd8D&lt;\xc9\x9b\x83\xfa\xf4\xf3\xe5\xca\xce\xa0\x7fk\xe8\xdd\xe8\xe7\xaa\xab\xbb\x99\x85\xda\x81\x80\xd4SM\xf1\xee\xecQF&gt;\xcf\xb3\xaa\xda\x8a\x88\xd9\xd0\xd9sYM\xb2\x94\x84\x96\x8f\x8a\xcfIC\xa6\x86r\xd9`Z\x81eXbWP\xdbYS\xdf\xa6\xa9\xd8KC\x81vo\xf4\xf3\xf2\xdb\xd5\xd3\xd6yw\xde\x9f\x9f\xa8\x8byz`T\xe0J&gt;\xb6kc\xd0]Y\xec\xb5\xb7\xcb\xab\x99\xe9\xc2\xc5\xa9\x91\x82\xe4\xba\xbf\xea\xe8\xe6sK=\xf9\xed\xeb\x91iY\xaaaP\xdfxt\xddQG\xacud\xcd=4\x9fna\x9d\\S\xe2\x97\x96\xadzl\xc4\xa4\x90\x88m`\xe54+\xe2\xb2\xb5\x9b\x80u\xb4~o\xe4\xe1\xdf\xc5\x8dw\xdcql\xf1\xdd\xdb\xc0\xb9\xb7\xd4\xce\xcd\xadm]\x8fMJ\xc9\x95\x7f\xcc\xbd\xb9\xed\xbc\xbe\xe3\x90\x8e\xbd~o\xac\x99\x8e\xe2\xdb\xd9\xd9\x92\x93\xed\xcc\xd3\xe2\x85\x84\x93xl\xe6\xa1\xa1\xc2\xb0\xa8\xef\xc7\xcb\xa1\x8d\x84\xdb\xc6\xc4\xb3te\xddfa\xb3\xae\xab\xcd/(sjdn`X\xf4\xe7\xe3\xf2\xd1\xd4\x8b\x81zK1&amp;\xbawm\x9dQC\xa9b`\xc9pl\xbd\xa0\x94\xb6\xa5\x9f\xa8\xa1\x9c\xef\xdf\xe7\xce\x87\x85\xc6WR\x85FAM\xf5*\xdc\x00\x00 \x00IDATx\xda\xbc\x98OH\x1bm\x1e\xc7\x8dq\x88\x9a%\xd0(\xe9\x18\xd3\xd1\x99\xd0Lj\xd7\xc4\xd0I\xd2\xf4\xe2\x9f\xa4tp\xb1$*\x19\xba\xb3A\x1b\xf0u\x9c\x80U\x86\xfa.\x0c\x8a\xbe\x0b\xbe\xd8\x14\x06\xd4\x83/\x85Br\xb09\x98C\x12\xb0\xb7\x97\x94\x9eW(\x1e\xe2\xe1=\xac\x07\x8f!\x82=\xad\x97\xfd\xfd\x9e\xb8\xecy!\xe9\x0f2\x89&amp;\x98\x0f\xdf\xef\xf7\xf9&gt;\xcf\xd8\xd1\xf1\x7f\x0fE\xc6\xe4g{\xfd\xfep8\xdc\xd9\xc9\xe6\xb2\xd9\xfa\xed\xedEY(\xe7\xca\xc9N\xbf \x94\xabe\xf2\xa1\x0e\xaa\xe3\x87\r\xf9\xc2.\x16\xc7/$\x05\x8aMf\x0b\x85\x9b\xeb\xe2\xcd\xc5y\xad^I&amp;\xab\xe5j\xf6\xa2\x89E\xfdh,\x1c\x96\x15\xca\xbf\x85\x93\xbfeKF\xb1hh\xdau\xa3X,\xd5k5\xa0\xab\x82d,\xfb\xc3\xd5\x02"\xc1\xcf\x86A\x96\x8bl\xbdT\xd44\xc30\x14EVd)_l\x14J\x85j\xee\xbc\x9ad\xdb\xafV\x0fNG\xcf\x7f\xc5\x12\x84\\.w\xfeG\xa1Q*\x95\xae\x81(\xa0\xc5b\x92$*\xa2$\xc9\x9a\x967J\xb7\x179\x81\xc5\xcfZ:\xba\xdbHE\x88L\xff\xb3\xaf\x9c\xad\x17P%p/\xa0\xc4\xc4XL\xe7i\x9a\xe7\x13\xba\x0e\x92\x89\xb2V\xbc\xa9$\xfdHe\xe9\x82\xe9\xeen\x9bX\xbd\xbd=\xe6;(\xbf\x90\xab\x95\xb4|&gt;\xaf\x19\x90)E\xd5uQbh.\xc3\xf0\xba.\x81^\xa2\x0c\xef\x15\xce\x93,\xdb\\\x1e\xc0\xd5.\xb5z\x01\xcb\x82L\xb0\xd2\x84\xcb\x02$\x1c\'\x1a\r\xa9\xa2\x9e\xd0E\x9e\xa13\x0c %xx$b\x80u\x9bK\n~*\x1c\xa6\xe0\xd1^,"U\xaeV\xaf\x97d\x11\x98\xf2y\xcc\x14(\xc5K&lt;\xcf\xf0\x92\xc8\xf3\xf8\xacK\x80)+\x85\xaa\xe0\xef\x04$?H\xd6.,s\x8f\x89\xa5P\xac\xce\xe4%\xac\xbc|&gt;\xa0\xc9\n\x8e\x9e\x90x\x9a\x01\x18\x86a$\xbc\x10\xb2DB\x8d]\xd7\xca\xc9$\x18\xeeG.\xaa\xa7=j\x991\xb6\xe0\x07U\xad\xff\xeb:\xafi\x01E\x8c)\xb1\x98\x08 \xb4\x93i\x0e\xcfdh\xf0\x91\xe6\x18\xe6PW\xf3\x8d\xda\xc5%\xf8\xe8\xf7S]T\xfb\xd4B\x07\xc3I![(i\n\x02I\xf0P\x13\x19\x8es:Q.\x1a\xc6\x99\x01\xe9\x9c^\'\xe7\x04\xc1$\xf9\xbaT\xa8\x08l\'\x85\xc97\xb5\x07\x0b\x94\x82\xbf\x1f\xae\x9e\x17\x0cC\x83\x94\x8b:\xa3K:/q\x88\xc5!\x16&lt;{\x19\xf8\xd9\xbb\xe8\x04P:\x939\x0c\x84\x8c\x9bsA\xb0\xb0\xfe\xae6bA\xdc\x85J\xc1P\xb4\xd8!\xaf\xaa&lt;1\x8d\xa1\xbd^\xef\xa2\x97f\x18\x0e^p&lt;\xcdy\x81\x92\x03\xbd\xbc\x99\xc3X `\x14*\xc9\xb0\xdf\xdf\xae\xba\'ju\xb2\xc9\xba\xa1\xe4\x15\x8c\x90\xceg\xc04/\x04\xcb\xbb\xd8\xc4\x02\x89\xd0A/\x10y\x9d\xd0\x16\xba\xae*[\xa0W%)\xb0\xed\xda\xb7\x89Z\x9d\xe1\xea\x8d\xac)b\x86\xb8\x06Vy9\xa4A,\x9aF\x89\x18 Z\x84\x1f9\x1a\xea^\x14\xc5\x98\x1a\x08h\xb7\x15(\xba6\x1dr\xccf\x0bb]\\k\x86"9\x17iH8x\xe7D*\x04\xe18po\x11s\x85T\xb8\t%`\x1b\x82\'5\xa04j\x97\xc0\xc5\xb6A-\xb3\xd9\x0c\x0b\x91x\x08; \xef]\xc4u\x07X\xc4/@\xc18\xc1\x15\x7fG\x0c\x85\x95)\x91\x86\xe5\xf5\x98\\\xac\xe7\xca\xb9d{\xb0L\xa6.,\xf8\x82\x16PUzq\x91\x86 \x01\x16R8Q54\x8f\x83&lt;\x01\x1b\x07\xc4\xd8\xa9\xf0\x11\x0e"\xa8\xc6\x0c\xd8\x1c\x856\xaaE\xb1\xe7\xa5\xbc"&amp;\x9c\xf0\xdd^o\x06P\x08\x17\xe2\xe1\xf2CT\'G"\x06m\xc1\x117%QT5\x0c}[\xb2\x05T?c=d\x8b\x8a\x88\x95\x80]\x95\xc1\xe1\x08\x9b\x13\xa1\xe0w4CV"\x83\x16s\xd8\xaa\xb4\xc4\xeb\xaa\xd1\xa8%\xdb\xb3\x12\xc1C3\x9cG\x93\xff\x96E0\x07\xa2\x94\xa1\x99\xc3D\xe20\xa1\xc3N\x83\n\xdd9\x07\xc8\xce\x0c\xee\x88\xfc!\xb4\x07Q\x90Oh\xc5\xdb2\xdb\x0e\x0f;\xcc\x94\xc9\x027\x14\xe5\x1bId\x88\x7f\x19\xd8\x8a\xb7\xb6\xb6\x02\xe9P\x0cN5:`$t\x15\x06HU\x15ZtK\xfd\xfe\xfd\x10&gt;\x86\xfb\x92j\xdcT\xc3\xe4\xa0\xda\xd3m2\x9b[\x88E\xceY,Um0\x98d\xd8V\xbe\x03\xd1\xce\xc2\xc1\xc1\xc1\xc2v4\xba}\x1c\x8d\xa6\xd3\xd1\x9d\xed\xedh:\x94\x8e\xc2\x8b\x9d\x9d/_\xd2[\xdf\x0f\xa15hZ\xcf7*\xfe&amp;\x16\xd5R,\xb3\x19\xce4l\x98\xaa\x14!&lt;\\&amp;\x93\xd8J\xef\x1c\x1c\xbc\xdb]\xda\xdd\xdd][\xfb\xba\xb7I\xe6\xcd\xc4\xde\xaf\xab\xeb\xcb\xeb\xab\xcb\xcb\xcb\xef\x96\x7f9\xd8Io\xc1\xea\xe08&gt;V\xfcC\xa0\xc8\xc1\x16\xc3\xd0B,\x8b\xa5\xd3\xd2\x15fk24\x13J\xb5s\xb0\x9bJ--\xa5R\xa9`$\x1e\x1f\x1d\x1c|;77\xf7l\xee\xa7\xd1\x0f\x9b\x13o\xdeL\x04\x83\xf8\xee\xbb\x83/[\x87\x10|FT\xc0\xc5N\xd0\xbb\xd7\xd2b,8=\x84\x85dA\xa6as\xfe\x1eZX]JE"\x80\x14y\xf4hl\xd8\xe5\xf3\x8d\x0c\x0c\xcc\r\x8e\x0c\x8c&lt;{\xfbv\x10\xc6\x1d\x8fG\x82\xc1\xa5w\xbf\xfc\x03\xb8`\xa7\x14\x8dl\x12\xcf\xa9\xbd\x16\xaa\xa5Xx\xd2\n\x87+\r\x19N\rjhy\x89\x00\xc1cllx\xd8f\xf38\x1cCC\x03\x03CCOFF\xfe:\xf2\xcc\xe7\x1bt\x8f\xc1\xbb\x91\xd4\xd2;\xc2\xc5\xf1r\x01n\xb2\xc3l\x8b\xb1\x80\xebg\x8a\xad\xde\xe4e^J\x84\x96A\xa6G \x132\r\xdb&lt;\x9ey\x87\xd5n\xb5Z_Z\xad\x8e\'8\x1e\x9f\xcb\xe5\x86w\x1fE\x82\xa9\xdd\x83\xd0a\x86c\xa4\xd29\x15\xeej9\x16\xb9\xe1\xa9\x15e\xb8\xc7QW&amp;\x9aP\x80\xd4\xdfO\xa0\x1c\xf6Y\xfb\xec,\xa0\r\x01\xdd\x90\xc31\xd0\xefs\r#V$\x1eI-\x87\x12p\x9c6.\x04\xd6\xc2\x9aZ\x9b\xad\x0el\xf8r!/\x8b\x89Dzo\xda\xdd\xd4\xc9\x06H\x0e\x87u\xd6\x0eL\xb3}}v\xa4\xb2\xdb\xe1\xe2\x18\x18\xf0\xd8\x86\x87\x89\x91\xc1\xd4\xc2\x16\xd4\x9a\\\xc7{Y\x13\x1c\xbd[\x88\xd5\r\xc1\x10r\x04+\xb62=\xeaF\xa6~\x84\xb2\xda\x81\x87\x0c\x90\xd9\xc94\x05\xf3\xf4\xdbl\x84+\x18\\\x8b\xaa\xa2(\x15\xca\xcd\xa3\xa0\xd9\xd2Z,\xffyC\x96E1\xbd6\xedv\xb9\x00\xcb\xe6\xb0Zg\xa7&amp;\x9bC\xc0\x00\x11!\xed\xd6{\xf7\xc0G\x1b\xe1\x82|M\xacl\x89\xb2\xd88\xa7X\xaa\xcb\xd2\xd2\xdb\xeb\xee\xe66\r\xd1\n\x1c\xafE\x06].\xf8\xce~\x87\xbdor\x1cfrr\xaa\x89\x85LSS\xc0\x05\x92\x11.\xc4\x02\xae\xd5\xb4*\xcb\xc6\x05\xc1\xean\xe5?#\xa0 \xd8\xf2-x\xa8FO\xde\xc7\xddn\x17D\x1d\x0c\x9c\x9a\x02\xaa)$!L\x88\xf5\xf0\xe1\x14@\xdd\xb3\xbf\x1c\xf1\x80\x8f\x88\x15\x8f\xbc_\x08\xc8r\xbe\xeeo\x0bV\xae \xcbj`{}"\xeev\xf9&lt;\xb8\x02\xed}}\xe3\xe3G\xe3}SwJ\x91\xb1\xf7A\xb6\x9e\x0c\x81Z\x1e\xcf\x9d\\\x13+\xa1\x98(\x17\xf0|\xdaZ\xac\x1e(S\x88VL\t\x11,\x1f|%\xc8\x05\xe1\x02\x1f1Y\xcd\x95H\xa0H\xe8a)\x0e\xdce\x0b\xb1V\xa3\x8a.]_\xb2\xd8\xc9\xad\xbc\xbd6ak\x19r,\x10]XM\xc5]#\x1e2\xf3\xf3\x8ey\xc7\x0b\xeb\x0b,S\xec\xadY\x12+\xc0z\xe9\x98\x07\xa9`\xc6\x9aj\xadn\x07T)\x7f\x8br\xb5\x14\xab\x87\xa2r7yEIo/\xac\xa7\xdc&gt;\xf0\xb0\x1f\x9at\x9e\xa0\xbdx\xf1\x02:\x81@\xf5\xcdZ\t\x96c~\x9e\x14\x04V\x17d+\xb8\xb6\x80.\x96\xaa\xe4,hii\xc9_6\xb4\x00\x88\xb5\xb2:\xf1\x17\x82\xe5\xb1\x11\xa8y\xd4\xcb\x8a5:\xdb\x87n\x92\xdejb\x01\xd4X\xb3\xea\xdf\xafD\x03\xaaX\xbc`[|p\x86\xb5}Q\xd4B\xd1\xe3\x85\xf5\xf7o\xdc&gt;\xb2\xca\x90\xea\xc5l\x13\t\xb3NB\xd6\xac\x07\xe8{\xe8S\xa2\x15p\xc5\xe3\x13\xeb\xc7\xe9\x80\x9c\xaf\x85[\x8f\x95-j\xd1\xcf\x9fOV71Z\xfd\xe8\xa2\xc3\x01\xbeM\x8eO\xdeU\xea\xf8\xd1\x11T\xd8]\x91A\xa7:\xfa\x871\xf0q\xc4\xda;96\x94|\xbd\xd57e\x04\xcb\xf8|vv\xb6\xb69\xea\xf3\xf9l\xb8\x14\x1dvDy\xb0\x7f\x04&lt;\xaf`\xf6\xf7\x8f\x80\xe9\x88\\\xc7\xa7\x1eZ\x07l\xe8 P\xc5\xa7\xf7\xd6?G\r\xc0j\x83Z\xd7\xc7gWW{\x13\xd3\x83&gt;\x083Z\xe8\xe8\x1b\x7f\xf5`\x06\x07\xae\x0f\xf0\xd5\xfe\xfe\xfe\xcc\xe3\xc7\xf0\xfcj\xfc\xfe\xc3{C\xfdd\xaf\x8eD\xa6\xa7\xf7~=\xf9\\,6M\xb4\xb4\x14\xab\xd28\xf9\xf6m\xf3\xc3\xf4\xe8\xa0o\xd8=6\xecs\x8d&lt;\xf9\xd3\xc3\xe73M\xa0\x8d\x8d\r\xb8\xcc\xcc&lt;\'/7f^\xdd\xbf\xff\xf1\xef\x7f\x9e\x8b#T0\x18\x9f\xde\xdc;;\xb9\xbe\xce\xb2\x94\xa9\xa5XP\x10\xe7\xa5\xb3o\xdf\xbe\xfd4887\xe8\x86\t\xa6\xdeL\x7fx\xfa\xf1\xe3\xa7\xd3\xd3\xdf?=\xdfx\xfdzc\xe61\n\x07\xaf\xfe\xf9\xfc\xe3\xa7\xbf}\xfat\xfaas\xed\xeb\x12\x9c\xea\x01\xeb\x03r5*,\xd5c\xb1t\xb7\xb4 \xaa7W\xbf\x9f\x9e\xbe}\xfa\xd4\xe7\x8e\x8f\x8eN|]^9\xfb\xf5\xea\xea\x0cn\xc5N\xaeN\x9f\xbf\xdex\xbd\xf1\xf81\xa2\xfd\x87U\xf3\x7fI{\xdf\xe3\xf84?h(\x81\xfa\xa1\x90\x8f]\xfb 6\xf2\x9a\x16\xf6Q\xd3\x0fdV8\x94T2\x1a\xb3$\xce@\x9d\xbb\xd0g\x12v\x83K\xd9\x97K\x92G\x18\xd4=P\x0b\x82\x9d\xa0\x8dh?l\x07\x94\xc1A\xd6\x12\xc2\xf0\xc6\xd5+;\xc7\xe3\x01\xdb\x0f1\xcc_6\xb6\xf5\xc3\xce/\xf7\xf5\xb6\x9d\xfb\x07L\xdf\x0c\x02G\x9f\x1e\xbe^\xaf\xf7\xeb\xfdz&gt;\xdf\x9f\x91\xdd\xc4\xc5\xd9a\xf2\xf00\tk:\xe0\xf3R\x14e\xb3-,\\\x1c&gt;\x7fK\xc2\x1c\xd8\xd8\xc3\xa7\xf9\xd5\xd3\\*\x95R\xa9\x94\x80e\x9e\t\x05\xf7\xf7\xdf?\x9b\x85!\xfa\xe6\xed{\xfbg\xb9]\xc0\x9aCe5\xf2$\x97|x\xef\xfe\xad\xc9\xc9\xc9{\xbdC\xc9`\x10\x1a\x1dc\xeb\xde\xd9\xb98\x03,\x10\xc1\x8d\x8c\x16\x07\xba\xfcy%\x95z2\xa5U\xba\xbb\xe3\xc1\xe9\xe4\xfe\x90\xaew\x12\xf9\xdd7oO\xf6\x0e\x9dM\xfd\x1b\xa2\x85\x82\xb5{p8t\xefV\xcdE\xfa\xc7}\x1d\xe8\xd9\xe5\xe9@\xdc\xd6\xed?\xc8=\xff\xf8\xdfFa\xb1n\xb0`5\xf3\x10\xd6\x97J\xea\xc9\x93y\xad2l\x0e.\x05\x93KC\xbd\xc3\xc3\x8b\xbd\xbd\xa0\xf6uw\x97C\x07#\x7fE\xb5\xde&gt;\xfad=\xb8\xaf\xd3\xe9@\xed/\xf6\x82\xc0^ZZ^\n\x1e/\xf8\xfd\x89\xdc\xc5\xd3W$\x1b\x04g#J\x9e\x85\\\x91&amp;\x14\xad\x17\xef X(Z\xfe\xd0R\x10\xa4s(\x10\x98y\x10?\x8e\x85@G\xcf\xc4\xfd\xbb\xed\xa3\x10\xad\xf6\x91\xa9\xf5\x99\x10|\x14\x0c\xd6\xfewf&amp;\n:;\x14\xdf\t\'\x12\x1f\x9f&gt;&amp;\xd9\xac\x86`]G\x8b\xc5\x83\xdaz\xf1\xee\x1c\xa8TZ\xe5\xc2t0\xba\x1eg\x08\xb7\x9b\xb0\xbb(\x90\xfb&gt;\xd8\x94a\xc5\x9d\xf6\x8d\x8d;m&amp;\x83\xcd\xec\xf3\xad\xc5b&gt;\xcae\xef\xee\xb6\x99\xcd\xe6x48\xb3s\x90H\xe4\xbe\xbc \xd9\xdc\x06a\x91\x1aT\x10&lt;=6\xf1\xcb\xf99`\x19\x0c\xf1`\xdclv\x11F\xc2\xce@\xb0VVWW\xd6|.\xb7Lh\x19\x18\x14\x8b\xb4n\x1bh\xe9M\xf4\xa1\x17\x81\xd9(\xdf\x83h(\xb4\xe3?HT~\x99\xd0c\x8d\xc1\xc2\x9a\xae\xb1\xb8\x18\xd6\xf7\xfbW,\xf3\x03\x86\x91\x1b\t\xc6\xcc,@"\x83\x08!\xe6\xb5\xab]\xadpl\xb7\xaa]\xbe\x18|\xb2\xba\x19\x989\x8eg\xe2&gt;\xa6\x9b\x89\x9b\xa3\xd1\x9d\x83\x83\xca\xf9\xf7}\xe8I\x8dP&gt;MPT,\x8cW\x13\xaf\xdf\x7f\xc5\xb2\xd9\xba\xbb\xd5\x84/\x1eM\xea\xee\xdf\x1f\xd6M\xd7BC\xc9\xa5\x9d\xfc\xb1\xf1\x16\xb9\x17\xa8\x8eV7\xf7\x87z{u\xc9\xe8q\xcc\xe7\x82\xa6\xb5\x0eX\xa9\xf3_\xd1\x17\xfc{#\x8c$\xce\r\x0e\xe7Z\xdc\x01\x16\xec\xc4)\x81\xca\x10V\xba\xd5r\xdf\xf1\xa1\xee\xd6\x8f\xb7o\xcf\xbe?\x9b\x06,/\xd5\xd5\xd19V\xb0\xb6\xf4\xfb\x02\x9bGG\xab\xfb\xef\x7f\x9c\xfc\x0b\xeah\x81\xcd5\xc4\x05IL\x9dC\x93\xc7\x9a\x1a\x82\x05\x82\x80\x87\xce1\x92dO\xfc\x9a\xaaa\xa9\x0cJ\xa5\xd4\xbb6\xad{?;;99\xfb\xbc\x12\\\x81:\xf2\xf6\xf7\x8c\x8f\x8d\x15pj-\x10\x80h]||8{\x13\xd4N\xef\xd1\xca\x8a\xd7f\xb3Ai\xa5\xce\xd1,\xcfmj\x00V\x13\x97\xc7\xc5jX\x1a\xb2\xef\xa7Z\x12ay\xd4r\xef\xca\xddd\x05]\n?\xcc\xe5\x02PZ\xfdT\x7f\xcbX\xa9T*D\xd6b3+\xab\x9b\x17\x95g\x93\x889\xb9x\x04{\x12a\x1dT\xfe\x80n\xcaAv5\xb7\x196w}\xde$r\x908\xb5\xbb\xe9\xbe\xb7\xe7\xa9\x144\x08\x03\x9c?v\xdfJ \x9a\xab|L&amp;\xcf.\xa2+\xbf\xc5(\xaa\xbf\x0b\x1f\x04\xaa\xb1\x0eh\x18\x81\xcd\xd5P\xee\xf9\xb3\x87\xef\x9f\xe7\x0e!\xa1k\x94\xcb\x1f\xf6\'*\x7f\xbc"k\xcf\xc2\xbej\xfeo\x0f\x1b\xfcf\x13\xda\x86d\xdf\xc4\xf6\xc4\x87/\xe8\xecQ\x01\x96;\xe2\xf5e2\x0b\xb9\xdc\xc5\xfau\x87\xf0Qv\xf9\xb8\xb8\x04\x93\xbc\x1a\x1a\x19\xda\x03\x81\xd0\x19Lg\xd1Pp\x132\x8c\xce\x9eD\xe5\xcb\xe3\x1a\x0f\xaf\xb9\xe9\x06\x8f\xd3\xcc\xbb\xf1\xedX@\xc4f\x93\xa4~\xe2\xcd\xde\x0f\x97o\xbf$R\x80\xa5R\xc9\xdc \xe0#\xd9\xac\xdf\x9fA\x8dse3\x06\xfb\x10\xe7\x8f\x95`\x8e\xc7\xbb\x90\xd5\x86zF\xec\xf8\xf88\x0e\x8d\r\xba-`\x85\x13\x95w\x13X\x1fz\xa3\x03\xd3\xc3\x13\xf5\xac:\xc6Tt\xfbDj4}o\xda{\x8a\x91\xf9\xc4\x81jJ\xa85h\x95RyWW\x87\xd4h4\xd8a\x9a\x82\xac\xf5K\xa5\xb8L$.A;u\xca\xfb\xbd\xdeXm\x13x3\x94\xd9\x8c\xfcU\xca\x05X\xe1\xc4\xbb\x0fo\x1e]\xfe\xf4\xbaO\xafG\xef\x0b\xd53=s9\xc8\xc2cO\xfc^\xac\x96\xcby\xa3A\x05\xb5%\x91(\xa5\xb0\xd4F\xa3G\xe51\x12\x11\x8a\xb1;%j\xa5L&lt;\xb8U\x1a\xe4wvD\xa8\x88\x0b`\x18\xbb\x9c\xb0\xdb\x19\x86B\x9e/`\x19\xfc\x86y\x8f&lt;\x12\xde\xdb\xbe\xc6"\xf5\xdf\x8e\xc5\xc38\x1c=\x9b\xbd\xbd\x97N\x97\x0b"\x11\xaa+\xed8p\xa9\xd5\x12\x99p\xbem\xa4M\xe1\x91\xca\x8d\xb4P\xe2\xd4\x8a\xc4\x030\xc9\x0f\xb6\xb6\xc8\xfb\xfb\xe5v*\x03\xa7\x93R\xa9t\xbb\xe5.W\xc4e\'\xc2a\x7fwW\xb5Z-\x1a\x1f\xf5\xb15$W\xaf\xa9\x03\xab\tk\xd2s\xe18\x04\xac\xcf\x05\xb1E\x80\xb0$\xad\x0e\x87D"S\xb4\x8d\xb4\x8f\x8c\x98\x84\x1e\xa7PA;\xb5|\x08\x16`\x95\xf8J\xa9\x8b\x8a\xd8\xed.\x17\xa1\xd4\n\x05B\x8f[.\x87\xb8!\xac\xb0\xb3\\M_\x9d\xeem\xb3Ix(\x8b\xac#\x89\x18\x17\xd9\xd6\x13{\xc5\x97\x9f\xcb\x85\x92\x08\x15\xbc\x96\xcf\x97\xc9D\nS\x1b\x04\x0b\xc9\x1bZ(\xa4\x9d2\xbee\x00a\r\x88\xb4jy$b\'`\xdew{\x84B\xa1L\xa2\x86\x8c\xc3\xb4\x81\xec\xf1\xf2\xcb\xab\xab\xab\x91\xd7\xe8\x91z\r\xab\x9eh\xb10\xf8nP[/\xcb\xe5rA\xa1R\tT2\x11ri,\n\x85\xc9dR\xc0\x1f\x96\xd0\x0e\x87L"\xb3@\x0e\xe7\x80K\xa0\x84\xb4\xd9\t7*?\xc8\xb4L\x02\x0brI\xf8\t\xbc\xb3\x05\xa2\x05X\xc8\xb6!\xeb\xb9S\xaf]@A\x83\xbf\xac\x02\xd68\x1fN\x1e\x95\x80/\xb2 \xedlik\xb3\x88 \x1a4\xc2\x92(\x85\x88\n\xd6\x86\xc9C\xb8\xecr\xb9T\x8a\\\xe8V$\xfbe\xadJ5\xe1\x0e\x13\xd2\x9ej\x11\xc25\xfa\x1a\xea\x9dM\xd6\xf5fW\rK\xaf\x7fSN\x7f.\x8d\xf5\x9cH\x0c*\x81\x10\xb0\xc4\x03HI\x83\xa0w8\x90\x1d\xef\x90\x08\xdb\xb66\xe6~\x9e\x9b\xfbnt^\xe8!P9!w\\\xe2@\x0e\x13\xc2r#,\xbc\xe3\xa4\x9aN\xd7\xb6"4\xaezJ\x9e\xc5\xc5X\xa4\x9e|lJ\x97K\xf9\xd3\xa2\xd3\xadR ,\x98\xf8\x06\x07\xc5|(~\x87\xc8!\xe3;D[m\xf3m5\r\xbbk0\x00\x17\xd4y\xcd\x8bF\xfe8\xec\x0f5`\x11k\xa7\xb8\xb3\xfa2]\xbc\x84\xc6Eb\xc0\xf5\xed:\x16v"\x1b\xe3\xe95\xdb\xdf\xa5\x0b\xa5j\xba&lt;\xef\x0fC9Y\xfe4\x00kn\rD\x8b\x16\x0f2w\x97\rw\xee\xb4\xcd\xaf\xeb\x8e\xec\xb4\xdb-\xed\x90\xe2x\x1e\xc7\x9d\xe3\xc8\xa2\xc7\xd5n\x83=vU\xa4\xcb\xc5+\xfa\xc3\xff_\xe9\xe2};\x16\xb4yH\xe3\xc4\x7f\xaa\x05k\xb1H\x9b\xfc\xe1y\x81L\x84\x98\x80\xa8Pp\xd4\\6\x07=\x86\xaf~\xfa\xd71d\x8fY\xfc\xdb\xe2Z&gt;kT\xab\x95\x9d8\xb2\xc0\x81L\x8d\xab\xa5D\xb8\xdbw\x95\xa6i\x94\xc3F`a\x18\xb4\xd3\xbe\x89\xcb|\xe1s\xba(\x1e\rw\xab\x04\x02dH\xf2\xad\x05\xab\xb5u\xdc\x81\x8c-\x87\x13\xaff\xd6\xd6\xecY\x86\xca\x04\xe1\xdc&gt;\xc9\x1a%Zm\'\xde\x92\xafq\xe1\x10,\xd8\x88\x91\xd3t\x9eNW\xff\x89RX;\xb2\xeb0\xe8!V\x80\xa5\xe9{D[\xab\xe9banj\xc1 \xe0\xa3\xfb\x14\xeb\xf5\x1a\x83\x13G\xec\xa0\xf3\'\xd9\xbc\xd1ctg\x19\x86\xc9d2Yh\xb1"d\xcc\xe7\x91\xb7\x83\xe3R\x82\xf0\x1b\xf2\xa7\xa7\'\xce\xe2\xc86\xd6\x00K\xb0\x89\x03M\x1e\xb0\xde\x98\x00+]\xde\xd8]0\x08\xd15\x0f\x84\n\xfeY\xc5\xa5\xad\xadA\xa8{\xda\x99e2\xd1\xe8B4\xb84}\xccd\x8d2\x81\xc5"\x92\xe1\xc0\xd4\xd2\xd3\x01?\xe4~\xbf\'\x7fz\x95\xce\x9f\xec\xa1\rX7\x16\xd6\xcc\x85/\xa7a\x7f\x18\xb5\x96\x8bi(\xae\x850`\x8d#,\xe4\xe4\x0e\xa26A;h\xda\xc8\x04\x96\x87\xee.-\x81\x98&gt;:\xce\xe6i\xa1\xc2b\xe1\x8f\xb7tT[`Gv\xf4\xc8\x89\xb0\xf1\xe4\xea\xea\xb4\x9a\xbdlD\xb0j\xf7u$G\xa3\xd9\xde\xa3\x0b\xd6j\xf1D\xb5\xe3\x97A\x12\xad\xb5`\x15\xc6J[\x03\x16\xa8xc\x96\t\xdc]\x1c^\xd4\xe9\x86?}Z\\\x8e\xdb\xf3\x12\xa1@!r\xe0\x1d=\x00\x85\xb0\xfc\xe1\xc8\xe9oW\xc5\xea\x14\xba\xf8\xa9\xffE.\x8c\xc5\x81\xb9\r\x1a\xea[\x93\xb50Xr\xcc\xef\xec\xa8d\xad\xd6?+\x0b\x9a\xaaE\xe0\x8cd\xe2@u\xff\xd3\xf0\xe2b/\xe2\x9a\x9e\xa1\xecn\x99\x80\x0fS\x0e\xc2\xea@X\xfe\x8c\xd7[\xfc|\xf2\xc3\x8b\x86\xbc\xc8\x85\xb1\x90Fd\xe9\xf5\xdb{N\xeb\xd6F\xc9\xb4c\xd3B\x12\xaf+\x0b\xea}\xeb\xce\xffh9\xff\xd06\xce3\x8eG\xbf\x90\x9d\x89\x80LP\xadJ\x89\xa2\x1c\xb2\x91\xd0I\x16&gt;\xdd\xc9J\xa0\xb7H\x01s\xa2\xb3\xc4\x05\x87i6\x07\x07\x96|\x0eH\'\x86\x9avF\x96\x94\xac\x15\x8a\x05\xa1\xb33p\xc4\x0c\xc6T\xe9\x8c\xa0K\xd2\xc5d+]\x1c\xff\xe1\xd9\xa4\xa1u\xb3\x92\x85\x8e%\x83,\x8b\xc3`^S\xdc\xb4K\xb2\xe79)\xed\xfe\x18##\xf2k\xf9|\x18,&gt;z\xde\xf7\x9e\xf7\xf9&gt;\xcf\xfb\xd8ha\x93\x82 N\x88B\xa1P&lt;\x99J.M&lt;\xf4\x89\x85T:`\xb45\xb0\xac\xfbz\x9c$\x19\x19\xb0\xed~\xf0`\xfd,\x05X\xda\x17\xcfk\xb5)R\x05\x8b\x89\xf3\x0e\x90\x10\x1dd\x8ew\x81\xf7&gt;\xa2P\xc1\xce\x18`\x93\xc5%A8\t\x0b\xbd1V\x93K\xa2\x8f.J%\x927\x01V\x8f\xd5\xd2\xe3\xec\xe3Hn\xfd\xe0\xc0\x83\x95\x0f\xaeB\x98\xa5\x7fq,\x85\n\xb1\x18js\xfe\xc0\x8d\x1b7\xf8t\xd6\x03\xcf\xd7\x11\x00\x03\xac\x03\xee\x9c \x8a\xc5d%\x11\xbc\x061\xde\x97\x0f\xfe\xb8\xb5\xb5\xb2\x9a*\xd2h0\xce\x03XN\x82\xe8\xe9\xf3\xb39\xaeg\xfd\xcf\xeb\x8f&gt;\xa30(mE&amp;I\xa39\x8e\xeb^\xe1:|\xc3\x91\xc8-\xf0\x98g&gt;r\xc4\xd4q\xe8\xd0P"\xb3D\x8bR:\xb8\xbe\xb2\xb5\xb6\xb6\xb5\x05\x17\xf8\x91\xaf\x08\xf4\x04]\x94I\xcf.g_\x0f\xe1\xf4\xfb\xd9r\x9a\xb8\x86T\xde\xd6a5\x0e13\x145wv\xfe\xcc\xed\xbbU\xa2\xc7\xa9\xe4\xbf;^qdSB\xb1\x98L\x07W\xd7\xd6n=}\xfa\xf4\x96r9\xb5\xb6\xba*\x89&gt;Q\xaaX&lt;=}\xce|\x9f\x7f\xb8R\xba\x9b=7\xbfI\xa9\x19\xf4\x0f-\xc1R5\x0f}{!\xee\xba0w\xe7~.\xea\xef\xc3\xa8\xc5c&lt;d\xabH\x99T\xaa\xb2\nL\xb7`\xac\xe1\xa5A\x96\xc2\xb9\xcdp\x9e}XB\x1f\x96S\xf5\x0f7&gt;\x9b\xa10lh\x11\x16\xe8\xf2\xe6\xa9o\xd8\xcc\xbc\xd4\x95\xfbe\x96\x05\xb1j\xb5\x12\xaeC\xbc\x9c\x91+\xa9\xa9\x93Oo\xc1\xd4]\xbe\xbc\xd5\x18k\xb7\x96@KK\xc5\xa2\xc4\xf1\x04b\xc9\xa9\xcc\xf5{\x00\x05\x1f\x8c\xb1\xc3\x87\xd4\xb4\x04K\xa3\xda\x89\x16;\x8e\x01\xb8w\xee\xfe\xf5rE\x1e\xf1\xc3\xd4X\x0c&lt;+\xb3i\x10\xab\'\xd6\xb6 \xd8\xbf\xdc\x18\xc0u\x02\xb0R\xc9\xa2\xc4\x92Q\xd6\xef\x1fIf\xea\xe7?\xa7\xf0\xa8\xeeN;\xaa\xfd\x96\xa4\xbe\xdb\xdb\x95&lt;%&amp;m\xd4v\xef\x85o\x163%\xf9T\x05\x96q\xc2\x1d`GH\x8b\x1f\x04\xf6\xfa:\x84\xfa_6\xc7\xca\xea\xea\x1ahiy*)\xb3\x1c\xa8\xd7\xb7\x92\xc9\xfa\xf9\xc9F&lt;\x8a\xaaU\xafi\t\x96\xaaa\xad\x9d^5\xc4\x12\x83\x7f_\x94\xea\x92 \x83\x11@\x92\xb2\xac\x85\xf7\x0c\xc0\x0e\xf8\xfdC\x1d\x07\xd7\xf3i\xe0;xp\xc0\xba~-\x1a\x8d\xfa\xdf:%\xb3\xac\xbc\xbc|J\xaa\xd7\xbf\xb8\xc8 \x96\xb6\x85X\xca\xd0\xea\xb4\xa05  \x9c\xac\xd7j5a\x99\x1d\x96sd\x96$=\x9e.\xd3\xf7\x0e\xbc\xf4\x8a\xc3\r\xde~*YI\x07\x8d6[\xdc\x05\xe1&lt;9\x9c\x92e9\x95&lt;%\t\xb5\xda\xbbW\x9a\xc7t\xf5\x98\xaai%V\x1bh(X\xf3\x17\xef\x16BX\x83\x95e\x96$IWo\xafRG\xefp\x11l\xa6(.M-s&lt;\xfc\x0ed\xb7\x85dG\xe4\x0c&amp;\xc2\x85Z\xa8\xf6\xcd\x05\xd8s\xf4\x1a\xbd~\x87\xbe\x85\x95(E\xc8\xdaw\xea\xec\x14u\xf1\xc3\x1aV\x01\x04Y\xae\xb0\xc3Q\xdc \xbb@i\x98&lt;\x11\x16v\x9d\xa5\xa9T\xda\x02\x1a\xdf\x83`QV\x96\x84)I*\x84\xe8\x7fL\xbeH\xca\xe1\x7fVW\xf4*\xc5Zw\xce\xd5}\xbe\xd3\xa1\x82\x94\x91\xe5\x11\xd2\xdck\xeaB=h2\xbb\xc8dQ,\x9eX\xe6\xf0p\x99\x0b\xb1\x88JR(\n\x92@\xfb|_\\aZ\xb1C\xffWk)\x8e\x8b\xb93[\x15\xc3\xa3&gt;\xe0*\xc14\xf6\xdal]]\x1e\x8f\x19\xf4\r?\x92&lt;9\xb5\x9c&amp;,\x1eL\x9d\x80\xda\xe7R\x12\x80\x16\xc4\xd1p\xe8k,\xbbn\x07\x16*Fx\x94\xbc\xdeOg\xe3\xa9\x89\xfeQZ\x142,G\xf2x\xc8M9Jf\xec\xe5\xd2\x95\nIZ&lt;`-\x0fOX,dE\x10C!\xda7\xe6\xcbl/\x96\x1e4\xfa\xe6\xa3xbqll4T\x14d\x8e\xb3\xb8\r6\xb0\x18r\xb9H\x92\xf3\xa7\xfd$\xef\x02.\x0b\xf0\x912\xec@\xb4/&lt;\xb6X=\x83Xm\xdb5\x89z\xf0\\s\x1f\x99]\xb9P\x7f\x98\xa6\x8bI\x96\xe5\xb2 \xd0\x80\x0c\rDr\x1c\xc7\xb2Q\x9e\xe7]|\x02\xee\xd3\xa9\x82\x08P\xe3\xa7\xcb\xe4\x19\n\x9d\xd6vX\x0b\xa3\x08&lt;\x99&gt;\xf7Q\xdc\x15\xc8\xf9\xc6\xc3\xbe\x10\x960KUw \xe0\x8a\xf3 \xb98\x16\x1dU.\x91\xc8A\xd4\x97\x83[I\xa4\xc3\xfd\xb1\xb1z\x9a\xbcGmS\x8f[C]\xeb\xd4\xcc\xdc\x99xoo 5\xf1\x10\xb8B\xa2 \x94r\xd5l \x01\xde"\'\xa7\xa4d&amp;U*\x973\x99r)\x03\x914D\x83\xfd\xdd\xe3\x854\x19\xb9GmS\xa3b[\x13\xcb\xae`\xc5\x17\xeaa\x10:\x13&gt;1\x84U\xbcj.\t\xd7\x12\xbc2\x99\xba\xb4(\x14\xea\x19\x90g\xb8\xdac\xb1P9\x12\x89\xe0\xdaRm\x0b\x96\xfe;,x\xf4\xdc\xd5\xe2D\xd8\xe7\xf3\xa1\xc9\n\xc2\xf5\xeb\x02|g\xc0TB\r\xf6\x00\x9a\xaeI\x05\x1a\xbb\xf0\xa6\xa7\xc52\x97obi\xb6\x13\xeb\xc2\x07q\xb3\xd9ds\x97\xe9\xb0\x8f\x1e\x1d\x1f\x0b\x83\xc5j5\xba\xb0X+\x08\x05\x01lT\x0b\x8d\xd2\xe8\x17\xfa\xfbc\xd3\xd3t\x89\x8b\xe6\xf3Q\xc4j\xdfF,\x9d\xfd\xc2|\xdc\xec2\x19\r\x01i\x82&gt;=\x8a\xc7\xd0\xc1\xe9\x9f\x06\xff\x1a\xa2\x15/\x15\xaa\xfd\xb8\x7f\x14\x1e@\xec\xba\x9b\xf6\x95\x13\x11g_\x9eC,\xedv\xb4\x1f\x81\x7fhS!\xd6\xcc||\xc0e\xb6\x19^O\x14D\xd1\x17\x9b\xde\xdb\xdd?\xf6\xa3\xf0\xd1\xfep\x18\xac\x073\xe7\x0b\x8fw\x1f\x8duw\xc2\xe5\xe1\xc4\xf2B\x82\xc8+Xj\x98E\x0ct5\x1aM\x8b\xfd\x03`1\x885\xb0\xdb\xe3\xb2u\x18\xdcU\xd0\x11\xfd1l\xb0\xc3v\xbb\xee\xee\xa3\xfdJG\xa7\xd2Jv\xacs:\x16.\x96I\x8b%\x92W\xd6V3\xa9\x05aM+\xcfA`2B\x0bXv/Z+\x18\xef\xed@\xae\x8c\x08\x18\xd8;\xd6\x89-\x0f\x9d\x9d{\x95\xce\x90\xfd\xd8\xba2\x1d\x9b\x10r\t\xa0\x8a8W"\x91G\x83v\xbb\x16sx\x18n\xe9[j-\x8c\xc5\x19;\xa8~|\x12m\x0e\x87\xc1\x10H\x94\n\xbe14\x8fB\xb3\x7f\xff\xcb\xcd\xef\xce\xbd\xb11Q\xca\x81\xad,$\xb8\x87H\xfe\xd1\x0c\xfc\xf9N/\x84\xdd\xfa\x96\xfa/\x88\x9aU:\xc6\xaec\xd0Zf\xb3\xd9\x80X\xe0\xdf\x17\xca\xb5\x87\xd3\xb0\xbe:\x15+)\xed+\xc7\x8eu\xc6\xc2\xa1z\x19\xa8\x12D\x02\xac\x15\x8d\xac\x1c\xbe\x8a\xca\xc9\x8bE\x15\xa65\xca\xe7\xdb\x13I*\x88k\xb4\x98#\x89\xbb\xcc&amp;\xd8\x08\xdd\nW6\x07A4\x1d\x8eu\x1e;\xf62\x0e\x84\xf2\x01T\xb5\n\xf1\x05\xcea$\x1f\x89\xe6g7a\xe7\xc2:\x8f^\xd7\xd2FEE*\xc2\x07\xf5\xc2\x92\x0f\x00\x96\xad\xc1\xd5\x1b\x00\x83U\x17\xaa% \x1b\x9f\x06\xa4\xe9\xf10-\x94\xca\xb9j"\xf1-\x16\x8c\xa1;\x88\x05\xd1\x9a\xdeK\xd9[\x88\x85{\x8fV\xaf\xd6\xa9\xd5\x83\x9f+\xee\xb4\xc3`4(X\xee@6{\xe9R\xf5n\xb9^\x0b\x85j\x8b\xf5\xeb\xa5j\xb5J&amp;\xe0\x8b\xc4\xa3^\x11t\x10\xf9\xecE;\xfe\xc3\x81&amp;\x96\xae\x95X\x0c\xec\xd3\x8cWGm\xc4\xbb\xcc\xe0\xb7\xf8\xb8\xc3\xe1\x8e\x07\x90khh\xe8\x12\x8c\x05\x18\xd5*\\\x120@~\x90\x16&gt;\xc8\x13\x84\x13\xac\x95\xd8\xa0(FI\xb00/2\x89\xed;\xdaU\x9a\xf6\x1d\xba\xf66,t\xa3\x12\xc6\xea\xb0\x97\x817G\xac.\x93\xcd\xe6\xe9u\xe0\xdar\x05\xdc\xee\xa1Y\x1cC8\xc0t\xf0Jp$6\xb3X\x82\xbc\xd5\x1a\xc9\xaf\xf4D\x12\xf3Wf(\xccX{\x95c\x15*l\x94kGO\xa8\xfb\x7fJ\xfc\xed\xca\xb9\x80Fj\xebY7\xbc\n\x98\xa8\xabss7\x1f\xc5\xcd\xbb\xcd6\x1b\xcc!\xe8A\x10\x13n\x83cvv\xcf\x9e&amp;X6\xebv\x07 \xfaR\xa8\x82\xc1&amp;V\xe4\xf6\xcd\x9f\x9e\xdd\x1cT?\xab\x067\xdf\xbc1\xb4\xcf\xdb\xd2\xaf\xd5~\xf7G\xfag7\x80\xf5\x93\xbf|&lt;y\xbe\x1c\xdcm\xb5\x9a~\x00XF\xd07 \n\r\xe0-\x0e\xef\x99=\x87Xn\xb0\x96;\x1e\xb4\x12\x11\x82\xb0\xb8\x80+h!zz\x9c\xdc\'\x93\xef\xbc\xf6\xf8\xe3\xab\xb0\n\xd4\xff\x01\xd4\xc4z^\xbf\x0f\xd6Ry\xd5\x9a\xe3\x98\xf8\xc1e\x8eB\xddN\xcd\xfc\xed\xf1\xe3\xb3\xb7\x05\xd2c\xdee5\xa1\xb5\x0c63\xec\x8e\xf0P:\x0c?|\xf50Z\x0bf5\x10\x00*+\x01T\x10\xd4\x07\x07\xe0\x0e\xb0\xf2\x9fL\xbe\xb9\xf1\xd5\x93\xf7\xff4\xc3(\xb9$L\x1b\xc0|2*pe\xca\xac&gt;\xa7\xb54\x8c]\xdd\xf0\t\xe0i`M0\xcc\xe0?\xff\xfa\xd5\xe3\xb37\xef\x0e\xa3\xfc2\xd9\x1aX\xbd\x80e\xc4\xbb\x97^}u\xcf\xec\xebq\x88\xe2\xf9`\x10\xa2y\xc2b\r\x06\xd1Z\xfb\x90\xca\xd9\x07X\xef\xfc\xfa\x97\xbf\x7f\xf2\x8b\xab\x94\x1a?\xac\xf2\xf8x\xedv\xcc+\xe9u\xda\xe7kP\xd7\xc3\xe6\x85*\x07\xed\x842LMQ3\xbf}\xfb\xc9\xfb\x1b\x9f~-ck\x88\x19\xe6\x10a\x8c\xa0-\x10\xcbht\xfc\xec\xb5=\x07\x86xXN\x81@0\x1e\xb0\x10\x04 \r\x0c\xc4\xc1Zx4}\x05\xb0\xde\xdcx\xfb\x8d7\x9e\xbc\xb7\x89\x89JF)\xa2{\x95\xea\x9d\xea\xb9\xc3|\xb0*\xe6\xc8\xf0h\x06\xce\x9f\xda&gt;\xf8\xaf\xf7~\xf3\xab?\xfc\xee\xe7w\xeeGw\xef\xfa7#g\x14\x9aV\x96\xc6\xf1\xa4CSf\x1b\xda\x98\x9a\x91\xd2HR2.\xb4v\x9b!\x15\xba$n\xcb\x04"\xc8\x9a\xc9\xc3\x8c!\x86\x10(\x11\xf6\xc5,\xac\xb8\x83\x8a0\xb0\\\x99,A\xf1\x16F7\xa2\xf5\x0e{Cp\x04\x15\xaa\x8b\xab\xe3\x08\x82\x8e\xe0\x84\x95-\xa6}\x88\xee\x8c\xba&amp;-\x12H\x9eLi\xca\xfe\xbfc\x98\x97\x19\xd89\x89\xde\\}\xb8\xbf\xfc\xbf\xff\xf9\xce\xf1\xdc\xef(\x95\x02\xeb\xb2DB&lt;\xf7\x96\xefI\x06\xad\x8aA\xc9\xcc\xe3\xc7\x83\x0b\xa3\x1fO\xffv\x99\x8a]FGo\x00\nT\xd3\xb4\r\xe9\xd6\xb7\x14D\xe7\xd3\x90\xcd\x96&gt;\x9b\xcf\xe6Up\xfe\xcd\x0b\xb4\x88z\x89\xb2\xc6\xe4/\xc7\xba8\x89\\p\t#\xf3$}EA\xde_\t\x15\xd3\xc1\x80\xe9\xc5\x7f\'\xa8:\x1fr!\x8a\x8c\x0b\x07\x85\x15\x7f(\x1e&gt;\xfeP\r\x85(_\x90\xb9\xa6\x17\x96\xd5\x00[\xb8K\xa5\x1c\xdf~\xf6\x8f\x17N\xe7v\xa3\xe4\x11D\xb1{\x96\xcd\xd3}$\n\xe1$\xd5\x8f\xfc\xe2e\xcb~\xc2"\x97\xa3?\xab\x16\x8f3\xa2\x18\x8a\xfaB\x9c\xce\xb1\xf9\xd7q)\x8b\xe2u5\xa0\xacL\xafA\xba\x91\xae\x18\xbe\xf6\xe15\xc2Z\xbe\x03\xe3OC6\xb5\x9a\xb0\xa6\xaf\x8c\x8e\xdf\xba\xf5\xc1g\xdf\x9cc\x95J\xe9D\xf7\x9fg\x99\xbd-\x15F\xc8\xc9I\xca\x18\x97\xfe\xef\x02\xe1;\xe7\xad\x9f\xc5\x8f\xca\x90\xb6\xf6\x82\x85b\xbcT\xb2\xc4\x83\xdag\xc0\xa2\x9d\x0cw\x7f\xfd\xc9\xd8GL,\xb2\xd7\xa0bf\x06Q\xa4\xdbd\xa0\xb2\x12\xd6\xed\xe9\x8f\x17\x16\xd4t\x8e R-\xffw\xa7\xdb=\xac\xa3\xa3\xa3pA\xec\xbe\xed&amp;O\xa8\xaa\x85}\xe5\xcc\xcdK?\xbf\xe2\xd5\xff\xeeOr\xc9\xbb\x90J\xa5Z\xcc7\x93|\xd8\x97\xf2\x1d\xd9\\\xe9,\xb0\xf6?\x1fe\xe5\xfbdyx\xcaJ\xb9\x01\x07\x85\x15\xb9B*\x95.,\xafXW\xac\x92e\xb8]MjI\x17\xa4\xa3l\x8b\xc1w\xaf\x9d\xe4\xad\x92\xc7V\n\x97J\x85v\xb2\xfb6-\xd6H2\x1a;~\xbc\xea\x8f\x18,\xf7_\xfc\x99\x86\xe8\xe5Obb\x82\x8f\xc6;\x8d\x86\xe0r\xf1M\x9d\xce\xf1\xfc\x8f7\xaeL\xdf\xfe\xe4=X^\xa1\xb0\x82\x07\xd3.IO\xae\xf7\xa4W\x16$P\xcajU/S\x1fD\x08\xc1%\x05\xd7\x07\xe3\x13\xbf?\x00\xd66\x7f\xe4)\x85b\xddp)R\xce\xc4\xce\xbao\xf9\xe4!\xf2\xc5\xfd\xfb?\xbd:\xfbL\xc9\x94d+\xae7)\x17Lb\x02rQu\\\x11\xbb\x89P!\x9a\x0e\xe5\xbc\xb9\x88\xcb\x92\xb0\xeb\xbd\xda\xd7\x7f\xba1z\x9b\xd2\xd6\xe5\xe1k\xe0\x02\x15+\xd3\x90\xe1gP\xad\x86\xf9!\x96\xd5\xca\xb0$\xcb\x0b\x1f\xa9\xa5Rxk|b\xe2\xcf\xfb\xc6\xed\xedW\xe9\xa3\xf5R\xd2\xfe\xaa\x91.\xc5\xab\xedl.\xd9MGZ\x19J\x187\xd9\xa0t\x01\x87\xfe\x8b\x8c\xe2\x12a]`7\x03\xd8w\x95\\\xb8\x89\x88\xc3Q\xc7\x95\xb3\xff\x9c\xd5\x0b\x1d\x81\x8f\xf9\xb3\xb1\x84\xcfe\x11\xed:\xad\xee\xe5\x1fnP2\xa5eI`\x01\x06:\x11\x16\xda\x0c5\xd9\x0c\xa8\x00DXc\x12\xf5u\xc8u\xe5\xdf\xa3\xe3\x13;O\x81U\t{&lt;\xb6H#\xe7\xaf$\xc2&gt;\xa1\xd0\xaee\x83\x90,\x11D,U\xac\xa4\x8b\xd5\xdd`\x008\xdf\x17N%\xaa\xf7Y\xee\xa47U\x8b_\x9eT\xe6\xcf\x1a\xf5B$.\x88\xb5\xc36\x1f&gt;:rY\x1av\xadV\xfb\xf2/\x13w\xaf\x7ft\xbe)\x04R=\x94QI\x8bL6g0\x18\x8067\x07:\xabDM1\x94\xa8\x91l\x17\xa4\xb7i_\xcdW\xcf\xbd\xcemr\xfc\xfa\xc0Q\x98o\xfb\xb3\xe5\xb4\xcf\x17\xe7[\xc1Z\xa6\xdc\xedv\xcb\xd9\xfc"\xaeN\xf7\xf4\xde\x01\x16\x15zB\xd9\x00\x00\tFIDAT\xd2Y?\x8d\x92TLu\x81\x16\xddI\xcb\xadc\xff\xdf\xe7\xc5z\xbd*\xf8\x84j\xf00S\x88\xbbm\x84%\x02k\xe95\xb0\xc6\xd8\x0e\xa3\xd9Y\x84o\x96\xc9$3\xc8\xe6\xe4\xf29\xd6\xe8\xdcJ\xb6\x92\xb0\xb2\x9f\xeb\xd2\xe9\xbbW\xc6o\x9cnS\x0cy\x8f\xdb\xed\xf1\xb8=B=\xcbe\xc5\xb4\xcff\x8bw\xea\x99ZP\xecv\x1b\xb5\xbd\xfc"Kc\xbf\xa2\xb2 \xd0\xc1\xf3\x93\x98\x07\x81\x962\xe8\xe2^.V\xae\xd7\x0b\xd1T&lt;\x12\x02T+j\xb1\x08|\x1aX!\xbb\xd6\xb4\xb4\xf9\xf9\x04&amp;\x0c\xc3L\xa8\x87\xb3\xb32&lt;\xcd(fzX\x8c\xec\t\xe2\x08\xb5`3\xf4\x05\xc2Z\xb8.\x1d\xdd\xd9\x04\x953\x16^w\xdb\x84\x88\xcd\xed\xf6\xf1I?\x97k\xf0\x82\xc5m)V\xeb\xed`\xbb.6\x1e\xe5\xf60\x8e\xabzS\x9f~\x86\xa5\x9a\xec}\x8d\x96*_k\xd4[\x08^&lt;ZH\xe6\x9a\xb5z$e\x89Wc\xfe\xdc[\xb7%\xc19\x1c\x8eg/\x7f\x83~\xa7\x985\x18hs\x8a\xec\xa1\x01lL3\x10\xc9\xe7\x01\x86\x90Z)7H\x98Z\xb4\x80y\xfd\xf67\xfbF\x84\xd0\x9f(\xb9=\xe9J\xae%\xd8\xdc\xae8\x81\xf9c\xadH\xb8\x04\xb2HU,\xa3\xc5rv\xcc\x15\xa9F\x8f\xcd\x12\xfa\xd8]\x13\xcc;\xf3Y\x91\xafF\x84b\xb4P\xae\x1c\x02\xaa\x93J\t\xd5\x18\x17\xd0s!\x9b\x85o\x02\xcb\xf1\xfc+\xabL6+3\xc8\xff\x060\x1c\x88\xabgy\x03\xa9E\xd6\x1aS\xab\xd9\xc0\x04\xb9\xee\x8d\x8d\xdd\xb9\xb3\xc3\xa8\xb8\x8a\xe0q\x87c^/WI\x08\x16\x97\xabX\x8de9\xeeULD\x06\xf2\xf9R\xc5b\xa7\x1a\x12\x93\x99\x93\xe3-*k\x84\xe3/\xf6mm\xe5\xf3\xf9\xe3=\x88\x13\x17\xd2\xbc\xd8\xae5O\x0e\x83\xadH*U$\xa8\x80\xc9\xec\x8d\xf9,\xd1\xec\x9a\xc31e|\xbd\x02+\xc9\x0c\x80\xa0\x9d=\xc0z\x08\x8f1\x83\xcd\xcb\xe7a\xad\x99Ah\x84\x0f \x98\x1a\x0e+\xd0\x1bWv\xf6\xbd\x08\xe16\'\xda\xdc\xb6\x04\xb7j\\=\x07\xb3\xc4y\xb1\xe2\xe78\x7f.\x19bh\x04\x17\xad\xb6\x82\x94\xfe\x99Z\xc1\xb2\x98\x08\x85\x12\xe94\x1fJf\x0eON\xb2\xc1V\xa7\xe8KE\x131n\xcd\xa1\xd5\xe94\xfal\xd4\x95\xca\x00\xeb\xc1\xd2\xe6\xf7sr\x82\x92?\x96\xb3\xa7\xde\xb6I\xb8\xec\\\xad\xc1\xcb\xe8\x80p\x16K\xb1\x83\x83+O\xf6\xbd\xab\x10\xcb\x99K\xbb\xddB\xc5k4\xae\xae\x1a{`\x16\xb7\r\xc6\nf9\xbb\xbd\x99\x8b5(q[\xd0\xe2\x9dr3O\t\xa3/\xcd\'\xce\x1a\xc9d,\x88\xd6\xae\xb7\xaa\x110\x15;b\x85\xdb0\x99@\xa5\xd3\x9b\xb9\x82\xc5\xd2\xdex05\xb5\xa4{~\n\xa1\xe4J%\xa0\x94\xf2\xf9\xc7r\x96\x19X\x87DS($\x97\x87/\x0f\xcf\xb04\xa6\x80T\xa7\x9b:\rQqI\xdf\xfb\xb63\x88e4:\x8dFM\x80\xab\x88\x9d\x94\xcbe\xf1\x15;\x852\xd08;d\x8b\x89\xd5h\x8a\x81\x1d~\xb9\xa8\xea\xcb\xd4j\x19\xf0\x14\xaa\x9dh\xb1\x88\xd7S\xd1j\xa3\xd2\x0c8\x1cz\xbdW\xa71k\xbc\x0e{\xcb\xe2\xaa\xbfY\x9a\x9ar,\x19\x0f\x9e\x10\x90R\xc9\x1eJ9\x89\x87\xa0\x1af\x14,\xa1b*1\x0c\xef\x19(\x9c+;\x07O\xf5\xa4\xd5\xb6\xd1\xcf\xdb&lt;B6\xe0u:\x8d@\xd3ht:.\x9bLD}n\xa0\xa5\x8a\x91B=\x98\xe3\x9eyYD#&gt;t\xcfdv\xaf\xaf\xdc"\xa0T\xca\x05R!\x92\xa8\xc3\\`r\x98\xccf\xb3F\xa37\xeb\xb9LKp\xbbBo\xa6F\xd6\xd6\x96\x96\x9c\x07\xa7\xbbJF$g`\xb4-J\xce\xac\xc6r=E\xd4 \x9f3\xc8fv\xbe\xdf\xf7\x82\n\xcd\xe8\x0c\xc6\xdd\x9ex9k\xf7\xae\x92`\xc6U\x80\xc1\xfd\x04\x81\xc8\x11Z\x9cl\x95\xe5~\xf8\xa1\x99+cv\x10\r%\xfbH\xa0T\x11nO\xb4\xda\x99C;\x90Lz\xbdNg6\xe3\xa1\xb77\x83\x89\xb0m`\xc8U\xd8\x1b\x19\x99B\x18G\xbc\xfb_\xec*\x1f)\x19\xcc.\x11\xce\xf7\x18\xc9\\\x06\xe4\xfb9\x03\xb9L\xf6\xe4\xf5\x0b\xadYc\x04\x94q\x15]\xf9\xea\x80\xa7\x94\xae\xd7\xec\x1a\r\xc5q\x15`^\xbd&gt;`\xcf\x06E&gt;\x1d\x07\x19\xd8\x90*\xdb\x99\xa6\xdd~\x88iK\xbc\xd3\x17\xedT\x13b;\x93\xe5\x02\x1bk\xb8\xb4\x16~\xf2z\xc9Sz=\x97-\xf3%\xcf\xd5\x7f\xbd?\xe4\xe6O\x08\xeb\x01\x14s\xbc:\xd8\xdd}\xb4\x8bP\xca\x95\x04\xa8T&gt;\xc2\x19128\xda\xe76\xf7\xe4\xf4\xb9\xd3d^\x858x\xe8k\xd1\xf5\x81\x81\x81u\xcf\x91 \xe6\xbc^c\xaf\xe1\r\\"\x10 \xd1x\xe1\x1c-Zh\xe78\xaf\xbf\x1c\xf1\xf5\xe5\xfc\x04\xb46\xf2\x00&lt;Z8\x8alNP\x81f0$\xd8\xd6\xd7\xd7\xaf^\x1d\x1aZO\x03kdd\xe9\x81\xc31\xb2\xe6\x84`\xbdH*\x19\x14\x1aNw\xe95\x92N9wz\xf0\xc2l\xd2 d\x9aU\x8dY\xa7\x8f\xd9\x08k\xc0\xe39\xf2\x08\xa1\x0c\x17\xd0\x9c\x83\xe1\xff\xd7\x98\xcdZ\xbd\xd7_I\x86:\x82\x8f\xd0R\x91P\x0c\x83\x80\xd8\xb7\xe1\xd0j\x1d\xe7\x91\xeb\x89d69\xde\x9cd\x1a\xbc\xcf\xe6Y\xbf\n\xae\x81\xa1\xdf\r\t\x87#S\xc0ZrL\xe10\xf5\x14`\x80Q~\xfa)\xa8\xbeFC\x1cw\xcfQwO\xbf\xd8\xf4\xea\xe1Kx\xc8l6\x99M\x81\x86g``h\x08X\xeb\x03\x1e\x9b\x10\xaa\xd8\x03\x1a\x16F&lt;\xe3\xa0\x81\x02\x1b\x01\xbb\xbfR.D\xc2&gt;H\x06\xcb\x1fr}\x145=kZj\xa6\x8d7o\x9a\xb9F\'NLh\x03\xf8\x1d\xfa_\xd7e\xef\xda6\x14EqO\xda\x1eO\x8b\xff\x03m\xed\xa4\xa9\x8b4\x16\x0c^\x05\x1aJ (\xa3\xb4\x98\x0e\x95\xd0\xd8\x82\xc0 \x92\xc12\x04\x87\x04\xd2\x0c&amp;\x10\x07\x1aC\x89\x13:\x15\x0c\x19\x94\xa5\x1fC\x12h\x13\x12SB\x87\x8e\xc5\x94\x9es\x9f\xf3\xd1^;\x96\x1d\xbd\xbc\xf7\xf3\xb9\xe7\xde\xf7\xe2\xe8\xfdI\x04c\xc1\xf3\xae\x0f\xaef\x00\xb0^O\x84::\xc2\xf3\xc9\xabg\x06k\xb9w\xd3\xfdF(\xac\xd8\tbD+\xbbJ\x94J\xb4\x85\xe9\xf0\x1dW\xd3\xe1\xc1\xe82\xab\xaa\xe7\x1cC\xaeN\x87k\xe7@;\x1eI\x11\xbc|\xbf6j\x90\x05*\xb5\xa8\x19n]~\x18c\xb3\x02\x93@\x01Ii\xbeK\xaf\xb2\xc2\x05Y\x08\xc9(X\xd4zwvc\xb8(\xd7\x93\x17O\x81\xb5\xbc\xdc\xdb\xee~C\x11cI*\x15\xfbx\x14\xe7\xb7\x06\xc8\x92L2\x97\xd3\xdd\x8bS\x90\x91\x8b&gt;\xe6h\xf8\'\xce\x8by\xb6&gt;B\xe3@Oh\x18\x91\x8aB\x90\xae!\xe4\xf4g\xa2\x95\xd2&amp;l\xdb\xe6Ey\xfd\x8b,/\x0cV\xe86Cz\xffMw\xbbw\xb4\xe0\x02\x12\xb2\xb7\xdd]\xc9st\x96N\x15\xb4\r\x94?\x98\xac\xa5\xea\x0e\xca\x84\x86\xfb\x87\xbbW\x1b\xeb\x19K\xeb\xb9\x91\xad]1i\x10-\xfb\xb0\x89M\x80j\xe5Q40\xb9\x9d\xc2\x06Z;\x8e\xbe\x0f\x9bd\xb6\xf6\xf4\xfeE\x16\xb9\xb0\x96\x1b5%@\xe8\x06;g\xdb=1\x17R\xda\xbb\xf9\x91\x15q+h\x93\xab\x05*\xdf\x8f\xdd\xecz/\xd5Jdz\xc4\x85H\xd2\xbe\x90\r\x02\n+\xb6\xae\x90\xd9v\xdbof\xa7\x9b[\x8d\xbc</t>
        </is>
      </c>
      <c r="M150" s="3" t="n">
        <v>45492.67664351852</v>
      </c>
    </row>
    <row r="151">
      <c r="A151" t="n">
        <v>551422</v>
      </c>
      <c r="B151" t="n">
        <v>2020</v>
      </c>
      <c r="C151" t="inlineStr">
        <is>
          <t>Zé Welison</t>
        </is>
      </c>
      <c r="D151" t="inlineStr">
        <is>
          <t>Zé Welison</t>
        </is>
      </c>
      <c r="E151" t="inlineStr">
        <is>
          <t>VOL</t>
        </is>
      </c>
      <c r="F151" t="inlineStr">
        <is>
          <t>VOL</t>
        </is>
      </c>
      <c r="G151" t="inlineStr">
        <is>
          <t>VOL/MC</t>
        </is>
      </c>
      <c r="H151" t="n">
        <v>177</v>
      </c>
      <c r="I151" t="n">
        <v>17</v>
      </c>
      <c r="J151" s="2" t="n">
        <v>34768</v>
      </c>
      <c r="K151" t="inlineStr">
        <is>
          <t>Right</t>
        </is>
      </c>
      <c r="L15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c26d8f18-54f5-4e9d-85de-d931b6f822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'\tf\xd2\x00\x00\x00&gt;tEXtComment\x00xr:d:DAEewil2SDw:3048,j:4010854548617000738,t:23080814\x1a&amp;b^\x00\x00\x00\tpHYs\x00\x00\x0e\xc4\x00\x00\x0e\xc4\x01\x95+\x0e\x1b\x00\x00\x03\x00PLTE\xff\xff\xff\x99\x0e\x10\x13\x11\x10\xa8\x10\x13\xad\x11\x15\x95\t\x0b\x0e\n\x07\xff\xfe\xff\r\r\x0c\x08\x08\x08\x02;\x8b\x13\x0e\nM\'\x1e^7/\xa3\x0f\x11\xb6iX\xb0\x14\x19\xc9\x8ayX,"\xc3\xc0\xc8R/\'\xc3~k\xa8^KY2*\xb2\x0f\x14\xc7\x86u\xb5\x14\x1a\x8aN?\x99WF\xc3\x7fo\xafl\\\xbcsc\xbazj\xadaOP!\x16\x05\x04\x04\xcb\xc7\xcf\xbdwgR) \xa6YGv&lt;.\xb8vf\x1b\x16\x14p8+|B3S60_0%\xc1yj\xb9m\\k6(\x1b\x11\x0e\xbf|l4\x18\x11\xb3dS\x8cRD\xc7\xc3\xcb,\x14\x0f\x85K=\x9a[LvF&lt;f3\'qC:\xadfV\xa8eT\x91K&gt;J+%n=4\xbc\xb7\xbd`&lt;5\xbco_\xc5\x83p\xa4aQ\x90\x0b\rg9/\xf9\xf9\xf93\x1e\x19\xa1WF]*\x1e\xb0\xa8\xae\xbd\x7fq\xfd\xfd\xfd\xa0\\K\xb8rb\xc5\x81u9$ J\x1e\x15\xbf\xbd\xc7\x8bH:\x03&gt;\x8f\xbe\xba\xc2W&amp;\x1a}F:\xb3ra$\x16\x12\x9d_P\x9dSBv@3\x7fL?\x92VH\xaahZ\x94TC\x84G8\x97\x90\x96\xb4m]\xc1ye&gt;\x1f\x1a\xcb\x8e\x7f\xf3\xf2\xf3`B&gt;\xc3\x86{\x90P@\xb8\x1a!\x98PA\xb5\xb2\xba\x90\x87\x8c\x8b\x04\x06\x02)g\xc7\x89\x7f+\x1d\x19A($C\x1d\x13eGD\x9f\t\n\x83OBf&gt;5pKE\xb9\xb7\xc1;\x1b\x14\xc3\x1b"\x86SF\x95YM\xc1\x84t\xa9od\xae\xac\xb5yKAc.!%\x0b\x06\xa3\x9d\xa3kB:\xb9\xaf\xb4\x9ecXF$\x1c\xa9\xa2\xa9\xb1od\xca\x91\x86\xac\n\r\x81jh\xa4g\\fC&lt;\rJ\x8f\x96bXF0-\x8cXM!\x1b\x18\xbf\x8b\x85\xd1\xc8\xcf\x90ji\xac\x1f%\xd8\xd1\xd3\x8c^W\xa3\x8f\x93\x85XM\xce\xc3\xc7\xb3wl\xc5\xbd\xc3\xe6\xe4\xe4\x036\x80\xa1\x1e&amp;\xcf\xba\xbf\x91}\x7f\xc6\x91\x90\xef\xeb\xebX&lt;7\xbc\x83y\x7fSI\x9d\x97\x9f\x88&amp;0\xc3si\x9a\x86\x8a\xa9\x9a\x9cv\x0b\x0b?\x12\x0b\x90\x18!\xa5VUjaa\xbe\x13\x18\x8ats\x03B\x96\x9csn\xc5\xb3\xb6\x81\x02\x03\x85@42\x0c\x05#U\x93\xbf\xaa\xac\xb8x\x83\xb3ad\x06-\\\xcb@\\\xad,3\xb7\x9e\xa3\xb5\x8d\x96\x03$SZLN;g\x9c\xa0,&lt;\x01/vZr\x98\x901&gt;\x7f][\xa7\x85\x85\xda\xd8\xdcX{\xaf\xaf}u\xaeEFK&lt;:\xc7-7sSQ\xddTr\x04F\x9c\x95\x9d\xb1\x9eib\xa2Lc,# \xe7\xd7\xd5i\x88\xb4\xa0u\x7f\xaf\xb8\xcb\x85\x8c\xa5\xba\xc6\xda\xd5\x9e\x99\xb6mu\x0f9i\xcd\xa6\xaf\x9f9A\xc7Ynq\x7f\x9d\x92jz\xb6Zv\x9d\xac\xc3\xbdPa\x8bFR4/0F^|\x81w\x85y\x1c \xcas\x89\x9aAT\x85\x9a\xba\xcb\xd5\xe3+Jm\xde\xb7\xb4\x89\x12\x17\xd3c\x7f]j}D@G]\x99\xd5b\x00\x00 \x00IDATx\xda\xcc\x99\xddkZy\x1a\xc7{\xb5^\x8c\x07\x99 \x1e\x8a\'\xbe\x81\x89b4f\x8c\x12\xdf\x8e\x1e\xc7\x8ch\xcc\xf8\xd2\x84\x035\x8d1*\x92\xf5\x05Y\xc8\x06Q)\'\x15SR\xb3J"F\xb2%\xa9\xcd\x04&amp;\x89\n\xdb0PJ\x8a\xa5W\x1dz\xd5\x0ea\xe9E\xd9\xb2ws;\x7f\xc0\xec&gt;\xbfc\xdbe\xef5\x9d\xefINKZ\xc8\x87\xef\xf3\xfc\xbe\xbf\xe7In\xdc\x18\x848\xa0O\x7frn\xfc1\xc4\xf1s\xfc\x1eP2\x89\xde\xfe?\x02\x18r\xc7sr\xf8\xfcoONwA\xcf\x9e\\&lt;?&lt;\xf1|i0\xb0\xe9\x97\xefO\xdf\xe4RNg\xa1\x0e\xda.\x14\xea\xc5\xddG?\x9c\xfb9_\xd0)\xff\xf9\xe3\xd3\\\xbb\xed\x04\xa8B}\x1bd5[\xcdfs\xb1\xb8\xfb\xf2\xc4\xff\x85,\x83\xea\xfd\xb0\x9bR\xb71\x0c\x03\xaaB\x9f\nT\x86O+\x80}\x11\xc7\x00\xea\xef\xcf\xdaj\x10\xe6d\xa9\xac\x88\xa9\x0c\x8a\xa0W\xd9\\~\xf8c\xf2\xda\r\xe3\xf8O\xfe\x92BP\xc8,\x04\x05L\xa1H$\x92\x87\'\x92\x07E"\xa1\xee\xdb\x0f\xd7k\x18X\xf5\xedS\x04\x85\xab\xa1\x82n\x87c%\x84\x98\x8cB\xa1!\xcf0\x8c\x81\x95\xd0hl\xfc\xe8\xb9N.\xbf\xe7"\xa5\xe6\xf3q5\x8ean\xb7C1\x112\x1a\x11S\xc6\x10\x8b\xc5V\xe1\x93 b1\x00\x13\x1a^]\x1f\x17\x1c\xc0Gm&gt;\x9f\xaf\xc6q\x1c\x9bR)\x14=\x9a\xa6\xed\x99\x18\xc2\t{\xbd\xe8#\x8c\xb82B!m\xf8\xf9\xfc\xba\xb8\xfc\xc9S\xb0\n&gt;\xf8@\xa5PL\xf4z\xb4\xdd\x9eE(\xde\xf1\xbe\xe0\xaf\xd9X&amp;#\xa4\xed\xc2\xc8\xdbk\xe2\xe2$\x9f $\x90\xc6\x82\xa8\xe2\x08+\x0b\x1e\x8d\x0b\x04\x1f\xb1\xc0\xb1p6\x9b\xcdd\xecv\xdax=\\\x1c\xcfE\x9fj\x04\xb0T@\x15\x8f\xd34P\x8d\x03\x96T \xf8\x8c6\x0e`\x19!\xe2\xfa\xf9\x1a\xfa\x8b\xe3y\xd0\xa6(j\x0c\x84k\x80j".\xa4\xe9\x0c\xf2\n\xcc\x92\xc23\x0eO\x9f-\x1c\xce\xda\xed\xc2\x0cmx\x95\xe4\x0c\xbd\xdd\x1f\xe7X*\xfe\xc8\xc8\x88E\xd1\xeb\xc5\xe1\xfb\xdac^\xaf\x17X\xa4\xa0Oo \x83\xce\xcff\xe8\x8c0\x9e\x1f\xf6y\xe4p~y\xc7\xa7(.x\x05T*TAa\xc6\x1e#\xbc\xde\x80\xf4\x7f\xd2\xc3\x03B=\x16\x83\xf6\xb2\xdb\r/\x87\xccu\xb2\xcb\xe7\x8eq\xb9\xc052oa\x1bK\x18\xcbf\xc3\x01\x81\x94$\x11\x10\x88\xa7g\x85\xd0\x90apH\xb34\xf3|\x98X\x9c\xf3g\x14\x17=\xc8,\xcd\xd4\x84\x91\x8e\xd3\x99\x0c\x11\x0e{\x05,\x91\x9e\xe4\xf5\x05p&lt;-O/e\x1b,\x9b\xb5\xd3G\x8f=Cl\xac\x0b( X\xc5\x9a\xb5\xa5\xeaA2\x01\x15\xe1\r\x8fK\xf5@A\x02LbV\xab\x9d\xd5\x02\x94X\x0c_\x81\x06\x83\xa8\x80\xd6\x8f\x1f}\xe0\x0c\x8d\xea0\xc7\xe5\xb2\x15\x04\xb3\xe6\xb7\x14\xf1\x8c\x1d\x1eh,\xc0\xe2%\x12\x00E\xf2\x12@%\x16\xcf"\xf5\xb9PP\x80_\xa1\x7f\'\x87\xe5V\xf2\x94\xda\xe9{\x85\xcc\xb2\xac\xd0(/\xe1\xfe\xf3z]d\x02\x04\xd5\xd3\x06g\x83r\xb98(F\x02\xd7P\xdfC\xe4\x87\xedt\xe4\xe5\x90\xc6\t\xcec\xf5G\xb3 \x1c4[S+F{\x06jh\n\x04\x02\x80\x15\x0c&amp;x\t\x1e0MN\xca\x11\x12\xa2\x9a\xd5\xea!+\xbc^"\x9c\x15\x86vO\x86\x82\xe5\xf7&lt;\xa3&gt;Q\xcdk\x00\x0b\x8a\x18\x83\x1a\x12\x01\x97K M\x04\xb5A\xadV+\xd7\xc9\xc5r1[Ax\x81}R\x14\xad\xd0_\xc2\xb8\xf9\xe5p\xb0\x0eS\x9f\xcd\xd2\xf4\xb1 \xb321"`s\t\x04\t\xa5&lt;\x98H\x04\xe5J1j\xf9Y\x80\x83\xdeGg\x12\xb2\x95=\x8ft\xe8\xd23\x94[\xe7\x82\xfa\xdc\xef@\x05\xd7\xf4\x04\x0c4\x19\xc2e\x93\xdaDA\xa5D\xa9\xd4\xf2\x82A\x96\x85\x07o\xad\x98\xe5BU\x1cG\x89o\x0f\xb5\x86r\x18\xcf\x9f~n,\xe4\x96eJ\xd5\xa3\xe3\xf6\xb0\x8b$I\x9bV,\x97+\x95p\x16\xb5\x89&gt;\xd7\xc7\xe8\xd2j\xfbn\x81]1cy(U&lt;T\xff_\r-\xa8\x88t,@FIR\x04\x87o6\x98\x80dgQ\xb4\xe8\x05`p.\xfbv\xa1\xf8"`\xf4\x1a\xc2\x15\xe4\x7f\xb0\xff1HGp\r\x80M\xa9&amp;\x8c\xc2L\xc0F\x8aHQp\x12:\x1da!\xb7\x82A\xb9xrtT\xcef\x84\x96G\xb2X\x81\x00a\x88\\\x9e\xfb\x07\x9f\xa5O`\xc6B\xe3\x0c\xce\x16\xd1\xa2Z\t\t\xa1\xddI\x11`\xc9u:\xa5X\x1c\xe4\xa1\xf38+\xd6\x8d\x8e\xdeJ\xdf\x1b\xd5\xe9&amp;\xe1k\t^\xdf\xad\x80\xc9\x109\x1a|D\xf8\x93\xbbhv\x87\xe9\x9d\xc5\xb28V&amp;B\x06\x93\xc9%\xaa\x92dU\xe7\xd3\xc9\xe5\x12\x89\x88\x071:\xa9K\xaf\xa7\xd3\xeb\xeb\xeb\xb7n\xe9\xe4(\xccHA\xdf\xae\xd5|\xf7p\xe0\x8b\xa3\xff\xe4]\xbb\r\x8b\x8e\x13\xc3\x10\x96\xdb\x11\n\x19W7M\xb6\xeaq\xb5Z\xf5u|\x12\xf9\xbdN4!\xf1\xe9\xd2\x07gg\xb5\xdaYm=}kT\x87\xdc"m\x9f\xb0\xca\xcf\x07\x8e\xc59|\x97J\xa500\x0bG5\x04\xac\x08\xd34\xac\xee\x95\x8e\x8f\xab\xc7\x9dNG\xe2;8\x10%|\xe9\xce\x19\xa8v\xc0r\x01\xac\x98\xc76\x17\x04\x1b\x01X\xaf\x06\x8d\xc5\xf1\x7f\x9b\xcb\xa5R\xe0\x15&gt;2\x86\xb0\xac\x11\xc0j4\x10V\xc9\xd7\x01\x82\xce\xc1A\xb4\x9a&gt;\xe8\x9c\xd5\x80\xeb\x80U\xe7\xeaX"\x829\x0c\xed\x1e\x02\xc2\x90/?\x1a8\x96\xe7\xfb\\\x9f\x0b\xe7\xb3s&lt;V\xb0\x16\xbb\xddn\xeb\xa8\xd1x\x0fnI\x80\xa8VR\xd6\x00\xe8\xea\xea\n1]]^&gt;|s\xd4\xa8\x8aD\xb6q4\xe8\x03V\xe4-g\xf0\x19\x8f\xb0ru\'\xce\xe7s\xa7gf\xe6\x16\x16\x16(j\x87r\x16\xcbMpLT\x05\xb7D\x92\xf4\xd9\xc1U\xa3\\\xee\xb6\xde\x14s\xa9\xb6Z\xcd\xc7[\xa5\xa5(\xda?\xc8e\x03\x13\xb9\x1c\xf4\x10\x01\xcb!`\xe5\x8a9\xc0\xa2\xee\xde\xbf\xff\xd5Ww\xee\xdc\xf9\xeb\xdc\xdc\xdc\x82\xdai=*\xedEE\xd0[U`\xbbz_t\xe2\xdc\x1dJ\xad\xdeXX[\xd8\xdf\xe0wK"\x17\xackR\x13\xc3\xe4/=\x03\xc7z\x06^\x15\x8bu\x8cO\xad\x01\xd47@5\x83\xb0\xe66\xf8\xb8\xb5\xb1WqU;\xe9\xe3c\x9f\xaftT\xc0\xe0\xff\xa8\xf7\xa9\x8d\x85\x8dvJMa\xdd\xa8\r&amp;2\x01\xc10\x91\x87\xc9!`!\xb7\xda8NM\xdf\x9f\x01\x9766(\xbe\x9a\xa2`\xe3\xc7\x0b\xad\n\x04\x18\x9c\xc2N\xe7\xb8\xd4(\x17\xcb\x05\xf0T\xadN\xe5ror\x14\x1fc\xf6La"\xb0\nn\x1d\rz\xc1\x864EXP\xc365=3\xb7A\xa9\x8b\xdd&lt;\xd3\xcc\x9b\x1d\x0e7\xb6]n\xae\x9a\xa2\x92t\xed \xed+U\x1a\xcb\x9b\x06a&lt;\xc4\x1c5\x8e./[E\'\xe6\xd8t\x11\x04\xb1\xcat\x99\xd6\xc0c\x1eaAp9\x9d\xa9\x8d\xbbk\x14\x0e$\x95\xbdR\xa9T1\x84\xcc\x0e\xb7c\xc5h\x8a\x1e\xa7k\xb5u\xdf\xd2R\xd4\x15 `w4\xc1\xbf_]\x95\xde\xb7\xac\xd6\xfc2A\x84\r\x0c\xc34?\x0c\xc3-\x94\x0fNl\x8d\xe2\xe3Nk\x991l6\x90\x9af\xb7[\xa3Q\xac\xda\x94\x80\xf5\xf5-\x9dd\xc9\xb5\x1aWXp\xdc\xedh\xbe\xaf*K{\x9bMf\x93\x08\xc7\x0cL\xabyt8\x8c\xdeBX)\x9c\x82\xbb\x11Rulgmc?e5\x87\xac\x1a\xb4\xf7\x1bm\xc1t\xed\xcf7o\x8eJl\xb1\xf8\xd6\xe2\xc2\xcc\xfd;\xff\x9a\xdb\xd9nF\xa3{\x15(1\x11Cn\r\t\x0bB&gt;\x85\xaeE\x9c{w\xfa\xc5\xcc\x9f\xfe\xf3\xf4\xf5kL\xe3p/\xcad[\x13\x01\xd1\xbd\xf5\xafo\xde\xd4-\x05h\xd5m\xf5\xeb\xfd\xfb\xbf\xfd\xfe\xdb\xfe\xc2N\xc8\x15\x8d.\xb3Xy\xa65\x04\xac\xd3\x14[\xc3b\xbd^\xc7\x17_\xbcX\xbb;\xfd\xcd\xfe\xd3\xa7\xa7N\x99L#[\\\x9c\x9f\xc8Ju7\xbf\x1b\xfdN\xae\x17\xf4\xb64\xf5w\xfb\xd3s\xff\xdc/b2\x99B@\xda\xa0\xb7b\xc2\xc8\x10\xdc\xba\x91|\x02Xj\xac\xfe\xaeXpr\x7f\xfa\x89\x0bW#\x97\xdf.\xb6\xac\xf3\x8b\x8b\x08Kawi\'u\x93\x93b}\xb8\xa7\xb2lY,S\x8en\xabQY\xa5i\xafMd3\x110\x9cBs\r\xdc-\xcfE\nn\x13\xac^\x84\xebg\x91\xebv\x98#ytU/\x1bU\x9a\xdb2\x99l^\x91u\xf1`\x15\x13k\xf5\x02\x82\xa6{={@\x04\xd7Q\x07\xa61\x11\x88D\xc3)[\xc4\xc1\xfe\n\r\xaej\xa0\xe2c\xce\xedm\x98\xb74\x8eP~\x13\x02\xe0\xb8T\x89Lm\x8d\xdc\x96!\xb7\xbcR=\xfb\x83\x07\xa9\xd7\x9eE\x8b6\x0c_&gt;\x9f2\x98\x10\x89\x12"R@\xc4"p\xaf\x9f\xf8\xfd\'\x1f\x06\x18\xf5\x1c\xff\x03\x16\xabPpcn\x87\xc3a\xceo.W \xb6\x9a!\xc7\x94e\x04\xdcR\xd1^\x01,\x18\x88\x8b\'E\x0b-\xb9\xa4\xd4\x01\x97D\t\xa3\r`y\tc\xa4\xf5\xf0&lt;\xf9kU\x7f0\xa8\xac\xe7\xb0?\x05l\xabq8\x85n\xb7\xc3\x1ai5\x1b\x95\xca\xde^\xa5\xc1\x98WT\x16\xcd\xd8\xd8\xbce\xc2\x0eXR-Z\xa9\xff1KJ\xa5\x80%\xf9/\xad\xe6\xf7\x93f\x9a\xc5\xf1\xa6\x17zQ\xde\x18\xd8\xd7\xbe!\xf8\x02:\x81\x8a\x80\xaf\xc0+A~(0\x02y\x87! /\xc4,\x88\xe5\x87.\x83\x8ai&amp;Ah\x84\x10\x81\xa0!2\x98B\x94\xddM\xda\xa1\xa6\xc9\xcc\xd6\xba\xc3L\x88\xbd\xd8\xa6^\xf4nnf\xd2\xb4\x89\x17\xa6{e\xb2\xbdlv\xafz\xb3\xe7\xc1\xf9\x13^\x0f\xdcq\xc1\'\xe7\x9c\xe7\x9c\xf3}\x9e\xe3-\xc3$\xb8$\x9eC3\xd7\x88h\xbb\xd3y\xf5\xb7QPj\xff\xe1f\x90\xf0\xad?_\xf7={\xb9\xa1&amp;\x10\x15\xc3\x98N\xdb%\xa0\xaa4\x97\xe3\xb1pTc\xf6\x8c\xc9\'\xcd\x8b#\xa3\xd3\xd3\xa0\xf6)\tEQ2Pc~\x89N\xe7-{\x11\x17`\xdd\x1d\xd9\x14\x95F\xe6\x86\x1c\x8e\xa1\xd1\x03N\xc2\xe8{\xf6\xe8\xe1\xa3\xa7\xcf\x01\x0bM\xf2\x0cc\xa9\x9e\xb6\x97]\xd0z\x9a\xd0z\xa2\xe3\x1a\xc8y\x819\xba\xe2J&amp;G\x87\x1c2\x12\xd4\x06\xd5\x95L9\xfc~\x1dY\x06\xf3\xea\xfc\xc9$Dq%\xbe$\xe9\x0ew\xa7F?\xea\x9es\x92\xed\xdf\x13\xc1\x1c~\x91\xc5\xd4\xd714\xc5vJ@\xd5\xa84\x8dz\xd5\xb8\x12\x9c%\xc0\x94\x8b.\xb1\x1f&amp;\xf7)\t\xc9\x92\x14\xd5\x05\x93\x802\x13\xa6\xc1H\xca\xbf$v}\xfd`E*\xe4\x93\x12\xc7\xd4\xfb.\x17\xadqp\xfd_\x16y\xb0\xd7\xeb\xe1\xeay\x98\xa5\x18KxFol&amp;P\x9f.\x89TJ\xcdn(d\xb6\xabF\x92\n]\x9a\xa5\x92\xd3\x92r\x06\xc0\xba]\x8a\xd2\x91\xa0\xcb\xd6\x0e2\xacN\x91\x84\xc9\xf9\xfe\xa6bm\x8d\xe4\x93\x8ei\xc0\x1a\xe4\x00\xeb\xf7\x90|\x0c\xb8\xf0\x93V\x1e\x03q\x11\x16\xc5\xfbX\xae\x92~U5n\xf6x\xcc\xd0\x19]\no\xfa\xea\x80\x95\r\x8d\x8a\x85\x88\x0b\x8cd\xd7\x0e\xc02B\xa7\x0e\x06\xfa\xbb\xf7W\x12\xfc\xb5\xcc\x15;4\xc4\t\x96o\xfd\xa2\x17\x14\x8c\x05s\xc4|k\x1e33\xd1\xb0&gt;\x0eSK\xd3e\\Y\x84\x18zv\xa3U\x93)\xd6\xf4\xa63\x80\x05\x9a5)\x03\x07\x91$9\x0c1D\\k|!\xb8k\xf6\xee\xc2\xca&gt;[&gt;\xf8\xbc64\xed\xe0\xe2\x9d\x11\xbc\xd5\x0b\x82\xd6\xe1a\xad&gt;\x96=\xa6/\x19\x97\xa1\xcdmn.\xbe\x1e\xdf\r\xd9\xb7\xab\xf9\x9a\xa9$}\x91\x86q\x8b\xe4\xaf\xf1e\xe9\x0c;D\xb1\xc8\xf8\x10D\x84%\xf5\x8b]\x0b+F]\xf9\xea\xea\x00aq\x11D\xdf\x8f=h{\x04&gt;\xdfjA5\x85\x8c\xd7\xc7\xe3\xa5\xb8\xd5j\x15\x89V\x95c\x9eN\xc7b0`\xb1\xca\xb17\xfd\xaej\x8f+2$\x05I\xc6\xa6\x81J(\xe4\xf3\xd7\x00\x8b\xa5\x00\xcb\x18\x8fK\xf9WWW\x8eQN\x82xk\xf0\x97^0\xd8\x0bb\x80U\xab\xe5\x01K$\xda\xdcD\xb7\xb9\xfa\xf8\x8crl\xcc\xa4g\x06\xbe\xd02\xfb\x89\xc6\x8b\xaaa\xafge\xd3\xc8S\x99\x0c\xa8}\xc0Z\x83\x8f\xd3)\xf3\'\xe7F\xe2z\xb1\x83\xbfv\xd5}\x9f\xe1\xa4@\x0c\xbe\n\x06s=H-P&gt;\x16\xc0\n\xcf\x88D\xa2E\xabud\xd9X\n\x87\xc6\x94q\xd3\xde\x17\x039\x91k\xaeb\xa7\x11\x16K\xa6\xd3l:s\x00d\xc8Y\xe0-Rw\x8d\xb5p\xaf;\xcc\xcf\x8c^qRN\x07\x1f\xe3p\x0es9\xac\xf5\xb0\x80\x96\n\xd0\x0b\xf0\xaa\xf5\xc1\xd7.\x18&lt;w&lt;cfQ\xach(\xf2\xec\xc6\xe6\xf1\x93*\x13M\x92$\x9bAXP\x1c\x80\x08y\x8b\xfd\x03\xab={oh\xaa\xcb6&gt;ss\xcd\xf5\xeca\xb0w~~\x8e\x03V\xa1`\xb2Tc3\xab\xab\x9b\x0b\xe0\x9dJs\xc7\x1c\x1a3cE\xda6\x7fzxy\xd9&gt;\x8d\xb5\x8f\xa9.0A\x00\x81\x0e\x90\xc0\x84BaY\x06X\xedNct\xf4\xfd4\xf9\x82\x1b\xfd\x03\x03s\x0e\xa8\xcem\x1b\x85\x8b\x8b\x8b\x82\xc5\x14\x03\xae\x11WB\x0cu~;:\xc9K\xd1\x06:\xab\xb6\x9c\x9aLU;c\xd1\x8b\xbb\x00\x94\x81\xf4B\xc5\x14\xa0\xf8NVXV,\xb9F:\x9d\xe3\xc6\xd9\xc7\xf7\xdd+nn\x9ca\x04D\xce\xdaCX\x05\x93\t\xa2\x08\xd9Ur\x89\x1b\x8dJ&lt;l\x9f\xac\x1b\x0c4\x9d\xb2\x9d`&lt;"?\xcf`\xf9\xb8\x9f\xd2\xa10\xb2\xfd(\x02\x97\x13\x86i\x85\x7f.\xde9}\xe7=\xfb\xed}\xf73G7\x11\xbeW\xc1\xf3\xbd\xbd\xbd\xdc\xc9\xc3\x82\xc5\xde_\xc4\x98\xd1\x83\xb7\x12\tcX9\xc93\xec\x01W*\x8b\xd7\x8b\xe8Q]^gf\xc4\x92~\xd5\xca@-\xbd\x8e!\xb4\x1fE\xa2\xd4\xa9\x1e\xcb\xee\xfft\x8f\xe5L,&gt;&amp;\x10V\x11\xe4{\x01-\x88X\xc21\xc0\xda_\x06*A\xdd\x00\xbf\xd04]L\xd1\xb4\xcd&amp;\xe7\xe5z&lt;&amp;l\x94@\xe7\xe9c\xf5\xddE\x92N\xa9?a\xecT\x17\xeeY?:\x0e\xb8\x9a\x02}\xcf/\x10\x16\xad\xde\xb8(\\\xef\xd2\x84EP\xe7K\xab\x1aA\x0eQ\xed\xd1\xa9b*@\xd3u\x1c\xe7\xf1r\xb9`\x88\x89%dd?\xb7P}\xe0;I\x18\xba\x12\xcb\xa7\x16\xeb\xd4\x90Dx\xc5\xd9\xb5\x8d\xef\xe7\x1e\xf2V\xf6\xa4p\x8d\x15U\xcd\xc4\x8d\xa5U\xa5\xbcX4\x18 \x88t\n\xec\x9c\x86(\xf2l&lt;\x1c\x97\x0b\xb0\x98X\x87\x12?\x939\x80\x9c\x87\xe6\xa3XJ\x1c\xd6L\r\xbeCr\xfc\x94\xb3Q~\xf0\xefD\xef&lt;\x97r\x1fm@A\x05\x8bBr\xe9W\x95\x02\x08\x1c\x9c\xc2b\x9d\x07S\xd8dP.\xb0\xd4\x08\x1c\xab\xe5\x01+\xbf}\xec\xf5\x96\xd3\xfd\xfa\xc0\x17ze\xfe\xa5\xc4\x93V\xd5\xcb\x0e\xcd\xfe\x83\xbbwE(\x11\xbc \xc1\xa3\x03\xd7\xee\xb2\x03\xd6L\x98\xe9S\x01\x94\x1cf\x9dmh\x93\xcdf\xe5r\xa7Z\xed\xd4\x089\x88\xc8jE*\x859\x02j\x960\x8d\x84F\xb3\x8aY\xa4\xfc\xae\xff\xdf\\\xea\x9e\xa7j\x1e\x86\xd3\x91\xecF\x1f\x0bJW\x94\xc1\x11U\xaaN\x80\x0e\x8a\x8e\x8f\x8f\xffv\x86l\xc1\xd8\xdc\xaf\xd60\x02\xe7\xc9M\x15\x99\xce\xc9\x96\x9d\x00&amp;\x05\xac\xfd\r\x8ci\xf0\x85\x9f\xb9\xbc\x10\xf4}\xf5c\x8e\xc0\r{[\xd9\rK\r&gt;\x16\x0bC\xa4\xd0\xf1\xc3\x19\x8b\x9da\xcc\x1a\xa5\xf2\x7f\x0f\x8cV\xf4Xn\x15\xc5\xdbv\x0c\x03\xae\x8e\x14&amp;\xae\xf20\xc9G\xde\xaat\xd4j,\xc9~\xe6\xf6\x9ar\xf0\xd9\xef\x18\xd4\x82\x88;;\x8f\x16\xdbj\xf9I^\x91.\xda\xb0\xbc\xc5\xbe\xbb\x1b\xf2\x98\x01\xeb\xa7\xd7\x8b\x80\xf5\xfa\xf5k\x95h\xdb\xc4\x10\xbc\x9c\xa0\xa9#\x9d`(\x88\x8d\xc3\x96\xda\x86\x1fsL\x05J\xf1\xed#\xc2\xa0\x8dD\x0cY\x02\x83\xf1&amp;O\xd4\xa1N\xd9\xe1\xff=\xa1\xd0\x98F\x04\xf1\xb3\x9e\xbd\x91t\xdf\x9c\x95\xac*\xbb*\xca@\x1c\x83a\x1d\xe2*\xa7\xcb\xde\xe3\'-\xb5:{\xf2\x03\xe7\xcf\xd5\x83\xbe\xb7\xdf\x7f\x02\xac-\xdaVG\xdaZP&lt;/\xe2\xe1\xfdj(\xb4k6+\xadg\xb3\xb3go\x1a]\xc7\x9b\xd9\xb9\xb33\xe3\x8cRi\xc6\xf2\x04\xa3\xd0A\xd2\x97\xd1=o\xed\xc8\x96\xcd\xfe\xca\xfd\x0b\x19j\x8d/#[\xe8\x82\xd9\x8d\x83\x84\x95\x03\x16\xa6\x8fkB\xa00\x98\xe8\x833h\xdc\r\x85\x14r;)\x86\xae\xe4\xd2\xc7\xf2\x04n\xdf\x97Q\xba\x86\xd4\xfb\xae]\xc3\x8f\x8e\xb2\x81\x977\x825\xf8\xedDD;\xa1\xd5j\xdd8\x86\xc9\x8bt\xca\x12\x8fz&lt;\x9e]\x8d]\xa5\x8f\xebK`\x87\xa5\xa6\x94u\x82\xa8\xf6\'\xf6M&lt;,\xbaL\x02\x96\xf7\xc5\xa5\t\x0f\x04\x02\xa9\xc0\xcb\xf5\x1b\xc0\xba\xe5\xfb\' i\xef\xdc\x01.\x1b4f\xdaV\xddV\xf6/\xb2\x18\xb3\xdd\x04e\x83\x81:\x1bW\xb0\xac\x13\x84\xb5\x7f\xe9\x90\'\xb0/\x93\xc3\x94\xf4\xf8\xf0t&gt;\x0bX\xe0\xad\x1bY\x98\xf2}\x87\\\x85l+U\xb7\xa5R\xf9\xed\xb0rW\xa3Qj&amp;y&lt;\x02\xaf\xd7\xa1S\x9bEK:R\xa7\xfbF&amp;Q\xec\x13r\x93\x8b\xa2\xa4\x95\xcbj\x01\xcb\xba\xb3\xd9\xc0\x87\xff\xde\xc8^\x92\xef\xcb?\xb0\xeeD\xdc\xf5z\xaan\xdaVivw\xcd\x1ah\xd8\xf5\x94\xdb\xedN\x15\xeb\xe6\x15?\x12\xae2J&amp;=\xc4\xf2\xedc\xe9\xd2a\xa7j)\xa8\x03\x81\xa3\xec\xd6\x87\xefn"\x86\xb7|\x7f\x9e\x80\x00j#\xda\x01m\xc4\x9d\xaa\xab\xf3\xd1(H}\xb3\xc6,\x00H\x03m(\x16\xc7\xc6\x13\x12\x10\xf9\x94L&amp;[\xda\x91\x17\xda\x95J;_-\xb4\xf0\xac;\x10\xd8\x8a|\xf8\xd3\xcdl\xb3\xbc\xfdt\x9dZ\xe8\xc9\xc7\x9d\xb2\xe1\xd8\xf8x\xd4\xdc\x0fb\x9d\xde\xdb3\xa4x\x93z\t5&lt;L}\xe3\x17W\x9e\xcc\xdbZOv\xda5\xf5\t\x14,\xb7\x1b\x8e\xf0\xc4\xaf7\xb3\xcd2\xb8\xfe\xf26\x10\xdd\xb930\x00\\[\x81\x00&gt;\xa9\x0cG\x95\x80\x05\xc7\x12\x06\x9c\x14\x11\x16\xcb\xa0RQ\x12\xc5\xe5i\xcbV\xb4\x15\n\xf3j\x9b\x1b&lt;\xf5\x01N\xf0\xc4\xc4\xb77\xb3\xf26\xf8\xd5_n\x0f\x00T\xff{{b\xe2\xaf[6\x8dJ5\xae\xd4x\xea\xb4!\x02X\x93\xab\xb32\x1d\x9c\xc2d\xe3p\xe3(k\x009\xa4\x86\xf3\xb7\xb5\xb5\x15\xd1joO|z|C\x1b\\\xbe/\xffO\xcb\xd9\xc64\x95fq|r?\x94\xd6B&amp;[Z\x1a\xd2\n\n\x05\xdbK[m\xe5\xc5\xd6J-T\x1a\xa8\xed\x00)\x02\x85\x96\xf2V!\x10\x02\x8di\x99\xa0\x83\xb2\xcb \xc3\xcb$u\x18l0\x8e\xdb\xc8\x04\xd4\xc8\xac\xf2\x81\xe0\xb8\x13\xdc0\x93(\x91eeV6q\xc2\x18\xd6d\x1c5*\xa2\xbb\xfaav\xcfyn\x8bN\xb2/\xb3\x8b=\xf4^LC\xe2/\xff\xf3?\xe7y\xee\xbd\xcfs\x97\xb9\x0c\x16\x9b\xcd\xa6\xd84\xed\xe5\xc3\xe4!Mg\x1f@\xb1v\r(\xa5\xe2\xb8\x8c\xec\xec\x84\x8f\xbf;\xa20\xdb\x1cj\xd0\xc9\xe1[ux\x03\x01\x90\x98\x9e\x8a\xd8\xfaS\xc9*+\x1c\x00FS\xf4\xb2\xcf\xa0\xd4)S\x1b\x19\xb5x:\x8dH\\d\xea\xff\xf4\xa2\xc2\x0c\x02q\xd5\x01/\xed]\x0e\x04hZ\xcd\xe2.[\x0b#D\xf5\xce\xe8?\xd8\x0c\x14\x07\xd5\xe2P\x01\x1a\xbc\xef\x1bh\xec4\xa3\\\xe9\xfc\xfc\x9c=\x1fvT_\xbc\xf8\x89\xcf\xabF\x07R\x14\x85\xa6\x82\x83b\xaf\x8eDl\xd5b\x81\x9b&amp;\\\x1c\x0eR\xb1\xf1L\xd1\xe4\xd90R\xf9\xf8\xa91\xc6\x98O\x8c\n\xc5\xb0\x99&amp;\x85\x01A!\x1b\x15\x08PS\x11\\\x13[\x1e`\x85\xb0\xd8l\x0e\x9e\xe1\xbf\x04\x8b\x99A-\xdb\xb0\xc2\x80\x8f\xa8/(|\n[@\rPX\x18\xf0\x17\\J\r\\\xb4\'r[\r\n\xb3\x96\x19*&amp;\x90\n\x04\x01\x0b\xe1C\xe2a\x9f\xc1\xec\x03\xa5l\xcb6p\x13\xd6\x06\x18\x90E\xe4\xe2\xb2\xb9\x01k\xe4\xb0\xa2N\xafR,V2\x07~\x92\x93\t\x16\x9b\xcde\x03\x96\x17\xd7\x1f\xd8lf\x18cl\xcb\x01\x9a\xa0\x80\x9f(6\x91\n\xd1\x87\x83\x91\xcba\xe1\xadU\x1a\xc4B&amp;\xa0\xe2\x00\x14\xa0\xb1\xc0\xd1\xc4_\xde\xe5e\xf8\x10*\xe2)\x9a\xf4\x11\xc2Ey\x9b\xbf\x8f\x1cV\xd4\xe9\xe1\x00\x97\xb5\x0e\x86P\x10 \r\xae?\xa0iD\xf2\x02\x15|\x85D\x90F\x0e\x9a\x0f(i\xdb\xfb\xdf\xbf\x139\xb5\x82\xc3^\x1c|BYLf\xb0\xa0\x1aA\x11\x9aR\x83\xa5\xb0\x04(\xe6[.\x1bM\x08pjJm\x8e\xf9t4\x82I\x0c*\x0c65z&gt;\x991\x18M\x04\xa3\x90\x86b\x87N\x01\x8ax\x0e\xf3\xc7\xe2\xb0\xa0\xa1\xd0j/\xbf\xe2\xcb\xf3\x91\xc4\xba\xc0\'XD+\x8a\x93\x0c\x03\x10*\x82&lt;\xe1 lt\x88\x0c\x8a\x118\x1d&gt;cd\xb1F\x9a\xf9\x8d\xea\x90\xb9\xc0\xf4\x88E\xfa\x172\xb0BX\x8cj\xf8\x15v\x08\xe8\xa4\xcb6\xc3G\xf5\xdfF\x12\xebt\xb3\xd0\xe0\xe5\x86\xb0\x90,\xdcV\x99n\xc1a\x10\t\x15\xc5\xe1\xe0\xf0\xa3\xa6\x03&gt;EL\xc5\xdeo\x9b"\x89e\x04\xacu\xb9H\xef\xe20t$\x95L\x8f%J\x01\x1a\x87\xcc~\x1cf\xe3n\x91\xb8%\xa2X#F\xa1\xcf\xec\xe0\x92F\x1f\xe2Z\x0f\x8aQ\x8ei\xfe\xa1\n\r\x04\xbc\xfc=\x9a\x1amQ]D\xb1\x82\xc6\x18\x83\x8d\xcc\x0eB,\xc9\xc9\x9c0]\x08\x8a\xe8\xc5\x18\x8c\x82\xf6\xef\xcb\xef\xaa\x11\x8b\xc5\xada\xac\x88\x0cAA\xa3\x10\xae\x17\xde\xc0bs\xc2X\x0cT\xf2z\x1a!\x81\x90Bs\xcc\x1e\xa7\xd3\xa9-j\xfdn\xb4\xa9\xa9\xe9\xfc\xf9\xd1[\xb7\xde\xda5\xec\xfa\xda\x85\xc21c\x8c\xd0\xd0\xe8\xc0\xc9\x01\xfbg\n\xad\xff+\xf9u\x8f\x85\x1c\x9a\r{:\xfaMN\xad\xb8\xf5dow\xb7u\xb0\xd7=~&amp;k\xf4\xedpE\xe1\xfe\xdf\xc2(\xdcTz\xd5\x88+\xec\xd2\x8f\xab\xc9\x04\x81\xb4\x04F(6\xe3,R\x91h~\x1c\x0b\xd5\xbb\x1a\xf99\x1d]N\xa7\xa9\xa8\xb5*\xf3\xd2\x84\xdb\xed\xf6\x8c/L\xf7I\xde\xca\xad\x88\xc2[\xd6\xde\xdeAk_\x9f\xd5j\xf5\x13\xac\xce]\x0e5\x8c\xc5,\x16E\x8a\x8f\xc0\xbd\xd6\x8d\xe9\x11\xe0v\x9f0\xbfZ\x83\x8f\x1eME\xfb\xab\xea\xc6\x81i|\xda\xdf\xec\xb7\x9e\x95\xbc\x85m\x9e\x85\x12\xcf\xd4\xd4\x8d\x1b\xb71\x14\x17 \x89\xa9\xd1\xed\xe9\xe9\x0e\xbc\xb8^/9\xf6\xeby!\xd3]\xa1[ym\xfc\x0f;\x8e\xd58\x9d\xb5\xb5\xfa\xb8\xb8\xfdU_z\xa6\xfdS\x0bG\x14~ky\x96d\xc3\x97fQ\xa3\xee5\xa4\x1a\xc6\xbb\x1b6\xbe1\x86\x97\nr\xa5\xc3\xdc\x1d\x14\xe3\xae\xf7(v\xa8\xb1\xc3t\x01/"\xe1*\xd2\xc0\xcb9\x06fw\xe2z\xfa\xadq\xdb\xaaN\x8d\xfb\xa7n4+\xf8\xe3}g\xb3&gt;X\xd9 WTA\xae\x87\xc1\xb2\x99\xd3\xd3\xd3\x07\x84B^R\xc9@{\'\xdec&amp;`0\xfcQL\x90\xc4\x05\xe0\xa0\xe1\xb2\xc3\xc7?\xdc\x01J\x15\x99\xf4\xd9z=n\xdc\xaa:F\xa8\x0c\x17\xce\xf4\xc5f]]\xbb\xb71.\x10\xcb3\xce`\x81@\xe9\xed&lt;\xc4\x02.\x08@s`.q*\n\xbd\x80\xcb\xa2\xbd\xb6e/\\l\x9b\x1b\xf9\xf9\x87s\xaa\xbb\x9c\xb5N|\x8e\x06bel\x8d\xdb_\xfa\x97\xa9\x1b\xb7}\x03\x0b\x83\xb9\xb1Y\xf7\xff\xb6\xb81\xae\xa8,\x8f\xc7\xe3\x07g\r\x93\x8b\x9bv\xdc\x8a\x01\\\xedLt\x9a\xbd\x8e\x00N\x01\x1dx\x93\xc1k\xf6\x19\x0c\x06\x85\xd0 \xc4\x05KN\x93I_\x84j\xe1\xfe\x07\x90\xab\xb5\xe2H\xf3p#\x7f\xdcZ\x1e+9\xf7\xe3\xfc\xdd\rq\x15t\x03\xd6\x1a\xc9\xe1\xf1\xe3\x80\x95\x94\x84\xab\xb5J\x00l`\xa0\xa4$z\x80\xdcA\xb25\x0e\x18\x0c\x03\x8d\xd1B\xe1\xe1\x8frr\x94\x87w\x9f&lt;\xd9\xa5-*\xd2\xebO\x98\xf4\xb5\td_FF\\\xd5^\xa9p\xa0\xf3\xfd\xcbm\x07\xb2$/\xbe\x99_\xdc\x08WaS\xaf\x07\xba\rb\xed:~&lt;\xbd\xb3\xbd$\t\xa9\x92\x92\xa2\xe1\x13m\xe7\xa1\xff!\xa2Sy1B^\xfen\xf2 awGW\x7f\x7fW\x8d)\xa1\xf2\xe3\xda\x84\xda\x84\x1d\x89d_M\xdc\xfeVyOR\x89\x1fs\x18|\xb0\xf4pq#\\h-\xf7\x84{\xea\xf6*\xe40L\x05aO\x85\x1f\x8bE\xa9\xe4E\xa7&amp;E\xe3\xba\xfe\x98|\x97k\xf7\x87\xd5\xd5\xd555\xce\xfe\x13N\xad\xbeRVY\x89\x1b3\xf6\xed\xdb\x87\x1bX2\xb6\xb5\xcauI\xc63\xdd\xe5YYc_/\xfduq\x03\\\x85\x85`-\xf7\xc4\xc4O\xb7\xb1\x0e;\xdb\x19,{\x92\xdd\x0eJ)uJe\xbe\x8e\x17\x9dD\xb6\xd7\xe0.\x88\x8e\x8e\xcc.gWW\xffod\x95\t\x07\xb7l\x91mILl\xc0@\xaew\xe3\xf6\xca{\xec\xfe\xc1\xb6X\x89\xe4\xfe\xd2\xd7\xdd\x8b\x1b\xe0\x8a:\xdf\x8bX\xbdk\xc3\x9d\x9d\x84\xaa\x84x\xcb\x0eR1,\xaa\x1c\x95\xd2\x02\x80*U\x9aK\xae\x11\x8b\xb5\xce\x13\xb5\x952\xbc\xd5\\\xbcE\xb6#\xa5A\xd0\xc0p\xed\xdb\xf1\xee\xb6R\xa9%\xff\x12\x88%\x91\xbcXz\xf0\xc1\xdc\xdc\xdc\xff\xcb\x15Up\xed\x12`\xf5\xf6\xba\x15\xa4\xf0J\x08\x96\x1d\xb2g\xb1\xf4\x00U~Z\x1a\xde\xa7\xd4\xe1\x96oi\xbd\xa8\xce\x04\xed\xa0\x12\xa8\x1a\x12S\x8aS@\xa3\x86\x06A\x88\xaba_\xc6\xfe\xaf\xd2\xec\x0b\xbdm\x07$\x92\xe0\x93\xa3\x7f\xc8\x9a\x1b\x1a\x9a\x99\x99\x83&gt;Q\xf8?\xcf\x1b\n\xae.\x10\xac\xc1\xdef\xb2\x8a3\x89@\xd9\x01\x89\xdc\xc9UI]R\x97\xcb%MK\xcb\x91\xca\x81\n\xbaAB\xb1,%E\xd0\x00\xc9\x13\xec\xcbH\xdc\x0eX!\xae\x1d\x19\xad\xd2\x1e\x1d\x11k\xe4\xfe\xd2\xd29\xc9\xfc\xd0\x95\xb2\xb2MCs\x8f\xf1\xc5\x11\xbfx\x88\xc4\xd5\x80McO?\xf3\x10\xacA\xdc\xa7E\xaa\x0f\xa5\xea\x81\xd0\xe9@!\x97\xdc\x05\x1fD\x93\x97\x8a`\n\xba5\xfb \xa8\x04$\x80&amp; R\t\xf2\xc2Xq\xa5*\xcb\xc2e(C\xc9\xc8\xb9\xa5\xa5\xab\xf7\x08V\xd9&amp;\x00\xbb\xbb2\xda\xf4\xcb\xdei\x01\xf8\x85\xa3m\x13\x8f\x9e\x9f"X\xd6\xeei(6;Z=\x0c\x05f\x02*y}}E\x85\x1cB#j\x11k\xf5\xd9\th\xa7\xcd\x02A\xcaN\x90I\x90\x97\xb79/O@\xa28\xbb\xea\xab\x9e|(\xc3X\xc9\xc8\xc8\x83\xa3O\x82\x07 \x89@E&gt;esw\x1f\xbfl\xfao\x9a\x01R\xc1\xe8\xca\xc3W\xaf\xd6\x9eN\x86\xb1\xdc1:\x9d\xd2\x02\t\xe4)\x81\tCE6\xa0\x8bD\x1a\x91\xa6\xbe\xbe^\x93Y#\x8e3\xd5VB\xe5!V\xc3\xce&lt;\xf2\xc4.\x0f\xb1\xe0\xd8R\xac\xdf+\xb5\xf8\xad\xb9g\xc1\xf0c\x7f&gt;\xfa;\x82\xb5i\x132\x81b\xa0\xd9\xcc"\x90\xfd\x87\xe7g\xf8\xa6\x95\x97w\x9e]\xbf~\xfd\'\xcf\x17\x93\xd3!\xac\xc1#*\x15\xe1\xb2\xa0\xa7H\x00\x96F\x84o5\xa8\xcb\x14\x89Z2k0\x852\xcc\x9c\x80Q*/&gt;\x9e`\x81f;e\xb5\xe2z\x10\xab\xaf\xfc,\x93\xc3s\x92\x95\x19\xc0"De\xe4\x17\xa6sq\xe5\xdf\xbc\xa0\x04\x99\xce\xaf\xcc\xbf\x9a\x05\xaa\xd9\xb5\xf1\xe7a\xac\xb66\x7f\x8e\x14\xb8\x00\x0bx \xf0,\xad\x00,\xb1\xb8\xa8H+\xae\xd3j\xb5q\x19\x07\x8b\x13\x91j;\xa1\x8ag\xa80\xde\x93%\x984*\xcb\xb45\xb7&lt;6(\t&gt;8\xbat_rg\x88\xa8\xc5\x04I&amp;\x1cCs\x7f\x7f\xf9/^6\x03P\xb7\xee&lt;\x9b\x9d=t\x08\xb0^y\x1eM&gt;\x07,7b\xe5\x9e\xa9\x90\x03\x97\xc5\xde\x83&lt;.$C\xac\x16\x80\x82\x11\xd9\xe4\xd4\x83\xaf\x80*\x85\x91j\xb3`\x9d\nO;e\xfa:\x97\xe5\xc8\xe5\xbe\xdc\xb3\xc1 \xd4\xe1\xd1\'c\x92\xbbCCW61r1`!\xd9f\x08X\xd4\xcf,\xd5t\xef\xe1+\x84:t\x08\xe4z\xe6959\xb9\x8ee\xfdm=\xe1\xea\x81\xae\xe0\x92K\xa1)H!\x89\x80\x85\x83\xb1\x1e\x0e\xa0\x92\x81\xd3\xc1\xe4\x00\x05X\x04,&gt;\xfeW\xf1\xf1\xbf\x96%h\xabU\xcaK0\xed\xbevml\xec\x05\xe4p\x04\xdb\xd6P\x19\xd6"\xd1\xe9M\xd9f\xee\xbea2\x025\xff\xc3,R\xdd\xbc\x89j\x11\xacS0$\xba\'\x00+wZTZ\xefR\xf5\xe8\xa0\x9b\xcb\xe5\xd8\xac\xd0\xf1\x04\x0btJ\xc0.\x9a\x92\xb2\x1d\x1f\x02o&amp;\xd6\x8a\'kk\xe2q\x1d\xc4{\x95&amp;M\x0e\xcf\xdfg\x1d\xfcS\xe9\x17\x7f|\xfa\xe37O\xc6F\x1e\xcf\x0c\xcd\xcc\xcf\xcf\xcd@5^\xb9RV\x16\x16\x8c\xf9\r`\x05\xebP+\xf3?\x1cB\xa5n~\xfe9b\xcd&gt;s?\x9a\xfc\xfd)\xb8Z!X\xe5g2[Z*\xd0S\xae\n\xec\t\x00&amp;\xaf\xd7\xb4hq\xebr%\x84\xec\x9f]\x9c_H[i\x1a\xc6\x13\xce\xc9\xcd^\x1c\xce\x12\n\xe9i\xb7\xc8`a\x85\xc2.\x08\x13\xf4\xa2^\x04\xa6a/\x8e\xd4\x8b\xec\x1c*B\xd5\x95\xddY\xda\x90\xc9\xc0\x82.\xc1\xd5\xc9BHI\xd7\x16K\xa9\x1eM\x9d\xd0\x13{\xd1\x04u"\xb6Z\xa8IM23iS\xdd\x95\x8ec\x03\x8d\xd9U\xe3\xffm\xabnWg\xf7y\xbf\x938\xce&lt;\xcd\x9f\xd3T\xe3/\xcf\xfb|\xef\xf7}\xf5$U\x150\x0bX4\x0eKX?g:Yq\xa6\xf9\xd2\x9fo\x84\xfa\x86\xa6\x12\xc6\xf6v\xf7\xe3\xb1\xe8\xb5\xd9\xef{{\xbf\x1e_N\x8fF\n:[yD\x96\xc8\x9e\xbc.e\nNQ\xf1\x9e\x01\xea\x08+\xff\xee\xf1`\x19+\xe4\xbf\xd5\xdaz\xea\x1c"u\xe9w5\x97\x19\x18\x1a;\xdc\xaa\x83Q\r\x04\x85\x0b\xb0X[?\xf1\x8b\x93\xa5\xd3EpS\xdf\xd8t\xf9\xdb\xe0\xd0\xc0\xdc\xc0}\xcd2a\x01\x17\xf4\xee]T\xeb\xe9\xe9Q\xe7\x13\xf1\xb4\xaf\xb0\xfe\xfcIoo\x19\xed\x1es\x8c\x9d\xe40\xb7\xce\xa0&gt;{FC\x02T\x9f}\xf5\xf4\xe9\xf7\x91\x91\x83\xc7;\xc12Vh\x16\x03\xee\xb7\xe7~y\xeerMGMM\r\xb8\xc0\x07\xac\x16@U\xd0\xef\xa8q\xad\xae\x00\xd8\xaf~_\xcd\xcc\xd2\xcft\xbbR\xddx\xed\xeeC\x7f\xdf\xc0\xc0@x^\x9c\xe8\xec\xe4\xdaI&amp;S\xbb\xd0c\x01\xa5\x85W\x93\xc4\x16(\xac\xc3\xb6\xdeG\x8f\x1e\xe9\x81\x83U\x7f\xdcz\x7f\x04ET\x94-\xc2\nF\xdd\xd9`$\x12\xf1\xc9~\x0c\xed\xd4\xad\xda\xe6\xab5\x97\xf4O\xab\xf9\x8b\xdeD[ki\x1a&lt;[Q\xa1\x83\x9d\xa52\xe2\xe6\xc4G\xecLEpuW\x9c\xa9}0l\xb3\x0e\xf4\r\x84\x13\xaae\xa2\xd3"\xf4\x00\xa7\x87\xd0po\xe9\xd1%h\xc5D&lt;%/\xbe\x06\xdaw\xa4G\x86\xdf\xfc\xa7T\xbf{\x94&gt;FuO\xc7\x8ad\xdd\xb1YP\xd1\xd6u*45\xd9\xdf?x\xf7AGG\xcd\xa9\x0f\x9b\x9b\xe9\xd3s\x80W{\x91\xbd\xa5\x9aN\xd7g"\xaa\xb3gQC\xfd\x0c\xa9\xeejP\x8d\xd0\x12\xab/\xbc\xacq"\xa8\xda\x19\x96\xd0\xde\xce[$x\xd5#\x08\xf8\x0b\x99\xc7\xa9\xc9\xedxZ^\x84k\xe02\xe8V\x11\xd4wD\xc5\xf4~\xe5\xe9\xca\x9b\x88\xaf\xcb}09\x8a\x89z4?xw2E\xfbj_\xf0\xe1\xdd\xcb\x1d\x1f6wu\xa1\xb5\x03\x8b\xb2UUMg\x9f\xd7\xd7W\xeb\x9e\xd1\x12\x82\xb0\xfe\xf6\xc9\xc9\x8f\xce\x9e\xe9\xba;\xe2\xf2\x98\xad\xd6\xe9\x9b\x1a\xc7u\x8a0\x89\x83I\x1c\'p\x8c\x8a\x13\xda\x05P\xd9\x81e\x99\x80\x9c\xc9\xc4\x9dT\x00\xa6\x19\x98U\x0c\xea\xd1\xc7\x84\xd4\xfbf\xbdm\xf8\x7fOW\xde\xb7\xf9\xf2\x07\xf6\xbdtp\xf2\xaf\xef\xc6\xc6\xc6\xa2\x83\xb3)x\x16\xb2\xc9#/nw5\xd5v5\x13X\xeb\xc5\xba\xc6\x8a\xfa\xeen\x1d\x0cT\x18\x94\r\x15\xdd\xcc\xacO\xba\xab\xean\xbf\x08\xba&lt;\x08\xe6\xf4\xb8\xc0\t\xa2\x04*\x81\x13\xc9$\x8eJh)Q\xb9\xdd&amp;\x81\x9f\xd0%\xf1\xea\xfcrj\xd1\xc0B\xc5\xa0`\xd5\x937\xeb\xa3\xe9Dv\xec\xcb\xa7++\xeb\x81`\xd6~\x10%&amp;\xe8\xdd\xce\xe4l0\xe5\xb7a^\xf3\x0f\x0fb\xbb\xdcL\x1f\x83t\x95\xb0\xaa\xbb\xebu\xaej,\x96[\xceTUu\xb3\nb\x08v\xdc\xf0\xb9l\x1e\x8f2=\xce\xf1\x82\xc0\x0b\xc6v\x8e\xe7\x81CW\xba\x13\x04&lt;\x04*\xbb\x91\x93:;;\x01E\x0f\xf7X\xd4\x84A\xb7\n\x05D\x83+\x04\xe3\xe3\x19\xc1\xe4\x1e\xfb\xf2\xab\x95\x957#\xaf\xa2\x18\xcbn\x93\x89\xc6\xf4Xt2\x9f\x9fM\xc9\x88\x7f(4\xda\xcf\xb8jjN\xd5\x12V}\xf7\x95n:\x93\xa6\xaa\xb1\xa5\x0e\r\xa3\x025&lt;y\xa2\xa1\xae\xb5\xcd\x88r$\x00\x00\x05\xc5IDAT\xe3a\xc0\xe5\xf2xl\xfee\x15\xe5\xe2\xa8t\xa2\xa8\x13YDVB\xe2\xb2\xc3,Nrvv:\'$\x91\xe7y\x81C\xec\x0c\xcf~\x86\x84\xf5&gt;\xf9f\xbd-\xbd&lt;\xaf\xa1\xe1\x19\x81\xf5\xc1\x1f\xfe\xfd\xa7\x0f\xc6\xc0\x84o!\x01l\xec\xda\xec\xeclpt\x14\\fk\x8aq!\xf4]\x17\x90\xadjV\xc5+\xf5\x8d-\xd8\xde\xb74\xa2\xa7V7\x9c\xbfx\xf5\xc1\xb0\xec\xf2\x03\xcb\x1f\x07\x15\x89G\x01\xc52\x14\xa8\x08\x0bf=\xb6\x0b\xe4U\'\nHT\x02\xe5\xce\xf0\xf1#\xb2)\x92N\x145\xfa*#A\xb0\x96\xe7\xd6e\xd2\xe5v\xc7&gt;\x0f\x06G\x83\x11\xb2\xcbl\x95\'\x9b\x9a\x9aO\xd1/[[\x1a\xd8\x1bg\xc0U\xd1\xd8t\x1a\x1d\x03\x8d\xac\xe1\xd7\xe7/\xdc~1\x82\x95\x07JhK\'E0\xe0\'r\x9c(1\xe9P\x8c\xca\xe8~\xec6RCC\tEN\x7f\x90\xdcz\xf2|1u\'\x91\x04#\x0c\xd5\x11\xec\x0c\xe3\x88\t\xe3\xd7H\x97\xe8\xec\xe8h\xa9\x89Y+\xfd\xfd]\xd4#Z\xa9\xcdW\xa11\xd4\xd7\x7fq\x9d\xde\x93\xd5\x84]F\xc3\x99\xf3u\xb7oD\xbc^\x97GQ\x94\xe9yQDq\xa8&gt;\xbct\xa4\x92WTB\xa3\xe8$\xb3\x9c\x92\xee\xa9\x8e\x15`L==\x1c\xa0\xec\xec\xcf\x0f2\x9aJDF\xba\x18\x8b\xe0\nxmJ\x08vY\xfd\xfd\xf4\xf9Z\xd8W\x9c\xa7\xc9\xa7\n\xb9\xba\xd9\xd4|\xfa4V\x14-H\xd8\xe0\xc3\x80\x97\xbcR\x14\xdb\xb2*\x01\x8b\xc8x\x985\xe1t\x12\x95X\xc6\xc2K\xe7\x19\x15=D\xf0,\x80\xa2!\x83\x0eG\xfe\n&amp;;d\xfa1X\x89\xc9n\xd4\xa5\xfd#\xe5\xc7\xb4m6\x03\xab\xd2\xd6\x7f\xeajs-\xed\xc1\x1a\xaa\x1a\xaf\x7fq\xfd&amp;v\xf8\xf4_\x7fu\x17\xean\xde\x1a\x06\x14b\xa58\x94t\x12\x10$d\x8b\xf9\xe4TE\x91aq,Y\xf6\xf6R\xb0tnz\x1c\xf4\x86\x92qFFE`v\xd3\x8f\xc1\x8cG\x12\x04my\xdafS\x1c\xe4\x16\xd5\xf1v\xd7\xadk\xaf&gt;\x9f$\xe51\t\x90\xd8\xdd\x8d`\x99\xca\x81\x12\xeaX\xbc\xee\x96$%s{\xc5L&amp;\x93\xcdf\xb5X\xec\xe0\xc0\xc4\xe9f!\xef\xc0%,|\x99\xd3P\x1a\xa5v\xfb\x81\x9bQ\x19\x8fa\xd9\xf5\xe2\x19\x05\x9dJ\xe39my\xcaFU\xb4\x12\x97md88\x1a\x90e\xaf\xcbo#!H\x8a\xc7\x835c\x80\xa0\x80\xefpL%PB\x0b\xa3\xa2\xd0\x8b\xa2\x9a\xc9\xa5\xd3\xa9@@\x0e\x04\x82\x9b\xdb\xb9\\6\xa6e\x92d\x96\xa4\x0f\x07J\xa1\xe4t\x1a\xe8\x07\xda\xed\xee\x92WF\xd3O\xa3uL\xa8\xbaSe~\xc1\xaeJ\xc8jv8\xcc\xba\x1c8,\xc9\x85\xa8\xc3)\x05\xffd\x8d\xab\xac\x80D\x05\x1bxmosw\xf7_\xff\r\x87\x87\xf0\xb2\xc2k333\x9b{\xc5\xd4l\xae\x98Q\x9d$\xc2\x02\xba\xb3\xd3p\xe4\x93\x9d"\xcf\xc2\x8d{\xa3\x9es\x93)\x16\x8d\x1d\xd9e\xe4\xf1\x9dj\x82\xb8\xb0\xe1c`e\x18`\xe10\xe4\x08)J\x99\nX\xd6TR\xd2\xb3\xce\xb0\xb8\xcc\xe6\xee\xe1\xc2\xc2\xc2\xda\xdar\nT\xbb\xa0Z\xd8,&amp;\xe3!\xab"\xe7\x8a{\xb9\xbd\xbd\x8c*I*\x8e\x8a\xc0B#\x00\x93\x1e,#\xb3\xe8X\xa2r\xbe\x8dX,\x1a\x8d\tL\xce\x12\x97G\xd1\xed\x02\xd7\x0fRl`\xf3x\xbde(\xb3uj\x1e\x05dT\x8cK\xdb\xdc] \xad\xed\xaeVV\xae\x1e\x02jf-\xa7I\x99~\xef\xc0\x9cW\xb6\xc2|9_\xcc\xe4\xfd\xe6\xca\x90\xa1\\\xc0\x9f\x04\x9c\x0eb\xd0\x86\xf7mt\xb0-\x92E\xfe\x90x^TUQ\x1d\'\xbf\xca\\x.Yv\xf9\x02^%\x10\xf0)6\x99\xa8(\xeb\xc0\n\'JQgM\x8b\xe3\xb5\xb8Nu\x1f\xdb\xb2U\xaa\xe0\xdafN\x13\x93y\xc7\xdc?\xf7\x97\xe6\x1c\x85\xd7\xfb\xe6\xbe\xe0H\xa5\'\x9f\x982\x1c\xd8\x0f\xc8\xabc\x11"\x1a\xdcf\xfb\xf3\xf9\xfeK\x1b\x9e\xc2[\x97\xbc\x11=6\x1c\x05-1E\xe9*\xfb\xd5&amp;\xbbd\\}\xb2\xd9\xe5\nx\xc9)\xa2rX\xc3\x14,\x9e/q\xe1H\xdd\xa4\x12\x1e\xc2\xaa\xcaT&lt;\x1e\xdf\xdd\xcce\x04^\x9a\x0f\xcf9\xfe\xfe\xcd\xd2@\xe5\xd2\xd6\x96g\xc0\xe1\xa9\x1cV;\xe3\x86h\x16c\x95\x02\x14\xa3bEc\xd1\x9d\x8d\x91\x91\xfelv\xc3\xebO\xf9\x15_\xc1\xbc\xb8\xe8z\x113\xeaQ\xc3\x0b@\x13\x16\xd5\xe5\xa92V_\xa5\xf5\xd36Y\x1e\x0ex#&gt;W\xc0\x07*\x8f\x9e6\xeb\x10\xa8\xcaL\xcc.Q,.\x1f\x1e.\x1c\x86\x99\xc9\xa1\xd5tN\xa3n\xa0&amp;V+\x97\xf6\xb7\x06&lt;\x85\xfd\xad%\xcf\xfe\x92u\xc3\t\xac\xb6\xfc\xf6\xf6\xf6\xe6^,\xba1&lt;\x12\t\xb4\xdd\xf0y\xb6\x16\xbd\x1e\xdf[\x8f\xbc\x13\xddqy|\xe6E\xafk\x872/\xd0\x1a\x80z\x0b\xf2\x95\x8c\x87\xcbn\xf5\xf5a\x1f\xe9\xfd\xd4\xe7\x93#mm^\xc7\xd1\x10\x08\xc7\x93\x12o)AQ\x9b\xc7\xc0W\xb5\xf9\xed\xcd\xcdx:\x9d\x8e\xe7_\xa19\xb0\xd6\x89g\x1b\x8fO\x07\xd3CK\xfb\xfbK\xe6\xc2\x96\x99a)ST\xe5\\4\x9b\xa2\x02 \xb0\x85\xe7\xcf\x0b.\xef\xa22\x12\x13\xb2~\x9b\x8e\xa5\xd13K\xce#I\xc9;\xa1\x92[}}VoI\x01\x97\xc3\xa1\xe8T\xd60\xe6\x1c\x89\xe7\xf9\xe3~\x89\xb4&gt;\xd0\xb4\x8c\x16\xd34\x9a\x83Y\xd3\xa0\xf9H\x12\xb5\xa4:\x9e\x0e\xf7\x85\xd3;\xa9\xe9\xdc\xcb\x97w\x0c\xca\xea\xf6\xcc\xcc|\x0e\xd5\xfb6\xe2\xd9/x@\xb4\xb8\x18Y/(\xc3\x84\xa5\x04\xcc\x8b\x01y\x87\xa3\x06|\x8cJ\x12\x93\xf7\x87\x86X\r\xc15\xc4\x9a\xa9\r\x8b\xd70\x1a-\x9b1\xd1F\xb1\xb4:\xa2\xe2JS5k\xaa\x1c7\x9fd]\x8c\x0eiB\xd2\xdb\x95\xaa\x15\xe7\x93\xaa\x9a\xc9\xbc|9\xb3\xfd\x7f\x81_O9\xa3\x8f\xbdk\x00\x00\x00\x00IEND\xaeB`\x82'</t>
        </is>
      </c>
      <c r="M151" s="3" t="n">
        <v>45492.6767824074</v>
      </c>
    </row>
    <row r="152">
      <c r="A152" t="n">
        <v>551674</v>
      </c>
      <c r="B152" t="n">
        <v>1980</v>
      </c>
      <c r="C152" t="inlineStr">
        <is>
          <t>Alan Ruschel</t>
        </is>
      </c>
      <c r="D152" t="inlineStr">
        <is>
          <t>A. L. Ruschel</t>
        </is>
      </c>
      <c r="E152" t="inlineStr">
        <is>
          <t>LE</t>
        </is>
      </c>
      <c r="F152" t="inlineStr">
        <is>
          <t>LAT</t>
        </is>
      </c>
      <c r="G152" t="inlineStr">
        <is>
          <t>LE</t>
        </is>
      </c>
      <c r="H152" t="n">
        <v>175</v>
      </c>
      <c r="I152" t="n">
        <v>28</v>
      </c>
      <c r="J152" s="2" t="n">
        <v>32742</v>
      </c>
      <c r="K152" t="inlineStr">
        <is>
          <t>Left</t>
        </is>
      </c>
      <c r="L15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e2422da-5aee-4b02-89cd-a1cd9e428d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x \x1d\x8e\x00\x00\x03\x00PLTE\xff\xff\xff\x02\x96u\x9esc\x11\x05\x01\x19\x16\x13\x11\x0f\r\x01\x9a{\x05\x04\x02\xfe\xfe\xfe\t\t\x07\xdc\x98\x83\xd2\x9a\x9d\x02\xb5\x8e\x02\xa7\x81\xde\x9e\x88 \x1d\x1c\xc3\x85m\x96n_\x00\xaa\x87\xa7wg\xd2\xa0\xa3\xd7\x99}\xae\x7fk\x02\x84f\x01\xb8\x94\xd8\xc9\xc8\xd0\x97\x85\xda\xa4\x90\xd7\x8f\x83\xa5pY\x95hW\xc2\x8dv\x01\xaf\x8b\x8cdSV5,/ \x1b\x03\xbe\x97\x03\x8ak\xd2\x92{\x01\xa1{\'%#\x04~_\x02\x90p)\x16\x10\xc6\x95\x82\x04\xc9\xa1\x04vY\x82G&lt;\xfb\xfc\xfb$\x0f\t\x9b|vrI=\xd9\x98\x8a\x01\xa0\x82v=-\xb9\x8d{\xcd\x89\x82gLH\xd8\xa4\xaa\xdd\xad\x98\xcb\x91\x91K0(\x8bYH\x89PD\xc6\x8c\x89gE:\xd2\x94\x98\x88c^\x96^Nb&lt;1\xd3\x98\x91\xb7\x85p\xd0\xdc\xe3\xdd\xa1\x80sQG\xa4{q\xb5\x94\x88\xce\x87vX=8\x7fZK\xd8\xe2\xe6\xdb\x8cwrWSLJGC)\x1f\x15\xb5\x84\x1b\t\x045\x17\x0f\xc4\xa2\x98\xcd\x90u\xd2\x8a\x8f\xc9\x96\x9a\xb9|g\x8dK:zA7\x81_V&lt;97\xdf\xe7\xeak6+9&amp;" \x9bs; \x17\x90id\xb0\x80w\xf7\xf7\xf5\xb1ya\xb3bS\x9aoo:\xbb\x92}QC\xb8\x9c\x99632S( \xc7\xac\xa7\xb0`F\xbc~z\x03\xc5\x9b\xd5\xb8\xb2\xd8\x9e\x9d\x06pU&gt;.*/,*\x7fB.\xc0p]\xa8\x7f\x81\xb5\x87\x82\xbc\x8f\x92\x17\x94p\xd0\xbe\xbd\x04\xc2\x8e\t\xbb\x86\x05iQ-\xa2w\xc7{}q=4\x15\xac\x800\x97p\x11\xa3z\xe0\xb7\xa3\xd2\x88l\xa1T&gt;\x06\xaf\x83\xe4\xed\xecYFA\xc0\x86~\xa3fOSRO\xc6\x9d\x89\xe3\x9b\x92H\x1e\x19DA?L:5\xe3\xbe\xaf9\xa8~\xda\xd6\xd5\x86kg\xd3\xb1\xaaza`\xac\x87s\xda\xc1\xbc\xd8\xab\xb3\x8fvp\xc7xn\xca\xb5\xb3\x96SA\xab\x89\x8e*\x8ag\xc2\xa3\xa1\xcd}bZ[Y\xde\x8e\x91\x07\xcd\xaa\x06\xbe\xa2\xafjb\xec\xf1\xf0\xc0it\xe4\xac\xaf\xd1\xa9\x9b\x9dba\x86TS\xa2[S=\xb2\x86%\xb0\x82"\xa6{\xc3\x97\x90\xbcjO\xe0\x99w\xb2rv\xdf\x88\x85\x1d\x88g\xbb\xa6\xa4%lQ\xc8\xd7\xdc\xdb\x88k\x1c}_\'\xc6\x9b\xe4\xa9\x8d\x89E0\xe2\x9a\xa0/\xa7\x8a\xa1\x8a{"\\E\x98I5\xc8\x82\x8a\xa9\xa5\xa6+\xb6\x90\xe4\xa4\xa0cXS)z\\\x08^H\x8d\x85\x85\xc0\xbe\xc3\xc1\xcb\xd6a/&amp;\xdf\xb7\xbegda\x96HN\x9c\x95\x92F\xc2\x97\xe7\xc7\xbe\x1dN:\xec\xdf\xd9\xb5\xb2\xb8\xb3[h\xf5\xed\xe85\xd6\xa5ksk\xeb\xd2\xca\x94\xcc\xc4\xce|\x84y\xc8\xb7\xcciO\xde~[\xb5A,\xa6MQL\x91t\xad\xc7\xcfS\xaa\x8f\x18;,a\xc6\xa6l\xaf\xa3\xc0RD\xae\xdc\xcd\x87+\x1b~xup\x1d\x11C\xc5\xc1s\x9b\x8aR\xd3\xa5\xe0M.\xa0- @\xe7\xb2F\xbd\xad\x94\xb1\xb0\x10\xe1\xb6\xaa\xea\xd2\xa4%c\x9c\x00\x00 \x00IDATx\xda\xdc\x96\xefk\x1ay\x1e\xc7\x17\x99!\xe3\t7\x06S\xc1nb\xb1B\x19hA\xef,\xc6d\x8d\x13\xdd\x89\x01\xabI/\xd3\x07\xb6\x8df\xd6r\x98\x08q\xaa!\xc1\xd1\xb6\xe4I|p\tk\x9c\xe5\xc6\x92M\xcf\xad\x19\xd09H \xdd&lt;\x88O\x84&gt;\x08\x14\x1b\x10\x12\x8a\x94c\xf3 \xf7\xa0}z\x90?\xe0&gt;\xdf\xb1\xe5~\xecSM\x8f\xfb8\x8e-\t\xf8\xca\xfb\xc7g\xbe_}\xf5\xff&lt;\x04\\\x04\\p\xfb\xdf\xe0\xe9\x8c\xddn\xdf\xb3\x13\xf3\xf0\x81\xc8\x88/\x8e\xb4u\xfa^a\x95\x93\xb6\x08\xf7\xf3\xb6rqq|v\xb6\xb5\xf7\x05U#\x88\xef\x8e\xdb"\xae%I\x0c\xa7x\x89\x17xV\xe08\xe5\\Q\x94\x93\x93\xe3\xef\xbf\x0c\x19A\xcc\x9f\x93\xda&gt;m_\x9f\x16\xc7\xe1\x13\xc7(\x12#)JbA7V\x94\x94\x93\xf7\xf3\x97\x0e\x06J\x9dp\x80\xd4\x19\xe0\xc20\x12T\xc38\x9eeA-\x04\xa6p\xed\xf7[\x97\x0bF\x10gT\xdf\xbfF\xab\xc5I-@\xe2\x18\xdf&amp;y\x9ecE\x91-\xb4Z\xa2$\x9d\xcd\x13\x97JE\xf6\xfd\x07\x96\x16Cn\x92$x\xa8\x80\x99\x18\xa9\x08lK\x149\xead\xef\xd2\xb8\x88\xf9c\x01\xc1|z\xab`}\x9f\xd4\xe2)\x9e\xa3x\x92\x02\x0f\x05\xb1\xadp\x1c{|I`\xc4\xdd6\xfe\xefH\x9f\xc0P\xc0 b\x10z^\x920^QD\xb6\xa5\x9c\x8b\x14\xcf\x9e\xda/\x83\xea\x94\xefh\xd3\xf7_X\x00E\x91\x14\xc7S\xac$\x91\x9c\xd2\x96\x94v\xfb\xfc\x9c\x15p\xf2\xb8\xf7z\x11[\xc2\xaf\x99P\x19Q\xb6(R 1I\x928\x8ab9\t\x16\xac(*-\x0e\x93\xcez\xae\xd7\x9e\x82#\x84_aA\x19y\x1c\x13\xc4\x16/\x08\x82\x04^\xb2"\x0brA\'[\x9c \xf4Z/\xfb\t\x86C\xaap5\xe1\xda\xce:EM\x84.b8\x89Q\x90q\xe0\x11(\x81\x93D\xae\xcdB\x01x\xae b\xdc\xf7=\xe5"\x8eI\x15\x02\x14\xd3\xaa\xdb\xfds\rUR\x8c\x83\x16\xc2Be\x15\x01:\t\x11S$\x89\xa7\x84\x12+`b/\xb9 X8\x8ea\x10o\x1c]j\xc8:\x92\xa9\xcbK\x0b\xab\x1e\x13x\xaa\xd5"y\x89\x13\x15E\x02D\xb00\xc3S\xd8y\xef\x16+a?\x87/\xa6pp\x0b\'9\x12C[\x14i\xa6U\xd5B\xcb\x1e\x83U*\x88R\x8b\x95DX\x0e\x90\xf86\xcb\xf2\x14\'Yq\xbcw\xf1"Na/I\xe8\x89\x8cS\x02,\x03\x0c\x91td\xebL\x9f\x16\x0e\x13\x90rx^\xb3m\x96\xe3\x15\x0eZ)\xf1\x19\t~\x85\xeb\x99\\\xf3m\x1c\xce\x08\x10cAB}\xe3I0\x14\r:\xda\xa8O\x1f\xa8\x01\xc9\x0b"\xc7A\xda\xdb\x17\x10x\xb1-J\x99V\xa9\x04\xbf\x80_\xd8{\xc3E\x9c\x01\x81 \xc2\xa1\x8a\xe3y\x01\x16\xa7\xa0\x1e\xb5@&lt;\xf2s\xfa\xd5\xa76N\xc2V(\x94Z\x85\xc2\xa3\xccXij\xaa0\x95\xb1b\xf0\'\x9c\x12\xbdI\x96\x82\x93\x82\x00\x1aPpL\x10X\x8e\xb2Z3\x14\xecOt\xa2\xc1\xd4n\xa2pQ\x14&amp;P7K\x85\x99\x17\xad\x17\xad\x99E\xc7D\xc0\x1b(d0\xd2\x8a\x8b\xbd\xc12\xc1^\x12x\xf8R\x1eT\xf0N\x07\xbc\x8e\xc0\xdc\xccH\xe1\x91\xf5Q\xc6z\x13\xaa\x80\xac\xa4\xda&lt;\x9f\xb9y\xef\xde=\xef\x98wdf\xc217g\x99v8\xbc\xd7\xef\xdd\x04\xf4\xad^p\xcd\x8b\xea\t\xd4\x9a\xc9\\\xf7z\x86`\x8a\xc5"\xc3\x98-\x0eG 02R\x02\xba\x12\x97\xe1\xb8Bij"\x9fw\xe4-\xe6E\xa7\xc7\xec\x19*F\xa7\x17\xa7=\x13cV\x0c;\'zRC\x14\xf8Li\xcaK\x0f%\xea\x89z\xbd\x9e\x86[nva\xa8\xc8\xf4[\x02\x8b\xde\x89)\xefTa\xc2\xeb\xa0e\x00.\xa6\xd3\x1br\x1a~\x9e\x8e\x14e\xc6\x13\xfd#\xe4\x8b\xea\xc1N\xb5\x9f\xe38\xc5e\xa6\xbc\x0e&amp;]O\x7f\x9e\x8d\x8d\x8dt\xbaXL\x14\x8b\x1e\xcf\xe2\xa2#?\xf1\xcey\x14\x89\xc8\xcdfS\xfdI\xbd\xf6\xe1C\xadV\x07JG\xa0d\xc5\xba\xbf\xbb\x88=\n&lt;\xe4\xc6lH\x02\x95\xa8\x8e\x98\x9aMY\x86kcC\x8eD\xb2\xd1\xac\xf3]\xcc\x99=\xcaf\x8f\x8e\xb2G\xcdf:\xfd\x01\xa8&gt;~|\xbd\xfeZ?d\x19y\xf4;i\xbe\xebb\x1dc\xb8\x95\x1f\xa3\x13\xaaT\xffH\xd7\x13\xe9\x8d4\xc2jF\x9a\x91HS\x06\x16\xa7\xd3\x19\x8b\xc5\xb2h\x9cGGG\xcd\r\xf8\x03:\\\x1f__\xd13\x96\xa9\x9b]\x0f=ao\x93X\xa6\x10(&amp;\xea\xf0ej\xaeT\x07\x9b\x80\x03\xda 4\x84\x05o\xf8/\xbc\xb3\x11P\x10a\xd5j\xeb\xeb\xaf_\xaf_\xb9?\xb90\x9d\xb1v\xdbE\xe2.E=*\x04\x98\xdd\\\xa2\x9e\xcb\xe5\x12\t\x88{"\x81\xb0\xc0\xaeH\x04.\x84\x15u"\xb4\xa83\x06\xf7\x08\nW\x1d\xa0\xe0Z\xff\xc3\x95\xaf\xaf-\x98\x03\xa5\x0b{\xb7{HY\xaf\x8fX\x98\x1c\x9aJ\xae^O\xec&amp;\x00\x10\xd9\x08L2\xe2:r:m\xaaZ\xd1X\x07K\xdeH\xe7j\xfaP(t\xe3\xc6o~\xfb\x8d~\xe1/s\xa5V\x97\xc3E\x9c\x0bcS\x01\xcdP\xa5\x02T\x95\x1a|$\x80\xaf\x96K\xa4\x9bM\xc0\x82\xc0\xabX6g\xd6\x96\x8d\xbd\x03\xaa#T\xc5D\xad\x16\n\xdd\x0f\xdd\xb8z\xfb\xeboB\x0b\xc17/\xba\x8cE\xccK\x19o\xc0b6\xe8k\x95\xf5Jem\xad\xa2N\x08\xb9\xb9\x81&lt;\x94\x0f\xe4H6k\xb3\xa9\xc9G\xb9\x8f\xc8\xc5t"\x91\x0b]\xbbq\xdf\x7f\xd5\xbf?Z\xde\x9f|\x13|Y\xf8\xae\xab\xe1\xb2\xdf\xe5\n\x8eo\xcd\xfd\x0b\xfau}%\xe4r\xb9B\x15\xb8=\xf0\xb9@\xb5\r\xe0\x8a\xd0E\x10\xccF\xdb@\xaf|\x1eL\xcc\xca\xc5\xddDnV\x7f+|u\x7f{y\x7f\x7f\x7fy\xe5\x87\xe1`p\xaa\xbbU$\xb62\x81\xb9o\xfb5\xb3\xa1\xd0\x1a\xbc\\o\xddn\x9f\xce\x15Z\xd2\x01\x17ls\x99\xa6\x99\x03\x99\x96=t\xd4\x16\x8d\xe5\xa31\xe7Qq(19\xbb\xb9yX=L\xed,/\xaf.\x97\xb7\xc3\xc3\xe1\xe4\x8f\xdd\xad\xa2\xfd\xb40=m\xd6\x18\x96B\xaeA\xbfk\xcd\xedS\xc7\xbd\xe6\x1a\x07\xb9\x00(b\xb3yh\x99\xf6\xd06\xa8a\x1e\xa2ec\x8a\x0b\xc3\xc3\x87\xa9\xd4Nu\xc7\xb4\xba\xb3\xbd\xbc\\^N&amp;\x1b\xc1\xe3\xaeV\x91x\xef\xb5\xf4\xf7\x1b\xe2\x9b`\x1d\xe0\xf8F\x07|\xba\x01\x9d{|\xdc\xb5\x86\xb0"4\x9d\x8d\xd26D\xd5\xc1rF\x98\xa1\xf8\xd3g\xe1\xeaN\nQ\xed\x98L\x80UM\x06\x83\']\xcd&lt;q1g6\x1b\x8cO7\xc7]\x0fV\x06t\x030:\xddCp\xf2\xad\xbb\xb2{\xc0\x00\x16\xed\x8c\xd2\xb4\xc7\x06\\`"\xfc\x9b\x89\xc7\x9f\x06\x93\x8d\x9dT\xcadZ]5m\x99\xca\xe5F#\x95|\xd9U,{\xdbb\xd6\xc4\x8dK\xe3\xee\x07&gt;\x9dn\x14^\xba\x87\x00\xe6\x1b\x1f\x7f\xbb\xb4{ 3t\x04\x84\x026\xb8C\xe2\xf3\xce(\xd3\xafy\x02`\xc9F\x03\x94BT\xbf\x94M\x8d\xb3F\xf8\xf7\xdd&lt;D\x10\xf33fs\xdc`\x8c#,\x9fnt`\x14f`\xe0\xa1\xfb\x81\xdb\xb5\x06j\xc94\x940j\xf3 \x17c\x08\xcb\xe61k\xee\xc4\xe3\xc9d5\x99\xda\xd9Y\xdd\xda\x020S\xb5\xd1h\xbc\xe9f\x15\x89\xbd9s\xbf\xd1\x08X~\xbf[\xa7[\x01\xac\x9f\xc0Fp\xd1=\xbe\xbb{\x00.\xda\xd0j\xf8\x99\xf1\xd8`;\xe4a\xc9\xd3\x1e\x06\xe4}\xf6\xac\x91l$\xabH-\xd3\xdfM\x8dT*\x1c\xec\xe6\x81\x9e\xd8\xb2\x0c\x19f\'\x91\x89~\xff\xca\n\x988\n\x16\xbaQ\xe6+\t\xf5P\x03O\xc3\xd8\xbb&lt;\xcd\xd0y\x98\xa83K\x9b\x19\x83\xe1\xe9\xb3d\xb5\x01\xafU\x13\xe2*\x83n\xe1\xe4{{7\x8bh1NN\xeag\x97@-\x1fh\xa5&amp;\x1ef\xfc\'\xdf\x9a+w \x1fD\x9c\xce|\xec\xb1\x03\\\x8c\xe6\xa3\xd1h\x96f^\x15\xe3\xf1g\xd5$\xb21\xb9\x03\x997\xfd\xad\xbc\xb3\xbc\x9d\n\xbf\xe9^\xe6\t\xfb\x85\xc60yM\xbf\xb9y\xd5\x7f\x1b\xe4\xd2\xa1.\xa2\xfb\xb8n\xc5\xf7\xa0\xb2\xbb\x9b\x90\xb3 \xd6\xe3\x89W\x0c\xed\x8c-\x82\x9frQc\x18\x0eV\xc3\xc9\xf0a\xb5\x9a\xda^]\x06.\x88~y?\xfcf\xaf\x8b\xd1\xfaQc\x9c\xd4\xeb\xf5K\xae\xdb\x83\x83&gt;\x9f\xae\xb3"\x06t&gt;`\xf4\xbb*K\xb3\x07\x91(`=\xbe\xf3\x8a\xb1\xe5\xa1\x8e\x11\xc6h0\xc2\xb3\xe60x\x18nTS\xa92\x8c\xa9\x0c\x82m\x87\x83\xbf\x10\xdd\xc3z\xa91^\xbb\xb6\t+\xfe\xf6\xedA?`\x01\x97N\xe7\xf7_\x1dDXk\x95\xa5]\x99\xce\x03\xd6\x93\xdd\x03\xe8$`\x15\rFCp\xf8\xd6\xad\xc3\xc3p2\x08K\x15A\x01\xda\xf3\xfdp\xb0{U$L\xfd\xfdFtp\x1a\x1c\x1c\xfc+\xbcai\xc1\xa6\x1f\xd0\xad\xe8\xa0\x97~\xb7kis\xe9\x80\xb1\xc5\x1e\xff\xf9\xc9\x01\xd8H\xffl\xf3h\xee\xdc\xb9\x13L\x86;SM\xadnC\xba\xca\xcf\x9f?\xff\xd3\x0f\xc3\xa6\xeeam\xf5C\xb6B\xffd\xcd\xfc^\x12\xdd\xf38&gt;\xe4\xc4t\x12\xfa\x81\x8e`\xda\x19&amp;!\x06\x0c\x1cM6S+\xb32J+\x9e&amp;\xf4Yu\x9b\xd9\x86rF\xd1\xf1Y\xf1\xa1Y}\xc4\x9b\xbc\xb0 g\xd5I\xca\xccr\xa4\x8e \x96u!%\x81\xd0\x19\x86Z\x1c\x98C\xed,\x12\'6\xa2\xec.\xdasQW\xfby:\x07\xf6\x0f\xb0\x0f\x82\x17]\xf4\xe2\xfdy\x7f?\xbfD\x10@\x12\xb2\x11\xb6\x9c\xae\x03\xc5\xee\x8c\xaf\xd3\xc1s\xdc!d;[\xed\x1e\xc0\xdaI~\xdf\xe4\x99y\xedJ\x81)\xeeT\xad\xba,\x18\n\xdeB\xddd\xb3\xb6\x03\xd5F\x93\xea^\xb1\x94\x11=\x89\x95E\xc0\\l\x05U\xfe\xbb\xb9\xe8:\x08\xa9\xcfF\xb8l\xb4n\x9e5h\xb2%\xe1-67\xf3\x04\xa6\t\x13\xc8\x15_\xdd\x05\xcfc(\xcc\x101\xbb\xd7\x1b\x92l\xf8\xfd\xf7\x87\xf5\x80Y\x1bQ2\xa6\xffPK\xc4\xa6\xca\xa5T \x02,\x97N\xe7\xca\x10;P7\r\xe9\x8e\xb1\xa0\xd3\x96\xec0\x9b{:\xcd/\'\x16\xbaL\xf1\xb8%\xae"T(\x94y{8\x1c\xf6B4m\x00\xd6}\xfd\xe2R\xf1\xd7\xe5\xde2\xc6\x00\x02\xf9\xcbj\xb5"R,\xc8\x9e\x8enq\xb9\x9c\xf1x\x9cp*\x95\x84k\xa7\x9b\xc4Jo\x8e6\xf7\xb4u\x0e\x0f\xb7\xb6\x0e//\x0b\x04q\x98f\xa0+.\xc1(\x08T\x12?\xa6\xfa\xe5\r\xf3\xb4\xe2\x9eZ\xe2\x97HDY3\rXlD4\xa0\x85B\xea\x8a;\x05&amp;\x93\xc0\xb9\xbc\xb0\xb8 \x10\x98j\x9d*\xc0\xb2\x9a\x18\xdd\xb0Yw\x8e\xb4\xcd\xcdM\xbe\x1e\x1c\\\\\xf8\xfa\x15\xfe\xbc\xeb\x9eg\x82\\v;`m\xf8\xff\xfd\xf4z\xad\xf0\xe6&gt;\x8ai\xc5s\x01\xd4\xa1^\xf2!\x02\x16\xbcD\xbaK\xb0\xb80;;\xbb8\xfcup\xaeux\xb1\xeb\xe5\x04aH\x8fz&amp;\x94\xed==\xcdm\x1a\x0e\x97&lt;,={\xcf\x99}\xc1\x99\xfd\xfa\xed\x9f\xee\xd8\x12d1dg\xa1a\xff\xd0o3\x1b\xa1B\xc9z\xbdAi\x96\xf9\x85\xde\x16%`A\xdd\x1a\x18@D\xce\xae\xd6\xd6\xd9\x8f\xaf&amp;?\xbez\xf7\xac\xba\xba\xfa=\x90\xbdT\x12\xb4v\xcfDz4\xa8\x19\x1c\xe1\xaa\xc9k/yb}V\xcdy\xf1\xf1_\xff\xfd\xf6\xcdb\x87,\x86\xfc\xfe\xf0\xea\xe1\xcf+\xe1\x9b\xbdR\xe5\xaa\x08\x9d\x9f\xef\xf7/G"\x0cZ\r\xc95 2t\xb5.\x0e\xcf\xceMr\xde?{_]]\xfe\x03E\xcd}=\xd7_k\xb0\xa5yf\xf3\xa1U3\xfe\x9aO\xa1\xfcq\x84.\xaf\xe6\xbc"/p\xcb_\xc2v\xaf=\x84\xc2\x0c}\xbd\x82\'\x8b\x17\'\xa5\x8aU\x89h\x1d\xfb\xed\x91\x16\x06COfq@ALt-,B\xb4\xce\xb5\xbd\xe6\xf3\xb9\x9c\xf1\x91\x86\xc1\xce\xfeZ\x9f,\xf9\xf71\xf3\xc4\xa1\x86\xafVS(\xf0\x81P\xf3\xb9#\xa4\xf5\x97\x17\x04\x16\x10+\xe4\xc7b\xd8\x0c\x9be\xbc\xbd9.\x11\xebd\xedV\x9bpl\x19\x184%\x03\xb0\x1a\xd9T\x9b\t\xbc.\x10,\xf77X\xdbF4\\M[\xffPW\x99\x81\xc8\xc8\x924_\xf2\xd3\xd3\xa1\x11\xbe\xfa\x8e\x8a\xcf\r\xf647\x045\xd62\x18\xe2\t\x0c\xac\xe5m\x89\xb9\xd1\x9a\x9c\xd7q{sZ*\xd6\xf9u*\xa1u\xf8"\x11\x1ac\xa0\x91\xddX\x07MP\x96\xc9\x10\x9b\xfd\x02B\xb9\xd9\x13\xd4p\xb9\rC\xb5D\x86*\x8eR\xa5;[JU\xfc\xe5 \x97\x14\x8a\xd30\xd8c\xae\x97Y,\xc3=?\xa2\xa8*\xbc$\tIT\xee%\xc5\xe3\xaa\xd3\x81\xdb\x9bP\x89\x9e?&gt;\xdfO \xd9\x84\xc2\xa0,{[\xd3\xc8F\xea`\xe1\x91fl\xa3]\x16WW\x1b\x17\x92\xa8\xe1\xf3\xadfBG\xc7\xc5\xe2\x83d\xd2\xd9\xb2\x1b\x7fM\xe6\x8f37\xf9\xf0!\x7f\xbc\xd3\x14\xc3\x94e~\xd4\xef\xb7K\xbc\x80\xe5e=\x96\x1cKno\xf6J\x9b\x06+N\xaf\x8c\xd9&lt;\x1b\x1771h\xf5k\x03\xd3\x03B\\\xa7\x90\xdax\x13.S\xdb\xbb\x9f\xc0\xd6\x14\xee\xb8Fc5\xbb\xe88N\x17\x19\x8dM\xb1\xddA\n\xe5\x11&lt;\x83\xf2\x7f\x90\xa6\xe7p\x9a3h\x84\xd1\xd2\xdb\xb4$\x91HP\xa6\x97\xb5\xc7:.\x14K\xc5z\xbe^\xfc5\xbb\xbe.\\\xc7{\x19\xf5\xe4IHH\x95\xd6\xf9\xba\xcbl\xcds\xdf^\xc0?\xa6\x94k\xb8V\xab\xc6\xaa\xa4\x07\x02\xf8\x81qK\x86\x99\xd4$,E\xfd\xf1\x1d|\xfd\xf0\x9f\xe5N\x0f#\xd2\x82\xb64mH$,t&gt;\xd4\xb7\'99\xbd\xba\xd9+-\x89\x15\xf9\xe2\xaf\x95\x85\x82\x98\xb5\xfe\xc4\xf0\x16\xb0\x1a\xd9\x8a\r\\j\xa0\xb57\x9b\xe2/\xaa\xcb\x1fr&amp;\x83\x9aq\x8f\xe7P)\xadJ\xe0Zc\x12\xc5\x9e\x02\x16\xe5\xd1\xa3\xf2I5\x88V-\x88\x9b\x88\xc8\x17\xe5\x17\x7f\xd8\x0eX\xd8\xb1d[R\x08\x15\x84\xa5b=\xcf\x17\x8d\x81\xa3\xa3u\xa1\xb8\x0e\xd4Z\x9b~\xcc\xa2fd\x0c\x1al\xcc\xd0~L\x9b\xad\r\xd6`\xf0\xd0\xbaY\xffA$L\xc8\xb5F\x07\x166T\x03\x15\x85\xc2\x9d\x9cl\x9b\x9b]49]\xb10fQE\xd00\xa9\xd6i_\xe5\xf9\xc5\xf6v\xa8T\xcb\x83Z\xc6|\xa1\x10b\xb1\xf0^\xc0Z{\xcc\xc2q\x91OZ\xa7\xa0\xaf\xaeZ\x9ci\x18\x95\x83Ak\xd0c\xa8\xf9se6q`t\xd0\xc3-\x1fI*5w\xa4\xa1\xe1\xb0\x7f\xc2\xb5\n\xbd\x10E\x89\x16\x0c\xd4\x92l\x84\xb6\x1d\xb7W\xb9\x8b\xed\x8b\x12\x0b\xc4\xf3\xf5\xab\x95|&gt;_\xb5&amp;\x0c\xf4~p\xacM#\x95\xc2:\x05L~"\x19\x8c4\xb64\x8c\xcaAp\xbc\x87\x18h\xccf\xb5\xa9K\xa3&lt;\x9cY\x80\x14B!\x1d\x0f\x06\x1b\xcc\x9b\x06\x14\x03\xaaU\x98\xea\xef\xb0\xbc\xc8\xfe\xed\x8c\xb1x!,\xb1\xcaW\x14\xae\x02\xf9\x00r&gt;#\x14\xeaA\xad\x1cR\x85\x8b\xe5&gt;Xau\x19\x19L~\x7f:\xb4\x06\xad\x87ci\x11\x82d\xb3"\xc0\x92\x85\xeb\x0c\xb3\xa4\\PM5\x9a \xef\xad\x1fC3v{KF\x15&amp;=\xef\xfd\xf9\x9a\x8c\x0bo\xa9=\xf1\xf4&lt;\x9fM\xe4\xce\xf7W\xd8\xfa\x0fk\xd3\xb9\\%\xae\x90\xc1\xb6/\xb5\x19\x08"\x9dn\xe7\x8d\x8e\x9a\xcdi\x11\x9b\xc4"\xd5\xd2\xd9\x15\xb2x\xeb]\xebQ\xab\xf9\x9a\xb1\xf6\x1f\r\x84E\x15\xce\xa014\xec\x95\xb0X\x7f\xf9\r\xe2\xfa\xa2P\xea\x12{\xbc\x12\xb8\xc8\xae]\xedO\xb1W\x1ck\xb9\x1cR\x89K\xe9b9\xa4P*\xf3\xd9v\xd2\xe9\x8e\x8e\t\x93N\x91\xc8B\x9c\xa5f\x8c\x19wX\xbajY\x1e\x1c\xe7\xf3\xf9\xe3\xcd\xed\xb54\x1aC\xb5jH\xba\\a&amp;\x8c[\xac\xbe\'$\xd6\xedv\xa9-\xf1\xc1\t;{\xbe\xe2\xf8\xdbe\x14y\xeb\x00\xb1\x10D\x81\xc3f!\x16KES&gt;\x9f/\x99\xeeN\'}t\xf1\xe7\xcf\xd9D\x96\rX:\xa6\x1b\xc3\xdc\xbfX\xe2C\rV\xebh\x07hE\x10\x0c\xbd\xcdG\xa00\xa2\xee\xb1\x1e\xb3H\xb1\x8a\xde\x93\x92\xc7-E\xe0\xcah\xbcL\xad#\xfa\xb7\xe4\x81\x9d-\x14G\xc5\xb0\xf5P\xa7 l\xc9\x1d\x9b~\n ?\x7f\x0e$~O\xa2\xdb\xcet\x1f\xcf\xc7\x9de\x9b\x1e^G{w\x92\x96t\xe8\xf56\xd1*\x16c.\xb1X\x8a\x02\x98\xab\x98\x0b\x95&lt;\x9d&gt;_\x0f\x9c\x17\xf7/\xe9\x89\x00`\x91I\x0c\x88\xc5\xf4(U\xae=\x03\xac\x83\xa9\x03\xadV.&amp;\xb1\x12\x89\xb3\xb3\xd4\xe5V\x066U\xe6\xfc|&lt;\xbd\xe9\x19\xe3\xb5wwo}\xd82\x1a\xf5+R\x8c\t\x8bb\x1fkci\xbfX\xbc\xb8\x87\xe1\xb4\xe24\x90+\xde\xceD\x15G5\x805\r\x96\xc7\xf1h\x94N\xd5\x8aV\x00\x8b\xa4\xd2\xca\xa9\x9f\xef\xd4\x12%\xbfoA\xf1\x04.f&lt;=tx86\nz}\xda2:jlt\x8c9\xef^\xea\xab\x13n\x14o.\xf6\x90\x92\xad\xf5\xa0\xe2\x84\x1d\xb8\xba\xbd\xa6\xe2G\xb6\xfa;\xb5X\xb8x\xfd(\x8a\x83Z\xa9\xa93\xc0\xd2j\xcf\xb4$UB\xabM\x01\x16\x16\xb5/1\xdd\xbb\xa6f(\xfeV\x00\xe3}\xdaJ\xfadt7s~\xc9\xdb\xe7\xaf\xaa\x01\xb1X\xc8=l\x18o\xf2\x81\xdc\xd5UJq\xe4\xab\xaf\x01\xae*V~=zt\x84kEg\xa9)\xe0:8;\x834\xe6\x81K+\x9f\xba\x04\xb5\x00k\x89\x19sv\xf5@[\n\xf6x&lt;\xa3\x9f\x926\x19\xe6\x9e?\ry\xfb\x9a\xb6\x1d\xc5b\x8e\x15\xba\x87\x1bWE!\x97G.\xaeV\x8e\xa44=X\xbe*\x9f\x8fF\x8f\xa2b0\xd7\n\xe9\xaeT*uv\x00\xde\x02s\x91X\x84;*^r3c\x86\xcd\xb1`p\x1c*\xbd\xd5\xc3\xdb\xd2\xcbb\xf3\xc7L\xc0z\xb2\xedmD\xf6\xaaN\xef\x03\xeb$\x8b\x90z\xe5\x15\xf5\xf0\x14\xb7\xab\x02y\xf1\xd1\xff\xb1RdL\xc9\x01\n^\xe2\xd4\xe5wb\x17\xc3\xc5\x98\xdd\xad\x1cm\xb6\x8e\xf0\xffG\xcb\x19\xbe$\xb2\xafq&lt;\xc6\x0e\xb7\x9b\xb0\xc7aR\xc8\xd6\x11G\x90\x03\n\xadc\\\x9dV;\xd6\xacyr&lt;zw\x88\\sIH\x1c[\x86\x8dB\x8a.W\xa57\xf5\xa2\x037\x17\x8d"\xd3\x93\xbbW\x16\x82n\xa5\xbd\x88\xe3a\xd9\x0b\x11\x82\xb1\x0b\xd9\xeeQ"\r\xe2\xc0e_\xef\xfb{\x9f\xb1\xf3\x1f\xdc\xe6\x07\xbe\xff\xf0&lt;\xcf&lt;\xbf\xef\xf7\xf1\x99\xf1A\xc4\xa6\xa7\x9e\xec\x9f\xbc\xdd\xde\x16\xb0\xe4\xbf\xfc\x02\x8a\xfe\xf4\xff/-\xc1\xbb~\xf8O:\xfd\xf4\xdf\xe94\xa6\xf2\xb7\xb1\x0e?\xf7\xde\x15\x17@\xb5Z\xad/\xc7\x07R\xa0\xda\x9b\x94V[\x02\xd6\xc8d\xd4\xba\xe0\x06=\r-\xd5\xb7\x01\x05\xc6aI\xc0\xfaykM\xd7\xf7\xe0\xe9\xe9\xd5\xd6\xd6M\xc7}p\xdd&gt;\xfd\xf5\xc3\xe1a:\x9dDd\x90\xc46V\xef\xe7\xc1\xc9I\x01\xeb\xcbq\xbd^\xaf\x9eA\x8f\xdf\xdb\x93V\x8f\xeb\xfb\xf1\x84t\xe5\xf5\xeb\x1f\xe7c\x0e\xc1\x02\x19}\x84\xc34\x84\xc5\xdf-//\xac\xad\x19\xfa\x0e\x17\xbb\xaf&gt;\xdc\xde\xcb\x9c\xb2\xeb&amp;\x9d\x06\xaa_\xd3v\xfa\x85_\xd7\xc6\xba\xcbb\xf5\xa0\xdc\xaa\xd7\xfb\xfb\x8fW\x84\xbbgoq\xb0z\xdc\x7f\x1c}\xb3\x1c\xb0$-R\xd2!\x183\x10\x12s\xa6\x12\x1f\x9b\x9d_\xd8Y[K=\xde\xdd\xf9\xf1\xf6\xea&gt;J\xab\xed`\x01\x0b\xce"\x8f\xfc\xe4\x17\xb0\x80k\xb7\x07rU\xde\xaf\xf7O\x7f\x9a\xda_\x11Rx\xb6\xfb\xb9Z\xec\xaf\x97\x97\xff\xb5\xdd\xfbf~\x84\x9c\x9b\xb8\xbb\xae\xf5\x9f\xbc|\xcc\xfd\x0c\xf4\xc3Zjtp\xf4\xf3\xed\xd5\xcd=MF\xae\xcf\xce\x0e\xcf\x0e\x0f? \x08\xa8\xbd4\xd4\xfc.4Tk4\xda\xaaO\x81\xaeyR^\xd9;;\x1b&lt;\x03\xe7S\xec\xef\xdf\x0f\xf4\x8c\x8e\xc0\xfdW\nK\xfep\xb0\x1b%2\x1e\xb7[\xfb\x1e\x9f\xf6\xfd\xdd\xd2s\xb8v{_\x03\xae\xae+\x88\x15\x04\x89\xe1\xd4\xfe\xee\x07i`\xe8\xe9\xb1\xda\xa3\xe5\xfa*h\xc0\xd5}\xbbu\xefl\x11\xba\xe9d\xf4x\xea/\xfbI\x8bZf\xb1\xf4\xf1m\x03$p\xf9^\xf21s\xd22\xf0\xe0\xb4\x0f\x84d\xdf\xf5\xbd\r\xe6\xbbf\xb6\x84$\xeeE9\x85_\xfe \r\x1eG\n\xbaF\x18h\x19\x8d\x8e"\x88\xc2\xd1\xc9j9\nB\xa7\xb8:\x8d\xd9I\x0f\xd1\xff\xfc\xa4@j%m\x07$1:\x107\xe6\x94\xf9\x1f\x9c\xca\xe7\xb7\xafg\xee\xf5?\x9f-\xe8\x97\xbfG\xbd\x88\xdf\xdf\xdd\xdd=\xf0p\xd2\x9a(\x17W7\x8czO\xa9l\r\x0c\xf6DL\x1ba*\x16)\x11\x0e\x05k\xf4Q\\a\xf6\xdd\xec\xd7o\xef\x9c\xd9\xc4\x1c\xe2v\xbex.\x93\x9f\x8e\xdd\xf7Nx\xd7\xa3\xdb\xa3T\x85\t"j\xbf\xbc\xbb\xfb\xa1\xc5b\xb7c\xdf\xcf\x19\x8d\x9ea&gt;\x11\x08\xec\xee\xce\xcf\x1724\xcf\x9blC$\x95i\x9c\x93\xc2_=\xe7\x17\xdf\xddq\x01\x96Y\xa5\x92\xc9\xc7\xe6\xef{\x97\xa5\xfdZ\xc3?\xdc4\xa3\xf6\xeb\xba\x1f\xfe\xf8Z\x16\x8dc\xd3&gt;\xa3\x8d\xa0\x0b\x89\xd9\xb7\xf3og\x0b\x85\x02Y\x88q.\x92\xf2\x08s\xa3\x8bF\xa3\xd0h\xfc&amp;,\xa8J&amp;\xc2\xa8\xdb\xa0z%\x93\xcb\x17:\xee\xfd\x08/8\xfc\x8c\xa2N\x9dN\xee\x97\xed\xbf\x90E\x9f|\xf2m\xda\x88|\xa1\x10\x8b\x15H2\x93e)\x0fK\x11Z\xe3\x84qi=\x9b\xc9\x06\x01\xedbS\x98rI|\xe83\xa5\xea\xc9syj\xb9C\x8c\xd3u\x1d\xc11\x08\xd7S\xd9\xab\x17\xfe$&gt;Lxl\xe3Y2\x9b\xc9g\xd8,\xf5QX/\x0bi\xb5\xfa\xce\x89\xce%\x0f\xf5q8#\x8c\xb5\xda\xe5e|\x92\xd2\xa9\xfe)\x1b3\xf7\x8a\x82\xd5qs2\xa4r\x02\x97\xec\x95L\x17\xe5\\\xec\xa66DQ\x902\x88\x14Ey\x96B\xfaNI\xe7\xb7\x9d\xda\xce\xcdu\x0f\x95u\x91$\x1d\xdc\xfc\xe6\xcf\x90\xc5\xa9\x94\\\xf5\xea\xa7\xb1\xdc\xb68[x3G^\x0c\x83\xaa\x7f\xae\x92\xe9\x9c8Km\x1a\xf56\x0f\xc5\xf2\xc1L\xb0DQ\xc3\xc2\\\xcb\x08\x01\xd3n\xda\x1c\xc1|\x9eaPV+\xec\xee\xea\xa7\r:\xd5+\x7f*w-\xd2*\xe5\x0e\x8a\xa2\xb8B\xfd\\\xe5\xd4\xa9Q\x97G;a\xd4:\xe0ja\xf8\x18\xcf\xd1%\xc7\xb8O\x1f"l\xb6\x10a*\xc5b\xb1x\x9c\x11jK\xd2\x19\x9a6\x18T*C\x0e\xbb\x11\t\xebJ\x83#\x18\xa2p\xbeP\xe8\xd4\x1a\xc7\xb8\x1e\xae\xbd%\xbe\xdc&gt;|\xb1T2\x99\x1c\x041\xe7\xf3\x85\xe7&gt;M\xb9\x88qm\xa70J\x92|\x17\xfa&gt;e\xc0U9$\'\xd6^\xf35\xa2\xc11\x04\x112\xa9\xa0\x1d\xc2\x90T\xf2\xa7o\xc2\xa5b\xb1X\xa2\xf9\x92\x89\xf2\xcc\x85\xc1\xe2\xfb6\xd8R\xbe\x19\x92\xfc\xb1H\xff7\x9b*\x95\x1bR \n\xb3X{\xba7\n\x1cq"(\x82\xe0\x11&amp;8&lt;.L\x94\'$\xda\x8b\xc4\x9b\xb7\xd5w\x8924P\xd6\xf3[\xf6\x82\xcd\xd7\n\x85K\xc0\x92\xb4\xdb\xa9q\\cF\xbd9\x85\xda-\xda\xf6p\n\xc5T@\x85\xe0\x1c\x82\x9a\xc2 [&lt;\xa6\r\xdfE\xad\xf7\xf2\xedv\xadpY;\xcfd\x9a\x8df\x9e\xac\x9d\xcf^j\x8dzc{v31\x87\xe7\x82\x88Ya\x98\x15\x0b\xabkG\x83\xa8 \x89\n\xc4\x852Ca\xdf8A\'\x8au\xbey\xf9C\xed\xaf\x97\xcd\x1fj\xe7\xf9F\xb3q~^\xa9\xd5\x9a\xe7\xb6z\xb1\x10j\x8f\x94\xe6\x10\xc4\x9bC\xcc\xee7\xa2a]\xe1(\x86"(\x86\xb9hD\xe3\x08;J|\xa0\x07\x04}\xe1}\xed\xfde\xed}\xady\xd18\xbf\x00\xb2\xda\xf99\xdf:\x98}\xc7B\x9a\x8da\x13\xe3E\x15\nCnY$\xaa\x8eG\xd7\xb8\x06\xc1Q\x1cEh\x17\xcf\r\xcf\x95\x98H`p\x04\xbcO\xa2Pk6/k\xcd\xc6\xc5E6\xdfh\\\xb0\xf5V\xf9\xdd\xf2\x9b\x98-\xa4\xf7\x11\x1a$\xa8\xc8)\x94\xb9^\xd1\xa2u\x93s\t\x05\x0fd\x1a.8\xec\xe0\xa3\xf6\xc0\xe0\xe0H\xf5\xf7\x83\x83X\xa1\t1\xfa\xba\xfeq=\xfb5[j\x1d$\x96\xb7\x97w\x12\xa4\x8b \xbc\nx|!Z\xee\xeb\x0e\xd1\xb0R.\x1cAQ\x0c\xc15t\xd0\xf52\x92\xb4\x8e\x08\nZ\x1a\x08\x1c\xb4\x8a\xd0\xbdZE\xaeD\xd3\xe0\xd2\x12\xc2\xda\xc3\xfc\x89\x9b\x1b6\xa1\xa8\x97\xc1\x9cf\xb7\xf9F&lt;\xac&gt;\x8c\xf6j4\xf04b\xae \x8d\xdb\x93\xf6\xd1E\xf0\xd8\xbb\x9f{\x97\xab\xe0\x19\xc1\x9c\xd5\xbf|\x81_+*}\xbb\xbcpdO\x90\xc1 \x83\xab\x14N\xb5\xd3\x9d\x12\xed\xf5\x82\xae\x99\xbe$\x15\xa4\xa1C\xa0\x88\xd7\xebB\x93\x16\xcb\xe8\xa2\x10\xae\xdd\xdd\xc0\xcaA\xebK\xbd\x7fjj\x15\xbcP\xff~\xd4&gt;\xba\xb3\xf0,y\xe2\xd6\xa0\x0c\x923\xc3\xa9&lt;\x9e\xe9\x10\xad\xe6\x8f\x06x\xd6\xcb1p\x05\xbd\x0c\xd2\x9a\xe4\xa8\xfd\x8eK\xf0\xfe\x07`\x84V\xa7\xe7\x04\x7f\xff\x12\xc7\xcc\'G;\x86H\xc2\x8d \x95\x9c9\xa7\xc8\x91\xa9\xb5G\xa2au-(\x93Y\x96\xa5\x01\x0c\r\xb2\xa8\xc2.\xb5L\x8e,\x82\x11\x1a\xb1V\xcb\xc5\xd2\xb0\x83\xb0\x85C\xe36W\x105\xa7FG\x93\x91\x137J\x92\xe6\x94\x1a#\x91\xbe5\xf1\xde\xf4\xe9\xea\x95\x0fD(\x96b\x83(Z\xa23\x91\x13\xab\x15\xb8\x84\x85\x888h\x08js\xc9\x06\xc2&amp;d\xa3\\\xb8\xf9D\x99T\xc4\x9f\xb9I\x94\xc9a\xe6\x1c\xa9&lt;]\xeb\x10\x0f\xebZ90\xca\x80\xf4\xe3\x18\x9e\xa6Q\xf4\xc4*\xb5GG\xc0\x9f\x05@\xc7S6\x90\xa7z8\xeb\x84\x17u\x1a\x92\x08\x16\x87\x1c\x92y2\x97#\x15c\xa7["b\xdd(\x07\x94Jr\x9d\xcap(4.M&lt;\x10\xb0V-#R\xe9\x88\x95\xf7\x12\xa1PH\x0fb^k\x1b\xd60\xce$\x86\xc7\xdd\x15\x12\xa5+$\x89"\xba\xb1\xc7\xa2b\xf5\x01V\naA{\xd2l\x16%\xdd\x00\xb6b_\\\x94Z\xcbEj|I\xab\xd7\x86\xb4K\x84\x17\x8f8#C\x98{6Gr\xf9L\xa5\xc2(\xc7\xc4\xc5\x9a9\x1a\x88\x9a\x95j\x84\xe5P&amp;\xc3\xf24\x036\xd1\x1e\xb5J\xc1S\xf3\xa5a\x02\x92\xb8\x04\x06\x83\xe3\x99\x08\x87\xc7*\xf9J._qW8\xb5|\x0c\x92(\xe6\xcbm[\x03\\\xc6\xa0T"\x1f3y6\x93\xa1\xb9X,\x01\xc6\xdfn\xb7\xdac&lt;\xed"lD\xd8\x93\xcd\xd0L\x8c\xd4\xc4\n\x19\x17\xea&amp;3\x15\x12\\\x89\x80\xf5H\xc4G\xf1j\x80a\xcd\x06\x90\xf2l\x16|\x18\xcd\x91\\\xac\x90\x00\xac@\x00\xec\x7f\xc9Dx\x08\x87+\x08T\xc2\xa1]\x1c\x02\x95\xa5\xf0\xfb\x85h\xad\xfd\xf7\xfe\xb9\x84o\x05\x08_\txt\xabS\xd2\x10-\xb5\x01u\xb1\x1e*\xc8q&lt;I\xc6\x12\x89D&lt;\xd1S-\x97L\x0e\x8f\xc7\xf1\x12%\x19\x92\xcb\xe4\xc1\x90\x91d\xe5\x7f\xac\x9c]H[i\x1e\xc6{\xb4=\xb5!GcB&lt;\xa559I\xcc\xc9\x99\x9c|\x8c\xae\xbaV\x86XBt\xd2DL\xdaNR\x11\\\xb2]?jh\x02{!\xc4\xd9iWL\n1-\xd1i\xbb\x838\xa5\x85\xde8]\n\xbd\xd8\xc5\x94u\tu&lt;\x85\xb4\x17a\xcc\xc5^L\x90\x85\x14\xf1\xa6S-\xde\xac`\xeb\xee\xf3\x9eta\xd8\x0fvf\xa7/\xf1`r\x93\x1f\xcf\xf3\xfc\xff\xef\xfb&amp;\xe7\xcd\xb3FU\x15\xeb\xa3\x9d\xad\xf7\xbd\x98o}4w\xf1\xec\xea\x97\xab\x7f\xfd\xf6\xbe\xe5\x04\x86\x9d\xe3\xba\x8c\xd8\x91u{&lt;\xe3\xe3\xf7\xc7\x7fv\x05{\xeb\xdf^\xbd\xfcG\xbf\xdb\xd4\xe7\x8e\xff\x01Uj\xbc\xe3y\xe61z\xee\xdfo\xf4z\x87,Z\xed\xd3\xa7\xd7w\xf6\xf7\xcf\xbe\xd7\x93\xfc\xadso_\xdc\xfa\xe4\x97\x9f6\x1c9f\xb2t(P\x8cv\xbb\xfd\x92\xbf{\x9et0\xcf\x9dq\x12\xb1+W\xfe&lt;NNe\x81+\xd8\x8e\xbf`\xe4\x99G\x8f\x1dw\r\xc7\rie\x13_\xed\xef\xef\xed~9\xf1\x1eoY\xdc\xdd8V=\xb59\xa2\x1bh\x96\xb1\x00\xd6\xe4_\x98\x9a\xbf\x1b\x89\xdc\xe9\x07\x9a\xe7\xf2\xe5\xcb\x1e\xec\xffM\x01\x97\tl\xd8\x9b\x05k\x8c\x91F\xacK9\x8e\xf3\x81\xea\xe9\xf5\xd7\xfb\xfb\x95J\xf9\xc5\xee\xc5\xd6\xf7#Y\xeb\xea\xf2\xbbC\xcb-7\x87\x07\x9aAE\x9c\xb4wuu\x07\xe6\xbf\xf1\xdc\x1d\x8fx"\x18w\xefF\xdaM\xae\x80\xdb\x15\n\xb9\x02}\xedn\x7f\xe4~\xb7\xdf\xaf\xc1\xa2\xc6\x0e\xb1|\x1f]\x7fu\xb0_\x91*\xb9\xbc\xb497\xf1&gt;~gcb\'S=z;v\xf33\xd5\x80E\xa1\x05\x94\x96`]\xf2\xcbwou\xfb=A2O\x9e\x87\x87\xae\xc0TK(4F\xac\x8c\xdc=\xef7\xd6h\xb8a\x98\xb8\x02\xacr\x85\xc8UYc2\xc5\xf2\xd6\xee\xc5\x89\x9fHV\xf7\xf7dF&gt;B\n\xaa\x07\x03\x03\x16\xd9E\xa8u\xdb\xde\xd5\x1f\xec\xbe5\x8f\x84E\xba\xbb1\x81\x07\xa6\xa0\x14\xf9\xd8f\n\xf3\x8f\xdf\x1f\xfc\xa6=\x88\xad\xae\x97#TO\x9f~U\xde\xdb\xab\x94\xa5\xd8hb\x92\x9a\xcc\n\x8f_m\xad&gt;\xfa)`sR2I&gt;@\x1b\xec%_\xedC-E}\x95\x0bz\xf5G\xe6\x17\x16\x16\xba\xfdn\xf7\xfc\xfc\x82kdj\n\xd3\xa2\xcd\xd6b\x0bu\x1b\xcf\xcf\x07\x82\xe4Ka4ST\xa2\xaf\xfe\xdb\n\xb0bR1\xb71\xc9\x9b\xcd\x14%\x08\x99\xc2\xce\xee\xdc\xff\x17\xb4\xba\xbaG{3\xc9\xe4\xf6\xd1\xa3\x17~\xf5\xa7\x07\x0f\xce5#\xf2\xc0"3\xa3\xfd\xe3\xdb]W/\xdd\xf3\x04\xa6\x16\x02\xae\x80k\x8a|X3\xf2\xe9arZ\xb8\x05SP\xc0\x1d\xd4\x93\xfbU9\x02\xe5\xf3\x9d|Y\xd9\xa9T\x8aR8\xb619\xcd\x1c\x08\x14#\x08BV\xc8\xc9d?&gt;W\xab;I`\xa5\x8e\xd6\xb6\xfd\x86\x88\xd5,\xab\xa5\x90}\x84\\W\xbbn\xdb\xfb\xbb\x17\xc0\x03\x95\x1a\x8e\xb4\xb4\x90\x9b\x02\x0f7|\xf0\xc9\x88)\x124b\x97D\xc4\xd2\x12..\x06,)V.\x02+/\x1e(\xa1\x16%0\xb4\xc0\x08\x8fwv\x1f\xfd8\xb2\xd6\xb3\x7fKg\tV\xe6X\xed\xe0\x87\x9f\xdd\xf8\xfa\x9cl"F\xfd\x89\x13\xd5j$\x9aij\xba\xc9\xa9\xdb\x86#\x87\x8f\x1c;r\xa4\xa1ad*\x80\xc5\x98\xb1\x91\x9c\xdf ]kee\xc5\xf7bO\xda\x03\x96$c\xf1\x07\x0f\x05\x82%?(\x81*l\x9d\xf9\xc1\xfd\xac\xaeunk=\x89\x01\xac\xe4\xe1\xda\xb6_@\xac\x15EU-\xd9F\xfb)\x0e{\x07tV\xfb\xe7]\xfd\xe3\xee\x91\x16r2\xf7\xf0\xc2\xf9`\xa3\xf1^M\rQK\x13\xf5\x02\x0bT+\xdeWe\xa9\x02\xa9b\xb9\\\xc9\xb1\xc6?&lt;`(J\x14\x04\x9e\xa2EJ\x10E!S\xde\xfc!fb\xfa;\xbbU4X\x93I\xa8\x85\xf1\xbc\xb6\xedC`\x9dS\x9c\xb2h\xc1U\x0f\xae\x8e\x0en\xe8\xf3\xae.\x0e%i\xe7\x9a.\xd5\xf8Md\xc1\xe52z\xbd\xde{\x9a~#\xf1\xb01\xaa\x02\x95\xcf\xb72\xf4\xa2\\\x96\xa4\xd8r1\x96\x1b]s$x\xc7\xc1\x0c%\xf2\x14\xc5\x8a\x14\xb9\xf2\xe4\xfa\xf8\x7fJV\xd7\xfahw\'l0\xa4\xf3\xe1dxf\x12X\xa3\xb5\x17~\xae\xfa\x1aj5\xa3\xae\x14\xf5\xbfC\xbc\x14Z\xcb\x10\xc7]\xb2\xcbX^\xaf\xc6\x88\xf5\xd6\xc8X\x9f&gt;\xda\xe4\xd54\xd5\x18\x8dz\xa3\xae\x86`\x81j\xa5f9V.;\x8a\x85\xe5\xe5\xe5\xa5\x84\xa3DU\xb1D\xca\xca\x8b\xac(ZY\xde\xca\x92\xa7\xaf6\xff{e\xd6\xd5M\xacB(\xe5q\x83\x81\xe1\xb3\xe1,\xc1J\xcel_\xf8\x8b\xea\\\x15\x8b\x88E\x9c\xec\xb0\x9c\xc0\x94m\'\t\xe3\xbcM\x9a\x88\xdb5\x16r\x99\x8c\xc8y\x13\xb6\xdd\xe0\xd2E\xbd\xaa!\xe4\xca\xc7\xbd,K\x90k\xb9\xb0\xbcX|.\x1aJ\xe2\xcc\xc3\x19\x1a"\x01\x8809\xad\xac\x93e\xf1\x0f+&gt;~M\xf2_\xf7\x1f\xcc\x9b\xdb\x8c1\x8cAi8n0\xab\xad\xe9p\x1a&amp;"\\\xf9\xda/\xa2\xa0\x92\xb1\x08\x17\xf4\xea\xe8\xb0X8N\xc5\xd9\xed\xde./H\xe2\xa6P(\xd0\xe7\x0f\xea5\x1a#\xa1\xd2k\xa2\xc3\x03\x16DK\xfbB\x82\x85\xe5b\xb1\xb88\x9a\xdb\x16\xa6KlvF\xc9\x08,D\xb2B\'\xd6\xe9d\t\x99\xd5\xea\xe4YV\x1c}\xbd;\xf1oP\xbb;\x19J\xadV\x1b\x0cJ\xa5\xda|\xdc\x99\r\xa7\xe1c2\x1cNn\xb7\xf5\x12\xfb\x14\xcd\xcdZ\xad\xa2CN\xbd\xe5\xd4\x10\xec\xe3\x88\x85M\x9a\x1a#\xc2\xe5\xc2D\xdd\x0e\xfb\xda\xe3\xc6\x9e\x9e\x9b\xba\xe8\xb0j\x08=\xeb\xde\xcbX9f\x8e\x15\xaf\x15\x16g\xf3\xdb\xca\xb5\x04\xcbg\xb3J\x86\x07\x93\x13d2\x90\x95M8\x9d\xe4\x81g\xfc\xd0\x10:b\x00\x00\tDIDAT\xec\xbf\xb4\xce\xcd\x02\xcdt\xd2\x06\xb5Z\xc9\x18\x0cj\xf3d"\x0b\xa2\xf0\x0c.\xd9\xd1\x0b}\x1cd\xea\xd0\xca\xe1B\xbc\xd0\xbb,\xaa\x01N\xa5\xe2`aTo\x8c\xc3\xc4\x96\x91\xd0X__&lt;\xd8\x1e\x0f\xf6\x18u\xbaa\x95\xea\xc6\x8a\x0fb\xc5\xa4X\xb1\xb0\xb8\xbc&lt;\xbb\xb8}\xedM\xa9\x94b\x19\xe5LVt\xb2\xc0" D-+\x98R\x89D\xcaY\xc2\xf5\xfbPs[\x19\x83@\xab\x05\xc6\xc0\xa8\r\x0cas\xb0B:\x9d\xce%\x93\xe1l8\xf9|P\xa7\x05\x16\xa2^\r\x97B\xdb&lt;\xa4\x02\x15\xfe\x86\xa3:\x99\xca\xd6f\xb3\r\x9a\xc8\xb2\x06X=z`\x91\xb5\xd6\x1d\xe4]\x8a\x15b\x8b\x8b\x8b\xb3O\xac\x8e"\xc2\xee\x04\x17\xc3\'H\xa6\xac\xc0"d\xd6\x04\x98R\xa9R\x02\xd4\xa9\xef)\xb5\x15fh\x03-\xa8\x05\xb5\x1a`\x0c#0\x8cC\xe03\x864\x90\xc2\xe9\\8\xdd\xd0\xc7uT\xb1H\xba\xc8\x17x\x96\x01\x95\n\x8aDu\xba\xde\xa0\xdb4\x86\xcdk[\x9b\r\xcb\x07W_{O\xbc\x8a54\x04\x0b\x8be\x885\x9b+,-m+\xa5\xb5\xb5|z&amp;K\xb3\x14\x85X%\xf0\xb0ZSV\x19\xcbI\xb0R\xa5\xd2?\xd5"\xf6\xe5h5\xa6\x02J\xcd\xd0\xeaN\x06\x92u\xd2\x8c0iNd\xb3L&amp;\x9c\x83\x93\xd9d\xde\xd6k\xe9\xe8\xa8\x97\xa1\xea\x89XD.\x957\xda\xa4\xd3\xf7\xc4\xb1\xa8\x19\xb4\xb5\x00l\x90\x94c_{\xbc\xa7\x97D\xeb\xc6\r\xd5\xad\x18\x19\x05H5\xbb\xb4\xc1O\x16\xd6\xf8\x8c\xd2a6O\x8a\xa9\x923\x91\xe0EBD\xf2\x05\x0bS\xa9\x84\x8ce}\xd7\x116\x0b\x0c\x99\x04\x18\x81R\xd3\x8c\x1a\x804\x83\xa7\xa2\xdaa\xcdd2\xe9LX\x1e\xc9\xe7_hN\x9c\x04\x11\xbc\xac\xf7a\xa6\xb3XN\xa9\x88\x81\xba\x9e\xf6y[\xa8\x85\xdcv\x1d\x1a\x03\x95\x0b\xf1\x8a\xf7\xea\xe5\xc4s\xf3\x8b\xc5B1\x86"\\\\Z\x7f\x82)hm:3Y1K\xc5,mE\xdd!G%\xe4\x8b%\xe1JA-"X*\xc1\x92\x9fdC\xd0)L\x024M\xa9E\xa6\x93\x92E\x13h2-\x88\x0eu"Me\xa8\xcc\xe3p.\r\xcd\xb6M\xde\x93\'\xeb\x15&gt;\xdf\xbbpY\x86T\xc3\xc0\xea\x8d\xf7\xb9\x10,\x1b!B-\xba\xdd\xc1x\x9cx\x18E\xee\xe6\xd7!U\x11b][Z_\x7f~fs:\x9fu\x98%I\xa9dh\x12,\x91\xa2y\xe2\x1c\xac\xac\x96"2\x9f\xb2\xb2\x87Z\xcfl\x8d\xca\xbd\x9f\x17\xc4N\x9abh\x86\xc1\x85\x16\xc0$R\xaca2\x95\x99\x9e\x86b\xb9\\\x1a\x9d"\xf3A\xbb\x1d\\d aP\x8b`\rC\xac_C\xa6\xc1A\xec/\xfcn\x14a\xa3\xf1t\xfc41Q\xc5\xb97\x96\x01U,\x14\xae\xe5\xd7\xd77\xde\xce}\xc7+%\xc9!\x99\xf1."j\xcf\xca\xe3mh\xd2\xe4\x91\xf7\x12\xe9\x16\x80\xc2\xab\x87\xde\xa4\xf1\xaa\xc8\xd3&lt;M\x01G@%\xd2\x9d\x9dT\'\x05N\n\xfd\xce1\x9a\x1f\x9d\x06\x18\xe4"\xb1\x1fm\xd1\x7fL\xb0\x88f\xa81\xadE61\xde\x07(\xdb\xd8\x98\xc9\x1d\x0f\x1a{\x8c\xfa\x1a}\xcf\xe9\x1e`\r\xab"\r\xb3\xcbP\xab\x9c\xbb\xb6\xfed}\xed\xf7\x17\xe7\xbeS:\x1eJ\x92A\x10y\x96\xf4\x03^\x10\x94\xe0c\x05D\xa7\x93"\xb2%\x9c&lt;\xcf\xf2\x87\x94jJ\x9e\x8e\xe0Y\'\xdcC\xdeaa\'\xb1\x90\xa6x\xdeJ\xbfy\x9b\x9f^\x9b\x9eF\x9b r%\xf3\xa1\xa6\x93\x80\x02\x96\xaf^[/\xbb\x18\xd5\xfd\xa3e\xf3\tm\xdb\x0c\xc3x\xdc\rAA\x1e\x8d\n\xa9hp\xa2d\xca\xb2\xb8\xd1\xa0d\xa2\x87\xb0@Y\x97~\x8cu\x154Y6\xc8E\xa0\x1e\x0c\xed\xfe\x80\xee\xc2\xa9\xc1\xf2\xc1f!\']v\xd4\xc5\xc2\xe0\x83\xad\x93&amp;\xa1\r\\\x1f\nN\xf1\xa5\xc5\x97\x82\xc9\xc5Nj\xc6\x88wH`\xcf\xfb\xa5\x9fL\x10\x8e\x89~~\xde\xe7}\xbeW\x89\xb3\xf5\rE\xc3\xde\x0e\x8c\x8e(\xa5?W\x01\nb\x15\x96&gt;\x8e=\xf2{\xcb\xf3\xe3\xd8\xed\xf6\x1b\x89\xf9\xae\xae\x15\xb3\x19\xcaw\x08skU\x11\xb3\xd9\xb5|6+\xe2\xaay\x01;\xe4\x8bc\xbf\x07\xb5dQ \x1d\xf3\xabp\xf9U\x0f*Y]\x17\x84|&gt;\xafgWW\xbe\xb80.\x9d(u2\x95j\x99\xfaq7^\xbe\x07\xae\xbfq\x10\x18\x97+\xb7\xf5\x9c&gt;\xa3\x8e\x1a\xde\x7f\x8e\x1d\xf1&amp;\xb6\xed\x05\x18&gt;WX\xba{Vj\xf1.$\xaap\xda`F\xe3?\r\xbb\xce\x1a\xcf\xf5\xb5\xb5\xfc\xaaRE\x14e1\xa5T\xd1i\xab\xb0sF\x1a\xf6\xc7\xd3\x19[\x84\xcb\x05A\xd0\x05\x1eX\xa2\x84MG\x12\xf2k/^\xdcZAH\xac\xa5\x8c]\xa6i/\xb2*\x9cj\xb7\xdd\xbd\x7f\x04\xb167\xe7\xe79\xd6#`=\xd8\xdaxz\xf7\x87\xbd\xa7\xbfbN\xc6\x1d\xd8\xef\xf7\xe6H\xab\xb9\xd9;\xd7{a\xab\xc5\xb5\xea\xf9^d6X\xadq\x91\xcd\xaf\xf1]\x06\xa1\x85.\xc3E!\x18\x82\xb2\x8a9\x95\xa2R\xcc\x9e0f\x00K\xd4!\x8b\xa4s&amp;Y\x96\xe0,\x81\xecx&lt;\x18\xa0A\xf2\x9d1c\xd3\xb4\x17\xa7\x0eZ\xb1\x8aB\x86\x83\xc7\xdb\x1c\xeb\x13D\xd8U\x15\x1f&lt;x\xbc\xc3st\x83nW1\xe6\xa09\x0f\x0b\xd7&gt;\xbd~\xe6A\xac\xb7\xcf\xdc\xd8\xf7\xc3W\x93\x86\xc9Lc\x98\xc9S\xa4\xdf\xca\xe4uIWpA=\xd01\xaa`\x0b\xae\xf2\x95\x95N\r\x96\xcc\xa8\xb2"\xd1\x81\x87(*z^\x00\x1f\x95\xf5\xca\x93\xc7\xc7#6f\xc94\x8d\xc1\x15b#\xda-\x97\xad_\xae\x81\n\\_\xf2!\xe2\xd1\x8d\xc2\xe1\xe1\xd22}\xfeuyc+\xf7p}\xfb\xf6\xe2~\xee07\xbb\xf3\xd1\xf5\x08\xf3\xd5\xdb\xb7\x1d\xbfg\xb9\xed\xd0h@\x06\x83u\xa8\x930\x95*\x8a"\xcb\x8a\x1c\x04\x81\x8c\x19\n\xd7V\xaaTP]\xef0\xc6\x08\x0b\xcf\xd0w\x14\t\r\t&lt;\xf8=\x038EVUQ\xcaO\xfa\xfd\xb1\xc1F~\xda\x8d#\x02\xc3#\xfa\xea\x1e\xc7\x9a\'\xf3c\xbb.\xe4\x0e\x176\xf6\xb8ZK\xb9\xc5\xdb\xf3\xb7\xd7\xf7s\x0b\xb3O\xce\x06]*\xe1\xb3\x96\xeb[N\xb8Kb\x19\xe0z\x8f\x16\x17$Y\xb9\xba\xa8\x18\x88\xb6\xa2\xaa\x8a\n\nI\xac\xc26a\'\xe1X\xa2(\xaa(\x9e\xb0\xb2\x025\x15\x89\xa0\x90\x11\xa2\xadi\x9a-\xcbC\x96\xf4\xc7f\xdf\xa9DqL\x0e\x03V%\xde8\xda\xfc\x00\x06\xae\x9f\xf6\x0b\x85\x9b\x0b\xcbw8\xd6\xdc\xfavs{\xfd\xe5\xbf#\xaf78\x8b03\xb4Z^T\xa9X\xedr\xd2H\x0c\x88e\x0c\x91B\x84\x14\xa8\xb2\x1a@,\xcd\xb6\x03[\xc4\x95dP\x04\x7f]\x0c/\x93\xc4@\'\xd2\x13\x8a\xae\xf3\x19\x0bPd\x7f]\x12U\xecZxapR3\x19^wY-[Qw\x10\xfb\x15\x0b\xe1:\xf8\xfa\xc7f\xb3\xb9\xd9$\xb4\xed\xcf\xb0[?\x9c\x9b\xdd\xd9\xdb[\xde\x98}x\xd4\xfc\xf3\xcd\xa9Wr{gg\x83\x90S\xf9V\xc5\n\xdb\xa7\r\xc3\xa8\x19\xa6a$e\xccZ\xb2l\x93\x16\xa2\x1a\xa86\x8e\x80\x900v\xca\xc1\xf9\xf9p|b$3\x04\x89]\x19\x92\xa1\x96@\xba\x92J&amp;\xcbq\xbe\x13\xfa\xd5V\x1f\x96\xa8\x96\x9d\xde\xa0\xdb\x8b(\xf4\x9d\xae;\x1a\x8d\xa6\xaf\xdf\xfc\xfc[\xb3yt\xa3\xb0\xbf\xb88\xf7-\xfd\xab\xc8\xb5\x97Sbr\xdd\xde`0H\xbd\x96\xe7\xb5]+\xb4\x9cre\x0c\xb1L\x93\xc8^U\x0f\x0eP\x0bU\xb3\xb5\x00o^\xab\xdb\xaa*\x17\x8b\xa0S5\r\\\xfd\t\x15QD\x97B2\x11=(\xd0\xca\xe8\xdcUY\xf2=\xccyb\xd0O\xeb\x9bc\xb8=\x8a\x07q\xcfq,\xab\x92\xa6%,</t>
        </is>
      </c>
      <c r="M152" s="3" t="n">
        <v>45492.67716435185</v>
      </c>
    </row>
    <row r="153">
      <c r="A153" t="n">
        <v>551774</v>
      </c>
      <c r="B153" t="n">
        <v>1999</v>
      </c>
      <c r="C153" t="inlineStr">
        <is>
          <t>Pedro Henrique</t>
        </is>
      </c>
      <c r="D153" t="inlineStr">
        <is>
          <t>P. Henrique</t>
        </is>
      </c>
      <c r="E153" t="inlineStr">
        <is>
          <t>ZAG</t>
        </is>
      </c>
      <c r="F153" t="inlineStr">
        <is>
          <t>ZAG</t>
        </is>
      </c>
      <c r="G153" t="inlineStr">
        <is>
          <t>ZAG</t>
        </is>
      </c>
      <c r="H153" t="n">
        <v>188</v>
      </c>
      <c r="I153" t="n">
        <v>14</v>
      </c>
      <c r="J153" s="2" t="n">
        <v>34973</v>
      </c>
      <c r="K153" t="inlineStr">
        <is>
          <t>Right</t>
        </is>
      </c>
      <c r="L1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ec025cc2-c9c7-491c-bf7e-4c07e78df1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98=\x00\x00\x03\x00PLTE\xff\xff\xff\x1f\x1d \xd2\xdf\xf8\x14\x14\x16\x1b\x1a\x1e\x19\x17\x1a!\x1f#\xff\xfe\xfe\xd1\xdc\xf6$"&amp;(&amp;*\xd7\x91\x88-*.\x0f\x0e\x11\xd5\xe1\xf9\xc5\x8c\x85\xc3\xce\xe9\xbazp4/2\xd3\x87x\xc6\xd2\xed\xc7\x88\x7f\xb9\xc4\xe0\xda\x96\x8dj;2\xd7\xe4\xfa\xd5\x8e\x82r?5\xca\xd5\xef\xc0~r\xbb\xc7\xe4\xbe\x86\x80\xbavi\xc3\x81v\xfc\xfc\xfc\xda\x9c\x94\xd1\x89\x7f\xa3]L\xbeyk\xbf\x83za70\xf9\xf8\xf9\xd8\xe6\xfc\x9eaT:58\xcb\x94\x8d\x80RIG44\xb0i[\xa5XA\xaerh\xbf\xca\xe6\x96SC\xe0\xa0\x9b\xf5\xf4\xf5\xafeV\xcb\x8d\x85-"#\x9d[J\x8fZP\xfd#5\xb3`G\xb4se\x96XK\xcb\x82w%\x15\x15\xa9aO\xb3vlS@A\x8eN&gt;\x9d\x87\x87\xb9q`\xb5\xc1\xdd\x9fT=\xc7xhmMLC;&gt;\x97c\\\xce~q\xd5\x83ppXX\xea\xe9\xeb\xa6tk\x1a\x11\x12\xd6\xdd\xf5\xcezhhD@\x96^S\xc0rc\xa2ld\xa5h\\\xdc\xec\xfd\xef\xed\xf0\xb9\x7fv{[X\xaal`\xd2~lwbb\xb8h\\?/1Q87\x9ef]\xb1{r\x86XO\xbbiUxTO\x99lf\xfe.=4*,\xc8{p\xb2n_D\'$\x8eTH\xd6\xd7\xf0\xc7s`fQR8 \x1exD;qF@\x81I@{vy\x8dgd\x82ba\xda\xe1\xf6\x80E8\xcc\xd8\xf2\xd5\xcf\xe8\x81\x01\x06\x87PEQ1-\xac]H\x8fon\xc4n[\\JK\\=;\x90aX\x9csn\xb3cN\xe0\xbf\xd9\xad\xb9\xd3\xa6eU\xb1\xbd\xd8\xde\xb4\xcf\x88G8\xd0\x9a\x95\xe3\xaa\xa9\xbaeN[0*\xf2\x1a.\xde\xca\xe2/\x1a\x19KDG}&lt;0bWZ\xb7\xb2\xb7yMG\x88_Y~mn\xccuc\x97yy^CB:\'\'\xac\x7f~\xb1\x02\x13\xc2kU\xe3\x99\x94\xac\xa4\xac\x91\x01\t\xd9\x87\x81\xb5\x82~\xacjg\xa5[[\xee\xe0\xe3\x97\xa3\xb8\xa1\x00\r\xc4\xab\xc4pln\xec\xa6\xbd\xc8\xc1\xd9\xb3PO\xcc\xc7\xca\xdb\xa4\xa2\xd6\xc4\xdekbe\xe5\xe2\xe6\xa3xw\xa6\xb2\xcb\xc4\x04\x19\xe5\x0f\'\xc7\x80\x7f\xe0\xd3\xe8\xd0\xcd\xd5\x86}\x81\xd6\x7ftN($\xec\x83\x9e\x95N8\xb1\x87\x89\xc1\xa4\xa5\xa3KJ\xed\xba\xce\xbfww\x8f\x8a\x8e\xbd\x8f\x8f\xee\xae\xc5\xd5\x08!\xe2\xa4\xbd\xdc\xdb\xe2\xc6\xb5\xb8\x9b\x97\x9a\xe1\xdb\xf0\xe0\xe8\xf7\xe7\x9a\xb4\xdb\xd5\xd9\xd6vo\xc0\xb4\xcd\xe2\xb5\xb6\xd4\x98\xb2\xfb&gt;L\xca\x93\xad\xd0y\x89\xe2\x8f\x8b\xd2\x89\xa0\xed\x90\xaa\x9f\xac\xc4\xe1\xc9\xcb\xc5YY\xb8jg\xcdqv\xcdVp\xdc\xa9\xc4\xf9Ym\xf1o\x8a\xd2\xbf\xc3r1+\xaf\x91\x96\xc7\xa5\xb8\xe0|yQNT\xc5ij\x95BA\xeb\xce\xdf\xd0fep\x04\x05\xc2\x87\x9d\xcd=V\xbb\\b\xe8\x85\x84\x88\x1d\x1f\xbfp\x88\xe4LQ\xf8g|\xdc\xe1\xec\xaa\x1b%D\x07\x06\xd0%6&amp;\xde\xff\xb3\x00\x00 \x00IDATx\xda\xdc\x99\xdfK[y\x1a\xc6{8?\xc29\x9e s\xc2\xd2\xa0\x0c\x1db\xecD&lt;\x9aZ4\xddT\\\x8d\xd5\x165\xf5G\x83\xd6.\x8e\xa3cfLK\xdc\x04M\xd3(^h4:B\xa1\x8eBb\xac\xbf"";\xb0\x17\xb9Pb\xaf\x94\xc1\xee\x85\xbdh\xbd(\xf4vo{\xe1\xdf\xb0\xcf\xfb\x8d]X\xd8\xcb\x1c\x0b\xfb5\xe7\xe4D\n\xe7\xe3\xf3\xbc\xef\xf3~Oz\xed\xda\xff\xdd2\xfd\xef\xf5U\x91\xf0\xb2\r\xf4\xf4\xf4\x1c\xf5\xfc\xf7\x1a\xa8\x00\x98\xe9\xeb\x88\x84\xe3\x9a\xedh\xfd,\x16\x8besY:\xe3\x95\xc5\x19\xa7\xf3\x8f\x15_E3\xba\xa9\xeb\xe8x=\xe6\xf5j\xb2\xa2H\x82 )\x8a\xac\xaa\xb2"\xe1\xa3\xa2\xa5\xcf\x8f]W\xce\x05\xeb\xde\x1f\xaf\x9f\\\x00\t(\x92\xa0(\xa2(\x08\xb2"+\xe0\x92%\xa2\xd3.N\xd6\x8f*\xae\x16\xccv\x10K_\xe82\xcfK\xb2(r\x02\'K\xa2\xc0\x89&lt;\'\xc9\x1a\xc0DYUd\x80\xa5\xb2\xfb=\xb6\xab\x03\x83Vg\x9a\x04}D^\x909Q\xe0y\xd1l\xc6\x1b&gt;\n\x10O\x11\x04\x95\xfc\xc4\x95~r&lt;`\xbb2,\xd7~J\xd5pw\xa0\xf1\x9c r 4\x9by\xb3Y\x90E^V5\x95\x93\x14\x0e\xff@Qu\xfd\xe2\xec\xc0u5\x82\x99l\x07\x172\xdc\xe2y\xd4\x94\xccA,\xb3(3.^"\xf3\xc8F\tzI\x92\xa2\xe9\x9a\x92:\xbf\x12.\x93\xed}\x96\xe38Y1\x9b\xcd\xb2\xa6\xa1\t\xe1\xa0\xac\x88f\x1ef\n\x8a\xa6\xa1\xd6\x04AQ%N\x90TMSe\xfd|\xe0*\xb0\\\xe7\x1a\xe5\x01\n^\x14\x154\x9d\x00\x0c\x94\x12\x8a\x0c\xb5\x0f\xb5$\x98\xcb\xe3\x02\xde\x02\x1b\x9e\xea\'G&amp;\xe3\x03\xeb8\r\x978\x1c"&lt;\x94\x08\x03\xe5%\xc9\xa0\x81m\x04\xc5\xc1R\x9c\x05Q\x944\r&gt;\x06\xd53t\xa4\xc1X\x15\xe7:\xc7\xf3\x1c5\\\xbe\xbce\x19\xe5%\xe0@Np\x1c^\x02\xf2\x82\xc7\x8b\x17e]\xd7tZ\xfb.\x93\xc1b\x1d\\(\x12o\xa6\xec\x94\xe1\x19&lt;\x14%\xf8\xc8\x14\x03\x17]\x01P\x84Z\xa86\x89b\x02`\xde\xf4\x81\xb1r\x99\x8eb\xba\xc2\xa1\xaa$\x89SP\xda\x92D\x99%\xb2X\x95\xa1\x16\xa5=\x9a\x12B\xc1I\xd2T\xe1$2\x12\xe5e26\xb24\xa4\x13\xcc\x12x@\x00\x03\xa9\x8a\xda\xc6\xefxA\x128\x0e\xbc\xd4\x92\x88\x08\xce\x8c\x13\x82\x82C\x98\xc8)C\xdb\xd1\xf41\xab\xb1Rb\xf3F\x12\xa9\xdf$\x85\xb9\'\xf24\x16)\x16\xc8Q\x8c!\x99\xc7\xc1rLQ9%\xbd\xef2\xae\xb0\\\xe7^\x15\x00\xa8\x1ep\x00\x0b\xf9\xa4J8Pb\x9c@M\x00S9\xfa\x1d\x95\x1e\x8dq\x99C{\xe2\x03\xb8&gt;\x1ae\xa3\xc9\xf4&gt;\xa7Q@\xc1-\x0c\x1e\xa6\x14\x9a\x11\x11\n\x95(\xb1\xa0\x9a\x8ab\xa2\x1d\x04\xe5)R\x0b\xdb\x0b\xa8\xc8\xc9nE?7\xaa\x1b1v\x12\x1a\xb2\x94F\x0eL\x94\x992\xf0\x8cSD\xb2\x15\r\x89\xdd\x96\xca\x868X%3(Q\xf2l*i\xba7fX\xa8\x92\x87\xb0FW\xd9\x80AQ\x01\x06\x95\x86e\xa6.\x80\x8e\x881$\x83\xd9\x8c\xf8\xc2\xec\xe6\xa99\xcc\xf4Q\xf7z\xd3\xeb.\xc3&lt;\xa4\xdd\x012\x12%\xce\xa3\xae\x15*0\x8et\xa2\xf0\xe4h\xde\xd0\x15\x81\x80\xc8\xcc\xde\x05:\x0b*\xb8\x8c\x9aA\xa6\xfd\x14\xdaJ\xe0\xb4 4b\xa3Y\xf4\xf9\xc0%\xb9\xddn\xce\xe3\xf3\xb8\xdd\xc9\xa4\xc7\xe7\xcb\xe3\xe4\xa9\xd8\x86\xc7\xcccJizj\xbf\xc2d\x84X\x031$#:\xd1M\x85L7\xe6}&gt;\x8f\'\x19\xc1rG"\x19\xe7\xc2\xc2l&amp;\xe2\xc1"4\x1fYk\xbe&lt;!7t\xaf\x12\xeb1\x04\xeb8\x8d\xde\n"NE\xe6\x10i\x95\x0c\xcdZ\xad\x8e\xd2\xd2\xd2h_t\xe3I\xe5\x0b\xabc\xd5\xe1X\x9d\rE\xdc\x1e\x91\x19+\xd0\xc8\xc6\x1f\x80(\xd1\x8c)z\x1b\x12^\xa5t\xe4\xa8\xc8}f\x9f\'\x12rTW\xfe\xf8\xf2\xd6w\xdf|\xf3\x97\xefn\xde\x1c\xeb\x0f4\x97\x977\x977\x86\xa7\xa3\xfeH\xd2G\xb6\xba\xdd\x1e\x92U\xa2|\xcb}4B\xad\xa3\xac\x86\xaa\x92.\xcb\xda\xe7\xc9\xcc\xf6UW&gt;\x18kjj\xb2\xdb-\x9d\x16K\x17\xd6P\xef\xf8^ \xf0\xd3\x83[\xe1\x17\x8eH\xd2\x93L\x86B\x118\xca#I8\xc9{f@/\xda&gt;\xa4T5(+\xf4H\x01!"\xfe\xe8h\xe5\xad\xfe\xf6NK\x93\x05H\x0c\xaakh\xa8\xab\xabw\xabw\xa8kh\xbc\xffe\xabuu\xb54\x1a\xb5\x86&lt;\xd4\x90\xc875[\xf8\x81m\x1a8\xd3\x81\xa5`\xc4pI\xb8\xf7:\xdc\xf8\xf2N`\xbc}\xa8\xb3\xb3\x0b\x18\xc4\xd4\xf5e\r\r\xf5\xb6\x8f\xcf\x07\x9a\x9b\xcb\xf1\xaa}\xe1H\xf24\xd0\x059\xdbS\xf8\x01t\x94\xd5U%\x18T\xdd\x99\xd9\xd2\xe7/\xc2w\xef\x96\xdf\t\xcc\x8f\xf7\x0e\x81\x81aA\xb1\x92\x92\x12\x0bI7\xd4\xdb\xbb5&gt;\xbf\xb7\x17XYYZ\x8a\xd7\xb4\xae\xd2c$r\xcd\x80\xb9h:\xbe\xd0T\xf4Sp\xd6:\xd3\xd8\x08\xa8\xf2fPm]buu\x95X\xecEE\xd7\x8b\x8a\x8a\xc8\xd0!\x86\x15XYjh\x88\xd7\xb4\xb5=\x8f \xfc1\x01R\x07\x85\xc62U\xac{i\xa3,e\x1c\xd3\xb5\x04U\x1e\x8f\x7f\xc1bP%\xc4t\x1d\x07\x13l\x88\xb0\xf2T\xc0ju\xa0#\xb1\xef\xf7\xae\x1b0\xa6S\x18\xd1\x9c;\xb2\xfa\xaa\xf6n\r\x89\x15_\xd9#\x0fa\x9f\x05\xf6]/\xbb^\x86\x050\xb2\x12\x85\x0f\xb5.\xb1NO\xa7C\xe02\x04\xabb]\xc7\x1e*\xf8\xc7\xea\xe7Wm5l\x01\x8b\x9a\x0ePvHUVVwXW\x87s\x1d\xc0\x08k\x9c\xb0\x98X\xa7\xaf^92\x90K1\x00\xcb\xb5\xaf#JG\x1c\x9f\xd7\xa6O\xdbp\xaf6`\xcd\x93\x87\x16;\xab*\x02\xaa#\xb9\xca\xca\x8aJ\xba\xf2&amp;^zx\xba6\r\xac \x1e\xfe\xf7\x8dP\x0b[\xbeK\xac6\x86\x15\x00V/\xb3\x10r12P\xe1\xa2\xca\xde\xbb\xb55\xbf\x12X\xc9\x17&lt;\xb0\xd6\x1c\xa1\xa0;\xa8\xe9\xe7\x85\x1e\xd6\x14[\x9a6\xe2tX\xd7^\x01\x0b\x82\xd540,\x14\xd7\x17\xbd\xeaH/\xe2*\xe9%\xad@Ej\xa1\xb6^M[\xfd#\x99\x11]/\xf8\xb06\xf5\xc4\x08\xcb\xcf\xb0NkI\xad\x86\x95&lt;\x17\xe6\x8e\x1dm\x08\x17\xcb\xc8\xc5\xa2?c\x14\x8d\xef\xed\xed5\xd0\xaa\xc9s=_p\x8e8\xbdz\xee\xa8\xf0X^Rk\xd5\xbaF\\\xf9\xdaB+"":\xc1E\x1e\xd2"\x17\xedMc\xed\xf9\xca\xba\x94\xab\xe6\xb4\x15XN\xa7\xd7k\x00\xd6I\xca\xab;\xc9D\xe6"\x99\x08\xac\xf9y\xc6\x85a]T\x94G+*aX\x97T\xe0\xa2\xaao}\xd1\xb7\xe0\xf7\xb7\xa4r\xef\x8d\xc0\xf2:\xfd\xd8[1\xac\x1a\xc2\n\xec\x81\x0b\x03\xa8\xa9\xd3b\xb7\xa3\xec)RKh;\xc1\xb0\xfe\x03V\xd3V;\x13\xed\xdbiI$\xb2\x1f\xaf\x15\x1e+\x95\xf2\xa3\xb6\xbe`\xc5\x97V\xb0@\xb6\xd7N\x9b\x9b\xb11\xaa{\xcaR\x865OPK\xf8\x89c\xd5\xd6\xce\xbc\xee\x00V:[\xe8\xef"\x98Z)2\xb1tm\x8d\xfa0^\x13\xc7\x8d\x89k\x1eT\x9dT`\xa4\x17\xc3\xb2t\xa2\x15\x03\rKl5\xc7kj\x1b\xc3\xd5O;&amp;&amp;&amp;\x0c\xc0:\xbbHy\x9d\xceY+\\$\xac\x1a\xb4bC\x03\xd9\xb8E[\xae&amp;K\xc9\xdf\x19\x16\x9b=\x16\xcaS\xec\x07\x03\xc4U\xde\xc6\xb0\x06\xbb\xbbs\xb1\x83B\x7f\xc3;p\x96&amp;.\x87\xd5jeXm\xe4"\xf6[\xed\xbdHS;S\t\xc7eCb\xfc`\x9f\xda\xdf\xff\x00\xf3g)^\xdb\xda\x18\x9e\x19\x9d\x1a\x1e\xde&lt;)4\x16\xd4\xca\xa5YmY\xad\xa5\xac\x15\x89\xaa\xbf}\xac\x13{\x07;\xdb\xd1\xb0N\xfc2\x82\xd0\x8f\xed7o\xf6?\xf8\t.\xd6\xb6\x86\xc3\xf5\x1bS\x9b\x9b\x9b\xb1\x0f\x85V\xab\xe7,\x9bK$&amp;\xfa\x80\xf5\x99\xa6b|)\x10\xe8\xa7=3\xcd\x9d\xb2\xfcD\xac;\xfc\x8d\x16]\x16U\x15\x7f{\xef\xf6\x8f\x95/\xffv\xa7\xf9nxf\xe6\xf1\xe4\xdc\x1c\xb0\xd6+\n^[\xb9\\z\xa2\xbb\xa3\x8f\xd4\xaa-o\xbes\xeb\x01\x1evn6A\xa9\x92\xb2\xc3&lt;\xcf\',\xbc\x1d\x96\x1d.W\xbd{\xb7\xfb\xeb\xe4`_\xb4\xbe\x92\xb0\xc2\x8b\xbfn\x9f\x18\x80e\x1b8\xcf\xc5r\x13\xdd$Wi\xeb\xdd\xca\xc7\x0f\x7f~\xf2\xe8\xd1\xbd\x1f\xbe\xffS\xd52\xa3\xfa\x94\xa7\xfa\xf4\xdb\xe1\xe1\xf2\xf2\xbbwow\xe7\xba\x13\x89D\x8b\xd3\xdf\x17\x9d\xa9\x1f\xad_\xdc\xbe\x7f\x1f\\\x85W\x0bX\xd9t7\xc9U\x1a~\\\xdd\x81\xd5=57\xf7f\xf7F\xd5\xf2\xf2!\xec\xcb+v\xb8\xfcn\xf7\xcd\xdcT\xf7D\x8b\x173T\x1f\x19\tfB\xd1\xfa\xd1Q\x83\xb0\xae\x11V,7\x0c\xac\x85h\x1f&amp;\x9c\xdf\xe9Dl\xa7&amp;\xba\'\xdf\xbc\xbdQEs\x9a\xca\x0bTsO[\xf0 "\xd1\x17\x94\xd8\x92\x06\x83#\xfe\xd7\xa3\x1b\x1b\x1b\xdb\xf7\xb77\x07\x87\x0b\x8e5p\x9e\xce\xc66\x87\x87;\xfav\xfc\x19\xba\x9d\xae\xe9\xaa\xcc\xc9\x8a\x9e\x18\x9c\xfb\xa5x\x99\x81\x95\x95-\xbf\x9d\xecn\x19qK\xee\x0c\xc8w&amp;\x12;\xfe\x85hu\xf5\xd3\x8d\xc9\xed\xfb\x9b\xc3O\x07\t\xab\x90\xff\xcfhs\xed\xa7\x19\x17\x86H&amp;\x93\xf4x\xe8A\x9e\xf3\xf9|\x02\xe7\x1e\xd9\xd9\xf8\xa5\xb8\xea:\xed\xe6\x97\xab~\x7f\x86B_pD\x17\x9f\xbd\xd9\xdd\xfd}\xf7\xd9\xe2\xe2\xc3\x87\xa3\xaf\x81\xb5=\xd5\xddAX&amp;\x9b\xab\xa2`1ar\xad\xa7\x13\xb9\xcd\xec\xf0D\xc2\x1f\x8a$3\xb3;\x1d\x83\x1b\x93\x1b\x83Q\x7f(\x14\xfa#\xfa\xec\x9bo\x9bJ\x10^U7\x1e=\xac\xaf\x0f\xd7W\xde\xfe\xe1Fqq\xf1\x8d\xef\xef\xdd\xfe\xeb\xcfO\x16G\xa7\x90\x0f\x83\x1d}O\xd7+*\x06\xfe\xf5\xcf\x0f\xff\xf87\xad\xe6\xf7\x92\xd8\xba\xc6\xf1\x196\xfb\x04\xc73\x84G\xc4PD-\xd7\xaa\x90Y.\xc2Ze\xa0\xa6\xd9\x82\xe5\xe8\xee\x18\xfe\xa4\xa9\\f\xfe`4\xb1\xb1\xa6\xa1\x0b\x9bL\x0b\x84j\x06f\x17VS\x9b\xedf\xf5\xe3\xe2\x80\x13\xb3\xe7B8\x0eL\xd1\x99\x03\xa7}\x91t\xe3E57\xd3\xa6=1\x17\xbb\xdb\xf3,g\xfe\x03=K\x94%\x08~x\x9eg}\xdf\xe7\xfb\xbco\xcd\xb8Z_\xaf\xf5\xae\xfd\xd3\xe3\xe9\x9f\xd8\x9a\x9dMaf+\xfb\xbf\x92\x9d1\xc7T\\\xd4\xd0\x80\r\xa3a\xa1@ \xe4K\x15\xd1ht*\x1e\xb7\xa7R[\xf6\xac\xdf\x07\xd2\xe5P\x98\xd3,\x96\xc9n\xc7~\xdf?_\xa6\x02\xc4\x87\xfdZ$\xb2\xb2a~\xea\xe9]{\xe3\xf1LL\xa4\xec\x93\xd9n\x97+\x9d\xb5\x8f\xf6\xf6\x8e\xa6@0D\xa2\x86)\x82\x126qxT&amp;\x9aX\x85\xaf[?\xf6\xfc\xe5\xc1w=^%x]\xb5\xc2\xed\x9b\x9e\x9e{\n\xd2\x127\xf3\x85\x0cutstX\x83\xd2\xffz\xb2\xe1\xbf\x1b\xa3\xf3\x80\xb5\x06A\xc00\x7fvv\xbbk\xe0\xde\x1f?\xf6\xccO4\xc4\xe3\r\xa2\x06#\xc9\xe3\x08-\xb4\xa3;\x11U/\xc5\xfb6\x1e\xff\xed\x8f\xbb/\xd7\xd6\xde\xbd\x98Rg\xf0\x8c\x99\xc5j\x11-!#ef\xef&amp;\xbf\xd8\\}\xb8\xea:~=\x1dlm\x04\xac\xde5H"\xa8#\x86\x89\xc6\xc7M\xf3/\x07\xfe\xfah\xbc\xef\xf7\xf5\x19W(.\x9aY\xa4x?\xc4\x08\x87V\xd3\x8ch]\x87\xbf\xcd\xf6|\xd7\xf3.m\x16]\xcd \x11\x1cq|\xc52Fx:B\x95\xff\\\xd2\x9dW\x8b\xd5\xd8q2&amp;\xad?9?4)\x95\xf3\x90D\xcc\x01\x11iy\'r\xac\xbf{\xd9\xf3x\xe2p\xd9\xa0\x8d\x8a\x15\xa2\xa5\xc5\x98\xc5\x12#\x14\x08E"{\x04\xf7\xfd\xd0\x8b\x94=\xba\xa76\xae\x1a\x11\xbd^\xed\x98{5mo\x89\xabQ1\x8e\xd3\xf9/\xd7\xccy\x95Tu\x8d\x9f|G\xcf7)\'"z\xe7\xdd\xea\xef\xefOh\xb5\xda\xe8\xea\x15\xbb\x00aCC\x0bc\x974\x8e&lt;C\xe2\xaa\xc0\xa6\x9c\xb7\x19@\xf4N\x8a$\x10d\xcfe}\xff~,B\xa8\x8czbQ\xaf\xd6.\xb0XK\x19.\xb7\xc0\xa1\xf2\x17\xd7\xb7g\xad\xd5\x0e\xe3\x0fU\xabK\x97&lt;[\xc0\xf8b\x1c\xb0LSF\x95J\xabZ2\xea#\xe4\xc3\x9d\x0f;\xbb\xbb\x06.JDg\x9e\xfdlc\x18\xdb\xcf\x88:")\\\x12z\x9c\xe4\xd6\xd7Kq=\xac\xe9\xc0\x85hCs\xd3\xa6\x16\xa3{\xacy%gc\xb1V\xaa\xc5\x1a\\\xa6\x8f\xae\xae2aT\xd1\x00X\x13,\x96Z\x85d\xd4z\x12\x15\xcb\n\x92fn\xf3\xce\x98b\xc6\x18\x88\x8d0&lt;[R\xafF\x0c\x12\t\x17\xd7\xeb\x89\x88\x86\xc6q\x9ct\xc2=`\x85\xa6\x83\r\t\xdfX}\xae&lt;\x92\xbf\xb8\xbd=\xabv^9x\xf0\xf1\xcf\x9b\xabU\\\xec\x9b\x9c\x9d\xef\x9f\x98\x9c\x01,\x84 \xc9\x08\x81G"\x11\xe9\xb1D"\xd95\xce@\x0eK\xc5\xa2\xcd\x19@\x9e\xe1R\xc9\xfdz\t\xd7\xb0\xeb\xc6#\xa4\x13ZA\\\xafP\x98\xa7CO\xed\x98\xcb-\x13\x96\x8b\x80U\xae:\x89\x83\x07\xcc\xe7#\xd5\x8d\xea\xa1kr\x16\x1a\x9bl"\xa1B\x08\x1a\x9a-R#\x95J\x8fe2.\x8e\x18\x97\x10\xdaV*\x8d\xd8\x9c\xb4~1\x90$\xd1\xe6B\xa1pl Qp\x1f(I\xe2\x19E:\x1d\x9a\x9e\xc4|GyK\xb9\xf8\x1c\xb0\xaa-\xf9;\xfb\x07\xe5R\xfeY\xe0\xc6a\x9d\x1c\x856\x10KD\xb5z\x02\xdae\x8aB\xa9pXG\x91\xd0\x16\x1b\x8d\x08\r\xd1\x02,\x92\x0e\x04b\x9bI\xda\xc9^\xb1\x8aU\x93F\xc8H\xc6\xb1\x1e\x9a3%v\x0b\x9f-\x0c\x93\xbc\xb8n\xdf\xafVJ\xf7\xdbs\x80\x15\xd3\xcftg+XQm&amp;C\xb0T\x00e\t\x87\x93\x81$\x8d\xa8\x8cj\x16\xab8\xe2$I\x92\x1d\xa8\xda67\xc1|\x14Y\xbb\xcd\x17k"\x11\x08\xd7\xdc\xab`7\x9acJE\x86\xba\xb8&gt;\xabR\xe5\xeb\x1a\xf7\x9br\xd7\xf9gTX\xb1\x1aO\xc1\x83\x88u\xbb\xdd\x19\x9c\xf5\x16\xecE\xc56-\x14\rm\xb1\x9a\xb6\x15\xaf\x8b#1\x9atR\xb6\x91\x91b\xb1\xc8c\x18\x06,\x91\xbc\x93\xcf\x8dhp\x16k\xc8,+\x97\xaf\x8b\x8c\xe5\x829o\xac&gt;\x89\x80\xb5\xc8\x93so\xaeX\xac\xac\xc3\xedvG\xa0\x87\xe7\xfd\x00X6x;\x03DF\x0b\xd1\x02\xac\x12\x8bU\x19y1\x0c\xeb\xce\xc0\xfe\x0b;\xf92\xcd0\x9e\x01,\x8fY\'/\xdf^\x97uI\xc1~\xd5Kb\xc7Y\x19\xb0\x84\x82\xc2\xdej\xea\x8d\xc7\x84)\x14&gt;\xb7\x06\xd5U\xdc\xb3\x9c\xa7c\x8d=\x81h\xd5\xc4f\x91aJI\x1a\'c#BA\xae\x0c\xe6,\x97\xab\x8cx\xf92n\x9b;\xe3X\xe8\xf3\xac\xcbx9\xc0\xb2|&gt;\xe8\xa8~\x9d&gt;/\xdf\xe6\x179\x82\x8f\xf9\xa9\n\x96C\xa1pk\xc4r\xe1\xd7\xb9\xb2\xbc\xc8\xe3Q\xb8:\x8a\xd0\xb1b\xb9\\\x8c\x05\x08\x82vZ8\xb9\xf6\xf6\\\x8e\xfd`\x7f"\xe3\x1a\\\n3`ab&amp;w}]\xfe\xf2\xf1\xbc\xea\x06\x02j\xfe\xe0\xf6bQ\xc8\t\x13\xd1\xad7\x1bAX\x12\x1dn\x8dL\x0e\xddUS\xaeb\xa1\xe5dFk\xd4\xd3T1\x97cl1Z\x0f`6\x9e\x80\x1d\r\xb6\xaf\xb0\\B\x9d\xd8\xe0\xf2)\x00\xcb\x8f2\xb7\xa52\xf3E^\x8bv\xab\xf5S\xf9s^\xce\xb1\\vo\xf5\x03Vw\xb7c\xb8b\x0f\x05\xb9&amp;\x08H\x93\\\xaaPhU\x04\x19\xe6\x01\x96\x85r\xd2\x04\xbc\xc0ls\xda+V\x16\xb8\xe42\x83\xd5\xc7F\xcb?L\xd3\x16\xa6T:\x18\xacE\xb7\xb5\xbf\\\xca\x87\x05\x96?\xb5[kO\x860\xbf\xff\x1bVS%I&lt;\xa7BM z\xda\x19f\xda\x0f\x04\xc50p%\x93\x844\xect\xea\x04\xdf\xc2%\xe7s\xad!\x16+\xab\x06\x1d.\x95\x8a\xe7\xb5\xf0?u\x1dgL\xd2\xc9\xf9\x98\xbfi\xf8\x8a\xa5\xd0\xa0av\x86\x9bk\xcfqtN\xb7\x96\r\x0f\xed\xd4qV\xce\xda\x19V4\x9c\x14}\x89R4\xe1\x94\x0b*\xd5\x05\x12\xd1\xb6\x10z\xd5\xe7\x89\xeb\xc3R\x10\x92\xe5\xfd\x9aX\x9f\xd6}A)\xa9\xd3\x1d\xad\xb6\xac=y\x8a%\xa0Ag\xa3\xc5\xce\x96\x85a\x14\xdd\xd3\xd2\x974;\x8d\x10\xac\xfcg\x85\x03\x0fg8\x1c\xc6w\xc3:\x1eJ\xd0\x85\xca0\xb5S\xf7\r+\xf1\xdc)\x95Yt\x9fZkA\xc5\x86\x8bW\xda\x14;f*XY\xbfyX*\xe3\x0b\xd9\x89\xa4\x0c\r\x87\xf7\xa6|\x9a\x08\x8a\x86\xa1\x98\xd8\x1d\x0c\xb9l\xd7\x91\x98\x02,\x0eG\x86\xd3\x05V\xbb\xd8\xdaZX\x00,s\xec\xf9eA\xbe\\\xab\xe36\x8d\xfb\xcb\xc5\x12\xb4\xe9\xf6\xb5\'\x9el\x16j\xcb \xe6\xb3\nQ\x90\xcat\xd4^C\x8b=\xebh\x93U\xe2\'(\xf8\xec\xb3\xe3\xe3"\xf3\xeeq\xa1\xf3~3\x8e\x1f\xcb;\xa1\xb4\xda\\,\xd6\xc6O\x9c\x18\xad\xe9&lt;\xaf\xd9D\xb0\xf1\x9co\xb9t$\x1a\xd6\xfe\xe5\xc9\xc2\xb3\xe86pe\x9d\x9d\x9d\x05)\n\x0b\xf1\xde\xe4x\xcf\xc0\xcb\x94\xaf\xd0\xd9\xc9/\x18\xb2\xe3]\xdb\xa9T*\xb8n\xf6\x8dI$c\xc3\x111_\'\xe3\x0e\xbb\x16^\xbd\xed\x9b\xdbi\xe79\r\'\xb5\xdb\x19\xae\xeb8D5\xe9)\xc0\xda\x08f10\xa7\\1\x1f\nY*k6\x98\xb1\xc9\xd9\xbb\x03\xf7\x06\xb6\xb3.\x9f\xd9\x9f\xf2no+{\x95\xde\xadT\xca\xe4\x9fvY\xadn\\*fe+\x04\xd1\xea;&lt;\xe8\xac?\xa9\xe1F\x06\x88\xc4\x876st\xaa\x1f\xb0\x82A?\xe8)*\x93\x895\xe2\x9d\x10fJ\x8dz\xbb\xee~\xff\xfd\xbd\x81\xc7\xdb\xe3\xa3\xca^\xaf\xd7\xbb\xdd\xb5=\xea\xdd\xee\xddJ\xd9\x83C\xd3n\xe8\xcc4&gt;sh\xa1\xaf\xef\xb7_O?\x9d\xd6\xf4\x00P]\xe3\xe9Of\x85\xc3\xc3baX\xb7/\x82\x8a\xc5h\x9bk\xda\xa4\xf4*\xb7\xbd\x8f\xba\x1e=\xea\xba\x0b\xd9\x03F%py\x95\xc0\xca\xde){\xe7\xa7\rRr\xd8\\\xc1\xfae\xf0N\xcd7\x85[_\xbfuY\xe7X,?(\xd70\xa4\x86k6M\xf4B\xcafg!i\xbd\xdb\xa3\xa9\xec\xd0\xd3\xa0i\x14\n+\x18\xcc\x06S\xa3)\xa5\xf2\x91\xf7\xc1\x90\x15\x8d\xb8\xd3&gt;\xd7\xff\t\xab\xae\xf5\xf4\xe4\xfc\xf5\xbf7\x86\x82\xeb\xddP\xf4\xa4Xl\x9dW&gt;\xf0zS&amp;,&gt;\x89\x99\xd3~\xd7\x98d\xe7\xed\xce\x8e\xf5!\xf7\x98\xcb5\x18\xd2\xfeu\xbb\x12b9\x14\x92\x92\xee\xb4\xcb\nX\'\xadwj\x7f\xb1\x03\xa0\x7f\xfc\xc2b\xa5\xb1\xee\x0c)\x1e{\xaa\xfc\xbb\xd7;j\xf7\x0f\xef\x0ek\xb8\xc7\xc7\x85ev&lt;y\xbfp||y\xb9\x8b\xef)\xdc.\xbf}K\xa9\xec\xb7\x8a\xa5\xee\xb4\x81\xc5z\xfd?^\xce\xef\xa5\xad-\x8b\xe3\xb7\xdcj\xa8c\t\x06\x02\x81 Q;6\xe9\xcd\xcf{\xc8\xf8\xeb@R\xcd\x892M\x021B\xd2\xe4\x9a\x84\xd4\xfch\x0e\xb1\x06\xd2\x18s\x90i\xbc\x994\x0e\x08:\x04\xaaUKl\x18\xe4&amp;\n\xed\xa8\xa5\xe6\xc1*\x81(Q\x18\xad\xc5\xdb\x19\xc6)\xb4\xfaR-\xb5S\x8b\xf4\xbe\xc8\xac\x9d\xf6\x0e\xf3\x07xf%\x0f!\x0f\xe1\x93\xef\xda\xac\xb3\xd6\xdekm:Z\x7f\x90\x03\xea\xc6\x11\x96\xcb\xe3\x81\xd4&amp;J\xb0DR\xa3G\xe7\xb2Xfffd\x99L\xa6\xc0c\x162\xf0yf\xed\xc3\xd8\xc1\xc1\x017\x184:\x9dF\x03\xbbJ\xa7s\xd3\x87U\xdc\xe4Z\x01,\xb3G"TX)\x91\x88\xf0\xeap\x7f(\xc8\r\x86\x86?(\xd7\x943E[[[\x03\xae\xd0X"\x97\x10\x04\x8dw\xbd|6\x167\xbb\rY\x1a\xb1\xae,\xacP\xdeIC\x1c\xb0*(\xad\xd4+\t\n\x12\t\x017\xf4\x01P2\x99\xbd\xbd\x8d\xd5B\x81WX\xda\xda\xc8\xa4\x06\'5!\xbf\xc1f4\x88\x1b\xecqC\x11k\xa7\x86.\xac\xe5u\xca6i %&amp;\x95\x9b\xd2\x12\xbd\x89\x9csJO%W\xd3\x9f\x96\xc4\xcbo\x99#\x8b\xed\x7f\x1fy\xbd\xf5n\xf3\xdd\xea\xa3\xe9\xe9\xecL%\x8f\xf4\xa6/\xb1]q7\xc2z\xbeI\x17V\xcd\xces\x07`\rzpU\xdav\xd7\xe9\xc1C\xd4\xfa\xf4\xf8\xf4\xf2\xf8\xc2\xd6\xdb\xed\xc5\x85\xe5\xce\xce\xcd\xd7\xdb;\xcb;\x8f\xe6\x1eM\xe7e\xd7\xd9\x1b$\xc9\x1c\xb1\x9a\x00\x0b\x12\x88\xe9v\xbaz\x16\x19\x9d\xd3}\x80e\xf0\xe0\x98;\xec\x9dH\xb1o\xcc\xb4\x02\xd6\xdc\xdc\xdc\xce\xf2\xe6\xf6\xe6\xe6\xf6\xe2\xf6\xe6\xf6\x1f\x16\x96\xa7\x0f\x7f\x99\x9f?\xb9*f\x92\x06&amp;\x13\xc3]VX\xf1\xc9q\xfa\xfa\xad\xeb\xc6\xd7\x1d6\xd2=\x89\x9b\xad\xa9\xc1\xc1\x94\xb8\xfbd&amp;\xba\xb22&gt;\xfdrny{\xfb\xd9\xce\xb3g;o\xe7^\xae\xf2\xf6\xe6\xe7\xe7\xeb/7\x88Gx)\x1e\xcf\xe5\x81\xa5\x95l]\xdf\xa2\x0f\xeb\n\x04TG\xd8Mz\\\xd6t::(f\xdfX\xfb\x80\xe3a*u8\xfd\xf2\xd1\xf8\xd6\xbbw\xe3\x87\x9f6\xf6\xdf\xbcy3\x7f\xb2W\xdd0r\xa9!\xcds\xe3\xb8\xca@&amp;\x93\xeb\xcb4v\x81/&gt;\xefsL\x9a\r\x1e\x93\x8a\xef&amp;\xd3Lv\x85\x0c\x02\xc2\xda\xfc\xfc\x8c\xee0\x9fz\x97O\x7f\xda\xff\xf8\xf1\xe3\xfe\xd1\xc9\xc9^\x81\rXL\x1e\xcf\xe0\xb1@0M&gt;X\xa7s\xc6\x00"\xd7\x03J\x87\x16\x97\xd5\xc0\xbc4\xc2\xb6\xaa P\xcd\x83&lt;o\x8e\x8e\x8e~\xd9\xff\xf8\xf3\xcf\xbb?\xed\xee\x1f\x1d\xedU\xf0\xd8btz\x90\xd2\xc5\x15\x18\x19u&lt;\xa5\xb5\x95\xbffy\xfd\xf1\x83I3.qYybpR\x05\x96\x99Y\x9b?99\xdaG\xb6\xbb\xfb/\xa83v\xf7\xf7\x0b|&gt;\x8f)\x163\xb3\x83\xd9I\x17F\x86m\xb1\xf7\xe3t6\xf23\xda\x9f\xf7=v\xc4u\x12\x89a#-\xbe\xd4P\x89\xc1S\xa7\xfe\xe4\xe8h\x7f\xf7\xd5\x93\x7f&lt;\xf9\xf3\xdf\xfe\xfa\xbb\x9fv\xaf.-\xf1\xd2\xfc\x06\xb1\x98G\x86\xc3\xb8\xdd&lt;\xa9\x8fi\xdf/\xd0\x89US3\xde\xf7\xf8\xb1-.\xe9\x8d\x0f\x92&lt;1\xaa\x1e\xb0\x8a\x8a\xbd\xa3\x02\x92\xea7\xaf^\xfdvw\t\x8c\xc7K[\xadl1\xd3\x10\xb6yqs\\ChEO\x17\xe8\x9c\x8fb0\x96\x1f?}\xea\xb0y\x8c\x13a*\x8d\xf2\xf4\x8c\x19\xb3B2\x03\x89CU\xa1\x80e\xa0\xc6AGPn\x1e\x9f\xcf\xe6\x916\xbdWGz\t\x91(\x16\xa5\x19k\xb3ot4\xa6\x97\xf4\x1a!\xae\xf2\xab\xbb\xab0\x97\xce\x00\x1c\xa9,\x19&amp;\xb3\xd1\x80&gt;\x16\xa0\xa80ip\xf3\xac\xfc4\x15\xd0\xdb\xe2\xb6\xa9\xae\xf2Q}\xf4-\xbdX\x8b}\xa3")\xa1\x99\x98\x9a\xb2\x19\xdc\x95\xd7\xaa\x14f\xc8\x88\xc9pT\xaf\xb7\xd9(\x07At\xf9\x08\x8dW\x07\xa9\xac\x95\x9f\xd5\xc0GH\xba|,\xc2\x1b\xa6\x1bkeT\xcbbI\xa7\xa6\x9c\x1a\xd2]q\xed\xba\xc2\xe22\x93^\x8d~J\x1f\x98\xd2\xeb\t\xc2)u\x1a!\x93qc\x15\xd6\xc1\x18A\x10\x90\xa2B\xb2(!iW\x8bx?\n\x19 \x14\x11\xb6\xc1L\xd5e\x99\xccn\xc7$^\x8a\xa2b\x9ahTOQ(#+T\xf21\xbb\x81\x8a\x11R\x9fO\xcb\x92\x1aC\x11\xba\xb1\xdaW\x9c\xb1\xa7Z\x91\x08*B\xc26\xa9S\xb5\xb5]\xbf\x0ces6\x85\xce\xd3\xf3`\xd90\x89u_\xadT\x98!Zi}&gt;\x1f\xeb\xa1 \x18\xf1\x93o\xaf|C\xa7\xb5\xaf;\x9d\xf7\xdf\xb3\xca\xd1\xf98,\x1d\x17\xd6v\xad\xfb\xea\x92;\x9d\xcan\xa4\xf2\xabO666\xb2q\xacjOQe\xf6\xda\xa6\xa0T\xeb\xf2\rpCj%\xb9E+\x16\xa3s}j\x80\x88i\xd1\x08`\xa9\x8f\xf0z\\U\xdd\xd7\xba\x0b.s\xca0\x98\xcfo\x1c\xe6\x0f\xf3y\x9d+cW\xf1\xc3P\xafA\x01\xf9p\x80\x1bQ\xca\x01\xab\x8e^\xb5Z\x8d\x03\x03\x04QlQ/\x95\xc64\x9e\x8c\xe2\x96,\x03X\xa9\xecakk\xeb\xe1a*\x1f\xf5\x92\x10\xbd\xc2\x04\xa1\xbd\xd0\xd8\x98\x03\xaa&amp;\xa5RG3Vg\xabQ\x00\x15\xeb\xc3\xc6\x0b\xe7\xe0%\x9d\xd2x\xcc:\\\xa2\xcb\xa6\x0e\x81*\x9b\xcf\'[\xf3Q\x1b\x15\xa6\xa2\x14R\xb4H%ljR\xeaV\xe9\xc6\xd2\x08\x12\x03\xd2\x9e\xdb\xbe\xc6\xd2\xf3\x17\xcaE\x84\x8d\xd2h4T8\x9al\x8dF\x93\xc9p4\x9bD\'\xda\x01\x87^[v\xae1\xc7\x89\x98\x84\xb5\xb5\xf4c\xb5\xb7j8\xc5q\x8b\xdb\x8d%\x1d\xa5\xe5\xe5\xda\x00\xa1\x8di\x1c\x01\xbd\xc6\x018I\x07\x84\x88\x80&gt;@\xc4b\x88\nMEX\x86\x86Zj\xff\x0fj\xf5r8\x1c\x01\xe2jnn./-\x13\xb1X\xb1@\x8c\x08 \x18\xed\xfd\x00\n\xa9\x81\x98V+*+\xb9\xd7#\x980Y\xec2Y}\xad\xd2D3V\xdda/\xea0@\\\xf7\x9a\x9b\x8b\xed\xf9&gt;-!\x85\x07\xe5\xfd@\x97HK\x04\x88.\xe9h\x17\xab\xbc\xf4|s\x8f \x84\xbb\xec\x8a\xb6\x1b\x80\x15_\xed\xa4\x1b+\x08\\\xdc\xaf\\\x1d\x1d\x00V\xc6\x12A\xe0\xd4\x8e\xb2XZi\x97\xaf\x0b\r\xb8\x9c\xef\x00\xaa\xa0_hWT]o\x93\xd5\xca\xe9\xc5b0\xc0\x89\xc1~.7\xc8\xf9/\xd7\xc5\x8b%\xa5\x17\x80\xa4\xd1WV\xe6\xf3\xa1\xce\xf8\xf3\xa5%\xcd\xf7z\x12\xdc\x88\xc9\x82\xceB\xdb\xea\x8bX\x0cZ\x1f&gt;\x08\xab?\x18\xfc\xca\xf5E04\xb8U\xf2m\xc7\xb7%\xe7::\xd0\xfcw\xf3\xbd\xdb\xb9\x04\'\xa4\x1c\xba\x85Z\xe2\xae\x83Z\xf8a;\xadX\x9b\xc9\xde\xfe\x10X\x7f\x90+H\xe4\x90^h&lt;\xab\xe4b\xc7\xaf\x13c\x17;:@*\xa0*\xba\x10m\x1b"\'zZ\xe9\x1c\x7fe0\x16\xa8`\xff\xf0\xb0Z\x1d\t\x85\xb8\x1c\xc4\xf5\x05\x0c\x89\xf6\xc5@\xa9\x9e\xdc@\x82\x83\\\x88]\xae\xac\xfe\x82\x15\x99\xdc\xaa\xab\xa1\xeb\x8a\x08\xf8\xdd-\r`\xa9\xd5r\xa5?\xd4_\xe4\xba\rdh\x00\xaa8\xe3\x06\xd6\x03J\t\x04\x1c.\xb8\x10\xab\xa8\xac\x86\x04VV\xdf\xa4\x0e\xf5\xea\xb7\x16wvf\xaf\xd0CU3m\xe4\x02\x96\x1c\x9es\xfeH\x08\xf9\xb1\xa7\xe7v\xcf\xc3\x1e\xb0\x01\xe7]\xe3\xddD\xa2\xc8\xc4\xe5\x86\xfch\x87\x95\xcd\xae\xbe\\%ki\x92\xc3_\x08\xd88\x02\xdb\xdb3\xbf\xbb\x82\xf1\r\xe3\xca\xec\xeb\xb0\x80\xdb\x8f\x1aG\x9a\x9a\x84 \x18p%r\xb9\xdc\x00\x98\x933\xe1\x99\x94\xf4"\x9b\x98\x08\x85"&amp;\xbb\xa2\xa2\x1a\xb0*\x11\x96\xba\x9f\xab\x0e\xe6NOO\xc7V\xcf\x98\x0b\x94z\xbd\xfbf\x86;\xc0)\x8aU+\xac\x15\x9a\x80\x8b#(\x1a\x87\x83\xba\xc8\xccq\x89dbB"\x89D\xfc\xc8\x85|6R\xab\xad\x1e\xb0\x82\\yK\xcb\xf0\xe9\xe9\xf1\xc1\xc6\x99\xde\xc4\x00T\xb3\xff\xfc\xfcY\xcd\x19\xe0\xf4\xcb\xd1\x04\xd2\x90\xd0b\x11\xfa!\xb4r8\\P(8!\xd1an\xb3\t\xc7=8\xee\xf7+\x85v\x15\x0fQU~\xc1\x1a\xe3\xa8[\xfex\xf3\xe0\xf4\xf8\xf8s\xfe,\xef\xfa\x00\x07\xce.\x1c\x8c\xc9\x11\x16\xeag\x11\x0eY\xecv\x8b\x05\x07.\x84$\x89Hp\x97\x95\x07\xe5\x99I)4\xe1J\xa1E\xc5g2\x1b\x90\x0f\x15E\'r\x86\x7f\xbc\xf9\x97\xe1\xe3;\xc0\x95\x9a=;.\xa0z\xb1i\x1bV\nr\x80\x85\xa6\xb5\x86\xecX\x06\xc0\x80+\x14\x89\xe0`&amp;\xb3\x95\xa7\xb2X\\.\x8b\xcb\xf4\x95\xaa\x01\xadx\xd4\xd6,\xef\xe7\x8c}\xff\xa7\x9bcw\xc0\x8e\x8f3\xaf\xcfhw\x97Q7\xbb\xfd\xe2\x87\x17\xd3\xb8\x1ca\xa1\xa6\xe6!\xcb-\x05\x86a\xc0\x15\nIp\x9dNg\x8a\x0b3*\x00\x85/\xcd.\xa1\xa2\x92-n\xf8\x15\xab\xb6I&gt;\xcc\xe1\xca\x7f\xfc\xfe\xf3\x1d\x90\x0b\xc8&gt;\xacB\xa48\x83c\xf4\xce\x7f?\xfb\xee\xbb\xef~\xd8\xcc\x0e\'\x12\xc8\x89\xb5-2\xd9-\x85B\xa5R\xd8\x85\xfe\x88\x1f\xd7\x99\xc1\\\xae!\x0b\xa6r\xa7\xad\x98\xd9^Q\xcdl\x10\xff\x0f\x96z\x8c\xab\xfe\xfdg\xa4\x15z\xff\xa7\x933\x08m#=\xc3\xb0\x98Kt\x1aI`\t\xc4\xca\x92c\xca\x8a(\xb8\x04\xab\xd8f\xd7\x98\xb0&gt;D\x14z\xf02\x90\xb2\x920\x14b\nfM\xe7\xb0\x97\xcej\x16z\x1cY\xb3)\xab\x81\xb2\x97\x1e\x0c1\xa1\x89\x85\x94"ZY\xc8\x87a\xb3\x03\x91\x95TRQe\x1bK]\xb0\xa4\xb4ZX-\xd6\x12\xc7\x0e\xe9\xfb\xfd\xbf\xec\xba\x14J\x9a\xd7\xe3\x19i$\x98G\xef\xf7~\xdf?\xb6C6_\xfcygi\xd2\xf6\xf6\x7fl\xc1T\x98\x04\x945\x08E\xa3\x00\xbb\xf7\xc9\x17_\xbc\xc3\xb1\xd6\xd6\xb0\n\x83\xeb\xa3\xdb\xbfz\xff\xf6\x9d\x0fW&gt;\x84u\xcb\xd3\xf1` \xb0\xb2\xb8\xb88~u\xce\xc1\xdd\xba\xc5\xb1&gt;\xfd\xdd\xe7\xac\x84\\/~\xdf.\xec\xc4f&amp;\xdf6d\x93\x933\xb1R\xb9\xcc\xbc\x8a\x86\xa2;\xbf\xc6\xac\xa4\xc8\x03\x8b\xfee\xfa\xc4\xe2\xc4\xda\x9d\xdb\xb7\xefLO\xaf@\xd3\x8b\xae\xfb\x01(\x1e\x0f\xc6\x83n\xc2\x82Y\xc0\xfa\x80\xaa\xf8\xe9?&gt;\xdb&lt;\xa7\xda\xfc\xc3C\xa8\xdd\xf8\xeb\xd3\xd8\xb5\xb7\xf8\xdd%\x8c\xaa\x9d\x19\xd9l5\xe4%,p}\xf9\xe3w&gt;\xe1X7na\x19\x1ew\xb9PF\x04\x9c\\\n\x04\xee\x07\x1c\x8e\'\x0eG\x10r\xbb\x1dnV\xc3[7f\xe9\xae\xf9\'\x9f\xbf`T\x9b\xa4\xef\xee\xb5\x1f&gt;\xfc\x0b\xa1%w\xfe43\xf9\xff\xce\x84\x99ZM\xd1\xeb\x96\x12\n\x89^/qy\x07\x8e\xf7\xd9\xdas}v\x8d\xfd\xad38\x0e\xae\xe5\xe5\xc5\xb8\xc31E\xba{wjj.\x10\xbcz\xd5M\xe3\xc1=\xfe.~\\\x9b]__\x7f\xef;Pmrm\xbd\xfag\xa1ML\x05l\x85\xd4\xce\x19\xfb\xbf\x81\xde\xd4\xb4\xc9X\xad\x16U\xeb\xf5RH\x0cyEfW\xcd*\x0f\xbe\xfc\x19-\xd4\xd7\x91\xf8\t,\xc4\xf0k\x11\xbd\xb7r\x9fS1,\xb85~\xd3\xcd\xc6\x03\xa0\x81\xf5\xc1\xfa\xfa\xd7\xaf8\xd5\xd6\x16\xa8\xbe*p\xacv\x01[2\x99\xf4\xa8go\xb6$]\xb9\x82\xf2)\xa2\xac\xb7\xb2%o\xc8\x0bI\x9aQ2\xac\xf2\x83hm\xe7\xab\xeb\xc0\xfah\x19v\xe1\xb6%\xe8\x9a\xc0\xa0X\xa1_\x95\xde\xe5XDu\x95\xa2\x85\x19\x8f\x17\x815\xfb\xf5\xab-\xee\x13i\xe3\x04$\x05\xe6V\xb2\xfd\xb0\x9dL\xe1i*L){\x83\x9c\xd7@\x92o\xb54\t\xe5S\xaaF\xb9\\\xd64\xcbzPC%\xcf\x9e\xad\\\x7f\x0f\xd3t\x9a\xec\n\xc6a\x17\x8ax\xce5\xe5p\xbb\x83A\xac\xd1sl\xe5!\xac\xdf\x10\x15\xd9DL\x1b\x1b?4R\xa9$\xd9EN\x15\xda\x85T$\x85\x13\xa9\x88\xbat\xed\x7fLY$*\xb6TSB\x82\xda1\xb3\xb2h\x97UC\xcfZ\xd6\xa0\x16UJU\x89\x02\x16\x8d\xee&lt;^\xbc\xb1\xbc\xb6\xb6\xe0\x1a\x873\xdc.\xc6\x05(\x87\xc3\xcd\x12\x0f\xaa a\xad\xcd&gt;z\xb5\xb1\xc5\xb5Az\x94\xf1D\x18V\x1b\xb9J\x92R\x11O\x04h\xc9\xc8\xce\xd3\xd8\x0c#\xfb\xaf\x8aN\xce&lt;\x18\x0c\xaa\xa2(\xca\x1d\xd3\xd4\xd5\xbc\xae\xeb\x9d\x8aVB\xe8C\xca\xa0\xea\xf5R\xf4\x81v\xf6\xdb\x9b\xae5J\x17\xc2\xed\xc2\xf4\xc2t\xc0b\x83\x94;\x02\x0e\xde\x86s\x0e7^Z\xf8\xc5\xa3\xd7\x1b\x17D\x1b\xdb\x1b\xdb\xc3\xbe\xdf\xe3\x89\x00\xab\r\xb3R\xcc\xa7T$\xe2\x81"\xf40\xf7\xb4\xc6\xeeb/\x81]\xb1]\x9b\x19\x0c\x0c\xd9n\x17\x12\xbay\xda\xcavt]\xcb\x1b2\xea\x88xU\x07\xd5(\x1b\xa94\xc2\x96\xb2\xd6\x1f\xa7\\\x0b&lt;\xf5.(\x1e\xa7\x11\x81\xf6\x0b\xa0\x88\x04\xc8\xa8n}\xf3z{\xe3\x1c\x89i\xd8\x8fx\xfc\x0c\xab\x00\xaa\xc8\xb9@\xe5\xe7d\x85{\xfdg\x7f\x8f]\xbb\x14\xf2\x99\x98e\x95\x81\xa2\xda\xf3-\xb3U6dU\x96\x04\x01\x90\x02\xdc3\xb4\x12\x1b]\x98]0\xael\xd5\xa2g\xcf\x9f,,\xbc\xebr\x8d3(`\x05\t\xcb\x11\xe0PH\xd6\xc47/w\xb7\x89\x07\xdb\xee\xf6.\xe9\x08\x15\xf4\xf8\xfd\xc0*$GT\x1ef\x15\xa8\xfc\x00\xcb\x9c\xfcprr\x9c\xc9\xa9gK\xa3@=\x18\xd4[\xf5\x8e\xa6i\xbaV7\xeb\x86\x04\x1c\xb61\xc9\x9a&amp;\x83m4T\x95r\x99\x9c\x8b\xaa\xcf\x02\x80"\xb7\x88\x89\xcc\x9a\xc3\x92\x83/\x87\xdb\x11\x18\xff\xfee\xba\xc8M"\xa0\xe2n\xb1\xf8\xfa\xa0A\x1c\xe4\x16\xa0R\x9e\x11\x11\x98\x98"\x8d\xe3\xa3\xa3\xfd\x86\x87\x9d\x0fS\xa0bV\xd6\xec\xf5*\xaa$\xcb\xf9\x8a\xd9\xd2\x84s\x1e(a\xf7\xe5\xf5\xbc$\xd8\xc94\x9a\x15\xb2U\xae\x86B4^k;\x8f\x03\x1ck\x9c\xb8\x1cly\x9ec\xf7Y\xdf\xbf\\M\x17\xe1\xd39R1\x9d~\xd9t\xfa#\xc8\xb7\x9fZ\x9d\xbe\xc9\xc9\x00\x00\x03\x81IDAT\x8f\n\xe7\x1f\xb9\xc4\xe4aP\xb91g\x18\xc2+\xb6\xd8\xa0\xdcj\xb5tC\x16\x84\xcbP\xe7;\x19\xb9Wq*A\xe5\x14\x04\xc9\xb0,\x85\xa2/\x12\x98\xf2\xfcG?u1\xc5\xcf\x93\x0e\xafn\x02j&gt;\xbdKF\x15\x8b\x0c)\x9d\xde3\xf3ca\xa4\x87\xcaFl\xff\xa1\xb0\x9f\xa0\x0e\t\xca\xe9d\xdf~[\xb9\x95\xd5T\x91.\x9c\xaf\x9b\x15M\x1a\xf1\x10\x03\xf6\x04E\x96\x81*\x81\x13\xaa\xa6\x19\x92$\x1b\x1az\x14\xb3\xacf\x9dv\xbf\xfdxb\x82\xa5~\x1cc\x14\xa6\x01j\x0fTE`q\xa2\xf9\xf9\xf9\xbd\x9e\xae:\xc9\x04JP\xc4\x13f\x96\xd0\x17m~O\x86A9\x99\xc2|o\xb3J\tv]\x82\xcaK\xa3\xf2\t\xdc\x1b\xbb\xd6\xc9\xe3\xc5\x04\x9a3\xe1\x1b\xf3\xe5;\xf5z\x05\xca\x8eTnu\xcdr\xf9o\xfd\'."\x8b\x13\xdb\xc7\x1c*],\xa2zD\x04\xadv\xebyg\x98\x87\x08\xbbpx\x84\xc5\xd0\x00uB\xe5c4c\xd8\xc6\xc6\xe8`#\x90\x84\x8f\xa0(\xe8\x84$\xf0\rE\xd5\xb3%\x82S\xf39\xbd\xd3\xa94\x9b\x95\x0eFF&gt;o\xa8\xb2\x0c\xcf\xf4^\xb7^R\xbcJ\xed\xe9\xf3\'.\xdce-\xfc\x1cL\x80\x82U\xbcv\x84\xb4\xba\xd7\xed\xb5*\x87\x87\xfb\x19\xa8\xd1\xa0\x02zX?\x92[a\x82\x1a\x12T\x98\x01\xfd[6\x98\xa1\xea-\xea&gt;n\x11\xe3\xa2\x9d$W0\xe7eU\x87?\x1d=\xaf\xe9y\x99\xce\x8b^z\x93d\xd7\xccnO\x93$I\xb4\xdb\x95\xda\xd9\xf3\xc7\xf1_\x12\xd3*Qqq\xa8\xd3l\xa9\x84\x8f\x95i\xee7\xf7I\xc7\xc7\xfb\x99F25\x1aV#(\xaa\xdde(\xb8\x05(\xb3\xd7\xd2\xbc\x97\x06\x02\xcb\x95`\xd4\xb3%C\xaf\xd7\xb3\xba\xa1\x840\xb9d\x91\xbd\x85:R\x14\xd4\xfai7+\t\xe7E\x97j\xd5J\x97\xa8\xa8h\x1c\tL\x0cJLPi|\t\xd2X\xae\xd1o\xee\x1f\x1e\x1c\x1c\xf7\xfb\r\x9aS\xc3\xe1q\x8e\xe2\x05\xdfX\r\x89\xc8I\xddh\xab\x10\x14&gt;\xb3p!\\U\x14\xedz\xcf\xccf\xebY\xb6\xf4\x88J\xc9P\xe8\xac\x04$\x05\x07\xa3\xd75\r^j&gt;\xd9\x8c\x92\xd5\xdd[\x9d\xbf\xd0*\x87B.|t=\x9fol\x14\x1a|\xe7\x1a\x99&amp;\xaa\xda8\x18\xbe&gt;\xea\xe7&lt;9\x0f\xef\x016\x1b\xc2\xb9\\\xa3\x81r\xdbzu\x1et\\@\x86T\xc8@\xbf\x99=\x13w\rUE\xf1\xd2:X-\xd1\xd1\x0b&amp;/\x81\x19\xa7]K\xe1\xbd\xca\xa5\xca\x82\xde]M_\x82\x9a_\x85S\x92\x94\xf01(_\x82\x81]t\x9a3\x9ck\x0e\x87\x07\x870\xee\xe0p\x7f\xbf\x9fa\xea7Qj\xa6\xbaMe\x9fVe8\xe0\xc1\x9c\xd7;z\xd945\xac\x86\x98O\x82\x08\xb7\x14X\xe6\xe5\\\x80R\xe0\x95\xc5\xcc\x13\x99\xc9"s\xb1\xb2W\xe4q\x9a_%\xacn\x0b\x93D\x92\x99K\xa0",\x1f\xb7\x8b\x81\xe5\x0e\x86G\x1d\x1c`N\x07e\x85\x9aM\x04XUs\xaa\x93Pll(\xc9#Q\x84\xd1\x81\x9d^\xabD\x17e\x18t\xc7\x054\x86\x05\xcf8\x15\x0eTP\x91\xbf\x0b\xf4\xc2a:\xbd\xcaDl{&amp;\x83\x02\x0c\x17=\x18\x85\x19\xc5r\xe6\xfaG\xc3\xc3\xbc\xf3\xbc\xfb\xf8[\x12\xd8\xf0\x98?\xb5\x8d&amp;\xfa(\'t\xc8\x9b\xbd\x8a"^(\xe4\x05\x95w\xc4\xe5U\xa4\x12\xa8\xf0D\x94\xe83\x8c&lt;\x0c\x89\xc2Az\x8fc\xedu\xf7N-\xc5.K\xf6\xc4\x05\xd6HtQD\xa8q8&lt;\xca\x90w\x8ci\x8c%\x8fz\x82\xe33\xfd\x0b\x13\x8c\xc3\xebc\x84o\x15\x00\x00\x00\x00IEND\xaeB`\x82'</t>
        </is>
      </c>
      <c r="M153" s="3" t="n">
        <v>45492.67732638889</v>
      </c>
    </row>
    <row r="154">
      <c r="A154" t="n">
        <v>551810</v>
      </c>
      <c r="B154" t="n">
        <v>49202</v>
      </c>
      <c r="C154" t="inlineStr">
        <is>
          <t>Bruno Alves</t>
        </is>
      </c>
      <c r="D154" t="inlineStr">
        <is>
          <t>B. Alves</t>
        </is>
      </c>
      <c r="E154" t="inlineStr">
        <is>
          <t>ZAG</t>
        </is>
      </c>
      <c r="F154" t="inlineStr">
        <is>
          <t>ZAG</t>
        </is>
      </c>
      <c r="G154" t="inlineStr">
        <is>
          <t>ZAG</t>
        </is>
      </c>
      <c r="H154" t="n">
        <v>184</v>
      </c>
      <c r="I154" t="n">
        <v>34</v>
      </c>
      <c r="J154" s="2" t="n">
        <v>33343</v>
      </c>
      <c r="K154" t="inlineStr">
        <is>
          <t>Right</t>
        </is>
      </c>
      <c r="L15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1c5e6163-fcc9-45fe-a194-98e5badc49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d34A\x00\x00\x03\x00PLTE\xff\xff\xff\x8fc=\xfb\xe24\x93gA\xff\xecG\xfd\xfd\xfc\xf3\xd9+\xff\xff\xfe\xf5\xdc.\xf5\xde1\xfe\xf1Y\x1d~W\x98qT\xff\xebK\x97pO\xfe\xeeS\xff\xedO\x92lM\xa9xI\xff\xeaA\xa3uF\xc4\x96w\x93g;\xfa\xde0\x9cx[\x8cfE\x19yS\xf6\xe09\x91hG\x98lL\xa7zY\xfd\xe7:\x96g7\x97kC\xfd\xe65\xae\x81a\x8b^8\x91a4{W4\xc4\x93q\xbd\x96|\xae\x89m\xa7\x7fa\xbb\x8dh)%#\xa3xX\xb4\x8al\xb9\x87d\x85cB)\xabw\x99j;\x85Z5\x7f]7\x9e|b\xb7\x90r\xa3\x81g\xc1\x8fl\xb0\x87d\x9fuTfN.842\xfc\xe3?\xb8\x97\x83\xb3\x84f\xca\x9b{bE"-+*\xa8|O\xbb\x8bp" \x1e\x9eoD\x8a\\0\xbf\x93p\xfd\xf1`\xb6\x86_\xac\x83h=;:\xab{^\x9dsY\x94sZ\xbe\x90v_E*\x9epP%\xa5r\xae|X\xc3\x9a\x83hG0\xce\xa5\x8avW?2/-\xa7\x85ly^C\xf2\xd4)\xb8\x91{\xa1y^pT2\xcb\x9f\x85uP*\xb0\x8ew\x82X0\xf2\xdb6\xb2\x82]jO:\xa7sC$\x83Z\x9el?\xec\xd33\xa7sQ$\x9en\x1c\x88\\\xa9\x80Z\x81]&gt;\x8dmS\x8a_@R9)\xf8\xf8\xf7Y?"\xc0\x9f\x8e\xeb\xcb!\xfe\xf0L\xa5\x88t\x88gM\xfe\xe1)HFD"\x92e\xe8\xe3\xe1\x1c\x9ah\xe6\xd4@kI#4%\x1e:-$\x9e~kpJ2\xaf\x81RvN9^D4G&gt;7D6+\xf0\xdcC_][\xd2\xbe6\xd0\xa9\x96\xd4\xb1\x9fR/"TC8+\xb2}\xc0\x8adE."\xf8\xda$\xb8\x81Y\x84T=\xf5\xe2L\x15tMfUH\xc4\xae4\x97yc\xef\xed\xec\xd4\xa0|WMD\xb0yP_8+\xda\xcdP\xfe\xebh\xf2\xeb]\xfd\xf4m\xd0\xc9g\x99\x893\x1e\x19\x17\xc4\xa6\x99\xaa\x91\x80\x13oG\xb2\xae\xac\xf7\xeeR\x7fcN\xd6\xab\x8d\xcb\x94l\xe1\xca2\xf3\xd2\x1d\x81O.\xd8\xcb@t`S\x17\x93a\xc1\xb9j\xf3\xf2\xf1\x8a[I\xa8\x9a5\xe9\xd7\xd2\x85{7\x9dg[\xe2\xdar\xeb\xe2_\xaf\xc5&gt;\xe5\xce\xc5`^&lt;\xd8\xc1\xb7\xc6\xb0\xa5\x96aN\xb6\xa22,uN\xb0\xacs\xdc\xd9\xd6\xd3\xcf\xca\xb6\xabA\xda\xb9\xa8\xa2\x99Q\xc9\xc6O\xa9th\xe5\xdbP\xfd\xfb\xe5\x97\x91D\xb8\xa6\x97\x99\x85vq8\x1f\xa3\x9fh\x85t(\xb6\xacW\xa3\xa0\x9e\x84n`\xbf\xbc\xbaxutg\x92X\xaf\x99\x87rf/\xc4\xb8M\x86~P\x9c\xb2F9\x97k?\xa7o0\x8b`\xf6\xeaplvT\xc3\xe2X\xa8\xc6R\xfb\xf3\xa4\xfe\xfd\xf0\x8eL/\xda\xeaY\xfc\xf6\xb6\xfd\xfa\xd4O\x86W\xbc\x8e[\x8d~i\xd3\xce\x8c\xfd\xf3\x85\\\xabd\x87\x89\x84\x86\xb4R\xf5\xea\x8e\x91\x99\x91\xfa\xf4\xc67eBC~E\xc3\xbe\x87^\xb2\x90\xa2\xce\xb9\x8c\xc2\xab\xbe\x0e.P\x00\x00 \x00IDATx\xda\xcc\x99\xcbK#k\x1a\xc6[\x9aP\x9b \xd8t\x1a\x85\x1eA\xe2\xc9\xddD\x8e\xe4\xdaE\xccd\x12\t\xb1\x8e\x89\x8d\xb9\x94\x12M{H\x0e\x8d\xd0\xa6\xe3\x04\x12\x82\x8b$\x9eN\x85\x10-\x14\x07Bb\xd9;\x95\x10\xdd\x04rp%\xbai\xe9\x9d\xce\xc2\x0b\xfe\x11\xbd\x10\xcer\x9e\xaft\x98?`\xba\xec\xf3V.\x98M\xfdx\xde\xe7{\xde\xef+\x9f=\xfb\xff\x8b\xfa_=\xfb\xab\x14%\xa3V\xba\xcd\xe6\xeaj\xb3\xd9\xed\xae\xe0\xaf\xbf\x02\x13%\x935\xbf\\\xdd\xdeV\x85|\xb5Z\xbd\xbd:_\xed\xfex\xcd@\x05\xa6j&gt;\xcf\xd0\x0c\xc3\xd0n\xb7\x81\xa9\xde\xb6\x9a\xd4\x0ff\xea\xde\x88L\xf9|\x9e%T\x06\xb7\x9b\xa5i\xa6\xdaZ%\x9a\xfd(\xaa\x95\xf3{\x82D^P\x8bf\xf2\x0cK\xb3,\x11N\xa8\xfe\xd9\xfc1&amp;\xa3V\xbe\x00\xea\xa1\xc0\xe36@*\xc8EC/\x96\xc6w\xf5\xa6\xfb\xf4`\x14\xd5m\xe5\xd10\xd6\xcd\x02\xca\xed\xddCy\xc52\xb8\x81\x08H\xaf\xfb\xf6|\xe5\x89;\t\xa7\xdf\x12\x99\xbc{^\x88c\x10\xa9\xf6\xbc"\xd8\x1e\xc0\xc0\xe55\x18\x0c\xf9\xd6\xca\x93\n&amp;\x93\x9dWY\xd6\xc0\xe4\x89Z4cx\xd4\xc9\xfb_\xc1\xa0\x95\x81u{\xdd4\x04{J[\xddT\x19\xf4)\x0f,\xd6\xcd\xd0\x04\x84\xe58\xaeR)\x16\x8b\x85\x02\xa8\xd0\xc5\x07&lt;\x08F=\xd9\nl\xe5\xe1l\x98\x8a\xa8\x05\x02\x96\xae\xf0\xf5\xb9\\n\xe0\xe3G\xd5\xda\xdf?\xa7+"\x9b\xc8\xe5\xa5\xafV\x9e\xc8V\xdd+H\x05\x95\xf2B\x9e\xa3i\xbaX\xe1\x93\xed\xa9\xf9\xc9\xc9\x84\x7ffw\xf7\xb7\xf7?\xf7\x8c\xadM\xa7\xb7\x8ab+\r^\xf6I\xf4\xa2d\xcd{\xda\xc0\xe0\x9e,/\xd4\xb9J\x9a/G\x03\xfd\x93A\x8fF\x13\x0c\xdaL\xa8\x99\x99\xdd\x97C=\xaap\xbaH:i\xf027\xd2\xfb\x9e\x92\xad\xde"\x95X\x04\x13_NF\xaf\xbf\xa5\xa6\xac\xce\xfdL(\x13\n\xc5#\xa1\x90"\xe8\xf1x\x8c\xe3J\xe5/\x83\xf2\xd1$\xc7\x8a\x9d\xcc\x7f\x91\x9c\x8b\xea\xde\xbaIZ\xd1|\xbd\x14;(e\xce\xceNI\xd5P\x99Z$\x1e\x82dA\xcf\xf8\xf8\xb8\xd1h\xd4ME\xcb\x95\xa2\x01\x81Q\x95\x9a\x8b\x92\xb5\x80D\x17\xb9\xb6.\x18\xf9zrrr\xbcz|rrz\xba\xbe^[\xaf\xd5Bq\xc8\x05*\xa31\xa6\x89Y&lt;\x1e\x9d|\x8e\xaf`\xc5\xb2\x7fve\xd2\x06\xd6j\x95\xa1\xf9hN\xe7sEj`B\x1d\x1f\x9f\x10\xaaH\xad\x16\x01VPl\xa33\x94\xc98\x9d\xb1\xd8\xe2l*I\xc0\x98\xfbs)\xf5\xa2\xba\xf7\x0cS\x0f\xd8\xf56E&lt;~xzr|\xfc\x08U\x8b\xc7\xe3!Q*\\A\x8d3\xb3\xbf\xbf\x9f\xd9\xcf8cZk\x9bg\x11c\xd5U\xe9\xe6\x10E\xdd0t&gt;\xe7\xd7\xfb|\x8a8\xe4Y\xffzzr\xfa\xb5&amp;\x12i\x08\x93XA\x8d&amp;\x94\xd9?C]d\x9c\x8b\x8b\xa5v\x9d\xc5\x10\xbf\x97N.\xaaYu\xd3u\x9d\xcd\xa6V+"\x11\x08\x14A\xb9\\j\x9f\xcd\xa3\xb7\xd9\xf46\x8fi\xfc\x91,\x16"j\x9dA.g\xb6q\xcd\x03\x0b\xcbQ2g!G\xb9\x80\x91P\xb9\xe2q\x17)\xb5Mm\xdbDX%\xfc&amp;\x93\xdf\xa4\x1f7\xe1J\x8c+\x8d1g\x06\x8d\x84\xc3b\x8b\xa5F\x9bs\xbb\x99\x96TrQ\xab\x98\xcfu\xab\xdeG\xb0p\xa9\xd5@\xda\xdc4%\x12\xdb"T"A\xde\x89\x99\xc4\xcc\x8c\xd2\xa8%`\xc4\xf8\x07\xd9lC\xc0D\x97\xaa\x8b2\x19\x9c\xc5]k=\x8a\xa0\x82\x94m\xd3f\xda4\xf9\xfd333~\xa2\xd7\xf6\xb6_\xef\x07\x12\xa0\x94\xbf(\'\xb5\x8b1\xa7X\x8b\xd9R\x1d\xdb\xc4jS\x9a.R+\xb74\x9dO\x19}A\xc8\xa5V\xeb77\x01\x82\xda&amp;*\xe1k;\x81Oh\x95P"\xe5\'\'\xb5\xc6\xd8\x03W6{\xd9\xc1h\xcf\x9f\xcb$\xca,\x81\xa6\xebfK\x10\\&gt;\x1bi\x9f\x9f\xa8\xa47\xc1O\xf8\xf0\xfb\xc5N\x9a\x10\xf1\xf0\xd7\xb8Vk\xb1\xc4b\x84\xec {y-`\x07$\x8d\xb9(\xaaE\xd3\\\x87`\xf9\xd46`a\xf1\xd9|6\x9f\x8f\xb4\xd4\xa77\xe9\xf5z\x9f\x07/\x8f\xc5B\xde\x96\x07*\x11\xab\x14\x10\x18\x96\xbd\x97d\'\x81\x1e\xb2t\xbec\xc5\xad\xc1\x050\xb5\x02\xe3\x99dD-\x12\t\x81L\x8d\xe6\xda\x14\x80\xf6\x05I\xc50\x804$\xe9\xad\rs\xa0\xce\xd1l\xb5+\xcd:\x14\x80\xd5\xd6\xe9=\xa2\xb5HF\x90D\x15\xab\x16\x0fai\x86\\\xf8p)\xb0B\x91\xa81\x8dF\xe3\xd4`\x02-Z\xfb\x81\xc5s\xac\xd0\x94\xc4[\xe7y\x9a\x11\xdaJ\xbd\xde&amp;j\xa5~\xc8\xf9\xf5\xaf(\xec\x1d\xe2b\xbe\xee\xb8\x8e\\j\x85"\xa8\x01\x983$\xaeC\xad\xb9\xbf?\xd0\x168\x96\xfb"\xc1\xfc\x11\x07\x0f_O\xd9\xe1\xa1G\xb1D\xa9\x00E\x06u\x84\xa4k&lt;\xb2s\xe4:"XAq\x02e\x08\xd6\xfc\xd4\x94\xbc/\xd0\xe1\x19\xba%\x05\x96\xac\xc5p\xc2\xdc\xbc\x92X\x1bwv\xc5\x0f\x1f\xb1\xd6\xd7\x0f#\xae8\xd2\xd5\xf5\x90\xfb&gt;\x82\x85\x16\x86\xf6\xcf\x90\xf3\x8bV\xf9\x94\\.O\xc1]\xd2`\xdd0\x1c\x9f\x1aDt\x92I\xed\xc2\xc6f\xfdq?C\xc6"\xf2\x02\x8b\x13\xbd=\x02V\xf0a\r^\\\x9c\x9d\xed;gA\x15\x90\x07:\x02s%M\x139\xae\xa3CZ\xfa\x89Z\xc4\xef0\x16\xf6\xa3\xb08\xa6"\xd2\x14Eb\xd54&gt;9[*5\xaeQ\xdf\x0e.\xf63\xb1y\xc8\x15\x08@\xae+\t\x02\x02jqB`\xe4\x01\x0bI\x85E\xe6\xcc85A#2=\x91\xd8\xdd\xc5\xa1g\xf7\xc5\xcc\xa0\xbc\xb7/\xd7\xa9\xd7\xeb\x82\xc0\x0bB\xbds}y\xe0\xcc\x12\xcf\x07\x02m^\x1a\xac\x16Wo8&gt;\x00\xcb\xa6PX\xb2\xdf\xae;\xa4\xda\xed\xe8\\\x9f\xe3oCK\xbbKKK/\'\x06\xa2\xc92\xcf\x91c\x1a\x8a\x13\xc0\xd7N\x95f\xcd\xc0j\xb4\x05\xa9\xb0:f\x1d\xb0\xf4\n\x9f\xb6\xd1\x11\x04N\xc0A\x9a\xe6x&gt;9\xb7&lt;0\xb1\x84\xeb\xfd\xabeP\xe1lM\x8ek8=\xd6\xe7\xda\xb9v;g\xb5\x9a\xfb\xe5\x8d\xeb\xbaDX\xf9k\xab\xee\x83\xd2\xae\xb0\x98S\xed$\xcfW\x8a\xe4\xe1Q\xb1X\t\x87\xc3\xaa\xe7C\xa8\x9f\x87\xdf\xbdy3M\x0e\xd5\xc5t99\x87sv.\x95\xca\xe5\x02\xb3fs\xbf\xb9\xd1\xb9\x92\xe6\xcc\x93\xfff\xd5)\xed&gt;K?n\x97k\xcf%\xcb\xe9\xad\x02\xa8\xd2\xc0Z\x18~54\xf4\xfcy\x8fj\xe1Mx:\x8d*\x87\xc3\xc9h\x1bT\xa9T `\xb6&gt;`\xc9$\xb1|\xf5\xdb\xec\xa4\xdd\xe2\xd39\xfa\xfaR\xf2\xbe\x81e\xd5Z8\xbd\xb1\x91\x9e\x0e\xaf\xad\xa9\xc6z\x86\x86~\xea\x19\x1eS-\x10,\xf2\xeb\xf44p\xa3\xa3\x84\xaca-\x99\xcd\xa5\xeb+\x99$\xb9\xd5\xb9\xccj\x8d\x16\xcb\x88\xbc\x17\xf5zy!\x0c\x82\x8d\x8d\x8d\xcf\xe1\xb5w\xaa\x9e\xa1\x89\t\xe85\xa6Z#\xbf\xa5\xb7 X2ZO\x86\xc3\x9fF!W\xbf\xb5T*\x05\xae$\xd9\xd9\x9c_\x13,\x8d\xd6!\xef}=\xf0Q\xb5\x96,O\xa7\xb7Hm\x84?\x8d\xf5L\x0c\xce\xbc\x98\xe8\x19S\x11\x01+\xf8\xb1R\xe1;\xd7\x9ddx-\x9aC\xc8[\xad\xa5l\xe3B\x12\xac/\x08\xa1E\x8bf\xd2\xd1\xfb|\xec\xd7O\xf0\x0eN\xa6\xc5B\xa1\xb0\xb5\x95^\x1b\xfb\xe9\xa5^\xb1\xf9\x0f\xa85\xbdA\x90\x8a\xe49R\x91\x13\xca\xe1\x85\xe8\xf2@/\xb0\xac\x12a\xc9V//\x0f\xb0\xb9\xd39^\x0f\x8f\xbd\x0b\x97\x93&lt;\x98\xbc\xc0\xc2\xb2\x0b\xff\xfaj\xdbux\xe4\x7fO\x1e!\x15\xb1\x10+\xe2\x03B\xbaX\xc1\x82\x1c\x1d\xe8\xed5\x03\xeb\x9b$\xdbS\xaaypy\x10\xb3\xd8\x07\xdf\xa2U\xff\xe4\xf9\xc2\xc3\xf3R\xc2\x95\x0e\xab&amp;6\x0f\x0f\x8f\x8e~\x13\xb1\nE\xa1\x9e\xa7\xf7\x18\xa6S/\x14\xf9\xe8@_\xef\xd4\xbctX+w\x97w\x1a\x8b\xd11\xf4jl\x1a\xee\xa9W8\xd6\xbbW\xe0\xb7\n[\xe9\xf0\xf0\x8b\xa3\xaf\x87;;\xbf\xf7\xac}\xdeBf\xf0B\xc1\xbbg\xa8t\xca&lt;\xd4\xeas8FF\x80U\x02\x96\x04\xffw\x91\xb5.\xef\x9c\x16\xbbc\xe8\xb9\xea\xf3V\xa1~I\xf4\x82\x7f*[hb\xcf\xf6\xce\xc9\xe1N\xc4?\xb1\x1c\x86Zh"1\x1d\xe9`N\xde\xd7\xeb\x18\x1c\x19\xd1=`\xc9\x9a\xdf\xfd\x91%u\x03,-\x9a84\xb6\x16.\x97\x93e\xd1W\xc5\x02\xa6\xcc\xbf^n\x8aX\xa6\xdd\x89\xe1\x85\xb2\xb8&gt;+\x95t9\xda\xfeC\xae\x1b\x1c\xc4k\x9e`]\xc8V\xce\xef\xce\xba\xdfY/\xea\x1cM\xd4\xda?\x0c.!\x1f\xe6H\xc8\xf3$\tp\xf7?\x86\xb6\x8fvN";\x11[b\xe9\xedr2YF!\xe8\x11\xf3}\x83J\xbb\xd62\xa9\xd3\xe9f\xb3\xa5\xec\xf9i\xc9\xdaw\xfa]\x1dFQX\x8aw\x16\xa5\xddnO\x0c\x8e\xbc}=\x8a\xbd\x02\x192hT\xea\xed\xee\xe6\xd1\xe11v\x836\xd3\xe0\x92c \xfa)\x8a\xfa\x84\x84\x97\xf7+\xedF\x8b\xc6\xa2\xb5Zgg\xad\x81Y\xeb\xbc\xfc\xdf\xd9\xef(\x17%\x83]\x9b\x07w\x1a\xb2e\xf6\xe9\xfd\xbf\x8f\xf4\x8e.\xe3\xce\x18\xc7\xa9\xc0\x7fx7\xbf\xd74\xb6-\x8e\'\x04\xf1e\x10\xe6P/#\xcc\x0c\x84I\xa232\xa3\xd0\xf8k\x02\x99@\xa5\x84\x0c3\xa6\xc3\x98\x88\x92\x89\x114\x14!\xea\t\x05}\xc8\xc3A\xaf}:\x15,\xf1%\r\xf1\xed4\x0fM@\x0e4\x84&lt;\x94T\xb8)\x85&lt;\xf4\xf8r/\xf4/\xc8\xcb\xf9\x13\xeew\x9b[\xee?\xa0]F\x98\x10\xc1\x0fk\xad\xbd\xd6\xfa\xee\xbdc\xd8\xc7q\x82u\xba\xd6\r\x15\x9f\xd9\xb2\xc7\x17\x0e\xfbh\x9af"Y1:V\xd6\x05]\x8aec\x8c\xae\xcb\x83N\xefhbX\xae\xc3\xeb\xebw\xae\xc3\xf3\xf3\x00\x19\x01\xd7\xa0V\x13\x12Cf\xce\x14\x96\xbe\xa8\x84\xba\x97\x97_\xaf\xb1\x12\xbb\x1b!\xfbLK\x1cxX\x8e"\x7f\x89\x12\x9d\x01\xa51\xc6\xca:\x8e\xa3\xd6F\xa3\xdb\xc9a\xddB\xe7|\xba\xae\x17\x02\xd1(\x94\x04\xd1\x13\xeb\x8a\xa8\xebbV/\x04\x02\xc9n\x17\xa9\x85\x94?\xf5ol\x14\xcfB\x9bQE\x92eG\xd2\x11?B\xf5\xea_\x85,I\xae\x08c:\xd6`\xb4\xea\x9eX%\xbd/w\xfd\xf9\xbcB\xb0\xbck\xa7\x17\x17\x10`\xe94\xe4\xe9\xceN:\xed%\xc2\xe2\xe2\x1a)\x7fz\x1a\xef\x16\xed`\x00\\ZB\x10D\x84\x10\xdeJ\x07\xe0,)\x92\xad\xc7(F7j#sb\xa2\xff\xe8a\xb4\x7f\x16\xbf$X\xebc\xac\x1f`i\xb2a\x1a\x8f_\x9e^\xdc~=\xbd&lt;\xfd\xba\xed\x0f\xda\xc2fR\xd1\x8a\x9an\xe8\xa2\xa8$\x03\x9b\xa2\xa8K\xb2\xe4`)\xd2\x85\xf7\x9a5\xba:\x9a\xd0\xdc\xe5\xbe~\x18=\x94\x8b\xc1("\xb6\x1e\xf0\x9e\xe6\x89\x06[#\xca\x19d\x81d\xd2\xbf\x06G\x9d^v/\xb7\xf3\xdex\x91\xd7\xa2\x8am\xdb\x9a\xa6\xeb\x92n\x08\x02o\xa0&gt;H\x0c\xbcE;I\xa1&lt;9\xac\x99O\x0f\x83\xc5\xb2]\x0c\xed\x04\x88\xbb\xbc~h\xb0\xf5xh3\x9dO\x07v\x94d\xc8\x7fzyy\xd9\xfd\x9f$\x0b\t\x86\xa6\xd8\xe5\xb2\xad\x89\x85\x9d\x82$\xf3\x86!\xf1c\xac,\xb57_\xb6{\x13\xc5\x9a+\xf3|\xa2\xb0\x1a\x80t\x85L\x8cw\xfdk^\xb2\r\x9f\x8cn&amp;\xe3\x04\xa9{\xb6_.\x12\x9a\xa2\xc6\x1b\x9a \xc3\x0c\xe4\xbcB&lt;\xc5\xf3\xb2\xe3da\x83\xd1\xb0\xcc\r\'\x86u\xf7\xd0\x03U\x99/\xac\xee\xac\xc3B\xdd\xb8\x7f-\x9f\x0f\x046\x93\xc9\x9dd\xd0\xdf={\xb9\xff\xcb\xfe\xcb\xe7\xd6\xfc\xc2\xc2&lt;\x84\x99l\x18\xbc\xacZ\xa6!h\x9a\xc0\x03\x8a\x97\x08V\xac\xc0\x8c\x06C\xc3\x99\x18\xd6\xf5C/\x14\xb2\x9f&lt;+\xac\x16\xa2\xa8\xa6\xa18d5\x92\x0b!Ev+\x7f\xef/\xee=\x9d\xfb\xc7\xe2\xe2\xdc\xde\xdb\xb7/f9\x8bG\xe0\x00\xc6\x1b\xe8\t\x04K\x85\xb3\x9cl,+\xc6\xfa\xfd\x9e\xacO\x0c\xebh\xf8\x10?.\x0f\xccU\x8c\xa7\xa8\xf3A`\xf9\xbd\xde4\xb2=\xa9\x19\xc2\xfe\xe0\xb7?~k-,&lt;\x1d\xf4\xff\xc0\xc3\xac%\x19\xb6m\x08\xb6\xa0)(\x13\x07\x98\x1fd\x87\xc1\xc4\x05\x1buZ\x9c8\xb1\x95\xf8\xf1~.~\xbc8\x08\xa4\x0b\x85\xa8\x16"Xd3\xd0\xeb\xdd$T\xda\xcb\xbd\xb7\x9dNk\xb0\xb4\xd7j\xf5\x7f\xed\xb4z\x94\x0e\x17!\xbf\x12\x8a\xa2$\x12\x06\x82(3hD\x91\x98#\xeduFs\x13\xc3\x9aq\xbd:\xeb\xee?&lt;\xdf\x06\x96\x98 ;\\\x7f\x13*\xbf?\xb9\xaei\x9byc0j\xf7\x96\x97\xda\xedv\xab\xb5\xd5\xef\x0f\x1d]\x14P \x08\x95"\x18\x04K\x05V,\x12q&lt;\xad\xce\x88\xd3\xaf\'\x86\xf55t\xbc8*\xafy\x0b\xd9\xac\x94H\x90\xbd$\xd2\x19\xd7\x95\xa4\xb6\xf9\xea\xf7\xdf{{K\x95J%\x87\xb1\x01\xefj6&amp;\xc2\xa7vq\x8c\xa5\x90 \xaa\x14\x03\x9d\xc88\xcc\xd3V\xafgH\x93;f\xf9\xe4?{\x18\t\xfeu\x82%ll$\xc8FeRI*J\x92lUz\x96+\xe1\x1c\xa6\x89\\\xae\x9aj\xd6\xeb:\x1a\xe5&amp;\xa2\x8b\xa6\x89\x94\x17x\x95!\xde\x8a0\x0c5X\xd0\x1492\xb1 \xba\x8f\xbc\xc0:\x88+\xc0\xca&amp;\x8aE\x92^\xf1\x10\xa8\x94\xf4\xf6\xc5\xf6\x85\x02\xf1O\xa0r\x1f\xaa\'\x91&amp;\xbcE\x8e95!\xab\x8b\xba\x80\x9cG\x0cM\xa6\x191)\n\xe1\x95z\xe7\x87\x93\xeb\xd5\xe9\xe3\x87\x87\xf2\x86"\xd6\x81\x05g\x05\xc9\x96|PC+\xdeF{LgS\xa9jc\x8c\xc5\xa4"\xcdf,[\x00\x17z!\xdc%\x08\x12\x82h\xc2[\x14\xcd"\xed\xe8\xe1\xe4\x06\x9b\x99\x8f\xef\xbdg/\xb5G\xac\xc7\xa4\x0f\x05Q\x1c\x94\x1d\xb2\xc1\x9c\x0eD\x91\xcf\xa9*f\xc2T\x84D+\x02\xae\xc2\x0e\xa6\x1e]\x82\xb3$\t\x0b\x91\x89\x9c\xb0\x03s\xc8\xc5\x9c\xf3\t\xee\x83\xbb\xde\xe4\xf3\x98\xa64\x11\\"\xa1\n\x86BAT\xd2@~\x1b\xc5&gt;\x1a\xc5\x0c#\x9e4\xc24\x86=LU$\xc1\xeb\x051\xa6K\xa8\xa8X\x8a\xaaI\xb0\x9a-Sw\xa4\xc2\x04\x8f\x87\xdd\xaeO\xa1\xb5\x8b7y\xdb@\x85\xd0E\x94Tr\xc4S\x14\x14\x8c\x10;P\xda\xe9\xf4\xa6v\xaf\x1b&amp;}\xd5\x88d\xc7\x9b\x7f\xa9\x93f\xcct$\x87\x14|Y\x06h\xb3~\xd7\x1cb\x9ex?\xc9#\x16\xf7\x91\xfe\xdc\xbf\xe6/\x0bbA\x14\x13J0\xb8\xb1\x11*\n\x07b`|\xb8\x93\x0e(7W\xc4z\x95L\x0f\x81t(O\x15d)\xca\x91e~\xdc\xa7\x81\xf5\xfd\xdd]\xfd\xfe~\xe7z\xa2\xba\xe7\xf0\xcdP\x0f\x16\x93Zl\x8c\xa5\x90\x13\xb1\xe2\x01\x0fH\x1d\xd2&amp;z\x7f\xd5\xebe\xda\xc4H\xe5\xba\xa2\xa8j\xa3\x11\xaeVi\x93\xf4\x1d`!\xdb\x9a\x9f]\xee\x8fD\x11L\xf8\xc4\xe7U\x1a\xdd\xc6J\x01KT\x14@\xc1Y&lt;\xa6\x02IJH\xc3^\xbb\xbd\xb5\xb5EJ\xfc\xebR\xa9\xd4nW*\xa8b\xe1*k\xa9\xb2J\xa8\x80U\xbfu\xcd\xb8g&amp;\xbe\x0b\xe1\x82\x0e\xf4\x1e\xdf\x7f\xfe^\x10\xd1\xe8`\xff\xb4\x0f\x98\x08\xc5\xa8*\xd7k\xb7\xfa?\x8cl\xc3\x11\xf5\xda/e*4M\xa9\x96\xaa\xca\xa8\xa6\x91\xd8\xf9t\x8e\xd0\xdd\x87\xb7\t[\xfbt\xf8\xad\xa0\xa0Bh\xa8\xa96\x8f\xbaMWZ\xad\xf6V\x07\xbdzL\xd4og\xfe\xcc\xbc\xeew\x88\xd8n\xb3&gt;\xce\xb2,\x92Y\x18\x1f\xce\xa7t\xeb\xd3}x\xf7\xe9\x9d\xcb\xfd\x1f\xd2\xac\xd1S\xec\x03To\x93\xce\xf4;\x98\x1a\xfa\xa5\xab\x9b\x1bd\xfd\xf0\xe6\xe6\xbe\xdel\xfe\xbb\xb4\xf5z\xab\x94\t\xb3\x9c\xc5Y\xaaIR+\xf2}Z\xd7\xb8\\DY\xbb\xaf\x91\\\xba\x90\x10\x0el[\xf5x*[\x9d\xce\xaf\xaf\xff&lt;\xb9\x87\xdd\x10\x03\xd8\xcd}\xb3yR\rg2a\x1f\xc7y&lt;&amp;\xa9\xa5\x91\xc8\xb7)^\x1a!\xa9\x7f\x8e\xa5(\x1c\x1c&lt;\xb3\x9f=\xf1\xd0\x95v\x9b5\xef\xef\xffO\x05\xbb\xb9\xa1\xc8Y\x1d\xed\xf3\xf9h\x0e\xea\xda\x1c\x17\xfe\xcf\xd3\xbdT\xf9\xf1\x1b\xbcu\x00\xacg\xbf&lt;\xe1\x1a\x95\nM\xea\xb8i\x82\x08EblWC\xa0\xa0/{X\x82eQ\x14\xa9\xf1\xcc\x94\xb1\x0e\xbf\x81J"XO\x9e\xcc\xb3,\xa5\x12%hYl\xadG\x86\xc0\xadV\xbbWC\xecLS\xa5(\x96\xf3\xb14GQ\x14\xda\xd1\xc9\xedT\xb1\xdc\x87\x9f\xf5\xb1\xc2\x82\xb2y&gt;?\xcf\xa9&lt;\xa8\xca\x16;\xfb\xb4]\xdaz\xf1b\xab\xd4^\xaa]!\xd5U\xd5\xa48\x96\x9dei\x8f\x87b\x98\xd4\xc9\x97\xe9b\xb9\xbe\xa0\x82\x02J\xb5\xb8\xb91\x16!\xe4~8\x0b\xdeZ\xea\xd5X\xc4\x8e\xf3p4\xb8X\x9a\xf6PhC\'wS\xbe\xefvW\x87\xe8#2\x90\x9b\x9f\x9b\xe3H\x1d\x97-\x8e\x9d\xeda\x96/\xb5\xda\xedA\xafV\xe3\xc0B#~4;\x07.\x0f\x05\xae\xbf\xa6|Y\xdd\xfd\xee;\xc38\x84\n\\\xb3,\xc7rx\xe4\xd8\xb9\x1a\xe1j\xb7{H-Tw,D\xe0\xd0\xac\x8f\x1dG1\x95\xfa6\xed[\x9e\xae\xcf\x98\xca\xe1!\xc0p\xecBm\x96\xf5x\xf0\xc4\r\xd9\xe1x\x88\xa0\xc92\xc4B\xf4\x90\x17\xe0\x10ErJv;\xed\xcb\x94\xee/MU%\xa9E\x8c\x85?h\x8f%\x0b\x98\x8f%\xd9T-Hi\tO\xf2\x18\x0cE\x02\xd5k|F\xf6ef\xca\x86\xe4b(rHf\x8d\x0f\xca\xe0\rJ\x86~\x8e&amp;5\x140b\x92!I\x8e9\xfe\x08\xa8\xc2\xbep\xa3\xf1\x13\xb0f\x8e\xce\x19\xf2\x95\x9cG\xc5\x0b\xed\x85B\x91\xd0\x04M\xd3\x04\x9b/c\x1a\xe5y\x87P\xa1\xcc\xd3\r_%\\\xa94 \xd3\xee\xa6~!\xf6\xddy\x84A\xfc\xe6\x897\x80e\xa9\x18\xd8\x05\xc3\xb6\xedr\xb9l\xa9\xe4m\xc1\x91\x14\x1c\x05\xcb\x8d\x07\xafT\xfdh\xfa\xf7t\xcf\x19\x13\xd1a\xd9yv\x0e\x05\xc0\x92\xc9\xe6\x07O\x98\x1e\xf3\r\xed\x19\x99\xee\xf3\xc1O\xb9\xdc\xee\xeen&amp;\xd7\xa8\xfe5}\xac\xc3\xeff5U\r\x87}&gt;vv\x01\xe5\x00\xe9\x8fD\x03\x13z\x91\xafF\x1a4\xf2\x1c\x8eZ\xda\xcd\xe52++\xbb\x99\x0f\x8d\x9f\xe1\xad\xc3U\x13\x8b\xcb\x17^\xc6W/\x13.\x16\xaeC\xe5\xac-\xd4`\x15\xbc\xc2pT\x06~\xda-\xad\xac\xac\x94r\x1f\x1a\xd4\xcf\xc0z\xe5\xd0a\xba\x11^~\xb4\xf0\xa3-&lt;%\x86\xdf\x97\x96\xf0\xb3\x04\xaa\x95G\xaaL.L\xd3\xf5\xe9\xffG\x12\xc1\xaa \x84c\xa8\xa5\xe5\x1fFh\xfe\xcb\xcb\xfd\x87\xb4\x99\xdfq\x00o|bL\x9e\x98&lt;1\tiM\xb4\x9a.\t\xdb\xc1A\xa32\xb8\xcbr\xa0\x81H\xee\xb8\x15\xb5\x94\x16\x85\x10|V\x93\xd4D\x9c\x9e\x81\xd6&amp;rLh50\x84\x1e\xa6\xf6\xa8D\xad\xf4\x82c\xc1\xe0\x8aH\x940\xb4\x9b(\xea\x86\xf5\x8fvV\xad\xdaUZ\xed\xaf;\xfbcm\xf7\xf9|\x9f\xa4\xdb\x8d\x8d\xbb\xdd\xd5|b\xb5\xff\x14^}\x7f?\xdf\xcf\xf7\x9b\xfaXD\x19\x0cv\x07\x04eJ\x16~\xff%\'\xfb\xab/\xd3\x90\xd6\xc1\xfcFp\x1dn(i\x00\xc7\xb2\x01?\x88\xa7\xc4\xe00\xd8\x93\xa4\x8a\nH\n\xaa\xba\xba:7/;-i}z*\xaf\xa4\x01;\x0b\x0b\x18\x0e\xcc\xc7\x81\xc5\xa1***\x9a9\x96\xc9~\x11\xee\xcey\xd2\xaf\xae\xed9+\xf3\xea\xa7\x95y\x90S\x03\xc72`\x17\x99Lm\xf8\x81\xaf\xd2f,T\x99N\x9aN&amp;\x8e7\xc0\xf1\x93\x9d\x06V\xd3\xd5O\x0fV6\x92N",\x87\xc3\xd4VZj*M\x16\x9a@U\xc1\xb5\x96\xfd8\x8e\x8c\xec\x8f\x9a\xd2\x91\xd6\xc1S\xdab\xe8\xa5Z\xc3rm\xed2\xb8\xda\x10\x06\xa2\x94,\x852\x9d\xb4\xe3\xe6\xc8\xcd\xf9[\x9aX\xf9\x8d\x06\xe8o\x10\xd5\xd6\xd6\x92\xaejkk+\xc5\x17W\xa6\xd2\n,\x93\xbd\xba\xa1\xb1\x11\xee\x18\xe9`\xfd\xd1\xeb=X\x99\x87\x9b\xcf\x01$\xb4\x11\x15\xa9d\\\xa5\xa5\x15\x08\xb3\x1bJ\x1a`\xdeJ\xa5\x9fe\xa6\x85\xe5\x85\xbdH\x86\x14\x89\xaa\xcd\xf1\x1f(\xae\xbb\x8e\xfd\xe68\xecW\xbc\x90\xe5\xfc%s_ZX\x96\xfc\xc6\xe2\xe2ZR\xdf\x8e\xaa\xb9\x94\xdb\x88\x80\xb2\xa7T\xd2\xec\xabi`]\xf5z\xdf\xb7Tj\xc9qS\x828G[j\x0f\x92\xfa5\xb0\x8e\x1d\xb3\x93\xd1\x06\xe7y\x1e\\S\xd3\x91\xd6\xd5\x9f\x1c\xb5XNYy\xc5\xa9\xaa58L\x15D\xf5[x\x91\'\xca\xec\x86\x06\xdc\x830\x1d(\xb8\xe8\xa4\x81\x95\x99\xf9\xd9Q\x0b\xb8\x94\x14!\xf1tP\x8d\xe4)\xb7\xe6\xd4 \x05\x14\t\xaa\xb1\x91\x07a\xe5\xa7!\xad\xac\xac\xa6k\x1f\x1dm\xb7\x90\xb8P\xc4\xe3\xc1\x17^#\xc0\x1c\xd8\\m\xd0R\x06\x03\xe9)\xc2\xe2QZL\xeb\xc8\xb3/\xf76\xab\xb3\xcfn~r\xb4\xbdW.\x97+\xb5\xa8R\xf1\xf4&lt;J\xc5\xa3x\xba\xe2a2\xc0p&amp;4\xe2h\xe7aQp\x87\x85\xb8.]\xfezO]g_\xfd\xe2\xd1\x07\xed\xed\xbd\xbd\x16\xb9\xdc\xaaU\xe9\xf5&lt;\x95J\xafRQ\xc4U;&lt;&lt;\\\x0c"x\xf3\x08(*\x17\xee\xd4\x14Ei\xb5\xd2#\x97.\x9dy\xd6\xb4g\x0b\x99\xd5\xf4zm\xf3\xa7\x1f\xb4\x7f\xd1\x0e2\xb9\xd2\n$0q\x9fT&lt;\x84\xe1\xa2R\x14\xe6\x94\x0b_I\xe5is\xb2/\x1d\xb88\xf5z\xaf&amp;}V\xe6\xd9Wk\x7f\xfd9\xa6\x052`i\x0b\x8b\n\x0bU\x85\x88RQ\x94J\xcf\xf5\x1a\xa8td\x011*\x15&gt;\'\x9b}\xe0\x97\x89\xa9\xb57p\xe9\xda\x8b\x7f\xb7\xc9lzS\xbf\xf6\xe8g\xef\xb5Cg\xc9-\x16\xb9\xd5UT\x04.(`\x15\x16\x15Al:\xae\xc0\xc5\xad \x05^h\xfa#\xd9\x89)\xe7\xfa\xab?]{\xd7?\xd1\x9c\x85OJ\xbd\xb9\xe3\xaf\xbf\xf5\xc9{ "0p\xb98\x16\xa1\x15\xea\xa1\xcaqj\xe8\x92i\xc1\xcar\xac\xec\x9csN\xb1\xb3u\xed\xe9\xf5\xe7[\xef6\xb0\xf9?\xbf~e\xac\x1a\xf1\xaf\x1d\xf0r,\xa5\\\xa9T\xa6Xz=\xa2\xca\xcba\xe6\x17\'\x03\xe3\x91\x16\xa3\x08Kz\xf8\x85S\xed\\_o}\x19\xdc\x9d\xcfz\x87\xdf\x8b\xda\x8e?\xed\xea2\xd6\x8fx\xd6V\x08\xab\x0ea\xa7\x94V\\E\xfcEP\xe5\xc3\xc3\xc8B\x18\xd7\xf8z\x1eO\x05oq\xa5\xd2\xe3/\xc4!\xb1\xc7\xb3&gt;\xd5c\xde\xd8\xdez\'O.B\xa3n=\x18\x98\xbb\xd5e\x84\xb4&lt;#;^T\xd5\xd5\xa1Li%\xae$\xaav\x18_\xb8\x88\xbc\xb7\x05\x8b\x98\x97\x93\x93\x93\x10\x87\xd4b\xcf\xbag*h\xce\xe8\xde}&gt;\x9f\xf9ca\xd0S\xf3\xcf\x9f\xd0\xb6\xa1o@U\xe5\x87\xbf\xf1\n\xc7\x02\x98R\x89\xdd\x85\x95ba\xfd\x0bEAV\xb0Es`\r\xd5\xc0r:\xc5/\x03f\x91F\xd3=~\xefG\xc1\xb0\xd1\xe7\x1f&lt;\xb11\x12fh\xa2\x8a\xb0\xd4\xad\x9b\x10\x17\x86UW\xa7\xac\x03\x16q\x15\xaa\xc0EP\xc5\xa4\xb7x8`\xc9N\xc4\'\xe9\xad\x89P$$vz\x9c\xa11\x8dF\xa8aEB\x16`?t)\xe1\xcfm=\xbf7`\xa3i\x19\x9fO\x07\x9ev\x81kD\xad^[\x91s\xbd\x052XE\x1c\x13*\x15I\x8bs\xe9\xdeN-\xdc\x8b0\xb8\xac\xb9/\x08\xcb\xa9\x8eL\x02K\x04%\x14j6\x1e\xfc\x90\x1eK\x05EC12\xbe\x82\xe1\xafB\xcfW\xf9\xc5\x11\xf1\x8eT\xce-#\xeeEP\xe1@EVy-\xca\xca\x8buI\x93\x16\x16Q\xa5*\xd2j\x13\xeaPH\xed\x14\x8b\xd5/\x83\xc0\x12\x8aX\xa0\xb1\x1d\xdd\x1b\x0fp)\xb3\xfe?TV\n\x05,\t_!a\xa2\xb8\x17!\xae\x88s\xc7b!,%\xe9.-\xcc,=\xe7\x02\x99.\x19\x96\x16G&lt;\x17\xd6\xe1\xa9PD\r\x8d\xa5\x0e-\xb4\x085\x02\x8cK\xc8\xba\xdd\x01\x80\x91\xa5\xcc\xfa\xfe\x03ak\x9b\xac\x1e\x90\x18\x19\x94D\xa1\xa0\xcd\xab\xc6\xae\xae.\xbf\'\x14q\xde\x82\xfb\x16\x90\xea\xb8\xb4\x8aT\xc9\xb4 .(\x9d.y\xee@\xbfsK\x08a\x89A%~\x19\xab\x11\xb0\x17\x90\xc5\n\xdcQwGGww\xff\xee\xf6\xd6\xf7\x9b\xfc\xd8R\x80\xa2\x93IA\xc9$\x12E\x81\xcc\x86\xdd\x05.q$\xe2\xd9\x91*\x93\xc5Mz\xbd\x9e\x9b\x11\x9cL\xaf\x03\x0f\x19\xf1Zm&gt;\x95H\xaa\xd4\xe2U\xb3\xbbFtA\x08\xcb(\x02V4\xd0\x81\x05\xf3b\xeb\xbb##}\xbe\xbb\xd1\x97\\?\xae\xb5$|XE\xda7q\xc7X\xd5e\x84e\x8c\xb4\xee\xe4Z\x95.\xa5\x12G\x97\xcb\x95d\xa5d:\x9d\x9e\xeb)\xb8\xd3H\xa9\xc4\x14\x19\x0e\xf0i\'f\x16\xb4\xb0\x02`\tY\xa1;\x1aDW \x10H5\xd9w\xf6y\x1f\x14\xc7\xb2\r@\xd1&gt;(\xbe\x82O\x17\xacB\xcf\x1b\x8d~q(\xd4\xbaS\r\x9b\x90\xcb+5QQE`z\x9d\xbe\xc8\x8a?\x9c\xa1\xb5RvTAcE"S\xab\xac\x06Y\xa2\x0c\x8d\x88\xb0z&amp;G\'\'{b\x81@74\xd9\xf6\xff\xea~L2s\xfb\x1eAq,\x1bQA\x8f\xf5\x8f\xcf\x8d\xfb\xf8\x0c\x1d\xb8\xd552b\xc4\xe9%n]Oh\xadx\x8f\x90+]oO\xeb$M\xafB\x95\xcb\xa5\xd5\xea\xecp\xea\xa0*\x14\x89\xecD5\x1a\xb6\x85\x8d\x06c\xe1X\x10L7\x96o\x8cN\xf6LO\x07\xd1\xd5\xdd\xb7\xfb\xfc\xbf\xc2R\x93\x93\xeeK\xb9l\x03\x1b\xe3\xe1p\xf8\xca\xe3+K3+\xbf[\x98\xf31L\xf0\x0e\xba\x8c0\xec=\xe8\x92\xc3}\xd0"\xe7\x0el\x92\x99\n\xef\x11\xf0{+\xd9\xa2T\x89\xfd\x85Z\xcdm\xc2\xc8\xd4\xb4\x08&amp;|`fatzii\xba\x07*\x18miiqw\x84cn\xb6\x1b\x0b&amp;\xd9\xb7\xd72+\xd9\xe6\xa4\xbfmDE\xcb\x86\xc2\xb7\xe3\xf1\xf0\xec\xec\x95x&lt;&gt;&gt;7[=3$\xa3\x15\xd0^\xe8\x823{\xa4\x1e\\\x16p\xc9\xeb\x80U\x94\xba\xe1@^\x85E.\xe5\xa9J\xab\x95\xd2\x95$\xd4b\x98\xeeb\xe8\xc6\xc8\xaa\x80\x15i\xa23K\x1d\x19\xe6\xe8B@(\xa8i\xb91\x1a\x05X\x8dy.\x8a\xae\x8e\x8c\x0cs\xdf\xbf5\x19\xae\xdd\xd6\xf6\x83\'\x90\x14a\xf9d2\x86\xb6\xf5\xc7\xe3\xb3s2f\xfc\xf1\x06-\x93\xc1\x91\xe8\x9b\x1d\xeb\x97\xd1L\xc6\xc4\x9d*\xb5\xa7\xcaX\xef\x1fA\x97\xb4\xfd\xe3\x8f\xc1\x85\xd7\x88B&lt;\x83\x08\xae\xc8eEV&gt;\x95\x0b*8r0\xab\xc8\x02\xa8D\x82\xc1E\x8dF\xc0.u^\x8a\xba\xdd\x93\x9f\x9f\x18\x8b\xb6D\xdd\x82\xee\x00LY\r\xcb\n\xf7\x03,uZ\xc2\xda\xe1\x8c"\xbd-\x911\x0c_\xa1`\xfa\xe7\xc2\x10\x12\xad0\x0f\xcd\xdc\\\xec\xc7#\xd1F\x87\xc7\xfa\x19\xf0\xfaf\x9f\xb6\xaa=pl\xfb\xfd#\xf5k\x9b\x1f&gt;|\xf8\x10\xf3\xe2NlR\x85.\x08\xcbby\xbf\xf2\xc3\xcd)8qp\xbaG"\xb7\xdc\xfb\xf7\x0b5\xd1\xe5p\x86\xe6B\xec\xd1\xcd\xcb\xcb\xd1\xa8\xe3\xfc\x89\xb2\xe5`K\x8b@#\x89\x85\xcdBw\x8d\x00\\\x08\xc3\xee\xdf7\x0f#\xca\xc7\xf7A\'\xc9\n$\x0c\xce)[\xfc\n\xac\xdaX"NK\x02\x89\xce\xce\xa5~\xda\xc6gl\xb3\x0b6nw\xde\xff\xc6\x19\xf2\xc0\xa0\x80\xc0\xfck\x9b^p\xf5r.\xa4\xb9\xb0\xea\xe4\x96v\xaf\xd7\xbb\x02*1\xa0\xb0\xb1fY\xb3H\xa8\t\xce\x04\xdc,\xbbp}\xe6LYb\xf0FOsY\xd9\xb9\xc9\x9a\x1a\x91\xb9ctNP\x83\xacC\nH\x85~\xb2\x9d\xb5o\xc0\x86\xfb\xdfG\xd3\x03\x92\xd3\x90\x8a\xcd\xb6\xf18\xde\'\xeb\x1e&lt;wfs\xdc7z\xb1\xb3\xb3\xf36\xecA\xc9\xc0\xd2\x95$\xcb\x06.\xf5\x88\x11\x0e\xa2z?\\\xa2\x17\x7f\xff\xf0\x8b\xde\xde:\xbcL\x00\xcaJ\xceJy\xfb\xaf\xda\xbd\x90\x15A\xa1jubb"\x16\xe8\x88\xcdt\xb35\xb7\x1f\x85\x03\xcb\'N\x9c\x9b\xe9\xe89_Vv~\xd0-2k\x06\xc3\x02P\x892\x0e)\xd0\xa5`\x9e\xec\x03\x88\xcd\x07\x03\x93\xb1\xc9N\x1f\x92\xd0\xf4\xf8\xe3]Z\xa2\x08&amp;\x00t}|\xec\x0f\x10\xd7f\xb8\x80\xcf\xc4\xafo\xd0\xf4P\xff\xfd\xfbw\xef\xde\xbd\xffw\xa7\xba\xb5\x8a\x9c\xdc\xfe\xfa;\xe8\xc2\xf7g\xb8\xf9p\x8e\xc1\xed\xa2\x176\xe8\xa6\x9a\x98@\x15\nMg\xb0l\x0cd\x13\x8bs\x19\x81\x95\xc5\xa5\xa5\xb1\xcf\xcbN\\\x9e\x19l\xc6\xff\xe7\xe9F\xc0\x1c[\x0e\x93\xb02\n\n\x00V\x000d\x91Q\xce\x970\xa7O+\x98\xd8b\x9c\x96\x99\xddcK\xd37\xbf~\xf6\x8f\xa5\xa1\xe9\x7f6i&gt;\xafm\x9ba\x1c7\xc2\x089\xa9p\xc0\x05\x95\xbc\x07\x81\xfe\x83\x1c\xf7\xe3=\xe5\xe4\xddF\x8f\x13\xec\xa2\xb1 \x9c\x1em\x10&amp;\x86A\x0fSu\x19\x18&lt;|\x18\x18U\x82\xad&gt;\xc4x\x15\x08\x13\x870\\\x83\xb1\t.\xd8)\xc5\x8b\xd34K}(d\x0b]Vh\x0e\xfb&gt;\xaf\x9c\xb4O\x12\xe1\xc4\xc6\xfe\xe8\xfb&lt;\xef\xf7y\x1e\x08\xe4:9\xcc\xf9\xc3@\x10\xbdy\xfb\xd6o\xae\xe4\x17[\xdb;\xd4!\x01V8\x9d\xfc\r.2\xb0\xbb\xd4&amp;i\xe2y\xb8y\xef\xc3\r\xd5\xfa\xea\xb3W\xd4\x9c3\x96]iO\xfa\xfb\x8b\xc9\xa1\xdd\xae\xd7\xa7_&gt;z4\xf4\xe2\x1f\x7f\xf8\xba\xd3nL\x8ejr\xcb\x945)Gd:\xb8R4 \xe4t]]I\xab\x8ec\xb8\xc7\xd1JVW\xe2a\xb3\xd9\x7f\xf1\xe4\xe5\x7f\xfe\xe8wp\r\xfd\xc1\x8c\x90|\x18&gt;N*\x0e\xc0\xe2\xec)\xe4"\xae\xfb\x85\xc2\xec\xb3\xaf\x12\x03#\xad\xee~\x0f\xaa\x93g\xeb\xab\xc9\xd7*\xa8\x18\xa8\xa8\xe7dX\xa3?\x12\xe9\xb4\x8b^\xe7\xfc`\xba\xcb\xeau\x9b\xc5\'A\x8d3\xb3\xd8\x92%\x8e\xf22\x88+\x95\xc5\xd8\xa2\x1a\x8e\x94[\xcb\xea\x8e\x13\x1f\xfb+i\xc7;\xef\xcfG\xd7/_&gt;yr\xdd?:\xf8\xe5\xd1\xf9\xe2$h\x96\x84}`\xa0(\xa9k+\xcdE\xe1&gt;\xe4\xdaH\x12\t\xae\xef\x1e\xd2\x7fl$\x9b\xda\xe6\xf9\xb3\x84h\x95j\xfe\x96Ja\xac\x12E\x87\xac"\xf2\xb9X\xec\x93\x9d\x9a\xf2t\xda\xd6L\x9bs\xb3hjR\xf5\x06KL-\xba\xe1\x18i\x95Kz=\xac\xe5\x0ck&lt;\x1cw&amp;\x97\x97/\xde\xbf\x9ft\xfd\xc1\xd5\xe2\xcd0\xc8gK4\xe0\x88)\'\x9d+e\x9b\x0b\x81Ej\xed\x14vN\xff\x81`\x9b\x10k\x13q\xe7\x82\xd2\'\xb8\xe0\x0f\x94A\x19\xe5,\xd4J\xb88\xb3m\xdbe\xae\x9dQ\xec\xfa4\xb4\xe5\xddz\xcf\x93$\xb3\xa8i-M\x12\\)\x15c\x8bnp\xc7\xe1\xbai\xaaR=vY&lt;i\xea\xb0\xd0|\x14\xed5\x0e\xdf"w\x83\xf9c\xbfKZ\xa5U\x04\x9d\x95\x12\xf4z\xbd\xb1AX\x94\xc6\x9d\xd3\xd9\x83\x07\x84\x05.$\xf0\x86\n\\\xaf$H%\'\\\x19\xe8\xd6\x88\xfaA\x85\xd1/\x19V\xcdx\xd3\xa9g\x99\xe6.:QF\xe3-Iii\xf0.C7Ri!\x96.9\xf8s\x91s;\xee\x8c\x1a~\x9e\xf3|\x9e\xbbv\xa5\xd6\xd4u\x7f&gt;\xca\xd7\x82\xa0KX\xcb\xc0\xf8\x95\x15\\\xb4w\x10\xd6\xce\x8eX \xef\xde\xbds\xbe\x95\xd4\xfa\x92\xcaR\x12*\xe2\x80Z\xe8\x8a\xf3(\x1aU,t\xa2\x8a\x17\x86u[1aY\xb6\x8d\x17\x80Hi\xd1\x15\x91\xcaq\xae\x93n\x90\xcb,r\xb9\xe5\xc5\xc7\x03\x17\x05h\xc3\xf8\xdcl\xce\xc8\xf9\xf3\xf9\xe3\x15\xb7\x11\xf8"}\x10\x8b\xa6\xaf\\\x0e-)\xd1K\xe4\x11Q\x9e\xdd\xdb\xfc\xfc\xe4bK\xe8\x94\xfc \x83\xa02o\xb9$\x86\xa1F\xaa\xcc\xfb\xfd\xa3A\x1cN\xa7=\xce\xe89\x0b/\xc19\x04P\xb5\x85)\x11\\\x1a\xb0\xc0d\x18\x86S\xe5f\x8b\xcb\xa6\xdd\x1b\x87\xa1\x07&amp;\x9e\xe5\x18\xfdV\xfcA@\x13W\xadF\xe5\x0e&amp;U\xa8\x85P\xd5\xe6\x9b[.\x80\x95\xcbg\xb3\xd9\x195\x1b\x11\x00;\xdb\xb7\xe4\x04j\xa9\x96\xdbp+.\xd0P\xf5\x9e\xe7U\xc0\x84\xbc\xdau\x0b\xc3\x97\xe7\xf5\xb0y\xc8\xad\xaahA\x99\x14ieH\x0ea\xb5L\x0ed\xb9\x1e\x86a\xaf\xed\xd6TI\xcd\xfa{\x11\xdc\x1d\xc9\x03T\xc2\x95V\x93&lt;\xea98\xdd\x9bw\x1b?\xbdN\xb8\xd0\x8b\xca\x85\xf26\xc5\xea\xb6\x00\x9b\x8d,\x91@\xd2\x03T\xc2\x1f\x82~#\n\x1a#&amp;\xd9\xcc\xc6\x9a\xe1\xd9\x98\x04\x8f\x07\xd3p\x1c\xf6\xbeh+\xa6\t\xf7\x82}iJ\x8a\x98(\x9bR\x95W9\xb0\x14\x99\xd9\xbd\xb0\x13\x1e\x1d\xc5\xbd\xe0\xf2r\xef\xaf\xfcJ\xb7Y*5\x9b\xb5C\x1a\xea\x85^\xeaR\xb0t\xe9\x10\\\xcb&lt;\n*p\x95\xb7\x04\xdb\xd6U\x85\xa0L\xd9\x16T\x10Ka\x8d\xe7\xcf\xfb\xc1\xe1\x88\xb4\x00\x00\x02sIDAT\xd1\x9fHa#\x17\x0e\xe2qg~\xdc\x88\xe30\xeet\x0e:a\xf8m\xcf\x15XP+c\xa6\x0c\x82\xa2:\xabJ\x1a\xe7\x16\x13\xbb\xa5\xdb\xc6\xd8\x18\x86\xc1\x9e\x9f\xcfw}\xdc_\x10\x05Q\x9f\xaa\x8b\xc0\xd27\xf5\x95^[\xeb^-\xd5*\xe3{\x19Du\xb1o)\x96|\x13\xc2\x1e2\xcc=lD\x14\x939\x0bO\x805\xfcf8\x1d\xf7\xa6a/\x0eq\x16=\xbb\xd8j\x99UEB\xe5\xa7p\x04q\x86\xc1\xe5\x00\xcb\xee\xb4{\xde\xaeg\xd9\x96!\xe5\xf4\xb4\x18\x97\'\xd1\xa4\xdf\xff\xb7\x1f\x1d\xfd\xda\x15\xdb\xd9\xb2\xba\x12.u\xad9zGr\x15\xee\x7f\xa4*\x93T\x19E\xf9\x84\x8aR\x98\xc1\xfd\xeb:gne\xee\xb2\xfa|\xd0\xf6\x06\xf3\xbaW\xafx6\x90\xa9\xe0\x8b\xc0"\xb1\x98\xd9J\xe9\x8e\xa2)JUs\x1cGR\xeb\x07Pvz&lt;\xec\xc4\x16\xf3\xda{{A0\xde\xbb\x0e\xa2\xeb\xebI\x14\xcda\x11\xc2Lo\xb8r\tX\xf6-\t\xb6A\xe3D\xe1\xbe\x90l\xf5\xc3~FP)\xcbr\xcf\x88\xc0\xe7\x01\x0c\xb5\x0c\xbbd\xe2\xaa\xe7,\xfap\x92\x12}\xc0$,\x90H\x9aYL\xe9Z\x15\x05\xa5\x01K\x93jHs\xa73=&gt;\x19\x8e\x1b\xeexx\xf9\xc7\xf5\xd1\x18\xe5\x85\xf1\xab\xdbm6\t\n\t,\xa9\x1f\xeb&gt;M\x8fH\xb0\xd7\xa8y\xe1\xac;\xe5\xed\x9fg\x95\xa4\xdf\xd0\xf2%\'\xbb}F\x83=@.\xa6s\xe1\xe2t\xce\x04^KShs\xa4; ,\xb0HLn\x15S\\\xab\xe2\xb1f@-\xce\xb1\xb8a\xf6\x8f\x07\xe1\xb8\xd6&gt;A\xfb\x81\x89\xfa\xcd4\xf5g\x94\xd1r\x93\x15\xf5EXt\xa1\\\xaa8\xb0\x8bw\x05\x01\xf5t{\xfd\xb7W5F6\x9e\xec\x83B*\xc1ERI\x06z\x0b.\x82J4?S\xa9\xcarU\xc8J\x1dR`\x81/\x85Z\'.G`q\xb2Xf\xb1\x8a\xcb\xdd\n\x0e!F\xb14\x8d@\xa5\xc4!\xb2\xcb\xb6\xa8\xe2\xf7tI@Q\xf9\x83\xb4txuZ.?\xdd\xde^\xff\xb0\xcft)\xc9\x9a\xa2\xdc\xe4O\xd4\x0e\xbd\xb7\x91\x00\xdd\x86\xce\xccD*Y\xb6\x81E$8\x87\xc0\xd28aa\xa6q\x1c\xc0K\x94\x7f&lt;\x85;ayZ\xf51\xf3\xc0\x070eP\x93.\x95\x96r%\xd9#\xaeD1\\J\xa3\x19\x9ca\xfd\xa2\x81\xb6!-\xb92\xb7T\x92\xa0\xc2{\x1b\x9f\xe6\x10\x17NLU\xb8\x95i\x12\x16U\xb8\x02\xc0\xff\x01\xb40?\r\xdc\x12E\x16\x00\x00\x00\x00IEND\xaeB`\x82'</t>
        </is>
      </c>
      <c r="M154" s="3" t="n">
        <v>45492.67738425926</v>
      </c>
    </row>
    <row r="155">
      <c r="A155" t="n">
        <v>552164</v>
      </c>
      <c r="B155" t="n">
        <v>1955</v>
      </c>
      <c r="C155" t="inlineStr">
        <is>
          <t>Yago Felipe</t>
        </is>
      </c>
      <c r="D155" t="inlineStr">
        <is>
          <t>Yago Felipe</t>
        </is>
      </c>
      <c r="E155" t="inlineStr">
        <is>
          <t>VOL</t>
        </is>
      </c>
      <c r="F155" t="inlineStr">
        <is>
          <t>VOL</t>
        </is>
      </c>
      <c r="G155" t="inlineStr">
        <is>
          <t>VOL/MC</t>
        </is>
      </c>
      <c r="H155" t="n">
        <v>174</v>
      </c>
      <c r="I155" t="n">
        <v>20</v>
      </c>
      <c r="J155" s="2" t="n">
        <v>34732</v>
      </c>
      <c r="K155" t="inlineStr">
        <is>
          <t>Right</t>
        </is>
      </c>
      <c r="L15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0425869-9941-485d-b988-3941b1eae4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N\xe5w\xa7\x00\x00\x00\tpHYs\x00\x00\x0e\xc4\x00\x00\x0e\xc4\x01\x95+\x0e\x1b\x00\x00\x03\x00PLTE\xff\xff\xff\xf8\xf9\xfc\xf3\xf4\xf9\xf6\xf7\xfb\xf9\xfa\xfd\xf7\xf8\xfa\xfc\xfc\xfd\xff\xff\xfe\xf4\xf6\xfa\xfb\xfb\xfd\xfe\xfe\xfe\xee\xf0\xf7\xf2\xf3\xf8\x05\x05\x04\t\x07\x057&amp;\x1c1"\x19&amp;\x18\x0f\x1c\x13\x0b-\x1d\x14=*!\x02\x02\x025#\x19- \x17\x1f\x14\r\xf0\xf1\xf8\xec\xee\xf6\x18\x10\x0b\x0f\n\x06*\x1a\x11\xf6\xf6\xfa\xe9\xec\xf5#\x15\rA.$\x15\x0f\n\xdd\xe0\xec;(\x1d\xd0\xd4\xe1\'\x1c\x14\xd8\xb6\xa0\xe6\xe8\xf2\xd6\xb3\x9c\xda\xdd\xe9\xe1\xe3\xee\xd7\xda\xe6\x12\x0b\x072\x1f\x15\x0b\n\x08\xabz^\x0e\r\x0c\xd0\xa2\x84\xe3\xbc\xa47)"\xd2\xaf\x9a!\x17\x112$\x1d\xd4\xd7\xe3\xcc\xcf\xdc\xb4\x82d\xe3\xe6\xf0\xb0\x7fadL@\xde\xb7\x9e\xda\xb4\x9d\xb3\x8ey\xce\xd1\xdekRF\xa5tX\xc3\xc7\xd5\xc9\xcd\xdb\xb8\x85f;-\'\xc6\x9f\x88[E:\xc8\xa4\x8d\x1a\x14\x10\xba\x88iG2\'\xd7\xb1\x99\xe0\xba\xa3Q:.K6+\xe3\xba\xa0P4%RG?\xdb\xb9\xa3\xa2~k\x8fm[\x9clQ\xd6\xa8\x8e\xbb\x8bp\xe2\xbe\xa9\xa7w\\]J@\xc0\x8em\x1b\x1a\x1a\xc4\x93t\x7fT?\xab\x86q\xcf\x9e~\xc6\xca\xd9\xd9\xac\x91\x97hNF5-\xdd\xb1\x91hC0\xb1\x8at\xdc\xb1\x97\xd1\xa6\x8b\xfa\xfa\xf9W9)\x91sc\xbe\x8bi\xaa}e\xa1qU\xe9\xc9\xb5\x12\x11\x10\xc6\x96zRA8!\x1f\x1eA2*\xe6\xbf\xa5\x80cT,(\'A)\x1c\xa1\xa6\xb5\xbc\xc0\xcf\xbf\xc4\xd2osw\xca\x9d\x81\x89]DxZL\xd6\xae\x95\xc4\x90mL0"&gt;85L&lt;3\xe0\xb5\x97\xc9\x9a{\xbc\x95\x7f\xdc\xad\x8a\xd7\xa8\x85\xa6\x83n\xad\xb2\xc1\xbe\x90u\xb7\xbc\xcbG91\xb9\x90xG- wO:\x16\x15\x15qJ6\xcd\xab\x95&amp;%$\xc9\x95s\xc2\x93z\x9byf\xc3\x98\x7f\xd2\xac\x94y\x7f\x87\x98tb\xf6\xf7\xf6uz~\xe2\xb7\x9a\xcd\x99w\x83YE\xb3\xb7\xc7\x88gWrYK|_Ohlo\xe5\xc2\xac332\xca\xa7\x92\xe1\xe3\xe0QTS\xbf\x9b\x841-,\x99pZ^=,\x89n`W?3\x91dL`B4\xb0\x83j:1-\xf5\xf4\xf1\x88bM\x87\x8c\x97\x83k]\xb5\x88msUE\'!\x1fjZQ\xe7\xe5\xe49!\x15\xb5\x93\x7f\xf0\xf2\xf0\x90bH\xce\xcf\xcb\xa3ya\xcf\xa7\x92u_T\xa9\xad\xbc`QI\xdd\xbc\xa7\xc2\x8eq\xed\xed\xec\xd5\xa0~\x80\x86\x90\xe9\xe9\xe8\x93iT\x99}m\x93\x99\xa7Y]\\IKI\x99\x9e\xac\xa5\xa5\xa3lM=\x8f\x94\xa2\x91\x95\x91aee\xdd\xdb\xd9\xaa\x87z@CA\xa8\xad\xab\xeb\xd2\xc1H&gt;9\xd3\xd8\xd5\xbd\x9d\x93\x88\x8d\x89\xd4\xb4\xa6\x9d\x85{\xb7\xac\xa8\xb2\xb7\xb4\xf3\xea\xe4\xed\xdf\xd6\xdc\xc7\xbeyf[\x7f\x83\x83\x99\x9e\x9b\xbc\xbc\xb8\xbe\xc1\xc0\xd1\xc2\xbd\xafyp\x9eia\xe5\xd5\xcd\xbb\x7fv\xc7\xc9\xc8\x85xo\xaanf\xdd\xbb\xb1\xa4\x99\x92\xc5\xb5\xae\xcc\x95\x8e\xb4tZ\xd4\x0f6\xa9\x00\x00 \x00IDATx\xda\xcc\x99oH\xda\xfb\x1e\xc7\xf7\xa4_\xf8\x83\x9fM]%\xa8`\x11\x8e\xf3 \xff\xc4\xe6\x011\x0eLp\xbb\x9b;4:\xb7:?\x9c\xda\xe2z)RTt^\xd2\x07\xe9V\x8e\x82\x90S\xda\xcc\xe3\xc81\xd9Nx\xf4h\xa4\x96\xa0\xb1ay\x9e\x14L(\x92\x16\xc6\x95\x1e\xf4dm\x8fzx?\xdf\x9f\xed\x9e\xfb\xfcj\xdb\'\xfb\xa9\x8fz\xf1~\xbf\xbf\x9f\xcf\xe7KW\xae\xfc\x9f\xd5\x8c\xe3\xf8\x95o\xa9\x10\x10\x8e\x1b\x0c\x06\x0c\xde\xb0o\x84\rHh\x1b\xdb\x9f\xb7\xdf\x86\rMM\xe1\xc2\xc6\xb7\x81\x85\x87\x0b\x86\xf0i\xc5\xae\xad\xbc&lt;&lt;998?\x8e!\xbd\xbe2\x1b(\xd5\xf4\xb6z\xbco\x0f\xf8\xad\xda@ \xfe\xf2\xe3\xc1\xc1\xa7\r\x0c\x0b\xd3p\n\xee\xeb\xe0\xe14\x03\xadp\xbc\x17\xb5K\xac\x12\xbf6\xea\x978\xe2\x9e\xb8\xe7\xa4zT\xad\x16\x0c\x80\xfc\xf6-\xf6u\xb0\xc2\xdb/?\x04\xecZ\t\x9d \xfcZ\xad\x16\xe8\xa2\x1e\x7f ~x\xbe}T0\x1c\x9d\x1d\xc6@1\xfc\xd2-\x0c\x1f\xef\xadT\xfcZIkk+]\xeb@ttI4\xea\x0fD+\xfb\xf1\xc9\x83\xcf\x87\x87\xc7G\xb1\x8d\xcb&gt;\x9c\xe1\xd8Y"\x91\xf0\xdb\xb5~\x02\xb0\xac\xd1\x84U"\x91XE\xf0 \x08\t\x9d.I|\xf8x\xf6\xf1t\x1b\x1d\x82\xcb\x93\x0c7T\x0f\xf6\xa3Z\x89\xd5\xef\x07\x14\xad\xff\xc2K\x91\x88\x0e\xcf\x8b\x12%*\'\xd5\xea.\ro\xbe4,\xacp\xba\x1f\xf7\xf8\xfd\x90)\xbf\x84\xee\xb7\'\x1cZ\xf8b\x95\x00\x17\x88\x07/Tt\x89\xe38\xf6\xbe\xc9piF\x82X\x93\xf1\np\xf8\xb5V\x11A\xc0\x9b\xddn\x07*$U\xeb\xff\x94$z\xb8\x1bnj\xa2\xe1\x97%\xd6\xf1\x9e\x9d\x80\x88\xc3\xf9\xa3\xc3\x9f\'DV\xf8$\xfab\xe0_\\\x84d%\x06\x93\xe9\x92\xb8\xb0\xd8d\xc0n%\xe8\xe0\xa1D\xd4\xdd\xcd\xa5\xd3\xad\x01\xfb\xbd\xeeN\x0e\x9b\xcf`\xb09\x9d\xdd(b50Q\xe5s\x81f0\xe0\x97\xd2\x1c&gt;E\xedZ\x11\xea\x08\xf7\xda\xa5l&amp;G\x1bp8X\xac\xae\x85\xe9\xfe\xfe\xfe\xe9\x05\xa7\x90\xc7gs\x00\xb6&amp;\\\xf4t\x17\x83\x80]\xc6,\x9c\xdc\x87\xa8\x8b\x08\xae\x88\xd9.\x88&amp;\x1c\x81M\xa1\xd38\xea\xf3\xf9\x16GW\x8d\xfd\xd3\xcewB\x16\x8f\xc7\xe7t\x82\x8cD+\x118\xdc\x05#\x1b\xdf&amp;\xf0\xaa#j\x95\x10t\xd6\x02\xbb\x93\x0b\xa9\xba\xc72\xfa"\xee-\xb7;2\x0c`\xa3\xc6ig\x97P\xc8b1\xf8L\x00\x03\xc1\xfc\x87\xb10\xe8\xd5\xe0\x13\x89\xd1\xce\xfcv+\x9d\xdb\x95N\xf7\xb1\xd8\x82\xb6\xfeE\xb7^\xafO\xa5\xb6\xb6\xdc\xc3\x17\x8a-8\xdbX,\x16\x8f!evvs\x89V\xfb\xd9\xf6n\xd8@\xc3\x9a\x1b\xb8\xf8a\xd8\xfb\xb86\xc0\xed\x9e^\xf4\r\x83&gt;\xee\x140\xe9\x87\xa0\xf4\xa0\xd70\x94ott\xb5\xdf\xd9\xd6\x0e`\x02\x06\x9b\xc9\xec\x04\xae\x95O\x86\xdaf\xd18\xb16\xce\x1c\x9b\xa2Ncd+\x85X\x86,\x16\xcb\x10U\x96!\xbd\x1b\xd5\xf0\xe2\xe2h\xba\xaf\xabM\x88\xb8\xa4R\xe0\xa2\xb7ZW\xc2\x8d\xf5\x10\xa7\x1d\xed\xd9\xad\x9c\xb4\x1b\x14\xb2(,\n\xc5\x05\x15\xa2Cz!\'\x81k\xad\xa3\xeb*\xd8\xc8\x93\xb2\xd9l)\x87\xde\xaa=mh\xb6\x9aq\xc3it\x93\xb9\xba\x85dR+\x14j\xf8U :(\xe4\xe3\x96\x1e\x8c\x84|\x19\xfb\x9d-@\xc5c\xb0\xa5LH\x18\x9d\x88\x9e7r\n\xe1\x86\xd8~@`DTj\x85Z\xac\x16\x8b\xa9\x87X\x8d\x00-\x16H\xd9\x16\x04\x0e\xc5~\xda)D\xa9\x87p\xc1\x8bC\'\xe2o\r\xb4\xe6\xc6\xb5\xd2\x13\xab\xbd/\x8b\xa8\xd4\x80#\x87\x12\xcbe2\xf4Dl`\xa5\x9e\xb2\x11\xe4Zx\'\x14\xf2\x18|\x80\xba\xc7dw\x12\x92\x8f\r\x8c\x17v\xee\xd0\xb6D\x86\xf4\n1*D%S\x92\xa4*\x97\x93)\xe13r\x95\xe2BX\xa8\xad\nY\x0c6p\x01Y7a=k\x98\x8d\xf8n\xdc\xb1Y\x86X\xd5T\x02&amp;\x95\xcaD\xeex\xbd\xa4J)\x93SVZ\x86R\xee\x88\x0fz\x04%\x97\x10\xe4\xaa\x81q\x89h\x15\xc3\x1ap\xf3@7\xd4\x03\x87\xe3A\xc9\xa2@HH(\x95fG\xe7\xf5\x06\x83\xc0E\xe6rr9\xe5#p\r_L\xa1w\x94\x8d\x14\x16\x87.:\x01\x1b\x1b\x80\x85a\xb1\x8a\xe3v\x1e\xa2\x0eq\x82R\x92\x1a\x9d\xcd\x16\x0c\x85\x82\xc1\x1a\x99J.F\'R\x9f\xaa\x85~\x01M\xc7/X\xd0V\x03\xd5\x06\xb4T\xb8U\x84\xcf&lt; \x96\x18Q)\x952\x15\xb9\xb3c\x9b\xb1\x85l\xa1 \xfc\x00\x9f7\x87\xb0P[EX`\xe3t\x17\xc2\xfa\xc2\xc5%N\nX\x03\xc4\n\x1f\xed9\x1ce\x8b\x98R\nQ\xe9l\xae\x19\x97-\x08\x82\x05\x83\xb6\x90\x97\x04,\xaa\xab\xc2Q\\EX\xfdN\n\x8b\xcfg_\xc8\xb5\xdd\x80\xccc\xe1\xd3\xa8\xe3vV\x81\xb0H\x95I\xa3\xd1\xe8t\xb6\x19\x97+\x14D\xf1\n!\xac\x8c\x18\xc4\xdar\xa3&gt;\xbfjD\xe9\x82\x15\xe7\x82\x0b\xc8\xb8\xf4\x0f\x85F\x988\xe9p\xf4e\xd5T\xd45&amp;\xcd\x0e\xa8es\xb9t^H=\x95\xfb )3\x03\x17:\x89\xc8D\xa3\x91Z\xbd\x18\x0c~\xcdH\xd4\xbc\xce\xeb\xeeb3V\x8d\'n\xf4&amp;\xcd2\x19%\xd5\x8e\x0e\xc4\x82l\xe94;\xa4\x8a\xa4"O\xe6dfh\\)\xaa\xa1\xa2\xc3\xb8\x80\x8e"\x14\xc2b\xb3\xa1\xd7\x9f\xd4}\xaf\xc7i\x9f\xf77o\x97\x93b94+\x8dI\xb7\xa4\xd3\xb9(\xac\x1d/i"U*\x95\xd7\xabR\xa2\x16\x01\xbbW\xc4G\xf9\xd8\xbf\xd0%\xe4\xf1(,\xaa}q\x89\xca{\xac\xde]\xcbp\xe0\t\xfc\xf3VQ\x0c\x1e\xee@\xae\x96P\xae\\33:\xdb\x14\xea\xf0\x907/\x99\x11\x17a6&amp;\x11\x96\xcf\xf7\xd7`\xacq\xf1\x99\xdd\x84\xe4\xccP\xef!]\x98\xf4D\xff\xfd\xa4(W*5S\x9a\xa9\xa9%\xc8\x15\xc2\x023wL \x13\x8c"\x99\\]\x14\xab\xcd\x96\xd4V\x84\xda\x07\x8d\xa8C ,~-\xf6p%z\xb9Qg\x13i\xef\xf7\x12\x8e\xc7\x13\x90-\xa5F7\x05X3##==#3`\xa3nG)C#R-\x1eR\xa8!\xf5Cz\xbd;\x02\x8b\xc4*\xc2\xe2\xd5\xb0\xd0\xd0\xee&amp;\x88x\xa1\xbe\xbb3\x8e\x1dU\xa2\x89\xc7o\x06\x8b\x08K3\xb5\xf4\x8a\xc2\xea\xe9\x19\xefq\xb9lh&amp;f X\x16\xc0R\x17\x15h\x00e\xdd\xbe4,\xcfBJ-\x94{\x06\xa8\xd5\x1a8\xaa3\x16~\x1eM\xac\xfft+\x9b\x94S&amp;\xbe\x1a\x99y5\xd23\xfe\x8f\x9f\x9f\xbe\x18\xef\xb1\xa1YM\xaadb\xd8v\xcc\xc0U\xb4\x94\xb2\xa9\xd4p\xd9\xe8li\xa3\xb2\xc5\xe0\xf1\x04\x08\x8b\x90\x9c\xd6y\x8d\xc0O\x03\x81\xf5g\xb7&amp;\x922\x14,\x10k\x06Q=}\xfa\xc3\x0f?\xbe\xe8\tyU22Hf\xccb\xc0*\x9a3\xe6d\xaa4\x18)\xa7\xef_\xebj\xaba\t\xe0"\x04X\xa2\x83\xfa\x8eE\x1c;\x0c8\xd6\x7fy\x98-\x9a\xa6\xa6tKK\xbaW\xe0\xe1\xf8\xf8\x9f?^\xff\xfb\xf5\xeb7\xef\x84\xbc\x192\xe4\x95\x03\x10\xc2\x1a3\'K\xa5\x12`\xf5utt\xa1-\x82!\x10\x80^L\xb8\x89\x9f\xd4W-\xdcp\x12\x08$~\xe9M\xe6P\xde\xa7tS:\x1dIzg\xef\xdc\xbc\xf9\xfc\xf9\xef\xbf\xdf\x99\r\x91\xe4l0\x93\x99\xcf\x14\x01+\x07X\xd9\xec\x93\xde\xb5\x07\x1d\x1d\xd7Z\xdaY\x02&gt;\xb8\x08\x17\x0e\x11AL\x86\xeb\x1b\xad\xf0G{ \xf1,_\xcc\x01\x14\x9a=\x99bryy`n``ppy\xe0\xd1\xd8\xfc|&amp;7\x96\x19\x9b7+\xcc\xe6\\\xa6X\xca&gt;)?\\\xfb\xd7\x8d\xab--WY\x02\x01\n=`q\tb%\\_\xb5\x9aV\x10\xd6-\xb3\t\x904*\x99:9\x98\\\x1e\xfc\xed\xd6\x9b\xde\xb5\xde\xfc\x93\x89\xe5G\x8f\x8aP\x99ys\x12\xa2U\xcc\xe6\xc1\xbf\x1bW\x05\xd2{l)\x83\x01\xd72\x84\xc5b@\xb8\xf6\xea\x8bE+\xec\xd9\x1d\xeb\xcf\xf2J\x8d\xc9dR\xc9\x8a\xcb\xbf\xce-\x0fN\xf4&gt;|\xf8\xb7\xbe\xb5\xde\x89\x89\xd7\xcb\x03\xbf\x16\x93\xc9\x0c\xa9.\x81\x8b\xd9\xf4\x83k,)\x93\x03\xd5\xcdAWX\x0eG\nX\x02\xb8\x99\xc5\xeb\xfa\xcf\x8efZl\x7f3\xb1\xfexB\tT&amp;Y\xa6\x08\x18\x83\xcbss\xaf\xdf\xe4\xf3\xe5\xf4\x93\x89\xdf^\x83x\xc9\xe4\x98w([Jf\xcb\x0bB\x1e\xa0tv\xc2$\x84\xb4K\xd1\xfe \x85\x0f\x80\xb5\xbf\x8b\xd5\xf5 \xc6*\xf6u\xcfO\x83*\xa5\xca\xa4\xcc\xe4\xcc\xc5\x81\xb9\xb1;wg\xe7\xe7 F\x91H$\x1f\x89\x94\x92I\xf3\xec|\xca\x97\xcf\xa7\x9d&lt;&gt;\xec}l\x06\xab\xab\xe3\xfe\xfd\x8ekW\x81\x0cJ \x80\xfbu\x9d\xb1\xf0j\x14\xb0\x1e\x0f\xaa\x90\x85\xb9\x1c\x9c\xb9\xd9\xe77o\xfe\x19"\xcd\xc0\x95Me\xb3\xd9\xa4yl\xf6\xaeW\xbf\x08\xbd\x1d\xa8\x10S\x7f\xba\\.\xa7\xc1\xd0\xef\xdb\x05P\x0c\x01\xba\xc6\x16\xea\xd9\xb8P\x93\xdf\xf4 \xb5(\xb12\xb9\xf9\xd0\xf8\x8b\xef\xbe{\x11\xcc$S\xc3\xbe\xe1H\xb6$\xce\x91\xae\xf1\x9fm\xfa2\xac\xca&lt;6\x93\xdf\xf6 \x9d\x9f\xc8f\x87\xcb\xe9\xb5\x8e\xef\xdb\xdb\xdb\xff\x8bU\xcf\xe9\x837oG\x13\x1e\xcf\xe3\xd7J\xa5I\x95#sd\xc8\xd53~\xf7\x8f\xb1d\x19n8\xfd\xa3\x8b\xffa\xd5\\\x7f\x9aJ\xf38\xfe\xcefIz=\x87s\x9a\xb4Mz\x1a\xd2\xcd\xbe8\xa7z\xca\x96\x84@i \x81\x96rk\xcb\xa0\x87\x11,4\x85B;\x08SA\xca\xf0\xa6\xca\xc5\xd6\x1ebJ\t\x9b\x8aF\x87\x12!]g\\PnF\x81\x855JX\xb6\x19\xcd\x1873\xc3\xae.\x19g\x04\x93\xc9\xce\xb8k\xdc\xc4\xfd=u\xf7?8O\xda\xf7\x9f|\x7f\xdf\xe7w;\xcf\xc4\xcc|c\x94\xf7r\xee\xb6\x0e\xa8\x83r\x95J\x9eG9\x9aJ\xc1x\xc5Ku\x0e)If\xc1Tb\xf1\xd3?\t\x1d\xc4\xf5\xf8\x8b\xf8\\ayw#\x0c\x15\xbd\xd0h-\xdf\xed"\x944\xad$\x10\xd7\xe4\xb9e\x96\xe7=\xddm\x1d\x9b\x18\xa3T\xd3\ny\xc5\xceF}\xbc\xbd\x02\xa7P\xa6\x97\xc9d\x90U\xb3XB\xde\xc4\x9c_}1\xba\x1e\x8f\xb7\x9f/*\xefn\x86\xfe\xcf\xdd\\\xf5 A\xfe\xe1\xd4\x97\x06\xb1\x04\xdbLtuL\xde\x1dg3\x99h9`i0\x93ZB\xeb\xf3\xfa\xd7?\x93\x88\xc5j\xbbIO\x92\x98\x8c\x90\x91z\xbbX\xfc\xb7\xbf\x08\x8aud\xf5\xebS\xa3\xf1\x0b\x03E\xd0\xc8{&lt;\xd1\xe6\xc2\x96\xcd\xfc\xb7\x9f\x9f}j\x90\xd8\xeft\xb9\x16&amp;ZZ\x1fyR)w\xd1\x03\xc0\x92+\xd5\x125\xbd\xbe\xf1\xf4\xa9$\xf7\xcc\x99S\xb4N\xa1\xc5H\x82\xf8\x1f\x96\xb0\t"\xe7s\xfb\nR\x0b\x1ay\x0f\x1bm|\xd0\xb1\xb0\xf6\xf2\xd9\xa8N\xa2\xc3\x96\x16\xd6\xce7,7\xb2\xa9T\xb2\xbb\x0c\x05Q\xab\xa3\xa1\x11]y]o\xc8\x15\x9f\xfa\xfd\xa8I\xa5R\x82Z\x80\xa5\xcc\xdeDa\x8b\xe2\xdf\xcf\xb6\xc7\xdbgA-74\xa5\xbb\xcb\xcb=\r\r/\xdf6U;\x96Z&amp;[\xe6\x97/s\x9edr\xb8\xb0\x0c\xd4\xc2\xe4\n\x15\xc8E\xda\x9aH\xa5\xdd\x14\x8f\x17\xc8Q\x18!\x88\xa4I"\xf9\xf6\xba\x90\xef\x00rD9\xff\x18\xed\xeb\xbb\x80\xbc\x95\xe4y6\x15\x8e\xba\xa37o\xee?\xb91\x83\xfa\xf6\xc5\xb2Kl2\x95\x1c.\xcfbi\x94*\xb5\x9a\xc6\x1cK\xb6:\x07\xa4S\xa8\x8d\x18I\xca&gt;`}}\xfd\x88p\xfb\xca\x9cW\xef\xfe\xbc\xdfT\xda\xd7\xbe\x06\xbdi\x8ag3\xac\xa7\x17M&gt;\x17\x97O\xa0\xb5wK\xdb\xc3\xcb\xd1$\x9c\xf2\xa3\x8b\x80\x85\xc9A-\x89\x8ap--u\xb9\xaa\xab\xf309p!,\xbd\xc4\xf0\xcdW?~\xf3o\x81\xbe\xb6\x88V\xaf\xa6R\xc3\xc3=\xa5\xf1\xd9Bd-\x16u\x80l\xd4]U\x84\xa6\xc2\xb6\x13e=\xf7\xdd\xa9$x+\x8b\xa5\xc14Z\x14E-38\xe2J\x0cBg\x83\x96\xce$\xc22\x1c\xfb\xf6K\x952\xffGa\xe2\x98\xf3&amp;\xd9\xc8\xc5x\xbe\xc16[\xde\xed\xf6d`\xb2\xe0\xbcC\x81\xf0\x158\x8dhQ\xe2\xf6x\xe0\x1e&amp;\xddUG\xdb&amp;\x07Q\xc7\x07C!\xadd\x06\xe1\xe4\xc1\x81\xac\x85\x91\x0c\xc2\xa2\x15\n-Cl\x08\xe2{\xd1\x91\xc3\xf7\x9f^\xe1\xa6\x8dCkkU\xddI\x8f\x87\xe79\xbf\xdf\xec\x1f\xf2z\x03\x9e\xde\xdd\xdd^\x96\xe33\x99\xd4\xf0\xeen\xd5\xd1\x07\x93.F\x9b\xe5Rh5\x83]\x0bw\xba\xea\x1c\x0e\xe4/\x12q\xd1:\xb9\x86\x90\xc9\xdb\x85Y\xdd\xe4\x1c\x16\x8e\x0fE|\xce\xd0\xb5Y\xc0J\x01\x967\xe2\xf7\xfb\xbd\xa0\x18\xa4\x05\x0fW\xe3g3\x9e\xe4\xf0\xf0n\xf9\xd1\xb6\x99\x8e\x84F\x8eV\xdf\n9\xb39\xd2\xb5\xb0t\xe7\x0e\x02\x93\xa2&lt;O\xea\x94\x04h\xa7\xa5~\x12\x04K\xf4f7\xec\x0f\x05}\xd3\x9dk\xe5Y,\x9f\xd9&lt;m.\xf1s\x01\x0e\x06E\xce\xeb\xf7C\xdd\x810Fw\x0b?=7\xd1\xb5\x89\x86\x1d\xc0\xda\x1cL$\\]w\x96\xd0}\xc4\xa5\x04\x94E\x85\x1e\xa7pB+\xfdA\x18\xac\x83\x14\x1b\x01,\xdf\xf8\x1c\xc2\xca\xc4"N\xa3\xd1h\xf6s\xc0\xc4q\x01\xaf\xd7\xef\xe3=`\xb7\x1a\xb6\xb1\xe7q\xcb\x02\\=\x84\x05\xdeBXp\x1c\x14NIQ\xe2R\x908\x0eX\xcc3a\xb0^ql\xc4\xe9L\xc7z\x8fg\xb1|\xd3\xce\x90\xd1\x1c\x81(z\x11\x16\xe75G2\x1e\xce\xff\xee\xcd\xa1u\xb9\xaceaP\xa6\xd1j\xe4\n\x85f\x10}\xfa\xecr\xb9\x1c\x14\xf8\x1ea)eR\rAh\xb1\xff\x08S\x81VK&lt;\x91\x903\xfa\xdes\xbc\xb0\xd9\rX\x91\xe9\x90\xd1\xe9\xac\x05\x7f!,\xe0\x8ayX\x7fm\xf0\xe0\xe0\xfb\xcb\x0fg\x16(hm\xe4\xc8\xf3Lbd\x04\xb0F\x128\x9e\x07j\xc9H\x93\x0c\x82\xc9(1\x81\xd4\xfa\xe4y&amp;\x92\xf6\xbf?W~\xa3\xa79\xe9\xe1c\x91\x881\x14\x02\xc1\xfc%\xa0\x17\xebI\xb1\x1c\xeb5\xd7~|\xf8\xe6\xdd\xad\xe5\x1b\xc5\x0e\\\xca`r\x9dJ\xa1\xc9C\x1f\x8a]\t\xd0J*EQ4i\x19\xaa_\xaa\x90\t\xe4\xad#\x07\x19_\xd0\xdf\xdd\xd6\xdcz\xbc\xdb\x9d\x01,\x88b:\x9d6\x9a\xcd%Cl\xefp\xb7\x87\x03\x7f\xd5\xd4\x94|\xf4h\xfc\xe1\x9c\xad\x1a\x86\xd6&lt;\x0c\xea\xb5\x02\x83\x84\nb!(\xf8\xcbH\x05\xad\xcdk\xa7\x94\x15\x02\xedvE\x07\x99H\xd0\x97,\x9f\xae\xb9V5\x0cX\xc8\\\xe9`0][[\x12\xe8m.\xdc\x05\xbb\x07\xac\x95\x8f\x86\xaeZ-\xf3\x7f\x05\x83\xe7\xe18\xa3\xa0\xd5\xb4r\x13\xdc\x051\xccb\x81Z*\xad\\&amp;\xa54\xf1\xaf\x04\xc2z\x15s\xa6\xf9\xddh0\xd8\xb0&lt;\x9cUk\xda\x18\n\x06\x83\x1f\x97p\xbd\x85\'/q\xfe\xc0\xa5\xc7\x0b\x1d\r7+/\xb6\xde]\xa2\xf4\xb4Z\xc9\xc0U\xd4\xa9i\r\x92\xab\x9a\xca\xcb\xaaE\xe8i(L\x1a)\xd3$T\xcf\xf5*6\x1dJU\x85\x9f?\x7f9\xdf\x0ci+\x12\x01\xd3#\xac\xa1\xcbE\x8b\'\xad\xe6\xb4\xb1s\xa2\xe5\x97\x9f/n\xb5\x9e.\xad\x93\xa9tj\xb5\x02\xa6i%-Ql\x8e\xd4\xd5\xd5A\xd6B\xee\x92\x99t\x0c\xa1TaL\x93@-D\xce\xaa/6=\xfc\xde\rj\xcd\xdd\x8f\xc6|\xbe\x98/\xe2L\x07\xd35\xe1\xa2\x07-\xe3\xbf1\x9b#%\xe3=\xf7+\x7fg9\xbdf\xc3\xe50\xa5Jt\n\x93I\xae\x90\xd0L\x02\xb0\x1cH.\xa9\x14\x92\xbcTF\xd3\x18S/\xd0\x06Ut\xdd\xc9\x03V\xb9?\xb8g\xeb\x89\xf21\xde\x079\xc2i\xac\r7\x9e\x98\x9c\x7f\xf4Q\xc9U\xab\xd5rm\xee\xde\x9e\xe5xq5\x03\xdd\x83\x18\x9af\x95R\xae\xa5\xd5\x9aA\x17\xc2\xc2\x91Zz5F\xe9\xd54\x83\xf5\t\xb5\x888\x12\xcc83\xef\x0b\xd9\xda-\xdb\x8dKl,\x03\x82\xf9|~\xef\xe5\xb2\x96\x99[\xbf\xaeyd\xbd\xd5p\xaf\xd8\xb6\xb1=0Wl\xab6\xe9\x0cb\xf1\x070t\xf3\\uh\x9f\x84r\x84\xc9P\x80\xd3 \xa0fG\xa8\xe7-p\x15\xbd!.\x93\xe2\xb6\xe2\xdb\x9dl,\xc6\xc7b&gt;\xaf/\\\xb48\xd1\xfa[\xeb\xde\xd4\xc0lS\xbc\xbf~\xe7E\x7f?\xdew\xa1\xe0\xec\x19\x89$7W\x82\xc0T*f\xe4\x83Z`-\x95:_E\xab4R\xed[\xa1\xfaf\xd1\xaa/\x03\xd7/\xb5;\xd5?;\xc6\xf2\x08+\xe6\x0b4\x9e\x98\x99\xbfY\xf9d\xb6t\xa7~\xa5bet%\x9f\xb4\x9b\xdaW\xd6\xcf\xda\r\x06qnV1\x98c\x13\xff\x0f"\xa9;f\xa2\xb5\x04\x8e\xc9\x7f\x10\x0c\xeb\x93`\xc6\xe7\x0c\x06Cc\xfd;SW\xd8,\x95\x97=znqk\xebIq__&lt;\x7f}\xfd\xb3\x8a\x95u;\xad\x8f\x17\xe8M\xf6\xec\x0b\xb3,\x97R\xc5\xb8\xea&gt;\xd4D\x13Mk\xb4\x04%\xd5\xb6\x7f\'\xd8\x90\x91\xf3*\xc2\xa3\x14z+\xdet\xbb5\x8c\xb0b\xbe\xf0\x89s\xcbc\xc5\xb6\xfe\xfe\x0b\x15\x05\x05dEEE&gt;\xee(\x9e-\xae\xc0I\xbbNm\x00\xb2\\\xb1\x84V)\x06\x1d\xd5H,\x19\xcc\xda8\xe5\xa0\xe4\xda\xd7\xc2\re\xa2\xebA&gt;\x02u\xd0\x1aoz=5\x1e\x86\x0e:\xe6s\xb7-&gt;\x9c\xed_\xc9\xbf\xd0d\xdb9\xbf\xb3s{\xfb\xe5\x96\xc5\xd2\xd90\x806\x81\xa4^\x85\xde\xd7H\x0c:\x1a\xab\xfe\x80e7\xd0x5%S\xc8\x9e\t8\xc1\x8a\x0eb\xbeP\xd0\x18\xe8\xab/==v9\xc0\xf1&lt;\xefn\x9b\x99\x8b\xaf\xac\xe47\xddk\xd8\xdb\xdf\x87\xdf\xfeE\xcb\xbfzf:\xa0O\xa6(\xaa\x80\xb4C\xa2\x90\x18\xd4J\xaa\x1a9\x9e\xd4Ih)\xd4Jm\xfc\x0b\xe1\x06E\x91h\xd5\x18\x0b\xa5C\x91\xd2\xfa\xed{c\x16k\xc0\xcbz\xc3\'\xef\x96\xb6\xe7\xe7\xb7\x0f\xdc\xbai\xdd\xda\xdb\xb3\xec\xef[~\xfe\x05\xa8F\xa8\xbc\x02\xb2@J\x15\xc0l-Q\xabUR*\x9b\xe2i\x89\x8e`\x08F\xf3V\xc8q_\x94\xf3&lt;\x04\xf5\xa6d\xe0\xc5\xc6\xf6\x93\xce\xce\xca\xab\xbc7P8c{QA\xcdZ*;\xa7\xa6\x1e\xef\xed[\xf6\x80jba$!\xc5\xfb5z\xbd4_\x0f\xe3\xe21\xb5\x8e@[pR\xa7\x16\x9bp\x82 \xf0\x9f\x84\\\xbc\x81\\P\x04\x83\xce\xe3\xa3\x1b\x1b\xb7OOY\x03a\xaf\xf7R\x8bm\'^Wz\xfa\xfc\xf9\x97\xff\xfc\xfe\xbb?\x1e\x1e\xee\x8f\xdd\x98{\xbd\xfd_\xde\xcd\xf7\'\xcd,\x8b\xe3\xa1U\xb4T\xe1ie\xa0-M\xb3&lt;!\x10^\xb8\x04\xf9\x95l\xc2\x8f\xf0\x06\xca\x13@\x19\xc0\x18B\xcc81\xb8\xfe\xd8\xe7\x8d\x8b(\xfbB\x17\x124n\xc8Df\x1b\x8d\xc8\xd2\x9a\x8dR\x7fT7\xb8\xb38!\x0b\x86\xc6J0&amp;.\xb1iSkg\xdd\xb45\x9d\xda\xb4\xd5\xbamm\xb3\xe7\xd2\xce?0\xe3\xb3\xf7\x05\xbc\xfd\xe4{\xbe\xf7\xdcs\xee=O\xd6l\xb7\x1bv3\xe7\x85\xb0\xf7$&lt;\xa4\x16dx%^[\xad\xf4\xf0\xd9\xec\xc2\xfc\xc9\xbe)V&lt;\xfb\xf7\xcc\xcc\xfaq\xa8\x90M\'\x1au\xc3\x13\x9dm\x03\x7f\x0c\xe8\x97\xcc\xdf\n\xb1\xe3\xd7\x9b+\x1b\xcb?\xde~\xb8\xba\xb7\xf7r\xef8{3\xbb{+$\xad\xae\xbd@H\xf1\xda\x0bl&gt;\x14\x80&lt;\xdee\x89\xca\xe3\xf1x\xef\x9d\xf4\x04cE\xd7\xf2\xf2\xf5\xf9\xbb\xf6l2@\x16s\x91NM\xf0N@\xdd\xb0\x14X\xf2\xec=\\Y\xd9\xdcX\xd9x\xb8\xfa\xfa\xbf\xaf\xf6\x8e\xdf\xf6o\xdb\xb7f\xbb\xbf\xe0\x81\xa1x\xf8\xaf\xd1\xe5\xa9\x92\x87K\x9b\x1f\xbc\xcd\xbe}y\xc2\x0f\x9d\x9f\xceF\xfa\xf5\xc7\xf6l:\x99\xce\x87\x9d\x13M\xc1\x81\xef\xd5\xe6\x80n\xe2o;{\xcf?|x\xb3\xf7\xe1\xf5\x87\xbd\xe3{\xc7O\xb3\x85]\x7fHy\x19\xaf\xe1\xf0p\xde\xaf\xea\xeb\xd9\\.A\x10R\xff\xea\xed\x8deJ\x86*+\x18\xf4\x1fR\xf9$\x99L\x90\xce\xf0\xd7MM\xffP_\x8d\x1a-\x03\xbf9\x1a\x1f?:z\xe7\x8c?M\xea\x93\xd3j5\x87\xc3\xff\x034\xd7\x1c.\xb4e\x98\xba\x01S\ny\x04!\xb95\x7f\x86N\xd1(\x1e\x83\xfe\xc1\xe7N\x92\xe9\xbeb\x0b\x19\x19h5\x06\x12\xed1\x8b\xa3\xf3\xf7\xe3\x1fa\x1d\x1d\x1d\x1cN\xc5\x0f\x0f\xbf\xbf\x7f\x1f\xdd\xcd\xd7`5\\\xe19\xf6\x92OH\x08\xbb\t\x9c\xb9}\x9b\xb2\xf9SF\xd7s}j\xba\x08K\x17\xbf\xf3M\x9d)\x1e7\xc5bV\x97v\xed\xa3\xe2\xfd\xfb\'G\x07\xef\xde\x1d\x00\xdbW\xbf\xfd\xdd\xb755\x02nM\x8dRh\x86r\x95 pBZ\xfdx\x93\xb2y]\x06\xfdM\x8b\xbc\x90,\xee\x90d&lt;\xfe\xcdD\xc4\xd9\xbefi\xd5Z]\xebO\x14\x8a\xb5\xb5\x8fG\x80u\xf0\xee_\x7f\xfe\xeeK\xd4\xfep\xa1L&gt;\xc7f)\x81\t\'$\xdd/\xaf_\xa7\x0c\x8b\xf1f`0\x94M\xea\xd2\xc5\xa9\xc6\xc8\x82S7a\t\x06\x83\x1a\x87k\xe6\xfd{\xc5\xc7\xf1\xa3w\x87\x87\x87\x7f\xff\xeb\xfd\xef\x96\x96\x06\xf9\x02\x0cS^\xbe\x80\t\xa1\xb6\x97\x12&lt;\xc9\xa3\xffP7\xefV\xc1\xf8\xb1\xae\xd1\xefu\x17a36\xb6\xb4\x84#\x9d\xc1\xce\x98C\x1b\x8c)\x14\x8aQ\xd3p\xfb\xc1\xc1\x9d\xc3\xa9\xbe\x7f\xaa\xdd^\x8f\x81\x85\xa9 A\x08/\xe0\xd2n\xa9T"}p\x9b\xc2\xd9f\xfa\xb3\xceqo\xcaK\xa6\xa7\x13\xf1\x960\x9c\x8eF\xa3\xd6\x12[3\xear9\'\x99N\'\x1b\xfb\x02z\xbd\xda]\xefS\xa9\xa0\xbd\'jq\xc8XJB\xc2d\x8e\xadR:\xd2\xff\xac\xb5\xd5\xb9\x98\xca\xe6\xf3Ig\xa4\xbd]\xa7\xd3\x19\xd7\x82u\x9d\xc6\x96\xf6\x96)\xfdU\xafwppd\xc4;\x08\'8\x86q1!Q\xcbS\xe2&lt;\x02\xcelIh\x05\xb2\x03u\x03\xc4\xcf:\xfed\xea\xf3\x87\xdc\x85t4&lt;\xa1C\xefw\xc1\xba\xbaVK,f\x0c\x93\xeaA\xb9*\xa3R\xb1\xd9\x02\x0e\xa6\xc2\xb85\xca\xf3\xb58\x90\xe1R\t\x93g\xdf\xa4\xf2\xa3\xa4\x8aem[\xeb\xf0nO\x08\x92}tAG\x92d4R\x87\xee,5\xc1\x89\x96Fu\x83O\xce\x95\x9b\xf9f(\x1a0L\x88\x8e\x1c\x02\xf4\x922\x99J\xfb&amp;\x95s\xba\x15\xcb\x9a\xb6\xa1\x8e\xa4\xdf\x0f\\\xc9H\xb8/\x9d\x8e\x0e\x1b\x83@\xa5\xb1\x18s\xe1$\xf8\xca\x03\xa5\xb1\xb7\xbeA\x80q\xcf\x9d\x87\x86\x1f\x87\xa4\xc5\xac\xe6q)\xc5\x82\xea\xd9\nX\x0b}\xa1\xc5\xd0\xee\xb4\x93\xcc\xef\x93\xb9\x05c\xac\xb3\xa3\xa9)fZpN\x05\x12\x8d\xd3\xfa\xab\xa5N\x9a%\x80\xdc\x00\t\x0b=#\x12Bj\xb1*\x18]\xb2\xb6\xa1!\xcbp\xd6?\xfb\xc8\xbe\x9f\xb5\xeffs&amp;\x9d1\x12\x19\x8fL\xe8v\xa2S\x8d\xe4\xd4TcB_on0\x9b\x1b\xe4\\\xdee\xe9\x05\xa2\xba\x9aW\xc3\xc5(V\xab\xcb\xd56d\xb3Xr\xf9\xd4n\xa1`\x0f\xa5\nOu\xd1\xb03\x19/\x92\xc9d \x10hL&amp;\x02zu=\x8b\x05\xed\x84J\xd9-\x91(%\xd5R.T\xa5\xf6\x15j\xd5r\r\rMvh\x15\x0b\xf9\x90\xddm_\xf4\x87\xf2dq\x8a\xdc\'\x8b\x90\xb4\xfa\x12\x89\xbe\xe9\x84{\tt\x12rQ\xc3\x883%\xd2j\xa6\x12\xa3\x1a\x0b\xd4\x9a\x19\x1a\x1a\xea\xd0j\x14:\xf7\x88=4\xbb\x98*\xec\'\xa7\xb3\xf9\xb7\xe9\xc2\xfe\xd3\x9d\x1d29\r\x9d"z\x01\x86\xfd\x87\xbc\x0e\x89\x94\xe0b,\xc0\x9a\xa7\x1akrR\xa3\xd1\x8a\x15\xb9d\xde\x1d\xca\xf8Q,\xdd\xee|a\xb0\xf0\x96$\x93d\xfe\xaaO\x0e\x9b\xaf\x19\xe2\x07=\x7f5SBp\xb9%\xb5(\xc6BA\xd48D"\xf1\xa8ia\'\xbf\xd83\x16J\x85B\xf6B\xd6`\x80\x9f\xfd\xbc\xde\xc3\x15*\xbb\xbb\x89n&amp;\xfa\xa4\xac\x1a\x17\xaa0DE9\xd6z\xdb\xe4\xa4\x16\xb8\x1c\xc0eZH\x8f\xf4\x8c\x8d\xcd.\xee\xda\xed~\xd5\xae\xd7\x9eu\xdb\xe5J\x82\xe8\xee\xc6%L\tt\xd5&lt;\x15Pa\x1c\x8c\xc3\xf2\xceS\x9c\xb7Zm6\x8de}]$\x16\xcf\xcd\x99\x16\xa2v\x7fO\xcfX*\x94\xea\x91\x87v\xbd\xde\x11\x8f*C\xe0P10\xa5\x92/$B\xb9\x1ca\x01\x18\x8bz\xb5l6\xab\xd5a\x15\x89\x141\x13p\xe5\xf2\x8bc\xd7\x9a\xc7\xc6\xc6\x16\xfd\x8b\xa9\x94\xca\xe0\xcf\x10\xa8\x90\x81\x10J\x84\x06\x03P\xa9\xfe\x0fAdt9\x00k\xd2\xeap {\xcd\xcd\xcd\x8d\x1as\xc5\xecl\xe6ZOsssf\xcc\x9f\xf1g\x9a\t)\xbaGb\x12*\x83\xe1\'\xb18\x1c\x8a\x83\xb8liC/&gt;h\xf8N$V\xcc\x99\xd6L&amp;\x00\xdb\xb7\xa7z\xaeI\xa5\xdd\xcd\xcd\x9f\xbe\x9f\x940\t\xa1\xc1\xe7\x93\xabJ\xdeB\x17\xba\xd4b\xd17\x9aZ\'{{\xad"\r\xf2\x96\x02\xf4\x1a\x1d\x85-9\xac+\xee\xbbSr\xf4\x01\xe55\xb0U\xb3&lt;c0\xf8P\x08U\\\x88"\xc2\x1aY\xa5\xf2\x93\x9a\xf2g\x9d\xa0\xd6\x8cL\x04\x89K&lt;:\n\x06C\x0b\x91\xe5\x8ai\xbd{p\xc4gP\xf5\x18R\x06\xb4\xd8r\xa4\x15\xa4-\x16\xa4S\xd6\xdd\x87\xd4}\xafE/_\xa9CXV\xabU\xa4U\x80Z"-\xc4\xd2!\x02D\xd3\xb0\x13ZW\xa8L}%&amp;\x83\\^\xa2\xc2\x90Z@\xc5!\xfa7\xa9\xe2b\x94\xd3V\xea:&amp;e33V\x87V\xab0\xc5,"\x87\x15R\x18\xf8\x1f\xb8r\xe1\xc6\x80\xfe\xea \x9f-\xff\xb4X\xa5\xa7\xe0\x92\xb5\x00\x0b\x9f}A\xc9\xb1\xc8`\xd0\xcai\xb4\x95\x81\x0e\xf4&lt;\xe6Zwh\xc4\x10G\x84\xe4X\x07*\xadx\xd4\xa8\x0b\x93\t\xbd\xd7\xc3FDH,\x16\x92KUz\xf0\x01\xac\xcc\xd6=\n\x1aE\x06\xad\xaa\x92F\xa3m6uL\xdaz].\xeb\xbaU,\x8e\x05\x81\x0b\xc8 \xb9:Ds\xa6a]8\xde\xe7n\xf0}\xd6\x8b\x85\xb0T,\x81\xa0\xf4\x88\x817\xdfz1\x7f\xe2\xb6\xa7\x97W\x9d\x06*\xdamK\x87\xcd%s\xcd8\xac\x1a\xadH\x81\x1e\x11!S\x88\x9e8\xd0Y4\xdc\x1e\x8eB\xff\x03\xb67\xc8\x11\x19\x06\xf9\x01\xe0\x10\x96\x80\x85\x13\xb7\xfa\x7f8\xe1\x1b\x1b\xc6\x99+\xa7*\xcb\xcah\xb4\xae+\xef;l2\xc0\x82(j\xc5"\x8b\xd8"\x12#*\xc8a\xb0\x1b[\x00k\xda\r\xae\xf7}\xde\x88*9 A\'\x04\xbd\x10\xa8\xd5\x7f\xe3\xde\xfc\xc9\x8d\xfe0\xe8\x95\x17\xcf^9E+C\\\xb47\x08\xab\x17\xb8\x1c\xc0\xa5\xb5 \xb0Ok\xd4d\xd4\xb5D\xfb\xc0\xf4\x1e\x8f\x07\xb2\x16[\x0e\x06c\x7f^\x02Nmf\xab\xff/7^\xbc\xda8\x99@B\xf4.]\xbaXI\x03\xb1\xce\x00V\xd9\xa6\xc6f\x93\xf5\xda\xc0]\x10\xb8\xd2\x12!\xad\xe0\x7f\xae\xe4y\x94#`\xf9\x0c\xc8\xf7l6\x9f_\xa2\x12\xb0j\x17\x11V\xff\xcd\xfeW\xbf\xf8\xb9\x80A\xa7U\x9dE\xeb\x14\xad\x84\x05\\eW\x9e[m\x00%sY\xad\xebZ\xb1\xc5\xa2\x88\x89Q\xf1\x85r\xea\x82\x0eRD\tk\x04a\xc9\x05h2\x90\xef+\x81q\xf0\xd0\xf6\r\x84\xb5\xbd\xf5x\xe5\x17\t\xc6\xe8\xaaDH\x17/V\x81\xafh\xa7\x91ZH\xae\x15\x97\xcd\x86\xec%\xb3"\x95\x80K\xac\xd0\x8a\xd0\x194g\xcc9\xc1\xf1\xd0\xee\x0f\x96\xb0\x00\xcal\xf6\xa0\x89X\x00c)\xef\xde,a\xdd\xbc\xb5\xfd`\xf5\xfa\xcfu\x18\x03\x82w\xf6\x12 U\x01T%0\x9d\x06\xb1\x80\xab\xac\xec\xd4s\x19`Ye2\r\x14\x83A\x8b%\xa6\x88\xc5\xc0\xf0s&amp;P+\x9ap{\x7f\xc2\xe2\xfb\x1a`\xd57\x98\xf9\xe8\xa9\x9f\xe3\xdf\xea\xff\x8c\xb5us\xfb\xc6\xcb\x9fg\xb1\xae\xaaK \x13\xe8\x04\xab\xb2\xf2J\xf9\x993\xe5\x9f\xb0\x90\xbb\xd6{e2\xe0\x820\x82\xe5;ck\x96\xa0X\x81\xb8\x8c\xed\xf1i\x84\x05`\xb0\x19\xcd\rKKh\xf0\xc7\x8c\xae\xe0\xd8\xd8#\xa0*amm\xf7o\xff\x8f\x92\xf3\tm#=\xc3\xb8gF#F\xfb\r\xf4\xb2\x97\x99\xc3\x0cE\x0c\x19k\xe6\xb6\x18$\x06\xff\x91\xd1\x80\xec\x83\x9d-\x8dD1\xb9\x08A\xc0I\xf1\xc1\x10\x16\x81$\x83}\x08\x08,\x84/9hm\xc7\x07\xd9\xf1\xe2\xc4\x05\xe7\xd2*\x94\x06\x87\xc5\xab\x1a\xa3Pu\x95U\xe2%f\x17g\x97n\xb3M \xf8\xd0@\x9f\xf7\x1b9\t\x0bmw?)\xb2\xa4$\xd6/\xcf\xfb\xbc\xcf\xfb\xcdX\xca\x97w\x17\xce~qO\x86e\x8d\xc1\xe6\xd0\tH\x90\xca\x90\x80%\x08\x91\xbe\\\xf2kH5=\xfd\x9b\x8f\xe8\x1d\x07K\x10\x0b\xed84D[\xc2\\v|\xe2\xfa\r:ms\xe5\x93\x8f/\xde\x9b\x98\x98\xb8w\x91\xbfS\xea\xc3\x0f\xff\xb0\xd1^\xe3X\x0bO\xb7\x17\xb6\xbf\xbc{w\xfb\xfb_v\xd22\xac0(\xc5u\xc22\x14\x03d@\nI\x91H_/\xed\x07\xaa\xe24F\xe3\xe1\x08\xb0\xa6\x96VI-\xec\xbb2\x85\xe1\x89\xebt6\xe9\xc6\x95_\x83jx\x98\xb8&gt;&amp;\xae_mw\x02\xac\x05\x80m\xa0\x90O\x9f\xfe}\xe3\xd9\x83\x9f}\xea9,\x06&amp;\xef/E\x92\x0cU\x91H)n..\x97pt:2=2==\x83\x94X\x1a\x85\xb9FG\x07Wq\xbc\x01k\x8d_\x9e\xe0g\xb9\xae\\\x04\xd4W_\x11\x17\xc0\xae|r\xb7\xd8mr\xac\x8d\r\xd4\x12\xb6\xdf\x06\xdf\xd3\x9f\t\x86\xe0\x04\x14\xb9\xfc\x9cJ\x16dU\x930\xa2#\xe1wU\xc4\xc0&gt;\x85\xe1\xe1\xae\x8ff\xe8\xa3+7\x11ZCT\xc3\xf5\xcd\xad\xf1a\x12\xec\xc6\xf5\x89a\xfe\x96f\xd4\xf1\xfa\xbd\x8b7~\xdbjt\x9b\\\xae\xb5\xb5v{m\x1b\xf6\'\xabmo\xbfx\xf9\xf0\xffz\x1f\xcdGLo\xa1D\x05{\x06U\x17eARC\xe1\xf7\xe5\x12\xee\x9c\x8e\\\x1d\x81\xf1g.\x8d.M\x8dN\r\x06\xb3\xa7\xbew\x1b\\$\x18\xa8\x16o\xffy\x9c\xb0\xf0\xe8r\xd1\xafv8\xd6Z\xbb\x89;\xdb\xdb\x80\xdbh7\x9bk\x0b\x0bO\xce\x1e~\xf0?\xdc\xff\x01\x87\x12EntQ\x15UM\x13\rA0\x183\xc0\xc6\x84p`zN\x15\x12n\x1d_\xb8\n\xb9\xa61\xb0\x7f7\x88\x1aRBTr\xf5\xb9\xcd\xc2"\xe7\x1a\xde\xba](\x00\x0b\xf7/_\xfe\xeb\xe3x\xb9\xd8k\xb6\xb1\x9a\xcdN\xb1\xd7~\xba\xd6l\xf6\x9a\xcdv\xb3\xd7ko\xac\xfdx\xf6\xf0\xbf\x9eW\xc5\xbe\x85\xf5\x85R\x0c\x91\xb2AE.\x08\xb2\xa83I\x905S\x8c\x80+\xf4V-A&gt;\x1e\x1a\xa15::J\x1fB\xba0x0YY\xce\xd4\xe7\xf68\xd7\xf0b\xa1\xf0\'\xa8\x05\xae\xe1\xf1\xbf&lt;v\xacZ\x91c4{\x9dV\xab\xb3\xb6\xd0\xebtp\xed4{\xddN\xaf\xfd\xe2\xc5\x93g\xdf\xc8?\x11\x8c?$\xa8 :);\x89\x8a\xa9\xa2!\x87B\xe8J\x1a&lt;\xba\xa9F\xc2\xe1\xb7r\x81KV\x8e\x87\xa0\x16\x81M-Q\xa8\x1e\xa4+\xb9\xe5Lfn\xf36`\xb66\xb1\x16\xb7po|\xeb\x8b\xc7^,\xdf(\xf6hu\xba\xc5Z\xb5\xb3\xd0,\x06\xab\xdb\xc5\x13\xc5\x0e\x80\xdb\xcf~\x12\x17\xf4\xf3!A\xe3\xe1\xc9;\xd0\x90\x14~\x97\xa8"\x82fjrHf\xb6\xa9\xf5\x9b1t\xce%I\xc7\xa730\xfeU\xc2ZE\'\xee\xee\xcf\xe6r\x99\xf5lak|\xb1\x90\xcd\xa2\x9cPkk\xeb\x9f\xdf\xb1\xa8Un\x15A\x00\x84b)U\xed-t\xab\x8dj\xb5\xda\xc2\xb5\x8f\xd7\x81\x96\xdf?z\xbf+oa\x1c\xeb,\xa0"\x1a\xc5\xd0\xd0\x8c\x004\x00b\xe8\xba"\x84$\x1dXJ\x88\x9a\xb1O\xc5\xcb(\xde9=$sM-];8\x80X\xb3\xb3\x90\xab\x9e\xdd\xbc\r\xaa\xf5\xf5,\xd4\xda\xfa\xa2\xb0\xf7\xc6\xf4\\\xbfF\xaf\x0f\x8cj\x03\x84\xedf\xb5\xd6\xa0\x0b-\xa2k\xb5\xf0\xdb\xdd^\xf7\xe5\xa3w\x9fB\xfd\xbdj\x06PLc4\x04\xe9\x0e\x19K\xa2\xc6SL\x86q(\xda\x9e)\x8a\x88\xd3\x10\r\xc7w\\\xd2\x9dS$\xd7\xc8\xd4\xea\xb5k\x93\xe9OWf\xc1\x05wA\xa7l=\x93\xc9\x16\x16\x17\x0b\xf7\xe7\xfe\xa5\xda\x10\x8b\xc4i\xd4J\xa5\xb2e\xd5\xba\xcdF\xad\\*\x95\x1a\xa5\x1a\x9e)\xe1\xb6\x01D\xb0\x15\xbb\x8f\xcf\x8e\xceO\x93\xb3\xb7K\xd7M\x9d\xe9\xb6M\xdaa&gt;#\xaaB*\x15O\xd0&lt;[ST\x11\xea\xc9|3x\xce%)\x0f^\xd1`\\\xbd\x96N\x7fZ\x19\x9b\xa5"\x02+;\x97Y^\xaeg\x0b\x85\xfb\xf7\xe7^i\xba\xe3\xfax\xe9Z9\x95\xf7\xfd\xb8\x07\x93U\xf3\xe5\x14\x1e\x95S)p\x96\xcaX\xf8R+\x11Z\xb1uv\x14xLU(\x0b\xc0\xa4\x9b&amp;\xdd\xd8X&amp;\x04\xe3\x03G\xd6\xc0\xa3\xb3\x00\x00\x05\xa7IDAT\xd4\tKwtA\xd1D\xc8\'Hb\x80\xd4\xd7K\xb1_\x1d\x1e\x8e.]\x03\xd5\xcaX\xa0\xd6\xfaz&amp;\x97\x9b\xcd\xd5\xb3{{s\x7f{%\xea\x10\x8b\x08\xf2\xbee\xc5]\xc7\xab\xf5\x8a\xf9d*\xe5\'\xfc|&gt;\x91O\xe5SXy~M\x11_\xa3U=\xe3\xff\xa7\x98l`\xe8\x81\x8c\xc0\x08\r\xcb\xf6&lt;SWe*\x9a\xae\x86"\x92m\xf3 S\xa1\x0f\x1a\xe2\\,jGI\xe4\\\x07\xe9\xdd\x951Z\xb9L&amp;\xb3&lt;V\xa9\xec\xcf\xd6\xe7\xe6\xd6\x9f\x7f\xae2\xd3q\x93\xbe\x9f\x04\x92\xeb\xc6&lt;7_\xee\xd6\x92\xc9\xbc\x9fL\xf8~\x02+\x99\x00p\x1e\x90t!V\x1f\xdd\xf1\x12\xa5\x94e\x0e\xa6\x92\xa5\x18\xc11Q5\x9d\xa8\xc7\x0c$\x95\xc1\x80%\xda"S\r\x85i\xb2\xac\x88\x02\xec%p\xb9\x02.\xc5|uz85Y\xd9\'*T17[\x99\xdcIW\xc62\xf5\xfa\xd7\xc7"3\xbd\xa8K2\xc5\xa2Xv4Y\xab&amp;\x02\xc8x2\x91L&amp;-\xcb\xf2\x93@\xc4\x03\x0b\x0f\xe2\xf1\xb8\x85,\xe9&lt;;\x1a \x8fH\x12\xe4P\xd1~\xe40$\xa7\xc4\xbc\xa8)b\xde\x08\x9a\x16\x8a\x986\xdaR\x02\x9ad\x88\xaa\x1c\xa2\xa3EZTE\xd2\x0b\\\x83;\xbb@\xa2\x1fL\x8d\xad\xec\xee`\x93\x83#\xc6\xfa\xfe\x1dQ\xd3m\'\xea\x12\x93\xe3aE\xadT\xb1\xe1F\xe3\xbe\x1b\x8dY\xd0\x06Pq\\\x12P\xcaJ\xc6\x03A\xe3\x89Z\xab\xdb\xfc\x91\xd4\x92d\xda\xbc\x04\x95d\xccdH\x02\xe6xZ(\x8c8U$\xd3\xc6D2\x0c\x91\x89\xc0b\xb4}\x96\x84w\x0b\xcf\xe9\x9fc\xf0\x10\xd5\xca\xcal%\xbd\x8a#\x8e\x9b\xe9\x95\xdc\xb7\x8f\x14M7=\x87dr&lt;\x1b\xcd\x1c\xb5\xfcj1\x15\x8b\xe1\xc5c\xc9R)\x9f\x848n\x1cz\xe5\xc9xD\x15\x8b\xc6\xdcD\xa9\x8a\x89\x00oa\xef\x02(\xdaXi\x8c\xac\xa5+\xe1\xb0l:4\x06#HR\x06$\xd10T\x8d$\xd3\xa8\x15\xb1\xd1\xa1\xe3\xfe&gt;\x97\x04\xaeo\x815\xb6\xbf\xbb\xbb\x0b\xaa\x99\x99K\x83\xe9\xca\x9b#E\xa5\xfe\xf1&lt;b\x82_\xc9d\xb5b5\x01&amp;\xb0\x94\x1ae+\x1e\x8b\xa1h(!\xecE\x841\xa8\n\xb5\x90&amp;\xc5\xce\x80ap\xa9\x14lAeE\x85\xddm\x13~\x8a0O\xa7m2\xd31\x1a\x15d\xacA3\x12X\xaa\x01\xbf\x1b\x06\xaa\'\xc9},Ed\xdf|\xbd\x0cS\xa5\xd3;\xa0\x9a\xff\xec\xf0\xc2\xc1\x0f\x7fTp(\xc0\xfb\x87:\x1b\xcb\x89%S\xd5V\xcdB\xa5\xa2\xb1|-\xefF\x1d^J\x8a\x8a|\x12L\xa0\xc23q+\x85v,\x0eP\xf5h\xc925&lt;\xb3\x1d\xc7\xa6A#\xea\n\x93"\xa2&amp;\x13\x12J\x89\xdc\xc2\x1d8\x10[0\x1co(dH\xfc\x158@\xc27\xd0\xe3\xcf\xd7s\xbb\x93;C\x873\xf3\'\xf3\x87\x87\xafo\x89*\xcfA\xb3\xbft/\x1aK!7\xcb\t\xe8\x12ub\xbe\xef8\xae\x95(S\xa0r\xaa\xa0\xd60\xa2\xe5\x13\xd7\x00Q!\xb8TC\xc2d\x11D4\xa1c*\xd8\xba\xcb\x9a-\xc9\x8a\xcc\xcb\x0b\x9d\x0c\xa22\x94`k\x18\x8a\x00\x94\x16l)q.\xe6&gt;\xcf\x8eM\x0e]\xfal\xfe\xe4d~\xfe\x81LZ\x9d/\xa2\x82\xf5-df-\xe5\xa3\xddb\x8e\x13M\xe4\xe3\x88z\x80\x92\xc9\xa0\x93\xc3\xdb\x02j%\xfd&lt;\xb8\x06\x02*\x86\xb4\x94)\xc6\x19L\xeai\xc8\x86\x88jK\x8aL\xb63\xa8\xc0d\xbd&gt;\x96A\\\x12)\x086\xba%\xc1Y\xf4\xf9\xe6\xfe\xcdCP\x9d\x9c\x1c\x11\x15\xa3\xf6a\xfd\x98\xb6=\'\x9e@\xaa\x97SH\x02\xcbu\x1c\x94\xb4ZE\xd8\x97K\xb0;\x1e\xa3~Qx\xd0!,\x1fz\x11\x16\xcdAp)R_.\xcf\xa4(5L\xd5\x90\x83\x1e\xa5\xafF\x90\xbb\xe7\\!I\x0c\x80\x82%\x82\xeb\xc9^\xfa\x12\xb0^?\x14(\x05\xdfM4P\xe1\xf5,X\x1b\x0b1e\xb9Q\xfc\xdb\xddD\xab\x94*S\x13\xba1T\x0fb\xd9\xa6\x8d\x90K\xf8V2_\x1e0\xf8\xf7\xa0\xab\xc6\xa7\x9e\n\xbdm\x15X\x9a\x06\x129\xa8!\x90\xf8/\x0eF\x94\xe0\x92U\xe5\xfd\xa52\xfb\xdf\xd9\x9d\xf9\x93\x7f\xdcB\xe8\xaa\x8c\xefB(q\x02\xadb\x94\x9f(\x0f\x02=\x01,\x87\xcc\x9doU\xcbI\x9fZ3\xc6K\x88\xcep\xf0\xa7,\xf2\x1c\xb0D\x8a+\xbes\xa0\xfd\x94\x81(\xf5`\xfa\x90*\x07\x03\x80\x888\x16\xbf\xe5\xe2\x19\xf0\x94\x102\xe8x[\t\x8e%)\xf5\x98\xf7\xb8~\n*)0\xab(\xbeGE\xa1\x80\xd8\xa49\x83\x8c\'sQB\xb5j)7\x01\xb3Y1\xcf\xa1\x86\xc5\x18H\xc0\xfen25 S\x15\xe9\xc0P\xa33 \xb4I@\xd2\x98RD6\xfaXX\x1c\x88\xf4\xe2\x07\x8d"a\x92`\x86\x86\x92bX\x06\x87\xde\xa8\xa3\xfe\xdd\x1b*\xfb\xf9\x11\nlos\xaa(eh\xc0\x859\xc8\xb1H\xbfR\xb9Zs]x\xc9ry\x8a\xe8v,hJ+5\x80054\xd3\xfcO\xcdep\xc30\x08\x04A9|,Q\x01y\xd8\x0f+\xd2\t\\\x80Q^\x91\\\x8a\xebp\x0f)\xc1\x9f\xd4\x99\xd9\x03\xf3F\xb0\xec\x1e\xbbwI\x87$z*:d\x1c9\x0cL=7YS\x87%\xb2\x1a{\x93\xe3b\xfe\xf0\xcc\xf2\xb1\xd2\x89#\xceCc\xb0\xa3\x82\x01\x19}\x16]\xc2\xa5tV\'\xe1\x99\xb4\x7f\xcf_}\xd3G\xd4lz@\xb4\xd7\xfeA`\xf4\x95\xcb\x0f\xe3lO=6\xe2\x0cT\x17[\xc2\xc3o\xeep\x14Om]\xc0\xba:u\xb8\x16Q\xee\xd5\x9d\\O,F\xe1\xdd\xbe\x80\x14\xe4\xaa"\xbd\xb4D\x17\xa9,\xb6T\xe4e\xddJ\xc5\xc7\xcee\xc5P\xb3\xa9G\x88\xe58\xb6\xc5dq\x7fj\xd9xOiwo\xe2\x00\x00\x00\x00IEND\xaeB`\x82'</t>
        </is>
      </c>
      <c r="M155" s="3" t="n">
        <v>45492.67787037037</v>
      </c>
    </row>
    <row r="156">
      <c r="A156" t="n">
        <v>552176</v>
      </c>
      <c r="B156" t="n">
        <v>1984</v>
      </c>
      <c r="C156" t="inlineStr">
        <is>
          <t>Walisson Maia</t>
        </is>
      </c>
      <c r="D156" t="inlineStr">
        <is>
          <t>W. Maia</t>
        </is>
      </c>
      <c r="E156" t="inlineStr">
        <is>
          <t>ZAG</t>
        </is>
      </c>
      <c r="F156" t="inlineStr">
        <is>
          <t>ZAG</t>
        </is>
      </c>
      <c r="G156" t="inlineStr">
        <is>
          <t>ZAG</t>
        </is>
      </c>
      <c r="H156" t="n">
        <v>187</v>
      </c>
      <c r="I156" t="n">
        <v>33</v>
      </c>
      <c r="J156" s="2" t="n">
        <v>33470</v>
      </c>
      <c r="K156" t="inlineStr">
        <is>
          <t>Right</t>
        </is>
      </c>
      <c r="L15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0b9a7f4a-4812-4f05-ace9-2131faea48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_\xb5b\x00\x00\x00\tpHYs\x00\x00\x0e\xc4\x00\x00\x0e\xc4\x01\x95+\x0e\x1b\x00\x00\x03\x00PLTE\xff\xff\xff\x15\x15\x10\x1a\x1a\x16\xfe\xfe\xfd\x1c\x1d\x1b\x14\x13\r\x12\x11\x0b\xff\xff\xfe\x1f \x1a\x18\x18\x13!#\x1f\xaf\x85Z\xb6\x8ed\xb4\x8b`\xb6\x8fg\xed\xba2\x1d\x1c\x15\x18\x16\r$&amp;#\xf0\xc37$$\x1ekE\x1b\xe3\xb1,\x8cd6iD\x15\xb0\x87_\xf4\xc68\xe7\xb3.fB\x11\x1d\x19\x0e\xa2wF\x87^,\xed\xc04\xad\x80X\x1f \x1e#!\x19\x80W\'\x88`5\xe6\xb8-\xb5\x8ci\x92j=\xb3\x88]\xea\xbb-\xa1sK\xea\xb60\x9er&gt;\xba\x94n\xa7yO\xb7\x91n\x8cb/\xf0\xc21\xa8}QnG\x13\xec\xbe.yO$\xa9\x81V\x96j6\x0e\x0f\t\x9epF\xfa\xfa\xf9\xb9\x92i\xe7\xb6)\xb0\x88c\x97o@\x90e1\x91g7\xe8\xbd2\xac\x81Q\x90d=\xc0\x9e}\x84Z)\xdd\xa9&amp;tM"qK\x1d\xf1\xc66\xa4zM\xb1\x8cf\xb9\x95ta=\x0e\xdf\xaf(\xbd\x97rb@\x19\xa9{V\x99mE\x9an;\xbf\x9awmJ\x1d\xc2\xa0\x82\xf5\xca;\x97j=Z;\x12#\x1e\x11zV%\xcd\x8d\x1f\xc2\xa2\x87|S*rK\x15\xdf\xa2$\x85Y3\x9fvP+\'\x1dxP\x18\xb4\x87d\xe6\xae*\x95hB\xae\x85U\xb0\x82`\x7fZ.\x82_3\x9atF\xa9\x80\\\xe3\xa9)\xa3}U\xc5\xaf\x99\xa5tN\xf2\xca8\xb2\x90o--*\xf1\xbe5\xd3\x96"\xf5\xf4\xf4\x8biA?,\x1cS5\x0b\xa8}H\xaa\x86_\xd6\x9e#}T\x1d\xee\xc51rE"nO%\x93mH\x99rMJ6&amp;T@/\x8ajLvS83*\x1d6$\rfF%\xf1\xf0\xef\xf0\xca qP\x19\xdf\xb7+\xe8\xea\xeaQ7\x19\xe2\xb3 \xd9\xa4\'\x9bwV\x9ezL\x80b@tQ+\xbb\x9az\xc6\xa6\x8fG3\x11yW.Z&lt;"SI&lt;vS\x1fkM0\xe4\xe5\xe2\xee\xea\xe3fQ@\xbb\x8ck+!\x0fC?7\x8a[@\x82eL\xf3\xc91\x8frV=5(AEH\x7fS0F)\x0cvI*\xa2\xa0\x9b367\xd0\xcf\xcd\xdd\xde\xdd\xf7\xcd=\xb9\x9e\x85\xbf\x98~aI1s\\H}vl\xe7\xe1\xd7\xa9\x87ioM9\xbe\xa4\x93]WL\xa9zg\xcc\xbd\xa6NQS\xae\x81v\x96gPbho\xa6r[\xc3\xc2\xbe\xb5\x96y\x80V=\xd2\xd6\xdb\x9ak[y\\=\x81\x81~\xa1{^\xeb\xc0!\x91ya\x94\x97\x99\xbd\xba\xb4odX\x8f_O\x8e\x8b\x85\xb6\x91&amp;\xf4\xc4(\x9c\x81bY]c\xcd\x81\x19\xe9\xdf\xa2\xbd\x93a\xce\xa9(\xc5\x9b\x1d\xa9\xa9\xa9k:8\xd6\xb0P\xb4\xb0\xac\xab\x85$\xe9\xd6x\xb8\x8cw\xd8\xc9\x9e\xbd\xc6\xd1\xdd\xd1\xc4\xa4\x89r\xd3\xcb\xb8\xdc\xc8\x89\x9flh\x84\x89\x91\xae\xb3\xb9\xb8\x96\x90\xb2\x8a\x85rmf\xa2y\x1esw{\xe8\xe6\xc2\xa3xr\x91o\x18\xad\x95}\xda\xc0u\xec\xcf@{`\x15\xe5\xc1L\xeb\xd5[\xc6\x96H\xe3\xc8c\xbd\x90\x1c\xb4~\x16\xbc\xaex\x8d\x84g\x91\x00\x00 \x00IDATx\xda\xcc\x98\xdfK\x1b\xf9\x1a\xc6;3&amp;\x9bi4\xcc,\x8a+\xf8\x8d\xe4\x8cbC\xb0Q\x02\xfeHD+F\xb1h\xc4\xa8\xb5\x98\x11\x05;\x88?JiE\xc1\xda-\xcbY\x9b\xac\x93za\xa0kc\xd6\xa0x\x0cbX\xc9F&lt;\x9a\xed6\x97\xbaE\xa1k\x10zW\x10\xceE/\xbd\xda\xfb\xf3|\'\xe5\xfc\x05I{\xde\x12\'\xc6\xc2||\xde\xe7}\xbe\xefx\xe3F\x0e\x8aCe\xbfr.\x97K\xfb\xe6\xff\xa08nuk\x05&lt;\x0b+\x07\xc9\xab\x8f\'\xc9U\xd7g.\xeek2q\xdcA*\xfdW\xf2\xe4$q\x9e\x8e\xa9\xe4\xdb\xd8\xf5\x05 \xb9\x1b_U5\xdc|\xf5\xbc\xb8X\x89f\xd2*\x91e\xa2c\rb,qq\xb2\xc2m%\xb7\xbe\x12\x17\xac\xb4\x90\xbc8WD\x89\x88\x8a$\x08\xb2 \xf0&lt;\xcf0\xf3\xb1\xd8\xf5\xc7\xcb\xe8\xe5\xcaW\x10\x0c2%\xaeS\x99X\\!\xa2\xa0\x15a\x05\x03\xa0t\x8c\xa8\xd3\xf3\x8aR|\x9d\\@/o|I6\xea\xa9\x8b8\x851@*\x96\xe7\t!&lt;\xd5\x8aet&lt;\x95\x8c\x97\xd4\xcc\xf9\xd5\xc1\xea\xea\xd6\xffF \xefH7\\\xab\xc9\x93\xe4\xb9$\xf0\x82 \x15\x1bD\x08\xc4\x13@1\x02{\xb3\x00h\xbc\x01\xdf\x08\x8a\x1aO__\xa7S\x17+\xdc\x97\xb1\xd4A\xe2:6\x1fWDQ$"/HP\x88\xe1Y\x03\xa3k\xd21\xecM\x03\xcb0\x0c\xc0X\xfcD\x10\t\x91\xa2\x89\xd5/Bu\x92Qe\x01H\xb4th\x9a\xc4S\x10\x96i\xd2S\xac\x02\x9e\xd5\xe3\x8d \xb0\x98J\x91\x08\x92\x12M,\xe4\x9fj\xf52&amp;\tD\x14u\x10K\xa4@:\x9e\xd1\x01\x83\xa5\xc5\x80\x8bgY=\x83\xf6\x1a\xd0Mz\x95\xe3\xa9\xad|\xfb\xde\xb5u\x89\xd1\xd3k\x054\xc8\xc3\xd0\xbb\xe3\xca\n\xc5,\x9aI{\x88\x8b`\x104\x97\x89\xbc(H\xd1\x13W\x9e\xb9\xb6R*RSd\xf4\xf0\x11\xb0\xf4\x0c\xa3\xd7\xa1\x7f\xfa&amp;F\x8b,\xa6\xc0\xc0\xf2\xf8\xb4\xa0\x00M\xc4G:\x91\x07\x97\x92\xbaH\xe63\xc48.\x19%\xb2\xa4H\x9a^\xbc\x0ejQ\xa5\x18\x1e\x94Z\x0f\xe9\x07&lt;\xa3\xe7\xff\x81o\xa8X\x8c\x16!\x82\x12M]\xe5q\x1e\xb9\x85\x8b\xb4L\x88 0\xbc\xae\xa9\x89g\xb4\x88\xd2\xe9u:\xb8\x1d\xa2\tx\xcf\x18\x0c,\x8e \x08\xc5\x18\x8aA\x86\x00\xe1I,\x1d\x8b&amp;\xf2\xa5\x17\xe7zw\x1e\x03\x95\xc8R75\xe9y=O\x8d\xa4o\xa2\x85\xe1\xd3\xdeS\xef3T2`Sh\xfc\n,"L\x96c\'\xf9\xc9U\xce\x95L\xd3\\\xc0KsSS\xb6e:\xc4\x01\xc5\xa2.\xd3\xeb\xe9\xf53 &gt;\xc7\x00 \xfbY\x03~\x13AN\x1d\xe4\x87\xeb \xa39J@\xaa\x17\x08\xf4\xb6&lt;\r\x07\rHOG\x80\xcaF\xafZKu\x146+!\x83\xa3\x12\'\xb9\x9a:Y\xe0\xf2 \xd6\xa5Do\x0c\x12\x9a\t\xba\xcf\xaah\xb6\xa7\x18\x0c\xd5\xaa\x89\xd2f\xa5k\xa2\x9e\x03\x17\x8f\x18\xd1\xac\xafD/\x0f\xf20\x84+\xd7D\xbb3\xe5`\xe9\xb8e\r\xcf\xb0\x05\xc5\xdaBCYh\'\xa1\x1d\xa3u\x99\x9e\x00\x9a\r\xf1_E\x83$e&gt;n\xe5C\xad\x84\x8a\x1b\xc21\xd9\xce\xd0\xf3\x0548\\\x94\xf9x\\\x95PX\xb8\x04\rY\xcb\x86\xac\xf5P\x18KI\x90$\xa2\xa6\x0er?\x8c8uT\x91z&amp;\xab\x07\xc5\x92\x89\xa0\xc4\xfd~\x7f\xe0\xe8(\x10\x08\xf8\xe3\x8b*-E\xd2\x8a\x9e=&lt;\x0e\x01\xa6\xf8[\t\x9b\x18\xfe\x89\xe9d\xce\xb1pB\xa7eQ3w\xd6I"\x91wvT\x7f`ss\xf9lmm\xed\xa7\xb3?6\x03\x81\xed\xedh4\xba\x1d\x05"\xf6C\xd8\x9c\x8a\x86Y\xa4\xa7\x11+\x08\xb9\xcf\x08\xba\x8c\x02KKw\xdc\x04\xbb\x83\xac,\x86B/_?,u\x0f\xb4\xb6\xb5\xddj\x1dX\xfaim\r\x80?\xbd\x7f\xbf\x87w\xbb\xc7\x81\xf8&lt;L\xa7\x9d\x90\x90\xcd\x80\xd5L\xc9\\,\xe4\x1a\xeb \xa3\x88\xb4\x83\x98.^\x96\x83\xc1\xc5\xc8\xc6\x8fc\x15uw\xda\x86kj\x1a\x07\x1b\x07\x9d\xce\xee\xee\x17O\xabn=x\xf0\xf3c\x9b\xed\xc1\xe3\xbd\xb5\xe3\xed\x00Vj\x82\x9dPdt\xe8!/\xc4SIW\x8e{\xf8Q\x85V\x88$l\x0e@\nmx\xbd\xff\xac\xac\xa8\xb8\xd38&lt;8\xdc8\x0c\xb0\x1a\xb3\xcdf\xb374t\x0f8\xcdf\xbb\xddl\xfby\xe9\xe9\xda\x1f\x81\xc5x\\\xc18j\xab4Q3W\xb9\x95\x8b[9\xc7\x8e\x05\xcb#\x94\x82!o\xc9\xd0\xdd\xae\xfa\x91\xce\xce\xba\xb6\xc1\xc1\x1a\x94\xb9\xc6\xfc\xbd}\xd6\xe60\x1a-\x0e\xc7\xac\xd3\xd6m\xb79m\xb6\x81\xa5\xa7g\xdbG~\x15\xa3\xa8\xd7\xb3\xc2MB\xfc\x89\xdc&amp;*\xb7p\tg\x89\x0cB]\x8e\xf8J\xee\xde\xad\xaf\xff\xa1\xb2\xb2\xb3\xae\x912\xd9\xed\xdf\xb7;\xda\xdb-\x962k\x99qj\nd\x8e~G\xf7\xac\xcd\xe9\x1cp\xaf\x9dm\x06T\x91f\x97\xc1 \xc8\xb1Dn\x17\t\x8e\xbbR\xf5\xd4[Md1\x04\xac\xfa\x1f4\xac;\x835N3\x88\xa6\xa6\xa6\x8cFk\x91\xb5\xac\xac\x08Uf\xb5\x1a-\x96\xfeY\x9b\xcd90\xe9\xae\x9a9B\xffq&gt;bQ\x8d^\xe5\xda\xf3\xef\xa2\xa2\xc6\xb5\x13\xf1\xf9\xbe\xeb\xaa\xa4E\xc52ww\xb7\x1b\x81T\xa8UKQQa!^\xa6B\xeb\xb41\xcb5\xec\xae\xfa\xf3H\xc1:\xc8\x8bDA\xa0\xe6z\x12\xa3\x80\xd2\xe9E5\xf2\xac\xb7\xa4\xber\x0c~\xaf\xb83h\xeeno7B \x93\xa9\xd9\x84j\xbe\xed\xb9\xdd\\\xd8\\[[[]\xddSf\xb7\xd1&gt;\x0e\x97\x8e/\xc7\x89\xb6A\xab\x7f\xb9r\x1d\x10\xc9\x98H\xc3\x81\xa8!\x9f\xf7\xbbzHE\xb1Z\xcd\x8e)\xa3\x95"\xf5@+Ss_8\xdc\xd1A\xbf\xfc;\xec\xa9m\xb1|n\xe3\xf8\xb2\x9f\xd0Q\x14\xa5\xcb\x9ccm\xa5E\xbaP\x91`\xc8\x07\xb5:;+\xea\x10Z\x8d\xcen\xbb\xc3Xd\x02\x12\xd5\xaa\xaf\x03u\xbfc\x14ux\xea\xa9\x9e\xee\xcf\xda~\xfc, \xd3L%J\xae\xb10\x8a\xd7D\x8f\x870\x19\x8e\xf7\x02\x0bL\xa8\xb6V\xb3\xb9\xdb\x01\xb3\x83\x0c\x9a\x81+\x1c\xf6\x84;\xc2\xa3\xa3\xe1\xd3\xb9\xeai\x8b}\xd6\xe9\x1cv\x8f\xff\n\xd3\xe3$\x12\x95\x04\x97{\xb5\x08\x9eX\xe5\x9dE\x04)\xbcUQ\xda\xd6VWG\xb1l\xb3\xf6\x06\xa3\xb1\x1f/\xc8\x06O\xd5V\xc3Z\xff\xa9\x9d\xab\xae.{\xd4\x9fU\xeb\xd7\xa3E\x9cC\xa2\x18\xbf\xe0rmyL"Ng\x19\x83\xe8-\xc9b\xdd\xc1\xc9\xd3Z\x83\xd8t\x9ag\x1d\x16\xa3\x15T\xa6\x89\x892\x84Wa\xd1D\xcb\xf4\xf4\xf4\xa3G\xfd\x88V`\xfd\xb2\x19W\x04\x81\xf0\xf1d\xce\xb1\xa0\x16jg_\x8bx`\xd5\x01\x0b!\x8f45;\x9d6\xbb\xb5\x88\x06C\x11M,\x87\xbd\xdd8M\x83\x0b\x85\xb4\x7f\xe1\xaez\xb8\xec\xc7\x938!\xb1w9\xdfl\\)&lt;\xb6\x92`\x04T]\xf5\xc0\xaa\xa8\xab\x83\xe5\x07\xe9\xa9\x03\x02\x8b\xd5J\xa9\xca\xd0I\xfb\xec\xac\xddb\x9c\xb6\xf4\xdb\xe9\xbbY[\x16K\xa1\x7f H\xaf\xe6~\xe1J\xed\xa0"!o\xd7\xd8\x0c\xb0:+:+\xb0&lt;8\xcd\xedSV\x8d\x06\x05\x14\x10:\xec\xb3\x16#\x9a\x89\x98\x07\x98\xdd60\xf9\xf0\xcf\xe5\rU"D:\xcf\xc3\xb3Oj\'\xb8O\x8d56S\x890\xedDD\xb4!\xe3\x1bz`sSau\x8b\xd1\x8a\xaeA4\xab\xc5\xden\x9d\x80\xed\'0\x88v\xfb\x03\xe7\xe4\xe4S\xe4&lt;\xccE\xd4\xab&lt;&lt;\xc1\xa6\x82\xc1g&gt;\x9fw\xa8~ddlldd\x04g\xcf-sC\xcf\xdc\x9c\x07\x93\xd7\x87\xea\xb1\xc0\xf7\xb0\x97\xa9\xef\x9e\xe7\xde\xbd{\xb5\x13F\x87\x8d\xe6\xe9\xc0\x92{\xfc\xa5_\x95I\xf4 \xf7\x7f\x15\xff&amp;\x15\xdc\xf7\xf9z\xcbK\xbaFF\xea\xbb\xba\xee\x0e\xfd\xf8z\xa6\xaa\xf5\xf1s`\xa1\xc2\xe1\xfb\xf7=e\xd3\x13E\x85\xb7\xef\x8d\xae\xaf\x8f\xde\xbf\xdf\xe1\xa9\xb6\xc0\xf0\x08\x88%\xe4\xfc\xeb\x8dE\x99\xa4\xf2\xf1\x9c\x98\nF|\xbd\xde\xf2\x12lZw\x87\x86\xbc\xa1H\xe8\xe5\xf2\xda\xd2\xab\xe7o\xe6j)\xd5\xe8z\xd8\xf4\xaff\xd3\xed\x8e\xd1\xf5\'O\x9e\xac\x8f\x1e\x86=e\xfd\xf4\xec\x19\x18@D\xccl\xfawH"\xf7\xd6B\xca\xc3Y\xbd\xe5\xe5%%%C%C\x1b\xfb;\xaa\xba\xe8\x0f\x04\x8e\x8e\xf7&gt;\xbc\x99;E\xae\xaf\x9f\x9an\xf7\xd1\xeb\x13Zo\x0fO\xe7\xa6\xfb\xd1\xc1IZ\xa5U\xbf@\xae\x8f9\xc7\xfa\x86\xdb:\xc6\xea\xd0\x0b.\x84|I(\x18\xc4X\xe2\xd1K\x8d\x07\xb65\xb0\x8e\xd1\xb7\xa7\xa6\xbe\xf0\xe1\xe1[\xad\xfe&gt;\xfc\xfb\xd3\x9bW/\x96&amp;\'5.w\xe9\xf8fd\xe7*\xe7XXl\xb6\xf7\x9fe\xa9\xbc^P\x05\xfd\x01\x7f \x1aW5\xae\xdd\xbdG\x9e\x8e\xc3\xb9\x16O\xc7\xe8\xe1\xe1\xe9\xa7O\xef3\xd7\x99Lfw\xf7xs\xd9\xed\xa6dn\xc8\x15\xca\x0b\xd6\xefgP\xab\x9cb\xf9B\xfb\xfb\x91\x8d\xa3\xb3\xdd\xbd\xf7{G\xfe\xc5E\xca\xf5\xaa\xc5\xe3ii\xf1\x1cR\xaa\xf7\xc7xZ\x8cE\xd3\xd1\xf4v \xb0\\U\xe5F\x95\x8e\x8f\x85\x82\x17\xf9h\xe2\x9a\x86\xd5\xeb\xf5E\x82\xfb\x1b\x9b\x0f_=z&gt;wz\xfaa\xf7(\xe4\x0fl\xaf\xbdj\xe8ii0\x02\xeb\xf4\xcd\x87]J\x15\x8b\xfd6?\x1f\x8b\xf9\xfd\x9b3\xe3\x00\xab\x82Z\x91\x93&lt;`\xfd\x9e\xc5*\xf7E0\x82\xafi4 \xb2N\xc3\x9f\xf6\x96_\xbe\xfc/\xad\xe6\xfb\x92\xd8\x9e\xc7\xf1\xbd\xc8\x10Cw\x82; \xc7\xa0Ib;\x9c\xb3\xc8\x98QX\xd7\x06\xbd2N\x18idM\x86\x8ed\x9c\x13\xd2\xf8\xe3\xa0\xe1\xc2h\xd7\x07G\xad\xe3\x8c\x11\x04\x8e\xce\x8c\x96\xab\xddU\x9ak\xee\x931o\xda\xb5U$\xa9\x15Y\x1ah\x9f]\x16\x82\x1a.\xd4&gt;\x88y\xbe\x9f\xd3\xec\xfe\x07g&gt;\x8f|\xf8\xe2\xfd\xf9\xf9\xfe\x1e\x93\xa1h\xb0\xbd}\xfc\x0bV+[,\xa6\xd3\xe9_!\x8d\xbfn\xae\xae\xae$\xe3f\x02A\x85\xb6\xc4\xc6\xd7\xc0\xfaKv\x99\xc5\x12\x18\xdf\x19\xf5&amp;\x1b\xa2\x00\x1b\xe8\xf10;;;\x0cp\xf9\xed\xb8h|\xa8\x03.-\xb7/\xb2\xc3d\x19\xe8\x82\xcb\xcf\x9f/[\xd94p\xe5\xcc6\x02\xb0\xf6\xb8\x7f\x82h\xe3\xa5\x98\xe5/j\x81\xc10\x11h&lt;\xbc\x97\xdc\xdbK\x830\xe5\x93\xa4.lFd\x03\x9d\xda7\x93\x92N\n\xfa\xcf\xb3\xe8\x18\x92\x83\x98\xeeR3r\x02\xf5\x95#\x84B\xb3\xb1\xb8\xcf1V\x1b\x8f\xc7[k\x01\x96\x00\x8aK\x00&amp;1\x96x\xe7\xf5z\x17\xfe\xb8\xf0~\xb5\x98\xdeK&amp;tj\xa4\xfb\xc7v\xf1\xa4D\xe3s\x06&lt;h4\xea\t\x90\xcd\x92\xdb-\xa7"L9\x91l\xa0\xfd\xc2\x98\xae\x95\xe2\xfa\xd8b\xbfC_\x1a\x01K\xd0%\xe0\xeb\xe7\xf9\xcb0\xb7\x16\xbe\xb9\xfb\xfd\xcf\x7f\xfe\xeb\xcafz/a\xd4\x0b\x87\x1f&gt;~$\xee\x90SAO&lt;\x99\x84rK\x9ed\x99\x88\xcf\xea$\x03\'\xe1\x98\xbd_\xe8\xd7}\xe6\xda\xba\xae\xed\xa7Fx\x1ft\xcb]@%\xe0\x0b&amp;\x96_=\xf8\xee\xfd\xe6\xc2ww\xee\xff\xfc\xf1?\xd0la#_\xda/\xeb\xf9\x16k\x1f"\x83\xd1pbc\xc3\xeb\x05\x1d\xcb\xe5P\xc4I\x02g\xdc\x86\x12z\xff!\xa7\x15\xcf\x1b\xb98\x8bf/\xaf\x98\x89eX=z=_\xb7\xbc\xfb\xea\'\xefJq\xf3\xc1\xb3\x07\xff\xfa\xdb\xc74\\\xf7F~\xefp_\x0f\x06\xcb\x99l2{\xef\xbc\xab\x0bw\xee\xde\x7f\xe6\xdd+\x873AX\x89(\xdao\xd3G/\xb8\x15k?"U\xd3\xe1\xb0\x0e\x92\xd8\xc5\xf7\xfb\xfda\xe3\xf2\xc6F"Q.\xae\xael\xfe\xd2\xca\xee\xec\x9c\xe8\xba\xd4\xc2\xa7}=\xdb\xdb\xd6\xa5\xe9 \xb3\xea]\xfd\xe5\xfd7w\xef/l\xbe\xf4\xae\x86Q\\\xa1\xc0U\x88M\xdf\xe2\xf4\xe5\x94\xf7\xe2\x83\x94\xcf\xa7\xd5j\xbeq\x99-\xacx\xdc\xcf\xee\x1f\x1dTO(\x14jD\x99\x9d\xac\x9f?&amp;\x1d\xfd\xe1){&lt;/-\xaa&lt;\x8d\xf2^q\x15\xcc\xc8\xdf?\xa6\x9f\xfd\xb4\x92Gq\x87\x02G\xe2~(-.;q_5\xb1l\xcc\xd3\xb4~\xc2(\xd0\xfb\xe3v{\xcc\xaf\xd7\x83h\xb1X,\x1ejd\x99l\x0cn{)a\x00\x9f\x01\xb7\xbbH\x95\xf1dB\xa1\xf4\xca\xca\xe6?Z\xe5\x95W\xbba\xc4\x11TL\x03\x96k\x8472\xc2k\xe3\xaa\xde?\xe5\'\xf8y"O\xf3\'\x8c]0H\xed\xf6x,f\x83\xb0\xa30N\x19&amp;\x1a\xcfI\xa5\xeaQ\xc3\x12k4\xa6D}\xa2EO\x14d\xcc\xc2\xaa.\x86\xcaI\xda\xac"_;\xa6U\xa0\xd6\xc5\xe1\x81\xebb\xa4\x8d\xa3\x82wA\ns\r\x9a\x7f\xab\xd6\x96\t\xda\xcafG\x10\x1c\xc7\x1d\xaf\xa1\xcb\x08s/PI\r}\xe0\x0b-\x16\xeb\x92h\x8a\x0c2\xd1\x93\xd0I4\x0b\xe1A3\x19\x0f\xe9\x0c*\x10u,S\x8b\xd4D\x15\x8e\xb8x/&gt;\xd3t&gt;\xd3\xc8\xf3\xd5\x13\x13|\xfd\x96\xcd\x16G=\xb8\xc2\xe1x\xcdF@\x85(\th\x08B\xd4c\xb1Z\xb6\xd9\x9a_\x9a\x9a"\x03\xb0\x92\x98@-p\x1b\xc1\x883\x88\xa3R\xb4V\x87X*p4\xbc\xd6\x9at&gt;\xaf"\x88\x9c\xba\xabkl}\xcbd7\xa1\n\x96\xc89\xeep(\x94\x06\x83\xc1&amp;\xa5\xcd \xd66\x1b\xe7\xd8\xd4R\x0f%\xf7E\x9a%\xd8;$I\x06\xd9 I\x1c\xe9\x9d\xa6*\xf5\xe3\xd3\xd3J\xaa\x8d\x93\xd2J\x1d\xe7s9"\x97\xcb\x1bu]\xeb\xeb\xeb&amp;\x9bM\tX\xa0\x96B\x89*\x152\x19&gt;:F\xa3"\xabx\xb2\x00\xd6b\xf6\xdcR\xa7,\xd8\xb6\x9c\xbdz\xdc&gt;\x8ar\x02Y`\x9a\x84k\x9e\xacT\x9a\xc7\xbf\xdf\x9cs\xb2\x81`\xc2G\x00\xcbL\xc3\xbe\xd9\xd5\xad\xaf\x8f\x99L6\x1c\xa8\x14po\xa2\xc8\xf4\xf8\xb8C\xd9K\x9b\x17\x07\xe4\x933s\xaeO\x87o\x0b\x12\xaa\xc2zD98\x0f\xb7F\xce\x829\x83\xaa\x80\x03G\xa7J\xd7W7\xd5\xeb\xab\x14\'\xcd\xc8{\xe1\xa6\xf3\x84\x946\xee\xeen\x00\x16\x9bEv\x0e\xa9PD\x85\xcb\x1e?\x1e\x90!R)"\x93\x89z\xb0\x19\xf0\x16s\x05\xad\xb5\x8e\x81A\xc3\xe4\x1a\xb9\\\xa3\xd1\xc8;\x01,\xb8\xe8\xc0=\xd4\xf5\xbf\x0f\xaa\xd5\xab+n\xce\x08\xde\xc8a\x9e\xce\xd1\xba\x8d\xddD\xa2k\x1e\xb0z\x11\x98\xda8\x82\xa8\x0c\xb2\xbe\xf6\xe7\x03\n\xa1\x1a}*{:,\xeb\xe9\x98)\x14\xb6\xb7\xb5\xdb\x14\xf6\x04&lt;\xa3\xdc\xc7\x82\xc9;\xad\xf2\xce!\x92t\xe0A\xf7\xc1?]\x80u\xcd\xd1u\xc3\xdb\xcf\xd0f\xdd\xf2F"\xa9\x13\x0c\xb2j!\n\x87\xc2\x80\x1bp\x11\xfb\xac5\xce\x8ae \xfc\xe6\x1fd=\xd8\xf6\xb6\x1c\xda\xd1b-\xcc\xce=\x91\xc0\xcf\x08\xd5I\xf5X;)2\xa8\xc0\x83\xcd+\x97\xeb\xfaV-n&amp;W\xaaI\xe7t\xbb\x1b\xe5rX/\x00*\xc0\xc2\x15\x06\x95J1\xce:{\x11\x01m\xd8x\xf5\xfd\x83\r\xc20Mf\xf7VBS\xd6\x8av\xf6\xed-\x17h\xd5i\xa1|\x9dNR\x817\x1a\xd5\x036\x89\x07\x1c\r\x08\xde\xdag\xda\x9c\xdf\xdd-\'u|P\xcb4\x8a\xe00Ka\xd1\x8d\xff\t\xee+2\x07\x05\x1fz\xf9\xe0\xa57\x9c#2\xe9\x97w^e\xa6(\t4\xe5\xec\x1bI\'$Q\x82i4\x14E\xe2\x91\x9b\xd3\xf3\xab\x83\xeb\x9bk\x17G\x86\xbf\xed\x85\x8bV\x83\\\x89P2\xac\x9f_7\xf5\xf6+\x11\x04Ep\xd9\xc0\xbd\xc9Il\x8a\xa0i\xa2Q.\x16C\xb1\x06\xd3\xbai\xa5\x13\xc4\x12%\xd1\x16\xde\xce\xcd\xbe\xc1,\x1a\r&amp;qk|C\xaf\xf1\xe0\xd51t\xe1y\xbd\xca\xdd\xf6\xb9\xc8\xc0@\xe5\xeb\x12a?\x7fp\xcb\xd4+Dn\xb1\xba\x07\xee\x89\xb5bk \xc7\xe7\xe7\x1b\xb0g\x98\xe6%D\xa5\x96\xa9\x95$\x98vnnvF,\xc1\xa0!%rjh\\\x19\x84\xe1P\xa9V\x8f\x0b\x9c\x1d\xce\xbcTIJ\xd3\xb4T=\xa6\x16\xfc\x0f\xcb\x8e"\n\x16K\x8cQ\xe4t&amp;\x9f\x0f\x9d\x9c\x14[\x97g\x10\xcdZ\xadr\xa4\xc5$P\xf43Z1`\xf9|&gt;j\xe85\xd2t]W\xea\xd5j\xdd\xc5\xd9\xa3\r\x8c\x08\x94\xe6\xd3\xbdD\xef\x18\xb4\xe2\x17,\xa8.H\xa2\xf8Q\xfb@\x9fhZ\xd5\x08%\xcb\xc5V\x0bLv\xabUq\xbf)h1lfvvfR,a\xe7\x96\xcf\xe7t\xa0U\xd7u\xad~^\xaf\\pu\xd9\xfc\xa1\xadm\xedhT\nw\xa0^\x7f\xdb\x8a6\xd4n\x87\xd9\xe5\x18\xba\xf7mO_\x9f\xcc\x80\xb0\xde,\xc9\x9c\x9d\x81id\xa2\x91\x92[\xac\xc5\xac\xe2\x99\'\x80\x85a&gt;({\xcd\x10\x1e8\xb8:\xae\x81X\x85\x14gX\xec^&lt;B\xcd\xd21\xb5\x94\xcd\xe2V/\n\xa5\xa5p&lt;\x1c\x7f\xfe|\\\xe4@c1\xf09\xf1L\xa0\xc6\xa0\x81\x08\x13\x05\xbbc\xc50\xcb\xf6$\x94\x16\xa8\xe5\xa4|\xf2N\'\x1e(UjU\x10\xeb\x90\xd3\xbb\x99\xb7v\xe83\xa8\x10\xc4\xd4\xd55\xb8\xde+D\x11\xf6\xe3t\xf7\x8f\xdd\x0e&lt;\xee\x0f\x87c9b\xb1\xbeT\xaf\xd4-\xd6/\\\x14\x86a\xe2\x99I\x89\xa4\x03\xc6\xbcF\xe3\x1b\xc7\x17#\x95J\xb5R?\xdf\xe7N\xac[\xae\x91\xd4\xa1\xc6\x81\xacO\x08\xe6\x01K\xa8T JE\xf7C\x04\xeeg8\x9d\t\xd5\xe2\xe9\xe9i\xadrS\xa9T"5\x86\xf1\x04|\x1aL&lt;)\x16\xb3\xb5\x05\x8b\xb1\xbd\x1b/\xcdi\xe1\xd8\xb2|\xe2\xfe!\x89\xb7vq\xc07\x0e\x02\x16\x88\xf5tX9\xacD\xe3\xf1\x13\xbb\xcdNdn\xe3\xf4\xf8\xf8\xf8\xf7z\xb3\x19\x0c\x06\x98HI\xc3B}\xe1\x92\x0f(\xf0\xa3\x0f\xe7\x95\xfa\xd4\xdb5N\xc5\xfa\xbf\xb3N\xed\x18A-\x93\xb0\x1f\x98\x94\xfd@\x15\xf5xTp\x8a\x85\x1a\x8dL\xa6v|\\;\xae\xd5jM\xaa\x19\xd99\xa34\x8f\xc4\x92\x8eG\x8f`\xc8\xfbH&lt;pT8?\xb7\xbcM}\x95\x7fp\xf1^\x1ct\r\xce\xcfo\xb1\x1fV\x94\xfd\xc2\xd1X\xdc\x13\xc0\x89|&gt;\x0f\xee\x19\xc0j\x90\xc9\xd3\xcci\xad\xe4.\x95\xce\x9c\xbe{\xb0\x9a0qG\x87\xc4\x89\x0fG\n\x85\xf3\xc2a\xea+\xfd\xad\x8cwa\x9a\x9f\x1f\x1c\x83\xb5\xd8\xdf/\xec5\xb1b5\x92\x89\x15/\xc4J\xe276\xf6~\x0b\xc1\x94?:*5\xff\xcb\xcb\xf9\xc74}\xa7q\\\xbe\xfd"\xdf\xfe\x0c\xf7M\x9b\xf6\x9b\xf4\xda\xb4\xb6i\x1b\xd2_iC\tmh\x1bj\xafM\x81  KIc\x9b\xd6\x9aB[R6H\xe0\x80\x90S\xbc[\x1c^\xd4\xc8\xd4\xcct\x10u\xc6 \x03\xc9\xb1\xc8t\';f\x86\xe2\xc6\xa2F\xb2\xc86wNO=o\xeay\xbb\\\x963\xbb\xe7\xf9V3/w\xcbv\x17\xcb\x93VL\xf4\x8fW\xde\xcf\xf3y&gt;\xcf\xf3\xfd&gt;\x0f\x9d|\x81\xcbe2\x89,\xa2\\V\x9f\x9b=tn\xae\xb7HSxe\xce\xb9\xbe\x18\x16\xa8\x1a\x90\xca\x1f\t\x1c\xb8\xd8\xf7\xea\xe1_\xe2\xf3\xe6\xcf\x9f\x190\x1e&gt;\xf3\xd6\xa5\xeek\xfbs|\xa1@d\xb2XL5\xb9\xacq\xcb\xed\xf1"\xce\xf7s\xc6\xaf\xc9c\xc9X&gt;\x1fQ\xfa5\xf9\xe0\xf67\xfa.\xbe\xb3\xf3\xd7g&gt;\xbc|\xe1\xde3\xbb\xfc\xf9\xce\x9d;\xcf\x9c\x00,\x87A(j4\xb9\\\x83973\x07De\xeb\x8aee\xbd\xdf\xc8\xed\xc9d~hH\xa3\xd1\xe4[\xb7_|\xfd\xd53h\x97/&lt;~\xff}(Z\xfe\xf2\xf5\xe3{\x97\xf1\x01\xe5\xf1\xfd\x97:U \x97\xcbU\'\x1a\x1c\xd5\xd7\x17yD\x9d\xd3%\xb3\xc7\x92\xc9!0M\xe4\xc0\x81\x8b\x19\xe8=\xde\x84x\xbf|\x0f\x9a\x07\xf8|\xfd\x18Z\xae\xe3p\x07\x9d8\x91\xe0\x1b\x84\x02\x81\xa8\x8eqd\xab\xea{\xcb\xd6\x15\xd5\xce\x05\xe4\xb1\x18\x8b5\x94\xcf\x83\x13\xa5\xf1h\xe0\xed\x93oA^@?&gt;\xfe\xfd\x05\xcc^\x97.]\xda?\x1c\xb2\xb1/\x18\xe1\xe6\xc9\xb6lt\x16\x19\xebN\xa4\xc1\xcer\x81+\x03\x81LX/\x8dk*\x03\xd1x&lt;\xfe!\x9bSS\xcd\x15\x1f@\xcf\xaf\x1b\x0c\xd9B(\x97\x88\x19\x1cu\x1b\xcf\x15wr\xb8\x8cs;\x03\xb7\xa2\x1d\xe5\x02.?\\\x8da,U\xd3\xd1\x03o\x1e\xde{\xf8\xb5\xb7\xe3)\xb3\xaa\xb3c\x9bn\x1bc\xabmo\x07,\x86\xef\x18m\xc9\xde\xe6\x94\x15\x17kN*\x07.V\xadX\xd2\x0fi5\xec\x0e7WW\x0fC\xfdp\xfc7\x7f\x18\xee\xac\x83\xe2\x01z\x1f\x83A\x85s7*\x86q\x84\xb2\x9e\xd1\xb9"G&lt;g\xaeO.o\x90\xc7X\xac d{\xab4\xdc\xa2\x08\x99\x9b:t7o\xd6\xd7\xcf\xce\xce6\x1e\x01.\x01`\xd9l\xb5|\x07_\x08e\xbc2\xb7\x16X2y\x83,9\x94\x84l\x9f\xd7\x80^P\xe0\xbclVA}5\xfb\x12t\xad\x80\x85Z\x19\x0cfs\xc8fk\xb7\x85\xb2\xfa\xb4vp\xbc\xd8X\xe3;\x10\x0br*\x8b\x15\xd1@w\x96\xad\xae0\xabt\x8d\x1b\xa1\xa9xiv\xb3\xe9\xc8\x11\x03\x9fo0\xd4*\x14\xa0W(\xebV*\xa5u#k\x81U\xe0\x8a\xd9\xe1rL\xa7\xbd-F\x85\xcdap5\xb2\x835\x80\xa5\xd3\x19\xf8*&gt;\xdff\xac\xae\xe5\xb7+\xdc^\xa8\x82\xba{\xcb\x8a\x1c\xf2\xe3\'\xe4\x12\x89\xac\x01\xaaA\xc4\xca\xa7\x95\xd2\xb0{\x94\xcfg\\\x8d\xf8\x86\xfa\xd0\x16\x8c-\x06\xb1\xcc8\x89Pk\xb4b!{\xd0Yl\xac\x91\xfd2\t\xcb\x05i\xc2\x1e\xcb\xfb\xb5Z\xbd&gt;\xc4\x1f\x14\x98\xf09R\xd7\xd9C[6[\x8e\x08A\xaev\xc0\xb2\r\x18\x95\x1a\xf8\xf7\xf0\x96"/b\x00\xd65\x16\x0b\xfd(\x03\xaeH:\xa3\xd5\xba\x1d\xed\x06(\x16n\x9e\xed:\x8b=\xeb\x11\x01`\xd5*\x8c\x8a\xea\xb0_#M5\xa7\xc2\x87\x8a+\xd6sX,\x176\xb3\xd0\x9c\xf5\xe5\xa05\x13\xb8j\xba\xf1\xd5\xab\xc9$\x00\xb5l\n\xa3\xb1EZ\x19\xf55W\x03VW\xb1\xf7V\xcaz\xff\xd4\x8aX\x12\x99\x1cM\x16\x0c\xa4\x01+k\xe3\xc3\xf5\xe7\x12\xd4t\xd7w\x8b\\B!\x1c\xc3\x96\xb0W\x19\x8djw\x0cW7\xfb\x8a\x8f\xc5q~\x83X\x92\xa7X\r\xf2\xd6|\x1a:\xec\xac\xa3\x1dmP\xd4=XW\xc7\xc0\x014z\x94\xfeh\xdc\xd7\x9cH\xac\r\x16\xe7w\xad\xa0\x95\x04_\x93\xc9\xec\xb2\x866\x194\xd9\x19\xbd&gt;\x0bij\xc01\nm\xfd\xfeQ~\xbb-\xab\x8cV\xa6\xb5\xfa\nsS\xd3\xcbk\x81\xb5\x0e\xb0d\xb2\xd6\xd6B|\xc9d\r\xfd\xd8\xfdg\xa4-\x10JF7&gt;\xac\x1f\xce\x8eBb\x0fV\xc6\xa5\xbe\xeaD\x02\xb0\xaa\xf5-k\xa0\xd6\xd9\xed\xa0\x14p!\x14\xe4\x88\x86\xfe6\xc0\x8c(\x95V%|\xa5\xda\xbe\xbe\xcc\xeb\x99\xed\x01\x90*\xd5\x9c0\xe7p$6\xb5\x16N\xec\n\xb0\xb1\x85\\\x90 b1Y\x7f\x7f\x7f\x1bd\xd7d2\x18`_P\xbd\x06\xcd\x7f\xc6\xabw\x0fW4\xa9T*\x1b\xa8\xb5FX\x85\xa0\x07C\xae$\x08\xd6\xdf\x00\x88p.7\xb5\xb5\xed=\xbcW\x12\x95\xe2\xf4|\x82\xcf\xd4t8\x9a\xcc\xd5\xbe\xaa5\xc0:\x97\x07\xa9\x82h\xe0I\xac\xeb\xf1rD\xd9bvv\xa2\x04\xa5\n\xbb\xb3\x15!\x07S\xc0\xaa\xf0y\xd7\x00\xebN\x04g\x03\x03\x81 |\x82\xad\xf6\xa7u}\x12-\x16\x0b\x064Zo\xb8\x19"?\xc7\xaf\xa9\xc19&lt;USEJ\xcfb\x15g#\n\xad\xac\x0c\xb0\x0el\xc2\x01\xaeJ\xfc\x00V0?\xe4\xb7z&lt;V\x8f\xd5\xea\xc7\xe9ywEEE"\x91\x03*\x1d\xd6\xa9*\xfeS\xac\x82\xbdx$\x16\x8b\xc3\x19\xfbx\x93\\\x12\xa8\x8c\x82\xbd\xa1\xa9\x0c\xb6B)\xa8\xc4q\xcal\xb6yG*5\x0c@\x9d\x9d\x8e&amp;\x07#\xd8\xa6\xb3\x00\x17\x8e\xe96{\xb789\xce\xde\x11\xe7\x0b\x04{\n\xd4;s\xea\xfc\xf9q\xa7s\xee\xf4\xae~P\x0b\xb1\xd2\x99t\x14\xce^ \x82X\n[.1\xbc#\x91\xeb\xe8\x18\xac\xe9\x80:G\xa4\xab3YD\xd0i\x00VX\xea\xba=\xb5\xf4`a\xe9\xb3\xc5\x17D\xc6Ne\xf4\xce\xdc_Z96}\xec\xe3\xbf\xdf\xfd\xee\x9d\xa3\xbb\xdad\xad\xacZi\xad6]\x19\x84\n\x15\xb0\x8c!G\'4\x87\x9d\xec[\x9e\x1af\x9b\xc8%\xd2\x99L\x16\x8b\x8e\x81\xd8\n\xc7\xaf\xde]\xe2\x91\x04\xd53qe\xb1\xf7\xff]\xeb\xe4&lt;g\xce\x91\xb1SS\x0f\x8e\xd1$\xc1%\x1fu]_\xfd\xed\xcf\x8fN\xb6\xc9[\x81\xea$T4\xd2L$\x10\x88@\x9f\x81X\x83\xef\xbe\xdb]\x98\x92g\xb1L\x8d\xf5\x05,sE\xca\x7f\xf5\xdbs\xf3\x14Ir\tzb\xe9\x93\xb1\xde\xffU1\xce\xf7P\x10\x0bc\x8b\xe7\xa7\x1e\xcd\xf7l-\xe7r\t\xb2d\xe2V\xd7\xea\xc3\xc9\xa3\x93\x93m\x9b$\x81H\xf4d\\\xab\xd5f4\x95P\xcdC\xc8\xb7\x00Vww\xfd\xc1\x83\x9b\xeb-\xba\x1aF\x80X\xa0\x16 B\xc8\xeb\xfd_\xbe\xf2\xe9r\x8f\x1a\xb0\xa8\xad\xe2\xad\xefM\xcd\xa0b?\x9d\xad@\xb3\x07\xc3\xe8\xfe\xd4\x95G+\x13=D\tA\x89A*\x82(YX\xfcn\xf5o\xbbv\xb1X\x10[\x80\x85mk$\x82S\xb1\x1e\xaf\x91\x9d\xf3\xdc\xb8qs\xbd\x08\xd4\x12\xb2X V\x1d\x8e\x80\xfb\xfc\x0f?\xfa\xf6\xd4&lt;\xc9#K\xca\xa9\x1e\x80\x9b\x9fZ\x1c\xf9\xc9G\x93\xb3\xceyj\xf9\xd1\xc2\xc2\xca\xfc\xc4\xf4t\x0fM\x91\x14\xe8N\xb2\xdb\xdb\x04I\x90\xcb\x8b_\xac\xfec\xd7d\xffd!\xe4\xd3\xf1\xb8\xcf\'\xcd\xb0;\x06\xc0\x15\x1e\x1d\xc4)\xcf\x8d\x9b-u\x8c\x10\xb0L&amp;\x13\x0e\xa8\xd71\x98NOz\xf6\xbd\xf2\xd7e\x1e\x8f\xc7%\xd4b.I\x94n8\xb6r\xe5\x06\xfe\xde\x88\x1f\x07\xe3p\xf6,O\xd0j5\xc0\xc0\x97R\x93h\x04A\xa8Q,\x92K\xdf\x07\xac\xd8$^\x80\xec\xa8\xb5\x06\xd4\xd2\xfb\xb4 \x15^\xd2\xd6\x163\xa3C\xb1\\\x02\x86\xc1\xdd\x07\x17\x06\xbc\xa8\x8e\xe9h\x02\xb54\xfe\xeb\xbb?\xbd5M\xd1$\x97\xa2\x89\x12\x8a(]_BO\x1f\x9b_\xfad\xcf\x8f=\x8b\x83\x8ctz\xab\x9a\xc7S\xa3\x01\x19I\x96\x13\x04b\xf1(\x0c-\xee\xf4\xadS_\xac\xda\xdb\xda\x00\x0b\xca-\x9cK\x07,=\xc8\xa5\xc4Lj\xf5*jE\xf5P\xc7\xb3[+\x02\x11pYL&amp;QMG\x87\n\x9d\xa8Y\xdd\xfd\xc7E\xf4"\x97\xe2\xf1\xd6\x13b\xa2\xb4\xb4\x84\xa2\xe9\x9e\xe9\xf9+\xacf?x\x03\x80V\xa7\xb7\x82F\xa8\x13 \xa9\xf1\x0f\n\xd5\xa2\xc4\x80Fb\xc4\xdf\xb9\xfe$&amp;\xd9\xd4\x80\xd3\xc3\x88\xa5\x95\xfaRn\xbdT\xa3\xb1zp\xcb\xa0j@\xd0\xd8\xe8\xc2\x85\x0c\x04s\xe1\x16\x8bI\xc40\x90 \xaa}q?`\xcd,\x90\xe0ERM\x97\x94\x92&lt;\xee\xfa\xf5%\x04\x8f\x16\x8b\xc5\xd3\x0fn\x14\x02\xed\x07\xa8\xae\xf4\xa0\xdf\xd4\xa4\x9a\xfd\x81\x8a\xe1_\xe1\xec\x94\xb3X\xf3\x88\xa5\tH\xe4\xd0\x8a\xe1\xe5\x83\xcb\x05z\xb7\xde\x8b\x81UUU\xe5\xf1\x18kq\xb9GP\xf8\xb2\xbb5\x10\xfc|\x15V\x10,\xd6\xd8#\x92\x86\xe0\xe2\xf5\x94\xaf\xe7\xf2\xd4\xb8\x95\x8a\x82\xd1\xb4\xb8g~\xe9\xc6\xcc\x7fu&amp;\x873\x02T\x14\x1bR\x05\xadx\x05w\x02\x16M!\x16we\xf1\xab\xebO\x94\xd1_a\xc7#\t\xc6\x86\xc0yR\x1c\x80b\xb7WZp\x8fl\xa0]X\x80bwXP5\x91\x10\n\x88\x10`\xa1\x13\xc7\xfeL\xd24\x81\x12\x95\x94\x10b\n\x17\xb0\x7fV\xce\xa3y&lt;\x9aVO\xcf/\xcf\xfc\xa7b\xacV\x1b\xf0\xe0\x154z\xce(\x12\xb0\x00\x95\xbb\xb0\xf8\xd5/\x9ex3\x95A\xb6A\x0c\x0e\xe1r\x01N\x8cXq\x05\xc9\xa8\x80J\xbe\x16\x1f\xfe\x89\x90\xcb%bCL(\x84\xf4\x80\xaf\xf5\xe2\x92/Y,\x1eMp\x11\xab\x94K\x89\xcb\x0b\x0b\xb2j\x1a\xc0\xc4&lt;\x90ly\xe6\xdf\xf3?$\xab\x19\x88+\x1ebQ\xcfp\xe0\xbfR\x10Y\x90\xb0\xc4l6E\xb5\xf6]\xd5K\xfd\x01\x9c\xc2\xb3\x07+\xf1\x04z\xbdU^\x8f\x157\xa3\x14\x03\x03\x03\xec\xb3?\x93\x0b](@,!\x1bY\xb8[pr\xef\xc3\xdd\xffD,\x1e\xc1U\xa3Z\x10Wb&lt;\x8e\\\xb8&lt;\x90\x0b\xc8\x00\xec\xb3\xb1\xef]\x89\xafr\xce\xbf\'\xde\x80.|\x1a[\xf8\x85\xb3HOO\xac\xb0Ylba\x85&amp;&amp;n\xdd\xddw5\x9b\xd2F\xecX\xc1\'\xd1\x89p\xfe0\xa8\xc0\x89\xffb\xda|c\x9a\xc8\xd38\x8e\xbd\xba)\xad8\xb5\xd3\x1b\xd3N\xc2\x0ee\xfd\xa9c+\xdc\xd4\xb1\x9e\xb7#\xbb\x838\xda\xea\x8d\x7fCO\xc3\x92\x865\xd5l\xce\xbaai/\x1b\xac\xece\xdfhd\xcb\xb51\xeb\x9a{\xb1&amp;\x9a\x90pY+{\xf7\xc2\x17\x06\x13\xe2\xc5\xc4\x10\xb8,\x17 @\x10\x03\x89\x04^\x00!\xfc\xf1\xdc\xec}\x9f\x01/\xf7\x0b\x90\x06\x02\xfd\xf0}\xbe\xcf\xf7\xf9M\xa7\xbf\x10\xb4\xba\xbc\xdb\xb2:\xb9\xca:LF\xa7\xdc\\\xf4~\xf93\x87\x1b\xcfS\x11_\xc0[\xee\xcd6\xaf\x97\x0e\xf3\x93\xcf\xac\xc3\xe0(\xe8\xff\xc0\xfe\xf5\xb2\xfb\xdd`\xfa\xd5\x9f\x1e\xbd(\x92T\xeb\x89e1\x05\xdc\xa5-C\xb3\x0f{\xa6f\x96\x97gzz^\xbf\xeeyb\xb3\x0f\xfd\x92\x1b\xdc\xf3\xc7\xed\x1f\x1c\x03\xd5\xbec\x17\xafo\x1c\x109\xb0\x81\x15\xa6\x1a\x82\x0bP\x16\x17\xaea\xe9\xa8b\x8c\xde\x98\xfe\xd5\xc5\xbe\xf6\x91\xee!\xbb\xc7\xeb|\xda[\xa4\xd4\x81\xf5=\x8eM\xefmr8m\xd4\x91\x1ez~\x02{\xd2\xffh\x1d\xec\xd9\xc2\x03o\xc0\xca\x05Pm\xd4pS\xa0w|\xea\xedZN\xcbc\x99B\xce4\x96.\x94\xda\x1e&lt;\xfc\xe5v\xcd\xa5\xf7\x8fb\x87L{RLB\xa8\x15\nA\xaf\x03!\xd4\xb0\x96\xdcd\xf9\xfdC\x92j\xb7\x0fT\x91\x18\x1d&gt;\xdauj\xb2}\xe5\xf1t\x17\x9e\xb8\xe5\xe1\xf7\xd3\x0b\xc5\xf7~[\xeavx=\xf6\xcd\xe8I/\x1d\x9d\x07/\x08\xd6K\xf9\xd3#\xe2z\xe0\xb1:p=\xb2\xf0\xa3@\xc0V\xda\xf5\xb0\xe7?Y\xc3\xcc3&amp;\x08B\xde\xc0\xa3\xb1\xbbn\xbb\xbdw\xfa\xf3\xc1\xd0\x8e\xfd\xfb\xb0\x83G\'\xd2\x9e\xf4\xc0;,2&lt;*hY\xca*\xa0\xf5\x12\x97\x0bX{\xf6|\xbd\xe3\xa2\xd9\xfe\xaa\xa3\x1f\x9a\x04\xee\x8e\xae\x8dtO\xcf&gt;uZ\xe9\x00{\xa1\xa6n\x92\xce\xe3pc\xd89)/\xba~\xea\xfe]\t@\xb1\xac\x14u\xacGBqv`Yh\x18n(\x989\xc6\xf2\x82\xc0r\x86`\xae\x02\xcb\xd3\xff|y\xec7\xfb\x8f}u\xec\x1d\x16\x80B(#\xb0\xca)\x1e@\xb3\x1e\x0f\xa0\xc3V0\x12\x8e\xc4bM{\xce\xfc0\xdf\xd7\xb6\xf8\xfdS\x87\xd7\xe9^\xcd\xf7\xe5&amp;\x96\xa7^\xcf-t\xb5P^o\xdb\x86\xef\x96R\x1di\x04C.\x04\xd9\x8d\x96\'\xe3%\x95\x8ewk}\x12\xb6\xf4\x0eLe\n\xbc\x08\xae\xac\xc9\x18\x93\x99*\x9b\x05\xed\xe7\x9bn\x87\x8d\x92~\t\x03q\x1d\x8b\xc4\xda\x90\xeb,:\x11\x96wE*P&lt;+\x1a\xa8\x86\x91H8\x0c\xac\xc3\x17G\xdb\xdf\xdc\x9bk\xf1z+\xefO\xcaZ&gt;\x91\xc9\n\x133=\xe3/\x9e\x16\x03\xa5\xdb\x10\x11\x0e\xea\x00\x0f\x9e\x9d\x14\xa2\x84\xf5\xb4\x94@)\xa7\x85\x84P\x08\xd8\x9cC0\x15Kd\x0bfv\xd8\xe2\x92\xd2\x9c\xac\tF\xc1\x9c\xbf\x19pRx\r\xee;\xf5\xed\xd1c\xfb\x10\x10\xebXg!\x17\xbeR+^\xae\xad\xa5c\x9d&gt;l!v#\x1d\x80UU\x15k\xfa\xfa\x03\x885\xd2\xd1\xeb\x81\x8d\xfe2\xba&amp;\'\x13\x05\xf3\xdf}\x89\xcc\xc4\xf2\xcc\xcb\xd9\xa1"&amp;\xb7\xd7a+\xf5z\x9cv\xe4\x9a\xd3Azy&gt;-q\xae+\x85\x06\x84\x980\xd5[]\xe6\xf9\xa0\x91\xcd6\x10\x97\xc0DNRe\xcd\xc8\x1a\xdf\x94z\x02\xce\xd9\x8e\x99\xc9_\xff\x19\x97&lt;\x17-k\x9d=K\x01oi\x06\xbdj\xe9\x95xW\xd9\x16\x9f\x15Y\xc0\n\x87\xc3W\xaf^\xba\x0e\xb1nm\x88\x95\xd3y9ih\x8a"\x1b\x99\x84&amp;N|&gt;\xd0?\xe4\xd9ls\xb8\xe14\x07\x84\x83F^h\xe6\xb1\xb0H+G\xa0\xb48\xdb\xb3\\0uI\xe2\xa3&lt;32\xc3\xc3\xc3\x19C`("S\x99\x91\x9d\xbf\x0f9\x8bs\x8f\xdfN\x1e\xfd\x16z]\xa7Qx6t\x80\xd0 \x16\xa5|mkkU\xb8\xc2U\xe6:\x04.hE\xeb\xeam\x88\xd5\xb9\xd8\xdd\x8b\xaa\x04Vs\x9a,\xc8\xb2\xac(\x8af\x14\x04|-\x14\x96{\xe03\xfb\xa6J4\x84\xdbN&amp;\xf7z\xfe\x0f\xcb^\x1a\xe8\x1d\x98\xd1\x99i0IR\xf9x\x94\xa1\x8a\xc3\rF\x8e!\xf2H\x14\x00\x00\x08kIDATiL\xc5\x073\x1b~\x8f\xdfrvM?^\x1b\x04\xd6\xd1\xebG\xe82,t\x96\x16Y\xbe\xbc6\xdcZ^\x1e\xab\nGP\xc6\xe3[\xca\x0e]\xa9\x88\xb8\xae\\9\xbdku\x14m8\xde\xe2\xf4V\xde\x18\xd4\xa0\xbb\t\xad\x08\xcb\x90\xfd\xcd\x92\x98H\x98k3\xcf\xfa\x9fz\x90\x12\x01\xbb\xd3KX\xd8W\x94l\xc4\x82\xbd\xd8?5\x91\x97%I0\x19\xcf\xeb\xbc_2I\xaeBNVEU\x85\xf75\xb6\xe4\xa6\xedXo\xf7\xe2\xca`c\xe3\xfe\xfdG&gt;\xfa\xd8:\xe7\x1d\n\xd5\xa0\x84\xb1\xd6\x18\xd0\x0e\x96\xc7\xb0\xa9\xc7\xe5\xd8\xd6\xe3\xd8=\\\xf3]\xbb\xd2t}\xbeoe\xf19\xda\xd0{\x7fUVT`\t\xb2\xaa(\xa2\x91\x92\x9a\x9b\xf5d"\x9b\xc8\xe7\xf5W\xaf\xc7{\xd1\x99\x01\x0cLp\xa1\x8a\x16V\xc0\x16\x18\x1ax\x15L\x08\xba\xccq\x82\xa0\xfby\x89\xf7\xeb\xefL\x1f\xd4\x14fh\x1a\x1b=\x8f\\qzf;F\xfa&amp;\xffv\xbd\xf1\x08\xdd\xee\xa1\xb3\x89\xb4b\x04\x15\xa3\xc3\xf1\xb1\xb0\xcfGg\xdd\x8e\xef\xa4\xf7\x05^\xdb\xbe\x94o\x1f\xe9\xe8wx++\xef\x8ei\xa9T\x02j\xa9\xaa\xa2\x8a\x86\x10\x8dG\xe5d6\x93M\x06\x95&gt;\xf6v\xea\xe5B\x97\x8d\xe6\x00\xb9\x8b\xd4\n86\xb5\xccN\xad\xa9\xaa`0\x1dN\x12\x18\xdf\x0c,\xc9@Fd\n9]\x16e\x05?\x92\xd9\xd2\x05\x92\xabe\xbcc&amp;7\xffC\xe3g\xef\x7f\\SS\x13*G\x08\x80\xaa*\x16\x0b\xc7\xac\x15q\x1d\xdfY]M\xe7\xca\xbe\xf8\xe2x\x13vZ+\xf7\xa6\x1f\x00\xeb\xc2\x92\x96O\xe6\x05\xa6*Q\x7f:-\x1a\xc18\xb0R\xd9L")K\n\xba}mf`\xb6k\x93\x9b\\\xef\xb4\x8aX\xda5\xbe\x9c\x93\x99\xc4\x0cSe\xb2\x84G\xcd\x90\x8b\x173\xc4e\xe8:\x0b\xaa\x1c\xb5\x8f\xf1\xcd\x05\xf4\x8a\xbdk\xfa\xde\xab\xdc\xfc\xfe\xcfvl\x07V\xcd\xed\xda\x8ap\xb8\xaa\nM\x17\xb6\xee\xf2D\\e\xd5\'NT\xd3Q\xb7\x7f\xde\xf1}4i\x85\x83\xc3Si?\x9fM&amp;5\xb5-\x1aU\xa2q&gt;\x98\x14\xfd?\xc6\x151\x91!,\x15Z\x08r\x1bL6[\xb4\x11\x95\xa3\x04\xe3\xb9\xf7\xd9rN\x905\x85\xe4\x92\x98\xc4\xcb\x8c\x8fr\xbc?X\xc8d\x1a\x90\x11\x12\x13\x83\x92,\x98A\x85\xadVR\x9b\x0cu/\xbe\xc9\xcd7\xee\xd8u\xa6\xe6\x0f\xbb\xf6T\x1c\xf2Q\x12\xd0\xaa\r\xd7F"\xae\xad\'\xef\xd0\xfa{]\xfd\x89\xf2\xf9&lt;\xfc\xfe\x10\xe1\xe0\xb89\x88\x0e\x04T\x94\xe7\xa3\xaa\x9c\xe6\x82\xfe8\xb2\x82\xb0\x04\x14\x02\x1e\x91:;\xe5\x89\x99\x81\x85\xa2\x1dV/\xb1\xb5\xbcx=\xc1\x98\xa93\x0e\x162\xa1\x15\xaf3\xc9\xcf\xf1q.\x95\x00VCA\xd7E\x91S\xe099*|c\xa7\x1c^\xe8X\\\xc9\xcd\x1f\xbe}\xbb\xe9\xcc\xa5\x83\x15;\xb7\xfa\xaeD\xc2\xd0+R\x0b4\x97o\xef\xb9;ut\xaf\xac\xbe\xfe\xf8\xfc(\xf9\xbd\x0bn\xa9\\5\x99\xd2\xd9\xd9\x06w\xf8%\x99\xf7\xf3\x1c-`eS"\xa3a"E;\xe3?\xaa\xc6\xc4\xd4@o\x8b\xad\xb2\xa4\xd8?\xb2\x06&amp;Sf2/\x99\x06Gr\xe9:\x0f\xb58N$\xac\x8c \xc9I\x91\xe3%MS\xa3c_Z\xc3\xa1\xff\xd6\xc8Jn\xb2\x89b\xe9\xe0\xe9\xea\x93\xb8\x90\xbev\xda\x92+r\xb9\xec\xc3s\xf5t\xab\xac\xbe\xaenK\xe8g*\xe1\x0bl&gt;+\xff\x9aU\xa3\x9dQIm\xf3\xc7\xfd\n\x84\x92\xf0\xd7\xb9\xb4\x08k\t\xe2:Uss&lt;\xde\xa6\xe6\x01\x86\xae,\x99\x9b\xd2\xf5\x1c\x13\x0c\x99\xe9Q^,\x88&lt;\xd3y\t\x19\x91\xe6\xd2\xfe\xb4a\xc9\x85fL%9t\x0f\xac\xb1\x842z\x9c\xc5g\xb7F\xdas\x93W}\xd7"\xb1\xf0\xce\xba\xba\x13\xb8h\xad\xa8\xa8\xc0\xf8qm9YWOG&amp;\xcf\x9d\xdb\xdb:I%\x9c+\xa2\x847&amp;-\xa9`+\xbf_\x81o%.(&amp;\x85`2\x9bH\x11\x96\xac\x82\nK\xd1D\x94s\xa2g\xaedFW\xdb\x98`\x16\x98\x1e\x8c6\xeb\x86\x80\x12"\xb7$\x7f0\x08,!Kr\x19\xba$&amp;\x93\x1c\xaf2\xad-w\xca\x1a\xa6d\xfb\xf6\\k\x04\xa9\xe9\xdaY\xf7I}\xdd\x89\xad\x870o.\x93Xu\x16\xd4\xc9\xbd\xb5\xa1\xd1\xbe7\x8f\x9fw9\xa8\x84\xc8\xd0\xb6\xb6\xa8\xdf\xcf\xa7\xd3\x1c\x87\xcf\xa0 \x00,\x95 ,\x91\xc4\x8aC\xadf\x15\xfb\x15\xa5S.L\x94\x98z\x1bz\xcd\xccZXR\xca@\t%h\x9c\x0e\xa6\xf1\x17\x98%\x17\\\xaf\x0b)1\xad(L\xf6\x8f}I\\\xf6\xde\xee{o\xc0\xe5\xdbr\xd5W\xfd\x8f\xef\xbe\xfb\x04\\[|\xae\xcb.:\xb4O\x05&lt;yr7J\xd8\xbc\x88\xcb0P\xdd\x1d\x93)C\x95\xb4\xe5()-\x05EQ\xc4\'\xb8RI\x01zI`\x82\x92\xb2\xa0\xa9~EN\x9a%L\x92e\xc2\x12$\x91\x8f\xf3)Co\x06V\x9c\x83V\xf8\xcf8\xa1\xb0QF=\x99J\xa6\x15Um\xeb\\\xfa\x94\xba10{kq\xa5=wy\'\xae\x9e\xad\x1b\x89\xe0\xc2\x1e\xab\x0cXDuno\x19\x95p\xe4\xd6C\x1a%\x95KZPK\xfe\xb7\x8a3vm\x1b\x88\xc2\xb8\xc7$\xb4\xc8\xf8\x8c\x06\x1d-G\x0c\x1e\xc4U\x83A\x9b\xb5(\x14\xc1A\x90;\x98\x88\x82\x03\x82\x82\xe8\xa4A\xd4\x0e\xa5\x18\xcdiR\xb7\xf1\xd2vj\x87\x82!K\x8b\xfe\x81.\x85B1YbJb\x8a\xf1\xd0\xa9\x1d2d(\xe9\xd2\xef\x9d\x9cBn\x88\x17[\xf9\xf9{\xdf{\xef\x13\x8e\x93pb\x91R\xabET\xe0\xe1\xd0\x8b\xb8\\\x8d\xa5\xb01[\xca\xf5\xc2\xb0\xe2\xf9\xbe\r\xb9\x86\x81\xe0P\xc9\x0c\xfcH\x88\xa8\xcfA\x15\xc1\x02\x88\x12TF\xeco\xe22r\xd7n\x8d\x1e \x17\xd5j\x1f\x7fh\xae\xf3\xed\xd7]\x8d\xb5\xd3m\xd3?\x85p\x9c.\xd5\xd0\xb9\xf5l\x19L\xaf\xde\x7f\xf9\xb0\tg\xbd\x1az\xb6\x9d\xa4i\x9a\x80Mj\xc5\x08\x118R&amp;\xba\x8e\xa4VVX\xb6\x87\xfd\x84\xbd\x19TF\xd4\x9e\xbe?\x1c\nn\x94X\xc8\x0f\xa6a\xd1a(\x9e\x96k\x08.;\xd5\xbew\'\xa7\xfb\x98x\xb0\xfd\xef\xbd\xb3\xecp\xd4\x01\x85\xfebp\x87\xee\x0e\xdb\x9d.y\xab\xeb&lt;\xbe7_\xed\xc2Z\xadqq\xe4\xb9\xb6\r/\x11\x95\xc6\x92r\x85er\xcd\xe5g\x05a\xb9\xb6\x8b\x18\x95\xc4i\x05\xc9x\x04\xac\xf1\x00\xcd\x91i\xac\x88qi)\x8bi\xae\xa6\xe6\x1a\x8cM!\xf0\xc6Rp\xb5\xf2\xcbj\xa3^\xafm\x1e\x7fB;\x1e.\xe8#j2\x97\x83{1\x8d\xd5E\ro\xdf\xd5\xb3\xe1\xd7\x06\xf9\xfd\xf9\x1c\xdb\x1e\x93\x1c0R\x96X\xc4eR\x11ySb&gt;\xa62*"x\xcb5\xf0&lt;/\x88M`\xe1\xf8~\xd0\xf3\rn\x91\xb7\xa2\x88sVR)\xc8\xc5\x83!qQ\xde\xf1C\xbc\x1e\x1d5zQ\xd5\xb7\xe8\xdf\xbf\xa2\x1d\'\x0b\xa8\xb3\xfbf\xe7~\x07\xf7\x88m\xa7C\\\xdd\xf3\xad\xa5\xa7g\xc3Zc\xa3\xfe\x14y\x06\xbf\r\x8e\xc7;/\xa1\x80\xa5\xc5BEiC&amp;1V\x11:\xd1\x12\xae+\x0c\x1e\x07v%\x04\x17\xd4\n{\xe4y\x8d%M\x03\x93\x85\x11\x18\xa32\x92\xbd \x97\xaf\xb9b\xe9\xceZ\xf3\xb7HF\xf5\xda\xfa\xb7\x97\xef\xae\x0e\xf3\x05zo\x97\xfe\xf4\xd5q\xb6\xe9G\xa7\xd3\xdeZ\x06\x87\x98\r\x9f\xab\x8d\x06\x86\x83\x89N\xc1\xda\xc1\xe5\x0c\xdb\xb8\x81%\xb1L\x8a(\xb2\x92\x94\x15E\x16\x15L`\x04@&lt;\x06,\x805}\xb3\x17\n\xd9\xef\xa7\xa9\xe8\xa7X\x10\x8a\xa2\x8d~\x102\\\x95\xd1g\xb9o\xa2q\x8c\xd6d\xb9O!\xad\xf1\xe4d\x0f\xb6\xcf\x17\xf4\xbd\xf8\xf3\xd5\xf9K\xe7t8\xa3\xd9\xb0\xde@rx8\xcf\xf3\x89\xa5\xe8\xb4\x84\xfb\x1fK7"vIT\x14Qf%Rca\xd4\x1a&lt;\x88\xb9\xaa\x98A\x</t>
        </is>
      </c>
      <c r="M156" s="3" t="n">
        <v>45492.67788194444</v>
      </c>
    </row>
    <row r="157">
      <c r="A157" t="n">
        <v>552686</v>
      </c>
      <c r="B157" t="n">
        <v>1977</v>
      </c>
      <c r="C157" t="inlineStr">
        <is>
          <t>Otávio</t>
        </is>
      </c>
      <c r="D157" t="inlineStr">
        <is>
          <t>Otávio</t>
        </is>
      </c>
      <c r="E157" t="inlineStr">
        <is>
          <t>VOL</t>
        </is>
      </c>
      <c r="F157" t="inlineStr">
        <is>
          <t>VOL</t>
        </is>
      </c>
      <c r="G157" t="inlineStr">
        <is>
          <t>VOL/MC</t>
        </is>
      </c>
      <c r="H157" t="n">
        <v>173</v>
      </c>
      <c r="I157" t="n">
        <v>5</v>
      </c>
      <c r="J157" s="2" t="n">
        <v>34457</v>
      </c>
      <c r="K157" t="inlineStr">
        <is>
          <t>Right</t>
        </is>
      </c>
      <c r="L15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80ac682-49de-4f64-a30c-e3e2c139cb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[9a\x00\x00\x02\xfdPLTE\xff\xff\xff\x0b\x11\x1a\xfc\xfc\xfa\x07\t\r\xfb\xfc\xfc\x0f\x16!\x11\x19%\xfd\xfe\xfe\xfd\xfd\xfd\r\x13\x1d\t\x0b\x10\xf9\xfa\xfa\x0c\x0f\x13\xfe\xfd\xfc\x04\x06\n\xfe\xff\xfd\xf7\xfa\xfd\x14\x1c(\xe5\xb1\x95\xfb\xfd\xfe\xf6\xf8\xf9\xe5\xb3\x98\x11\x11\x15\xf1\xf7\xfd\xf9\xfb\xfe\xe7\xb4\x9a\xfc\xfc\xfd\xe8\xb6\x9e\xff\xff\xfe\x02\x03\x06\xfa\xfd\xfb\xe3\xaf\x92\xfe\xfe\xff"\x1c\x1f\xfe\xfd\xfe\x18\x13\x15( #\xea\xb8\xa2\x9dWD\xb4iU\x08\x0e\x17\xe1\xaf\x98\xa2[H\xb2fQ\x1a\x18\x1c\xf4\xf4\xf5\xf4\xf9\xfe\xdb\x9d\x8e\xe4\xb3\x9c\x1f\x17\x19\xe7\xac\x9c\xb7nZ\xd7\x97\x83\xca~e\xdc\x97\x88\x13\x14\x1a\x93R?\xbdp\\G33\xd9\x91\x84\x96VG1$&amp;\xd1\x8b\x7f\x0f\r\x10\x8eha\xa8_K\xe5\xaa\x96\xec\xef\xf3\xbd\x87}\xce\x82i\xc6zd\xd1\x86m\xdf\xac\x8e\xc2sbTCE\xadcN\x89PC\x9f^N\xe0\xae\xa14*-\xec\xf3\xfa\xc1}j\xd0\x9a\x84\xec\xb2\x9e\xbd\x8d\x82\xb7zk\x9and\xd7\x8d~\xc2\xc6\xcd\xe9\xa5\x98]81\xca\x8bw\xc6\x81t\xe3\xa0\x92\xd7\x9e\x86\xbbjU\xaak[aMN\xf0\xbe\xaf\xef\xb4\xa5\xc0\x82s\x8aM;\xc7tf0\x1e\x1dtx\x7fH+\'\xe1\xa5\x97&gt;(&amp;x}\x83(\x19\x18\xc6\x8a\x7f\x81I&gt;\\?&lt;\xa0wreA:\xa5mc\xda\xa8\x93R1-\xdb\xa7\x9a\x86`W\xd1\x92\x7f\xcf\xa1\x96\xd3\x88x\xd4\x93y\xce\x84w\xe7\xb0\xa1N;;\xaeyo\xb8\x7fq\xa7cR\xc9\x92\x80gJF\xce~p\xe5\xe7\xe9\xafqb\xc3\x90\x85xF;\xc5v__FF\xe1\xe1\xe3=./\xda\xdc\xe0rHB\xdd\xa6\x8b\xbcvcn@8\xa2\xa7\xaf\xd1\x9a\x8c\xd8\x9f\x96\x90UL\x92_Vz[X\xc9yk\xe2\xb3\xa6\xd3\xa1\x8f\xea\xba\xa9\xe2\x9a\x8d\xca\x9b\x8e\xa8~w\xff\xfe\xff\xcc\xd0\xd6\xd8\xad\x9f\xb4sf\xa9th\x98f]\xc9\x7fl\xc9\x98\x86lUT\xe5\xeb\xf1\xb9\x93\x8bS77\x86UN37A\xd1\x8bo\xb0\xb4\xbb\x96ql\x95yy&gt;AJ727\xd0\x92\x89%(1\xb7\x85v\xb6\xbb\xc2{`_\x1f"*\xdb\xa2\x88Z^g~WQ\xa2gZ\xef\xac\x9fF:?\xc6\x85kEJT\xdc\xe3\xea\xc2p[\xd2\xd6\xdd\xc7w~\x8d\x92\x9b\xa0\x80}\xec\xe9\xeb;"\x1e\xbf\x89w\xe5\xef\xfa\xa0sj\xb6\x87\x80\xa9\xae\xb5}\x82\x8b\xc4\x95\x8co\\]\x8cpn\xbf\x9b\x91mPM\xcb\xbb\xbb\xda\x8f\x8f\xb0\x81w\xab\x87\x80cgm\x87\x89\x91\xbfwq\xd2\xca\xcc\xf6\xc5\xbeopy\xcd\xa9\x9dOT^\x96\x9b\xa3\xb6[h\xcb\xaf\xab\x83dcyQI\xdc\xd3\xd5\xf2\xf0\xf0\xc7\xa1\x97)/:\xdc\xae\x96\xccjy\xd0z\x84\xbf\xbf\xc4\xae\x8f\x87TJP\xd3\x83\x89\x1f\x0e\r\xc0js\xdf\xb7\xb0\xdd\xc3\xc1\x83mj\xed\xdb\xd9\xa6Za\xba\xac\xae\xb0\x97\x99\x9eNW\\V[\xab\x9f\xa4\xdd\x81\x91\xb3NO\x9d\x8b\x90 \xfc\xbe3\x00\x00 \x00IDATx\xda\xbc\x98_lZ\xe7\x19\xc6]8-g\x1c0\x8b\x8aP\x85\xc8\x04\x86@\xc3\x9fu\x84P\x1b\n\xc2\xc41\x961\x14e\x89\x1b\x8bn3\xde\xe2\x10\xc2\x18\x04\x97:I\x8bSD\x9c\xe2\x7f(\xb8\xc1N\xe4&amp;\xce\x9c8\xae0\xb6e\x86&lt;\x0f[\x96\xeb*\x8b\xa7\xd4\x995_\xd4\xd1d9\x17V\xdbIQ4\xed\xb2W{\xdf\x03\x95v=\x1d\xe7\xbd\xf8\x0c\xf8X\xe7\xc7\xf3&lt;\xdf\xfb\xbd\xc7UU\xffWq\xb0$\x1c\xb1\x98 H\x16\x8b\xc5\x87b\xf1Y\xc4\xcf\xbfl\xbb\xfb-\xf53\xb2F2N_Q\xbe\x0e~T\xbd\x9c*\xdf\x8e\xa0\xa87(\xa1\x8e\x028(]\xefW\xcf\xcf}\xbf:\xab\x13\x12b\x92$+&lt;\xe5e\x9fq\xa4\xd2\xff\x11\x81dQ\xba\x81\x85g\x0f\xdb\x86\xee\xce\x0e\xcf\xde\x1d\xde\xd9\xcd\xd7r\xb9\xbbm_\x08)\nT\xe4T$}\tbI\xa4\x02\x0eGP\xbe\xa1\x94$\x84m;\xf9\x03\xda\xf9\xd2\xea\xf7\x8b\x85R^\xc4cW\xdbl\xda\xd5\xa7m\r\xc8\x05U\xd6L0\xfe2\xcc\x13\xd4\x94\xb9jH\xea\xcb\x12\x8f\x8b0\xd5l^m\xb1\xa0\x15q\xab\xb96.\xfb\xd5\xd5gC\x03\xbd:J\xf8\xad\x90 k\xe8o\xb0\xbfT\x02\t\xe7u\x02\x12Nr^\x17\xb3(J7\xbc\xc8\xae&gt;\xc8\xb6q\xb9\\\x91\xdcZ\x90\xd9\xd8\xd5\xdc\xeaj^\xad\xec\xc5vi\xe7\xd9\xf3\x8d\xa7\x1b\x8f\x08\x16\x08&amp;\x91\xee\xbbX@\xc5b\xc1B\x01\xd5\xec\xbc\x88W}\xf0 \x1b\xca&amp;W\x0c*\xe4\\\xa0\xac\xe6\xd6z^\x14y&lt;m\xb1\xf8Z\xfe\xe1\x00I\x88!_\xfb\x8e\x05P\xa4\x00V\xa2wcgw^!\xb7\xb1\x0f\x1e\x04\x13m\xf2\xd0\xa0Uo\xab\x86\x97"\xb9gE\xc6\xe3rm\xa2\xda\x9f\x14\x1f\x8a)\x82\xb3\xdfm\x82#\x81.E\x91\xc2\x86\x86\x81\xe1R\xb1\xb68\xbfb\x95\x8b\x90\x0b\xb0\xfc\x83A\xbd\x88\x06\xf4\x9b=\xa0\x1b\x8f\xc7e\xb3\xb9%\xb0Q \x91\xd0\x7f\xbc/Dt\xdc\xab\xf8,\xea\xa7\r\xb3;\xdb\xa5"\x0f\xe4P\x14V\xacz\x11\n\x06j\x05\x02!\xc0\xb2\x89\xf4\xc1\x1cb\x81\xa1\xd5\\QaCG\xb1\xf6O\xad\x8a\x11\xe3$\xf5\xc6\x17\xcf\xf2\xaf\xbeR\xfb\x8a\x88k\x83p\x9b{\xac!0\x12\xac\x93\x05r~\xc0\x12i\x15\xe6\x9cU\x84\xbb\x13\x84\xd3\xcaV\x9f\xeb(\x12\x8b\xee\xac\xcc\xdb\xc7!9\xb0\xddIb\xe8I\xf1M\xd4\x82\r\xfb\xcf\xa6\xb7\xf6\xe4\x82~\xbf\xde\xc6\xb6\xe9\xcd\x91\xa0\xdc&amp;\xd7[\x07#\xb9\x90\r\x99\xe4z\x85\'\xbf\xba\xdd\xa6#\xe0t\x02\xac}H&gt;~W\x92 \xf9\xe2\x86\xa7\x8b&lt;\xb0\x8d\r\x02\xc1*\xf7\xc7"\xdeX,\xe8\x0f\xfd;dN\xc6\xfc\xeb\x81@\xcc\x9b\xf1\xc2\xfbP\xc8o]\x0f\x9a\x9d\xab\xf9\xd2s!I7\x15\t\x87q\xbd$R\xa0\x82\xae-\\\x98\xd7*\x142\xbd\x1c\xb4\xc0[\x07\xbd\x99T&amp;\xe3\xf5\xc6\x02\x01\xef^\x06\xde\xa4RaW8\x13\x05\xd6X\xcc\x1b3\x0f*\xb4\xda\xdd\x8d!&lt;\x8cj\xaa\x98\xc7\x02\xb5HP\x8b\xf5\xe8\xc9\xe2J\x87s0\xb8\xbe\xbe\x1e\x0c\xc0\x8d3\xa9p\xa7\xcb\x15\x0e\x87S\x99\x94\xab\xceUg\xc1\xaa\x83O\x80\x0fxc\x01\xbfL\xae\xcdo\xcf6P\xe53r\x1f\xb0\xe0\x1bSC\xa5\xa2\xb3#\x99\xf3\xc6\xbc^o\x06\x98\\.D)\xd3\xb8\xa1\x94J\xb5[\x8ddu\x9d4\xab7\x16\x0c\xc9E\xb5\xf3\x1b:\xa2\x9czf\xc1$U\x9c\x1a\x02\xce\xe6\xe7\xf3\xb2\xc1H&amp;\x9a\xa1\xdd\nwv"\x90[\xad\xb6C%Z\x12\xf6\x84]\xad\x06\xb82Wg\'h\x96\x89\x06\xd6\x01l\xb7MX\x19v\x98\x04\x13@\xc7\x82I\x8f\xe8=\xa7\r\x05\xa24\x12B\x81R\xa0\x8e]moii\xd1h4-X\xf6D\x024S*-\xc8\xd5\x19v\xa5@0\xabl\xf1\xf7\x03?\x0e\x14\x1c&amp;\xbb\x96\x14\xfb\xbbn\xb8\xa8\x0fz+L\x15*P\xc8\x0eL*\x95JSY[\x12 \x99\xba\xc2\xe5r\xa5\xa2\xdeH\x8f\xe7\x87\xbbB\x16Q6\x92\xc9n*\xe5\x00\xd5F^\xb4\xeeMA\x9e:\xe9\xa2\xa9P!\x95\xa1\xfd\xc7\xa2\xc9\xf03\xb5R\x89F\xc2\xc5{\xe9\xf4\xd4\x8b\x1f\x16\xb0\xad\xd2\xc3!\x93-\x9e$\xa8\xde\x87\x05\x91\xdf\x9bve\xb3\xaeN\x8cU\x9d\x92\xa6\x02\x90v\xd3\xdaZ\xdf\x1aV\xbbJ\x83\xaa\xc1b\xb7\xd3`uu\xd9\xect:\xea\\y\xdaKO\xfe\x0c\x9b(\xa6\x1a\x9e-\xda\xf4\x81L8\x8bX4\x15D\x1d\xa0P#\xd3Z_\x9f\xa3\x0fjm\xcdd\xa2U\x038\x04\x03,K6\x9b\x8e\x05e/\xfeI\xc1\x9e\xc1x1\x12\xf6\xf2qH\x8au\xb3y\x91\x0c\x82\x05be+T(\x15\xcd\x04TF\xa3\xb1\xb1\xd1ht`\xa1p&amp;\x93\x01R\x86\x82Y,\xd9\xb07\xa8_|\xd2+\x06\xcd\x19R\xab2\xb8\x93\xc2\xb6y\x91\xc7\x9c\xcb\xb8\xcab\x95\xa94\xb4}\xa8\x94\xb1\xa9i\xa6\xa9\xa9\t\xc1h\xdd\x9a\x9bM&amp;\x14LMoJW&amp;\xa0\x10\x15f\xc5$\x87\x14H\x19\xc2\x92\xd0\xc9jx"\xb2:\xfb\xa3\x90,\xecI4\x15@!\x11r\x18\x1b\x9b\x10\n\xa8\x8ch%J\xd6\x8cX-\xc8e\xb1@\x97\xf0\xcb\xb5\xe7\x1a\xf8b\xbe\x80\x99\x9d\x08\xdf\x8e#\xadaQ\xbd\xdb\xf2\x8e\xa9\x9c7=\x9d-S)\xedh \x98\x07,\x0e#b5b\xe1\n\xef&amp;\x8d4VK\x85\xab3\x1c\x85\x19\xb10,\x14\xb3\x982q\x9c~"$\x86J\x85Ms0\x06j\x95\xb5\x02\x0b\xa1\x13\xb4\x83PF:V\x88\x05&gt;\xd2N"\x95\xe3\xba\xc9P\x96\x0b\xf3\x15\xce\xc4Br\xf9\xfc\x82\x90\xc5g\x06\xab&lt;\x95\n\xa8\x85\xd5\xf9A\xab?\x97v\x81\x87J\xc4Rc_o\xa7mD\xef\x10hf\x06\x96I\xa0\x02\xa8\xeb\xd7M\xc8\xd5B\xf7\tp1\x1a\xf0\xcbkK_Q|\x81\x84\x11\xacq\x01\x1f\x86\x07\xe1p~Q\xa1\xb0B\xd7\xb2`\x88\xd5x\x0c\xb6\x94#\xdf\xec0\xa8\x1c\x8de\xa6\x19\x08=\x9d+\x93\x01\n\xb8*Xu\xe1t4g\xb5\x15\x87u,\xa6\xd4\xe2\xf3k0\xf1\xafi\xf5z\xba?X\x90\xcaN\x17\xb4w\x13\x94F\xe5\x98D\xac\x99F\xa4j\xa6\xa1\xa0\xad\xaa\x80\xac\x1c\xae\xba\xbaTzk*\xa2\xd0\x9e{D1s*r\xa4\x02&gt;_L\x0cl\xbfY+\x0f!\x16\xc8\xa5\xc6\xaa4S\x90\xc4`jn\xee\x03\x17g\xe8\xbc\xf7\x01T;\xdd\xe95\xc8\x85&gt;b\xb8\xa2\xfd\xa3\xa3=\xb2\xed\x01\x82!,\x8e\xa4\x86C\xf2\x87J\\y\xc8\xec\x8d\xa6\xc2\x16\xc0Q\x97\x8d\xac\x1c\xd1e\xac\xca.\x04\x03\rp\x1a\xe1\xc9\x88\xbf\x82\xd7\xb4\x91.\xaf\xd9\xb9\xb9\xe9\x01,\x92!\xb5`#\x92d\xdb&lt;;d\x8eD\xd3\xa9N%\x8c\x0c\xee\n\x96\xc6@G\xa8\xf9\xecY\x076\t\xdc\x93\x98\xabv\x13]\x06Z-\x03}t[2\x81\xa0ss\x851\xacq\xfc\x1f\x08\xd9\xf0\xf0\x80-\x18\x89D\xd2.w\x02\n\xe7\x16\xdc\x8a\xa6fHRs\xf3\xd9\x9b4\x11\xb6R\x87\xd1\x01{\x13\xf1\x1c}(\x9b\xca\x87`\x1a\x8d\xdb\x15\rz\x9c/\xb6\x07(f\xb0\xa4\x12)&lt;\xb2\xde]\xb5\xf9#\xfd9o\xca\x02\xd3\x15\xccy\xc0\xe5Nh\x0c\x8e\xc9\xc9\xc9\x9b7oN\xd2\xc7\x0e\xe6\n\xbc\x84\xe6\xdax\xb5\t[\x97I\xd5\x92H\xf8\xd0I\x8d/\xe1\x9e\xce)\n\xce\xed!\xa6L\x94p\xf8\xac\x86\xa7\x07\xf4\xe6d$\x10u)a$N\xe0X\xact\'T&amp;\xa0\x9a\xbcz\xb5\xe92\x16\x9e&gt;\x93\x08\x88o?n\x9a&lt;q\xdd`\xf0\xc1\xc5\t\x9f\xe1\x9aA\x95H,o\r*\x983\x11\x9f[YC\xbb"O2i\x8e\x85\x91\x06\xc4\xc2a\xdd\x9d0\\?qb\xf2\xe3\xcb\x97O\xbf\xf3\xf6\xd1\xa3GO\x7ft\xfa\x9d\xd3\xb0|t\xf4/\xbf\xb9\xf8\xfe\xaf\xce\x9c9\xf3\xc9\x99V\x9f{\xc4\xed\xf3]\xbb\xe6K$\xba\xea\x9dV\xcf\xce\x00\x8b1,\x82\xd5\x96\x97\xf7l\xf5\x98\xa3Y\xa0\xf2\x81!0E\xb8}\x13\xadp\xeb\xf7/^\xfc\xd3\x8d\xf3\xc7\x8e\x1d;\xff\xd6\xdb\x9f\xff\xfa\xf3\xb7\xa0\xce\xc7\xdf\xbd\xf1\xe0\xc1\xed\xbf\x7fz\xea\xd4\xf1{#\xd3\xd3#\xcb\xd7&amp;\x80\xcb\xf7\xde\x96gq\xa7\x97),\x18\xe2\x85\xb3E\x85\xd3i\x8eL\xbb\xdd\xcb&gt;\xdf\xb2;\x0b\xf7\xba\x7f\xef\x93\xe3\xc7O\x1d\xff\xc3g7\xde\xbd56v\xebP&lt;\x0el\x87\xe3\xf1\xf8\xa1[c\x7f\xbc\xf4\xddw\xff\xf8\xe6\xafsss\xf5K\xd1hfzy\xa2u\xc2w\xed\xde\x9f\x0bLb\tX\xf0d\xe1q\x9a\xcd{#n;b\x8dL\xa7\xd3{K\xf5\x17\xee\xdc\xf9\xe6\xce\x9dO/}x\xeb?cX\xf1\xf8/\x8e\x8c\xfdv\xec\xd0\xbf.\xdd\xfe\xfa\xc2\\\xfd\xe8\xe6\xe6\xd4\xd6\xd6V$\xe2\x8dNw\xb5\xb6NL\\\xa9_a\x18k\xb6Pp\x9a\xfb\xbba\xfb-\xfb\xbaF\xf6\xd2\xd1d\xb2\xbf\x7f\nj\x14\xe0\xbe\xbe}\xe9\xc3\xf8\xd8\xa1\xf8\x91\xf8\x91\xc3\xf1\xdf\xc5?\xf8\xe5\x83S\x8f\xbbG\x93\xfd\x1d\xfd\x1dS\xa3\xa3{{\xc9hz\xa4\x0b\xf4\xba2\xe7T\x94\x98k\xa7\x02\x92Z\xc8\x17\x06{\xb6\xee\xfb\x12\xcb]]\xf7\xe1\x81!\x1a\xc9\xe5\xcc\xe6\x1egG\xc7\x16\x80\x9dz\xf0\xd9\x07\'O\x1e9\x02\x01;v\xf2\xf0\x83\xbf\xdd{\xfc\xdeR2\x99\xdc\xea\x9e\xbb\xf0\xf8\xc2\xe3\xfa\xee\xa5%\xb0\xbc\xb5\xf5J}\x8fluH\xcc\x0c\x96\x80S\xc6Zq.u\xf9\xba\xba\xaeu\xdd\xef^\x02\xb9\xd2K\xdd\xdd\xa3K\xffe\xd5\xfc\x7f\x93\xce\xef8n\x08\t$M\xc3\xe5\xf4\x87[\xd3p\xdax^\xa6i&gt;\x19~\xf2\xc9\xb9\x8f\xfb\x84p\x9f\xe9\xb5S\x1a\xbe\x1f\xf2\x81Z`x\xb2\xf3\xd3cU\n\xf8\xa9 \xfb\x08\x89q\x8a\x83\xb6\x94\xd1\x9e\xa5\xa5\xae\xe7\x92\xd6"\xa9]\x0b\xde\xdc\xaeJZ\xaf~Y\xf1d\x9e\xb9\x89_\xf6\xc3\xce-\xed\xea\x9cF\xb3\xd7\x9bf\x7f\x01}\xb6i\n\xbf\xf0\xe8\xf3\xf5|\xbf\xde\xaf\x17\xb4\xb7wZ\xaf\x9f\xcb\xb2A\x8bB\xa3Q 0\xc5\x19u!P\xcc\xce\xc1\xd3\xc5p\xff\x886\x0c\xbfvN_\x00\xac\x80_\xdf\xbc\xf9\xcbs\xc2\xb5\xc2\x12\tk&gt;\xbex)\xdf6=\x14\xea\x08\x85\x86;;;\xe5\xc3\xfa\xa1l8\x1c\xd6f\xb3Y\xf8Q(\x00\xd6\x0f4 \x19\xc2\n"\x15\xc2#\xd1\xa8:\x8a%\x82az@?\xac\xf7\x07\x02\xc5\xb1\xe6\xcbk\x86U/\xaa\x17\x0b\x7f\xfd\xcdD\xfed\xe7\x10\x92\xbe\xb3W&gt;W,\x04\x83\xea\xc4aP"\x11U\x83\xa6&gt;z[\xb3*\x85E\xad\x1e)d\xfd\xfey\xadV\xcb\xd2\xac\xda\x12\x1d\tk\x8bY:\x0bX\x9b\xbe\xfc\xd3\x1a\x8d\xa70A\x88kN|\nXr\xff\x90\xdf\xef\x9f\x93\x8f\xb9\xb2tP\x1d\x1dY\xe8\xef_X\x08\x87\x83j\x8b\xc52\xf5\xee\xdb\x1a\xdb{\x1a\x9bM\xa3\x98\xb2\xa8\x0bC\xc3ryyr\xf2\xdf\xb3\x03C)\x13\x96\x80bj\xc3tv\xaey\x13D\xbea\x8d\x06\x1b\xe8\xf2\'&gt;\xfd\xfbDs\xd9\xef/\x16\xfds\xae\x01z$\xc8\xda\x8b\x03c\xb7@\xe3s\x1d\x01\x00;\xf3\xd1\xbb\xa8\x8a6\x8d\xec\x8cE\xcdB\x13\xbds\xace\xf3\xe6\x96\x1f\xb7\xc9\x87ft\x96D\x02\xb8\xb4\xb4\xaby\xf3\'\'\x84k4\x9d\xa2m\xec\xc4\'\x97Z\x8e\xf5\xfa\x03\xf4&lt;h\xa1?\n\x87\xad|\xf2\x14\x0c\xd1\xcfn\xf6\xca\xf5\x01\xd6\x03UT\xacj\n\x0f\xda;\xbaOO\xde\x9c\x98h\xc9o\xca\xe7\xef\xe8gt\xeaD4\\\xc1\xbat\xefC\xb4\xfaHD\xeb\xea\xd7\xa0\x88\xc2\x13__n96\t\x01\x99_X\xe8\xf7F\x03\x1d\xae\xde\xe6\x9f\xfch\xe2\xf2\xef\xbf}uk\xba\xa7CW0\xe1S\xf8Q\xb8\xa2\x8f\xe2\xb8\xc7d\x1f\xea\x9e{\xf8\xa69\x7f*\x7f\xf1\xbb{_\xfc\xb2\'T\x88&amp;\xfa\xc3\x08\xab\xe5\xbb\xc6Z\xd1\xeagYk\xe1\xd6\x87_]j\xc9O\x16\xe1\xb6\x01*/=\xdcs\xa7\xed\xeb?\xb4&lt;\x9bx\xf6\xd5\xcaC}wGHg\xf7\x10\x1c\x8c^\xbb\xd2G=&amp;S`\xe6\xbf\xfe\xa7\xaf^\x1e\xfa\xd7\x81o\xff\xfa\xe2\xc2\xbe\xb33vu"Q\xc1\x9a\xb8\xb1A\xbcqM\xde{\x83?M(\xddp\x03\xda\xe9\xcd\n\x96\xf7A\xd4\xdfsv\xdf\xf8\xc77\xf2\x87\x0e\x9dz\xb5&lt;\xfa\xbc{o(e7\xf9\xe2h\x1et\xf0\xbe+Lj\xcf\x9e\xeeaW\xf9\xc8\x91\x93\xe3\xb3=\xed\xed\xed3\xf6 \xa4\x8b\xa6]\'/\xfe\xa3F\xba\xbeV,\x11\x8b\xea7V\xf7i\x9eh\x9dX(\x15\x9e{\xd9\x92??P\xc1J\x84S{\xf6\x9d\x95\xbfxq\xfe\xe0\xc1_\xcd\xba\x86\x9fw\xef\xdc\x9fR\xa5U\x08*\xee\xd8\x95V\xa9\xe0ZNA\xdb\xed\x19\xd6\xbb\x86gf\xf6\x1e\xd7\x15\xd0\xc1e\xe9\x81\xb6\x97\xe7\x1a7\xd4\xd4\t\xa5\xa2\xaa?\x9d\x12\xad\x93\x08\xa4\xc2\xdf\xdd\x9b\x00\xacy-=\x92H\xb0\xba\x9d{&gt;\xd8\xd9\xd3#\x1f\x06\xa1\xee\x1d\n\x85\xb6G\x80jW\x9c\x87Y\xb5)\xa2\xb23\xf6R\xc9\xef\xcf\xd2\xe1p&amp;\x18\x80\xc7\xa6\xa0:\x08X7\xc7\xff\xf2\x9f\xe5\'uBA-t\x89*\xdd\x92H\x04\x02\xc1[7.\xe6\xdb\\\xf34;\xa2\x0e\xd2\xba\xfd\xfbut6K\xd3Y{@W\xd2\x05th\xcdp \xf1|\xdc\xd1\xd4\x94\xbe\xa2\x8a\xa4R\x0c\x1b\xccD\x13\x98\x9aeT*\x00ci\xba\xd8[\xd6O\xbb\x1e\x8b\xde\x01\xac\x86\xaa\xb1\x1a\x00Kt\xee\x9b\n\x16\x1d\x0c\xdaa\xa6K\xb1^o4\x1a\xcd\xa0\x07)\x9dn\xfb\xfb\xb0\xfc4!\xae8\xcf;\x9a\xd2&amp;\x13\x13)1\x14\x8e\xc5\x12ju\x90QE\xe0\xcbNk\xe7;\xbb\x8f\x1f\x8f,mxG\x80\xec\xaa\xaf\x12\xab^,\x15&lt;\xf9\xe3o\x9e\xb5\r\x00\x16kO\xed\x9f\t\xd9\xd9L&amp;\x83\x13\xb8I\x95J\x81\x17M\x88jG\xc50\xde\x97v\xa4)\x1c\xa7\x18\xc6\x84c\x871K"j\xb2\xa7"\x91\x94\xae@\xcf\xeb\xf7\xa7yG\xac\xb1N \xad\xad\xb6\x88p\x9e\xd7\xd7\xac\xbcx\xf3\xe6|\xb3KK\xd3v]h;\xf4\x03\x93\x89\xf2\xa8q\xcf\x95+\x0c\xc3pi\xc0iB\xeb",Aq\x8e\xe3\xd3\x1ca\xc6p\x8f\x07\xc70\x0bX\xca2\xbaH\x04\xd95?\xe7\xc7\t\x07\xd6(\x14H\xa1sU\xe9\xd6\xe7\xa2\xba\'\x0f{\xf6\xec\xbd\xf0\xd9\xb8\x96\x0e\xe8B\xb01\xe8\x18\x93\x07\'38IQ\x94\x89\xe3\x988\xac\x8b\x08\n\xa2\x15\xe7}&lt;\xef#a\xa4\xb7\x10\x04\x86\x11\x84\x87\xa28\x86Q\x95JvV;\x97\x9d28,\x8d\x02A\x1d\x8cK\xf5\xd5\xb6S\xc15o&lt;\x12\t\xdd\x19\x0b\xd3\x01\xa0\x02,\x15l\x16\xb0\xec\x80#\x00\x06E\xdc\x05M\xcb\xc1\xc3\x12\xc4\xf3&lt;\xe5\xe38\x03\x8e\x991\x02K\x12\x04NQ$\xd0\xc3&amp;\xc4\x86\xb5.\x96\xe4\x1d\xe4\x13\x88\xaa\xa4^\xb4\x06XQ\x9e4\xd9\xa7]\x0b\xda\n\x16\xc4\x89\xa3&lt;\x10-\xdc\xe0!)\x0e\xc2\xc5\xf1\xb0Y\xfbH\xd2\xe0\xe39\x92\x04,\x023\x9b\t\x1c\x808\xe0\xce\x80\xb1\x14\xc3.\x8c\xba\x02\xe0\'\xbf"\x15\x88\xaa/\xa2\xa4\xa1\xee\xda\xa2\xcf\x89E;\xc7\x17\xb44\xac\n)\x15\xe4\xc9GQ\x06\x12\xf7\xc0\x0b3p\xe6|\\\x9a\xf7\x11\xc9$a\xe09\x03\xd0\x19H\xccl4\xc3C\x12\tj\x89\x11l\x05k7\x1f\xbf\xba,E3W\xb5X\xebD\xc2\x95E\xce\x83\x1d\x1e\x1b_\x08\xb3\xb4\x1d\x98\x00\xc3g@\\P\x1e\xa6T\xe2(\x06`\x92F\x10\x90\xf8\xe2\x0c\x80\x91\x84\x19\xb0@I\xb3\xd9\x8c\xb6\xc7h\xa6\x7fT^H\xfa\x1c\xadK\xeb\xc5\xe25\xe8\xf2b\xc1\xcab\x9c\xdfm)\xba`\xea\xcbd\xa0*\x06\x10\x89\xd2E\x1a\x90YL$\xe2K\x1as6\xab\xcdf3&amp;\xc9\xa6m\x0cT\x93\x04\x9e\n\x95\xd1\xe9T8\x0f\xc7bQ\xc0\xca*|\xad\xaf\x97\xa4\x08\xab\xca\xff\xd8\x90|.\xaeY\xa1\xe2\xf1\x9fZh\xd7m\x18\xb5\xa2\x19\x0f\x85b\x85\x938\xbc*\x85\xfa\x93j\x9b\x83\xf8\xed\xfdUYmF\xaeu\x07\x85\x83{\x00\x04`\x98\xb1\xb2z8\xdd1\xef\xa8|^f@X\x10\xaej\xb1\xc0\xad\x9ae\xde\xc1\x13\xb8\x7fl\x14\xa6\x9aD4\x83\xa3\x9a\x10\x88\n\xb8\xe0\xf4\xef\xb8j\xe8\xba\xff\x7fY\xadFC\x9c\x87"&amp;\xcdN#\xe4\xcb\xbc\x8a\xa5p\xc6\xbc\xdf\xcb\xb5]D\xeb\xebe\xa1T\xd0P\xed\x1b\xbb\x1b%\xb5\x8dKW\x1d&gt;\xb3ifl\xd4\x1b\x03a(,\x10b\x025&amp;\x8a\x83V\x95\xb4Y\x97\x96\x00\xc8\nXK@f4\xf8V\xb3\x06`N\xa0Br\xba\xbdw\xe5Z\'\xde\xda\xbaR[\xd9\x15%U\x9e\xc4\xda\xc6\x87\xadW\r\x98G\xe7\x02,\xb7\xdb}\xd8\tnA\xa0\x93\x08\x0f\xb2E\xc9\xacKw\xcb\xb3}\x10-\xabu\xb4&lt;\xee\xb5\xde\xcfQ\xbc\xc1l\xcc\xe5\x8cF\x05\xe2\xea\x02\xbf\xdcn\xef\xec\x18\xcb\xed\xbej\xbf\xd6P\x87&gt;\x90\xaa\x12K\xd4\xd0\xb8\x04X\x04^p\xdd\x05,\x00\x8ba1\xb3\x13\x0e\x18X\x81Q%\xc6x\xdf\xd6q\xe4\xfa\xb4\xb7O&amp;\xebR\xea\x0f\x1elg\xadV\x927\x00\x95-\x076)\x8c\x15\xb7~\xe8\xbe=&gt;Vz\xdf\xd1\xf4\xb4\xb1\xaeN$\x96T\x89\x05w\xe2\x86\xe5\x1d\x0e\x03y4\xe8\x9a}\xea\x1et+\x95N\x10\xa2\xd2\xe4rf\x03\xc3\xe5\xac\xc6\xd2\xde\x8e\xb0\xd3\xedt\xca\x941\xff\xf3\xbfq\xb9\x1ci@G3g\xd3tU\x98\x942\xa5\xd2=z\xabs\xcb\xd6\xa64\xb4-!\xb4SI\x95nm\x84\x93\xc88||:30v{P\trCR\xe0\xd4\xc3\x02\x963\x12&gt;n\x11\x15\xcb\x19\x8b\xc1s2\xa7\xac\xcb\x96\x03Zh[\xe0\x96\x06qi\xc0D\x99\xd2\xad\xf4\xde-?\xfa\xf9\xcf\xd2\xecc\xa9@,\x06\xb7\xaa\xbd|j\xe1\xf2q\xc4[\xb7\x95\x8a\xe5\xef\x1f(\xfb\x10\x98R\x01\x81\xd1\xac\xb6)\n\xae\x9a\xe4"\xed\xcffb\xb1L`\x88\x05\xc6$\x89\xba\x16\xd8\x05\xd2h\xba\xba\xba\x94n\xf7\xe0\xd3\xf1\xc9\xf6\xadW\xa8\xfekRi-t\xf9j\xdd\x12\xd5B\xe6\xd3\xf1\xd7[\xb6vL\xcez\xc1\xae&gt;e\x17\x12xe\x03\xb7\xe0\n\x8c\x97R\xc3\x17\xce&gt;\x92\x17\xe7\xe5\xa7\xf7=\xf2\xb3\xd0\xfe\x17\x93p"*X\xef\xc17P\xb9\x07Go\x95g&lt;\x98\xeaA#`\x89E\x1b\xab\xc5ZW+~\xeb1\xeb\xdb\xb1\xe5\x83\xf6\xf3\xb7n\x0f\xba\x07\x95}}}\x10\x19\xc0\xca\x81/\x06\x8e)u\x9c&gt;r\xf0\xfa\xf5/&amp;\xcb\x9f\xfd\xe2\xc0\x81#\x8f:\xfe\xfcO\x8a\x04.#\xc2\xb2\xfd\x8fv3\xfei"M\xe3\xb8\xb4s\xe9d:-&amp;m&amp;\x86\x00\xe9\xb4c\xb2\x9b\x0ca\xc73\xe9\xa6\x97\xb1\x8d\xee\x0f\x97\x9eG\x03\x91\xee\x1e\x9ef{!\xe9\xd6\xa6ul\xb7V6:mlVLm\xb8c\x17\xdbcs\xe0"d{\xb4\x17A\xd8\xddr\x07\xc1\\\x8e\xc3\x12\xb9\xb5\xd8E#Dr\x04\x84D\x10dA\x14\xc5\xcb=o\xc1\xbb?\x80\xf2\x92t\x084\xf4\xc3\xf7y\x9e\xef\xfbN\xfb&lt;\x17.4W\x9c=U1?&lt;\xe3\xffn\xff\xc1?\xac\xa2\xb6T\\\xa5\xd9\xb1A\xc8\xb4\xaa\xdbu\x1f\x1e\xac\xfc\xd5\xd1Pfx\xbe\r\xa5W\xf3\x85\x0b\x08\xeb\xc0o~\xf1\xd9\xf9\to\xb2\xc6\xee\xe28\xbb\x18\xcf\x1a\xec\xdc\xb3gv!\xe9\xfd\xed!\xe4j\x88k\xff~\x08;\xa8\xd5i\x8a\xa5F+\x8e\xd7?\xc7\xb0B\x14\xc4\x1d\xb61\xcaP\xbb\x88z\xd5]~\xf8\xc4H\xc8&lt;\xd39\xd5\x96\x13\xac\x02\xb0\x0e\x9c\x1a?t&gt;\x10mp&lt;\x83\x95\xf6%B\x82\xc3\xe1p={\xe6\xf25D\x03\xe8X]~\x00\xb0@[\xc0\x82\x84\xcf\xc6\x02U\xbd?\x95\x15)\x14\x12\\\xb3\xe3\xcf`\x8b58\xb6\xf7y\xef\x1f\xcf\xfe\xee\xab\xac\x98y:?\xd5v\x16L\xe2\x02$\xfd\xa9/\xdd\x1f\xb47\xf8\xd2\x00\x92n\x1c\xf8u\xa3\x07n\xa0/\x1d\xf5\xa5]\xf6\xb4\xc3\xe3\xb7\xde\xafo\x81\xc2|\x0fb^\xd16\xfft,\x15\xea\x9f8&gt;\x7fER\xa4(-\xc5\xb42\xcd\xce\xd4\xd2\xa07\xc0K\xe5\xab\xb5\x17\x9b[\xb2\t[\xf7=\x90\xab\r%\xd7\xe1S-\xf5\xad\xfd&gt;\'d\x95\xef\xb4\xb7\xf7\xc4\xf8\xf5\xf7\xdf\xff\xf9\x9fN4\xf5\x06\x92\x8d\x0e\xbb\xdd\x91\x08\xa5Z\xef\x9e=p\xf8\xdd\xe6\xe6\xb6\xa9\xce\xeeLX\xe8?tpjN\xa2\x95\x81\xc7\xc3\xfd\xd8\xb5\x9db\xe1\x92R\xd5\xdcO\xf5\xbd\xf5\xb3B8\xd5\x8d\xc2\x08\xe9r\xb8\xbcetLL\xdb\x1dBCt\xa2w|yay\xfc\xb3\xf3\x1f\x8e\xc3\xe5D\x93\xbb\xc3\xe3H\xdby\x8b8v\x17\xdc\xec\xdd\xe6\xba\xa7\xdd\xa9\xac\xd9\x9c\xaak~\xacV\x14n\xbd\t\xb1s,\xadB\xa2\x92\xdf\x9er\x97\x9b\x04s,5\xdc9?\x05\xd9R^\xdf\x1a\xe7i\xbb\x182\xd5\x8f\x8f/\x0f\xc1Z\x066t\x1dr\xf76\xd5[\x85\xb4\x8ba"\xa9cM\xa7**\xeeue\xb3\xb6\xb0\xad{\xf5yY\x11\x9e\xeb`\xb8&amp;\xdb\xb3\xd3\xf7 \x90s\xe1\xa5\xea\xe7\xcd\xcd]"`\x8d\r\xbf\x84@6\xd5\xb5\n.\x8e\x8e\xc4\xce\xdcmBP@\xb4\xb0\t\xdf,,\x0cMLL\x0c\x95\x9f\xedL\x89\x16\x86\xe6\xe3\xc7\xea\xbe\xea\xec\x8a\x87m\xb0^\x97\xc9\xf7\x16)\n\xf3\xd3\xccR,\x93\xe1\nE\x91\xbc\xec\xf9\xeaK\xb3\x18O\xad\xaduw?m\xa9{\x90u\xe9h&gt;\xf4\xa0\xaewhbhayyy\xe5\xc9\xe6\xe6\xd0\x93e\xa4\xd8\xca\xca\x8a\xbb\xa9s\xcc\xd6\xc3\xd0\xf6\xec\xf0\xe8p6\x04Pf\xdbk\xb9d\x1f\x96\xa7\x8f\xd0\x8b5\x85x\x11\xe8\x85\xc9\xcb\xe6&amp;\x97\xc4x&lt;\x93\xca\xa4\x1et&gt;\x88E8\x8e\x11\xc7\xee\xd5\xb7\xaf\xaf\x80Z\x0bC+\xd3+\xd3\xd3\xd3+O\xd0\xe3\xf5\xf5\xf5\xe0\xfd\xae\xf8 Os\xf6\xf0\xd8L8\x0cj%l7\xf6\xc2n\x98\'\xb5\n\xe1\x1c\xa8RA\x18\xb5\x18~\xe5\x95\xcd\x16\x8e\xcf\xc4\xe3\xdd\xc31\x91\xa7\xe9\x88y\xad\xb5\xe3\xea\xc6:Z\x00\xf3f\xe3\xcd\x1b\xb8Loll\\\xbd\xdc\x90\x9c\r\x19\x18\x9a\xe3,\xb6\xb0($\xc2\xd9\xc4\xab\x8fd\x92\x9d\xef\xd1\xff\x8f\xe1\xf6*\x95\xa8\x1f\xd9Ba[\xc6fN\xad\xd9"\x0c\xcdD\xc4\xd9dCc\xc3\xd1\x8d\x8d\x9cLO\xb6\xd7\xf4\xfa\xc6\xe9\xc6\x9a\x06\xc0\xe2\x11\xd6\xa0!b0\x84Bb\xe6k\x19\x0e_\x9a\xbcb\x15\x03\x96\xea\x13s8\x0eY"\xc6m"\xa3c\xe9H\xc8\x9f&lt;}\xfatr\x03\xa0\x9e,, \xa4\x85\xcd\xcd\x85\x95\xe9\x8d\xabW\xa3\xde;~\xa4\x96\x8e\x8eX\x18\x8b\x18\x0e\x8b\x8f\xae\xc8P\xf5\xec\xc9\x0f\xd6\x9e\xe2b\x8d\x06\xdd\xc4\x02\xd6#1\x1c7/\x89\xf0\xdf\xf3\x1c\xcb\xd2\x83)St\xc0;0\xb0&gt;\xbd\x02Y\xbf0\x04h\x9b9\xacK\x13\xb5\xc1\xea\xe0\x99\x10\xa3\xd3A]\xf04\xc2\x12\x1e\xdeF\xbd\xff\xda\xfc`m\xbb\x97\x06u\xcac\x0f\xcda\xdb\x929b\x01\x01\xe8&gt;\x86\x8f\x84\xa2^op\xc4\xedv\x0f\xb9\x97\xc7\xff\xb7z\xcfU\x9d&lt;W[\x1d\x0c\xc4x\x9d\x8e\xa3i\x86c\x06Q!\xce\x15\xe1\n\xad\xf6Z\x1e{\x03!\x94ZL\x8e}\xbfd\xb6-\rZzz@\x01\x06\\\xc9\xd3\xe1\xfd8x\xeedy9\xba#\x1a\xafk\xb9{\xb7\xb7\xf7\xcb\xa6O?\xfd\xe5_\xabF\x82\x01S\x88\xe7\x80K\x07%k0\x9b3\x8brH-\xadF\x96\xc7\xc9\x0ct\xbc\xc1$\xaa\xaf\x97D\x9b8\xd8\x83\xb4biZ\xe7\x12\xa2\x03\x03\x97\xdcUU\x17\xeb\x8f\xb5\x9e\xe9\x9a\x89\xa5b1\xbf5p\xb1\xfc\xf7\'/\x8e\x04\xbd1\x11R\x8b\xd3QF\x8e\xb7\x18\xcc\x8f\x1ec\xe8F\xac0\x9f}\xa7\x90[8\x8e\xed\xfb\xfb+CX4Xt\x14\xc7\xea\x18\xc6\xa8K4$;&gt;\x0e\x1ew\x07\xef\xf8\xc3\t\x83\x93\xb7;}\xbe\x1a\xff\xc8\xc9\x93\xe7F\xaa\xdb\x93B\x84\xd1Q:\x1dE\x18a\x1b2?\xfc&lt;\xd7\x0f[\x98\xcfy\x11\xf4\xf9&gt;\x8e\xab\x8e|\xd2c\x86=\x05\xf2\x983\xd2\xb4Q\xc7\'&lt;~oumm \t\xe7R8\n\xba\x9c\x0e_Mt\xa4\xaa\xca\x1d\xb0\xfaCN\x86\xd6\xe9)V\xafG\x1d\xea\xaf\x16\xd5\x92\\\xbfb\xe1\x9e\xbcb\xc9T\n\xb9\xfa\x8b\xbf\x0c\x0eZh\x9a\xe5\xa0\x10\x8d\x14M\xf3\x06\xa1\xdf[\x1d\xb4z\x9c.t\x16\xb4\x03\xd5e\xef\xc5\xaao&gt;\xb0\xce\n\x0e\x86fI\x92\xa2Hx^_\xcf\x0fW\xf6aX\xbe\'\x0c4h\xc7\x96\xa0\xee\x11\x0b\xac&gt;0-\x96 \xe0%Y\x9a\x17\xfc\xedw\xfcp\x90I\xa7\x1d5\x1eOcc\xb2}\xe4\xd8(\x1c\xc4\xd2v\x8e\xd5\x93\x04I\x92\x84\xbe\xaf\xef\xe6\x8d2y\xfe\xb1\xd0]\xac\xacT\x81\xfd\xf9\x07\x16J\x90e\xf5\x14)\x05,\xa3\x91\xe5#B\x7f\xbf\'\xe1p\xf8&lt;\xc9\xe8\xac\xe7\xf2\xe5d4j2\xf9C\x0e\x9e\xe7\x8c\x14EHI=E\xb0\xb4yQ\x8dza\xf3\xadV\xa1F++\xc5\x8b\xe4\x1f\xddd\xc1G\xf5\x84TJR$\xa1\x84\x17d\xc0\\\x9dN\x84\xd5\xdf_S3\xeb\x01\xc9\x84p\x02\xf6&amp;\x9a%\x00}K.&gt;3)\xdf\x9ev\xcb\xb3XZ\xadL\xa5-:\xf2\xefo)\x96\xa5\xb6\xa3C\x12`\xe3\x0c\xef\xb2;!\x84\x0e!\xe4\xf3\x85\x84\xb4\xd3`\xb7\xf3\xb4\xd1\x08J)\xa5\x04\x01\xf4$-\x8eM\xca\x15\xf9\x9f.\xb8\xb6\xbd3\xe2\xd8?\xfe\x06\x19c\xd4\x17\x90h\x16\n\xa1\x19\x11\x99\xc5\x0ed\x06\xc1`0\x1b\\.\x88\x1e\xb8\x02\x08*-A\\ V$\xd4\x05X\x85\xf9\xc7\x02\xbd\xd0_\xc5\x15G\xfe\xf9-\x05\xf5E\x92R%A*\xa5\xb9A-\x8ac\x18g\x84\xe7\r\x11\xf0M8Y\xe8\x8cz\n\xcd\x90\xa0\xa9\x1a\xc8@=\x13\xea\xb8\xb3*W\xc8d\xbb3\x17%+\xc41\xf5\x17=\xa0\x91\x1e\xc4*\x91\x12J$\x18d\x99\x0e\xac\x02}6\rH\x16\xbe\x87\xa1\xf4\x10d\xa5\x14\x8d\xe2\x81Xz&amp;\x91\xf4\xde\xf9Q\x8d\xcbv\x87\x0b\xa9\x85\xab\xffuS_P\xa0GClR\x94\xd2\x00\xa8\xa7 \x90\xb0E\xd2p\xbc\xa2Y\xc6B\x13\x84\x1e\x05\x11\xb0\xa4$A\xb1\x91l\xb4\xa3\xeb\xc72\x1c\xdf%\xb9r-\xd77\x96\x18\xd0\x02\x94\x82 \xe6\x12\xbf\x80\xd5C\x1c\xd1Q\x81\x86*\x85\x82\xd0C\x81\x02\x16A\xe42\x8bb\r\xfd\x1d~\xd3\x8b9|\xb7\xb8\xb6\xb1x\x16\xd5 \xe2\xa2\xd0\x00\x9b\x1ej\x00\xc5\x95eu,\x05NE@\x80\x117\x1a\xa2\x04l#\x1f\xf6[M\xd6\x17\xb7\xb1]\x94K!_L%@.\x84\x05Q\x84rSRz\xd8`@\x1b\x12&lt;\x81\x94n\xe7\x14r\x06T\x14\x05\x05\x9c`2Y\xad\xd6\x97\x9f\x17\xed\x1e\xd65-6y\xa6\xc1\xd0\x87R\x07^ZJ\xa1JD\xc1D\x93l[\xb5\x07\xa6@\x92%\xd2\xdc3 \xf5X{\x7f\x00\xa8L\xff\xb9\xb2\x9bj\xe1\xf2\xc9\xd6h\x82)x\x07\xa9B*\xa1\x0e\xa59\xa0\x92\xad\x05t\xf0@R9J)\xfc\x9a\xa2\x1d\xd1J\xaf\xa9\xc34\xfcX\x82\xed\x1e\x16&amp;\x9f\x1c\x1d\x10\x18\xa84\x10\tR\x08\x05\x0c\r\xbc\x96\xbc\xe5BS\xa7\xf0\x83\x92\x12i\xce=(\xe7\xec\xa5[\xed~\xbf\xa9\xfb\xb1\x1c\xdb\xbd\x94\x97\xa8\'G\xaf\'\x1d\x9c\x0e\xcd\xe1JQ\xf0\xd0\x980\xbals\xbd\x15N\x89\xb8I\xca\xe5\xf1\x06+\xdbc~\xd3\xd8\xe4\x16\xd6.LOn\xcdd\x0cW{\x1b\x9cv\x0e\\"\xc7\x85|\x15)\xf4\x16g+\x96(\x8a`\x0e\x9c\xaf\xa3\xb2\xf2\x967\x133\xad\x81\x9f\xe6\xb04\xf9\xc7*\x96)\xd4\x8b\xc3\xd5\x95\xe8@L\xff,\xb7W\x13\xdb\xf2(\xc9\\(Q\xca+sy\xaf\x84\x14s\t\x1d\xb5\xb7n\xdd\xb2\xc6S\xa6\xd4\x8b99\xec\xf6\n&lt;\xcfX[\xf7\xb0\xb8z\xf1L\xf0\xbb\xfb\x01S\x98g\xb7&lt;\x93\xd8\n\x9d\x92\xdc*J\x02\r\xe8\xe6\xf8\xa4$\xe7\t\xd4\xd6\x1e\x07\xac\x8c\xdf\x94y}[\x8e\xa6\x8c\xf1=y\xde\x83 +\x8a\xb5\x12\xf5\x8b\xb5\xb1\xb5\x99\xb1\x07`\x13\xf4;$:\xe5\x119\x8b\xc8Y\xc3\x7fY9\xdb\x90\xb6\xb24\x8e\x9b\xecMr3wB\xde\xee5on\xe2\xda\rc`"\xe9N\x87\x82\xcc\xb2\xd20K&gt;\xec\xce\xa4\xa9\x95\x80\x83tv\xf7\x83l\xed\x07i\xa8\x8a\xcc\xd6\xb5\xa4\x85\xc9ft\xd3\xa5\xd2H\xd2\xb8-6\xe9Z\x8d\xa0\xa9\xb5\x05\x13\x82\x91jMkV\x8c"\xbe`\xd7j\xa0~\x99\x15,;P\xf6y\xceMJgf\xd9\xcen{\xd4\xa0\xe2\xbd\xfe\xee\xff\xf9\x9f\xe7\x9c\x9b{\xce\xf3\x0ef\x7f "\xbf*?\xf3eCW\xe3\x83\xa9\xcf@\xad\xb6\x86\xc7/|\x0c#\xa4(5.)\x7f\xab\x1b\xa3\xc8\x9a)\xeb\xc1\xfe\x9d\xc7\x8f\x1f\x8f\xd47|\xf5\xa7CG\x0f\xfd\x82\xdf\xa7L\xf2\xd6\x8f1\xbf\xe3\x06aT\xaa\x1c\xa6\xd3\r\xb82\xa1\xb1q\xea\x06`\xddY8\xf025\xf6\x19\xa6\xeam\xed\xcd\x95\x90;\x8c\xe2|\xcbz\xb0\xf0d?&gt;\xd2zi|\xae\xef\xd6\xa7\x9f\xfe\x042&lt;\x82\xfd\x88\xa7{\xf7(\x00\xe1\x8f\xef\xff\xb4\xf6\xab\xb3\x9f5\xb6w\xe2\xca\xa9\xba\xc7w\xea\xda\x1a\xe2\xdf\xa4\xd3\x81i\x1f\xbf\xe9\x8ex\xff\xcd\xee\xcdJo\xd9\xc8\xc8R\xae\x83\x91\x86\xba\x11\\\xb3x\xa9~\xa4\xef\xc2\xe9\xc3\x87\x0f\x91!\xb1\x1cK\n\xbc#VB^\x07\xc2C\xa7o\xdd\x1b\xefnow\x01W\xe3x\xdf\xcd\x9b}7\xae7\xd4\xc5W6&amp;\xd3/K2\xbc\xd9:\xae\xcab=\x83\n|\xcb\x8cb\xb7\x9f\x8f\x9c\x0f\xcf\x8dw\x0fB{\x98\x19\xf9\xfb\xad\xdaZ0\xff\xa1\xa30\xc5\x02?\t\x8e\x02Vy\xf9\xe1\xda\xba\xf3\xe3\xae\xcbM.\x17r\x9dl\xbb\xf9y\xdfE\\:u\xaf\xf6_o\x0b\x8b\xec\xd5\x82\x9bj9\xa5\x97\x19\xd9\xc8\x8bx\xdd\xc8HC8\x9c\xa9\x1f\x8c\xc5\xf7\xf7\x1e\xd6=\xa9\xeb\xfbC\xed\xe93\xef+\xa5 \x19\x98\r\xe67\xb5\x17Z\x07\x83\xc1\xbbw\x9b\xb0\xb5w6v]\xff\xdb\xd9\xde\xde\xb3\xf7\xaf\\\xf9\xf3\xe7\xab\x14\xe6\x892\xb2\xed\x98~\x83w\xe7\xafaa\n|\x1e\xa2\xd5\n\x19\xdf\x8b\x85\xf0\\]C\xeb\xc2\xfeBk&gt;\xbe\xbc\x1f\x0b\x86.\xe1\xc2\xea\xb6\x0b\xb5??s\x06&amp;\xf4\xa7ko}y\xa1.\x1c\xf2x&lt;==w\x91\x0c\xe4\x9a\x9a:y\xb2\xb7\xf7\xe2\xfd\xfb\xbf\xfe\xd5M7C\x15\xb7w\xbc\xd1\x9dP\x85\xe4\x9a\x8c\x86\x8f*\xad\x86e\xd8\x83\xbe\xeb]\xe7\x1b\xc2\xf9\x85\x85\xd6\xd6\xf8~|o\xa7p\xee/\x9e\x8e\xd0`\xfd\xf8\xdc\xbd\x7f\xdck\xbb\xd7V77\x17\xae\x7f\x14\xf4X\n\x0eO\x8f\x03\xc8\x9a:;;o\xdf\x9e:\x0eX\xa7\xfex\xff\xa3\'\xab\x14]FK\xe42\xf2P\xf1\xffY\xd2"/\x93\xcb%p\xcbS!\xa3%z\xad\xc6&gt;\xebd\xec\xf1\xb6\x93]\xe3\xd7\xc3\x0f[\x97\xc6\xc3\xf1L(\x17\xeb\x18\xf0\x0c\x0c\x14p\xb9nh\xd0u9\x14\xea\xbe\xec\x02&amp;\x9b\x8d\xb38\x1c\x16\xc4\xba{\xa4\xf3\x08\xcfu\xf1\xbd\xf7N}\x14\xc7\x9e(QKh+\xab\xe7\'`@\xf6?\xb1\xc9\xe5/\xb3\x82V\xa1\x89\xa6f5\xc6\xd4\x9d\xfb\x7f\xedz\xf0\xbb\xa5\xa5\xa5\xfaK\xe1L.\x97\xc9\xe4\xd6\x0b\x96R\xf3\x98,\x05\x8f\xc5R\xb0\x18\xcc6\x1dgr\x98\x1c\x18\xc6#\x9d\xa8\xd7\xd4q\xd0\xeb\x83SW\x9e?\xa5\xc1\rj\xb5\xdejg\xf5\x14\xfd\xb2\x97\x97\xc9++\x7f\x98\xd1\xe4\xc5Z\'4\xcd\xb0\x1ag4\nX\xe9;d\xed\xd6\x030|(\x9f\x89e\xf2;;\xb1u\x8e\xb3\xd9,\xb6O,\x1e\x87\xc9f\xb3\xe9l:\x83\xd9\xa0\xe3T&amp;\x93\xc9\x81r\x15\xb1~y\x1c\xc0N5\xc0\x80\xadV\xd4(\x14Z\xeb\xb3y\x1f\xf3j\x9f\xac|\xad\xff\xf9\xea3\x92k\x10\xfe*Z\xc8x\xddi\x8ds\x16b(L?\xe9E\xac\xee\xa5x&amp;\x16\xcb\xe73\xb9\x81\xdc\xde\xba\r\x9b\xc1V\xf08,\x06\x08\x9e\xcd`0\x9bu\x1c\x87`\xc7\x80\xab\xe9\x081\xd7\xc7S\x1f\x02V\xde\'\xa4\xd555\xc05\x93\x1dm\x89\xb0\xb8\x19\xb6\x14\x14y\xc5\x0f\xe1\x92`/\xc6\xbd\xd4\x91\xecd\x02\xb0\xa2N\xa3\xd1\xbf\xf0\xc1qH\xdd\xdd\x0f\xf7\xf2\xf9\xbdX.\xbf\x97\xcb\xec\r|\xc2sa\x189|1\x9bA-\x1dDQ\xa52\x11\xd3\xa3\xb7&gt;\x86\x89\xc4\x87\xbd\xd7\x17\xadB\x89V\x01X\xac\xdd=\xbd\xdc\x9c\xb0\x0c\x16\xdd\xdf\x00\x00\tPIDAT3\x14z\x1f\xe7\xd3\xea\xd7\xf6\xcb\xa2Z\x12\t\x03T\xee\xb5\x8dlZ\x01ji\x8cB{\xfc\xd4Tc\xb7\xeb\xf2\xa3\\.W\xbf\x14\xcb\xe5bq\xc0\xfa\xc2@\xe4\xe2x\x87\xd9\xcc\xfdf\x03\xd1\xca\xa4"\xee\x828"\xd8mH\x13{&gt;!%Qk\x15\nE\x8d\xc6i\x8f\xac,o\xfa\xad\x0c\x90\xc9h!\xf5\xfa\xecZ,\xeb\x03\xf1c\xec\x89\xe6\x95\x88]S\xe3t:\x01\xcb\xfa\xcd\x8d\xa9\xc6vW\xf0\xd1^l\xc73\x98\xdf\xdb\x19\xc8?\x1f(\xd8\x08\x16\xa0 \x95\xce\x86ba\x0cA,\xe4r\x98\x00\x8dD\xf2\xf8\xf9E+\xa4x\xb5Z\x0b\x82\xa5\xdcigts\xb2\xf9\xd9\x0cKJ\xd0\xd0\xffm\xe7\xfc\xab\xc3\x82\x9c\x16\n\xbd\xf3\xd3\x89\xa8&amp;\xea\xac\x01\xd3k(\xa1v;\xde\xd5y\xa4\xc9\x13\xcc\xe5:\xcey\x82\xf9\xf1\xd0N,h!P\xb6b3\x83\xb3\xcc\x10B\x15\xb6c\xa8\x99\t5\x83\xf4u\xfb\xe4s\xaf\xd1\x88T\n\x05\x1b\x9d\x1e\x9d\x9c\x8f:\xdd\xcd\x93+n\xab\x1ar\x05\xa4\xecR\xa9\x81\xef=\x7f\xf96\x15\xcd\xf8\x03\x01\xbf\x06\\\xe0fY\x85\xa6\x86\x12\x1a\xad\x07\xe1\xf6\xa6\x9e\xdf[\nW\xfbm\x1e\x07\x0c\x8b\x1d\x05\x15D\xcd`\xe0\x053\xd8\xa0\x17b#\\\x1c\xaf\x99\xaa\x88\xf5`o\xdbH!\x16P1\xee\xa4H&lt;\x04\xe6\xf0\xce/o\xac\xf8\x19\tC\xc9J\x95\x06\xbe\xa7\xd9\xabT`C\xca\x17HDk\xd2\xd9\xa1\xb1\x16/\x03Xz!\xa3\xf0=\xaf\xbf\xeb\x00}\xcc\xfd\'\x8e\x9d\x0b\r\xf6\x0c\xa2\xa5P \xb3\x01\xb1\x0ch,\x03\t#\x91\x0b\xd4Rq&amp;\xd2\x1f\x1b\xc7\x17Y\xb5\x906b\x0c\x8d\xd6\xcd\t\xb1X\xa4\xdc\x18\xb6k\xfc\xd3\xa3\xa3\xd3~\x96b\x18\xe8\xf6%\xb9\xfe\x03\x16t\x0c\x99L\xc8\xb0\xbe\xb4;m\xf5\x066\x94be2bd\xb4\n\xb5\x9c\xa6\x98\xed\xd8\xe5\x9f\x99q\xb7\x91\xf9\x0bK\xa1`qy\x88\xcby\x8d\x00\x0e~o&amp;j\xf1T*\x9d\x85\xd3\xa9P-W\xfd\xe2S\xc8\x9f\xe0m\xa0\xa2\xfc\x1b"%\xb6\xdd\x96\x88=\xean\x1e\xdd \xdegp\xf8\x861\x85\x96}w\xb2P!\xc3B_\x14@\r\x07"Q\xbb\xbbyW\x8cG\xcf\xb3z\xc8\xcd8\x94\xb1\xab\xb9s\x04\xab\xff\xb7\x9ePh`0\xa8\xe3t\xbcZ\xe4\x95\xffNG\xfa\xa1\xee\x84J\x87Me\xeair]Z\x9ca\xa8*\xbaJ\x0f\xce22\xf3cpZ\xf2\x99\xdcL\x03X699\xed\x9ea\xa1S\x82\xc5p\x86\xf1\x1d,\xacE\x01z\xce\xb8WV"V\xfff\x12\x0eD\xae\x16/\xa5W\xaba\x84\x941\xec\xea\xd6@\xffo\xb0]\r\x85\xf3\xf5\x1eP\xa4\xc8E\xd0\x88\xb3x*P\xac\xd8%{\\\x8f\x16\x9fB\x94(\x9ad\x07ctM\x89Hb8\xb5hb2\xe0w:\x01l#\xfb\xcc\x0b`z\x19p\x95\x95\xa2\x89\xc9\x9f&lt;X\x83\xac\xe0uof\x03)\xef\xf02\xb9&amp;\xfcJF\x185b\xc9\xab@\xc8\xed\xad-\x9e\xab\xdf3\x18\xb4 \x80\xa1\xd80\x8b\x92\xfc\xee@*\x8e7=\xc79\x9ar\xabv\xbc\xeb\x81KS+X\x85:1\xc4\x9f\x97\xb0\x89v\'\x03i\xe7\xac{sm9;\xecgI\x11\xa6o\xd9\x9c/\xfb0\xe3\xde\\\tDR\x89\xe6!\xa5H$&amp;\x17%\xde\rX\x8d\xe4\x81\xbc\x9c\xb8nq\xeb*\x013\xa30\x16\x13\xa7\xe3\x91\xc8H\x88$\x8e"\x16\xc9]\x96Bp}\x15\xb4\x02,\xd0\n\xd5\xf2-\x8bK\xd7+\x16A\x13\xefB\x08g\x9d\xa9\xc4tKv\xde\xcf\x1a\xf9\xbb6y\x11\x0e\xe7{\xea\xa7\xfeD`8\x9dJ\xb4\x8cN\x90c\x94\xfc\xf1Y\xbe\xe2\xcb\xb5\n\x99^\xcf\xb03\xab[_\x13\xb9\xcc\'t\xa0\x96\x8a#2\xa9H\xc4\x10\x87\xc7"I\xcba)tl\xf9\xad\xa48\x16\xccD\x14Z#\x13\xcdNT\x0bD\xbcXb\x91T*\x82K\x1fKf\x03\xe9\xd9h$\xb0\xb2\x02`\x88E\xcb\xf9\xa9be%\xdc\x9c\xce\xa4#\x11\xbf\x9f\x87\x82c\xc4\xa4)\xc5\xd2\xa4\x9b\x850\xe2\xd2\x03|\xa1\xec\xdb\x8b_\x13\xbd\x0c\x98\x9f\x80\x85$v\xdd\xcb\xf4\xeep\xa8\x0c\x06\xa0\x83\xe6Y\xff\xa7\x97\x85c$\x94Q\x81\xbeb\xed\x9b\xbb\x02hR\x11\x9e\x98\x88\xc5\xff\x93\xdd\r\x88a*\x9d\x08\x04\x12~\xd4\t;\x1f\xee\x9d\x06\xdb\xd8\xbd\xa9Td~mt\xa2\xf8\xb7|\x13\t\xaa\x95k)F\xa1\xa6(Y\x85D~MB\xebY\xef\xea\xd6U\x0c#\x1f;\x90\xcb\x80]\xd2V\xc2B\xb5L=0?\xed\xd8\xda\xb6k\xd58K T\x90\xdf\x03C\x02A\xb9@P]-%\xe1(\xfe\x0bTmb\x08\x82\t\x00\x89a\x12&gt;\xbd\xa4J\x86\x85WX\xab\xdd\xef\x9e\x9e$\x9e\x12\x97\x0e\x90\n\xf0\x14\xd5c\xd3v\xb8Y/\x95\xf8\x82D\x01\x82\x81\xf3!\x8a\'t%\xa5\x10\x0b\x13(\xe6P\x8e\x83\xb4\xd0\xd4\xb1\x05\xbd\x8b\x1c\x84\x03!\x0e\xd1\xd1\xf9\xa1jA\xb5\x80\x9cT \x95\x8ax4\x84"\xdf\x8e\x8d6\xcf\xa7S\xa8\x16Ia\x90~\x19+\xf4\xc0\xb5\xe4\x18o\xc5b\x00E\x88T\xfd.\x9cg\x88T\xd2R\xf3XB\n,\x06\x0e\xbbJ\xd4"\r\xc2\xc9\xd9\x0c\x1cZ\xcd\xa2\x829\x0e\xe7p\r\xee,\xfa\x9cF\xa1\x90\x1f\x9d\x15\n\x86Q\x80VxB\x80\x12\x90\x17iQ))\xaf\x9bH*P\x82d\xcf\xca\x10J(4R\x8c=\x1dhN\xee*\x11\x87\xcf)\xfc_\xf1\xd7\x85W\x96LX!y\x95:,\x0c\xfa\xd4S\xe8\x92\x03\x16~\xf0CyT:\x1bW\x1cr\xa0\x03\xae\x1f,\xfaQa\x86B\xa6\x7f7q\xf5\xbciCQ\xd4F~&amp;/\x14\xd5\x8e\xad\xda\xb2*\x0b1\xd1\x01\xaf\xdd\xcb\x92\xd1#?\x81\x81\x91\xa5? \x13\xca\xc2\xd8\x89l\xae\x84,!!\x141\x05E(R\xa4d\xa8\x18\x82P!BJ\nR\xb7\xfe\x81\x9e{\xdf3\xc9\x1b\xc0@\xfc|\xee9\xf73\tF\x8f\x15\xc6\xb1\xd7\x1e7L\x05K\x82+v1\xc1\x02\x12eB=\xda\xd7c\xa3|R\xa1\xa4&gt;\x9f&gt;n\xf7\x9c9\x8f\x8e\xce?n\xb2!&amp;o\xb0m\xfbz*(\xd7a\t\xa5V(\xb9A\xb3\xcc\xb5\x8f\x92\x03\xb9\x19\xfb\xd6\xe1j\xb9\xee\xa3\xc9\x8b\xe2\x98\xda&gt;nH#\xcf\t\x06\xae\xc9\xdc\x9b&amp;Q\xa4\xa5\x14j\x91\xa4Z#\xb0\x15\xf9 \xeai\xc4\xa1\xe7\x16\xfa\t\xf8\x94\xa2J\x99\x83\x83Or;mR\x8fk\xc0\xe7-\x0c/\xd5\x08\x06\xdd)`\xe7\xdc\xc1\x9cQ\x928;?\xf46\xcb\x97\x8b\xd4\x89\xb0\x10\x7f\x01\x16\xb8\xf2,\'HW_?0\xf5\n\x16\x80\x91\x12\x8cG\xc5\xa4~2*~\xd6^l\'vA\x94\xab\xe3\xc2d\xbf$\x83$\x1b\xc2\x96\xdd\xdc\x86,!\x0f\x1f\xfc\xe7k\xcb\xf2_/\xff\xed\x0e\xc8T\xd0\x8d\x98\xfa\xd2\xfb\xbe\x83z&gt;\x12:&gt;\x05U\n\x95\x85T\x1a\x04Y\x87\x81\xb0\x06\xa6\x94\x1a\x19_H\n[\xa3\xc22\xa0\xde\xd8\x95\xca\xcb\x15$w\x7f-\x15Q\x1a\x16\x9d\xaa\xde\x10\xd3\xc4\xc1\xe5NJ\xc7\xbbC\xd1\x10Zj\xf6\xd7\xcb\xab\xde\x01\xe2}\xeb\xfd\xd8\xec\xd6\xfdf\x04\x9</t>
        </is>
      </c>
      <c r="M157" s="3" t="n">
        <v>45492.67866898148</v>
      </c>
    </row>
    <row r="158">
      <c r="A158" t="n">
        <v>555454</v>
      </c>
      <c r="B158" t="n">
        <v>21982</v>
      </c>
      <c r="C158" t="inlineStr">
        <is>
          <t>Zeca</t>
        </is>
      </c>
      <c r="D158" t="inlineStr">
        <is>
          <t>Zeca</t>
        </is>
      </c>
      <c r="E158" t="inlineStr">
        <is>
          <t>LD</t>
        </is>
      </c>
      <c r="F158" t="inlineStr">
        <is>
          <t>LAT</t>
        </is>
      </c>
      <c r="G158" t="inlineStr">
        <is>
          <t>LD/LE</t>
        </is>
      </c>
      <c r="H158" t="n">
        <v>170</v>
      </c>
      <c r="I158" t="n">
        <v>37</v>
      </c>
      <c r="J158" s="2" t="n">
        <v>34469</v>
      </c>
      <c r="K158" t="inlineStr">
        <is>
          <t>Both</t>
        </is>
      </c>
      <c r="L15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95fffa8-f057-4aef-b83e-afc9f7f94b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4-\x7f\xc0\x00\x00\x00&gt;tEXtComment\x00xr:d:DAEewil2SDw:3728,j:5402490484489585236,t:24032500o\xad\xf7\x96\x00\x00\x00\tpHYs\x00\x00\x0e\xc4\x00\x00\x0e\xc4\x01\x95+\x0e\x1b\x00\x00\x03\x00PLTE\xff\xff\xff\xfe\xfe\xfe!\x1f"&amp;%()(,\'&amp;),+/((+#"%%$\'\'%&amp;\x1f\x1d\x1f\xfe\xd4\xb8#!#\x1b\x1c\x1c*)-%#$/-3\xe5\xbb\xa90..\xed\xbe\xa6\xe5\xb7\xa5\xe2\xba\xa6\xe7\xbd\xab\xfe\xd8\xc0\xef\xc4\xb0\xdc\xb5\xa3\'(\'\x19\x18\x19,+*\xfd\xcf\xb1\xe6\xb8\xa2\xf7\xc7\xaf\xf4\xc8\xb3*((\xf3\xc2\xaa\xe7\xbb\xa5\xf3\xc5\xae\xe9\xb9\xa1\xfe\xda\xc4302\xfc\xcc\xaf\xfe\xd5\xbb\xf1\xc1\xa9\xe2\xb4\xa2\xf9\xc4\xa5\xfd\xd0\xb4\xea\xbb\xa3\xeb\xc1\xaf\xee\xc1\xad\xf1\xc2\xac\xf4\xb9\xad\xef\xbc\xa1\xfa\xcc\xb3\xd4\xb0\xa5\x15\x14\x15\xf9\xc9\xb0\xf0\xbe\xa6\xc4\x9e\x92\xe6\xbe\xad\xe6\xb6\x9d\xf9\xf8\xf7\xfb\xd0\xb7\xa7~i\xc0\x9c\x8d\xe1\xbb\xaa\xe2\xb3\x99\xf1\xc6\xb2\xe3\xb4\x9e\xef\xbf\xa9\xea\xbf\xac\xf5\xc1\xa6\xce\xaa\x9e\xde\xaf\x9b\xd4\xae\x9d\xcb\xa7\x9a\xfc\xfc\xfc\xf7\xc5\xac\xd1\xab\x98\xda\xb3\xa1\xe0\xb7\xa3\xde\xb8\xa6\xf6\xca\xb6\xfe\xd2\xb6\xf8IC\x90q]\xee:4\xed\xbf\xa9765\xfb\xc9\xaa\xb0\x8d}\xea\xbd\xa8\xd8\xb1\x9e\xd8\xac\x98\xd2\xa5\x8c\xf2@;\xc5\xa4\x99\xbc\x97\x89\xc5\x99\x80\xdd\xaf\x96\xf3\xb7\x95\xf3\xbe\xa3\xcf\xa1\x88\xfa\xc6\xa7BB@\xec\xb8\x9cyaQ\xe851\xbe\x94{\xea\xc1\xb4\xf6\xbd\xb0\xf7\xc0\xa1\xfe\xdd\xc8\x86lZ\xde\xb3\x9e\xef\xb9\xa8\xaa\x85q\xee\xc5\xb8\xe9\xb8\xa7&lt;&lt;:\xf8\xce\xb9\xcf\xad\xa2\xd9\xaa\x91\xb8\x93~\xce\xa7\x91\xca\x9d\x84\xb0\x88s5.*\xc8\xa2\x8e\xd8\xb4\xa9\xca\xa3\x95\xf2\xb5\xa9\x9c\x7fm~gW\x93yiC4-\xdb\xb8\xaf\xfd\xd5\xbe\xb5\x94\x85\xef\xb4\xa4\xa9\x89y\x1e\' bJ&lt;3\'$\xf5\xf2\xf0\xe7\xc2\xbaC94\xfa\xd2\xbc\xa2\x85t92.\xe8\xad\x9eXA5ILHnQA\xee\xed\xecxZH\xd3\xa7\x94\xf5\xbb\x9beSFN@8\x85cO\xb7\x8ct\xe0\xbc\xb1L90WG&gt;\x9ft_\xd8\x97\x91\xe1\xab\x8f\xbf\x97\x84mYK\x98wb\xe9=9\xe9\xb4\xa1\xf1\xbd\xad\x89sc\xb1\xb1\xae\xf6\xc3\xb1\xa6ud\xd2,)\xda\xa5\x88\xdf/+\\MD\x92hT\xd1\x8b\x88\xb8\x8d~\xbf|v\xc4\x9e\x89\xef\xb2\x91?.\'\xfcPJ\xe5\xe4\xe2x{w\x96\x94\x8e, !\xe6\xa4\x9c\xca\x94\x89\xd5\xd5\xd4\x87\x8a\x86\xef\xc6\xc2\xdc74\xe7\xb1\x94\xf1EB\xc0\x8e\x82\xce85\xbe\xbe\xbc\xde\xdc\xda\xd4\xb8\xb0\xbe\x9f\x94\xde\xa3\x98\xca\xcb\xca\x9ejY\xff\xe2\xd2\xb2~o\xf5\xdc\xccihdUUQ\x97\'%\xf4\xe7\xddl]S\xeb\xad\x8cD  \xbc-*\\\'&amp;\x9a\x8c\x81\xab\x9a\x93j%%^b]/41\xbfB&lt;\xac0-\xd7\x97z\xb8tg\xb3_Q\xcf\x84h~ncq94\xfe\xe6\xdb\xf8\\T\x8b}s\x8e.-{%#\xe0EA\xa597\xc9\x83~\x8c@8\x9b\x9d\x9a\xa4\xa5\xa1\x8dUF\xf2\xd5\xc3\xe4\xa1\x82\xa2WK\xd5\xc6\xbd\xc6\xb2\xa9\xdf\xd2\xca\xc2\x8bt\xc9YST\xfd\xe8\xbe\x00\x00 \x00IDATx\xda\xcc\x98\xddO\x1a\xf9\x1a\xc7\xcb\xe44\xf1\x0c\x0b\x998P\xab8\xe2\x19)\xc1\x02E\x08\xd9\x16\x8bQY@\xe9\xe2K\xd7\x10\xf1\x05\xd3\xfa\x8a\x06\x8e\x91X\xc9\xe2\x0b\xdb\x8d/\xbbFD\'N\xc4W|k|\xc9\x1e9\x1b\xa2\xd9\xd8F\xbd\xd0\xc6\x0bM\xe3MM\xda\x8b&amp;\xf6\xee\\\xec\x9d\xbd&lt;9\xcf\x0f\xed\xf9\x0b:v\xbf\x91qF/\xfc\xe4\xfb|\x7f\xcf\xf3\x8c7n|\t\xf1x7\xfeZ\xe2\xf1\xecc\xbb\xa7\xb1\xe3\x83\x93\x93\xe9&lt;;\xfa\xc1_\x01*oz\xf7x\xef\xdc-\x91|t\xba\xcf\xdf~:=8\xd8\x1d\xb3\x7fm\xaa\xbc\xd3\xbd\x88[\x12\n\x85\xd2\xef\xdf\x17\x86BB\xa1@  #\x9f\xa6y\xf6\xaf\x88\xc6\xdb\xbd\x88\x00\x12\xd0\x08\x01\x0b$\xe4\xa3\xdbt\xe1Y\xec\xe4\xf4t\xfa+U\xd3~\xb0\xf7\x11QaB\x04\x83\xc8\xe0\x82\xee\x85|*\xe2\xf7\xbf=\xce\xfb*T\xa7o\xa9PHBHh\xfc\xca\xac\xfb|\xe1\xfdt&gt;\xa0a!\xc4\xf7\xf1\xd3\xb4\xfd\xfa\xb3~\x1cA\xa1\x82\x9aA\xf1\x84\x97X\x18|O\xc7\x00I@\xa0+\xb5w\x90w\xbd\x95\xcc;\xd8w\x87\x00\x0b\x0ba\xd8\x95U\xa0\xf4t\x0c\x13\xe280a\x04\x01\xb5\x0c\x9d\x1f_\xe7\xb1\xe4\x9d\xee9\xc1)\x8a\x90\xfc\x1d\xc7p\x82\x9f~% \xe1\xf31\x82\xa4\xf9\x98\x80&amp;\xf8\x02~(\xb2\x7f:v]\x86A\xfdB!\x9a\xa2h\t}\x93&amp;\x84\t"\xb0J\x80A\xaan\n\x84|L\x92D\x08(\x1a\xa7)!\xf1\xf1\xec\xd35\x1d\xc9\xb1\x98[(\x94P\x94\x02D\xe2\x14.H\xbaD\x13b\x18F+\xfe\xc6\'\x92\xb0\x9b\xb8\x04~M)\x04\x04AF.\xae\x83\x8b\x07T(T\xb8\xd3\xef\'\t\x8c\xcf\x17\xf2\x93p\nn0\x0c\xecQ8\xdd7\t\xea&amp;\x8e\x11\x14\xc9\xb2~\x92&amp;\x08\x85{\xff\x1a\xb8\xa6/"\xa4D(\xa0\xdd\x11\xb7B \x84\x8c\x0b\x04D\x12M\x918\x0e\xb78\xed\xf4\x93\x18\x1f0q\x8a\x0c2\x8c\xd3\x19\xc4i\xd2\xb97\xc6\xb5W\xd3\x870\xff$$@9i\x01\x01\\\xe9\x18\x9dD\x80C8\x8d\xa1\x94\x0bpB\xc0\xe7\x13$ER,\x88a(\x9cT\xb8c\xdc\x9eG\xde\xee\xa1\x1fRE\xf9\xc1*?\xaa \x06\x1f\xbe@H@G\xe0\xe3\xf0\x08\xe7\x10\xea\x86\xe3\n\xd6\xefd\x86@Q\x16\xa7X\xff\xf9\x81\x9d\xd3n\xb5\xf7\x91$%!\xca\xe9$)Z\x80\xbc\xc2I\x9c$\t\x81\x80\x8f&lt;\x02 \x82&amp;\xd90\x13\x04\x9b\x18fyry9\xca\x04q\xd6\x1d\xd9;\xe1.^\xf6\xd3s\x8a$\x9d\nt\x08I\xd4\x00h\x14!\x85?\x12e\x186\xa8\xa0\xe8 \xcb:\xd9\xe0\x10&lt;FW\xa2\xd1\xd1\xf5\xa9Q\xd0r\x98e\xdc\xfe\xc3in\xa9H*D8I\x9a\x0e\x07\x83\xaf\x86^\xb1\xccP4\xba\xf5\xee\xdd\xfa\xfc\x16\x80\xacl\xc1\x15\n799:\xb5\xde\xd6\xd1\xd1\xb1\xbd0\xb30\xb5\x1c\x0eJ$\xfe\x18G\x83\x1b\x16\x067\t.\x85$\xa4\x02\xa0\xc2C\x93\xf0\xd7G\xb7\xe6\xd7\xd7\xe7\x0767\xff\xdc\xdc\xecplv\x0c\x0c\xac\xcf\x8fNM\xcd,86\xfa\xfb\xfe\xf8\xa3\xb3\xf3\xf7\x17\xdb3\xafp\x01A\x9d\x9dr\x13/\xfbn\xec\x9c$iJB\x06\xf1\x04\xd3|\xdb\x00P\xcc\x0ctl\x0e\x0eN\x8c\x8c\x8cT\x0fW\xf7;:66\x1c\x8emG\x7f\xf5\xceO==\xb3\xcd\xf5\xf5\x8b\x8b\xf9SA\x8a\xa6\xa9\xb7\x1c\x95q\xec\xc2IA\x83r\x06\xe9\xf0\xf2\xe8\xcc\xc2\xf6B\xc7`\xffD~g\xf5\xd3\xa7\xc3O\x0brs\xd7\xd6~\xce\xad\xee\x84\xe7\xea\xea\xee\xb5\x82\x9fJkm6\x93)P\xd7\\\xef\xc9\x1f\r\xe3X\xc8\x7f\xcaI\xea\xed\xd0\xdd!\xef\n2\x18\x9e\x9c\xda~\xd1\xb9\xb6\xb3\xd6\xdd\xbdSZ\xfa\xe8\xd1\xa3\xef\xbf/\xaeu\xcd\xf6\xcc\xce\xf6\xec\xec\xac\x15\x14&lt;\xcd-\xad\xad\xf5\xa9\xa4f\xa3\xdc\xd4\xb0\x1a\x8f\xf7\xbeX\x86\x1eG\xed\xe7q\xd3H\xcf\xfc\n\x85\x13\xa8\x96\xa7\xb6;=\xbd\xcd@QZ\x96V^\xfe8\xad\xf6QY\xb9\xcf\xe6B\x9a\xed\xf9\xb9\xb4\xb4\xa7V%\x96J\xe5r}kk\xeb\xd1\xd1j\xbc~a\x08\'$\x91\x03\x0e\xec\xe2\x8d\x1d\xef\xf9I\xbf\x82\r\xbe\x9a\xda\xce\xafo\xaek\xb0\xd9|\xe5\xb7RR\x92\x93o\x95\x03\x9cJe\xb3\xd5\xda|\xbe\xb2\xb2\xb4\xb42\xc0\xd2\x80\x00k\xae\xf1%p-\xce\x87\tBr\xc1\x85]\xf6\x93C\xd8\xd0\x83\xc1\xe0\xe4\x02\xa2\n\xd8\xcc2YrJ\x8a\xd5\nd\x85\xc9\xc9b\x95*M\xa5\xf2\xa9T\xe5ii\x8f}&gt;)\xa2\xd2\xb7\xce\xcd\xb56\xbe|\xbf\x1a\xdf`(R\x129\xe1\xa4\x8a\xb1=\x7f0\x1c\x1e\x9a\xc9\xf74\xc7\x03\rFy\x8d\xa8Fl\xb5\xe6X\xc10\x10\xf8\xf5Yb\xb1\x19r\xa5\x07\xcd\xcd566\x1e\xbd_\xad_g\xdd\x94$\xc6E\xe8y\'\x87l0\xcc\x8e\xbe\xf8o/P\x99\xe4\x1a\x91\xa8&amp;9%\'\xc7jM\x06\xd7\x90]\x97L\xe8\x03\xc9\xd2\xeb\r\xfa&amp;\x84\xf5\xf2\xe5\xfb\xf7\xab\x1b\x0cCR\x87y\xdc`A\t\x99\x85\xc5\xfa\xe6\xf8\xeaQ\xab^\x04X\xd6\x14\xab\x16\xd9\x95b\xbd\xe2\x12\x83\xccR\x90F\xdf\xd4\xd4\xd4\xde\xde~\xc9\xb5\xba\xb8\xc28YNZ\x17\x84\xcbI\x82Y\x9ex&lt;\xb0jl\xd5\x1bD\x9a\xca\x1c\x90V\x9b\x93\x92\xfc\xd0\xfb\x10\xe5K,\x96\x01\x974aVSQ\xd1%\x16\xe2\xf2\xacG\x9dl\xe4\x80\x93p\x1dGHf&amp;\xbf7\x8e\xcc2\x18\xb2tJ\x8b6\'55\xd5\xeb}\x86\xbe\x1e\x82a2\xa4.1j\x0e\x80\xa5V\xab/\xb9\x1a\xdf\xd7\xb7\xc1Z\xe1\x8fq\x81e?\x88\x04W\xda\x16\xa1\x84\xab\xadzef\xe6\x1d\x9dV\x9b\xfa,\xa1\xf1\x87\xde\x84]\xe2.\x99F\nv\xc95\t\xac\x96*\xf5%\xd6\xcbfG\x14\xf6\x8b}N\xe6\xe2\xb1\x9f\x99_X\x8c\x1f\xa1\x12*\xb3tH\x80\xe5}\xf6\xfa\xf5\xb3\x87\xc8+T?\x994\x81%\x87h\x01V\x0b`%\xca\x18\xcf\x1f\x1dbYn2\x1fcV\xd6\x1d\x9e\x06S\x03\xe4\xddbQ\xea\x94:\x0br\xeb\x07\xc0\xcaA}\x15a\xc9!XbY\xa2\x88\xed\xea\x16u\xcbU\xba\xe2\x8b3\xcbC\xc1=.\xb0\xf2\xf6W\xe6\x17~\xf7\x04LF\xbdA\xa9Tfe)u\x95\xa8\x8a\xaf\xc1\xb1D\x97\x80\xccK\xa5F\xb3Yz\x95-0\x0b\x85\x0b\xf9\x15\xf78V\x18\xf6-\x17\xef\x1ac\x87[m\x0b\xf9\xbdu&amp;\xa3\x06\xb0\xb2,\x16\x83\xc5R\xa9\xcd\xf1\xe6x\xbd9\xd6\x1c\x88\xbcX\xac2\x9b\xcd6\x9b\xd9h4\xb6\xb6\xc2IT\xab\x8b\xa0\x8a\xc8\xb0\xd5\xde\xbe\xf5({\xb6\xcb\x01\xd6\xee\xf9\xfc\x80\xa3\xaf\xd7$\x97\x8btYY\x00e\xb0TVj\xad\xd0SS.\x1b\xbdX\xe5\xb3\x99aV\xda\x8c&amp;H\x9f\xbe\tN"\n}\xbbZ=w\xd4\xdc\xed\x98\x1a\xf2\x1fs\xf1\x9f\x87\xb3w\x83\x9d\x8b\xcd&amp;\xbd^T\tETZ\x10Ue\x8d\xf8\xb3T*\x84\xe4j@n!*\xe8Z\x80U\x05\x95\xac*2\x05\x9a\xf3\xdb\xa2\xcc\xa7/?~x\xc7g\x03\x1b\x8b\xf5\x01\xa3\xc8 2\xa0p\xe9t\xc0e\xb5v!\xa4D\x8f\xb7]\xc9\x98\x88V\x13\xf8\xd4^\x05\xf9j\xa9\xcan\xd1\x07\xea\xfa:F\x99\x0b.\xb0\xe6;:\xebaF\xc3\xb0\xfb\x8c\xa5\xd5ZS\xc4\xff\xc7\x12_\x92\x99\x7fCm\xab\xa8\xa8\xa4\x08\xca\x07\xa1o\xc9\xce\xc8.2\xd5y6\xda\xa2\\`\xc5\xde9&lt;.(\x10l\x06\x06\xa5\xc1\xa2\xbc\xf3]j\xaa\x16\x99\x85F!\x00\xa1\xab\xcbe3\xab\xa4\x1a\x91\xa1\xa9\xa8$\xb3E\x9dPU\xc6\xbd\xec*y\xa0\xb7\xafc\x85\x83~\xca\x8bm\xf6\xf7\xf8\xa4\xb2J0\x0b\xe6t\xa5\xe5\xce?\xbeK\xfd\x17\x1a\xd4\xc8,\x9f\xcb\x06\xcb\x96m\x16\xf60q\x17D\xaf$3\xb3\xa4$\x11wu\xf6\xdd\xdb\x15\xd9\xfa\x86\xe6\xee\xc1-\x0e\x16g\xfb~[\x9f\x0bV\x03\x9dN\xa4\xd1\x88jjj\xb4\xa9\xa9\xff\xf4"\x8d\x8f{\xbd\x85\xaa[\x85\x85i\xb5.\x9fJ\xdc\xd5U\xa9\xfb\xf7\x0f\x0f\x1ed\x96\xa0Y\xdd\xde\x9e}\xfb\xf67\xf7\xee\x98]k\xfd\xf3\x1c\xb8e\xff\xb0\xd9S.\x93k\xb4\x95\xb0yJ\xa5f\x95\x18\x1a\x03\x82z}\xa9q\x90w\tFcW\x97\x15\x86%\xf4\x90"\xd8m\xe6\xda\xd5\x19\xbf\xfez\xb7";K\xda3\xb1\xce\x01V\xde\x87\t\x9fF#\x93\xd5\xc8\x8d\xc6\x86\xba\xba\xba\xd9\x9e\xb2\xb4\xe7\xbf\x80\x96\x80\'\xc1\x95`[*,,LF}\x15\xb5\xd4Vh\x13-\x19\xdf\xdc\xbd[\x91\x91}\xc7U\xdd\xf6\xe1\x8bc\xf1\xf2&gt;t\xc3\x86^#3\xaf\x06\x02\x9e\xee\xee\xee\xa7\x05O\x9e\xbc\x19\x1e\xae\xce\xfd\xf19\x90\xbd\x1e_ZZ\x1a_\xfa\xe5\xf9\xb7?\x16\x17?*\xed)u\xd9\x1a\x02\xb0\x98\xcd\x01VE\xc5\xdd\x8a{\x19\x0f\xca\x87\xb9\xc0\x1a\xfb\xb0c\x96\xd7\xc8|\x81z\xcf\x8b\x8d\x89\xfe\xc1?7\xff\xd36\xf0\x0e^\xf4G\x9e\x14\x7f\xfb\xfc9\x10=~\\[\\0&lt;2\x01\xaf\xb5#\xc3o\xde\xe4\xee\xac\xf5\xf6\x06\xf4\xff\xa3\xd5\xec~\xd2\xca\xd38\xbe^\x0f\x17\x1b\x83x\xe8\x05rr&lt;e\x01\xc5\xf2\xd6\x00\xe2\xc1\x82z\xac\x16K\x0f!,P\x88(\xeah,\xa2Xr\xea\x0bk}k\x11\xa2\xee0e\xc6-mu\xd4\xd5i\xc0\xa51c]mvfjvc\xccLkjm\xe3\x9a\xcc\xf4\xca\x8e\xdd\xa67;\xbbk_\xa6\xd9\xe7\xd0\xec\x7fp\x16\xee8$|\xf2\xfd&gt;\xcf\xf3{\xbe\xbf@B\'r\xac\xc0%_\x1by\xc6~\xc9O\xfe8`)q\x15\xb8\xc3\xb6\xe9\x91\x91\xb6\xec]\xc8\xad[_A\xe4\xef\x8c\x95\xd7\xd6\x9c\xbc|\xf6\xf2\xb1\xb3u:\xe7\xe8\xc8\xf5\xf1qx\xf0\xe5\xcd\x17\x9d6\x9b\xa1\xbb\xdf\xa8"\xc5V\x0e\xc7*@\x07\x96\xbea\xff\xa2\x1e\xb0\n\n\x0b\xbbzWlK\x9dmm7\xe7n}r\xed\xda\x95+\x9f\x8dO\xb5\xd9\xc6 \xb3\xd6\x9c&lt;y\xb6f\xb0|x\xa4mj|\x8e\xb9q\xfbd\xee\xab\xb6\x91\xe9\xce\xe1pC#\t&gt;\n\x04\x9a\xbe\xa5\x1fYW\xeb\x0c\x98\x08\x1d\xd8\x17\x0e\xd7\xd7\x8fv\xb6}\tb\xcd27F\xd36\xdb\xb07\x99t\x03\x16$\xfer\x83\xads\xfa\xfa\xf8g\xb3\xb3WfgA\xca\xb6\xe9\xdb1o\xbb\xd1,\x93\t\x04\xf8@\'\xfb\x9d\x98\xf3\x87Wk\x85\xae\x82\xbe\x81\xf3\xbf\xff\xe2R}\xb9\xd3\x19\x8b}:|{\xe5\xd1\xfc\xbcaf\rfi6\xb5V\xb8\xfb\xdb\xc3\x86\xf9\x95\xe9\xe9\xeb\xd7\xa7\xa6\xc6\xa7Fl\xb7\x87\xbd\x97\xfa&lt;Z\xc1\x07\xacg9\xff\x07\xac\x01\x9e\x8b\xd7u\xaa\xf4\xe2\x85\x93\xd5\xb5\xf5\xde1g\xf7\xfc\n`\xdd1\xcc47\xe6\xe5\xe6\x97\xe6\x87\xb8R\xbd\xa7\x7f\x06\xb0VVn\x1b\x0c\xdd\xb1\x98s\xad\xee\x1c\x94\\\xa3^\x0cr\xa1c\xacc\xe5|\xc0*\xb4t\xe5\x96\x96\x96\x9e\xab[t:\x9d\x9f\xde\xb6\xcd\xc3\xeb\x8e\xa1\xbb\xa1Qa\x82d&amp;%\xe2%=a@]Y\x99\x07\xa8\xee\xf0\xea\x9a;\x9f\x8e\xc7i\xb9\xd6,\x10\x08\xe4\xbdK\xfff\xb7\xae\xf6\xde~\x7f\x06L\xe4\x15v\xf1ry\xa7,\r\x8b\x8b\xa3\xb0l\xfe\xee\xde\xf8\xf4\xfc\xe3\x99\xc7\x86\xb0\x07\xa7`\x1f\xc4\x03"W\xfb\xf4\xca\x1dC8&lt;\x0c]a\x1b\xeem\xe8\xef\xe2St\x9c\x10;\x00\xcb\xe5\\b7\xee\xef\x19\x97\xfb\x1f\xfc\xe5\xd5\x98\xa5\xd0\x92\x9b\xcf\xb34\xcct\xb7=\xf9\xfc\xa3\xa7\x1f\x7f4\xf7jd~uq5\x9c\xc4Q{\xe8\xb80\x80\xd8\xc3\xd3\xcer\xe7|\xe7\xd2\xe7\x13\xbf\xf9\xf6\xde\x94\xc1\xd8\xd3\x88S\x84L\x00\xbb\x8d\xa3+\x06X9e\x93lu\xe3\x99\x0b\x9b\xb0\xf5&gt;|\xe1\xac(,\x94\xe7\xe7y\xfa\rS\xa3\xdf?\x99\xf8\xf8\xb7\x13\x7f\xff\xeeYw\xb8=\xd9\xee\xae\x94\x86\xf2\x8e\x0b\x11\x0e&gt;c\xd0\x19\x1e\r?\xfc\xd3\xd3\xa7_\x7f;\xf1\xe4\xaf\xb6F\x8f^Cp\xacb\xb1\x83t\xc7F\xbf+\xfb%\xb9`b)h\x94u\x1d\xa8:Z\x97\r\xce\x8a\x02\xb9I\xee\xaah~4\xaf{\xfb\xafk\x13\x13W^\xbd\xab/_\\m\xf7\x18\xb9\xdaTB\x8fq\x04\x98\xc7\xb0b\xd0\xfd\xf2\xe0\xc1\x93{\xbf\x9e\xb8\xf7l\xf2\x85A\x7f\x1c\x97I$2\x07\x83\x15{[{\xb8\xdf\xe28\xcaa\xe7\xd81.\x97\x90dkso\x97\xdeD\x99\xe4\x05==\xc9\xda\xfaw_\xcf\xcd\x8d&lt;{\xe8\xdd\xda\xdaj\xef\xd1\xabJ\x12\xdb)\x8c#\xc3\x8cPi\xab\x97\xea\xdf}skb\xe2\xe6\x83\xb7\x8b\xed\xcbfkD$\xe2\x88\x1d\xc5}\xdd\xcd\xf3\x87\xeb2\xcdk)+6\xe6\xecm.p\x85\x98\xb9\xa2\xc1\xa8\xa2(\x94\xefbn\xb4\x06\xbd\xce\x98s\xac\\W[;\xb8\xd8\xdc\xa8\xdfL\x9d\xeeIa\x84\xcc\xac\xef\x9fY\xdc\xd0y\xc7\xc6\x86\xdb:c\x83E\x14.\xd5pD\x81\x00"p\x1477\xb4\x1e\xec\xcb\x10\xe9\xf3uvnn\x8eZ7\xb5j\x85P\x0e^\xa1(\xca\xe7\x9f\xa8\xaa\xca?\x9b,\xf7z\xb76t\xba\r\xef\x80\x1b\xf2Wj{!\x85\x13\x84Fel\xd8Z\x05\x05W\x9d\x86\xd5\xfe\n\xf8\x84 $Y\xac\x96\xe2fcK\x87\x0c\xb1\xe2\xcf\xd7\xf7\xd8p1\xe7\xc8\xd7\xaaq\x98q\xbe[\xaf\xc5P\\\xc1?q\xe2Di\xae\xa5\xa6\xa6\xbavP\xa7\xd3%O\xeb\xf5\\n\xf4\xfev\x14#\x085\xa9j\\\xdb\xda\xf2nx7\x1a&lt;\xa7\xb9\xb8\x9a\xe0\xa8\t0\x11\x8a\xab\xd8C\xca\xacpb\xe3\x87&gt;\x96\xb0\xa2*\xc0\xaa,h,\xc1p\xa1B!gn\xda\xf2s\xcf]&gt;\t\xbbUMQ*\x95\xe2V\x06\x83\x89D\x93\x19\xa4\x11\x92M\xc6\x01]\xf9\xe0`\xd2\xddUh7Q4\xa1Q\x03\x8d\xc4\xea(\xdeT#\xc8\r\x9fCxp\x83\x1d\xac\xdd\xa6\xa8PM\x08\x1b\x1b\xb9B!&amp;e\xc2ai~\xfe\xa9/\xae^\xbd|\xf9X(\x18\x8c\x06\x15\x95\xc1!\xc0\xd2\x10\x11\x82\x10\x9b\xb1\x92\xba\xda\xea\xea\xea\xf3\x96*\x13E\xd1\x1a\xa1F\x03\xad\xc8\x11\xb7l\x12\x08\xf1\xda\xe7\xd0\xbcf\x07\xebW\xbbQ\x95Z\xa8\xed\x9f1rq\\\xab\xd5r\xed V\x15\x83u\xf5T(\x98N\x073\x8aP0\x9a\xb8\x1f5\x13\xa2\x80(\x1eWc\\\x0b(y\x8cw\x02\xb04f\xb3P#\x8b \xd0\x8a\xad\x02\x0e\xd6$\x16\x90\x07\x1d\xec`\xediIaj\xf9}\xbb^\x8ac\x80U\xa9\xb0C\xee\xc9\xe3A\x96\x08\x06\xd3&amp;\x14\xa5\x14\xd1h\x02\xde\xa4Y\xb2\xb3\x13\x08\xc43\x187\xef\xd8Y\x8b%_\x8e\xe3B\x10K\x0cX\x12\x81C\xe5h}~\xd0*\xc0\x0fZ\xd8\xc1\x9a\x94\x9a\xb1\xc4\xf2\x86\xa7@\xae\x00\x0f++\x15rW(\x14\xca\x03\xa8!e\x06|\xa2\xe4\xc1(\xa3\x16iV\x07^\xbe\xdc\x11\xd1\x19\xcc\x1e\x820\x0b\xc1\x0c\xa8\xc4\x02\x99U\x82Hd\xe2V\xd5\xf3\x9f\x7f:\xf4\xd1\x07\x1av\xc6|\x19\x1f\x93&amp;\xb6{&lt;%|\x98\x0f8\xce7\x99\xec\x80\xc5T\x95\xd2\xef\xa7h\xda\x94\xae\x0c\xa6\x18,R-\xday\xb9\x03r\xf9\xd3\xc1\x14|\x83+\xc5\xb3\x05\xcfAD\x88U\xa0\x7f\xff3`\xed\xab_\xc7\xd99\x15\xcbPs4\x918\xdd\xecB)fM\xa1)4\x1de\xb0\x94CJ\xa5\x9f\x8aSi\x00dll\x82^\xdc\x01.\xc0R\x0eE\x83\xc0\xad\xc4\xd4\x84\x04A\x020\xb8\xac2\xf7A\x16K\xb3\xbf\xcb\xd2Q\x9d\xc5*\xec\x93\xa3TD\x84\xc4\x01\xcb\x9e\n\xa5RA\xa5\x92\xc1\xa2\xab`D@\x91E\x87H\x924G\x00\x81\xf2\xc3\x83\xa06\x18\x0c\x02\'\x02\x02\x82\x82"\x8elm\xfd1`\xad;\xd6\xf7X\xc2\xbahnZX\xe0\xf6\xd9Mt\x1c\x89\xd0\x14e\x82`]\x91H1XJ\xca\x94\x8a\x1e\x0f\xa6/\xfc\xed\xa2RC\x083\xea\x1dQ\x9c\xc1\xf2+1L\x1b%\x85q$\xb0\xf3r\xf2%`\x89{\xf7\x17\xfe\xc3`\xf9X\xda r\x8eHM\xc9\xe6B\x7f\x81\x89\xf1\x90B)\x93\x82\x1bMe\xb1\xa0\xb62i\x1cG/B\xea\xf7G\x02\x12B(\x8ag\xb2\xe6\xfa\xfd\x19\xa9\x8a\xa4"\xffS\xcb\xaa\xe8]o\xceb\x91l\xdd\xa0\xee6\x91B\xed\xc2\x8c\x9bO\xd34j2\x99(T\xcaX\x94\xf63?\x9e\xc9\xb8BUUE\xdb\xdb\xe98%$\xe2q\xd3\x10\xbc\x00\x8b$5\x18IG"\x1f\xb0\x10\x81\xbb]\xff\xe8\xcdO\x87\x1d\xc5([{\xe0\x9eY\xab&amp;\xb0\xb5\x019\x00\x99\xe4r\x94\xa6\xf9\x95\x95\x8c&amp;\xa0JZ\xe1\xf2\xac\xd6\x15%\xb76RqKOq\x84NE\x01\xcb\xefW6A\xb9\x0b\x89H$\x12`\x86\x99D\xb3v\xbc\xff\xcd\xe1\xfe\r\x87o\x97\xad\xcd\xb9\x8c\xc6i\x8a\xb0,\xba\xe40\x1c\xf8p\xd0\xd1\xa8\xa22\x9d\xcer)S=\x8f~\x18\x1f\xd8z\xbc\xb5\xc9\xfb\xe1\x1f\xaf\xcd\xdc\xbb\xf7\xa3QP\x0b\xc4\x92\x11j\x02\x91H\xa0\x11a\xe1\xc2\xba\x9b\x96\x0f}V\xd9~\x07K\x15\x0f5\xbf\xab\x8e\xab5\x051\x8b\x1d\xb8\xf8|&gt;J\xa1\xf2t\x06\x14\x01Y\x94\x89\xe6?o\x0c\x1ck\xb8\xf3^\xcf_|s\xe8\xbb\xfb\xfc&gt;C\x95\x11\xc2F#!\x98\xf1\x00\'R@Dt\x19n8:\x1c\x92\x0e_\x9c\xbdd=yD\x13j\xb9\xad\xcee\xe7\x03\x97\x02\x07+Q\x05t\x1b\xe85\x94\xd8\xfec\xa2\xc8\xdd\xb7\xd5\xac\xd7\xa7\x13\xfb\x89\x7f\xdeM0&amp;f\xd4\x928\x1c\xd0\x9cH\x04a\xe6\x16\xa2^3\xacw\x08\x1c2\x87l\x8f\xc5d=I\x1345\xba\x96\x9buQ\x0e\xbb \x8e\xc2\x14\x18bl\x1c\x8a&amp;\xb6\x93\xe7\xcf\'O[\xbaxi\xd8o\x12\xd1!\x90\x0b\xb0\x08\x0e\'\x0ebe\xe5\x92T\r7\xac\xfb\x1c-\x02\xce.\x8b\xd7\x1099\x93G(\x1a\xeb\xe5\xc9\xe5`"\x1cAvE\x86\x19\xe5CJX \x82E\xb5\xd5\xb5\xde1/l\xca\xba\xa2 3\xb2\xe0\xf3\x0c\xc1\x01\xad$\x08\xa8\x05\x03VD\xf0\x86{T&gt;\x88\x8b\x08\xbb\xff\x15\xcc9\xf3_\xda\xcd\xff\'\xed\xfc\x8e\xe3\xb2,\xb7-\xe3\x87\x85Q\x14r\'\x10\xe0\xd3)\n\xd6H\x0b\n\xf2Ej\x0bS&gt; !\x9e|K\x85\x14+a_Pf[\xbe\xed3\x0f0p\x84\xf5&amp;)G\xf1h\xad\xd4\nii\xfd\xc1\xf9e\xc66\xb6\x97-\xae_\x9ci\xb7\xd4t\xbd\xeerY3/n\xe9L\xce\xf6jw{}\xe8\x9fp\xfd\xbc\x12\xf8\xf9\x91\xe7\xeb\xf5y~^ox\xbe\x1f}\x94N\xd2\xf0\xd1\xea`w\xf0`5\xa8`]\xbdj\x19\xb1\xfa|\xe9t9\x1a\x89\xb9\xcb^\xb3\xad\xf7\xea\xcf\xaf\x83\x86bQ\x1c\x9f\xf6\x9a\xfa8\xac\xcc\xfb\xe3l]\xe9O\x8d\x8d\xb5\xed\x0f\xdfv\x82\x91D\xea\xba\x9b`t\x82ku\xb0y\xa0\x17\x8e\x05ZQP\xcc\x9b\xcd\xb97\xe7\xe6\x8a\xf9B!\x9f3\x05\xf7\xf5^guw\x8b\xdb+J\xe1\x1d\xfc%\xc0u(J\x97\x07\xd9\x0f\x89\x08\xc8\x92\xce\xdd\xd7U\xd3\xe9\xbfb\xc3\x8a\xc5\xee\xe9\x01\xac\xe1^}\xbf\xaf\x94\xcde\xf3\xe7\xf1\xdf\x8d\n\x85L&gt;\xe7\r\x04\x99\xcd,q\xe5\x15\rP\xf8`\xed\x8f\xf7P\xcc7W\x1e\xc9\xba\x08\xc9\xb3\x9c\xd9\xc3(MM\xf47T\xec\xebW{\x1b&amp;\xcc\xde\\.\xeb\xceE\x8b\xf9\xb9\xbc;\x97M\xcdeR)S`\xc2\xc2\x13W\xb0\xf6C\x81\x9f\x8ew0"_\x11\x16\xf5\x97\xdd[\xb2\xc2\xa9\x07\xda\xd8\x0cd\xcd\x16]\xa0\xe4\xcd\xe4L\xf2\xf0\x83\x07\x0ffM%\xfc\xdb\x9bs\x17\xa1\x93Kj19\xfe\x06\xab\xa6&amp;\xbe?NGc\xd7\xaa\x88\xaa\xaeW\xfd\xc1\xb6\xb66\x18\xfb\xc3\xf8\x11H\x97,\xe7\xbc\xb9\xd2\x82k}}zzgqqgz\xf5\xac?4\x19\x8bfs\xa5\x19a;\xde\xc1\n\xd8x|\xbcI\xfb\xd9m\xe2bx\xaf\x83\xa8\x15\xa5U\xd3;\x0eKx&lt;\x86\xaf\x98r\x9b\x92\xba\xa1\xf5\xf9\xf9\x1d\xa8\xf9\xf9\xe9\xf5\xd5}#LFk\xdak2\x05\xd8\xa0V\x1c\xa7:\xd5tj\x9c\xae}JX\n\xaf\xaajE\x11\xb4*\xab;\xe9\xecf&gt;\x8f\xae\xf3\xe6\xbdi\xc5\xd1\x83\xad\x8b\x95z\xb6\x88\xebukZ\xb3O?\x9aN\xa7}\xdc7#\xbf\xbf\xa6\xa7\x1a\xb6}\xc61\x02\xd3\xf3g\x14:\x83\x81A\xa1\xd3\x0f\xc01C\x11\x8b$Z\x8f\xfet\xe1\xc1\xec\xec\xec\xc6\xc6\xc6\xb3g\x1b\x97`\xba\x16\xd7\xec\x1aT;\xda?\xdaY\x1f\xc7\r"\x0e;\xf6)v\xa7n\x8f\xc0\x88\xa7l/\xa8C\xad\x14e\x1b`q\x17\x92`\xec\xfd\xf2\x8d\x8d\xafw\xcb\x9f=}\xfa\x14\xff\xfc\xdb\xbb\xbb\xf1`mB\xab=\xa6\xd0\xf6\x90\xeb\xeb\xeba\xac`\rb3\x12\xaf\x08\x0c\x10\x93^\x05Q\xd4\x00S\xdf\xd9\xcb\xe7.\xf5\x9b\xe5\xbf\xdf\xdd\xdd\x80\xee\xf5\xdf\xdf\xbb\xb7w\xff\xd8\xde\xe9\xfbk\xcf\x9e-\xce^\x92\x07\x14\x98\x8eg\xac\xc7\x8b\xdd\x01G#4\xfd\xba\x8a@\xac\xbb:+\x03\xda\x88r{\x9b;\xd1\xa0Y.\x9f]\x9c^\x9f\x9e\x87\x99\xc7\xc7kg~zuu\xf5\xac=\x1c\x0e\xcf\x04\xf5b|\x81\xc0\xf5\xea\x19\xa7c\xc9G\x04bU\x9d\x0b\xeat:m\xbf\xdeBm&gt;\xd0`\x0fM4h\xd6\xd7\xcf\xae\xaeN\xe3d\xf0$N\xaf~\xf0\xc1\x87\x1f\xd2\xd9\x96\x90]\xcd\'\xd7\x1b\xc90_0\xef\x1dM\x81%"\xb1H]{\x18\xaa5(;{\xa9\x87\xf9B\'\x94\xfa\nl28\xd6\x0e\xce\x05\x0b \xbe;\x9cbIU|\x10\x0b\x0e\xd35\xe3p\xea\xa6\xd3\xd2\xdc3D\xaaEz\x15X\xd22\x184=\xd7\xd2Ke\xaa\xafHU\xea\x86+#\xd0F\xdcMw\x00k\xf8:\x8f%\x16\xb3\xf8\x1c\x96\x08\x16\x1b#9~\xaa\xa3\x87^\x8d\x05\xe8\xc4\xde\xae\xb9k^\xd2Yu\xb6!&amp;\x97JE\xd4\xc8\xc8\xd0\x84m"\x08\x8b&lt;\x98\xc4\xec\xe2\xbc]\xd3\xc0d\n\xf9b\x16\x8b%\x12\x90\x8d\x02A{\x07\xbd\x87\xaeG}\xa1qB\xb1H+\xe9D\xa2_\xa7WK\x99\x08U(DF\xd4N\xfbL\xb8\xe4N\xc1\x061W\xcc\x99|\x1e\x97\x06\xc7\xba\xce\x12\x19\x8d\x82\xba\xdav\xba\x95M\xd3a\xf2\xcb/\x88Uk\xa5lJ\xf7cCB\xa9J\x8aTb&gt;\xb6\tl\xc1\x94Ke2S\xa9\x14\xbc\x0b\x03\x13\x1a*\x1c\xa79,\xb1@P\x87c\x05\xf5V]$t\xfc\x05\xa1A~\xd2\xb9-w:\xb1dc"*\x95\x94\xa9V\xa94\x1a\xcd\x04\x16\x08_\xda\xc0\xff\xe7\xd9\x90\x87\xfcj&amp;U"\x19\x86\xd1\x12\x01\x95QD\x0b\xa2\xc1\xa4\xaf\xa5\xf1!\xb1\xf7\x0b\xce`&amp;o\x0c\xd3\x0b\xa9\x88J\xadnP\xe3X\xfe\xe0\x92\xe3\x16\xd4\xda\xad5\xa0\xc2\xb5\x92\x0cw\x8b\x04\xb5\xb5\x02r}\xbb~\x01\x0bD\x9c\x8d\x8d\xc4\xaaU%CC\xd1\xa8\xc7\xc6\xa4\n\xa5\x1a[%\xad\xa5\xd2\xd8&amp;\xfc\xb8G@]Q\xab%bQ7\x9f/n\x87y\x87G\x91&gt;\xe4\tG\x82\x8d\x03\xbf V-\x92\x8c\xa6\xc2\xb2%\x8f_\nr\xa9\xd4B\x8b\x85\xbbO\xad\x01\xf3\x02\x8f\x003\x1d\x1eFZX\xb5"\xd8\x98\xe11$\x1b\x8db\xb5-\xe0\x9d\x91\x0c\x0c\xf4\x11\xdcD\x99^\xaa\x0ed}.\'\x95*E\xa8\x87\x0f[*\xf9\x9a![E\xac\xf5U\xb5D\xc2\x11\x01T\xbc\xdeh$\x0b\x04T\xff\xa4iF\x88g\x92\x1e\x92\x88UK/E\x86|\xd9\x88]\x8a8\x9d\x96f\xa1\xcd\xd6\xc0\xd87::\x8a\x0f\xd7\xfc\xad[\x98z\x84\xca\xe1\xf5\xd4\xd7\xd4\xe3\x91\x8c:\xa9\xe3\x82\x0f\xe1\x80X\x8d\xc4bU\xc9hR!\xb5\xc1\x97\x0b\xfb\xd56\xbb\xc6\xc2\xb5\x06u\x8aV\xb3y\xc1\xbc\x00\x15\x86\x8f\xce:\x04k\xe2x\x9cL&amp;\xd7\xf1]\x97|6\xce\x91#G\x06\x06\x88n\xa2A*\xa5Z\xb4aS\xd81\xe3\t\xea;\x19\xad\xe6\xb4"m\x8e$}a_:\x924\'\xfbG1\x06\xbb\xa9\xadS\xdc-\x96\xd8\xe5\xf2\x89\x96ADr|\xa0\xef\x05\xf1XR*#8S\x92{f\x02\x18\x8a\xb6\xa6#\xad\xe6d,\x12N&amp;c\xa6H2\x914\x9bu\x14\x83\xc2&amp;\x94\x0c\xfa\xe5\x1e\xbfS*\x94\xb4\x1c\x1f\x18 \x1a\x8b\x86H\x91\xdej\x06\xe6+\xf9\x02I\x05v\xb05\x11IDbeo:\x1d\x89y\xe1\xc0\x1fK&amp;Ok\x8f\xf6cL\xc4\x11v\xf8UN\x15\x02=\xec#\xdc\xb7\x18\x83\x88\x90\xda[m\xd5-\x99\xbc\x11\xb3\xf9tR\x11\x8bE\xca\x9b\xdeX\xd9\x1d\x8bE#\xd1h:q\xecX\xda\x1cpz|\xf8\x15\x04\xa7S\xd5\xd2\xdd\xd77\xc0%\xf6\xd6\x9d\x8c\xa1\x92\n\x85\x07\xf4(\xc5\x900\xb9c\xdeH9\x99.om\xcd\x15\xb7bnStsk+\xbf\x19K\x80d\x93\xe1\x90=\x14r\xb9\xa0\x8b\x92\xee\xda\xba\xbe\xff\xad\x11z\xabSf\xc0\xf3\xfb\x16=\xaa4\x8c*\xdcs\xc5(h\xe4.\xe4\xf3\xee\xcdh\xd1\xbb\x99\x9f+G\x8bQx=\xa5\xe1\xed\xe8\xb4\xbb&lt;\x1e\xbb\xb3\x85\x83\xff\xab?\xf9\x8f5\x19\xb1#\x8fH\xa8\\=C\xa9D\xb5f\x00J\xb9\xbd\xee\xc2T\xa1X\x00\xc4h\xaa\x18-{M\xee\xa2\xdb\xe4BTR\xbbc\xd2\xe3R\xf1\x8fT\xb0\xde}2}\x86@;5H\x07%|\x0b\xcd@Q^\xbcxP\x11-dR\xc5B!\x83_\xae+\x00\xd7\x05\x13\x88\x97I\x99\x9c-\xddBg\xc8\xe1\x08\xf9\xa5\x95\xc0H_\xe0\xd0\xa1/V\x89\xd1\x8bD\xaa"\xbd\xbe&lt;\xd8"\xe1X\xaai4\xa5\xf27J-\x16\xc8Oe\xc6\xc6\xce\x8f-\x8f\x8d\x8dM\xe5s9w6\x95\xc9\x85U\xdd\x02\xb1\xda\xe1\xf1xB~\x15\xbf\x0e\xb0\xea&lt;\xef\x1e\xfa\xcf\xf6\x88\xec\xad\xffjC"\x91dw\xef\xdc\xfc\xe6\xe5`\x0b\x9e\xee\xac\xa6\x19\x94\x17\x7ff\xb0\xa2\x8ep\xb4\x02\xb5\xbc&lt;\xf6\xeb\xe5\xcc\xd8r\xa6\xe4\xb1\xab$&lt;\x01\xcf\xe9px\x1c.\xbf\x90\xd3W+\xa8\xad\xb3/\x1fz\xbc\xbd}o\x05\xc0Ho\x11\x89$\xbb\xfd\xd5_?&gt;\xf9\xe5s\xc0B\x10ao\xa7\xc1\xa0lk\xb3\xa2`\x14a\xb9\t$\x02\xae\xdf.O\xa5\xc0\xfd\x9d*N\x9d@\xc0\xf1{\xc2\x9e\x90]\xc5\xe7\x0c\xf4\xc1\xa2\xfa\x87\xdd\xc7\x8f\x9fo\x7f\xfd\xb7\xcfo\xde~k\xad\xec:w\xfb\xda\x8d\x93\xefC\xfd\xf7\xf9K)\x02\xcee\xa10\xd0jJ\x1bj\xd5\x83\xe1\x07\xe4\xa6\x0b\xd9\x0c`\x8deg\x1d.\xf0u\xaa@ \xa2\xda=\x93\x0e\xbb_Ee\xc1\x92*\xa8\xfb\xe4_O\x9e\xfcy\xfb\x9b\xf3\'\xde{\xff\xc6_\xbe}/A\xa6\x95k\x9f~~\xe2\xbd\xef\xfc\x18\xa8~\xf7\xfc\x8f\xff\x04\xb5\x98L.\xcd`\xe8lkS\xa2\x0c\x86\x15[2Gp\xae\xa9\xa9\xcc\x059&lt;z-T&amp;O$B\\\x8e\x90\x1d\xb0\x848\x96\xb1\xee\x93\x97\xbb_~\xb1\xbd\x9d9q\xf2\x07\xdf?\xf1\xe9\x9d\x95oEF\xea:w\xe7\xc6\xc7\xef|\xef\x9d\xef\xfe\xf0G\x80\xf5\x93\xcc\xf3\xbf\xe3X\x08\x97\x89\x07\xa6(\xca6\n\x85\xc2\xd0a\x8aD2R2\xb9\xb3\xde\xc8\x0c\xf6\x7fN\xce.\xa6\xad\xf3\x8c\xe3p\xbe?8&gt;\xc6v\xec\xe1`B\x1c\x1b9\xd0\x00F38x\rq\x12\x8ckSl\x97Lv\xb1\xc3\x02mR#\x8a"U\x89\x1c\xc2\xf2\xe5\x9bm\xb9I/zA\xbbNjRE\xab\xe4\x0b\x04\x8a\xa6.i\x93TZd!ZU\xe9\x05AZ\x88D\x80\x16\tMI\xa3d\xd1v\xb1\xee\xff\x1cW\xd3\xa6Uk\xd7\xd7\x92\x05B\x9c\xf3\xf3\xff\xf9?\xcf\xfb\x9c\xe3\xf7\xbc\xa7O5\xd9\x9aZ\x82\x1d\x07\xa8\x9a\x9e\xda\xd7\xb4\x03\xfd3a\xfd\xf9+\xc2\xda\xcc\xe7\xadf\xc5\x97\x99\xbe9s\xa3\xff\xc7\x91\x91\x9fnO\x0b\x9c\xce\tV\x85\xe1\x05_\xc6\xb79\xbf&gt;:\xd6\xd6k\xf3x\x9c\x96\x10\xddR\x8a8,)g,\xde=2ta\xe8\xad\x9f\xbf\xb5\xb7\xf8\xcb\xe1Wl/\xa6\x1b\xf7\xf8sGO\x8f\x0e\x1fh\xb2y\x83;[kj\x1a\x8e]\xff\xf2\xc9\xda\xc7\x7fy\x92\xcf\xfb\xcc\x9a\xcb\xa7ouM\xdf\xfa\x11\xc1\x84\xc9\xdf\x99Y\xcc\x08:\'\xb2\xb2\xc81\x8cb\xf5\xf9|O\xe6\x97F\xc7v\xdb\xdal\x88a\xca\xe9D\x08\xed\x9e$\xb8\x8a\x87\xe3\xf1\xc3\x9f\x0f\x8dDc\xb9mm\xb6\x1d\xc1\x80\xd7\xf3\xc6\xf0\xd1\xd1C\x07\x9a\x90\x88;\xd1\xa8\xee&lt;\xf6\xea\xdf\x9e-\x1c\xfcx3_\xf0)8VF\xe49!\xb38\xf3\xce\xffu\xef\xb9\xba\xaa\xff\xb3\xa7wWE]\xd7EI3\xf3\xa2\xaa)\xf4\x8c\xfe\xe3\xf9G\xa3cGZZlvp\x85\xc3\xa9D*\x99\x04[,\x1a\x8fN\xc6\xe3{\xbb\x07b9O\xaf7\x18h\x0c\xa6\x0f\x9c\x1a~\xf7\x85m\xd9\xde\xc6\x9d\xb4\xe8\xb4a\xd7\xef\xaeo|}p~\xb3P\xb0*\x1a\x9b\xc9\xbbxN\xe4\xb7\xae\xde}z\xa3\xff\x87+\xf5\xe6\x9d\xdb\xd3\xd0I\xe4tQ\x96$I\xd4\x81\xe6\x82\\\x8fK\x8f\xfe1v\xe4\xc8\x0e\x9b\'E`\x10+a\xc7{n2\x1a\x8d\x17\xe3{\x07rNK\xb6\x85.\x11\x83\x1d\xdb^8t\xe8\x95\xa6\xb6\x8e@\x10j\r6\xbcv\xec\xd5\x8d\xd2\xc1\xaf\xdf\xcfd\x80%\x0b\x05+&gt;2/\xf2\xe2\xea\x83\xbf\xfe \xb0\xea\xea\xfe\x1b3\x8b\x05]\x17\xa0\x94\xc8\x82\tA\xd4U3\xef\xae`]\x1a;\xb2{G\xda\x03\xaa\x9c3\x91\x08\xd3\xfd\x1bg\xe2|\'\x89u!\x9eHY\xfc^\x80\xec\xf4\xfa\xb3[\x9e;@\x01\r44\x10\xd6\xaec\xd77J\xf3\x0b\xbf\xf2\xf9\\fMv\x17\x04\x85\xc7\xe1i\x08w\xbf?\x94\xf4\r\xca\xadi\x97N\xe1\x03\x16+1L\xad q\x1ccV*X+W\xc6\xfa\xfav\xb4\x10W,\x91J8S$\x9b3\xd7\t\xae\x91\x0b\xdd\xb1\x94%\xdb\x11\x0c\xd2\xf2 \x8bg\x9b\'\xdd\x91\xee\r64\xd0\xc2\xe1\x97w\xfd~\xad\xf4\x8b\xf5\xb3&gt;\x97b6+|A\x94d\x99\xe5\x11I\x0c\xeb\x83\xef\xd9-\xa5\xba\xffO\xb7\xf3\x82\xc8!z\xc8@]fTU\x12XI\x17\x19\xa8\xe5\xb2\x9e]+\xaf\xfca__\xdf\xee\x96t\x96R0\xe7\xa4\x12aw&amp;r1xkd\xa4;\xee\xb4\xa4[\xbc\xc1\xc6`G\x9d\xc3\xe3\xf1\xb4\xf5\xb6x\xe9\xda\x9a\xb0^\xfbr\xa1Tzh\xb5\xbax\xb3\xa6\xf0\x19^\x92X\x96\x17E\x9e\x86\xb8\xba\xf8\xe9\xffX\xecLP"yJ7b(3&amp;\x95\xd1u\x89\x17t\x86u\xbb]&gt;`\xdd\x7fo\xf8\x08\xa9e\xf7\xd8\x1d\xa9\\*lq\xd8\xb7\xd8\x815\x19?&lt;\xb2\xb7\xbb\x18{#\xed}1\x188Y\xd7\xee\x8fD&lt;\xe9^oc\xc3 \xdd\xabl}y\xd7\x1f\xcb\xe5\xf2}\x97\x15j\xd1\xfe\x0c\xbc\xc2J\x04d`\xf1\xacX\xa0\xda\xff\xddP7nM\x93\xa6\x9c\x11@\x9d\'\xad\x18\xc8,\xf1\xba\xce\xc8\xbc\xdbm=\xfb\x18X\xaf\xff\xb4\x0f\xa9\x08\xb5\x1c4-\x86C\x0e\x8f#\xe5LtF\xe3\xdd\xdd\xc5h\xee\xb9\xb478\xd8z\xb2.\x12\xc9\xa6=\xb6\xdeF`\xd1\xf7\x8a\x83\r}\x1bsW\x97\xef\xb9\\nE\xd3XwA\xd1\x90L"\x07 @!\x9a\xbc\x9e\xbf\xfd]\xdb T??sW\x80N$\x15\xc88\x98\x1dT\xac\xc8\xb1*#\xea\x8c\xd9\r,\xdf\xe3\xf2\xa3\xf7z\xf6\xed\xee\x85w\x1c\x0e\x07\xe6\xea\xd0D\xa4\xbd\xdd\x818\xc6&amp;\xa3\xf1x4a\x8f\xf8\x0355\x81\xed~\xbf?\xbd-\x9b\xa6\t\x11\xc5\xb4\x06W\xd8?[\x9b\x9b[\xbaHXf\x8d\x03\x96\xca\x8a\x1aR\x1c\xc9\x08,\x1a\xa20\xfd\xdf\x1b\xdfT\xdf\xb8\xb9*r\xc0\xe1`,\x0ch\x85!!\xfcZ=\xfc\x85\x02\xe1\x16\x81UZz6{\x14\xd7\xcd\xde\xb4#\x12\xa2e\xc4\xa1H\xa4\xdd\x91\xb2\xa7:;;\xa3\xd1I\xa7\xdd\xefm\xad\xd9\xb3\xdd\x9bud\xb3\xe9\xde\x96\x96`k\x03\xad\xfc\xa9\x19l=\r\xac\x15\xb7\x81e\x16}yE\x958\x9e\x919\x813\x82\xc8"\x01\xc8\xfb\xff\xf9`\x7fu\xff\xa7\x95\xf8q\x95w\x9e%*r\xa5 \xaa]&amp;IW5\xd8\xd3j}RZ\xfa\xed\xec\xa56o\xa3\x17jEB(\xa8\xa1\x10=\x92\x1b\x0e;A\x15\x9d&lt;o\x89x\x03{\x02\x8d\xb6-vO6\xdb\xe1E\t\x1b\xa4Q\xd3l\xfbjan\xf9\x9e\xe2v\xf3f\x99\xe52\x05Y\x85\xb54F\x16\x04]\xacp\x91`\\\xfe\xdf\xf7K\xa9~\xf3i\xc1%n%\x07\x1a\x8a\xf12\x8a\xa8&amp;\xc9&lt;\xabs\x92\xa9\xcb\xc4\xe8,\xc3\xf3\x8an\xa1&lt;\xd3\x00\x00\x08 IDATn\xdd,\xad\xbf\xddsf\xb8\xc3\xeb\xad\x83{\x80\x15&amp;,L\xda\x98\x80\x80\x15\x8d\xa5\xb2h\x1e\x1a;\xb2\x16\x8b#\x92\xee\xa0\xe5w`\xaain\x0e\x8cn\xcc\xcd\xad_t\xbb\x15\xaa\x0fz&gt;\xa3\xcb8\xba$\xc9\\m\xad\xa0S\x18\xe9W\x99\xe7V\x17\xef\xfc\xab\x88Q\x00\xb7\xc2wT\xdc\x04]@\x01\xc5?\xc8\x04\xa9\xb3*\xed\x04#\xca*\xab\x98ya\xb3\xb4\xbc\xd9s\xe6u\x0f=\x0f\xd5\x1ei\x0f\x87\r0G\xd2\x9eJ`\x02\x8a\xc7c\xf6\xac\x1fR\xa6#\xf60\xb0\xbe\x15\xab\xa6\xf97\x81\xa3\xb3F\x0c\xdd\x14C\x19.\xc2i`t\x80\x08&gt;_m-\t\xc1V\xac/\xea\xf9[\x95\xef\xd2\xfa?{`\x15E\xc4\x963\x92\x90\xa7\xd2N\xb5\x0e\xba\t"m\xdcabxV\xc5\xc7T\\\xef\x97\xcb\x8ff\xcf|\xf8\xae\xbf\xae\xceX\xe5\x19\x0e\xa3\xb9\t[\xec\xb0\xfc@\x11c \x89\xa2\xe0GQ\xb3C-\x7f\xaf\x97n7\xd74\xffd\xcf\xd1\xd9\r\xc4\xf0\xa2[\xd7\xdd\x8a$\xbb3yV\x17(\xfddY\xa8\x05\x16\t\x06\xdf\x18%L\xe4W\x17)%\xfb\xef\xdcE\xfa\x11j\xc5\xeb\xac\xa1\x95Q\x81\x05]\xa2\r\xa24I\xe2\x19M6\x9b\xf9\xb3k\xe3KW.M]K\xd6\xed\xafk\x07\x98!W\x18T\xb9\x01Z\x81Z\x1cp\xda\xb3\xe9\xb4\xc7\x82\xdc\xb4\xf8\xc9Z\x14\xc3fh\xf5\x05\xc4z\xe4\xe6t2&lt;+\xe6}\x12\x9f\x81\n&lt;\x82(\xd4\x02L\x80z8s\xa5\x88A\xcc\x99\xe7\xabf\xf2\x88\x1d\xa5)\x95\x05\x03\n/\xd2\x93\x13\xe0wc7\x1fI\xd5y\x15X\x8a\xeb\xf1\xf8\xf2\xb3KS\x1f\x0c\xb4\x1bjEhE?)\xe6\xcc\xa1\xe7"\xac\x84\xdd\x92\xcdzP\xf9S\x0e`\x05\xe9\x0e\\\xf3K\xe7\xae\\!\xb1\xee!\x0f\x15\r\xd9-\xe4eM\x86\xbbP\x85XD\x84\xd4\xc2@\xba\x91|\x94\x91\xae\xd5\x9bU\x05\xd2\x8a\xc4C\xd0x\xea\x170\xa0\xa7\x08*\x9d\xa7\x9d\xabL\xa6z\x95\x13\x18\x966^\xd9\x1c\xbf\xfa\xe4\xcc\xd4\xb5b\xb2\xaen\x02A\x0c\x85.\x87\x7f}9\x14\x86\xb7\xa2E\xc2\x8a9\xd1\xb5&amp;iX"~X+\x10x\xc9\xf1A\xcf\x15r\xd6\x92\xe2\x12\\\x8c*\xb1r\xc1\'1r\xa6V\xe29\x92\x86\x06&amp;\x15\x8e\xa4\x01\x154\xd9\xaa\xeb\xd6*\x81T\x12\r4\x83\x8a\xb2P"g\x91-\xc9Y\xa6\xfa.\x93L\x8d\xa0\xd9\xac}T\x1e_\x9f\x9d\xbavn 4qb\xe2D\xfbD8|\x19/\xf4\x10\x03\x03\xc5\xc3\xc5b\x1c\xadM\xd2\x99H\xe2-\xe9\xf0n\x0f\x9c\xdc\xde&gt;0u\xbcgv\xb6|un\xc5e\xb5\x9a\xebM"\x89%1\xbc\xcfGn6\xce\xc2Uf!\xb9\x02E\x91\x12\x85*\x9ah\xf0g\xcaQC+\xbc\xa3d\xf1\xc6\x14\xc4\x9aL*mE\x86\xf9\x82\xfb\x84\xb0\xcc\xeb\xe3\xe5\xbfC\xadxb\xe2\x04-p\xa3\x1a\x81\x86\x0b\x9d \xda\xd3n`\xc5p\x8d\x96\xcbQ\xdb\xea\xdf\xbf}\xbf#wn\xe8xOO\xcf7\xe5\xab\xcb\x1fY}\xee\xfazM\xe72\xb5\x98\xd6D\x01\xfe2\xbc\xfcm\xd5\xc2\x89\x8d\x93\xcbFeuU\xd1\xf99 \x13*c\xe8\xc4\xd3\x0f\x86\xbc\xb2\xaa\xaa\x88#m\x15\xb5\xb9\xb6\xa2i\x0c\xb3\x02\xb9\x86\xba\xd1\x8c^&gt;A\\\x84u\xbe3\x91H\xc4@\x05,p\xd16\x1f\xb9D\xd2\xd2^\x17\xc9\x9d\xa3\xc7[\x8e\x1f\x9f-\x8f\x8f?Ds\xabB,\xc1\xea2\xb3\x0c\x83\xa3\xcb\x06\x10L,\xa3FV\x04\x91\x11bz\xf1b\x15\x88\x11ZX\x0ee\x04\x86\xe4\x05x\x10\x19(\xe1\x1f9|\x00\x06!\xd4\xa5O\x1e\xce\xcf/\xdc33\xda\xc5\x85\xd2\xc2\x17\xc5x\xb4\x93\xb8&amp;\xa8D`\xde9\xdfi\xcc\xd4\x9f\x03\x0cdE\x94\xd5\x84\xd3\x12N\x14G\xa6FF&gt;\x1c\x1a:\xfeM\xa9\xb4p\x1f\r`W\xbdT+\xa2g\xa6i\x16Y\x8e\x9a@\xe2\x90\x18\x86u\x8c\xc2E\xa0\xa8\xf7UT\x9e\x8cT \xc3S\xf8t*p\xb2D\x89\x88\x0f\xc4tu\xa9\xf2\xfd\xe5\xb9\x7f\xf6p\xc5\xae\x8d\x9bq4\xc8\x92-\xd9|\x96M\xb6\xf6\xbcd\xd2_\xe0B&amp;u3\xdc*D\xb8E\xca\x16\x10\x9d\x0fM\xc1\x9dB)\x98\x86\xee\x05\xaf\x9ajd\xb8\x1b\x04\xd5$\x84\xc1Y\xca\x9d0\xb2S\x0f\xa6\xe0\xd2\xd8\x0e\x9dJ\xe1\xfa\xde\xf7\xe5\xee\xe7\xe0\x10\x11\xdbO\xbf\xf7\xbe\xf7{\x1fX\xf2\xfd\xa4\xca{B&lt;G\xd1\xb3;\x8a\x87\xf1\xf8\'vk:\xbe\xc38\x8c\x87\xa3\xf0\xd2\xc5\x03\r\xa3\xdb\x0f\x91\\\xbfwy\xc7\x16\xb4\xeb\xcd\xfbS\x10&lt;\xdf:\x8e\xb6\xf9\xe7\xde\x16\x02~\x0eX-\x8e\x1b\xf2\xa6i\x16l\xc0R\xe3\x07\xa4\xca\x0c\xd6\x00\x89\xec\x0f-M\x0e\x1d\xf4\x13\x03A\x07"\x9c\x0f2 \xa4\xf5j[\xa4\x11\xaa\xd8`\xfa\x83\xc5\xf5\xef1\xa0\x0c\xefx\x11\xe7\xf4\xee[~?=\x1e\x85\x0f.\xea2\x0c\xe5\x10\x82_\xb8\xd7\xd7H`\xc0\xf5\xeeS\x90\x14\x1b\xe7|\xb2-\x92u\xdd\xc5H4\x00K\xe6@\xa2\x82E\xbe\x84\x9b\x06\xb5\xa6\xcc\xaaqF\x02\x95wP_\x92d.W\xcc!\xdb\xd2\xa5\x9f~sH\xa2\xd4\xf7\xa3`]\xf7\xacz\x11\xcd\xfe\x8d\xc7\xcb\xf1X\xe2"\x8b_\r\x91j\xc2\xf0\x01\x15\xa2Y1@\x83R\xd7\x05\xa9\x04\xf7\xfeT&amp;\xd5\xed`rL\xfc4]o\'\x06\xf2%\xc6\x19f\xae%\xc9\xb1?;)w44\x05\xfeu\xf6\x82\x8a^\x8b\xf0N\xd9\xc1\xf0lN\xc7\xa6\xd17\xa0\xf6\xee\xab\x83OX\xa9\x1fT\xb91\xd9\x81\xc5\xd7\xbc\x8as)qM\xd5\x95\x92h\x17\xebu,\x1b\x19\xa3Y\xae&lt;\x00\\\x9f\x8adQ_\xe4\xc7\xc2\xf7\x83dV\x1c\xdaP\x86\xd6z\xe1\x8f+^g\xa3\xe8\x06\xea\xa9%\xb5\xd5\xa4\xb2\xfa/VkKyY\xdc\xb5\xe2\xb0\xde\xd0\x84\xa9u\xb4]\xe4\x83C\x10\x99Vu\xfb\x90F\xebw\xf2\xe2R\xd5\xaf\xef\x08\x0bEH\x12\xd3\x18\x07F\x97n\xc8\xad\xe3\xc3\x0f?\xfeY\xa4\xe91\xdf\xec\x12/\xfb;\xc3\x9b\xecr\x81Sg|@\xdcR\xd6d\xd0\xca\x99&gt;\x95c\xc8\x95H\xc1\xf7?\xc3\xc2\x1a\x84\x0b@V-[\xe9\xdeBF\xcd\x17~\x10\x01Y\xe0\x07\xde\xe9x\x9c\xa5\xb3_\xc7wS\xb4i\xb9\x9c\xb2_\x80\x81\xfao\xb8\\\xb2\x85D&lt;F\xef\xae\x1f\xf7\xab_\xee\x9d\xbcB\xa29.J\x8f\xa8\x924\x8d\xaa\x8e\x06@\xc8\x06\x16b\x13\x07\x0bm\x15[\x07\xb9\x01\x84\xe2\xb1\x10\xa1\xae3v\xe5K\xb7 v\xe00\xfb\\\x9e\xbae\xf7)\x0319AX~\xe0\x83\x04/\xf3\x16\xb3Yz\x98\xcf\xe7\x1fW\xab\xd5\x87\xfd\xd3\xcf\x8f\x7f&lt;\x84#@"D\x14\xf0.\xc3\xc7\xfd\xfc\xfe\xca9\xc7\n\x11\xf5zV\x14%^\x97eY\x90\xa2*\xcc\x1f\xe0\xb2\xa51\xe9\xb4K~\x98\x1aA:\xbd\x9e\xf9\x8a\xda\xe2\xb4\xe4\x0f\xec\x0b\nk\x805\xc9\xb1\xd9\x02`\x90h\xd6\x89OH 2\xf0Pe\x12\xc9\x9c\x89\xc9{\x8ern\x9d\xb77\xf3\xd5\xfe\xe97~\xa1\xe5i\xff\xe1\xe3\xcd\xdb+\xde\xbc\xef\x02{\x01\x91\x1f\x92\xb2d\xab\xb2\xcc\xf3\xa5\x10*\x84\x11|\x86\x00]\xc4Au\x11\x12\x1f2\x16\xf3\x80n\x80D\x9br\x97\x0e\x01X\x0e\xac\x1d\xfbU\x00\xc2YX6\xdc\xa4\x</t>
        </is>
      </c>
      <c r="M158" s="3" t="n">
        <v>45492.67666666667</v>
      </c>
    </row>
    <row r="159">
      <c r="A159" t="n">
        <v>558820</v>
      </c>
      <c r="B159" t="n">
        <v>5926</v>
      </c>
      <c r="C159" t="inlineStr">
        <is>
          <t>Franco Cristaldo</t>
        </is>
      </c>
      <c r="D159" t="inlineStr">
        <is>
          <t>Franco Cristaldo</t>
        </is>
      </c>
      <c r="E159" t="inlineStr">
        <is>
          <t>MEI</t>
        </is>
      </c>
      <c r="F159" t="inlineStr">
        <is>
          <t>MC</t>
        </is>
      </c>
      <c r="G159" t="inlineStr">
        <is>
          <t>MEI/MC</t>
        </is>
      </c>
      <c r="H159" t="n">
        <v>175</v>
      </c>
      <c r="I159" t="n">
        <v>10</v>
      </c>
      <c r="J159" s="2" t="n">
        <v>35291</v>
      </c>
      <c r="K159" t="inlineStr">
        <is>
          <t>Right</t>
        </is>
      </c>
      <c r="L159" t="inlineStr">
        <is>
          <t>b'\x89PNG\r\n\x1a\n\x00\x00\x00\rIHDR\x00\x00\x00\x96\x00\x00\x00\x96\x08\x03\x00\x00\x00\x0b\xdf\x81\xd0\x00\x00\x00\x04gAMA\x00\x00\xb1\x8f\x0b\xfca\x05\x00\x00\x00\x01sRGB\x00\xae\xce\x1c\xe9\x00\x00\x03\x00PLTE\xff\xff\xff\xa5{c\x18\x17\x17\x0e\x11\x1b\xa1v`\xa9}e\xa8}`\x11\x10\x10\x12\x14\x1c\xaa~g\r\x10\x18\x9eu^\xa1{c\xad\x7fj\x16\x18 \x14\x14\x13\r\x0e\x14\xa4y_\xc1\x8cp\x0e\r\r\x13\x83\xc1\r\n\x08\xa4\x7fh\xbb\xc3\xcf\xb1\x84j\xaa\x82i\xba{[\x9ftZ\x1e\x1c\x1c\xb2\x87n\x99oW\xa8zh\x0e\x17 \xa5zf\xbb\x83i\xbc\x8fx\x8fcJ\x98wg\x14\x7f\xbe\x8emV\xb6\x8cq\xcf\x9a\x84\x16\x0e\x0b\xfe\xfe\xfe\x9clR\xa7}m\xfb\xfa\xfa\x16\x1c&amp;\xbf\x88k\xc5\x90s\xa9x^\x9eza\xa5vb\xb5\xba\xc4\xa2x[\x08\x0b\x0f\x96jS\xca\x98\x81\xa6tZ\x9f~l\xbe~_\x06\x06\x05\xbd\xc2\xc8\xb1z^\xac\x84o\xb0{gKKQ\xbc\x8cn\x17y\xba\xc8\x95z\xb6xX\xbb\xbd\xc7\xf8\xf6\xf7\x91sd\x97^C\xb5}b\xb1sU\x8ehP\xb8\x81d\x9cdG\x9ejL\xaasU\x9do]\xb8\x88q\x16\x11\x14dG6\xb8~i\x9fpT\x90Y&gt;\xaf\x80c\x95jL\x84[D\x86cM\xd3\x9e\x8a\x1c\x19\x12\xc0\x82c\x9evk\x94oZ\x95dL\xb6\xc3\xc8\x18t\xb6\xc4\x8dw\x87hS\xc6\x86k\xacmQ\xd8\x9e\x80\xa4mNrXI\xb5\xbe\xcb\xb7\x88{\xcc\x8cpuR&gt;$&amp;.\xc2\x93z\xaeu\\bNA\x17r\xb0\xc3\xbf\xc6YIB\xf3\xf1\xf2\xc7\x83c\x98t]\xa3fK\xce\x89h\xc0\xbd\xbenK6\xdd\xa3\x87\xb8\xc1\xbf-\x1d\x15\x8fl^\xad\xb9\xc4\xdc\xd5\xd6\x0f\x80\xba\xbf\x86s\xb8\x82q$"!U7&amp;\xc9\x90}iVI5(\x1f\x19{\xc0\xa4pV\xcf\x94x\xef\xec\xed*.4\xb1\x7fqACL\x87l]ov\x80z\\F}W@kP@T&lt;/&lt;%\x19\xb7\x88j\xea\xe6\xe8_&gt;+\xa3\x81tM&gt;6\x89^Gbaf{\x83\x8eH7/+1&lt;&gt;/\'K\x9d\xcc\xe4\xdf\xe1M\x94\xbe\xc2\xc4\xcfYC6\xa5\x8f\x84jlt\x17\x84\xc8G0$\xab\xb1\xbb&lt;=D"\x14\x0f\xc3\x7fi~`J\xc9\xcc\xd5t^R\xa0\xa4\xac\x1b!,1;F\xd4\x8epPD&lt;\x89S7\xc7\x87p\x89\x83\x88\x80fZ\xb5\xc6\xd3\xac\x86y{x\x80\x18~\xb2LR^S[gJ,\x1c\x86\x90\x9cCLV\x8faY\xa0\xac\xb7\xbc\xa8\xa3\x9a\x99\x9e\xba\xb4\xb6kD.\xae\xab\xb0\xca\xc4\xca\x94\x9e\xa9\x1a\x12\x1c\x91\x8f\x95\x7fbR\xac\xbd\xd1ZV[\xb0\x8ct[cpu\xa9\xc7\xd8\x97z\x8e\xba\xd4~Q9\xc2\x8f\x86\x83\xa9\xc3+\x82\xb1\xda\xa4\x91\x9bga\x16t\xa4\xa1\xbc\xca4\x8e\xbd_\x98\xbd\x96\xb2\xca\xb6u`\xacl\\~WOb\xa7\xc4\xaf\x9e\x94\x95~v~B,\xa9\xc6\xce\xa2\xb5\xc2\xbd\xcb\xd7\xdd\xc9\xc5\x1fg\x8c\x89sn\xbd~~Pm{\xd7\xbb\xb5B\x89\xaf\x0c\x8a\xc5\xe5\xae\x9b\xbb\x98\x8f\'x\x9f)[p\xc8\xa7\xa0y\x9a\xaeb\x82\x96uhg3u\x91\x07\xe2\xfbJ\x00\x00 \x00IDATx\xda\xcc\x98\xffK\x1by\x1a\xc7{C\xcbd\xbb\xd7\x8c\xe70\xcb\xad;\'\x9c\x1b(\x8e\xe2\xaaWNk\rn]\x14\xadYM\xe8L\xed5:\xb9\x06\xae\xd6\x08&amp;UV\xad6\x92Ch\xb2\x06\xbf\xd0\xae\xf9\xb2\xa6\x1a\xd2 \xa4\x12\xcc\xba\xed\xa2\xad\xa5r\x04\x16\xea\x17\xac(\x88?\xdco\xdd\xc2\xed?p?\x1d\xf7~&amp;\xee\xfe\x05\x8e\xdd\'a\x9c\x84@^\xbc\xdf\xef\xe7\xf9&lt;\xf1\xd4\xa9\xe3\xa9\x92\xb2\xb2\x92S\xbf\xb1*\x9b\x1a\xdb\xde\xd8\xd8\x1e\x9b-\xfb\xcd\x10\r\xce~\x7f\xefu|\xc9\x83Z\xda[\xdb\xda\x18\x9bj*+\x9b\x9dmz\x8fL%\x83\x0b\xf7\xd6\xe2\xf5\xd3F\xc3\x0e\xc3\xf1,\xc71\xa2g)\xfella\xfb\xcd\xd6{R\xae\x04\xcem\xac\xd5O\x8b\x06\x995\xb0&lt;\x0b(\x16\x85\x1bq)\xbe\xbe\xb7\xb4\xb8\xf1&gt;\xc0\x9a\x16\xb6\x16\xeb=\xa2\x81a\xf0d8V\xe0I-\x19T2\xc7C5F\\Z\xdb&gt;i\'Kf\x9f\xed\xf9e\x99c8F\x83Bq\xa2\xff\xe8\x0e\x80t\xe5\xfc{[\xb3\'\xd9\x9d%%\xb3k\xd3FFVU`p,\xc7\x0b\xc4\xc1\x88"\xc3\xfe\x8a\xc5\xe3\xb13\xbd&gt;\xd6t\x82\xa9Zx\xf3\xf83\xa3\xa8aA0\x8e$\xe3\x18\xe8\xc30\xac\x86t\xa4\xd7\xce\xce\xce\xde\xc6B\xd3\xc9(V6\xf6:\xfe\xd8hD\xd29\xed\xdb\xc9@\x84\xc9/r$\x11\x95 \xb0\xe4\xa6,\xcb\xa2\xf1\xf1\xe2\xc989\xf8U|\xdah\x84_\xb0\x0e8\xf8~\x01\xfe1,\x94b\x05\xb3Y\xe0\xb5f\x14\x19N\x90\xd1\x00\x06\x83qi\xed\x04\x9cl\xdaX\xfa\xc1hd\x18\x19(\xbc\x99\xa5\x94\x03\x84r\x05@\xdel&amp;0\x9e\x15=~\x8f\xc8K,\xb5\xa4\xec\xa9\xdf\x1a\xd4;Wc\xf1&lt;\x1e\x8a\xc0 \x04J\x06\x17\xbc\x03\x19\x0f&gt;L\t\x81\xb8X\xd6\xcc\xf8\xfd\xa2\xa8J\xbc\no\xf1\xc1\x07\x1bM:\x0f\x867\xd3U\xa4\x07/S\x9aD\xc6l\xe6D\x9a\x11\xd4\x8bDGz\th\x02\xbf\x87ae\x86SE\x94\xc0\x89\xf1\xef\xf5\x8d\xfb\xbd\x07\x1c\xc7K\x92`\x16X`1Z\xc2\x80\xe7\xd7F\x03\xb1\xf1\x10\x0c\xd21\x1e\x0fkF\xab\xfaEUUy\xce\xb3\xa6\xab\x8d\xb3\xeb~\x03\xc7I0K\x10xNUa\x9d\x19\x8e\x11!K\x1eB0\x81\x1aQe9\xbf\x98W\xc5K\xaa\xdf\xaf\xc2]\xee\xc1\xb6\x8e\'Q\xd3\xd6\x03\x03\xcf\xc8\x12\xc9\x05\xaf$\xb8\xc9\x10\x8c\xaaMR4\x9f\x19Z\n\xa4\x16\xcb\xaa\xe2\xd9*A .\x19-\xcb\xacO\xe9\x97\xac\x85E\x8f\x81\x11U\xb2\xce,H\x99LF\xc8\x19\x8a\xc3p\x87\x91$Yf\x05I\xe6\xaa\x04jP\xccWV\xc2\xa7$\t\r\xca\xcb\x0f\xb6\xf5K\xd6\xb3\xc7\x06\x91z\x8cC\xec\x05)\x98\x0c\xaa\x92\xa4\xaa4\xde9V\xde\x91yygG"u\xa8Sa\xb1/Cv\x9b\xabp\x88\xf3\x9e\xad2\xdd\xdap\xf13\x86\xa1|#-\x92\xeaK\xce\xa5\xd2Q\x9f\x0f\x99\xa6\x8ca\x0e\xc8h&gt;Y\xf5\x81F\x922\xf8\x1b\x8dFq+T\x99%\x89\xf7\xbc\xd6\r\xeb\xab\xa5&lt;\xec\t\xd4[\xaa\x9a\xf1E\x03\x8a\xe2U"\x81t0\x91H\x06}"\xbd\xef\xf7\xfb\x83\xc1(X\xc1\x94\r\xc4b\x81@\xd6G.\x0b\x92\xa8W/\x96L\xad\xfd\x90\xc7p\xa2\x9a\x81=\xd1t@q\xbb\xdd^\x94\x12\xee\x19\xefO%\x92\xc9d0\x18L\xa6#\n\xbd\x17\x8b\xc567\xbd\xde\xcd\xcd\xcdX\x1a`\x82\xc4\xecm\x0f\xea4\xe0\xeb\r,\xa7J\xc8\xba/\xab\xb8C!\xbb\xe9Fuaaa\xf5\xcd\x9b\x85\xe7o\xed\xce\x84\x01\x13\x88y\xed\xd5\xed\x85\xd5\xa6\xf9\xd0!\xea\xe7\xc3\x9f7\xbd\x9b\x81\xa8\x84\xbe\x15\xf76t\xb1\xb1l{\xc9\xc82\x08y&amp;\x1as\xdb\xc1d\xb5\x96\xb6\xd7\xd4\xd4TVV\xd6\x9d\xf9\xe0\xdc\x9f?,\xac\x9e\xc7\xdb\xa556\x9b\xcbz\xe5\xfa\xf5\xe7T\x87\xcf\x0f\x0f\xbdJ\x10z\xe5\x19\xfe5\xa6\xc7*1\xf8\xc6\x8f\x85\nc!\xea\x9d79\xadV\x17\x95\xcdf\xeb\xab\xab\xabki-*\xba\xd6\xf2\xf6\xa7\x89\t\x9b\xed\xb6kx\xb8\xed\n\xb8\x8e\xc8\x9e?wG|\x14|\xa3.\xf1\x1a\xdb3K\x18F\xbeL\xcc\xe4,\xb5^i#0\x8d\xaa\xa5\x11UP[[\xd0h\xb9M\x05*\xe2\xca\x81\xe1q\xfd\xd0\x1d\xc8\x08BU\xd5\x92\x0er\x95lL\x0b\x92\xc00\x99\xeca[\x9bu\xb8\x8d\xa0,\x9aP\xb5\x05\x05\x05\x8dx\xe6\xa8,\x16\x92k\xf8\x08Lc\xb3\xdb\xbdQ\x89\xaf2\x8b[%:x\x88c\x06\x8b\x95/6\x0f\xac\xb6a\xd7mKA-\xbcs8\x1c\xc4\xa5a\xe5\xb8~\xfaE3\x8d\x0c\xcf\xe7\xf6P \xc3\x9b\xab\x8co\x8e?\xf4S\x8b2\xf5\xb9\x98\xf6\x9a\x005&lt;LT\x8e"G\xad\xe3;p\xfd\n\x06\xb1\xa8nk\x80\x9ab\x84u\xdd\xae\xf8$s\xd5\xd9o\x8e\x7f\xed\x9a\x8d\x03\x0b\xabSd\xc6\x99\xc3j,p\x0c}\xd7\xf5\xa2\xabk\x08\xf5\x0b\x98\x85bVPP[@p\xb6#\xc1\x101w:c6\x9f]&lt;\xfe\xcc\xcf\xee\xb1\xdaB\x10\t]ik#\xb1\x90rP\xbd\x18\xc9q\x1d\xb1\x11Tm-\xf9\n&gt;L\x8a\xa3\x9e\xb4\x87R&gt;\xc1|\xf6\x9b\xc1\xe3\x9f\xf1\x8b\x0c\x0f\xac`\xca\xde\xa6\x89\x05\x13\x1dC]/z{{GF\x88\t\xd7\x11"\x03\x1b=Po-4\xc1r\\!%*\t:`![,\xd6\x145\xa9\xd81\x1b(\xf0\x10\xc6Q\xdeK\xd5EP\xa8\x15p\x8d\x0c\x1d\xb5\x00\xd4\xaa\xeb\xeb\xb3Y\xe1c\x0e\x0b[\xd0\xa2\x0ej\xc5\xf3\xb0&lt;\x89\x89\xb0\x9dL\xb4\xd9,}\x96FGy~Eo\x05qiT\x07+t\xedr\xd4j\xf9jlim\xe9\xabqY\x9d4\xf1\xed\xde\xacO0\xac\xeb\xa0V\x1cK\xbc\x1a\xd4\xb0\xac4G-p\x11X\x15\x15]]\x0e\x07q\xad\xac\x10\xd6\x88CS\nZYh\xfe\xe7\xe4\x9a\xb7\xbb\x03&gt;)oqJ\x07\xb5p\xf0\xf8\x82\t\xc5n\x02\x16\x06\x81\xcdR\xeb\xc8///w8Z\xe1\x1b\xc0V\x88\x0b\xf1\xca1a\xaa\x02^s\xd1\x89\xcc\xbb\x03\xd1\x8c9&gt;\xa5\x83Z\x8c\xaca-\xd3y\x08\xad\xe8\xc0q\xb4\xb6\xb6\xe6F&lt;\xee)XCCd\xa1E\x1b\xac\x04\xe5rYI.\xd3&lt;aI{\xba\xa8\x95\xf1\xf9\x92\x910\xe6\x96k\xa2\xaf\xaf\xb1\xa0\x05\x01"\xa1\nr\xedWK\xe3J;\x1a\x1bs3\xb5\xb1\xa5\x85L\x04V[\x9b)\x14\x88\xfa\xa4\xbdY\x1d\xd4\x12!\x16\xb6&lt;\xb7\tbQlH\xa1.\n\x16\xd0\x86r\x93\xbe\x11\x92ilo\xdfb@\xd4\x91\x974#\xda\x9c\xa6P\x0cX\xf5:`\xad\xfb}\xc1d"\x12s;\xe9\x90\xee\xeb\xab\xc3\x81X\xde\x95\x8f&gt;\xecB\xd01T\x89\xaf\xb7w\x05\xaf_\xa0\xca\x8bZ[A\x85\x19\xe1"\x17\xa1V03\xb0p\xfcG\xf5\x1aVb\xc2\ni\xd9\xb2\xf5\xb5\x14\x95\x17\x95WLNNV\xf4\x1e\xd5\n\x9e\x07\xdd\x07\x07\x93\x07x\x17\xcdP^T\xd7g\xab\x99\x98\xc0D\xd5\x0fk\xdd\x0f\xaaD\xc4k\x07\x96u"\xb7\xfaa&gt;4L\x82\xa4\xbb\x1b$\xb8\xe2n\x94^uO^l\xa8\xc8\xbf\xfa\xed\xdf*\'\xda\xdbK\x9d\xc0\xb2\xc7\xb2A\x9f.X\xf8\xfd\x90H\xa4\xdc\x84\x85%\xb4\xae\xa5\xe5Z\xd1\xd5\xfc\x7f\\,..\x1e\x1d\x1d\x05\xca(\xfd\xd1.\xdd\xc5\xdd\xc5\x17/\xde\xb9\x7f\xe6B\xbb\x13\xeb\xfe\rjEo@\x1f\xac5h\x95\x88\xf4\xcft\x94\xba\\\xb4\x1c\xdbj\xfa.\xdf\xff\xf4\xeb\xe2\xce\xce\xe2\xce\x7f\x8f\xe6\xaa[\xe3\xea\x9e\xac\x80N\x7f8}\xfa\xc2\xe9\xea\xf9\xc3\x90\x1dj]1\xb9#:\xa9\x95H\xce\xcd\xa5\xe0!\x82\xe5\xaa\xbe\xf9\xe3\xee\x8f\xff\xfc\xfb\xa3\'\xaf\xf6_\xed\x7f\xdaP\xdc9\xda\x99\x93\x8c\xaa\xe2\xe3\x9b\x1d=\xe1p\xff\xf8\xd3\x97O\xc7\x95\x98\xb2l\xb2\x9bL\xf6@6\xb8\xaa\x87Z\x89\xb9\xd5\xb9\x94\xdb9\x81\x96o?\xff.\xdc\xf3\xeees\xf3\xcb\x9e\x9e\x99w\x1d\x85\x1f\xfc\xe9N\xb1f#\x02\x7f0\xf9\xed\x8d\x19\xb7\x92J\xa5\x92\xc1\xc4\xdc@*\x12\x88xC\xf3\xa6\x8eX6\xa9\x83ZMks\xab\xab\xab\xcaL5\xb0\x9c\xf3=\xfd\x03\xe3\xe3\xe3\xe1H:\x1aM\xa7\x94\xf0\xbb\x9b\xbf\xfb\xa2\xa1\xa1\x01\x1e\xa21\xbf\xf8\xab\xdd\xedME\x12\xf4s6\x98\\\x1dH\xa4\xd3\x01\xf7\x97\xf3\xc8\xfc\xc0\xf1\xcf\xad\xa6\xd7s\xf0P\xe9(\x9dp\x99\xdc^e`u``\x00P\xf8\x19\x1dI\x85\xdfu\x9c/&lt;w\xad\xa8\x186"W\x9f\xd8\xbd\n\xd4R\x94H\x1a\xcd;7\x97Hgc!jE\x1d\xa6|\xc9V\x0e\xab\xba\xd4\x1a\x8aE"\xf4"\x90\xcd\xc6\x94\xfe~\xa4(\xbc|\xbe\xfa\xc2e\xc2*\xae\xf8cea\xc7\xccLOx\xe6\xd6_.5?|\xfa\x14\xc2F\x02\x01w\x87\x92\x0e\xfeO\x87\x7frm\xacb&lt;\x90ZN/)\x84\x1aX\xbe{\xe9\x12\xbe\xfa\xd6\xee\xee\xad\xf3\xa7\xcf\xdd\xff\xba\x13X\xf9\x95\x85\xd5\x1d3\xe1@:\xe66}\xf8\xf1\xfe\xabG\xcd\x0f_\x8e\xa7\x02\xee]\xc2\xd2\xe1?\xbb\xdb\x0f\x92Pk\xbe\xb4\xdd\xe9\x8d\xa4\xd0e\x0f\xff\xf3\xe4\xbf\x9f\xee\x7f~w\xd9\xbd\xe9]\xee\xb8\xfb\xd1\xd5;$\xd6d\xfe\xe5OL\xb4\xc6\xa4\xb1\x01\xdd\xb8Q\xf8\xfb\xfd\xfd\xcf\x9bw{\x14\xf72\xb0\xd6\x8e\xff\x07Y\xc9X}r.\xa2\xd8\x0bk\xac3\xe1p\xcf\xcb\xe6WO^=\xfa\xe8R\xf3\xadeo6\xeb\x9d/=\xf3\x7fZ\xcd\xf7%\x91}\x8f\xe3\xe7@\t\xcb\xe6\x83\x9d\x07a\xeb\xadeG%=\x8d\xa1\x93\x84\x8e\x81\r\x83\x87t6k\xf5::\xb9\xb2)LvZ\xdc\xd0\xe5n\xab\xdd\xe2H(z\x17\x8d\x88\xad\xcdr\xbd,\xcb\xc2\n\x0b\xeba\x1ft\xf3.=\t\xe4\x80\x9c\x07q\x83\xa5\xc0}\x94q\xf3A,\x04\x05\xc1\xe1~\xbe\xee\xde\xff`\xfa\xd4\x90\x8e\x0fz\xf9\xf9\xf5\xfd\xbc\xbf\xf3U\x98\x16\x175\x90\xf18\xa5|\xb1\xb5\xb1\xf1\xf2\xd1\xfao\xd5\xce\x81\xd1Q\xf9\x8d\x81\xc0\x94o\r\x82\xf8\xe6:\xf6\xb8\xde\xfe\xb3\x85E\x90\xc4\xd4\xd4\xaa\xaa\xf3\xa0+60`{\xe4N\xa7_\xa67\xf6f\x8d\x83\xf9\x1c\xe4{.\x87qTpa\x0fj\x01mr\xbd\x9b\x8a\xf5\xfa\x8a7;\xe4F\xe5\xe8\xd6\xc6\xf3kP\xd5\xd0Oa\xa1\xae)=\x145p\xb3M\xdb%\x1f\r$\xd6^\xbf\xff\xf0\x13\xb4\x08H\xfd\xd1A\x87\x1e\xb0\xb6s!6\x1b\xac\xedm\xc0:\xf5\x97\xbf\xfe\xe7\xf9\x9bw\xbf=XS\xcaoQ\x84\xd1\xbd\xf1\xe6o"c\xf5\x8d,\xcf-\xff\xfb5\xc2\xcaR|&gt;\x9f\xef\x1a\x98\xda\x7f\xf4\xee\xc9\xbf\xfe|\xfd\xd3\xd3\'\xeb\xe9\xad\x9a\x92\xe4\xb1\xdc\xe7m\x18k\xd8\x99\xa0\xaf\xb6\xf7\xce\xfd\xfa\xc3\x87\x8f\xaf&gt;&gt;}\xef~\xf1@.\x89R\x01\xf7\x9bWK\xfds\x9b\xcb\xe2\xa5}\xff\xd2\xe5n\xe9\xef\xa5W\x08\x8b"eL\x9e\x91\x06 W&gt;\x95\xfe|\xf5\xfc\xd77\xee\xf5\xf4\x82R&gt;h\xd1\xe5r\x8f\xe7\x1f\x97\x1d\xe3\xe3\xc5\x85\xbd\xb4\xfb\xfd\xc6\xaf\xcf\xffQ\xfa\x9a\xde\xabM\x0c\xf2$e\\x\xff\xf4\x8f?J\x85\xf0\xf9\x88hTa\x9a\xa6\xaa\x9f\xd6_\xa6\x17\x8c$\x9fg\x18L&amp;\xf7\xd5\x16&gt;\x9d\x9e~|\t\xf3\xea\xd6^M\xd9\xc5\xb3!\x18\xb8\xe6\xe7\xcb\x8e,\xa1\\H\xa7\xa1\xb7\xbd\xfb\xf8\xd5v\x02uZ\x94\xb7[(\xe3\xec\xde\x93\xaf\'F\xb2A\x9f\x89\x94\xf8\xcbG\x8d\xc6|%Z}\xe0FX\x0e\x1d\x861\x0e\xc9`O,f\x9e\\\xdd\xdfwo\xa5\xdd\xb3F\x19\xef\xd0!\xac\xc7\x0f\x1d\x16"\xb8V\xdb\xdar\xaf?J\xa8T\x81\x80\xd39(\x91X\xa8\x1e\xdf\x9e{\xd6y{\xfb\xd9\xf4\x91HM\xf5\xacq\xbc\rKpR\xfab\xeb\x90\x88\xe2:\xe0\xd2\xe5e\xbcZ\xa1\x08\xef\xaaz_,\xd4fOz$\xac\x0e\xbc\x05\xf3i\x08w\xdc\xcf*\x0fk[\x0b\xbe\xea\xc0\xb0\xf4F{;\tTl\xd4S\xac\x15\xef\xe8@\xb5\xdd\xcb\x9e\x89\x13\xc3+{\xb9\x02\xa3\x9e?2Q;\xf4\xc0\xac\xac{\x88&amp;b\xcc\xe5r\xc9\xa4m\xa3ho\xf7\x8b!\xea\x08\xa1 \xb6\xb0\xa2\xd1,Q\\\xf3\x15\x8d\x06)\xcf\xf3l\x9e\x97\x80"\xf1\x04\x9b\x9e\x0c\x14\xc5\xfc\xb4\xf7\\\x94\x82\x9c\xd3\x1erI\xff\x85\x1fa\xf9\xb2l\xb9\xc5\x04jZ\x10\x92\x1cM\xf5\x18\x8d\x84\x93\xa6Y$\x82\x10U\x08\xa2\x18%)B\x19\xec1\xd0 #\x1d\xb8\x83\xe7a\x94\xa5\x88C*\x93[\xfc\\\xdei^\x89\x92\xf4\x9b_\x9aQ\xac~Q\x07\xac\xc3 (\x0b\xbc\x85\x85a\x98 `)\x9a\xa4&lt;$\xcd\x81\x0fC\xe52\x08\x9e\xf2\xc3!\x9c\x8dZ\xe8h6+\x97\xf0\x08\xcb\xc1;\x00\x8b6\xf4x\xb3\xc2/\x17\x8bC\xcd\xe6\xa5([\x11\x9b\x8df\xfcq\xfd\xe2\xc2\xaf\x98\xd8\x19;fuy\x06\xf9J/\x00X\x12\xe7h2\xcar\x80\x15\x02\xac\xf9P\x19\xd4\xab\x03\x07\xd9J[H\x03\x15\xb5\x00.\x86\xe5\x1d,\xcb\x92\x842\x9b\xb9\xb8X|\xd8l\x86\x97E\xc2\x9a\xfe\xbcX\xd7p)\xb97\x1eu\xe8\x18L\xb0\x9a2\x19\xf0\x95\x8e\xe3h\x8e\xc39\x96s\xe0@U.\x03\xd6q\x14\xc2\xc6"\xa3i\x1a\xc9#T \x10\xc8v"HX`}\x9a\xdf\x11\tkye\xe7\xf6\xe7\\\xa5\x11\xa4\xb3\xf6q\x10\xad:\xbd\x15\xc9\x1dSF\x00g!\xc3q\xbc\x9c\x84\xf8A\x14\xcbC,\x12j`p\x9f\xa69\x87\xa3\x95\x86:\\&amp;!\x82A\xfb\xfd\xd0\xf6\xb6\xfdP\x9c \xce\x1dy\x1fn\x97\x8f\x1b4\x16\r\x12\xa8m\xe9s w\x16\xfd\x9aL\xa6\x05\x80\'1!\t\x069_\t\r\xb1 \xa6Q\xec\xbe\x11s\xe8K\xe4\xf4\x98N&amp;\xf1\x04\x89\xb1\x99\xdb\xcf\xe6\xe3EqR~\xe4jl(4\x1d?\xd6\xf8);`\xe1\x188\xcb_\xaf\x03\x96\x80\x01\x8d\xa0\x132\xc9\xe3\x06\x97\x04g=\xaep\xc7\xc7\xc7\xd9\xb1,\x97\xd4\xa1\xcfp]\x12\xbe\x84^\x8f1\x0c\x9f\xb5G\xa33\xd3\xd3\xcf\xe2\xc6sQ\xda\xfc\xc8yvz\xc8\xee\xa5\xeb\x1a\n\xbc\xc5\x82\x946\x99L\xa0\x0e\xad(\xbfZV\xa1\x1b\x8dc\x8e+W2\x15\xf0j#n\x1f\x8br:(T\xc8&gt;\xa8\x0bT\xb5L\x9e\xcf\x06\xe9d\xdc\x1e\x1f\x8a\xdf\x14\xa7o\xfdp.\x8d\x97\xed\xcd\xb8_ \'&lt;\x94\xc5\xc1@nAr\x99"\x19H|\xb0\xa4\x90\xa4\xa34\x97Jf4\xbfd\x90\xbb\x1a\x8dF\x142,)\x80;\x01\rC\xed\x84\xe1\x89 -\xc4w\xbc?\xc7\'\xcf\xc4\xc1Z\xda\x1d\x0b\xc5\x9b\xf6\xba\x9f\x9f \xe4$\xabka\x99Zy\xaf\xd1d\x92\\2\x85\x982\xa8\xb5\xf9\xeb\xfe\x0c\xbc\xa5\xd1F\x13\x87\x81F\xfb?V\x9e\x9f\x00o\xd9\x9b\xde{\xe3\xe63\x91\x96\xeaK\xe2\xd9\xd0\xce\x0eg\x92\x11\x84\xdc\xc2\xeb\xac-,\xb8 \x92@E\xa7R\xa9\x0c\xdc\x00\xac:\\P\xa0)\xce\xc2B\xab\x97\t\xb0\x12D\xf4\xa8\xf3byIPI\x93;\xcd\x99\x9f\x83\x85%\x91\xe6\xd2\xab\xec\xbd\x1cN\x10\x9e[\xc4\x84\x87\xb4\x00\x16x\nA\x81e\x90\xa7R\xa9pjEq\x84\xeeh"+m\x84\x87\xe4\xa0wE9&amp;b\x8dD\xf4(\xc1\x18\x19\xa5\xf4\x06\xbd;3\xd8\xfd\xe0\xa5Hj\xb1\xff\x9c\x8eWrB\x8a\x90\xf7\xa0\xe4\xc2\xf5V\xab\xe6;\x96FH%\x93\x19!e\xa8\x16\x9d\x00\x063\x85\xd49ZTR\x1cz\xbe\x88C\x16Z\xad\x11\x8c\x01o\xc9&lt;J\xefN\x90\xc6uc\xc6K\xb1\xb6\xc1\xdf\x86\xa7\xa7\xd9\x9c\xdf\xe4\x1a\x9c (\t\xc2\xfa\xe6\xad\xba\xdf\n\xae\x102\x19\xc5\xca\x9d\xbb\xbb\xe1\xb0!\xd0\xa6\xd5\xaeh\xdb\x9cm4\x8d\xbbp\x17$\x15`)\x80\x8a\x91\xca\x95A\x1e\x8b\xb0c^\xe7\x95X\xe3\xe9\xc8\xd5\xca\xf4qES7\xf1\x04\x91%q\x94\xca\xa6\x08pi4V(\x7f\xbd\xa0pi\xb5\xda\xdd\xf0\xee$\x98\n.\xa7\xb3\xad]\xda\x9dbP\x87Ga\x84B\xbc\xd1S$\x18\xbd\xde2\xd6X\x11\xedag\xdf\xd2e\x92\x1b\xaa\xf8\x01k\xdcC:\x10\x96\xf5;\x16j[.i\'\xb0\x14\n\xad\x0b\xb0\x02\tg\xc0\xa9\x1d\xeev\xe5\x11\x96\x1ey\xcb\xd5n\xf4y0\x1d{\x7ff\xe5J\xbcG\x19#\xe7~\xa1&lt;\x84\xe9y\xcf8A\xb6\n\x1f\x15bka\x8cD\\\xc3\x1d*Dc\x9eT\xa9\xccfx\x91\x00\x0bL\x02\x17L\xfd\x80\xc5\x80\xb9$\x13\xdeq\xd6r\x7f&amp;z$\xe2fR\xdf\xf2y]S\xd11\x80\xe5!y\xe6\x1b\x95\xdfo\x82\x08)\x86;\xcd*\x9b\n~\xcd\xc8\x80\x0c^\x03\x97M59|C\x9dg \x80yF-\x93+\x8br\x17\xe3\xc0MK\xa2*\xeb\xb9\xb3\x0b\xbf)\xa2\x96C\xce\xf3y\xd4Oa\xfd\x81F\xafP\x1c\x0c\xc4T*p\x91\xca\\\xf8F\xd5\to\x11\x98\xcd\xa6\xea\x00\xac\x96\xe5y\xc0\xba\x03\x1d\xa4~&amp;\xae\xde\xef\x1by{v~~5&lt;A\x0c\x82"\x8bXQ\x93\x87\x08*\x86!r\xe0\xa7\x82Vk\xee\xbck\x1e\xd6\xde\xd5v\x02\'\x04\xd4\xb6\xba\x9a\x88u\xc9Z\\j\x99D&gt;:uyvv\rg\xc4\xfb\xfa\xfbG6\x7f\xef5\xde\xa2\x01+\x82\xfc\x05T\x07]f\x04\x05\xcd!\x1c^\xd1\xde1\xb4\xdd\x95\xae\xc0_\xed\xa4\xcaf\xb3\xc5b?~\xc3\x02\x91\xd13e~\xdb\xd7wMG=\xfb\xcf\x12F\x03\xdd\xcd("\x08,#\xa8\x0f\x86\x0b\x05\x04\xa582\x1d\x1dA\xab\xa7WR\xa9d\xd85\xdc\xd59\xa0\xb2\x05\x06:dj\xf0U\x1e\xb0bS\xa5\xeb;\x87\xd7\xb7\xa4\n\x18 \x88\n\x05\x83\x16\x16\xc5\xc1p\xcbUGa`\n\x87\x81(\x99\xa2\r\x06\xa7\xa1\xcdp\xb73\xd6\x1b\x18\xf8\xb1K\xadV\xcb\xba\xf3&lt;\x19[\xfd\xfd\x1a\x8f\xe1m\x16\x12m\x92\xbcK\r\xd2\x15\x1c\xa688\xe84\x9bwww\x0b\x93\x89\xea\x97/_&amp;\xe1\xa7Z\xdd\xafVONN\x8ak\xb3\xbeX\x07\xc2\xea\xee\x96\xf1d`u\xe9\x1a\x0f\xeb.\x97\x12\xce[\xb2n\xf8gj\xe0\x82:\xec|0;U\xdd\x7f\xf4\xf1\xf4\xebi\xa9T\xb0\xa9\n\xa5\xd2i\xe1\xf4$\xbd\xb75\xeb+\xf6\xdc\x92\x01\x95L\xc6K\x06{m\x9b\xd7G\xf5\xc3\\)\xd13(\xfd\x8e\xa5P\xa8\xbbo\xae\xd5\xb6\xd2\xb3\'\xeb_m\xb6\xcb\xabK\x08e!\xb1_=\x99]\xf3\x19\xdb:\xe4\x83\xed-\xac.\x89D\xde[\xba\xce\x13\xb1s\xffM\x18\xe57d\x10\x98n\x08\xa3B\xdde\xf8\x1f/\xe7\x1b\xdaD\x9e\xc6\xf1\x1d3\x13g\x92\x99\x98\xa0$\x19r\x99\x18\x9a:\x1eMZhb2t\xf1H{\x0bk_\x0c,)G\xcet^\\\xdc#/\x8c\xa5\x85\x9e\x95\xc0\xdd\x8bX\xaf\x0b\xe1\xc4\xa6m\xda\x17\x8b\xda"\xe8\xdd*+\xd4\xb6"\xa8k-\xab\xab\xa2^[\xcf\x05W\xb1w-\xec\xed\xb1\xba]\xef\x14\xb6\xb0\xbb\xf7}&amp;\xfa\xee\xfe\xadg|\xda\x10(M\xe6\xc3\xf7\xf9\xfe\x9e?i\x13%u\xd5\xb8Z\x8d\x87\x0f\xcd\x1b\xb2\xf9\xf0\xaa\x16\x90d\xce\xc5xI,\x13\xebZCm\xb1v\xa5\xad^r\x0c\xc9\xe5\x97\x05)\x19)PG\xfc\x08\xa5\x0b\xe3C\xf9IW\xb95\x96J\x05\xbc\xfe\xa4,AW\x13+\xae\x14\xbf\xaa!\xd5\x1b;\xae\x15u\xc5*\xc3]~p\xd5A4?\x15\xac\x08\x8e\xe2gO\xcc\xc0\x99,\x07\x02\xade/\x9c\xee\xf5\xd2M\xb6\xba|z\xfd\xf1Zb\xed3\xb1\xac\x02]tk\x1dY\xac\xab\xab\x03\xb5\xe1\xc9g?~\xc1\xf5d\xa0\\.{\xbd\x03\x03e\xaf$\xc8\xc0\xb2Z]\x9a\xf1\xc1\xbeZ\xab\x95\x89\xbb\xac2dz\xe1{\x14\xd3j\x91\xff\x05\xb9\xeaa*\x10\x08\x08\x92w\xc0?\xe0m\xc5!\xdc\xb9\xd3j\xb5\xeb\xc6\x17\xb5t|\x03\xb0\xd4\x8c/\x8e#\xe65\xcb\x04a\xd5u\xfd\xa9\xae+Y\xdf&gt;|\x011\\\xcc\xa6R)\x9f\x00(i\xa7\xe9v\xab+\xae\x18\xb5\xc5\x82Z\xed\xd9\x8c\x12\xf7\xc5\x05\xf2\x17\xdcE\x81f\x13\xc1\xcc\x90\xcb\r#0\xd0\xb89\xc1\xeb-K\x1c\'p\x9c\xcb\x15O\x87\xf5N\xe3ZM\xb1\x1ao\xb4k\x19\xcdgW\\\xc0\xea\xe8\xa0b\x0f\xae\x0e\xbf,\x16\xb2jQ\xcdf\x0b\xc12~\xde1\xd0ju\xb98\xb7\xdb-F\xe3\x8a:YY\xa8\xadZ\x8d\xbf\x06VH-\x14\\H\xa3\xdflB\x1d[\x81\x87\x9e\xed\x16E\xd6N\x13\xc4\x00\xa8\xbc\xad\xd6fF\x90E1Z\xf0i\xc6\xe8d\xae\xc6X\xff(j\xe1\x90\xae)\x8a\x0f`\xf0=AuP\xef\xeeJ\x06\x82\xb1`0 I\x12\x8e`k+\xc7q2\xe6\x88\x82\xaa\x86FG\x8dZc\xdd*j\x075\xe2\xb2\xdbYF\xf6\x9b\x9d\x18`\x1d~\xbf\x14\xe4\x02\x92 I(Z\xf8\n\xc0W\x82I\xa5\x1b\xa3\x9d\xa1\\m\xbd\xd5\xf0UQI+\xa1\xa3z\x166\x8a\xbaQ\'\xb6z\xbdDU&amp;\x1ch\xd4*\x04\x02A@\x05\x83A\xca\xa0\x9a3*\x10+\xa3\xd7\x1a\xab]I\xfb\xb4PH\'{W\xc1\xa0\xd6@9)U\xb3\'\t\xc1@$\xe0v\xdb\xedQ\x13\xca\xa8t\x8f\x1a:\xb0\x1ak\x8c\x95M\xa7\xd3\x19`\xe9\xb9\x9c\xaa\x82+\xe9OJe)\x99\x14\xa8\x8aB\xb3X$\xe2v\x1f\xa6\xfdG5&amp;+\x95\xeenC\xcbd\xd4\x1ac\xf5\xb7g}q_Z7\x0c(1\x99S\xb1\xed$#\x11\x7f2)G\x82\xa4S0\x12\xc1\x86F;\x10\xca\xebT&gt;\xdf\xdd\xdd\xa9\x85\xdf\xa9\xb9Z\xfd\xedJK\x1cu[7r9h19L{O\xe4\xa3\xe4\xe1\xa4\xdb\x8d\xed\'\x12|\xd3\\\xcc\xda\xeb\xe9\xaf\xe7\xa5\xd2X\xf7\xa4\xae\xa4k\x8e\xf5F\x7f\xbd\xd2\x02.\x1f\xe5p2\x9f\xcfO\xa1\xac\xd7\xd7\xff\xed\xcd\xc3\x87\x89\x07\x8b\x18\x16\xb4v,c\x90\xaa\xd4;66V\xd1\xb5\xf0k\xc0:^\xaf\x1cl\x897C.\xbd\x98[\xc8\xe7+S\x17\xa8\xe3PT\xb7\xd8\xf6\xf6"\x98\x00U\xea\xed\xed\xcdW\x0cU\t\x87k\xee-`\xa9\xe9\x96f\x0c\x05\x8a\xae\xaa\xc45\x95\x9f\x9a\xba\xf0&lt;\xc07\xbc0\x05G\xe5K\xbd}\xbd\xbdcy\x98\xaf\xe0\x83X\xa1\x9a\xab\xd5\xae\x87\t\x8b\xb1\xa3\x07\x16s\x93\x94\xc8R\x1e\xda\x94zK\xb8\'?\xf5Q\xfc\xa1\xafw\xacR\xa5",\xe3u`\xb5X\x05\x99+\xa0\xa2f\xd5\\%O\xe9\x02\xc89\xc4\x91#G\xcc\xdb\xb9\xbe\xde\x12I\xa5\x16\xec\xbe\x96\x83\xe9\xd7\x84\xd5\x0c,Y\x84^\xc8#\x8c\x8f\x8c\x99PU\xa2s&amp;\x14\xa8\x0c5\xab\xb0\xaexK\xcbn`}\xf1Z\xd4B\x1b\xe6\x18\xbb\x02\xae\xe1\xdc\x02\xd9\x9b`(@HL\xf9\xfcBNU\xec.\xab\xb5\xd9\xdaBI\xacm\xabn\xe8/\xea\xe1\x83\xc0\x12\x10\xe4\xaf\x9c:\xbc\xb0@\x167MnFi,o&amp;P\xf1a\xbav\xb9\\\xbep&amp;4\xf9\xc1\xa1Zb\xed\xb81\x0c\xac\xe6\x9d\x9cU\x96\x05!X\xa8\xe6qaa*_z\x0e56\xd6MV\xcf\xd2\xe8cu\xd1\xc8\xecKk\xbb&amp;\xbf\xee\xaf\xa1V;n}\xbd@\xde\xe28\xab H\x18\xa7\xa2\x85*\xd9\xc2$\x9a\xdf\x18!U\x0c0\x15\xec\x08\x16J1\x9c+\x1eG\xe12\xa6\xce\xf7\xd7\xecMd\xc7\x1f\xcd\x1d\xe9\xcc(\x84\xc5\x99i\x14\xa3"\xc6\x97(\xd0\xe8T\xea\xba\xa1g19D\xa3"\xcb\xba\xf0\xed\xb22\x8c\x8b\xb5\xa7\xc3\xbb\x8cR\xdb\xc8\x99Z\xd8\xab\xa1\xf1\xd0\xe3O\xd7\x8e\xf5\x1d\xcd\xa4b\xb1\xe7X\x9c \x8a4\xae\x83Lt\xcb\xb2$`~\x97\xdd"C\xc1\xb2\xac\xc8p\x0c\x13\x8b\xf9\x08+?\xb4\xf6\xed\xe3}\xaf\\\xb0\x1d\xc7=+\'\xbe?;\xf4y\x88\xb0\x18\xec\x82\x18E\x05\\\x96\xa1=\x02p\x98T;:0\xdf\'#A\x86\t\xb8\xa1\x17\xc3q\x0c\xean\xac\xc5\x17\xde\xa5O\xb5\x9d]\xfbv\xcf\x99C\x8d\xaf\xd2R\xef\xef\xbd&gt;q\xfb\xc4\xd2\xea\xd0\xcf\x80\xa5\xb01\xa6\x9aCI`\\n\x19\\\xee\x88,\xfb\xeb\xea~\x8a\xd9\x19k\x05XE{\x94\xeeh%\x8b\xb1\xa9pF\xaf\xf4\x0e\xad}\x7f\xff\xc3\xe9\x9b\xb7^\xd5\xbb\xe5\xf7\xf5\xcf_\xbe2\xf1\xc9\xfd\x07\x07V\xdb~S\te\xd2l,\x16\xe0\x08\x8a\xe4\n\xba)\x7fr$\t,\x0c\xcf\x12\'\x8a\xb0:2(V\xd99&amp;\x96R2\xbb:\xc7\x86\xd6V\x97\x17\xf7\xdf\x9ek{\x15\xefJo\xdcw\xeb\xd2 \x7f\xf6\xf6\xb6/\x97\xb7lZ\xed\x03\x96\x96\xf6\xc50\x88b\x12\x05\x97\x99C\x84,%\xcbu\xbf\x1d\xe8\xf0\n\x0c\xd2\x07\xb7\xc3p\x8c@\xbf!\xc4\x08+\xd4y\xafmm\xe9\xc4\xe2\x9em\x13\x83\x96\xc1\xf93\xff\x97\xcb\x1av\xf4_\xbf\xd3c\xb1\xf4|\xbc\xe7\xf7\x8b\xcb\x9bN\x11\x96\xfeP\xf1\xb1\xc1\x80`r\xe1\xb2\xee\x08Q\xc9\xc9d\x19#\xbd_\x8a\xb1\xac\x9d\x8e\'\xe2\x85\xa0&amp;\xd6\xcf\xef\xf5\xad\xcd&gt;]\xf1\xec\x99\xbe\xb2\xd9\xe2\x18\x1c\x9f~\xe9\x97\xc2\x01u~\xd0\x99p8\x9a\xe6\x1e]||\xf1\xe9\xa9S\xabm\xa3\x93\xd8\xc5R\xac\x99D\x93K\x92#\xa6\xb7"r\xa4\\\x96\x84\x98\x0f\x05\xc2,\x1a\xa2\xfb\xb9Z\xcd\xcf\xd5\xea[\x9d}\xfa\xc8\xf3\xee\xfe\xbb36\x9ew\xae?\xfdr\x9f|\x00\xa8\xf9\xd3\x7fL$l\x0e\xc7\xcc\xc4\x1e`-?{\xb6t\xf9sC\xd3R\x84\x855\x15\xcb\x8eya\xd8\x9d$\x0b\x06\xd9TJQX\xd1MT\xd5\x1c\xd2?$\xc5ZR\x8a\x1e:z\xaf\xb4z\xe0\xe9\x9f=\x9em\xf0\xc4\xbau\xeb\xb7o\x7fo\xfc%&gt;&amp;\xa5\xf1\xf8\xf4\x10\x9f0\xa9\xf8\xc1\x8fM\xacM\x84ut\x97Z ,h\x95L\xd2\x16\x16\t\xd0\xab\x80\x11T\xaf\x82\x86(\xb0f%\x8b\xb2"\xa9\xc9\x99\x85+\x95\x02\xd6\xe8\x9d\xd5\x03\'\xf6{&lt;oO\x1c\x03\xd6\xc6\xed\x89\x04\xff\xde\x9d\x1b\x87~\x90b\xf0T\xdb\x8f\x9c\x89\xc4v\xa7\xa3\xc9a3\xb1\x1e\xdf\x9f}6\xbb6e\xe8j*egcpW\x12[!$\x0b\x10\x17\xa1\x14\x14M\xcb\xdaM[E\xe1z*\x0e\x1c\xca\x16\xeb\xb3\xa7t\xfd\xe8\xe8\x95\xa5\xb7\x96\xdf\xaeb\xf1\x1b6&amp;\x9c\xb6\x84\xcd\xd6s\xe7\x07(\xb6\xe3\xf8\xfci\'\xbf\x01Zm\xe4\x9b\x9a6\'z&amp;\xf6x&lt;\x8fW\x1e\xc0\\\xe39\rM\x18\\\x0cG\xf9\xe3\xa0\x08\x16\xb1\x08\x16VQ\xb4\xdbSh\x84\xaci,F\x8c[\xa9\x154\x03+\xa5h\xb9\xd0\xd1\xca\xda\xaf\xde\xfa\xf4\'U,\x07\xef\xb4Y\x9c\tg\x82w\xf2m7\xff\xa7\xd9\xa2\xf1\xd0\xdey(\xb5\x1e\x0f\xda\x9ep:f\x9a,\x89\x99\x11\xc2Z\x84\xe7\x97\xe6\xaejJ\x1aTq\xaa\x94\x02y+\x120\xb7{\xd2\xcb,\r\xa6\xe3QI1&lt;p\x98\xb6\xe8d\xa6\xc3E=4\xbe\xfa\xcb\x07+\x1exk\x84&gt;\x11d\x1dos:m6\'\x9fp\xf6\x9c\xdf\xfb_+l\xe3\xfb7\xce\x8f\xdf=9\x88\x07\x81j\xfd:\x88eq6\xdd\x85\'.z\x96\xb7\x9c\x9a]\xbb\xa0e\xd2v\xea\xc2p\xb4\xd0*p\xd4\x85\x02\xb4\xb8\xba\xa9\xdf\xb0Q\xb3\x8e\x02\n\xd1\xcc\xb5Z\xe9=\x06\xf6\xdd\xef\x14Ucn\xe9w\xcb\x8b\x84ur\xd0\xe1\xd8\xb0\x81w:\xd7\xdbxJ\xa4c\xe2\xe6\xf5\xf9\xff\xd4\xc6Q:\xaf\xdf\xb93r\xb7md\xbem=\xb8\x12&lt;9\xcbbk\x1a\xfa\x04\xcf\xe7Y\xf9\xe6\xd9\xb3\xd5\xef\xb4\xb0\xdd\xee\nR_1{\xb5`R\x05q\x0e\x11\x90\x86\rR\x9f\x161\x00B-X\xcb\xc5\xfaR\xe9\xdd\xc3\xc5\xefVg\xff\xb2\xe2\xf9\xd2\xe3\xf9pn\xc6\x81\'\xe5\x81d\xe1I/\xc7\xc8\xb6\xe9\xb3\x83#\xff\xced\r\x87n]\x1a:;7\xd4\xe3\xe0\x9b\xe6\xe6\xdbl&amp;\x15o\xb197o\xee\xb9\r\xaa\x8b\x8b\xcb\xb3\xcf\x96\xee\xaa\xe9zHB\xfd\xae:E\x80J$*w\xd0\xe4#&amp;\x12\x93r\x88\x05\x89\xa8\x14\x1c\xd1\xe1\xbf\x7f3\xfb\xd7\xc5w/&gt;\xf6L_\x99\xe1\xc1E\xferZ,N\xde9s\xf2\xc3\x9b\xc7\x9c|\xcf\xe9\xeb\xff\x02\x8c&gt;\\h\xfc\xf2\x95K\xe3(\xea\xdb\xf9\xa6K#M\xa0\xc2Cy\xcbf`\x91\xe7/zV\x9e\x1e\xd8\xb2\xfaO*\xce/4\x8d=\x8b\xe3\xe6N\x1a\x8d\xc9\x9d\x18bkK\xd2v\xf2\x10w\xe9\xd2\x1dH:\x06n\xb8n\x1a\x84a\x1f\xef\xdd@\xc9\xcb\x12\x18\x1f\xe7\x82\x0f\x0e\xcb\x05Ape\xfb\xe2\x83\xeb\xfa\xb4P\x88HW\x89A\x17\x16\x9d\x97\\\xe3\x1f\x14kh4\xd8(\x82B4yHB\x027\x84\x14\xb2\xa47\xfb=cw\xe9\x9e\xd0\x10[;\xbf\xcf\xef{\xbe\xbfs\xce/)\xfd\xe5\xfb\xb9\x1f\xc7^\x0c\x0f\xb0\x86\x86f\xef\xcd\x82c\x9c\x04#*\xc8E\xb6\x1f\x885?\x8f\xd1\x14X\xb8\xd1n\xfc|\x18kg\xa5\xb8\xc5RJ\xf1\xd8\xad\xc9dBM\xc5\x9e\x8dFC(\x9dN\xb1\xdf\x1a\x196\xb5\xff\xe7\xff7\xd9o\xff\xb1\x1f\x8a\x82*T|\xff\xc1`\xe4\x19\xd7\xfe\x06,\x85M\x99\x0c\x1cg\xe4Ux&gt;\x9b\xb5[Z\xf9\xad\xc3\xab\xb3\xb9\x85\xf1\xa7\xb3\x83!\xe2\x1e\x12\x05\x1f\x8d\xcf\x92\xaf^\xbc@\x16\xa7\xa71\x97\xda&amp;\x07X\x98L\xf1rz\xee2qwx\xdd\xcef-q\x8b\\*\xc2\xf2,\xcb\xa0\xd4\x03\x0c\x0b\x18\xd9\x8d\xf4\x07\xe4\x94\xcd\xac|\xf8\xf0E\x1b\xa7\xce\xb7\xc2\xba\xc2\xc8\x1f_H\x86\x18\xd6\xc4\xae\xec\xa7\xa8\x8e2\x0c\x1e\xe0J5k\x95$\xa9ei\xc4\xcc\xd6\xbb\xdc\xc2\xd8\xd0\xd3\xd9Ipal&amp;\xc5\xa81C#\xf4$\x04j\xc4\xd8\xf4\xb4\xa6\xd6\x88\x86\x05\xf9\xa6/\xaf\x0e\xfb\x9d\xac%\x1b\x8f[\x92\x95d-\x91\xca\xb0\xb0\x95\x81E\x12\xe1-Cf#\x11\x8a\xae$\xaa\x82\xb0\x9d\n\xe6\xf6\xfeD\x8a\xfd\x06sK\x88e2)@\xb1|NXA\x0ftm\xe7f8\x96E\xfa\xf8`\xb1TIF\n\xcdd\x1c[\xcd\xf6b\x1f\x0f\xaf\xe6\x16&amp;\x9f\xdalH\xdc\xe8\xd7\x9aZ\x18d\xe8\xbb\xb9\x94\xbc14&amp;\xc2\xfaf\x9e\xfe\r\xec\xfc\xf0\xf0\xabW?\xce}\xff\xfb\xab\x9bn\x0b\xbbB\x0e/\x12\xa9b\xc5W\xdd\x08"\x8fz\x1c\xc7\xd5\xd5U\xe4\x84s\xa56\xb0Lu{\xe5\xb5a"\x9a\xf0`XTrQ\xa4-XV]\xbc\x89Wk\x95Z3\xbc_M\x7f\xe02l}\x15P\xfb\x02\x1d\x1e.\x18\x16\xe9\xb1b\xbb\x9f\xff9q6;d\xb3!s\xf7F\xd6\x08\x0b1;;&gt;\xa6\xc5\xb0&amp;\x16\xfd\xff\x02\x93\xf3O_\xac\xaf\x7f\xf3\xeaWs\xeb\x1a\x15l%Y,\x91\xe0L\xa8"\x0b\xc9\x88\xcar\xab\xf0\x16\x82AR8\x86\x8b\x86V\x823\xfa\x99`\xaa\xac\x866\xde\xebHP\x03_\x08Gr\xe1R5]+\'"\xe1fA\xe59\xbe\xfe\xcf\xe0\xd5m\xe7\xc2b\x91\x93\x05\x86_\xc1a\x94\xa4=K;vs\x97\x9b[\x1a\x9a\xb4\r\r\x8dh\xa1M\xee\xb3\x9a\\cc\x0b(\xf5\xc8!\xee\xdd\xf3\x93\x0bp\x1b~\xe7\x12T\'\xe7\xf1x\x1cb\xa5\xd5\xd7\x13\xe5\x8a\xcf.7j\xcd J*\x830\x18\xc8*\xac\xa1\x0e\xb7\xa9\x91t%\x99LG6t\xe9t:ddyN\x8d\x94"\xcd\x90\xab^\xaf3F\x8e\x9b\xf9\x8aS\xc3\xc7\xed\xeb\x9bvV\xf6\xd5T\x8c\\\t\x9fd\x97\xecJ\xfc\xf8\xe8\xe6\xea\xec\xec\xc1\xc8\xe4\xc0\xd6\xa3\xa3\x03\xae\xc9\x01\xd6\xd8\x7f\xd5\xc2\x1f/\xd8\xbe\xfbnz}=LTY\xfb\x9e\x18\x17\x93\x05\xd7\x94\xbeP\xf1\t\x8d\xf6Q\xebV\x9d\xa9\xd7\xe1\x13(\xc5gx,\xcb\x19\xb9f\xa5R\x89l\xe4\xd2I\xdd~r?Z\'5y\x9e\xcf0\x86\xd5\xfa\xb3U\xd3\xc4L\xb0\xf0\xa9\xd3\x8a\xe5\xf3\xddv\xc3\xe7+E\x99EV\x8d\x08\x8a\x12\x97&lt;R\xfb\xe8*\xb1\xbdD\xb7\x07\xea?\x94Dx\x8b\x8a9\x1d\xbaiX^\x13kdh|\xdcf\xb3-\x9c}\xba\xbb&gt;9\x97,{\x8a]\x92\xc3Q\xfe\xbe\xbep\xe1\xf3\xf5Z\xdd\xfcu\xebS!\xcakX\x9cA;\x9c,\x13\r\xa7\xab\x91f*\x18\xd2\x95\xaa!dQ\xaf\xd7\xe3H\x90\xa0\x0cop\x85\xc2\xb5\xf6I?o\xb5:\xba\xed\x0b\xc2\xe2\xa9JT\xf7\x94\xec\xb9\xd7#5n\xc3\xb93\xdc\xa9Q!p\xb5&amp;,\x9bV\xae\x9eL\x8fM?\xa1O\xb6\x91\xdfQrg\xc7\x17\x86\xe6\xaen\xfa-\xd4v\x8f\xc7n\x97#!\xde8\xa5/V\x1a\x17=\x8c\xba\x8e\xeeQ\xe76\\\xce\x90`\x1c\xec\xcd\xce\xac:\xdc\x03\xb1\x00\x00\x055IDAT\xd6\xf5\xaep)\x11\xa9\x86Wt\x91\x10x\x19\xfd\xb3g\x13z=\xb2\xe7\n5?\xddvZo\xfb\x81\x80y+\xe0\xe8v\x1a\xb2\\R\xd1\xaf\x99L\xb9*Z\xce%\xc5\x13oTr\x7f[z\xb0\x0c&amp;\xdc-\x1e\x8d&gt;\xa0\x030&lt;0\xfb\x93\'cx1\xb2\x06\xdc\xf1\xa1\xe7\xeb\x97Ww\xb1\xf6\xb9\xc5n\xb7{%\xa9T\xce\x18Mz\xb6\x89\x8d\x1e\xc7\xdcV\xb3\xd5\xe9\xee^\xdf\x96r\xc5P0C\xaa\xcd\xfcqU\xaf\x7f\xbd\x12\x0e7\x13\x11\x9d\x0b\xed\x12\x9e\x9b\xd0O\x18\xb9L9R\xebA\xa7\xaey\x0b\x11\x08l\x05\xdc\xad\x86\xec\x0b\x07\x19#\xa6\t\xbe\\\x93\xe3H\x86\xc7"\x0b\xdb\xbf\x9c\xbd\xd9Y&gt;X\xc6\x0c\x0f\xb0\x11\xba\xea\x90bO\x9e\xbc\xa2\x9a\xb5\xb6\xb6\xf6\xf0\xd1\xa3\x17\xcf/\x9bw\'=\x98]T\x80\x05*\x0e\xa3\x12\xdb\xf4\x89\xc0:\x04\x17\x1e\x7fxs}\xd2iwn?]\xa9Q\xe8f\xb8?ap5K\xfba\x1d2\x0bW\xb9\xa2j\x11*u\x8eb\xfd\xbc\xdfj6\x93R\x8e\xc0\x96S\xf3V\x93_\xc4\x98\xb3\xc8\xb8\xca%!N+X\xf6v\xab\x97\x97ov\x0e\x1e/?~\x0c.J\x19\xb5\xe9a\x9bVH\x01\x85k\xec\xe8\xecO\x89\xdb\xe3\xacD\xe7D\xb1\x0b\x03\xaa\xc5\xfb\x86f\xd2#@-\xa7\xdbO\x8b8\xf3\xf9|\xff\xed\xdb\xa3V\x07l\xff\x8e\xf2\xac\xde`\x08\x16\xc3\xba`\xaa\x19)\xd5\xdeW\xda\xedV\xac\x9bw \xac\x10\xca\xef\x07U \xd0o5\x04_\xb2\xcc\xd0\xd06e\xaa\xbb\xd4\x88$\xa2\x00\xd9\x15\x8fgw\xff\xf2\xcd\x9b\x83\x83\x03\\X\x1f\xadA\xae!\xea&gt;0\x1a\x12\xfb\xf0\xe1\xdf\x7f}\xb0&lt;\xf7\xd3v\xe5\\\xb2\xef)^\xbb(\n\x91\x90\x8b1\xe9\xa7\xa6\x16\x99b\xd2#\xf6\x8e\x9cNw\xde\xbfe\x1e\xacg\xb5\xfa\xf3\xf9\xc3n\xac\xd5)\x15\x823uT\x0c]))#z\'o\xfb\xf9|\xc0l\xc6\x16H*\xbf5\x00,\xc7\xdbsA\xa0\x83\xc80\xd8\xa7\xc9h@w|\x8faBQ\xc8-\xef77wvv~8\xa0\x1f\x93\xd3\x81\xbc7\xfa\x12\x03+\xd2\n\xad\x1e//\x9dU\x05T:1n\xb7HB:\xa1f\x16Mz\xfd\xb7Sz`\x89\xa2\xaf\xd3u\x07\x9c~\xf3\xc7\x8f\x0e\'\xd6\xd9\xda2\x7f4\x7f\xf4\xbb\xf3\xfd\x93\xe3Z\xae\x10d\x8d\xbaB\xf8B\x96\x1b\xc7}\xc2\xb1\x06(\x7ff\x9c@G\xc0JX\'=\x01\xd6\xca`\x14\xc4,\x89n\xcf\xb0\xd1bU\x16\xedvQ\x02\x98g\xf7tS\xb3\xd8\x1f\xfe\xf2\x90~\xd6\xfa\xf2\xeb\x97_?\xfc\xebc\\=v6Ow=^%\x8e7\xa1;\xa0y\x05\xe9\t&amp;=&gt;\x98rE\x14\xa4\x0b\xca\xa2\xdb\x81\xc5\x02N\xb7S[\x95$\xf1\xf7\x8f}\x02\x9a\xa6\xaac\xd0\xa3|=\r\xcb\x8a\xf8L\xe5@\xd6\x03\x01?a%\x8b(\x0f&amp;j\x13\xd4\xee\r\x99P\xae\x02.\x94V\xbb\xe2\xf5zwOOI\xb4\xe57KKt_\\z\xbe\xfc\xc3\xe6\xe6\xe9\xbb]\x05\xef\x89\xdb\xe9\x8dB-\x11\xe21\xc2\x0c\xb8LL(\r,\xdf\x11ai&lt;\xe0rXI\x14\xc2\x8a\xf5$Y\xf0\xd5J:\x0eX\x17\x17\x84\xe5\xf7\xffO+\xa7\x93\x92n\xce\x9f\xf4DK\xb2\x80\xc1\x19\x15\r=\xdfH\x95\x8d\x8f\x16\xaa\xb4\x9c\xa2P.\xbdp\xd9\xee\xbbw\x04\xa7\xc5\xe9\xbbw\xbb\xbbp\x93\xc5.Y\xe8\xb3\x90\x0e\x97]\x1c\xa3\x89\x85\x9822\xa9\xb4\x8c\x95[\x87\xc0r\xfb\xfdX\x90V\xfb\xac\x97u\x80UT5,\x1fa\x99\xb5\xf7X\x07T\xc4e5\xe7[&gt;Q\xae\x94\xa1\x16a\xd1\x14B\x05\xd7\x90Q\x13\xf0\x87\xa2\xd0/\x85d\x91\xedt\x08\xb4P\x14\x18\nN\x87\x90\x12\x9c\x9e\x8e\x94\xa3\xbc\xd6\x91)V\xa1:\xb0\x04Y\x10\x06X\x03\x1e\xeb\x80\xcb\xea\x0f\x90Z\x16\xa1\xa22:\xae\x99\x14\x84F\xafo\r|\xc6\x02\x94\xf6\x17\x02f\x7f\x97\xb0\xd2*\x89\xc5\xd2\xd0f\xa2\xd9\rs\x12\xef\x8a\x08\x1et\x13I\x92e\x11\xd2H\xd2@&lt;\x8f\x88@\xe1\x14DE\xc3\x82Rh\x10\x98\x0f\x98\xcf.0\xe2Z\x91\xaaiX]\xa7\xfb\xf0\x0b.\xa7\xd5\x0f,\xebQ\xcf\x0bo\x01\x8b\x07\x96(7bV\x07r\x88\x0f\x87\x86\xe5t\xc2\xfd\xfe~\x1bz\xd7\xa2\x98$\xd1\xe1\xa1\x16\xf0H6\x03\x93\x01\x96\xc7\x0bU\x04\x11\n\x01\xc1\xebA6\xed\xda\x17xI*z\xbd\x02\xee^&lt;g\xa0\xae\xa7\x8d\n\x14\xd8\x98\xfa%\x16\xece\x1d`9\x08\xcb\x7fr\xe1\x15\xe9\xe8\xeb\xf80\x12\x02\xb5\x06\xd8$\x96\x9b"\xb0\x85Z\x12\xbb\xc0\x13JA\x86\x1bPib!\xbe2\xf0\x84%\xf5:\x9d\xe3\xde\xb9\xe0\xa5\xe4yE/r\xe6\xf5\x01L\xf0\xf9\x1a2^\x08B\x82\n7v\xa2ai\xb7\x1d\xd83Z\x13\x04\x11X\x0e\xc7\xe1 \x8d\x14\x0e\xb7\x13\xd6\xf6\xe3\x8ciX\x9c\xaeP\x8b\xff\xeb?\xdb\xfc\xee\xf2\x8b\xa50\xb0\x1c\x04 \xac\x9b\xe2\x9b7\xaf\xd8z\xf8\xd8\xa1C\x87\x9cP\xc0\xa1\xad\x9b\x81`\xdf\x9d\xc7/\xae\xdf|\xf3\xee\xddf\x04x\xf7n\xdf\x9b\x9bw\xee\\\x06\x89\xadX\x08\xd5v\x0cY\xef\x82u@\x0b7\xdf|\x81l\x13\x90\r\xa1n\xee[\xb1y\xc5\x89k\xc7\x00\xf6\xd6\x8ec\xff;\x99\x04\x00\x00\x00\x00IEND\xaeB`\x82'</t>
        </is>
      </c>
      <c r="M159" s="3" t="n">
        <v>45492.67864583333</v>
      </c>
    </row>
    <row r="160">
      <c r="A160" t="n">
        <v>559036</v>
      </c>
      <c r="B160" t="n">
        <v>1977</v>
      </c>
      <c r="C160" t="inlineStr">
        <is>
          <t>Gustavo Scarpa</t>
        </is>
      </c>
      <c r="D160" t="inlineStr">
        <is>
          <t>Gustavo Scarpa</t>
        </is>
      </c>
      <c r="E160" t="inlineStr">
        <is>
          <t>MEI</t>
        </is>
      </c>
      <c r="F160" t="inlineStr">
        <is>
          <t>MC</t>
        </is>
      </c>
      <c r="G160" t="inlineStr">
        <is>
          <t>MEI/PD/PE</t>
        </is>
      </c>
      <c r="H160" t="n">
        <v>177</v>
      </c>
      <c r="I160" t="n">
        <v>6</v>
      </c>
      <c r="J160" s="2" t="n">
        <v>34338</v>
      </c>
      <c r="K160" t="inlineStr">
        <is>
          <t>Left</t>
        </is>
      </c>
      <c r="L16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0dbc1ca-b61a-4f46-8aa5-41dc2aa1ea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9\'\xc5T\x00\x00\x00&gt;tEXtComment\x00xr:d:DAEewil2SDw:3759,j:3325205453230688475,t:24032721W\xbf\x04\xf4\x00\x00\x00\tpHYs\x00\x00\x0e\xc4\x00\x00\x0e\xc4\x01\x95+\x0e\x1b\x00\x00\x03\x00PLTE\xff\xff\xff\t\x04\x04\x0e\t\t\xfc\xfc\xfb\x02\x01\x01\xfc\xfd\xfc\xff\xfd\xff\xfe\xfe\xff\x06\x02\x03\xfd\xfe\xfd\x12\x1c&amp;\xf3\xc5\xaa\xfd\xfd\xff\xff\xff\xff\x12\x0b\n\x16\x0e\r\n\x06\x06\x10\x19#\xfe\xfd\xfc\xfe\xff\xfd\x17\x11\x11\xfc\xfc\xfd\xff\xff\xfe\r\x12\x1b\n\x10\x17\xef\xbf\xa4\x14\x1e*\xfe\xff\xfe\x1f\x18\x19\x0f\x16 \xf1\xc1\xa7\x1a\x14\x15%\x1d\x1e\xfa\xfb\xfc\x08\r\x14\xf9\xf9\xf9\xe5\xb2\x9a\r\x04\x04\xec\xbc\xa1\x11\x0e\x0e\xe2\xae\x96\xff\xfe\xfe\xf4\xc8\xae\xf5\xc2\xa7\xe8\xb7\x9c\xf7\xc7\xac\xdd\xa9\x91\xdb\xa0\x84\xee\xb1\x94\xf8\xb9\x9c\xf4\xf5\xf7\xf6\xf8\xfa\xf6\xb4\x95\x1f\x14\x13\xe9\xa5\x87\xef\xb4\x99\xeb\xee\xf2\x14\x08\x06\xe8\xb7\xa27/1\xdc\xdf\xe4\'\x19\x18\xdb\x9a~\xf0\xf2\xf3\xf2\xad\x8e\xf7\xfa\xfd\xd2~]\xd3\x9a~\xd6\x9e\x84\xe6\xe8\xec\x05\t\x10\xe0\xa6\x89($\'\xf1\xf7\xfd,!!\xd0\xd5\xdc\xe3\xa7\x90\x1e\x0c\t\xf5\xbb\xa0\xc8\xca\xd0\xee\xab\x8b\xd6\xda\xe0\xef\xf4\xf9\xe8\xae\x93\x1c\x1b\x1e\xe9\xa2\x81/&amp;(\xdc\xaf\x98\xe1\xa3\x83\xd4\xa4\x8e\xd7\x84c\xcb\xcf\xd6\xf8\xc0\xa3! $\xc7\x8cv\xf0\xb9\x9b\xd1\x9d\x8b/,/7))\x16\x16\x1a\xe5\xeb\xf2\xc8\x95\x80\xd1\xaa\x95\xa7\xaa\xb3\xf0\xc2\xaa\xe1\x9d\x81\xe3\xe3\xe6fis\xe1\xb9\xa0\xaefL\xf7\xcd\xb3\xa4uc\xb8oS#*5\xda\xa5\x8a\xc0uW(\x11\x0c\xd3\x93y\xd0\x97\x82\xa0^E\xe4\xa0\x89\xde\xe4\xeb\xe7\xad\x8c\xee\xec\xec\xb4\x80k\xc8\x82h\xc1\xc5\xce\xda\xb6\x9d\xc0|a\xb7\xbb\xc4\xd3\x92p\xca\x9a\x87\xb5\x88x\xbd\xbf\xc6G&lt;?E66\xbe\x89r\xde\x8cl\x97k^\xcazY\xdb\x96yqu~wZR\xd3\xb1\x995\x1f\x1b_bk\x9b\x9e\xa7QA@MEK-4?\xe5\x9ay\xc0\x90|Z[c\xcd\x8ak;38\xa0\xa4\xaeQ\'\x1c\xcc\x93x\xf4\xae\x96\\TX\xea\xf0\xf9\x80\x82\x8bonv&gt;:?\xac\xb0\xbaPT]\xe1\x93pBFN\xb8vd\xa4l\\^GC\xb3\xb6\xbe\xf0\xa5\x8a\x8b\x8f\x99\xe7\xbe\xa6\xee\xb7\xa1\xac{f\xfc\xc7\xb0\x90bSTLP\xdb\x9f\x8d^.\x1f3\x18\x11\xfb\xba\x95v?/\xbf\x7fl\x9duiy{\x84i`d\xc7\xa3\x91\xdb\x8bwj8)C%\x1d\xd4\x83t\x93\x93\x9b\x1b#.\x83\\QiQL\xfd\xbf\x9dB\x1c\x12\xfd\xc3\xa5\x84\x88\x93\xafoZ\xa3~rHLX\x8cf^\x81E2\xd6\x85i\xae\x83rqLC\x8dpk\xad\x8d\x80\x81c]\xdb\xa1\x9a\xeb\xa7\x91E/,\x98U&lt;\xbd\x97\x89\xd7\x8dm_=4\x94\x99\xa3\x8cL9\x8fXF\xe4\x96\x9e\xd4\xc1\xbd8?J\xd8\x8e\x83\xd2\xb6\xac\xe1\xda\xda\x7fRCP:3\xe8\xa2\xa2\xed\x99\x82\xe6\x90x\x9ccR\xe4\x94\x80\xa7\xa5\xaa\xd4v\x82\xc4lr\xaaQU\xdd\x93\x97\xceve\xbaXb\xea\xc4\xb6\x8e\x8a\x8f|qv\xc2_M\xd8\xcc\xcc\x94|}\xa9\x95\x92\xcblZ\xbe\xa5\x9f\xb6J=\xf3\xe0\xdd\xb9\xab\xac\xf7\xd3\xc4\x04\xa5\xb2\xd6\x00\x00 \x00IDATx\xda\xb4\x98A\x88\xe2x\x16\xc6+\x89v\x12(\x92 \xb1/\x15HB\x90PW%`\xa1"u\x10\xd2\x8a\x88E\xf0"\x1eRU \xb4\xec\xad`\x91\x06\xc1Cy\x13\xdaZ\x07D\x17j4\x8a\x07\xa9\x93\xcc0`A7^\x9a\x82\xbe\xef\xc0\xd6.\xeceO}\xec\xc3\x1e\xf7{\xb1zv\xe76\xe5\xd4\xfc\xd1t4)\xf3\xcb{\xdf\xfb\xdeK\x1f\x1c\xfc\xc6\xc5\xd3\x8b?\xe2_\xf3XQ\xcb4-\xf3\x88\x7fZQ3\xcaGO\xd3\xe9d&gt;\x95/dK\xd5B\xba\xfa8\x98URV*\x9f\xb7\xa2\xa2(\xf2\xfc\xd3\x8f|\xdby\xa9EW\xc7\x06\xd7\x88\xe1\x1d==M\xe5MQ\x8c\xc7M\xf1\x10\x9bS3\xc6\x99\xe9j\xa5\xdei~\x9d\xdd\xb76w3\xf7\xc2\x1bU\xf2\xf9v\xb5\x9dO\x99\xb1\x90L\xe4\xc5\x97\xa6\xfa\x86%F\xc5X\xec\x10Xg\xed\xaceYf2\x9fOrV\xca\xb28\xf3\xac]\xbfy\x9c\x8dn\x87~1\x13dj\xbd\xb1?\xeav&amp;\xdbm\xf7m\x9e\x8bF\xa3\xc7b\xc8\xf6Gp\xe1g\x0f\xe3\x87\x87\xbc\xc8\xa5\n\xd7\xf5$\xb0Rg\x85\xf6\x19vR\xe9j}2\x1d\x0c\x86\x99`8.\x1a\xc5Zf&lt;\x1cd\xbe\xce\x1f\x16\x83f\xfb\rN\xe0\xc4\x98\xc8s\xe2\x1f\x91\xc4\x10\x8b\xee&lt;\n\xaa\x87\xed\x97\xebn7\xfb\xfdY\xbb}\x99N\xbdi_OZ\xff\xf2\xc7\xbe\xa6\xd52E\x8d\xb8\x96\xfd`}\xd7o\xdd\xcd;\x97\xdf\xa7L\x8e\x8b\x8a\xff\'\xb2\x97\xa3\x12\xe9^\xc5(\xe4m&amp;\xdf\xaeZ\xc1px;\\&lt;\xacJ\x9dy\xa7\xde\xe9L6\x8b\xa5\xef\x19\xba\xaakX\x86ad\x96\x8b\x9e;\x9a\xcd\xaf\'w\xf3j\xa1\x90N\x92\x0e_\x9e\x8a\x17M\x0eTf\xfam\xb6Z\xe9&gt;\xf8F\xd1\xc8\x9d\x8f\x97\x83\xd1h1\xe8/\x96\x19\xef\xc2\xd0tG\x96T\x1d\xcb04c\xe9\x8f\xdd\xe01[\xbdi\r\xbe~\x9dn\xbb\xd9\xa4\x19\x15\x9fJ\xf7\x05\xb1\xe2&amp;\x07\xad\xa7*\xcd\xc7\xcd\xac?\xd4\x1cV\x92\x8d\x9a\xdb\xd0uO\xf7.\x08F\xc5\x92i\xa9\xc0\xd2UW5\xdc\xe0\xa1[\x7f\x18\xf9\x86\xe1\xfa\xc3i\xe5\xcc|i\xac#\x1ef\x80e\x9e\xad\xfa#\x14\x99\xa7\xb3,\xab0@Su\x89\x95\xc0\xa3"}\xb2\xda\xd0dI\x92\x1c\x03\xff\xa8\x92\x11\xb8\xcbE\x7f\x99qd\xc7\xc9\xd5\xc602s\'\xd0\x17\xc3:~\x05{\x12aN\xd9\xc9\xb2f\xb8\xae\xc6*\n\xa3(,BCySm\x96\xb5U\x9d\xb5}O\x92dI3\xec\x04\x93Pk\x0b?\xf0\x11I\xd9A\r\x8c\x87\xbd\xe9\xdb\x94\xc8\x1f\xbc`\xb4^\xf1\xc7|\x1c5\xc8\xe5W\x9b\xb1~\xe1]\xd8\x11\x81Q\x100\x16\xb1Q\t\x8a\x95l\x1b\xa8\x17\xac";FMc\x04A\xd2\xdd\xcf~\xc6\x97\x14\x04\xcf\xf7\xc7\xbd\xf5\xf0\xbe\x93D\x1a\xc3\x86\xf1{=\x81\x07P\xb8\x89\x9b0\x06\xab2\xf8\xae\xa1\xfbKO\x88\x08\n\xc3D\x00\x87(\x01)\x14\xbaj+\x82\xa0\xc8\xee\xb8&amp;\x83Y\xb6/\xbe\xf34\x10\x9f\xc8\xeez\x9c\xf9K/\xb8\xed^Z\x1c\xff\xcb\xfa}XO+nZ\x96\xf8n~\xd7_\x8f\xfd\x86-\xe0\xfaB\x04X\xf6NU\xb0\x04O\xd7\x01\xc1\x08R\xc3UYV\xa6\x12\xc8\xb8\x9a\x0c,\xd6n\xc0\xcd\xc6\xc1\xa2\t,\xf1\xe0\xf7q\xfd\x9a\xea\xf8\xd0JZ\xd9\x1b2\']gC$Z,\xc4\xed\xc0\xa5\xe8;\x1b\xd9TY\x86\xd1\x01\xadH\xba\xe6\xe44\xc7\xd1\x1cUB\x86e\'s\xdf\x9aW\xda\x96\xc9\xc1T\x0f\xc9X!\xfd\xd7{c\xc5b&lt;\xfd\x04\xba\xb3\xf5n5j\x18\xae\x87\xcb\xec\xa8\x04\x85\xb5\x11\x14DJ\x97\x81\xa2\xd8\x9an\x13\x17k+8f\xd3\x01M\xcb\xd4t\xfcAB2z\xadi\xf6,\xcf\x99\x18=8\x94t4\x1a\xc30\xb2\x97\xccy\xb41&gt;F\xb7\xc5\x89P{3\xe3-6\xfdeCWYA\x80\xa6\x15\xdbF\x8at\x1dR\x07\x89\xc0\x82\xc2fU\x1c\xb4\x11.\x86au\x84Q\xc2=\xe0T\x81\xa9\r\x17\x93B\xea4\xd9.e\xf3\x96\t,\x91\x8b\xed\xa5\xfdc\nU\xd8\xc7\xe8\r\xb5\x0f\xddA\xb3\xd3\x99\xf7}*&lt;\x88\x9b\nQa\xd50gx\xa9\xae\xa1I\x08\x12\xe2F(\xd0\xbc\x913`jL\x18Y\r\x8e_\xa9V\xb3\xd9\xee\xbcRM\x9b\xa8\xea=\xd5u\xcc\xd3he\xc6E4C\x91\xe3\xdeM\xcf7]\xac\xcaj\xe6);,DDA\xb4\x902\x14\xa6\r\x8d\xeb\x120m24\x85*\xb4\x08\xc9I2l\x039\x17Xw8\x9a\xdd5K\xf5z\xf6\xba\x9b\xe6\xb8\xd8\x9e\x9a\xa7`\xc5M\xf3\x14\\\xa02\xeb\xebu\xb7T\xa2\x96\x1c\xa8\x02\xa9\x0b\x17\x96\x12\tY\x93\x85\xd0\'\xc8\xbd\x80\xc4^x\x84\xcc0\x88\x9b\xa3\xb32\xda\x80jK\xc8#\x83$\x077\x9d\xe6\xf6:U}\x84\xdf\xefk\xf6H"\xc7\xc5\x0b\xd9d\x1c\xc3\x83U\x9d\x06\xdb\xcb\xcbR\xb3\x85\x14B+\x84bCL\x92\x8c\xc4E"\x8a\xedy\x9eF:R&lt;\xdff@E\x1c\x89\x84\xb2\xeb\xdc\x10=\xb2*k\xe3M\xb7y\xbf-\xd4\x1fWyj\xdb{i\x0b\xd1B\xddT\xebI\xd4N&lt;\xbbm-\x9a\xd5\xce\xdd\xd2m\\\xb0\xa4\x15\x8a\x96\xea\x9e\x1b\x8e\xc6\x02\x00\xad\x07K!\x89yc\x8f\xb4G\xe8$2\x18\xad\xaa\xa2DY\x01Z\xeb\xb5\x9a\xab\xd9\xfd|\xd5\xad\x17\xa2\x1c\xb7\xaf\xb6\xf8\x98\x99*\x95Rf\xba\x9dn\xce\xbe.Z\x9b\x85\xdbp\x1b\x9eMXT^p\xad\x9aQD\xd3Fm*a\x80 *\xddu]\xdd\x96\xc2\xcf\xa41\x05\xc1\xd24\x9c!I\xc6\xed\xe6\xba\xda\x1clV\xa5R\x81\xe3\xc8X\xf7\xf3\xad\x18\xa2U9{\xd3\xee6\x1fZ\x83`\x1cx\xb6g+O\xa6%\x84\x01+bf1 \x1e4D*?\xdbf\x14\xf5\xc2\x83\x7fIl\x18;\x94\x85\xedQ\x0f\xd0\x0cG\xd5\xc7\xa3\x87\xf9j\xd3\x7fh\x96\x90\xc4\xfd\xb1x\xce,\xacJ\x85jwr\xb3\x9d\r3\x1a+)\x08Sd\x87\x85\xf9\xc1f)\x14\x9e\x8a=)t\x8b\x86\xfe\x143\x96\xca\x14\x05@\x19&amp;&amp;C+b\xeb\xf7\x86\x83\xe9\xfd}\xbfy\x89!\xda\xdc\x0b\x8b\xe7_\x91\xb5\xa7:\xdb\xc9\xe4\xa1?\xc2\xf8\xa9a\xaaBr\x9e\xdaN\x04\xd7\xd6Y\xaa\x7f4B\x06\xc9"\xb3\xc8\xe8,\x13\xaa\x8a\x92\xcc\x92\xa2\xe0\xf7\x98\x0e\x91E\xad\x08\xcb\xef\xf5\xc6A0\xec\xdfuhR=:&gt;xno\xdc\x9d\x0fc\xb0\xb2\xd3\xe1p\xd0Z\xf8\xb6\xc0\xaaZMg\x7f\xc1\xa2\x06\x034\xbc\x98\xd0\xb8\xa8\x11\x1azh\xea\nu\x1f\x05]@\xa1om\t\rR\xd5\\\xbck~p\x1bdZ\xa3~\x16\xd2\x12_\x1f=\x13k7\xac\xf1(\x97\xd2\xdd\xe3\xc3\xe0s\xe0\x1b6\x15[\ru\x17\xf9\x1fW8s1\tF\xd8}I\xf6\x8a\xb0Q\x98\x04\x82b\xe9#N\xa1\xf1U\x965M\xc6&lt;\x18\xdc\xaf\xdd\xe1l\xd4\xb4\xe2\xf1pd\x02\xdcs\xb8h\x1d\xc2\xae6_;\xa5\xd2M\xe0\xd6\x0c\xad\xa6)\x92d\xff\x8a\x8ba\x12\xe1\x12\xbe}\xa4mD5Hm\x9a\xae\xd0,F\xf6AdL\x82\xa6\xe9\x1c\x9eL2\xeb\xedfZ\x88qQ\x1e\x93\x04F\x81\xd7\xaf\x9f\x85uph\x156\xd3l\xb5\xdd\x9e\xac\xefG5L\xc2\x90\x10\xfb4&gt;0$lr\x01\x90\x9d\x9c$"\x11\xb0aw7\x83\xe92DG!Sa\xb6\xa4\x7f\xd2$\x0e3\xaa\x0c\xf5g\x86\xa3\xc1\xb4\xfa\xce\x12\xf7\x98\xbb\x90F\xd1\xb4V\xa3z\xa1zY\xef/GAC\xa7\x92\xa7\x8e\x83rD\x8bci\x8c\xda\xc5\x8a\xb0\x98\x93\x13Y&gt;I$\x10/\x86=)k9\x07#\x8e\xa2\x1bR\x82J\xc1 \xc9!\xe9\xc8\xa6f\x9c\x9fgz\xb3\xebl*\x0eC\xc5#:\xcf\x1f\xfd\xf6`\x11\x95Y\xd8L\x92\xe9t\xfdn\xf1y\x11x\xb8o\xf8\x10=\xe3\xc8\x89pHH$p\xfdry\xc7\xc3J\xcey\x11;\x90\x7fB*\x97\x9d\\Q\xa5\xe8\x18e\x15\xc3\xbca(\xa4;\xdc\x8c\xc4\xcaNo}\xdb\xbb]\xa5-\x8e{\x8a\xd7\xabg\xcd\xa5ft5\xcd\xe6\xb3\xcd\xd6\xfav\xddk(\x8al#g0k\x19=\x0eI\xc1\\,\x95\x7f\xfc\xf8\xf1*q"\x81\x87vO\x8a\xb9\x13E\xd2\x9cr.\x97{\xef\xc8h\xe4N.\x07\xe5#\xa9\xe8\xd8\x14k\xa8_.\xf6F\xc3\xffT\xcf\x92\xd4l\xc3\x91\x8e\x7f\x06\xd6\x01\x1a\xf5\x97U\xba:\xdf\xdc\x8ei\x92B\x0b\xb4\x11\n\xaa)]\xd3\xa1d\xbdXt\x9c\xf3\x7f\xff\xfdc\x19Y,_}\xfa\xe1\xa7\x9f&gt;}|\x7fU\xce\x9d\xe7\x10\xc3\xab\xf7\xe7\xef\x11\xc8\xab\\N\x82\xe4\x14\xbb\xe8\xea\xccN\xff\tI/\xf6\xb6\x85\xb3\xf4;\x8b\x0f\xff\xc3\xe49XH"\x97\xffRIV\'\xb0RC\x85DlYb\xc24\xb0x\x94@\xd8r\xb5\\\xd9y\xff\xb7\x0f?|\xfa+\xd6\x87\x7f\xfc\xfc\xf3\x9f\xfe\xfc\xcf\x0f\x9f\xae\xae~\xa4\xd7\x7f)\xb3\xba\x98\xa6\xd24\x9c\xf2\xa35cz\x88{\xba\t\xa1\xb1=\x81\xa3\x10\x9dRZ\x8eR\xe9\x11\xa4%\xdd\x14\n\x08\x01*\x98\x82\x1dXfG;4\x14\xa6CC\x99\x02\xa5-\xad\xb3\xa9\xd8\xf0\'\r\xab\xb0\x06eT\x06l)\x88[B\x08 \x84\x8a\x8e\xbbT\x9cr1\t{a\xbc\xd8\x8b1\x99\xc9$\x93}\xbf\x83{\xbd\xf5\xa5\xe1\\\x91&gt;\xe7\xfd\x9e\xefy\x9f\xe7\xc5\xb3\xb4\xe3\xa1Huk+E\xc2\x1f!\x17\x91\xc4\xfa\x13\x8e\xd8\x99DJ)\xfb;Y\xa1X\x9cz\x84\x88\xe7\x1e\x8d\x99\xf2\x07\x9b,P\xd2\xfeZYW\xff\x93\xabCWp\x0e\xcc:&gt;\xea\x16\x9a=q\'I\xf2$N{h\xf8\xd6\xa5P\xc8\x1f\x8dD#&amp;\xbd\xde`\xb4\x18\xa2\xfe\xb5@k`\r\x90.y\x02ju \xd0*%\xd9l\x12\x9c\rP\xf3\xb3\x93\x9f\xf1a\x90\xb2\xa4\xd4\xec\xad\xce\xf6\x9cB\t\xe8"7v\xca3*w\x94\x10\x7f\xd1\x05\x16d\xea\xf6\x8f\x0f\xc6\xe1V%\xc4\xe1`\xacX\xe8F%\x00\xddQ\xb0i\x85\xc3Z\n\xf9C&amp;\xbd\xc1`0\x1a\xdd\xee\xe7\x16C$8\xba\x86P\x8d\xae\x01\xa4\xd6\xa5\xb5Vx\xa8\xa5 "$\xa8\x18\xe4#$\xc2$\xfe\xf7[\x9d\r\xb2\t\x19\x91\xca,K2b7\x80G\xb8\x17$9\xbd\x13\xb5\r]C\xdf^\xbd\xc2\xc3X\tI8:C\xe09(\x10;\x89\xcf\x03\xfePj\xf5\xa8\xdf\x1f1\xba\x0b\n\xdc\x055\xcfww\xfb\n\x8c\xfap8\x04\xa8\xe0h\xfd\xf0\x03\xa7\x1b\x84c\x06\xeeI\xe1\xa6\xe0\x07\x93\x8b\x8d\r5u\xc9j\x1f@\xe6HD\x87x8v\xbb|\x84\x90Hd\xb7J\x1b \x1a\x8e\x80\xc2\x03,\xc4X\xf8%\xa0Q\x16\x8c\xe3\xd34"\x11|y\xd8\x00\xa8jjvw\xefB\xed&gt;/0\x18\xf4\x91p0\x18\x06\xb2\x99"\xe1p$\x12\r\x8e\xaa\x03\x1e5\xad\xc2\xc8\x0f\xb0p\xfb\xb7\xcb\x13\xb7~\xbe\xd3+avK\x7f\x8c\xb5[\xe0KQ\xb3zs\xca\xa7\xbe\xf5\nh\x1ep\x83\x9d\x80!%\x02\x99&gt;X\xca\x80\x04\xa0\xa6\x04\xa3z7\x02\x05\x90\xae\x0f\x0c\x0c\xdc\xed\xab\xa9\xa9)p\xbb\x8d\xe8L\xdd\x05\xee\r\xbd\x1e\xb0\xf9\x03P\x1e\x9a\xe2\xfc\xaf[\x82\x91;\xb7\x9f\x0c\xcd\xf6\x97\x13\x1f\x115 \xd9\xc7\xc7\x8bs\x8a\xa6\xda\xcb\x1b\xfaG\xc0Y\xa2`\xccb\xc3\xf9\xa11\x82S\x14\x85\xabiO\xc0\xe3\x0f\x85\xc2&amp;#@\x02&lt;\x03\x95\x075\x00\xf8\xfa\xfa\xfa\x98\xce\xc1\xc7b4\x00\xb0\xb0\x1f\xea\x8dG\x80\x7f\x98\x9d\x10\xc4\xbdW\xaf:\xec\xfdb\x02IjJ\xac\x8c\xe7\x12\xa9\x85S\xcb\xefd\r\x9dC\'\x19+\xc0A!^\xc5\x836\xc1\xfc\xa0Ut\xeb\xd2\xe8\xd2\x9a?\x1c1X\xfe1p\xe6\xccwe\xa8\xd0\xe3;\x84\x8c\x81x\x06Js}\xd7\xe2\x06`\xa6h0\x14\x0c\xee\x088\x8c\x13Kb\x81\xf2\x8d\x8fy\x1d\x8b\xb5\x07\xcd:\x14\xb3w $\xb2\xe5g\x13\x9dSc|\x18\x1b,p\x0e0\x88q\x08\xf5\x10\x18\xc0\x9e\x08&lt;K~\xf8\x9e\xa8\xde:|\xfd\xeb\x7f\x9d\x15\x89\xb2\xb3\xb2\xeaDe\xf9\xf9\xf0A\x95\x9d/\xaa+I~tVT|\xbe\x1b\xfae@\x07\x19\x0e\x8eR\x8c\x8dNJ"A\x91\xaf\xe8vf\x7f\x17\x13\xdc\xf8\x18)\xcf\xd8\xbf\xa3\xa99\xed\xa5Ey\xfd\xde*\nc\xe63H\x02\xda\xfc\xf1x&lt;\x1c\xe6 \xe5y\x13\n\xeb\'\x8d\xd6\xb6\xf3\xc5g\x8f\x1f/)\xb9\xbc~\xb9\xa4$+;;?;k\x0eA|Tr\xfc\x93/\xbf\xfc&lt;9M\xa8\x186\xeaA\xd2P\xc7\x96\x90\x82q@\xfdXh\xf3D\xeb\x16K!]sc\xb1\x10)\x87R\x18\xd1\xe2\xa6\x16\x16\x15]\xec\x1c\xf2\xdai&gt;\xc6A\xeb!\xf0(8\x06!\x19\xc2\x1f#\xa2\xe1\xc8\x86U\xab\x10\xa6\x9f\xfb\x1c\xea\x93S\xa7&gt;=\x05\xd0\xb2\xb2\xd6\xa1\xb2JJJ\x92\x93\xcf=|\xf8\xf0\xdc\xb5\xeaK\xdaI\x80\xa57Z\r\xa6Q\xf0\x19q\x1cx1\xb4?\xa4t\x8bM\xb2\x98\x19\x9f\xc28\xc6\xf8\xbc\xbf\x89\xf3.6-\xda\xc7t\x180\x1e.\x10\x18:\xb8\x81|\x9c\xc5&amp;\xa5\xb4\xc73\x1a\x8c\x986:\x1a\xffY]}\xee\xda7\xd5\xd7N$\x9f\xfat\x9d\xa9\xef\xbf___\xbd\\r\x1a\xda\xd48\xf8\xfa\xe9\xd3\xd7==\x1doM&amp;\x13\xa8\xad\xde/es0\x0e_\xa0\x02WO\xabn.\xcb\xca\xcb\xe3\x99\xb4\xf8\x7fq\x1d\xce`vOD{\x91,\'\xafsll1\x17\x07\xab\x0b\xe2\x006\x13\x03F\x80\xf2\x90j@\x05\x13\xd0t\xaf\xc3\xf6\xfa\xe9\xeb\xd76\x9b\xad\xf1R\xda#8G\x00\xb4\x8a`\xad_&gt;[\xd1\xe2sv\xb8f\x16\xb67m\x08\xd7^\x04&amp;\x93!\xa8f\xb38$\x87\xa7\x82\xd0K\xef,v\xc1\xb4N\x8d-\xc4\x82}O&lt;\x8a\x96\xefE\x17\x0bko{\xc7\xbc#|02$Z(\xe0\x1c\xa9\x14\xc7\xa4\x1f\xccB4\xba\xe7\xda\xdc\\\xd8\xda\xda\x9aq5\xdb\x06\x15fQ\xd6\xea\xeaj\xd6*`\x82\x87H\x99\xe9sN\xcf\xec\xef\xef\xaflm\xdal\x9b3{&amp;`WX\r\xfa\xc0\xe2P\xe0\x9bqj\xf6\x9dL"\x96\x00\xe5\x8fd\xc4\xd0\xad\x14\xb47J$\x1ajK\xdb\x8b\xe0\x0csy\xe0\xf0`\x0cb\xc8\xda\x90q8\x06S0\xb0\x04\xf3$\xb8?\xb3\xb0\xe0\xfa\xeb\x8b\x95\x19\xd7\xb4\xb3Q\xae4\x8b\xb2\xe7\xe6V\xe7\x00\xd6\xea\xdc\\\xb6\xf9\x8cR\xa9\x80~u8\x9d\xdb\xd3\xd3\xcd\xcd\x0b.\x84+\xacF\x9a\xc5\xc1q\x8a\x8f\xf1\xc6\xfa{\xf3\x08\tA\xc4\'\xc6B\xf9\xc3\x7f\x80y\x98(\x96uv\xd5\x96.\xeat\xb4\x94\xc3An7\x0e\xde\x10#\xc1+\xa9\x03\xfe\xfd\x99\xb7\xd1\xe0\x8b\x15\xd7\xe6\xf6\xf6\xb6\xcd)oQ\xb4\x98\xcdf\x8d\xa6\xb2l\x0e\x80\xad\x02\xaa\xb92\x8dF\xa9\xcc\x94\xfb\xda2\x8b+\x84\xf2\xc6\x9e\x9eA\x9b\xcb\xb4\xa1\x8f\xb6\xa2\x14\x82Q\x14Z\x11\x8c\xfd\xd8?\xd1\xd9^\x9e\x1a\x13\xe73\x0egd\x1c\x8d\'rj;\'\xfa\x97\x17u*\x9a\xc3a\x92\x0e\xd8q\x1e\x8e\xc2\x85\xda\xbf\xb71?\xb9\xb7\xbf\xb2\xb0=\xd8X_}\xba\x02\xbe\x1e*S\xa9\xd1\x94e3\xb0\x00W\xbe\xd9\xac\xccT\xc8\xdb\xe4\xcabaz\x85\xb9"-]8\xb8\xb1a\x88\x04\x98f\xd1*]\xaeN\xe7\x98\x1d[\xbc\xfa.GB\xc4B.\xb8\x85\xc7\x80^y\xa5M\xcf\xde\xdf\xb9\xbf\x03\xdc&lt;\x18cII\xe0J!\xde$\xb4\x06\xf5\xd6\xf9{\xfb3@\xe5K\xd5p\xdfZ2\x15\x99-\x8aF\xad\\\xa94\x7f\x80\x05\xb8\xcc\xca\x16a\xe6\xf9\xf3_\x0b\xd3\xd3\x8b5\x1a\xf3\xe9\xd3\xa7\x85\xdaI\x83i\r4\x9eC\xa9T*\xc7H\x95*\xd7&gt;v\xbb\x0bP\xa1\xcds\x0c\xb0\xb8p\x88\x17r\x8a&amp;\x1e\xbc\x87r\x00,\xb4\x0b\x01\xdf\xcb\xc1\xc0n\xb1\x03\xe1\r\xeb\xfc\xdb\xfd\xe6\xc1\xa7\xe9i\xe9--B\xa1\xb0\xb8X\xf9XX\xaf\xf5)\x94\xa8]L\x89\x00U\xbd\xaf\xed\xa7\x9f\xea\xeb\xeb\x1f\xff\xe5\xfay\xf3\xd9\xba\x13-\xf3F=\x08\x17[*\xa8\xa2u\x8e*\x95J\xe7\xf0.\xcb.\x10\x89\xb1\xf8-\xe4\x95\xd1VY\\\xd8\x0e\xec*\xea\xf7\xd2\x90\xf8\xe2H\x98?,\x0eZ\xaf\x91kQ\x83\xd5z\xaf\xb9\xe7\xcf\xd5i-Z_\xfd\xe3\xfa\xfa\xff&lt;\xaeW(.\xf58\x9drMYY~YeeY\x99F\xae\xf8j\xd82?\xedZ\xd9\xdajv\xca\xe5\x1a\xf3\x89\xe4\xb46\xab!$MH\x90\xd2\x02\xc1H.\xa0\xb2\xdb\xc7\xdf\xf7\x8a\xe3\xd1b\xf7p\xac\xbb\x87T1\x041\x18\x8b^\x81\x80Ga\x18\xd2v\xe0;tm\t\xc1\x9a\x1c\xac\xbe\x96\xae\xb0X\xb4\xda\x8e\x85-\xd7\xc2\xb6\xd6\xd7\xd8\xa3\x9d\x9c\x97\x9b++\xef\xf6\xdd\x1d\xa8l\xf3\xf9,\x96\x8e\x977\x1d\x1e\xfb\xce\xfdW\xd3\x8d\x99\x15\x8fN\x9dPZ\x8c\xe1V\xd0\x07\x08CU\xd0,\xe0\xd6\x88wJ\x92z\xecXJL\xddb\x1e\x89\xa9\xa9\x12\x89\xa4\xf4\xf6\xec\xb8]\x07v\x0b%\xb08\x92\x81\x151X\xe7\x9d\x97\xbeI\x13j\x9d\xdaI\xd7\x8b7\x8e\xdc\x9b\xaf~\xb09\xb5\xda\xc9\x8dn\rc\xb7\xfa\xee\x0e[\xa1\xa3\x9b\xbf\xd8g\xabn\xe4&gt;\xf9u\x7fo^Yw&lt;\xb9b\xd8\n\xe4b\xfe\xa7F\xc11:\x1ccU\xb3\xa5\xc4AV\x8cu\'\xc2%\xb8\xdc\x0b\rMwf\xbd\xf6*\x8a\xc2\x18\xc3u\x00\xcbd\xb4X|B\xe0\x95o\xb0yeQws|\xfc\xc6\xcfS?\xdc\x9b\xec0\x18\x86\x11(dT\x87\xadF\xd3\xde\xe6\xe6\x8b\xfb;\xf7\xff\xfd\xebo3AS\x9b\xa8\xae\xae\xc2g5\xf8aX\xb3H\x8c\xaf\x02\xe9\xe1\x8d\x03,\t\x98\xf9C\x1fa\x03\x89x"\xaf\xf4\xd9\x8d\xdc\\\x15MA\x84\x87wDq,\x81D\xb0\x9cra\x1a0\xeb\xde\x8b\x97S\xb3;\x0e\xfb\xab_~\xdb6\xe9\xad\x16\xab\xe59\xf8\xd2\x02\xa8\x9an\xdf$\xdc\x0cm\x07(\xa9\xcd\xe6\x9c\xb7h*D"s7\x90\x0b\xde\x8cMb&lt;\x15\x8d\x91XU\x95\xb7\xf4\xc2A\xc6\xf8\x08wJ|\xd1tc\x9c\x87A&gt;VsH\x12\xf4A\xca\xfe\x00kX^\x9d\x96\xae\x98\x8c\x06_\xfe\xfe2\xb4\xb2e\xebi\x9c\x9f\xd7~\xd5mu\xd7 HP\xeea\xb9\xd6\x08\xfe\xa28\xed\x1cTzf\xa6\xb9Bd\xd6t[\x8dA)\x03\x8b\xd6\xa9\xa4R\x8cG\xcf\xca$\xf1\x1f\xe1\xe5\x91\x87HL\xcc\xe9}6\x0e\x83\x02\xac(\x98d\x1cG\x03\x9bMzLF\xeb\xb0\xe2\xbf\xac\x9aqL\x9aw\x1a\xc7{!\xd4\x98\x98,\xe9\xe2\x92\xa6K3\x03\xb7\xa3S\xe1\xc5R\xc8l\x8bL0&amp;=JI\x88\x15\xac\x01c\x8ek\xb1Z\x16\xe7\xcb\xb8\x16z\x1c\xbaU\x906\\]\xa0,\x16R{\xe7\xa0\xc7*Rt\xc5\xba\xb7\xbe\x8d\x9b7\x97\x16m\x0e\xcc \xa5\t\x89\x8a\xd2\xdaR{\xdc\xcd\xd9\xeb=?l\xf7w\xad}\xa2\x18\xfe\xe2\xe3\xf7y\xf8=\xdf\xe7y\x7f\x0c\x06\x93\xef\x9a\xd2Nw9;\xa3\xd1h\x08\xb4\x99\xf2\x9azz\x80(b\x01\xcb\\\xddc\x02\xefgr\xe1\xac\x93\xf4\xb2J1\x8b%\xaf\x85&gt;`6B\xfbAI&lt;82\xdf\xfc\x16\x0cB\xef=\xad\xa0Q7\xa6V!\x95\xba\xfb\x0f\x87&lt;\xef\x1e8\x00X\xfb\xe1\x04\xdc\x93\xc7zk\x1d\x8b\xd9.\xc2q\xa1\xe2\xeaU:\x93\x19\xd2)M\x1fO\xa1\xe1\xb5\xa7\xc1bYt8\x16-\r=07\x9a\x8cf&gt;\xabVF\xa73\xa0\x03h4r\x1b\xf8\xd4d\x07\x0cs\x1f\x8e$ff\xf7\xbc\xfb\xf9\xe5\xfe}48\x8b\xa8\x1b\x19\xf6\x0b)\x85\xd4\xdd\xfb\xc6\x9a\xcf4\x1fn\x86S\x06\x15\xc3o`&amp;[\xc7\x12\x8a\x84B\xb3Y\xd8\xdeZ\xdf\xde\xce\x02[l\xf2z?n\x83a\xd1\x02L\x8b\x03\x80U\xdd\x03\xef\x8d.\xbeX\xc6\x93\xc9\xc4\xb5r\xbe\xcdf6\x9b]\xa6\xa5\xc9\x83\x1f\x1e\x1c\xbf\xdd\xe5\x9b\x9b\x1f\xfb\xfa\xec!J\xc9\xba\xddz\xf5$\xe6\x9f\xa7\x1c\xf2xz\xcf\x9c\xf9\xa2\x1f\x19\t\xb47\x02\xf3lG\xb5e\xc6\xcd.x\x11\x89\x98\xb5\x80\x85\x93\xc60P@YY,P\xf4\xf0Z\xbd&gt;\x91A\x16\xf9 \x18\x8b\xc5GP\x03f\xb3qj817\xe7S\xaa\xc3\xde\xbb7\xfa\x7fh\x01\xaaW&lt; ^bQ\xd1\xe3\xf2\x96\xfe\x7f{z\xf7\x8e]\xf2|\t)\xcc\xef\xd7~gO\x9a\x00+Oe\x13\xa1\x8f\x14\xe2)\x12\xa6\x88\x9e|\xadW\x83d0\x86Aq\xf5\xa0A\xbb\xc7\xe8\xc2mr\xe4/\xa0\x03\xd9\xcc\xb8\xcb\x94\x0c\x88\xe0\xff\xb8\xa83\x8d\x9e\xbdtd7\rJ\xb8\xb8`\x03\xab\x11\xb4\xd3\xa4Ph\x0f\xc6@.\xcf\xd8\xe5\x03\x1d\x1d\xfb\xf7\xfc\x16\xcd\x16\xfb\x11\x16\n3\x9f\xcf\x07\x93\x80\xe3\x04P}R\r*\xa1\xe3\x01\xca+\xed\xf7;,\xe8;\x89"\x12\xb7\xf1\xe5\'e\xe0(\xe4\x1a&gt;\x0er\xa9[\x8f\xd1Sd*\xab&gt;\xd4\x92\xaf\xf7\xa2\xa2\x82\xad\xaf\xb8u{\xd1\x82@\xe0\x9a[\x9e\xde\xde\xf9Y{\xc7\xc8l\xf3\x9e\x8eq\xbb}v&lt;ir\x81Vq\xb3\x10\x1c\x02\x1fr\x13\x8f\x18\x01&amp;\x82N\x068\xb4"\x8bi\xbf\xdb-pX^@\xc5\x07l\x1a\xae\x14\x83\x00\xc5\xf8fW\x98\xc9\xa0c\xfc\xcc\xfdU\xf2\x19\xb5\xa4d\xfd\x86\xd2\xd6\x8d,\x9aQ\xcf\xa6Rk\x8e\x1e\xef=\xb3\xd7&gt;\xd27&lt;&gt;2?3\x9c8\x97\x08\x86!\x87f\xb3\x8d\x05%\xe3\x88\x03V&lt;\x12\xb1D\x10\x11\xfcZ\x06\x80\n|\x84\xc0\xd1\x80V%\x114^;\xb803J\xd8\xc0\xc5\x17\xe2\xca\xda\x18|\'\x89T.\xfb\xac\x90R\xb0\xf5\x9d\x82\x1d \xd6\xd6-\x1b\x92\x0b\xed)\xab&gt;\xbb\xb0\xf7\xcb\xf9\xb96_p\xcejM\xfa\xbaf\x82a3\x8e\xdb\xa0\x92\xc5z\xbe\xcbd\xb3\xc5\xe3\x04\x019\x8b\x10\xf1\xd5\xd5\xb8\x83+`\x7f\xcf\xfe\xe7P\xa3`\x00z#\x01e\x86\xb6\x00\x98\xa4\xb1Q\xa2\x92\xd5\xca\x85:\xe5\'\x19\x99\xd8Ff\xd7\x8c\xcf\xb6Q\xd7\x9f\xf1o\x04\xeb\xe5\xf3\xf3\x92\x92\x96\xf3\xb7\x8e\xf7\xb6eS\xcb\xe1\x8bJ\x9f\xf2\xcf\x13A%.\x14\xb1\xf4b\xb1,\xa6\xb7\xc556\x08"\x12\x89/f"\r\x0e\x8c-\xd9944t\xe2\xf9\x10\x9b#H/fl\xb6:n\x9d\xa6N\xca\x06.\x15&amp;\xae\x15\xe9\xc29b\xb04F\xe4\xd6\x98U\x85\xa8\x1bn\xd9\xb2\x01\xa6_\xc1\xa0\xec\xabj\xf6\xf5\xf7&gt;ZM=$\t\\\xc7\xd7Y\x83j\xa1(\x04P\x18\xc6\xc3b\x1a\x88\x8c\xc6\x16\xb7e\x08b\xd1-\x19\xa4_\xfd\x00&amp;\xb2\xa1!\x89\x8c!a\xfb3z},\xc6\xe5J\x05\x18\x0feQ&amp;n\xd7\x19\xb2\xfa\xd2\x13\xdb\x89\xb5\xdc\n\xaa\xf7\xad;\xb6l&lt;\x90\x91\xd8\x06=\xab\xe5\xc6\xb5\xb6\x1cIfI&gt;\xdd\xd8\xb6\x14T\x8bBL\xa0\xe2\xf1\x00\x8b\xab\xe7r\xb9z`\xe3\x93\x84[\xa2\x0b~\xf7/\xa7\n\\s\xcc07\xe7u\xb3\x81\xca\x8d\t\xa4\x02\x0e\xc6C+\n\xc0R\x1bp\xac\xfc\xc4\x07\xc4Z\xf6Y\tu]\xad\xd7\xc0*,.\x82\xc1\xa4\xe2\x1fcK\xb9\xd5l6.+3\xb6M-9C!1C\x86\xa8 b1\xb7@*\x85t\x92\x1a\xb6\xff\xd3\xc9\x83#I\x16\x9b\xed\xc6\xefL\x0e\x7f\x9a\x06\xb9bh%\xc1aCH$&lt;\x8c\xd1\xae\xee\x16\xcb\x06\x8f\x9d\xc0\xd7B\xa7\xd0\xf3\xc4\xd7}\x86\x9ew\xaa\xc55\xb7n\xe7\xd6V\xb3\x9ac\x95\xbap\xb7\xd6\xd0\x14\x82o9\xaf\x8c7\xc8\xc3\xdc1\xcc\xed\xe6\xb8\xdd~\x1b\x99q\xfb#mI\x9fR\xefv\xbbc\xa4\x97\xcc\xf8\xfd\x99\x8c\x80\xad\xe2\x00\x16\xa4\x90\xadR\xf1\x18\x8an%\x0ft\x1e\xb2\xad\xaeT\x94P\x8bw\xed\xd8\xb5\x19,\xda\x91\x9fSkk\xd9\xda\x95A\xb1.d\xd0v\x02U\xd9 \x04(\xc6fsPH\xeb\x16\x89t:\r\xa5\x04y[\x8ftzq1-\xf8\x06Q\xa1U\t[%\xe11\x9a\x02jL\xac\x97\x95F\xc8g4J\xf1&amp;.\n\xe6\xb1(U\x9f\xfdB\xae\xad\x8aW*\x99!\x99\xc8\xa7V\xe4\xb1\xe0\xb3x\xf9\xe5\x11\x84\xa0.\xbd\x18\x89\x10D*\x15BX1q(\x93\x01*\xbf\x9f\xc3\xces\xa1\x03B\xc2cvjC&lt;MJ\xac\xcfFO\x01\x16\xf5\xed\xd7*\xf9\x97\\\xe0\xebk\x1e\xa8s9\xd9\xcaBH\xa7/\xd3v!\xac\xca\xc1\xed\xa5\x00&amp;qsPM\x0b@\x1b\x82 I\xaf\xaf\xab\t\x14K\x85\xbd\xdep*\x93\x86\xb3\x15N\n\x01\xca\xa2J\xa5\xa23\xd5Z\x1d\x0e\xf4\xab\xd9\x95\n\xa8\xd9\xcda\x15R)\xb4\xaa\xa3\xff5\xe6\xf4\xc7B8\x9e\xda\xe9\x1cmb"\xd7\xb9\xbdtgi#\x1b\xf2W\'\x10\xf8!c\x16\xd2\xbb\x94\x98\x9f\xd0*\xf9\xca\xa5\x99D"\x91\xf4\x12\x99\xb4\x9f\xf3\r\xc2\x86\xcaR\xf1\xe8\x8a\xae\x80\xc8\xd5\x10Y\xcdi \x87\x94\xa2\xd7\xbcc\xf3\xeb\x98M\xa1\x95\xec{\xd0Y\x1d\x19d\x10$\xce\xf8\xa3\x15\xc9E\xaf\xcc\xab\xc5\x91:\x1cRDEDLKw\xfa:\xec\xd0\x9cR\xcad\x1f\xb4\xf6\xf1\x9bIo*\x06J\xa2\x9e\xc8S\xa9\xca \x87\x86\xf2RL\x97%A\xacb*\x9a\x10wm"\x89\xe0p\xa0g\xdf\xc5WI=\xd9c\x12\x96i\xa7\xa3\xcc\xfa\xca\xca\xf7Q\xcdK\xeb\x1c\\)\x97O\x80Rw\xfa&amp;G\x0eN^\xf7\xa6\x08\x02\xbd\x19\x19\x99\xec\xeb\xbbn\x08a\x1c.\xf7$\xe2\x02\xb1&amp;\xba\x1b%\x12n\x9c~\xaax\xdb\x8bKa\x9b\xb9\x06K\xfd\xa8\xe4O?|\xf1#\x91\xcb\x1aq\xb1\xa4\xd4\x19\x88\xd63Z\x11\x16&amp;\xe5j\x1c\\G\\i\x08^\xbf9&lt;|s.\xe9\xf3\x1aI\x92\x84\xd2\xef\xd6&amp;\xaf_\x1f\x1e\x19\x9fP\xc2\x90\xcd\xc50\x10K==\xa7n\xe4H\x074\xcfi\xe89\x0f2\x0f\xaf\x8d\x95/\xae\x12Z\xcd\xd1\x0b\x9e\x9f"\xb90\xbd\xbc\xb41\xe4sF\xeb\xeb[++\xcb\x90[\xa9s\x18\xc3\xd6+\xb3\x902_wS(\xf4\x18\xc5\xfd\xc7\x8fa\xf2\xd0\x85\x83\xf3\xf6\xe6\x19\xe5I\xb9\xfc$\xc6c\xaa\x03\x81\tg\xf9\xf7\x1c\xe9\xca\xa9\xe2\xcd_\xa5DX\xdb(\x15\xa7\xfb\xbf\x1aS\x13F\xf1\xfbe\x12\xb1\xaf\xab\xb3\xa9\xbe\xb5\xb5\x12m\x91\xe4\\\xd7\xd2\xcc\xac}|f\xb43\xba\x00,\xd1&lt;\xd6\xfd\x85\x05\xf8aD\r\t\xbb\xfd\\g\xad\x06:\xbb:\xa0\xb5\xce\x8c\xb6\x96\x97??E\xa3n\x1ekG\xc1\xdb\x14\xa8\xae\xaa\xdf?\xbdvWA\xd8d&lt;\x89x*\xd0\xd5\xd5Y_\xcf\xa0\xcbj\xf9\\Q0\xd1l\x9f=\xf7S="\x8a.,\xe4\xa9P,D\x1fG\xc5\x81+\xf6\xe6Q\x96\x86%\xd2uk}\xc1\x99\xc4\xcc\xdd_j&gt;\xa2P\xdf\x84Z;\xd0\xe5\\\xda\x91\x1b\xfd\xe7\x7f\x8e\xf2\x06KU\x17}\xd6Q-\x08\xa6`\xb6\x83Z\xdd\x89q{\xc2\xeaT4)\x97\x97\x97}S\xf0\xf2\xf0\xe1\xc3\'\x8f\x9e\xc0\x9f\xe5)\xafS\x9b\xb0O\x08\xe5,]w\xc0\xb7\x14\xbcb\xdf\xff\xf9\xd1\xaa\xfcE\xb77\x80U\x04\xbe\xbe\xe2/g\xbf&gt;\xfd\xf4\xee\xb7++\xd3s\xc1\t\xb4\xc5U+\x980.\xb4\x07\x12\x89\x89\xe9n\xdf\xd2\xd2\xa3\xf5x\xf2dy\xf9\t`\xa1xt\xcf\xe7\xd4\xceY\x85r\xa1\xd2\xe0\xf3\xf9\x82\x89\xfd\xef]8RB-*z\x13Xy\xdbUs\xfa\xfc\xa5\xbf\x9d\xf7|\xf7\xbf\xff\x8c\xcd\xde\x9e\xb0Nw\x19\x9c\n\x91N\xc8j\xd7N\x8c\xaa\x9b\x0c\xf7\xee\xdcCH\xcb\x0f\x91V\xeb\x81\xe0\x1eM\xa9\x9b:\x1529\xda\x86\xfb\xac\x13\xf3\x87\x0f\x1f\xdf\x07\x86f\xdb\x1b\xc1*\x82a\xa3\xe5\xd0\xd1\xbf_\xf8\xeb\xe5\xc3\x9e\xfe\xaf&lt;?Z\xad]N\xa7\xbaI\x19\xbe\xc8\xaa\xedt~\xab\x10)\xbd\x10\x90\xbf\xd4\xcb\xbaZ\xb8\x7f\x1f\x8c#\x99\x02\'\xab\xa0c\x08+\xa0\r\xce\xccz\xae\xf5\xb7\x14S\xdf\xc8]\xeb\x82w\xfeO\xcb\xf9\xc7\xa4\x95eq\xbc\t\xa1\x84H\xb2\x19\xbao\xa6.]\xea\x1b\x88\xc5\x81\x82\xc5Y4\xd2h\x1b\x9e\x0b]I\xd5b\xd1\x17E\x11\x85\xaa\xb5a\x97D\x8aJ\xc64\xa8\x10bq[\xcc2\xb1\xe3\xd6\xfeH\xbaR\xab\xaeu\x93\x0e-i\xd2\x95d\xa7,\x13\x04\xb6\x96tvc2\x8eM6\xfeY36\xf3\xcf\x9e\xf3\xd4&amp;\x9bL\xb2\xce\x16\x8f\x8f\xa7B\xf2\xfc\xf8=\xf7\xdew\xce\xbd\xe7&gt;\x1e\x8b-\xaa\xab\xae\xfb\xe6\xc1\xe3kw\x8e\x1c\xd5\x8d\'"\xa9!\xab\xd5lnq\xb78\xf4\x129\xedq(F\xa1\xb3\xbd\xd0\xeb_\xa3!\xd5\xeb\xd7\x18a\xbcP5j4\x0e\xc0jq\xdb\xe7\xa7\x97\x02\xde\x87\x0fo\r@\xe4\x90\x13\'\x16\xe1\xc8u\xb2\xaec\xb8\xa6\xe9\xcaWw\n\x8e\xd4\xc7"\x89x\xc8L;\xad-V\xb9^"qPZ\x8c\xd8\r\xa5\xad\xa5\xfaE\x8fu\xd2\xeatj\xb4\xa5\'\x9a\xffv\xa2\xb6V\xa5\xd2:d\xc5\x8a\x96\xf9i\xf7\xf4B`\xe4\xf6\xd5\xebJ\x92\xe4\xe4\xa6m\xf1xl\xa2\xb2\xaen\xf8\xd97\x0f\x1e\\\xbdWp\xefm:\x11\t\xd1\x0e\xb3\xd3IA\xe8%\xa15Z\\;\x84;_\xbfB\xe3\x9e\x07\xf3M6\x16\x9f\xf8\xf4\x04\x04\xae\xa7j\x1b)\xb9^\xab\xf9\xf2O\xbe\xf9\x85\xe5\x87\x17.\xd4\x90\x047\x17X\xdb\xcb\xfcl\xb2\xea\xb3\xfb\x0f\xae]\xbcz\xed\xde\xc8\xed\x1f\x00+K{h\xb3Y.\x01\xb1\xccNM\xa3J5\xf3\xe2T1\xa6\x1d\x06-\xa5\xe8\xef\xff\x14\xe3\xc3?\x9e\x9a\xa9U)(\x8aRh\xbet\xbb\xa7\xbf\x0bo\xd6\xd5\x95\x11\xdc\xdcl/\xd8-/\xab{p\xf1\xf3\xbf\xdf\xbb\xb6q\xffv,\x12Ie\xcd0p-J\xcae\x12k\xc8\xeaTt\x9dW\xbd\xc0\x00\xe6\x04\x83\x83\x91!\x04Z\xb53/\\\xd4d2\x19\xd2h|n\xfbB\xe0\xc9p\t\x9b\xcb\xcd\xd1\xae\x07\xa6T\x03\xb8JN\xde\xdf\xd8\xa8\xe9VV\xdd\xf2&amp;\x92\xfe\xec?&lt;V\x8fS.6PC\xc9\x90\x15\x12\x7f\xc8\xe91\xc7)\x86\xe0kf\xa6\x96Y\x85U\xb9\\\xb8 \x05!\x98F\xe3\xb6\xfb3o\xaa\xc8\x9db\x9f\x03\xb9\xd8^\xc0\xb8\x91K\x10"\xa5\x92\x14\x89\x94Wn.\x85"i\x9b\xc7\xe3\x81\x11Uo\x8e\'\x16\xec\xbe\xc9\xde\x8a\xaeF\x15\xb3b}\xfe\x0f\xb8N\rd\xaa\xf3\xbd\x93n{$\x10[r\xc3p\n?\\(\xc1\xb2\xef\xdcm\xa9\xd9\xf1#K\x04Y#\x0ca\xb7c\xd6\xa1x6\xeb\xb1\x0eY\x1drO\xe6\xd5\xb2\x7f\xde=9\xd9\xdb\x85\r\x9fY@\x07\xaaS\xa7jUZ*dO\x04\xc2\xdeW~\xa0\xf2/=\x19\xde\xd9P\x93C*\xacObc\xc95\x9bUy\xe3I(\x94H\x01\xd7P\xc8lN\x86\xd7\x03\x89\x88}\xde\xed\xd3\xb8 \x91\xc5%\xfd\x19\xe8\x96\xb5\xb8B\x16\xf2\'\x02\xebj\xcbJ \tT\xb1\xcd5\x11\x9b\xc3\xc9\xadZ\x07\xb0\x0c\x1ck\xc1\xb1\xf1\xbf\x19r\xfa\x03\xf1th\x08\x06\xfbT0\x18\x0e//-\xd8\xdd\xbeI\xcd((\xe6:\xdf\x08\xa6\xa5|vt`\xd0bl\xf3\xc6R\x89@,\xb6\xd5\xcdb\xf1r\xbb\xb7\xed\xdd\xde\x07&amp;&amp;|\x96\xa4|\x89\xd4V:\x1dO\xc6S\xc1\t\xb5:\x1cXZ\xf0O\xdb\xe7\xe1n\x04\x92\xe1J\x9e3\x94\xf4/e\xc2\xc1\t\xa3\xaem$\x16\x00\xaa\xc0\xdb\x01\x9c\x91&lt;\x90S\xdb\xe9@\x02&gt;$B\xca\xcf\xb2\x943\x99\xc9l\xe1\xaap`\xc4\xa8S\xdf\x8c\x85_-\'\x16\x16\xa6\xdd&gt;\xab\x13\xc6\xf9\xd0Pr&gt;\x92\xc8\xc4\xc2A\xb5Q\xa7\x9b\x00=\xc3\x81Ht\x80\xc5\xe6\xed\xcb\x8e\xbb"\x01\x1fR\x16\xb2luQa\x8d\x80^\x91L &lt;b4\xdd\xc1\x99\xdf\xf5\xd8r\xc2\x0f\xa1\x85o~&gt;\x19\x8f\xfb\x13K\xe0\xc1\xf0Cu\x9b\xae\xa0m\x02\xf4\xf2\xfbl\xfb\xa0\xd6.\x1b\xdc\xb6\tR\xf9=\xad\xa0B\xf1Tj\x13\xf4\xf0\xeaL\x13\xe3#j\x8b%\x18\x8ee\x962~\xfb\xc2\x02\xb8\x0f\xdc\x16\x0e\x06\xc7\x83\xc66\x9d\xaeM\x1d\xcc\x0cM\xf6b*\x9d\xfb\xed\x9c\xbb\xcb\x1b,\x82U\xb6j\xae\xa8\xa0&lt;\xc9L\xd8\x1b\x9c\xd0\x99\xeauj\xb5\xd1h\xf4z\xbd\xe1Xxy9\xb0\xbc\x1cF$\xef\xc4\xc8\x1d\x10\xcb\x04X\xb1!\xaak\x94\xaeb\xf39\xfb\x85\xc5f\x13,\xe5\xf7fM\x85Bn\x8e\x84W\xd4F\x93\xa9\xded\xd2\xa9\xa1\xe1[,\xde\xa0w}}\xdd\xeb]Q\xb71\xa6\xd3\xe9\xe03K8N\xbb\xba*\xe8\xee}\xc4\x82h\x89E\xae\xd9FG5\x0eG4\x12\x00\x17\x02\xe3|\x01\x00\x00\x0e\xe2IDAT"V\x9b\xbamB\x8d\xeej\x03:\x1dx\xced2\xfd\x15&gt;\xc1\x8f\xbc\xb18-\xef\xaa\xe85wc\xa5\xf0~`\x15A\xf0U\x04\xad\xbe\xca\xd6;J9\xe4\r\xb6l\xc6[\xd0\xde\xde^\x0f\x00H\x02\xe2\xc0\x01,\xf5\x1f\xd4\xd7\xd7\xc3\x07\xbf4\x99F2i\x9bD\xcb`\x11|\xee\xff\xb5\x11j\x0f\xdd\xb1\x88\xcf\xe1s\x06\xc6\x9c\x15Z\x87\xa3ap,\x1a\x0f\x1eA\xae\xc3\x1f\xc3\xf9\x03S}\xfb6N{\xfb\xe1\xf6\xf6\x8f\xe0\xcb\xa4\x06\xaa\x06\xc0\xea\x02,6\xff\xd0~9\x91I9\x06\xbeuB\x14\xe5h\xb0\x81\xa5c\x96\x82me\x80\x02X\x00\x06\xec0\xb2\xb6\x1f;\xea\xcdd\xa3\xb4\xdc\x00j\x8d\x82\x139\x878\x82\xfdQ\x8b1\xc0\xd2h(\x07m\x1b\x83#\x9bY_\xb1\x18\xd1y\xedG\x8f\xfd\xfc\xa3\x8f\x7f}\x0c%\x03\x97\x16\xfc\xecW\xeb\x91,he\xe8G,\xcf\x1a\x9b{\x88\x93\xdb]\xa6\xbb\\\x07q\x03%\x97\xc1\xd2h\xcc\xb6\xb11\xd0+\x1bOe\x82\xea6 \xd3Y,\xc6\xdfXVV\xbcj]AA\x81q%\x90\x8ez\x1adb\x03.\xf9\x00\x16\xf4\x17\x01\x87\xf3\xe1\x87\x1f\xe6z\xc3\xf0Ah\\E\x1cN\xe5\xb7N\x05$\xf04\x1d\x05\xaa\xb1h4\x9aN\xc5\x82^\xb57\x18\xc6\xbb\x1f\x98\xd7bY\x0ff\xd2\xd1\xac\x99\xa6\xe5\x12\x03r\x8d\x9a\xd7\xd8|\x16{{\xa1\x87\x93\xf3\xb6u\xf0\x00\xa7\xa8r\xd5\xa9\xa1\xa0+\xcai\x1a\xbc\x08_\xd9,\xdc\xb7!N\x08\xa4`|\x87#\xb0\x94Jg\xa3cQ\x8fM,\x91\x88\x01K\xd5XA\xadA\xc0\xc6\x82\x00\x95\xbd\x1f\xdb\xab\xd1\x94\xabN\n\xb9hy\x03\x9a-\x8a\x92\xc1+\xcdX\x16\x88\xa26\xe8\xa5\xb6\xb1A\x99L&amp;..6\xd4\xf6\xbb*\xccke\xe7\xca\xcaD\xc4&gt;\x8c^\xdb\xf13_\x04X`Xc#\x11\x8b\x07\x1b\xa0\x851\xee\x04\xe1\x06\xc7l\xd1(\x9c\x07\xf1\x97\x06yakkii\xa9\xa1\xb6\xd6\xd5\xb5\xd8\xd4W}w\x03\xb2\xea\\L\x8d\xfc\x97R\x82\x9d\xb0\x1e\xd5R0\x85?r\xb1\x84\xd1\x8bF\x8e\xb1A\xb0m\xa4\x1e\xf8\x01\xde\x17\x17\xe2dn18\x11\xb0\x86\xef~u\xf1\xf3a\x11{gk"6\x87\x9f\xbaB\xf6\xa3\xd5$x\x01\xb8Y\x13\\\xe5\xaa\x07\xa4r`\x9a\x08\x06\x7f\x1e\x99\x10\x0bhz\xe05\xd83\xdb\xd3c\x03*Y~\xf3Y\xc0*6\xa8\\\x15\xd4\xdb\xcd\x9b\xe3\x0f7\x94\xcc\x16@\xec\x8d\x02\xbc\xa8\x00\xfa\xd0\xc1\xf7kU\\\xa6Z\t\x02\xae\xcaU\x10\x8bq\xa0L\x0c\xd6\x0386\x86jvv\x8c\x81\xea\x9c\x85wp\xb5\xa3\xb9\x99\xe12\xe8]\x8a\x8a\xe9\xe5\xf0\xfa\xf8]%\xf6E.\x8f\xbb}A\xc6\x05\xef\xa5\x16\x8f\xc1\xe2A\x1cXR\xfd\xc3\xa2B\xaeG,\x00\x032Y9J48\x0b"!\x14XOO\x03R\xb56K\xa5\x8c\\\xfd.\x97\xe6\xd2?\xbf\xfeb|XD\x10\x10\x84\xb0\xb1\xe5\xf3\xb9\xcc\xa4\xd2{\xb44\xe6\x11#x%6\x9b,i\xba\xb5\x85Xzp\xa0X6W(\x13\xcb\n\xcb\x01\x8c\xe1\x01\xb4\xd9\xceO&gt;\x01.\xe8\x84\xadgw\xd4B,\xea\xd2\xcb\x97\x7f\x19o\x12\x01\x11KD\x92\x04\xa4Rl\xeeO)\xe3\xff\xb1Q\xe1\xc0\x0e\x16\\\xb2z3\x98ZTh\x81\n\xc5\x9a+D+\xcfG\x1e\x00\xea\x9c\xed\xec\x04\xacNx\xaf\xb5\xf0l\xb3\xb4\xf9\xecN\xe3RP\xcf_^~\xfa\xa4[\x04\xb9&amp;)*\xebV2\\\xbb\xd9\xff\xdeq\xe0&amp;!\x10\x08\xde=S\x85\xbb\xedBR\xa4\xdc\xf0\xae\xf8i\x87\xdc\x80Z\xc9\xe6\xe6\xf2\xc1\n\x0b\xe1\xd4\xc9\xe8\x94\x97\x07G\x9e\x90yO*\x952jA\xe3Ri\x9d\x80\xf5h\xab\x12\x12;\x82&lt;]w\xbd\xe6\x1cIB\xe8Frwz\xe4\x9e\xab!\x04\x9c\xdd\xf1\x93\xb7\xbd\x97\x99&lt;}\xfaL\x89h\xe0\xcd\xef\x9f\xdai\xec\x85\xa8\xd5\\\xbeP\x08\x07\xc8%\x14vv\xe6\x1d\x07\xfb\xf3q)P\xe5\x0b\xa5X\xe9\x0c`L\x9b\xd7\x02\xd6\xe5\xcb\x8f6H|\xae\x0by\xba\xeaJSUGe\t\xc1"\x99y%\xc1\xee\xb3g\x8a\xf6\xe6;.3\x8d\xc4\xe3\xf1\xb8|\xb2\xa4\xa3\xaf\xaf\xe3\x9ch`\xf3\x8b\xaf\xe7\xcd\x12\x89^\xcc\x885W\x98/\xec\x142zI\x85\xc2&lt;i\x9eP\n@B\xa4:\x9e\x07\x98\xdbm\xde\xa0\xa7&amp;\x9f_\xba\xfc\xdd0\xf3\xac\x0bH\x08\x94e\x95}5\xd5e\x043\x83\xb0\x1b1\xed\tk\xe7\x11/8aM\xf0\xc8\xee\xea\x8e\xbe\x93\x1dSgNW\xa5\x9e\xfe\x0b\xb1$\x0cV!:\x11\xa8\xd0\x95\xd2|!@m\xeb$\x84\x13j\x97\'d\xbc\x08X-\x80\x95\xea&amp;X\x98j\xb2Jj\x1e\xdf\xa8:y\xf7FM\xa5\x087m\x11&lt;\xd4\x8c\xf3\xbf+[\xdey\x8fC\xb0I\xf8\xef*\x9bj\xa6:\xfa\xa6\xa6\xce\x90U[\x8f.\xbb\xcd8:\x94\xcb\xca\xb1\xc1\x83\xfb\x84\x9dx\xca\x83W~~\xb3\x10\xdbT^\x1e\x83\x85\xdf\n\rb\x83^\xa1\xf1=\xff\xed\xbf\xdf\x96\x10\x04\x9f\x83\x99\xf9\xad_\xfc\xeeq\xd3\xc9\xfb\xcf\xae\xd7\x0c\x88\x80\x0cz8K\xb4\x972 \xa6\xd0\x86\x07}\x8f @i\x91\xb2Lyz\xaacj\xea\\I\xc7\x9b\xff\x14r&gt;\xa1mdw\x1c\x17\x087h\xac\x8b\xb4(\x92\xa7\x8ca\xa4`b\xc5\x9b\x05\xcde0\xa2\xc3\xd0U\xb6bJ\x85\x86B\x08j\x92]V\x1b\x19\xc9\x18f\xcb&amp;\xa8\xa6JDW\xd0\x8b\x08\x12\x0c5\x88\x05\xc9Hh\x17#\xa7\xd7\xae\xc9%:y+J\x0f\xbd\x14t\x90\x90z){\xcb\xc1\r\xa1\xa1\xdf\xdf\xef\x8d\x9c\x85\r\xf4\xd9\x96\xe4\xc4\x9a\xf9\xbc\xdf\xff\xf7\xf4\xde\xfb\xdb\xa3\xaf\x1f\x02k\x17\xd2\xda\xdd\xdab-\xae\xef\xe1g\x9d\xf0\x88\xef\xc6\xfb\xdc\x92\xfc\xf8\x9b\r\x94\x10\xb4\xc4\xf9\xc9o\xbf\xcd\xa9t\xacG$\xa2f\xda\x03G\x9a\xb4\xd3\xf9RoT\xcb\xa4\xa0\xc90j\x9e\xff7\xcf\xf4\x93mZ\xcd\x82\xfa\x08\x7f\xae\xa6R\x89\xc4a\xaeT\xc8\x12V6e\xb4\xff\xf5\xe8\xeb\xcfnrx\xd8\xdd\xdd"\xab\xda\\O2\x16\xb9\xe0&amp;\x81\xb1\xfa\x04\x16\xcc\xec\xfe\xb5_~\xf0\xb3/\xee=y\xf2\xcaP#\xc1\xe0Z8\xec\xd7\xf4|\xff\xe8\xee\xddJC\xb7:g\xa3F\x996\xf1{\xa5\x18\xdc\xff\x1d\x1b)/\xcb\xda\x00\x05\x96@\xa2l\xa5\x8dT\xae\xe9:#\xc3\x86\xb0\xb2Z\xaa\xf1\x8fG\xdf\xdd#iQ\xdb\x02\x18Kk\x8f\xb086\x80\x8a^@Z\x07\xe4\x89\x9b\xf7\xaf]\xff\xfc\xc3\x9f\x7fu\xef\xf7\x7f\x9f%\xc2\x01ZH\x97H\xa8\xa6\x9aH\xb7\'\xb2\xdb\xcb\x01p4\xaa\x97#*\xef\x00\xf7J\x82w\xae\xef\xc4@\x80\xa6\x8e\xd6\xd6\xb4r\xadne\xca\x9d\xa1\xec6\xeb)-\x9b\xb5\xb3\xd9T\xfa?\xff\xfe\xee\x8fwn{Xd\\\xbc\xf1\x01d\x1b\xc0#\x91%\x93\x02+In\xb9\xb5s\xfd&amp;c=yU\x06\x16\x02;\x02D\xbani\xaaQ8w\xe5\xe1\xc8\xd2\xd3\x8dN\xa7^\xd6\xfc\xe1m\x8e\x14?^A\x7f\xe5r\xf6/\xb0\x16\xd1\xaa\x85\x9cU-7\x8e]\xb7\xd9\xa8\xdafB\xcdR\xd3\xdf|\x03,\xfe\xc0\xfa\x1a\xb0N\x11H=\x15\x12\x1b\x11y\x8d\xa96v\x08\xeb\xf3\x0f\xbf\xf8\xea\xcb\x9c\xed\xf7\x87\x83\x94\xed\x8b=w\xf2\</t>
        </is>
      </c>
      <c r="M160" s="3" t="n">
        <v>45492.67891203704</v>
      </c>
    </row>
    <row r="161">
      <c r="A161" t="n">
        <v>560116</v>
      </c>
      <c r="B161" t="n">
        <v>1966</v>
      </c>
      <c r="C161" t="inlineStr">
        <is>
          <t>Rafael Borré</t>
        </is>
      </c>
      <c r="D161" t="inlineStr">
        <is>
          <t>Rafael Borré</t>
        </is>
      </c>
      <c r="E161" t="inlineStr">
        <is>
          <t>CA</t>
        </is>
      </c>
      <c r="F161" t="inlineStr">
        <is>
          <t>ATA</t>
        </is>
      </c>
      <c r="G161" t="inlineStr">
        <is>
          <t>CA</t>
        </is>
      </c>
      <c r="H161" t="n">
        <v>174</v>
      </c>
      <c r="I161" t="n">
        <v>19</v>
      </c>
      <c r="J161" s="2" t="n">
        <v>34956</v>
      </c>
      <c r="K161" t="inlineStr">
        <is>
          <t>Right</t>
        </is>
      </c>
      <c r="L16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0879f1c-5da4-4584-b022-d0548c09ac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f~&lt;]\x00\x00\x03\x00PLTE\xff\xff\xff\x1f\x19\x16\xee\xef\xfe\x1b\x17\x13\xf0\xef\xfb\xff\xfe\xfe\xed\xeb\xf7\xfe\xfe\xfe\xfe\xfd\xfd\xf0\xf2\xfe\xffN;\xffL8\xffI6\xacuX\xa3kP\xed\xec\xfa\xff@/"\x1b\x17\xadx^\xb6\x82h/% \xf3\xf3\xfe\xffC1\' \x1c\xffF3\xf2\xf2\xfb\xf0\xee\xf9+"\x1d\xb5|`\xb1y]\xc4\x82k\xbf\x8cs\xc0\x88q\x18\x14\x11\xf0\xed\xf6\xc2\x92x#\x1e\x1a5(!\xc8\x9b\x7f\xabr\\\x9dkQ\xffR?\xc0\x8fv\xc5\x86p\xa7nR\xfc\xfa\xfa\xbb\x8ar\xa3oU\x9fmW\xb2\x80g\xbc\x80g\xabkS\xb7\x85l\xb1~c\xaarU\xc5\x83n\xa8xb\xf2\xf0\xf8\xf2\xf3\xff\xaf|`\xc6\x95y\xb5\x7fd\xbf}^\xa7tY\xc1\x80h(\x1e\x19\xfe^L\x97dL\xba\x7fc\xa9v\\\xc1}d\xac{a."\x1c\x9cgN\xa1hQ\xc6\x89s\xb0zc\xa4w`\xbd\x85k\xfeaR\xbe\x86o\xba\x86n\xef\xf1\xff\x99lW\x14\x11\x0f\x98hR\xa0iL\xfeTC\xbc\x89n\x91aJ\xb2s_\xc0\x8bo\xba\x84j\x9dq[\x8bbM\xc7\x8dy|P&lt;\xb6\x7fi\xf4\xe1\xea\xb5yd\xb1rY\xa0t^\xab|f\xc1\x85m\xb7\x89q\xb5w[=,#\xfeYG\xb0mV\x9ebK\xf6\xf4\xf3\xec\xe8\xf2\x94\\E\xc9\x90}\xc3\x8at\xbazf\xc5\x92u\xa3rZ\xb9z`\xa6r]\x8c[F\xb9s]\xf6\xd4\xdcJ3)\xc5\x8awR6)\xc7\x98}\x99_H\xb2\x85m\x8dgS\x91XA\x92cP\xbbz[\xca\x9e\x82\xa6nYB0&amp;\xf5\xdb\xe4\x85]H\xfc\x8a\x85\xfegX\xf3\xf5\xfe\xfa\xac\xac\xc8\x8bv\xabcNpB1\x93iS\xfel_vJ6\xf5\xce\xd4\x7fG4`E7~XDqTD\xf9\xc1\xc6\xa7fP\xc2\x95}\xfc\xf5\xf4\xc2\x8fr\x83P:\xf3\xe7\xf1jL&lt;\xc2{m\xfdwn\xe9\xe6\xe7\xbeva\xfa\xc8\xcc\xc4\x82e\xfb\xba\xbc\xfb\x91\x8d\xfa\xb2\xb4\xb6nZT=1\x8bQ=\x89X@\xe0\xd8\xd7\x85UB\xfcqj\x81\\K\\&gt;0\xff=-\xfa\xa3\xa7\xfd\xa5\xa1\xfe}u\xf9\x95\x94\xed\xea\xec\xfd\x9c\x9a\xa7XD\xfc\x81{\xfepe7.)\xca\xa6\x96\xd3\xb0\xa2\xd9\xc4\xbdtje\xe7\xdf\xe3\xd4\xba\xb1\xc7\x85nv]N\xb7dQ\x83eRD(\x1eyC/\x84zu\xfc\xee\xedf@/\xc9\x86s7\x1f\x18\xfd\x86}@83`6&amp;\xadc_\x86&lt;:HA&lt;\xee\xe0\xdc\xa7L9\x99E1\xa4XT\xde\xce\xca\x8f\x8a\x87\x8c[N\xc9\x9e\x8b\xf1\xbb\xc1\xd0\xcd\xcc\x94s_\x94F?\xfe\xda\xd7\xf6\x9c\x9c\xc0\x9c\x8a\xf5\xec\xf7\x9c\x94\x8fXPK\xf3\xec\xea\xb8lk\xe9\xd1\xcd\xba\x94\x80\x9cYC\x8b;(\x87m^\xf6\xf1\xfa\xdf\xba\xb0`KA\xa8\xa3\x9e\x96OJe^[\xf8|x\xfe\xe3\xe1\xe6\xc9\xc2\xb1ZH\xb4\xb0\xae\xc2\xbf\xbd\xa0~o\xca\xb3\xaa\xbb\xa5\x9d\xfb.!\xee\xa3\xa4\xef~z6\n\xa71\x00\x00 \x00IDATx\xda\xc4\x99\xcfKc\xeb\x19\xc7\xe7p\x18\x92M\x84\x93y\xe1,\xde$5p\x0e\x84\x1bs\x93I\xab\xb90\xc41L\xd4HT\x94\x89\x03\xb7\x1d\xa32\xfe\xa8\xa1\rL\x06\xbd-\x89\xa0\x8c4d#\xc8@\xcc\xa2\x8b\x14\x8b\x9bPAWn\x02\xcdT\xb1\xe4\xce@\x16\xe9\xe2f\xa1+\x1d\xba\x90k\x10\x8aN\xbb\xe8\xf7y\x93\xdb\x7f\xa0\'\xe33hN\x12\x7f|\xe6\xfb|\x9f\xef\xf3&amp;&gt;x\xf0\x7f\x95I\x94\xd9\x9cDy\xcc\xc9\xa3\xa4\xd9l\xc6]&lt;\xf6\xe0\xde\n\xbf\xbb\r\xb5\xdf\xbch6\xcf\xde\xdfV\x9bg\xbb\x82\x8c\x9e\xba7* \x99&lt;\xfbwg\xcdJ\xbd^\xab]V.\xf5\xf2\xe5M\xf5v\x7f\xd7c\xba7\xc1\x84N\x9e\xa3\xdb\x9bz\xbd\xcc\xcae\xce%\xb5\xacJ\x92\xa4\xd6on\x9a\x00\xbb\x1f.\xa2\xf2\x1c\xddU\xeb\\v:\x15\xc6eU\x91\xb9\xe2t:e\x95\xb3Z\xe5v\xf7&gt;\xf4"-&lt;\xf0R-\xa2\xc8NYrJ\\V\x9c1I\x8e\xc5d\xcd)+\xaaV\xae\xee\xde\x83^$\xd5\xd9\x8d*K\x9aSRT\xaeI\x8a,\x13_,&amp;\x01\xcf\x89\xfb\xe5F\xf2\xcb\xea\xd5\xce\x84\xf77\x92\xa2\x91V*c\xaa&amp;\xc9B$\tt\x8a\x1cS4={y\xf6E\xfd\xd5\xa2\xf2\xec6\x98\xc2T\x81\xc1\xb9\xaai\x12\xb4\xe2z\x88\x1c\x16\x91\x15\x96\xc8\x96+wI\x11\x14\xa6/\x16\x0b\xc9\xa3\xbbJY\xe1\x11IQ\x14\x8d\xa8\x14EB\xef\xb8\x1e\xe1\xaa\xacF$\xce\xf4DD\xbf\xbcM~!\xac\x87\x84\xe5\xd9\xbfm\xd4A\x12Rd\xe0 \x12\x18\xee\xc0\xedN\xce"\\\x91\xd5\x90\x12R\x99\xaei\xbc~q\xf6E\x06\xb2\xd5\xc0\xb3\xc6\r%\x14\x8c%\xc3\xea\x92\xd3\xa9B.g\x0c&amp;\xe3\xa1HHSy\x08]\xd45IS\xcb\xf5\x0b2~\xc7\xc5"\xaa\xf7\xd5\x1a\xe3\x9a\xach\x9a\x1csJ\x12}"\xafK*u3\xa4\n\xfb+\x8cAGEU\xebw\x9e\xces\xe1\x17$\xf7\x1b5MU\x15I\xe3*\x84\x92\xe0)\x04\x02\xa4Q@\x03\xdb\x83\x06\x0f\xfc\x84\xa5h7\xfb\x1d\x9fG\xd2j\xb7\xaaJ\xd0I\xd6\x18W\xe0xb!,t\x91\xf8 \x1ey\xdf)1\x06@YS5\xb5\x95_\xa6\xce\x86\xe8\xfb\x06sRrJ\xa2Y20\x9c\x94\xec" \x90\xa5\x92FXrLf\x9c\xb0d\x8dk\xb5f\xb2\xb3X4\x84\x17e\x99\x8a\x92Tia\xc5@\xa3)\xc4\x18\x93%\x99`\tKU\xe12\xcc\x04\xfcV\xbf\xd85w\x18k\xf7\x06\xddja\xc1^DE\xc1\xa0\xa9\x98H\xa8\x06\x0c\xe8\x86&amp;\x02\x14\xa8\x1c\x0bS\xe2\x9c\xd7\x1a\xfb\x1d\xe4\x12\xd9P\x07\nM]k\xe0Z\xce\xa2A\xa4f:\xd1H\xd8I\x8a\x89\xcd\xa8\x84\xb8\x0e\xc3a2\x90_\xc9\xce\xb5\x11?\xf8\xa8QF\x9c;e\xae3\xa8\x05g\x0b\x83k\x1cC\xa0@%\x9aA\x8c\x9f,\xb00\x14\xba\x86\xafU$V\xbb&lt;\xeb \x96\xd9s[\xa3\xdd\xacpZ\xce\x1c\'\x18x\t\x19\xa5r\xf4N\xc5\xda\x11\x19\xa6p\xa95\x91\xaa\xae\xd3\x01L\x96Y\xbd\xd68\xea\x14\x17\x8da\x85\x93\x9b\x19V\x1fWTFc\xa7\xa2W\x1ca\x80}\xc3U\x05I&amp;!Q)\xce\xf0&lt;\x8bDB\xb4\xcb\xf1-\x97g\x1dZBtj\xb8\xab3\xf8\x89\xe9:\xa3#2S\x11\x02!\x1e\tq\x16B\xa9!\x8e+\xf0\x85\x18\x9c\x8e\'\x18=\xac\x88\xb1\xd0\xca\xcd\x0e-!\xfcg\x8f\xaa*V!\xd7\xcb\t\x9ds\r\xfe\x82\x1c\xc4\xa8\xe36\xc2q\x1d\xe1\xbax\x88xp\x88``\x0b)$\xa4\xcaq\xfa2\x9b:"V\xb2YCh\x87\x18K$t=\x12\xd1\x13\x89D6\x9bM\xa3p\x93\xa0\xbb\xe2\x91D\x96\x9eg\x11\x9d\xbe\x08\xfd\x16\x88\x8cufgS8\\2r\x14\xf4\xd1\xe9\xd7\xa7\xd7\xd6\xd6J\x87\xf9b\xb1\x98?&lt;&lt;\xc4u)\x9f/\xe6\xe9\xfa\xb0\xb4\x96Nd\xffN\x94\xe9l\x02J\xa2\xaf\xac\xda\t\xd3\xe3G&amp;/\xca\x14\xdd\x8c$I\x13B\xb1P\xd8\xd9\x89o\xc4s\x07;\x07;\xa8\x83\x83x&lt;\x9e\xcb\xe1j\x16x\xc4W\x12\x80\xc4\xc5XG2\x82vt\x85\x85\x10\rz\x16\xb2\x14\x0b\x07\x07\xb9\xf8\xd4\x94\xcb\xb7\xf2t\xc5\xebC=\x9f\x9e^XX\xf9npp\xc5\xfb\xd4\xeb\xfa\x16x\x07\xa8\x1d(\x99\xc5L\xf0\x88^k\x1a\x7f\xc2\xa1mxW\xc7\xd01=\x9d/\xec\xe4\xe2\xdb\xd3&gt;\x97\xd7b\xb1\xdbm\xb6\xe5e\xfb\x13\xab\xddj\xb5\x0e\x07\x1f\x85[e\xb3xWV|\xd3\x80\xcd\xbd\xfb\xb0\x86\x03\xbe\x1a\xd1Ye\xd7x\xb9L\xe6\xa3\x06\x94\xe2z\xbap\xba\xb1=\xbd\xb0b\xb5Z\xe6\x97W77W\xfb7Q\xb6U\x9b\xcd\xe6\x1fX\x1a\xe8G\xed\xed\xf5o\xdal\x00\x1d\x1c|\xea\xca\xcd\xbeK#&lt;"\x8c\xd7\xcfLfS\x07\x0c\x0f\xa9\xf4lq{allx\xd8n_\xa6\xda\xec\'*b\xc1m\xff\x10\x80p\xd1\xba\xbbl\xb7[-\x96\xa7\xaeg\xbf\xfb\xa0c\x14\xb9Zn\x1a\xdfDs\xf2\x82a\xf5&amp;\xf2\x1bc\xc3\x8b\x8f{m\xa0\x02\xcf\xef\xfb\x87\xfa\tfO\x90\xe0j\xa8\xbf\x8d\x88Z^\x9e\xb7X,\xde\x91g\xef\xb2\x08\n\xae\xea\r\x8f\xc1X0\xc5\xfe%\x05d\xfadaxx\xb87h\xb3\xad\n\x95\x86P{{\x0e\x07\xc8\xf6\x005\xd4\xc6\xeaoQ\xcd\xf7\xa1\xbc/\xfe\xb2F\xcbJ\x8dT\x8e\x0c\x96\x0b\xaf\xa1okX}zic\xb1w\x14T\xaba\xa1\xce\x80\x83\x98\x02\x81\xe3\xbdv\xb5\xb9\xc2\x845?\xff\x9b\xbe\xbe\x9e\x9e\xbe\x9eg\xc5\xacN!qi\xf4\xa9\x0bs\xd8\xc0\xaaa\x89\xfc\xf9boo0h\x0b\x87\xfd\x03\x03\x03\x0e\x87\xe3\xd8\x1du\x7f\xdc\x8a\x02\xef\xf8\x18\xa2\xb5\xb1\xfc\xe1\xf0*ZHT(Wn\r\t\xac\xf3\xda\x9d\xd9\xe8&amp;&amp;\xab\xa0*\xa7\xaf\t\x0bC\x17\xf6/--\xb9\xa3\xd1\xe8\xd6\xccVtk\x0b\\\x8ec\x94C\xf4\xf1\xcfo\xfc(\x9b\xdd\xd2\xa2\xea\xf3\xbe\xcdc5au\xd2\xfe18\x1e*4\x86\xe9\xc2\xc20Q\xd9\xc2\xe3K\xd1hjff\xe6\xf5\xeb\xd733\xc0r\x07\x8e\x01\x16p@C\x90\xf9\xc7\'^\xce\xbd"\xac./\xb0\xa6\x8a\xe9\x04\xed\xc9\xea\'\xa3\xb1\x92\x15\xbd\x8c\x95SX\xf8\xe6IK\xac_\xa5R3\x99T\xe65q\x11\x96#\x00\xc1\xf01\xe0\xf7\x0f\x8c\x8fOLL\xb6\xb1\xbazz\xbc\xae\xd9R\x9a\x96y\xf5\xc8x\xacr\x1aK\x07\x83\x08\xac`\xd8?\xde\x1d%,RKp\xb9\x1dnw  \xb0\x06\xfc\xe3\xf8777\xdanb\x8f\xd7\x97;\\\xa3s\x06\xe5\xbc\xd1M\x14\xab\xf0t\x8c\x9a\x18\x84\xe3\xc7\x97R\x19w4\x836\xa2\x95\x99\xa8\x9b\x8a\xb8\xa0\x96\xffO\xfe\xb97\xaf^\x91\xb7\xba\xa8z\xbc\xf1"\xed\xec\xac\xe1j\x99\x92\x95\xda5\x164\xc2\xd4&amp;\xb0\xc2~\xff\x92\x1bd3d\xf9\x99L&amp;\x15\x05\xd9\xb1\x9b\xcc\x05\xae7\xa0ze\xed\x13M\xa4\xda\xc6\x91\xa2TJWv\x8d\xc6\xf2TK\xd786\x9c\x0bk\xb5\xc8\xb0\x02S\x99L\xc6\xed\x86\xb52)wK/\xf2\xbc\xc0\xb2\xff\xb2\xd5\xc2\xae\xae\x17]/\xb6q\x92\xc8w\x04\xabq](\x14N\xa7a\xad\xde\x16\x98\xc0\x8aRF|\xa4\xcfn\x04\x86\xa0\xa2A|\xb3\xfa\xca&gt;/\xa4"\xac\x17/\xa6r\x85\xe2u\xbed8\x96\x19X\'\x85\x93\rr&lt;\x1dfla\x81\x85\xe4\xca|\x8c"\x18\x10\xaa\x0e\x98\x1e\xf9:0\xd4?\x14^E\x98\xb6\x8dEX.W\xbcP,^\x97\xaaF[\xde\x94\x04\xd6\xc9)a\x81\x8a\xb8\xb0\x7f\x10\xf3\xe0r\x7f\x84\xd3\x03" \x1c\x02\x0b\x81*v\xcf\xcf{\xa0\x13i\x05\xac\x8d\x03\x92\xcbp\xcb?H6\n\'\xa7\x84\x85\xc3\x03\x0e56\xb1~\x1c\x81\xe8V4*\xb0\xdaP\xa8=\xea\xe3*\xf4Z\x86^/Z5\xb2}z\x02\xae\x8bO\x86{\xeb\x02b]\x9dS&gt;\xd8-\x96e\x9b?L-\xc4\xda\x99\xd9\xfa\x08.w\xa0\x9d\x0fB4\xb8\x1e\xb3\xba)\xb8~+\xd4\xda\xce\x9d\xc0\x9aM\xa3\x97\x8f\xc9|[9\xbd\x02\x16Y\xcbn\x81\xb1\xfc\xe3\xeen\x81\x05.!U\xc0\xdd.l\xcb\x81\xff-E\xe852\xe2rM\xc5\x0f`\xcd;\x8f\xd1qj:\xbb\x02\x15\xac%\x9a\x18\xa4\xd8J\xd1N\xa48\xdd\xa2\x11\x0c\xfc4\x91\xee\xa5\xee\x89\x89\x97/_&gt;\n\x8eZz\xdaX&gt;\xdf\xf6\xc1\xc9I\xe5\x07\xe3O\xa7\xfb\xd5\xab\xf3\xf3\xc5\xc7p\xbc\xd5j\x0b\x06\x1fMNP\x96\x8a\xdd\xb3\x95r/\x05\xdc\x19:H\xb8\xa3\xa9\xee\xee\xee\x89\xc9\xc9I,\x9f\xe1\x15\x17)52\xe2\xf3M?\x87\xb9\xaa\xef\xc5\xfb\x10\x0f\x1f\x1a\xd4Az\x7fy\xf7\xe2\xea\xfc\xf3\xfac\x9b}\xde2&lt;::\xda;\xf7\xf5W?\xcb|\x95\x01\x18Vc\xaa\x1b{\x08\xfdD^@\xaa\xc9\x97ss\x8f\x17\xbf\x99~\xbb3;\xbb\xf3\xed3\x97\x0b/\xdb\xa67NN.Zo\xa2\xe2\xe7\x19\xf5W\x0b\xb3)\xd9&lt;\xbd\xfa\xbc\x1e\x84\xb1\x06\x17\x17\xbf\xf3\xf9V\x16\x17\xd7\xd7\x7f\xfd\xf5D7\x98\xf0\x91\x8a\xa6\x10\xf9$\xd5\xe4/\xc046\x1d\xdf)\xe4\xf1R\xfb\xf0\xc3l|\xca\xe5\x9a&amp;\xac\xffxL\xed2\xea\xef\x86\x1e\xb3\xe7\xdfWW\x8b\xebA\xdb\x93\xc1\xb1\xe7\xdb\xb9\x9d\xc2,^E\xc77\x9e/,&gt;\x9e\x9b\x9b\x9b\x9c\xe8\xa6\x9a\x18\x87\xa3\x86\xc7\x16\x9e\xc7\x0by:\xca\xd0\xfb\x118\x0c}\x0b\xb5\x16N\x0b\'\x7f\xf5|\xfa\xe7\x8f\xff\xfa\xdel2\xa0\x8dh\xa0\xf9\xd3\x8f\x7f\xfb\xc7\x1f\x7f\xb8:\xfd\xbc&gt;g\xb3\xael`\xc1\x95\xd6\xe8\xa4\x92.\x1d\x16\x0b\xb9\xb7\xbe?X\xffK\xab\xf9\xbd\xa6\x95\xa6q|o\x86x\xd3\xc0\x98^nSa\xc8\x9e\x90X\x7f\x9d$\n\xdd\x10\x8b\xd1\xd4S\x95\x888\xd4\xd3\x98\xeaj4\t\xe7\x14\x8d\xe3\x8fC"\xa6:Xr3G\x914\x83\x1b\xa4\x07\xbcr\x0c\xd2^-B\x93\x96fm\xda&amp;R\xcbF[Zhaa\xba\x19\x1dR\xa6\x90\xc0\xce\xcd&gt;\xef\xb1;\x7f\xc1\xc9\x13r\xa3\x17~\xf8&gt;\xcf\xfb\xbc\xdf\xe79g\\e\x81Py\xc4\x13\x83\x0e\xf8:\xce\x9b\xf7\xab\xf5\xc5\xbd\xe5\xe5\xf8\x83\xb5.\xd6\xd3GG\xef\xbe/\x19v^\x08\xd1%@\xac\x8f;\x0c\x1bz\xf4\xe6\xfd\xd3\xf7\xab}\xe3b\xdb\x06$\x07&lt;\xddy&gt;\x06\x16\xe3w]1\xe3\xc4\x054L\x8f\x8b\xc3\xf6\xb5{\xf1E\x18t\xae\\\xb9R\xbf\x83r\x08\xb1as\x86\x9dO\x7f\xdc\xd0\xe0U\x96\xaa\x95N\x84h\x13\x90\xc1cm\x91\xa91#\xd9\xdb\x80\xa5\x9c\xb2\xe7\xa0d\x96\xf7\xf6\xf6\xeau\x98f\xae^\x1dX~\x90\xab\xe8\xa4\xe7P?\x93\x1bc\xb9\xf8^\x1d-\xe1\xea\xf5\xbd\xf8~\xce\x05E\xefZ\xb3;\xe7\xe6\x9enl\xb5\xab,\xceV\x9b\xef6\x05\xc1\xfa8|Z*\x1a\x8a\x0bF\xa4\x96\xd2dw\xc1\x8fe\x1a\xf18\x82\xab\xd7\xbb?\xbfE\xf7\x8e\x9d\x1b\xeb\xa5\xb7r\x8d/\x1f.\x83T\x8dF\xc6U\xd9\xaa\xc4\xecNH\xe2\x86\x11\xcf\xe3\x08\x8b\xfb(\x04V\xcfQ\xb1\xc6\x84\xb4Z\xbf)\xfb^\xd9\xa7\xbc\xac\x98M9\n\x99\xfd\xfd\xbbhG\xb4\xc7G#S\x08 \xaco\x93\xeb\xfb \x16R\x12m\xe5\x96Q\x0e\x0b[\xb1\x98N\x11\x0e\xcf:\xe4i\xdc\xeb\x05\xac\xdaQ\x8fH\x00\xac\x93Z\x8d\xd1^S\x0f\xfb\xcd\xb6\xd5\x11\xa5\x1e\xa6\xf7\xadg\x99\xcc\x83\x9f\x06\x1e&gt;\xfcz\xe0\xe5\xddF\x03\x89\x12\x90\x82\xb1\x90&amp;A\xc5\xbdx\xe3\xee\xbf\x1e\x9e\xff\xfa\xfc\xf9\x97w\xee&lt;\xd8_\xdfr\xe8\xec\x80\x95\xb5\xcb\xf3\x14\xe9eO\x9b\xa7\xc7B`\xfd\xe9\x18\xb0\xd4\xc1\xa0\xda?\xea\\\xb5\xf6\x89\xe5rc\xb2\x90\x89\xff\xf4\xf9\xe5\xc0\xf9+\x8b??\xffq?\x03\xa9JJ\'U\x93\xe7\x92\x99}\x04\xf9\xf4\xf1\x1d\xa8\xba\x87\x9f?-/\xef\xbb\x00\xcb\xa6\x08\x9bm\x83D\x9e\xf4\x90\xf8i\xb3)\x08\x96\xe8\xf8\xb4VR\xffp\x00\xc3\xc3\xd4\x88u|tB&gt;\x98(4\x1e\xfc\xf3\xf9\xe7\x81z}\xf1\xf1\x7f\xef\xe7\\\x95@ \xd9\x1bQE\xc6\x92\xb9\x0c\xc4\x8f\xb7\x9f\xff&lt;P_\xfc\xf4\xf8\xfe\xbd\xc6\xbe+\xe6\xd0)\xe4f\xb3\xd3HK\xbd$\x89W\x05\xc2BI,\xaa\x0f\x0ev\'\'\x95#\xd6\xbe\xf1\x0b\x13r\xba\x9cs\xbd}\xff\xeb\xa7x\xfc\xde\xaf\xa9\xf2\xfaz\xd9\xa8\x0b\xe4\x99\xc9\x08\x95\xcc\xb9\x00l\xbdr\xfb\xfe\xbd\xbb\xf7\xee\xdf\xaf\xc0\xe9\xa8\xc4t\x83\n\xb9^3gl\xd3\x94\xd7KU[\xa7\'\x82`\x1d\xd5j\xdc\xeeA?\xc5.(\xad\xd33\x93\xe3\x97\xd3\x83\xba@\xecm\n\xfe \x02\x80Up8\x02\xf9H\x88\xa1\x12\x85\x1c\xc2*\xc4b\xe8\xab\xb7\x95B%6\x9b\x1a\x0c\xcb\'\xc4\x9a\xb9D\xa7S\xa5(o\xb5U:\x14\xe4$\x1er\xa7\xdc\x81\xba\xd4j\xe1`\x1b,}\xe3\xa3\xfap8M$tv\x9b\xcd\xae\x03\xaag9W,\x96`#\xc5\x92\x97.\xe4\xe0\x8c\x02W2\x06\xa4\xb1\xad\x98#\x95\xb5)\xf4z\xbdXc\xd6u:m\x96"\xab\xad\x95\x17\x82\xf4\xad[\xc1Sn\xd7Pj\xb6\xf0\x91\xf9i\x8bj\xa6O\xe9\xf3M\xe9\xd3r\x820\xd2\x89d\xb9\x02\x11\x0b\xd0l\xa9X*\xe5Qq\xdd\xcb\xb9\n\xe5r2\x10\x088\x80\xdc9\x17\xd5O\x89\xa74\xe6p\xb9\xd3\xaa\xb2\xa0\xd6\x8e\x10\xcf\r\xe0J&lt;\xaeq\x1cSkVU\xb2y\x99U\x05\x0eouU9&gt;\n\xee\x06K+\x14vH\xa5.A\xe7Y\x8aaJx\x00\xb2\x98s\xad\xbdM\xa5\xec\npY\xe69gX#\xbe,\x9e\x02,\r\xddi\xb5\xaaT\xb5zrI\xf4\x95\x10w\xe2\x11\xc7\x15k\xa7Mv\t\xb0\xae\xf7Y$\xd3###V\xeb\x88Ufu\xfb\xa26\xbb\xddH|\x9b\xc7\xd9\x12\x8fU.\x17\n\x95J\xcan\x0b\xa7\xa3\x1a\x8d\xcf\xa7\x11\x8b\xc5&amp;\xc0\xf2i\xa6\xf0V\xa7\xd5\xa6X\xf2P\x90\xe5[O\xcf\xdf\x82\\\xa9\xda\xac\x96\xbe\x03,\x99\xd5"Y\x92\\\xbf~\x11bE\xe6F\xce+\x8d\xf3Q*\x16\x19&lt;\x91D\x11K\xd9\x9c\xd1t\xdadR*\x95\xa3\x7f6y\x80\xcbg\xd6`\xedN\xa7\xc5\xb2\x7f\x87\xf1\xe7+!\xb06\xb7\x8b\xb5f\xf3\xd4\xff\xdd\xfc\xfcE\t8\xab\xa5\x9b\xdf\x0c\r\r}3\xb4$q\x9b\xb0(v\x81\xf4R]\xac"E\'\xa1\xa8\x12:B\x11\xd5\xe81\x93\xbb\xcf\xdd\xd7\xe7\xf6\x98LS&gt;\x9fY\x8fWA.\x96\xda\xd9\x14\tc\x03E;\x08\x8b\x1d\xbef\x9d\x07\x8d$\x92\x8bh\xd5v\x13\xbc\xb2\x05~\xd3\x13\xf2\xf0X\x14\xba\xceK&lt;\x96\x8eHc\x98\xd8\x04TP\x873n\x13\xc2\xd2\x98\xa3x\xb5\xd3i\xb2\xa5#\x91@\xeeTt\xcc1\xd5\xe6i\xd1\x0fXC\x17\x91Z\xc1\xe0_\x83\xc1!d\x91U!w\x88\xe4\xc5b\x0c\x80\x95\x87\xa3\x99L\x10iRLz\xdc\xee\x99\x19\xb4\x14\x84\x99D\xe3\xd3\xcc\x11\xf4\x87\x16\xe4\x90;\x14\xca\xcb\x8bN8C\xadZ\xad\x15GVeH\xad\xa5\x15~7\t&amp;~i\x98\x0b\x81Z\xe0X\xa8R\xc4\xa0508\rE\x9f\xa0\t\x8c$=\xc0\x05\xe1\x81\x9a\xc74\x1a\xb33\xf0\xa1\x9a\xcf\xb3\xec\xb609DG\xf1p\x85\xeb\xd7\x1a(\xca\r3\x058v\xc9Jw\xe0YATEh\xee\xf9|\xde\xcb\x00\x966\x84\xd3\x89r9\x90\xa0\xd3@\xe5\x01!=n\x93\x18\xc3\x00k\xceI\xe0\x0b\x17p\xd6#P\x0e\x91Z\x9b;E\xf5\xcd\xe0\x0f~+`\x81Z]\xb9\x00kE\xa2\x0e1p\xfe\xe8&lt;\xc5D"\x86\xdd]\x03\x95\xa7\x03\xc9$/\x97\'\x14B\xdb\xb7?\xb0\xa4\xde\x0b\x18Nmo\xf6\x08\x85\xd5#:\x0c\xf6/]\xbb\xb6\xabZ]\xedb\xa1\xc9\xf5&amp;\x0c\xab~.\xc40^Ha$4\xa9U\x1f\xecr\x0c\x9e\xcf\xd3\x89@\x80\xc01$V\xa8K\x85\x92\xa8\xe8\x85\x02\xac\x05\x0f\x05{J\x86\xe4:\x1eV\xfb\xc1\xd9\x00\x96\x8c\x1f\xbd\x86\xaf\x1d\xac\xac\x0c\xab\xa1\xcf\x16\x19\x8a\x8a\x00\x95j8\x18&lt;\x18\x0eai)\x0euO\xe7q^\xae.\x96\xf8\x0b\x16\xcb\x9c\x08\xf7\xc0\x1a\xcd\x9b\x1f\xdf\xa1]\x0c\xaf\xd6\xf4\xf44\xff\xa4\xe0\xe0@\xdd\xcfi\x01\xcb\x1bA{#\xc3\xf0_\x82j-\x99&amp;\x80\x88N\xb6i\xb8\x8c\xf8\x1cb\xffWK\x8aS\xb5w/\x04|\xa4\x88\xd2xr\xc0q\x9c\x05\xa9\x05X\xd3\x92a\xb4oS\xab\xb5\x90C\xd2\xbb@\xb5\xcb\x01\xaa\xa8\xee7D\xbc\xf4zf\xbd\x9dH\xb6\xc1,\x94\xd0i$\x91Zp\r\x99\xc38E\xa9\x8e.\t\xd2\xe1\xff\x98`{6\x8f\xfb9\xb5\x1fu\x08\xd9\xb4E"\xf1\xf7\xab\x81\xaa\xdfPd\xc8\x05/\xde\xee&lt;[O\xc0\x9d\xc8x\xf1B\xa3\xd1A\x8d\xbe\r\x05G!,H!\xa6\x07\xac^\xe8!;\x9b=\xc2Qu\'\xeb\x17;\x1cgp\xc3I\x94Y,\xd3\x80\xd5\x0fZ\x19\x0cLi\x81\xf4\xe6\xdb\xe5\xf5$\x01\xa5\xc3\xe6\x13\xeb\x99\xc6\xb3B2\x91H\xd08Xd\xd2\x04X\x98^o6k\x08\xb6\xf4\x0enC!\xb1\xf84\xbe8^\t!\xac\xeb3\x16\xbf\x9f\x7f^\xa1\x05\xb1\x98\x05\x92\xc4\x88@9`T\xf4\xd2\xed\xc0V\x01\xcc)4.p:8Xd\xb2\x9b\xc3h\xd4\xbc\xfa\xfb\x13\xb4}\x10\xfe9\xa7\xe8\xd2\xe1\xd1\xa3_\xa0\xe4g\xa0\xe4\x11\x17`E\xbe\x87\xc4\x91dZ\x01\xfe\xca\x06\\\x8e\n\x8c\xd1\x15h\xa7\x04\xc1cy)\xec\x0b\xd6\xbf?\x8az\xce\xe0\x9d\xb7\xee\x9b\x9d\xb7\xb6\xe7%\xd3\x16\x0b/\x97\x9a\xdf\xdcz S\xe0\x06\xb3v\x85m0\x9dN\xbd\xdd\xd8\xd8\xa88t4\xd1\xdb+\x85&gt;EQ8\xe2\xd2O\x98\xb7o\x9d\tV\xb7\xc0n\xfd&gt;\x0f\xe7p\x06\xb8\xf8U\xf7dd\xdcd\x02-\x9c\xe0\xeam\n\x1bXU\xbbcmmm6\xa5C\xde\xb4W*\xedB\xa5\xf5\x13\x9a\xed[\xa2\xb3{\x7fk\xf3\xc9&lt;\xdab]GGQkPE&lt;&gt;t\xad8\x9d\n`\x0b\xdb\x80\x0b\xd2\t\x8695\x9b\xca\xda!\x88\xde\xb11\x046\x11\xf5=\xb9t\x86o\xbb\x89\xde\xc8\xf8\xbb\x1a\xb0\xb4Z\xed\xa4\xc97\xe7\x9c3\x87\xc3\xd1\xa8\xc9\xe3\xf6\x00\x1aFb\n\xe3\xa0=5\x0b\x91\xca\xce\x1a{\xa5c\x13\xfcQ\xf4=\x12\x9d\xe5\xbb\x81\x87\xbf\xc8\xbak?\x8b_\xab\x1a\x87v\x04G\xdf\xa44\x99\xd0EC\xf2\x81\xa5\xd3\n{\xf6v*\x95\xcd\xde\xb6\x13Ri\x1a\xa04Q\xdf\x9b3}e\xf1\x1f\xdb\xb2\x1b\x92\x1b7$_\xb0\x00j\xea\xb2\x1b\x95\xfd\xabW\xaf\xfeC\x96^\xbdz\xfd\xfa5A(\x06!\x836[\xd6n\x94J\xe5\x13\xd0\xb6\xe6\xe6\x0f\xcf\xf0\rOh\x12Od7PH\x10\xd6(X\xe1\x89sb\x0c\xcf\x03L\x15\xfe_\xff\xf6\xe17&gt;\x12\t4#f\xb3\x83ry:\xaa\xd7\x98\xff\xc7\xcb\xd9\x86\xb4\x95fq\x1c\xc4\xbch\xbd\x11\xee\xc5aR\x12R*\xd8TL\xaeqn\xc4%\x86@b\x08\xb9\xe4\xa5n\xd0$D\x83\xcd\xa8kqm\ncj6,\xben\xc5F\xa4\xbeD:\xce\xf8\xc2XB"T\x8dX\xb5\xa2\xb4b?\x0c\xe2\x07\xa1R\xb6\x85\xca\x8e:K[?\x8a\xdd\x0f}\x9b=\xe7\xc6\xf6\xcbv\x87m\xd7\xf4\x10\x83~\xf2\xe7\xff\xfc\x9f\xf3\x9c\xe7&gt;\'\xd6\xed_N%\x96\x807s\xe0ry0\x8d\x7f\xb2\x15\xa9L&amp;#\xdb\xd6v\xf8\xcb\xfb\xf8\xfb\xf6\xf6/\xdb\xdb\xdb\xc3\xdb\xc3\xc3\x1b\xc3W**\x10\x8b\xc6\r\xd1\xfaZ\x98R,\xa8\\\x8c\xcds\x06\xb7k[\x91\xd6d\x14u\x8e\x0f\x0f\x03\t0m\x7f\x88\xfe\xfe\xfe\r(\xaa\xe0\xfd\n\xba\xb00\x00\x8b\xb5}&amp;\xc5\xd3\xc3\xc2\xb5\x06\xc6\x85O\xba\xab\xf0RG\'2\x9b\xd9\xae\xc3\xc3\xc7\x0f1 \x8b\xf8~xx\xfb\xd0 7W\x8a\xe4r9`\x81Z\x8e\xfd\xcb\xa9\x1ej~t\xc0\x94{\xf0N\xa7\xa8LB\x12\xc5D\xad\xd4r\x0e\xec\xfe\xd3O\xcf\x9f?\x7f\xf8\x1c\xdf\x1e?n\x82*\xcf\xe2\r\'-\xc2\x13\xa3u\xe0\xb5B\x98\xd2\xd1t\x81\xf0\xd9\x81\xaa\xdc\x85\x17(EeWk\t\xa2\xb6\xf6\x92D+\xf9\xf6/\xdfq\\H\xf5\xf0\x87c&amp;Q\xa5\xbc\x12Ve\x8b\xb5\xce\xf1 \xd5X\x82g\x07\xf5*\xa6\x1cN\xa5eeW\t\xc0\xbatI"\x91B\xcf\x05m\xcd\x8d\x1b\x8fo\xc0!\x88\xad\xac\xe4\xa8X\xd6\\\xc9\x8a\xba[\xac\x8e/\x80uy\xdfT\xa2SU\x15i%W/I\tB\n\\\xd2\xe2\xe2\x02\x11\xdb\xd69;{{\x1az\x1a\x83\xdb\x80Tr\x83\xd9`f\xd9\xee@\xf5@\xf5\x97\xc0\xaa\xb7\xb6X(\xc0\x92\\\x02k\x81\\R\xbc\xce\xa4\xe5\x06\xf7\xf5\xd9`\xd0m\x800s\x17\xc1\x06\xb7\xdb\xc0\x8a\xe8B\xc7@\xddZ\xca\xb1F\xf7\xd5\xd6jRK\x95}\x8bX\x18\x04N.\x16\x8b\x0c\xee \x84\xbb\tSXY\xd9\x84Tn\xb0&gt;\xed\xe8pXS\x8fu\xf9)`\x15\x92\x17q\xa8\x80\xe0\xa6\xc6\x00\x0c\x04+0\'\xb1\xcch\xac$U\xb0\xcd\xcc\x8a\xa0C\xfc\x02X\xbc\xcbO\xb5&amp;k\xa0\x90\x94\\\xfd\x1b\xaaE\xd3\x9cXR\xe9\xb9n\xd6\x00-\x8d\x01\x17!M\x03\x95\xd7\xeb\x06,\xb6\xcb=PX\xf2\xe4\x0b\xa8\xa5\xd5\x98L4[{\x15-\x0f\x9b\x8b\xceHJ\xa5\x12&lt;\xa6vw\xb7tC\xff\x00\xe5\x81Mb\x19X\xd6\x1dtW\xc8K^\x08O\xf4h\xf1\xd1gp\x94Z\xad\xd1\x89DX\x1a\xa4:\xa0\xd2\xe9\x8c&amp;K}\xbd\x05\xbeJ\xa0\xe7\xea\xe6\xfa\x07\xe8\xb9\x82]\x15f\xf74^\n\x97&lt;\x12\xa4\x1eK\x0bX$Y\xfc\xcd\x9f\xa14\x90\x81\x96@uu]\x89\xb5\xa4\x04\x1a\xd5\x92\x92\x96\xba\xbaj\x07 ux\xa1yv\x1b\x82\x1c\x95\xbc\xfe\x8b`\xa9\x80\xcbD\x14\xfc\xf0M-A\x06\x92\xc3\xcc\xd0\xa4\xd6U\xff\xa3\xda\x1a\x80\xb6~\xa0\xa3\xc3\xfb\xf3\xdc\x1c\xf4\xf4\xc1\xd9i\xb7Y.\x17!V\x8a?\x7f\xa4\xb8GQ*\x04#DM\x95\x05\xc5t!B9@0h\xa0\x1d\x8ej\x0e\xea\xba\xd7;7\xe7\xbd&gt;\x0bT\x06\xc0b\x93X\xa9\xdc\xab\x85\x8a\xfb\x94\n\xb8(JCT\xb65\x89X9`\rt\x0c8\x02\xd6j`\xf2v\xbc\xa7\xba9;&gt;\xdey\xc5\x80Xt\xfd\x1a\x9e{R\x98GP\xeb&gt;Ei\xb5\xea*\x1b%-6\xc0A\xb5\t\xbac`\x19p\x0c8\xe0\x1b\xc0\xf2\xce]\xf7\xce}_S3&gt;&gt;}LE\x97\xbcY{\xa4H\xd5\xe7\'y&lt;\xee\xd3\xdd\xf7)\x86\xd2R6\x9c-\x00.\xbcB\xe9B\x8d:\xba:P,\xaf\xf7\xe6\xf77o\xd6\x0c\r\x1dS5U\x8a\n\xba\x8d\x07o\xde\xcc(Nj0\xe3?\x8f\xaf\x8a\xcdM\xc5\xfd*eU\x15\x85/J*\xc2G\x92\x9d\xc1iXv7\xc1\xe2h\xa7\x1a@\x1a\xea\xef\x1f\x1a\x9f\xee\x84\xbdQ\x84T:\xdd\xabW\xffL\r\x17&gt;L\xe2)\xa2\xe1\xc8\xfa\xbeK\xc9PU.\x17\xa8\xa5!\nDm\x9d\xb7!\xc6k0\xc6\x87k\xa0\x89\x1f\xde\x00\xaa\x9a\xe9\xe0\x15\x83\x99\xab\xf8X\xd9\xea\xac\xaf^?;y.\x9e\x80\x07g\xea\xd8\xe0\xf2\xc4\x1b\xb5\xcb\xa5tq\xc1Pj\x02\xd6#\x80\r\x0fCK\xcf\xc5\x06\xc6P\xcd\xf8\xf4t\x10*\x96\xc8,\xa2u\x88\x05\xf1\xe6\xd6\xddM\x05O\xc0;\xd9\x07\\@\x15YY\xf1\xdd}u\xcecs\xc1\x91l\xcc\xa3t\x95\xc3r\xc4\x19\xad\xb6\xe9\xa1\xa1\x8d$\xd1\xc6F?\xda\n6mp;-\x876\x10\xb0`\xdb$t\xaf\xfd\xeb;\xbb \xd8\x89q\xf1\xc0\xecB\xe1hO,\x1c\x13\xaf\xbfR{lU\xc8\xe5\x92)\xcb\x19J#\x95hH\x9c\xd5\x0fNc\x16kj@&amp;\xa8\xed\xd0v\x99\xe1\xf4AC\x12\xe1\xf8\x8ad\x9a5\xbf\x7f\'\xbe\x8b\x036\xbc\x13\x82B\xac\xcd\xd8\xf2d\xb8G&lt;\xd3\xae\xf5xl \x96\xcc\xa5T\xca\x00\x8b\xd4@i\xc5\xb2\x1f\x80R \xef\x1a\xa8\xc0&gt;\xcb\x80s[,\xcb\xd2\x81\x00\xe6\x8f\xd0\x11\x84\x1a\xb0n\xc5\xb7^\n\x85\xbc\x13\x01\xe3\x9e\xb8m\x8e\x84\x9d\xf3\x8d}g\x93X\x102\x99\x0c\xb0\\\x8c\n:B\xad\xb6\xca\xe6\xa2\xd4&amp;d\xab\xb3\x16VT\xc8qd\x8b\xa6\xd1W`\xacb\x1d&amp;Q\x05X\xfc\x7f\xf5.FG\x85\'`0\\;\xc2\xd1h\xbc\xf7\xfc\xdby\xfb\xc8i\xf1LC\x19R\x8d\x8d5\xe7\xe7\xe7\x03\x1b\xa3\x81\x82\xaf\x85\x85\x99\x9f\x0fVk\xaf7\x19i\xf4\x94\xdcL\x07\xba\x93\xe9\xd3\xe9\xb8\x0e\x16\xd4\xe2\xf3\xfd\xbfe\xd9\x17^*\xfe\xdfQ\xa9\xe4\x10\xd8\xe6\xd4\xaa=\xb1\xe2\xcc\x1a\x8c\xa4sXc\xc8\xd5\xdc&lt;\x86`\xe5*5N\xe4y&lt;\xa5\xa5\xf92\x17b\xe9\xa0\x07cEr\xdah$MF\x08"\x89\xa5Z\xe3\xf3\xf9\xd9\xefN\x9d\xb2o\x8d\x8c\xe2\xff\xd6\xf8l2\x1e\xb7\x007w\xe3\x83G}\x91\xd0d\xe6d\x8fX\xbc\x8ej\x8dA4\x97\xe6B\xe4{\xaa(\x8ab\x18\x97g\x0c~\x961\xd0\xf2\x10\x05\x054v\x87\xa4\t\xdaE\xd2\xc8-C\x08\xf5\x03?\xc4\x0bgc\xdf\xbbD\xfc\xa5P\xf0\xd9\x8aq\x9b\xcdhti5\xf1.t\xf7ld\xd5\xb9\xd2\x93\x91s\xeb@kC\xa9\x9a\x9bK9\xae1\x97\r/3\xe1\xfc\xdf\xdcZ\x9a_\xae6\x19\x8b\xbb\x8b\x8b\xc1S\xa4\xc5\xa2V\xd5\x9bL\x88\x05\xe6\x92\x12?\xce\xf0\xfdw\x1f\xf5f\xf6\xf9v~;\x8am\n9\xef\x7f\xd6\x02\x14(^.L&amp;\xe2\xd1[w{\xa2Kz\xe7\x96/\'\x87\x7f/\x89UZ\n\xaf\xd2\x1fs\xf3e\x17l\xe5\x10\x17.\xfc\xb55WF\x91\x18\xc4\xb9sF\x93Z\xa5joW\x99H\x82;\x1a\x11\xa4\xb1\xe1\xc9i&gt;\x7f=\xf1\x95}!\x12zw\x14\x07\xeb\x7fr"yH\x05\xa5*\x1a^\x8dG\'&amp;"Sa\xfb|V\xe3\x96/#\'\xe3\x01c\x1b\xe3\xb0 \xf2\xf2~\xcc\x95\xc9\xe0\xe4\xaft]\xc0\x9b\xf5\x8b$A\xaa\xd5&amp;h\xebIS}{\x03\xc3\xa84\x1c\x16\x0e\x85\x1a\xf7\xd7\xb3\xf9\xd9\xeb\x89\xf9\xb7\x99\x931\xdf\x8b\xa5\xc4\xf2\xee\xa8\xf0\x93\xc8\x92\x95J\xa0\xd8]\x1e&lt;\xda\xf1\xf9F\x96V\xed\xce\xac\xb7I\xac\x9c\x99\xfc\xa4Z\xad\xa5\xa5\xadyy\xad\xa8\x17\xecCg.\xd8\x8a\x8a\xca\xe0\xb7[,\x16\r*\x86c\x96\xc7X\xa8\x15I2O\xb2\x01+d\x9f\x7f\xfbu\xa6&gt;\x1c\x05\xb0\xa3\x85]\xc5\'x\x1f\x85\x82R\xb5\x0b\xf9\xdb\x8b@i\xef\xd576\x9e?\x05X\x8b\xe0\xad\x1c\xff=\xdb\x18\xe7,\x80\xc2@\xbd .T}\x87\x97\xd2\x1a\xb5\n\xe76HK{CC\x03C}\xc0\xd2\xa8\x1e\xf8\x11k\xc7\x99y\x948\x9f\xe9\x1c\\\x08\xf9v\xe2GX,\xfe7\x8f\x1d\xd7\xf4\xe8\xf2\xe2\xe4^44\x15\x1e\x04(}\xefJ\xdf\x9e\xbeq5$\xce\xc9I_\xc3\xa2\x85r\x01\xd3\xb5kyy\xa5X\xbedglZ\x89T\x02\x86R\x81\xd5-\x16\x15\xf3\x01\x0b\xec\x0e\xb8\xf7\xd6\xd3\xd2\x80k)+\x11\x8a\xec\xf5:\xcf\xeb\x17c==;\xf1\x95\xbe\x97I\x8f\xfd.\x19\x97&gt;(\x9f\x90\xbe\xc1\xa5Hhj\xabW\xaf\xd7\xdb\'\xf7F&amp;\xc4\xbe#goT\x0cr\xad?\xf5\x1cc]\xbb\xc6a\xe5"\x97\x07V$\x17\xd0\xe6\x03\x1b\x95\xc4Rk\x90K*\xd5\x1c\xcc\xa4!Vh0+&lt;\xc1\xf7\xef\x84\xedN\xa7=&lt;\xe2\x03\xc5\xc2}\xe01\xc1\xef\x16\xfe\xa4\xa7F!}\x83\xe1X\xa4\x8f\x83\x1a\x0cO\x85N\x8b\xd3OO,5\xda\xa7\xfe\x00\\\xa7\xd7\xf29\xcf\xb7\x02\xd4S\xe0J\xd6/\xdc\x8c\x18\x06\xf6nl\xf3Uj\xaaA\xf9\x1e\x8b$\xa5d\xfbZz\x1ar\xddq~\x9d\x88\xfa\xf8|\xdf\xce\x91\xdd\xd9\xd8\x1b\x8e\x01\xd8R\x1c\xc0\x04\xff}Gzo\xf4\x85\xc5\xc5\xbd\x91\xe8\xc2"B%\x96\xa3\xbe\xf4\x0cX\xd9~~\xcc\xae_\xf8\x15\xe5\xbau/\xa9\xd65\x8e\x0bl\x9f\x9b\x0bhP\xf2\x95\x1c\x0b\xc3\\\xbcH1J%\xe6P\rBA\x90\xf7\xfd\x19\x88\xd5\x9385\x7f\x1e\xd2\xe0\xcf\xf6\xf7L\xad\xe8\x9d\xf07\xc7z|\x91;q\xf0\x98\xe0\xe3\x97zIO\x8d\xee\xf6-\xae\xf4E\x92P\xbd\x8bwB\x13\xe2\x8c\xf4\xf4l\xa0\xe2G\x12\x8da_\x06`\x89\x9f\xe4q\xe5\x94K"\xc8\x05k\x92S\xec\x00\xf6"e\x03\x08vQ\x8bX\xc0\xa7\xe2\xa8\xd4\x9a\xfd\xf5\x8c\x8c?\xa6\xa5\xf1\xef4~\xf5\x16\x9c\x9a\xb8\x13\xf2\xf3\x01\xec\xc8\x0e\xae\xdd\x9a\n\xf9"}K\xb1M\xae\x15\xe3}\xac\xa7\x82\xf4-N.\x00\xd4d\xaf\xdd\x0e\xd9\xeb\xf9U\x9c\x8e\x91\r\xdb\x19\xdf\x17\xd6O\x86r\x00+\xe7\xec\x83\xd6\xe4R\xfcw\x19\xe7\x0f\xda\xc6\x9aEq!f\x95\x1di@\x023B\xf3\xc1\x92\xc7\x18\x1eL`\x03\x01\xbfb\xfc\x92F\xcd\x96\x83\xd5L\x8am2\xc5\x12\x98BM*\x15&amp;\xcd\x82\xd0\x9ffP3\xcc3\x032BRc\x04\x91\xad\x08\t;X\xe5+T\x1b\x9c\xe2\xc9\x82eS\xb8\xdaT\xdb\xec\xb9\xf7\x9b\x91\x1c\xf6F\xc8\xc9`&lt;?\x9f{\xee\xb9\xdf\x18\x13i\xaeS\x82\xa2dM\xa8^\xd1\x92|\x7frB=\xfc\x0bQ\xbd\xbc3T\xe2\xea-\xf3\xf9\xc9\xd2w\xdd\xeaUW\x82\xad\x83*\x8dS\x0f\x8a\xb1\xc5~ld\xd2\xbe\xef\xdd\xab\xc9h\x18\xce\xfb\x0el&gt;\x0b=\xc3\x10B\x14\xa9@%\xb6]\'\x18t\xa8\x8bz}u\xf8!\r\x88\x04\x8b\xfc\xf5\x82\x0f\x86o~a\xb1$\x16Q\xbdZ\x99*\x957r\xadY3l9\x00s\x18\x0c\x1e\x9b-\xab\xbe\xd3\xbf\x1c4\xc3nH\x82\xed\xc1$\xd4\x9f\xbfw\x17\x8b\xcbq\xb7\xb5lW\x1d\xac\xe6\xd8\x80\xcf\x85i\x9a\xa4T\xae\x98\x13b\x108\xe3\x0e\xcb\xd5\xf9\xbc\xfa\xf0\xe1\x14&lt;g`\xa3.\x1e\x9e\xb1\xe9\x81EZ\xbd;8y\x99x\x0b1\xf6\xb7\xeb\xbaNTb\xec[\xfd\x86\xa2xC\xd8\xdd\xf5\x9d\xabKx,\x07\x9d\xfa\x00[\x8e\x86\xbd\xaf\xdd\x1e52\x01\xe3\x13\xf1_\xbf\x8f\xd7\xeb\xee\xf0r\x1d\xb4\x9d6\xbag\xeb\xd4&gt;\xa2\x92Ej\r\x96\xd5K0\x11\x97~\xbezM9\x7fv\xca\xe6\x8a\x0e\xcf\xe8T\xf8\xd3\xdb\x93\xa37\xbf\xbe9\xf8\xfb\xc9\xdb\x97\x98K~\xfa~\xf5\x8f\x87[\x9d\xb0j\x8d\xbe\xe5\x0csE\x0c\x10\xec\xee\xf8&gt;D\x9a\xd3T\xd6{\xdd\x05\x8c\x1c\xac\xbb_\xc7\xe1\xef\xfc\x1f\x9d\xfdIb\x01j\xd1\x9f\x0f/\xaf\x02\xa7=\x19\x85\x9e\xdd!\xaa"Z(L\xc1\x92\x89\xb81\x9d\xb8\xd5K\xe4\xe9\xf11\xd9\xfe|uJ\xdb\xfag\xe9.N\x88\x97\xf4\x8c\x06_\x1d\x81\x8a\xc5\xa2\x1fV\xbcz\xb8`c\xa9b\xee\xbb-\x8f\xfcP\x14&amp;v\x07\xc74Dj"\xc7\x90\xabK\x07\x136O\x1cF\\8\x11\x0f\xd7\x93\xd1\x18\xccN\xbb\xbf\xe9m;:A\t\xf6zV!\xb6\xad7\x98\xb7\x0bZ\xc1O\xb0\xc0\xd59\xbf\xe1\xad\xf8OvWD\xd6",\x1c\xbd\x8e\xe8W\xe1\xa0\xdb\xc1\xc1\xbbw)\x95ZSz\x81\x85\xd3-;\xc2\xcc\t%\xeem\xfa$\x19\x0c\xdf\x88I\xb2\xe9\x7f`\x9e\xfeh6\xa4}\xf4\xecY\xe6\xf7p\xb4\xde\x8c\x91\x9d&lt;{v\xc7\xb0m\x91\x13\xb2\x08M\xdd6\xbaW~\xa5\\\xd14\xf7\x12\xf78F\xe9\x9d\x0e\xb8^\xef\x16P\x14E\xdf\x0e\xc9\xf1\'\xf4\xfc\x88\x83\xfe\xdb#\x12\xeb\xe0\xfd\xb5\xa4R\xd5x\xe4\xfas\xdc\x9f\xa2\xa6\x9e\xc3\x14es\r\x08!{\x196M%\xd7\xfc:\x9b\x00\xac\xb5\t\xe97\x002\xa3\xd68\x9c\x02j9\x1b\xfc\xcb\x80N\xb6\xbds\x14\xb8\x8c\xed`\xd6\xce\x03\x8a^\xf9\x14\xab\xd3\x91\\&lt;\x8d$X\x14\xf1$\xc2`x\xf08;{\xf1\xfc\xe8#\xbc\xf5mu.\xa1T%t\xf2\x93\x86\x81\x00d\xac\x1c\x0f\xb7$A/\x03\x84W\xac\x98qo:A^\xcc\xa6\x83\xdf\x9ee\xa6ltt/6\xd8R\x8ab\x9b6\x95)\x14;\xc6&lt;\x174\xad\x82*\x97+\x85\xb9\r\x97\xa8\t\x97\xfeyu/S":\x8d\xa2\x17\x87\xf2\x99\xe3\xf9\x0b\n\x8b\xe7\'G\x1f?&gt;\xdc\xd5\x13*\xd5k\xe55\xab?\xf6\x98F\x16\xcfx\xe2w\xf2\xd5\xc03\xcdzo\x13`*7\xdd?2\x08\xf4\x00\r\xb6\x13&amp;*\xb4\xcf\xb6\x1f\x1f\xb7pf\xb5P\x00\x96FT\x90k\xd9P\xb3\xb5Z-\xe52\xef\xaeer\x81\x8a\xb1\xb8\xa2\xd7\x1f\xce\x9e\xbf\x7f\xff\xed\xbf\xb7\n\xdb\xaa\xa6f\x95\xb0\xaaU\xca\xa5\xfcz\x10\xd1\xa7\xa7\xc1\x00\x00\x03dIDAT\x17Y\xad\x84\x8a\x92\x07\xebz\xe2\xd0\xf2\x85\xfd\xcd\\=l\xb5\xdb\xeb\xcd&amp;\xd3^\xc2R:[J)*\x8a\x91\xc0\x19d)W+\xe4\xf7X\xe5J\xbe\xe5\xd5\xc0\xa5&amp;\xf6\xd2\xc5\xc5\r\xc7|\xc4L\x87\xf2=\xa2|}\xb8\xb939\xaej\xb4\r\xe3\x19}\x85\xd2\xa7O\xce\xbca2\x93ID\xf4\x07\x91\x81\xe6-\x02\x92\x0c\x1b\xd2T\xbc\xf1\x15&amp;43G\x9c\x13\x94\rW%6\x17\x8a\xfe\xd8\x98/\xdd\x02\x97\xb6\xc7\xd2\xdcyL;\xb7\x96\xf8^7nW\xf7\xc8\x07\xee\x9f\xc4:\xa4A\xb8\xfer!\xfbW\xabeyG/K\xe5R\xe9\x13^Z0ml\xc5\x13("\xc4\xe6\xc6\x11\x98\x8f+\xc3\xa6\x92kl\x82j\x06\x96R\r\xa21\xd8Qp\xb9a&lt;6\xa7A\x9e\x85b\xaa\x82VI\xb9\xfc\xb9G\xf7Q\xc9a\xfa1B\xbf~w-\xb7\x0fd:$\xaa\xd3\xfb\x9b\xbb\xdb\\VBI*\xd1uI\xaaO\xe0*\x95\x0b\xc1\xb4i\x16\xa5\xe9\x8bIVc291\x18\xcc3\xd1\xc9\x8c\xccs\xea\x9e\xc1o\x06\xda\x87\xe8$\xa8T+\xe9yB\x83^\xb3&amp;\x9d\x9dT\xea$BLUs\x177t\xe6\x02\x13\xa5\xd7\xcf\xd7\xab\x7f\x9f\x0bvT*U\xd6\x9bV\xa9\x83%\xa6*W\xca\xf9\xc9\x98\xc1\xcc=\x14\x835\xa6\xb4\x8d\x03\xe4\xb9\xd9\xcc(2\x9e\x12$R\xaa\xdb\xb7\xf2T;\xaa\x82\xc4b\xb9\n\xf9\xc5`\x9b\x95\x8a!Y\x11\xf9\xca\xf9\x97\xfb\x88\x92+\x8a\xeeo\xbe\xdcJK\xed\xa0\x8aJc\xe6V*%\x92\n\xaf2\xc0\xca%k1\xf4\xd2\x85[\xdcW\xaeG`UDU\x9c)&amp;\x89N\xc9i\xe8\x80\x9a\xf8y\xcb\xfa\x01K{"\x19 \xe1[&gt;l\x92\xf7\x99\xcd\xbc\xb8y\x88\xa2\xeb\x9b/\x17\x9f\x05m\xcc\'\xfd\xcb\x8a\xb0\x9f\xa7)\xa4\x02\x1ac\xe1\xdb\xf3\x17\xc3\xd8\x10; \xc1\xfbW\x14M(\x86c\xfar\x9e\x91Lx\xb7m\xa3\xe3\x8d\'\xbee\xa5TR*v\xd7\xde\xfc\xe8\xae5\x19\xc7R\xb0\xda1M\xa5j\xd4\xefVw\xb7\x9f\x85\xbag\xda5\xd0\xd1R\xaa\x127\x91\xa9\xf0\xed\xf9\xad\xc1V\x91\xed\x13&amp;e8\x9f\xa2\x94\x04,\x03\x1e\x85\xbc\x8e\xf6a6\x19\x8a\xa8p\xf7D$\xf2}!\xed\xaaF\x7f\xb3\xacj+\x94#\xc9jQ\x8c\x9bB\xd7\xd5\xa7&gt;G)q\x88\x8cy\x02\x95pI\xa3\x92\xea\x02X\x82o\x0f&amp;\xd2\x06\xbd\xcb\xc1\xdaN\x86\x1cOP\x06}\x8d\xbc%+m`A\xdb1%\\\xf4\xc1r-\xcb\x995L\xc6\xaa\xa5I\x8eG\xee\x1a\xd7\x0ej\xd0\xf2!\x15[]"=\x01\x83M+\x85\xe5\xd8\xb3\x91\x00|*\x80Rl\r\xbc\xc1\x8eP\xcb\x80\xdb\x11T#\xbf`\xa5%\x95I\x99dSI\xc1\xa4,\x80\xb9\xcbi/\x9688\x83\x91d\xc7\xea\x1eJU\xbcp\x84\xfei08\xbb\xfc\xff\xf5"G\x90\xf7\xa1KV&gt;\x18e\xd35c\x98\x19\x0e*\xfd1\x0c\xe8^\x96\xeb\xee\xa88\xb5\x98\x81.X\x92j\'\x1d\x81\xd1,S\xa8\xea\xc7I%\xb2\x1d\xeb6V\x84\x83O\xa6\xf1-\x95w\x86\xa7q\xe4\x0b\xec.\x8d\xe6\xc7_\x84[\x95Y\xa0\x12\xb7\x93J\xc9\xd8\x92\xaa\r"01V\x12Y\x12\x8a\xae&amp;\x81\xc1\xd7\x01(\xff\x89\xeb8\xfaB\xb2G}\x0fFa\xf6\xe8\rG\x81\xcbz\'1,\xb1~p}B\xc6\x83\xdd|\xe4\xa1K\x99h@\xff\x07Q\x1f\x95\xd1{\xe8G\xbc\x00\x00\x00\x00IEND\xaeB`\x82'</t>
        </is>
      </c>
      <c r="M161" s="3" t="n">
        <v>45492.6775462963</v>
      </c>
    </row>
    <row r="162">
      <c r="A162" t="n">
        <v>581060</v>
      </c>
      <c r="B162" t="n">
        <v>1966</v>
      </c>
      <c r="C162" t="inlineStr">
        <is>
          <t>Sergio Rochet</t>
        </is>
      </c>
      <c r="D162" t="inlineStr">
        <is>
          <t>Sergio Rochet</t>
        </is>
      </c>
      <c r="E162" t="inlineStr">
        <is>
          <t>GOL</t>
        </is>
      </c>
      <c r="F162" t="inlineStr">
        <is>
          <t>GOL</t>
        </is>
      </c>
      <c r="G162" t="inlineStr">
        <is>
          <t>GOL</t>
        </is>
      </c>
      <c r="H162" t="n">
        <v>190</v>
      </c>
      <c r="I162" t="n">
        <v>1</v>
      </c>
      <c r="J162" s="2" t="n">
        <v>34050</v>
      </c>
      <c r="K162" t="inlineStr">
        <is>
          <t>Right</t>
        </is>
      </c>
      <c r="L16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478b1cd-ecd7-46c0-a349-abdb1371a3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7\x83&gt;{\x00\x00\x03\x00PLTE\xff\xff\xff,,+#$%*+-&amp;&amp;(\'(*((+\xfe\xfe\xfe))-*+/./2((\'**(000%%\',-/\xbd\x84n,-1\xc8\x92~\xb0\x80i\xc6\x8dy\xc0\x86q\xbb\x80j\xc4\x8aw""##\x1e\x1a124...\xba\x82n\xbd\x8ev\xc4\x8ex\xc3\x8au\xc4\x91{\xbb~h;.%\xb3\x83m,$\x1e\xbd\x81l)"\x1c3)!\xc7\x94y\xb6|f\xc3\x87t?1\'\xfc\xfc\xfc\xc8\x90{\xc0\x88s7," \x1c\x18\xa5qZ\xb8\x7fi/\'\x1f6-&amp;\xb8\x8bu\xbc\x8cr&amp; \x1b\xcc\x96\x86\xc0\x91y\xb2\x87r\xb2yb\xbb\x8e|\xb0sZ\xc8\x97~\x1c\x19\x16\xcc\x97\x8a\xbe\x86t\xc5\x91v\xb3v^\xbb\x86q\'\'$\xc0\x83pF92\xaf\x82p\xb9\x83k\xca\x90v\xc4\x89{\xd0\x9e\x8a\xabzc\xc6\x8d|\xb6\x86n\xd3\xa1\x8f\xb7ya\xc8\x95\x82\xfa\xf9\xf9\xb1zh\xb4\x82i\xc9\x91\x85\xac\x7fi\xc8\x8am\xcd\x9a\x8e@5-\xcc\x92\x83\xb6\x81o;1,\xc0\x8bu\xa6vaN:.\xc0\x8fu\xaev`\xf4\xf2\xf2\xca\x98\x81\xf7\xf6\xf6\xc4\x88jOA7\x9c{l\xc6\x8e\x80\xd4\x97z\xbc\x82t\x9a\x99\x99\xbf\x87x\xb9\x88o\xcd\x9b\x85\x99fT\xb7\x91\x81\xf0\xee\xed\xd0\x9a\x89\xabs^\xc8\x8at\xd1\x97\x83\xb3\x80f\xb6\x7fl\xb8\x8d{\xa8\x86xK&lt;7\x9ekWF8*\xce\x93}\xa1\x80s\xcf\x92s778\xc4\x96}\xff\xfe\xfe\xa3\xa0\x9d\xbe\x92\x83\xca\x8dp\xb9\x7fc\xd0\x9e\x92\xa9_[\xb3\x8b{\xdf\xdd\xdd\\\\]\xa3mVU&lt;/\xabzi\xc0\x82looo\xa6\xa5\xa4VG=\x9fwd\xa4|j\xae\x87y\x98n[\xd5\x9b\x8bTTT\x80`V\xd5\x92xzJ&gt;\xc0\x8b~\x8acN\xabpVzYP\xa0oa\xce\xcd\xce  !zwv&lt;&lt;&lt;KKL\xbd\x89nrTM\x92gX\x84]LwRA\xaa\x81q\xb7\x88y\x82TF\x8d[L\xbe\x83e\xb8\x86s\x93\x92\x92\x93aQ\xbczf\x91qd\xd8\xd8\xdb\xb9{n\xc1zpgff\xc8\xc6\xc6\xb3\xb1\xb1\xb1fd\xe4\xe3\xe2\xc0\xbf\xbfbB8\x98tfaYQ\x97RR\xbb\xb9\xb8\xbfsn\xb6\x81t`HBV?:\x88\x86\x85lKEEEF\xc9\x89{\xd5\xd4\xd4ia[\xd8\xa2\x94\xc7\x81p\xaasd\x8caX\xc3\x97\x8afQI{]G\xd6\x9b\x80oN;\xc6\x80z\x8d\x8c\x8d\x99bM\xdf\xce\xca@@@\x9er[\x7f\x7f\x81\x86hYI3(\xe9\xe7\xe7\xef\xe5\xe3\xb7nk\xa3tk\xb5dZ\xaa\xaa\xab\xa1\x93\x8c[NE\xcc\x8c~\xb5n_,)$\xc3\x81g\xd1\x8ct\xe7\xda\xd7\xd6\xbd\xb7\xd4\xa8\x9e\xa2TG[F1eK7nXO\x8ckc\xc5\xae\xa5\x86\x81}\xbeqb\xbb\xa2\x98{lf\x92yqnB5\xd9\xc6\xc1\xd2\xb3\xad\x8dKI\xc7\x9d\x8f\xf5D\xd9,\x00\x00 \x00IDATx\xda\xcc\x97\xebK[y\x1a\xc7\xfb.o\xa5\xde\x08H\xa5\xa7\xa79\xe8I\x8d6\x81\x0c\xea\xac\xad.\x9e\x8c\xab]]\xed4=\x9d\xac\xc1L=VZ*^g&amp;F\x85\xb5\xa6T\xaa\xd2D#\xa9M\xa3\xc8\xd4D\x1bC\xc5Y\xaa\xa8\t\xa5^\xa0q\xd6z\xa1\x82\xa8 k\xa0]\x18\xac"k}\xb3\xdf\xdf\x89\xf3\x17l\xd2\xceCN\xae/\xf2\xe1\xfb\xfd&gt;\xcf\xf3;\xa7N\xfd\xff%\x11K~S\x8eg|8\xf5\x87(\x024500\xf0\xaaurz\xa0}\x1bp\xa7\xfe\x00d\x12\xb9a\xe0\xd1` \x10\xf0\x07\xfd\xfe\xc0\xd1a\xeb\xc0\x94A\xfe%\xb9\x88a\x12y\xf5\x9b\xdb\x01\x0b\xc7q\xbcQ\x10,\x02\xae\xc0`\xeb\xc4\x94\xa1\xf8K\xd9\t$\xc3\xf6\xc4\xe4a\xc0\xc8\xb3&lt;O)(&lt;\x9b8\x13\'X\x82\x81\xc3\xd6\xc9\t\xf8\xf9\x05\xdc\x94\x14oO\xde\x9e\x0f\x04\x05\x8e\xa7(J\xa1P0\x0cEJA\xf1\x9cQ\x08\xfa\x03\x83\x87\xffn/\x96|n\xa9\xaa\xa7\xe7\xfdA\x8b\xa07\xf1\n%-S*(FI\x8a\xa6\xf1A\xa5\xe3\x8c\xf0\xd4??]\xfdY\x9d\x94\xdcl\x7f\x14\xb0\x08\x9c\x89eY\x8a\x91I\xd5\x0c\x91K&amp;\x95\xd1j\x99:U*c\x88\xa3\x9c\xd1\xf2\xf2Q\xb5\xfc\xb39)\x91O=\x1a\xf4\x0b\x82\x89\xe7Y\x164\xea\xd4T\x9aQ\xaaeJ\xc2E\x03KM3\n\x15\xc5\xa2\x11\xfc\xb7\'\xaa\xc5\xa9\xf6Y\xa8^\xf8\xa1\x94\x89UP&amp;\x13\x05\xdf\xd4PK\xa6FI!\x96Z*\x85\x912\x19\xa3RQ\xbc\xf1g\x7f\xeb\xb6\x1c\x15y\xae\xe2\xa9V\xbfE\xd4\x89Q\xb0\xac\x12\x042\x1aN\xd2\xb4\x14:\xe1:)5\xbeV\xe9t\xbc\xe5\xdd\xc4\x9b\x81\x01C\x84\xb9$\x86\x81w\x81`\x87\t\x99R\xca\xa0\x12`\xb2R\t\x82\x92\xd8\'\x95\xa6\xa6f\xa1\xc8\x97\xa4\xe8\xf7*^\xf0\x07\xfc\x81\xc9\x9b\x91\xe52L\x0e\xfa-B\x87\x9eU(\xe8T\xe9{\x19\x01\x01\tR%\x93\x12\xa2T\x11,\xf465K\xad\x96\xa9t\xd0L\xf7r\xb2\xbd8\x92\x0eN\x1c-\x07\xf5\xc8\x15F\x15F\x02TB\xe2\x89&lt;Rba\x88++TR\xd2\x93j\xb5\x92P\xe9\xb8\xe0\xe1\x80&lt;rT\x03\x87~\x01Y\xa7i\xa5BA)\x942%^\x95D2\xa2\x9aT&amp;\x9awB%\xf6$z\x80V\xa9t\xbc\x8e\xf3\xbf\xd8\x96D\xaa\x07\x7f\x99\x87\x83&amp;\x8a\x08\x85\t\xaa@\xe6M\xe4\x93\x0c\xe1\xc2\x98\x08e]\x84"\x8c$\xffj\x1a\xbd\x00#uB\xf0h"B\xfd(\x9f\xda\xf5[\xf4\x98\t\xa0a\xc5\x8dC\xbc\xa4\xd0\x86\x18\x0e!\xbd\xd4jZ-\x82\xa5B&amp;\x14:\xf2\xbd,\x0b\x82q\x16\xff\xab\x08\xa5k\xbbu?(\xe8Y\xa5\x92\xc2p\'\xf3A\x0c\x18\xc3\xd0D\x18Q+Q\x9cP7\x82\x07\xee\xe2\xcd{:K\xaad\xd0\x90\xad\xd5\x92\x88X8\x8d\xcd\xac7)\xb0Z(\x86a\xa0\x19J\xa5$\x0e\x12\xb9\xa4$I\xa1\xb5\xa8&amp;\xdd\x99*\xbeb~\xc1K\xecI\xce\xe8\x9f\x8c\xc4\xf4\x92L!Xz\x9e\xc5^\x81R\x88\x15O2F\xff\xce\xa2$\xb3\x9d\xc6lg\x88|\xc4Q\x99\x12\xee*i)\x82\xa6V*\x19\x8a;j\x0f\xff\x16\x92l\xef.\x93\x03\x83\x8e\xfc\xb1\x82\x1c\xaf\xb0w0Ri\xa0`\x052d\xdc\xd3\x0c\xa3\x82\xbf,\x83\xb5-\x95\xcaT\xbc\x12\xb4\xb2,\xe4\x0e\xe7\n\x96\x0b\xbc\t{\xe8%\xf2\x89\x00\xe2\xae\xd3\x01\x80Q\x85\xc2\x15\x02T\x88\xa9\x87X\xa1\x03\xd7\x96^\xbf\xb5\xc52\xb4\xf8\x85\x92\x81\xa0j\xb2\x96d4+\x1cN\x85]-\x89\xa1\xd5/\x10\xa9T\xef\xc5\x01\xa9R\x104\x92.\xf4$\xf5;\xab\xbecn\xe6\xe3^\x87~\x8b\xa5\xc4\x03\x18\x83\x96U\xc1\\8J\xeb\x84\xc1\xf6\xf0\xab55h\xe1U\xa1\x02\x15E\xb1&amp;\xbd\xbe\xa3C\x94\x86(\'\x9ed:f\xd6\x86=\x9e\xb5\xb5\x99\x8e\xad-q\x82P8c\xb0b\x13\xe0\xb0\xc3\x07_\x85\x1bKR\xfc\xcao\x0c1\x89C\x1bP33\xf8\x7f\x02\xd0\xd1A\xf0\xf4\xfa\xb9\x85\x15\xf7h\xd5\xfa\xd8\xe8h\xdf\xda1\x14\x13\x81Mz\xb2\xa8\x88\xa9\x0c%\xbc0\x84;\xf1\xd5\xf3\x02/\xea\x84\xfd\xc6\xf1\xbc~fa\xd8\xe3\xf6x\xfaf\x8e\xfb\x86\xfb\xfa\xfa\xf0\xc1\xbed+-\xab}\x8az\xb8\xbe&gt;\xdawL\x88)\x05\xd1\x14\x13\x98"[A8\xfa%\xbc\xe1\xc2\xd9}\x90\x0bi\xc5\x93\xbb/\xfd\xcc\xb0{l\xbd\xaaj}t\xac\xb1q\xbd\xaa1\xad\xb4\xf4_\x9d\xd1\xdfEy\xcdEEE9_\x83l\x14f\x92\x8cAKd\x8de\xc9\x98\x13\xc2?!\x0c\xf3\x9c\x8a\x81}\x84\x8a\x03\xd5hUZmYmmIIIFF\xc9\x0f\x7f\x8eJH\xf8\xe6\xd9\xb3\xae\xae.\xaf\xf7,\xc8\x8a\xbe^_\x1f\xf3@0h\xb5\xb7\xb7\xd7!\x1e9\xf8\xe0nu\xb8\xeft\xb6\x07\t\x16\xcf\xe1\x0e\xd587\xe3\x19\xad\xaaM:{\xf1bBnBBTJJJbbbllv\xb6V\xab-\xff\x15l]g\x8b\x9e&gt;|\xb8\xee\x81\x93{\x1fQ"\x97\x82\xb5\xbc\x0b;V{\x80\xa3p\xa3%X,\xb3\xb3k\xee\xb1\xc6\xda\xa2\xb3\xe7s/\xa7\xdc\xf9\xcb\xdf\xcf\\\xb8p\xe6\xcc\x99\xc4\xbc\xba&lt;\xf1AJ\x9b\xeb-*+\x03\x97gxmxxm\x8d\xcc\x0c\x13k\x9a;\x0c\xf3\xd9F\xc4\xe2y\xdeh\t.\x0f\xb9\x1dUie\x84*&gt;\xe6\xca\xad[W.\xa0\xb2\xf3\xb2\x81\x14\xaa:\xad\xb6N\x1b{\xfelR\x0e\xa2\xbf\xbe\xeep\xb8\x87\xc1\xb5\x87V\xb5\xec\x1a\xc2\xad\xd6T\x80\x84J\x08.;\xed\xae\xc6\xb4\xda\x8c$\x18\x98\x92\x18s\xe5\xca\xe9\xd311\x00#&lt;uy\xd9yyMu\xc4\xca\xf2\xae\xae8s\xceS\x12\xfe\x87\xeb+\xe0\x02\xd8\xde^kq\xd8\xb1^rF\xdc\x90.\xef;]\xfd\xb5e\xa0\x8a\x8b:\x9f\x1b\x9b\x1c\x1f\x1f\x13\x93\x18\x7f&amp;[\xd4\xa9\rWS^\x1b\xb0~\xfd\x802\x17\xe5\x98\xcd\xe6\x9c\x8c\r\xc7\x8ah\xe4\xc7\xe5iy\xb8M\xac\x1e\x04\xd5\xdc\xec\xf2\xbe\xddU\n\xa8\x8bq\tQ\xb9\xc9\xc9\xb1\xb8\xa2b\x93\x13\x13O\x0cliki!X\xe5\x1f&gt;\x94\x97cZx\xbd^\xb3\xb9\xc0\xe6X!\x82\xad\xd9\xc3\xbf\xaa\r\x87\x82Q bm\xf6\x17$\x81)*\x01D\xc9\xb9\xb9\xb1]]\xe5\xe5\xe5\xda\xb6\xbc6BD\x1em"W9.\xaf\x17?y\xbd\x05\x1b.7\xe1\x1a\xfe\xb4\x1d\xf6Um\x98\xb7\x08\x10k\xc8\xee\xb2\x96$\xc5E\xa1R\x80\x85\xa6\xeb\x02\x80\x16&lt;-my"\x97XZ\xad\x88F\xea\x99\xb9 \x8d\xc8\x85\xda\r\xfb\xf1\xf4\x1f\x86\x17A\x8b\x05T\x9b\xbeN\x82\x15\x1b\x1b\x9b\x18\x9f\x9c\x1c\x0f.0\xe5U\xaeVV\xb64U\x02\xa8\xb2\xb2\xf2\xb1\xe8\xa3\xb6MK\x80aeC\xa9\xcd\xe1\x86^+\xada?\x9dJn\xde\x0e"X\xce\x03\x9f\xb5\xb3\x04q\x8f\xbd\x9c\x92\x88\xb4\xc7\xd4\xd5\xb5\x11\xf7*W\xc1\x85j\t=\xb7\x9d\x14Q\x0bXpQ\xe4\x8a\x04V\xeb\xf2\xf2\xfe\xbe}\xdcg\x8dn\xc0pH@\xd0\x93\xc9`\xb8\xd0\x84z\xdc\x04\xac?\x9d@=ni\xf9\x0f\x90\x88Z\xe5\xcfN\xb0l.\xc7\xe6\xe6\xcanD\xb0\xf6\x9d\xf6\xcdq_wtt\xc9\x0f\tq\xdf\x9c\xef\x8a\x8a\x8d\xb9p\xfa\xf4\x8d\xfa\xfa\xfa^T\xfd\xeaj\xbd\x88\x05L\xf4\xa4\x98,/)s\xc3\xb5\r\x9b\rX\xf6H`=\xda\xb7\x13*_\xf7\xb9s\r\x17/&amp;e\xe4\x14\xc5]\x8e\xbf\xf2m\rjqq\xb1\xb7w\xb5\xb7p\xb1w\xb5\x9eTS\xd3\x85\xbc.\xaf\xd9K\xb8\xcc\x04\xcbj\xb3\xb9\x08V\xd8#/)\x9e\xdc\xb7o\x1e@\xack\x9a\xe8\x86\x8c\xda\xb4\xc6\xc6\xda\x92\x7f\xdeyr\xe9\xfa\xfd\xfb\xf7\x17\x7f#\\\xbd\xe4\xa9&amp;\xbf\xa6\xe6\xab\x1b7n\xddI\xc8HK+\xc8(\xc2&lt;57D\x97Z\xad\xbe\xf1\xf1\xcd\x88`\x05\x8e\xc6+*\xbaG4\xd1\x9a\xd2*\xb7\xc7\xbd\xb4\xe4\xday\xfd\xe0\xed[\x80\x11\xacB\x88\xf5\xdbbo\xcd\xfd\xeb\x97\xbe}\x92\xd9\xd3\xecs\xb9Q\xd8Se\rW\xa3\x0b\xba\xad&gt;_\x84\xb0\x8e\xc6?57\x8f\xa4k4V\x87shhh\x01\x8d9d\x1fo~p\xef\xed\xf5\xfb\x85\x04\xab\x10r\xd5\\z\xfb\xa4g\xe7\xc09\xb4&lt;;77;\x8bc\xb4#-\xfaj\xf45\xab\xb5b\xfc \x12X\xaf Vs\xf3\x83tM\x85\x9d0\xcd\xce\x19I\xcd-8\x0f~\xfa\xf1\xde\xf5\xc2\xc2\xc2\xde\x9a\xc2\xc2\xfcK\x99#\xe3\xf6\x859\x8e\xe7\xc4\x9b\xa0\x85\x85\xb5a\xf7F\xf4\xd5s\xdd\x15\x15\xbe\x88`M\x1f}\xaah\x1ey\x90\x0e*\xa7\xd3n\xb7;\x9d\x84n\x0e\x9a\xd8}#\xf7\xf2\x0b\xf3\xef\xde\xcd\xaf\xc9\xff\xdb\xc8\xd2\xd0\x1c\xee6f\x16\x9cK\xae%\x97k\xc9\xee\\ql\\\xfb\xebHE\xc5\xa7\xf1\x08`\xc9\'&gt;\xc1\xc3\x9f~\x84\x18\x07\x15;;\xdd\x9d\x9d\xdd\xfd\xb6\xaa%\xb7}h\xc1&gt;nM\x7f[\x98\xff}}~\xcd\xdd\xcc\x91\xcd\xa1\x85!\xa7\xc7\x83C~ig\xa7F3\xb2cs\xd9\xba\xcfi\x88\\\x11\x18\xa7\xc0j&amp;X\xdd\xe3\xbe\x9e\xe7\xcf5\x9a\xce\r\xdcxy\xfa\xfa&lt;KKK\xb6\xee\x1e"W=\xa8\x1e\xf4\xf8\x96\x1c\x8e\xe1\xe3c\xfc2:\xd6\xdf\xf9\xdd\xeb\xd7\x9d\xfd6\xabF\xd3\x0c\xac\xffF\x00\xeb\xcd\tVE\xcf\xf3\xcc\xcc\xd7\xa5U\xae\xfe\x9d\x1d\x97\xbb\xef\xb8\xcfe\xedN\xcf\xbc\xf7U&gt;\x06\xd6\xf7\x99\xe9\xd7\xfam\x8e\xff\xd1j\xfe\xafi\xe4i\x1c\xff\xd1_\x83\xa6\x99_4N\x10!J\x12\x88`\x18\xcdT\x9c4x\xba\xd3L\x1ac\xa6+\x0e\tM\xddR;L\xa2I5\x9a\x8aY6\xb8M\nm\n\x9b\xb6\xb9F\xef*\xdc\xd1\xf6R\x9b\x95\x08\xca\x92\xa5\xe5N[\x82\\\xb5-\xbdp\xb9\xd2\xc3D\x8a\x92/\x06\xb6\xc5n\x9b\x1e\xf7\x8c]\xb8\x7f`\xee\x03\xfa\x83\x82\xbex?\x8f\xcf\xbc\xdf\x8f\x03/\x82\xd9w\xbbWW\xd7\n\xfe,\xb3p\xe3\x86\x99W\xeb\xe3{\xe1\xf7\xba\xb3?\xbf\x9d\x86\xe3\xb9y3\x80\xe3\xf1\xd8Z0\xf6\xf8\xcd\xbd\x97\x1b++\x91\x87\xb7Nkq\\\x8c\xf1X\xc3\x92\x85\x91\xb5\x95\x7f\xdcy\xfe\xe6\xf6\xed\xfb\x8fc\xf7\x1f\xae\x15\x98\xac\xd9\xac\xd7\xf3X\xe7\xff\xf6\xcd\xac\xf0;\xb7\xb7\xd33\x80\xe5\xb9\x12\x88\xc6G\xd6\xdc\x7f\xb8\xf7\xe4\xe9\xef\xff|\xe9\xe9\xbd\x95\x87\xc1\x11\x85\xac\x0b\x11\x87|\xafB\r\xdd#\xb7V#\x91{\x1b?\\\xba\xf4\xc3\xa3;kk\xabA\x1b\xc3\x00\x96\x1e\xb0f~\x1a\x14\x1akV4\xf1\x81/\xa2\xc7\x03b\x99\x83k\x91G\xbf\xfe\xe9\xe5\x13\xf0\xab\xbf\xbey\x1e\xec\xecS\xf4\xca\x81\xea\xd5\xb7\xca\xbe\xe0\xda\xea\xca\xc6\xbb\x97O\xfe\xf5\xbb\'O\x7fy\xb4\xb2\x16\\P$\x18\xb3\x16\xb0\x1e\xcfl\xb5\xcd\n\xddZm\x13\x1f\xce\xd7\xb1p&lt;q\xda\x1dytg\xe6\xed/\x8f\xae]\xdbxw{5X\x18\xb1\x11\x8d`"^}{n\x14:*\xb2\xf1\xee\x0e\x9f[\xff\xfeq\xe3Z\xc4\xdd\xc7\xf4J\x15\xb8\xfe\xc6\xe2\xe2\xf4&gt;\xff\xef\x8fpd\xa2\xb3\xfbGG\x07\xd3\x8b\xe7gnz\x02\x01\x8e)\xb8W\xe1\xd23\xf3\x11\x86\xd2\xf3\xe7\xab\xee\x9d\x85N\x1b/\x16x\xc1s\'\x82\xc1\xfb\x0f#\xcf\xdf\xdd\xd9\xd8\xb8\xf7\x11\x9e?=\x0c\xda\xfc\x8c"\xa0_\x04\xac\x9f\xe1\x83\xf6\x85\x9a]\x10/\xdeGm\x85\xceN\xb8\x80L\x87\x03\x89\x84\xdf\xb6\xf0\xc0\xfc\xe0\xc1\xcd\x9b\xd3;\xb1\xa0\xdb\xbdc^\x18\xd1\xc8}\xbe\x0b\xcb\x805p\xd5\x1d\xbb\xbf\xea\x8e\xc5b\x8f\x1f\xef\xec\x80qp\xc7\n}C\n\xad~\xf1\xf5\xeb\xd3\x07G\xd5\x0b\x17\xaaE\xa1\xfe#8p\xe5\x95\xc9\x81\xee&gt;\xc0\xf2h\x19\xc6\xcf\xc4qO\x98?qs!\x06sb\xa4O\xaa\x06/x\xe1\xd5\xf2\x8f\x97G\xddk0\xaf\n\x0b\xe6\xf8\x95\xf8\x15\xb3\xb902rq\xd46\xa4\xd5\xde\xb8\x15&lt;\xfe\xe3\xb9\xdd\xaf\xbf\xf7\x1e\x08\xd3a\xa2\xa2\xbd6\x9f\xde\xcc7\xa9F\x16\xa7=q)\xc3$\xf00\x1e\x0e\xbfx\xf1\x027/\xc4\n\xb1\x82\xcd\xdf!\xf7\xee\xf1X\xd7[TW\xff\xc9\x8f\xd1l\x1c\xa6[&lt;\xc1($}\xa3\xa3\xb6)\x1e\xeb\xea\xf1\x81Z\xf2z\xba\x84\t2TEm[\xb9\xc3\x12Y\xce\x994}7\xaex\x12~\xbf\x9f\x01(\x9e\n\xd4Z\xd8)\x14l\xd2^\xb9\xda\xbb\x07\\\xcb\xbb-M\':\x83\xee`!\x1b\xc7\xa3:\x9dnx\xb8W\xd3\xdd\xdd=5&amp;;\xfd\xba\xf3\xc4@\xb2\x85\xcd\x94\\\x82t\x97h\xf0\xa06\x9f)\x1b1\xc4\xd4\xf7\xc0\x833@%\xe5\xa2aW4\x1a\x8dg\xcd\x0b\x00\xd5\x011\x08\xa2\x19`\xed\xed^nR\xa9\xc0$\x16lL\x82\x8b\xa2(\xda\x8c4\x80\x93U\x8d\xc9\x14#\x17\x07\x92)\xc2\x94\xa9\x19\x05Qk\xf6l\xb54\xbf\x99[Z\xca!~\xb3\x07O\xa8\xfcR\x96\x88\xba\\Q\x8ec\xb3f\x9b?AQry\xc7\xff\xb0\x9a\x9a\xa4R\xbf\xcd\xe6g\x87\xf9E@\x8f\xfc\x18\x80j\xc6dc}\xa3\xaa\x16\xd6*\xcf\xd4\xe6\x84\xc1\x9a\xa8\x96\xd67\xbd\xa12\xe9J\xc4\xc3x\xc2/%\x08\x96t\x01\x18\xc92\x0c\xc3Yi\x17"7]\xcf\xe7\xf7\x96\x97\xf7v\x93Je\x03\x17\xe5\xa4*\xe91\x04\xf1"_\xb5#j\xa5\xea\xb2\xa6_\xa6U\xd8R\xa9\x14\x89\xa4\xd2\x9f\x05\x99\xf5\xb3\x13s\xa5\xed\xcd\xbc7g%e\x01P+\xc1\x91\x1cI\xd3@E\xb2)\x96\xa4\xed4\xd5\xa8V\xb6\xec\xe6\xa1\xb9\x00\xab\xe5:\x1b\x8d\x92H\x07\xc1\xd7\x15\x12\x1b\xff\x9e\xc62&amp;\xd3\xf6KR\xa9\x81\xb4:\xc5\x1e\x083P\x8b\xf6\xd2v:\x1f:I]\xf4\xe3\x9e@\x82@H\x8a6\x1ai\xc0R\x93.z\x0e\xb0@\x91/j-\xef&amp;\x93&amp;\x82\x8b\x92\xa4\x18X\x91\x1c\xe451bj\xb2X\xc6\xb4\xda~\xdbE\x95\xbc\xd1\x9bJm\t\xb3\x88\x98\x98\xabd\xd2{K\x93\x95C\x95,\x1c\xd0\x12\x1c\xc0\xd8\xed\x90$@1\xdah\xb7;(\xc4\xa44yy\xaa\xe5\xfcn\x8b\xa9\x17\x9a\x8e\xac/\xe3\xc4\x18\xe6\x10S\r\xbfau\x1f\x1e\xb6\x94\xcb\xe9\xa40X\xa2\xb3\xd5Z&amp;\x1fz6\x99\xac4h=\xb8\x96C\x1a)\x1ab\x98\xdd\xc8\x1f\xe0\xa2)\xc2\xa4\xf6\x96\x97\xbf`\xa5\x95\r,\xc1\xb2\xeaF\xb1\xc3\x81\xf1\xa2"R\r\x14Q\xab\xefo:&lt;\xac\x90e\xb5I \xac\xc1\x83L-?\xf9\xcc\x98L6\xcb&lt;\xb8\x8cC\x10\xcaa\x9c\xb3\xd7\x0f\x80\xd9\x8d\x14K\xe6\xca\xe0\xb6\x00\xcb\x9b7\xb5\x98\x88DJJ \x80\xe5p\xd04y\xacI\xa3\x19\xeb\xd7\xea\xc7\xbe?~\xb8\x9e\xce\xb5S\xfb\x82`\xcd\x8a\xb66K\xe9\xa5\xb9\\Ri@q\xc0"\x9b\xc5\x18\xd4\x0eb\xeb\\\x9d\xcaH\xaa\x01`\xe9\xd9\x92o\xe9Y\x19Q\xe7\xaf\xcb\x89\x94\x92@\xdaA-\x1e\x8b0I5\xfd\xa0VWO\xe5p\xbeb\n9\x8a\xb3\x02]|\xe8Rr\xc9\x91\xa9\xa5\x9d\xa8\x0c\xc7\xa3\xed\x94\x15\xab\x87i\x10\x0b\xe3\x1f\x14|\x7fy\t\xb2\xeb\xd2)J\x8dx\xd5\xf2a\xa5\x92\xe5\\PC\x1a\xb0\xd4\x84\xd4\xcfh\xf5\xe6\xae\xd6\xe4\xe1\xe1|2\x87\t\xb5\x04\x1f\xac\xd6j\xbe\xcdJ)mu\xea\x028J\x89\xad\x18V\xc72\xd6\x8b\x889&amp;\xd1l\x14;\x05I\xdfA0Lc\xbb\xba\xc3\x04E\xe4\xb1\xac.\x92#\xa4\x8c\xbf_\xafW\xc8P\xc0*\xa5\xcbs\xdf\x08el\xb6\xd25G\xbaT\xca8N\xa2\xda0\x8a\x8ay.l\xd2\x88\xd5\xb1&amp;1\x87\xef\x8f\x9f\xfe\xc2a\xbeI\x8c\x8cE\xfe\xa3\xa48\x92\xe48J,v\x89\xc5TGCC/\xc3\xf4\xeb\x15\t\x1dR\x81\x9e\xcf\xe5\xaa\x02\xdd\x0e1;[t\xd5\x1c\xf9\xd2|*w\xca\xa9\xc5u\x80\x85:\x1c\xce\xf1q\x8c\xd7\x8a\xdf\x84\x94+\x91O1D\x8d\x90L\xe4\xdf\x91\x015G\xb5\x930\xb9`B4\xcaMR\xa9T\xa1\x00\xb1\xbaP\x13`\xd5r\xe4\x91P\xfbS\xd1\xe0\xe7L\xaelJ\xb1)\xe7x\x00\xff\x0e\xa5P\xb4Ul\xb0:\xc7\xed\x93F\xfb\xc9I\xccE\xa6\xb7\xb7S\\\xca\xe6\xb7\xb9\xff:_I\x11\x00\x84\x82T\xed\xcdrB\xaa\xf1+\xfay,\x19Q\xa9\x94*\xf9\xb2k_(\xacYQ\xd1\x95\xa7\x8d\x98\xb3}\xdc\x80\xe3aT\x07\xc6\xa0\xb9\xd5`\x80po\x9c\x04,\x9ad7]\xd0\xdb\rl6\x95\xda\xae\xa4\x90v\xb1\x15\x8e\x01\x9574X\xa6\xa6\x86@-\xb3\xa2Kz\xfc\xebv\xb0GU\xe1"l\xdb\xe0\xc1f\xde\x05\xc2\xf8\xc4\xda@\xf8;\x14\xed\xe9\xe9im5\x8c\xc3\x81\x1ab\xc0\xe5\x82\x91O\xb7\x93l6\x9bb\xa9PH\x0c%v\x1a\xd03\x16\x8dfjJ"\x91\x00\x96e\xf8\xab\x90\x954\xb9\xf6\x05\\\xcd\x8b&amp;\xaa\xb9\x1ct\xb7\x83\xc2q\\\xa7Cy\xaaV\x03\xff\xdd\xe3\xe3&gt;\x1f\xa0\xc1$\xa011\xcdea0@`\x0c\x85|\'O:[\xbb\xc6,SCC\x12\x89B\xafP\xa8\x94\x08e\xa5\xd4\x9f\x05M\xb0\xa2b\x95\xb6b&gt;\x87\x0b\x87\x98(k&gt;\xc3\x8b\xe548\x9d\xce\x90\xd3\xc7\xcbEG\xa34L\r\x9a\xcdrQJ\x1c\x82W\xebX\x16\xcb\x10\x8f%Q(\x14\xfe&amp;\xa5\x9a\xa2\xe6\x8a\x82\xc6}\xf85~6Z\xad\x988\x0b\x96K\xa6\xab\x8be0\xb4\x86\x0c\xad`\x12x\xa3\x1aua4f\xc4\xa2\x89l\x96ea\xc4C\xe39[\x87-\x16\x0b_D\xb3^\xc1\xb0\x04\xa1\xa6\xaa\xfb\x82\xa7\xea\xb3Gs\x98#\xea\x81\xfc*\xd3\xf1j}9\xcd\xc3\x1d\xd0P\x1c\x98B\x07\xc2\xb90\n,"c\xb31\xc7\x9a\xc5\xe3\xe3=\xc3wy\xac)\xbe\xe5%\xbd\xcd^u\xb5(\x12|\t1;X&lt;:\xd8/\xbe\xf7\xe8t\xb2/X==g\xbazY6e\x037H\x95\x1djS\xce\x91\xf3\xd6\xaf5\xe0\x99{QgO\xd7]("\xa8\xa5\xd7_\xf9\xf0!\xfc\xe2s\xb1M\xf8\xd5\x08\x14rp\xb0Mt\x10\xd6\xc9\xeaX\xf0k&lt;\xd3\x0f\xc5a\xc1\xda\xabs\x9b\xf9t:\xbd\x99\xd9\xce\xa4M\xeaclVbSh\xd1\x9e\xbb\xbfa)\xb4\x1f&amp;\xce\x16\x8b\x83\xff\xa7\xdb\xdd\xf8\x15\xc2\x96G\x07E&lt;\xd3\xc3\x1f\x19\xf4L/\xd8\xc2\xcdtf{\xbd\xb4\xbe\xbd&gt;_\x9a_\x072bx\xc8&amp;\xf9//g\x1b\xd3T\x9a\xc5q\xa1`\x19J\xa1\xb6\xb4\x90\xf6\xde\xdb6\xa4Y\xcaB\x13\x9aiC[hR\xb9t\xa9C)\xaf\xd3\xb8b\x99\x16\xc8\x98\x8cS@\x9b\x08H\x86\xb4J\xc4\n+3\x0b\x18\x12\xa3Q\xac\x8c\n\x1a_\xa3\xbb\xba3Qgwv\xc6\x0f\x86\xfd\xe0\xf82\x89K\xd6\xcd\xee$\xfaawM\xfc\xe0\xc8\xfe\xcf-\x9b\xddo\xbb\xae^\x8e\xb6\x9a\x80\xe1\xe7\xff\xfc\x9fs\xce\xc3}\x1eJX\x88\xb5\xaa\x96\xedy\xab\xa8\xa7O\xa5\xd2\x03\xfd$V\x98~;l\xce\xf3\xa0\xfa\xe8\xf6\xf5t\xfci\xff\xfe\xeb\xfb)\xae\xb7a\xe9\x95\xd8\xd8h\x1a\x0b\xde\x12\xb0\xd6\x89\x17{\x1e/\x01\x0br\x85\xc3\xf3v\x1b\xcb\x86&lt;m\x04rs\x95\xe8\xe6\xfe\x9b\x14\xf7\xef\xf2\x9e\x8e\xf3\xf6\x80\xaf= `%\x9f\x8by\x8cR\xd8\x07\xbd\xa8\xb6\x87\x89k~&gt;\xca&amp;\x1c\x1d\xc7\x08\xe3\xd5\xabW\xf4. \xdd|u\xf8\xf0\xe1s\x07\x1d\xec\xf9h4\n**\x10\xa2c\xad\xebz1h\x0f;\x80e\xb7\xdb\xaa\x13\xec\xdd\x8b \x82T\x08\xbc//\xc3_\x00;{\xee\x18\x9b\xa8f\xed\x81\x80PN\xc5\xc7\xda\xd3\xf3b\x90u X\x96\xb5\xb3\x0e\xd6\xf3U\xdb\xdd\xeb\xd7\x97\xaf\xde\xc3*\\^\xbe}\x1b\xde\xdf\xbf\x1f{\xfd\x12\xc2\xe2\x03%%T\xe4\x17\xd6@\xad\xe7\x83,+`A\xb1D\xa2[\xc9y&gt;\xfa\xf8\xde{\xf7\xc0\x85\xb8z\xf5\xf6\xd5\xe5\xbf\x9a\x19\x9eM$\xd8\x10\xb0\x84\xde\xb30\xf3\xa2Gd\xac\x9e\xe7\x83\xb64V\xc2\x9d@\xb7vc\xa0x\x9f\xf68\xdf\x82\xec\xdb\xbf4\xbe\x87\xcd\xbd\x95\t\x19\xdc\xf8\x80\x1dj\x95\xa8T\xc1\x05\xe7\x9a`!{\x02\x96\x1b\xcd\xda]\xaa\xe48\xce\xdd]\xf5\xbe\x12C~K\x02C\x96\xcf\xa7\x08\x83\xd8\x9d\xb0\x11V\xc9\xda`\xfd8h\xb3\x91\xe9Y\x87\x9b\xa2\x14\xa3\xaa\xc1\x00\xac\x96\x8a\xc2\xc6\x96\x16\x0c\xd4\xe1y\x05\x83\xf4"\x8b\x98g\xda\x89j\xa1~\xa9km\xb0`x\x07\xb2\x98n\x8d\xee\x04\x94+\xd5s\x15J\xe2D\xe9\x98\x0f\x1b\x90g\x9b\xaa\x9d,\x1f\\\xa8W\x8d\xee\xd8\xb3\x16X\x08\xd6\x01A\x04\xacR\xc2*\xe5\xf4\x85J`u\'\xc2\xf6P\xd4\xee\xb0\xa1&lt;\xa8T\xe4\xf8\xe0\x82*\xd8\xffG\x91\x8f\xf1\xf7&lt;[LcE\xc9\xf8\xa5\xa5\x89R\x1a\t\x91KN\xcf)\x95\xf8k\xa9!l\x0f\xd8Y\x1b\x8c\xa5\xa2\x819\x18\x0c\xb6\xb9\x06\x9f\x8a\x8eEj\xcd\xdb\xe7\xa3T\xb6\xc2\xc2$A\x9aUl\xaapw\x93\xfb9\x83\xc3\xde\x1e`\xedQ`\xa9T\xbb\x82\xc1\x85\x83~\xf1\xb1Z\x9f-\x06l6t\x1e\xa41=w\x19\x04{)+6}\xf2I\x85~\xde\x12\n\x85Y|0\x1aP\x01k\x17\xa9\xe5w\xb9l\x0f\xc4V\xeb\xe5"s\xde\x16\x8d\xce\xcf#\x91\xe1\xf4\x88\xbaq#g\xa8\xd8\xb4\xa9t\x93^\xaf\xb6\x80+d\x17\xb0T*\xff\xae6U\xf0`$\x12q&gt;\x90\x8a\xeb\xf9\xd6\x97\x8b\n&amp;\xe0\x0cD\xa3\xa4\x96a\xa3\x03I\xe4\xc2\x86\x16%\x1d\xd5(\xd4[&lt;\xbc\x1d\xed\x92\x9a4\xe9\xe4\xf7\x07\xfd\x91HM$\xf0R\xec$&gt;X\xe4y\x9f\xd3\x19\x80\xad\xc9]\x8e\x8d\xa8\x05\xd5\xb4[\xdd\xb2E\xa9\xa4~\x03^Z\x84\xaa\xa0\xcaO\xd1\x19\xa9\x8d\xb8\xd6\x02\x8bQh\xber\x96\x04` \xbb\r\x8d\xc8\x80M\x1a\x1d\x87\xd8Y\x85jZ\xbd\xe8t\xda\xd8@I\x90\xc2\xdfI\x11\xab\xa9qu&lt;[\'6\xd6y\xc6\xa7\xe9\xa8\x0f\x06I\x160 \x92\xc9\xd1\xd1\xa5\x95\x15\xec\xd8F\xab\x933\xf4\xacU\xe5\xef\xa4_\x95\x95\x02Umm\xc93\x91\xd5*\x17\xb0\x98\x92z\xbf_\x15\xb09\x11\xb6\xc1d\xb2\xbf\x7fteei\xb4\xba?93\xb40\xe3\xac\x0f\x12Tg\xe5\xa3U,\xd7\xc0\xb3\xf2="c\xd9\x14\x1a+\xd3Q\x02?\x07U\xf5\xf5\xf5N[u\x92\xb8\x96\x96FG\x9333C3x\x05\xa7;\x05(DLP\xab\xfdG\x91\xaf*\x02\x8b\xd1XM\x0cu\x15\x80\x11\x16\xd4\x9a\x01\x17b\x86\x98\x86\x16\xa6\xa7\xa7:\x1f\r\x0fW\x12XM-a\x99\x9f\xf7\x88\x8d\xb5\xc8h\x8c\x1a\xd3@\xbb\xd0X\x0eN/\xcc$\x07\xfb\x87\x86\x92\xfd K\xd2\xc3\xff\x85\x91\xe9\xa9\xa9G\x87@U91\x11\x8b\xd4\xd6\xd6"\x8b+]\xa2c\xf9|\x1a\x8d\x82\x19PQ\x1c\x9c\x9a^@\xdeFF\xf0\x06_\r\x8dl\x1b\x19\x99\xde6u\xa8\xaf\x8f28Q\x19q\xb9H.\xd7\xca\x0e\x91\xb1\x9e\nX&amp;f\x00za\x9a\xea|4\xb5M\x88\x91\xa1\xa1m_\xd2\x9f#\xdb\x0e\x1d\xb9\xb8J\x15\x8b@\xad\x1aT\x88%\x91G\x08\xe9\xd3A\x9f\x15X^\xa6c\xa0\x1d\xf3\x94\xbf\xf3\x10\xe2\xcb\xcb\x97\xe9\xdc\xd8?.#N\x9d\x02\xd5\xc4j\n]\xabX\x83O\xcb\xd7\x00\xcbdR(\x98\x8e\x8e\x01\xec\xb8\xfc\x95\xc3}}\xa7.^&lt;\x92\x8e\xd3G\x005&lt;\xb1\x8a\xe5r\tI\xac\x89\x04\xf7\xde\x10\xf5F\'a\xf9|&amp;p1\x8c/@\xbd/\x82\xaf\x8feG\xe5\xe0\xd1p\xdf\xfd\xbe\xe1ab"*\xc1Y\xb5i\xac\xbf\x9fx,\xe2v_Z\xfe i\x15\xd4b\x18\x05\xcf\x04x\x8b\x9dg\xf8\xf3\x01\x9ev\x1d![G[$\xe2\x8f\xf9\xfd1\x94-r\x96\xab\xb9Y\xe0\x8a\xb4\x9d\xda\xfd\xb5\x885Bz\xe0\xcfN\xab\x95\xd4\xa2\x93\xba \nq\x06zz\xd0\xdb\xb0y\xa5\xb7\xb7\xc5\xc0\xf2&lt;\xcf\xb4\xefj\xf3\xc7@\xe5r\x99\xcdi\xb9"\xfe\xe1_\xa4\x9e\xf4\x884\xdd\xd0A\xf0?\x00\x0briL\x16\x8b\x82\xf1\xf1\x18\x95\xabv\x8e5\x8d5\x8c\x8d5l\xde\x8c\xb6\xa8l\x0c\xf1\x1as$\x16\x8bE\xda\xcc\xe6K\xae\xdaf\xca\xa2\xbf\xef\x03\xc9\xc9["}\xdfF*}\xf2\xf0\xf3\x00\xb0\x8cF\xa3I\xad\x86\xed\x15\x16\xaeb\xcb\xce\xa6\xa6\xa6\x86&amp;zk\xe8\xad\xaaj\xe1&lt;\x0c\xb0"\x90\xcal47\xaf\x9a\xeb\xc8O3rOn\x7f,\x02\x97TZ~|\\\xfb\xfb@;\xa8L\x9aI5B\xa1\xb6\xe8+\xb6T\tLMMcM\r;{\x81\xc5[]\x11\xba\x7f`\x05\x18\x99\xab\xe6hM\xec\xec\xbb\x19\x12]j\xfc\xbb;=\xe5o\xdb\xed=\xc7?\x8d\xcb\x7f\xa9j\x87Z\xa6\xc9I\xaf\x17X\x16\x0b\xf6a\xabXc\x90\x0bC\x97\xc1\xc3\xd0\x91\x0c\xb3\x8f\x01&gt;a\xd5\xd4\x1c=\x1a;\xf3\x93\x8c\xf5\x12\x9d\\w\xf2\xd7;\xdef\xa5\x80T\x07\xf6\x8e\xc7\xb5\xb9\xbf\x0b\x92\xb7\x140\xfd\xa4\xa0\x96E\xdf\x08\xaeU\xbd\x1az[\xb8\x10\xcfX\xdb\xcc.\xd4\\\xca\xb5\xf9_X?dge\xcb2\xf2\xf2R\xdf\xa1\x82I\xdf\x1aU\xcf\xad\xf1\x87\xf1\xb8v\xc3\x87\x07w\x99\xcd\x1a\xea\xd6\n\x98K\xc8\xa2R\xd9\r\xae\xb1\x06X\xab\xdb\x10\xe2\xa3\x03tPD\x83\xcf1^2\x1a\xd3\xb7\xa4\x8e\x9e\xc9\xc8\xce\xcc\x92\xe5\xc9\xeat\xf1O\x8f\xb7\xbe\x9d\xc7\xd5Ri\xeb\x8d\xed\xdfh\xe3Zmn\xee\xee\xce\x7fcA.\x8f%\x04\xaa\xee^p54\x11\x95\x07\x15\x02I4C)\xe3\xa5\xff\xc4\xca\xca\xcc\x97\xe5\xd5\xd5\xe9\xe4\xda\x93\xdbo\xb4\xbe\xb9bt\xd4\xed\xd6\xb5TF\xaeV\xc0:\x96\xc62\n\xe6R\xf3\x1eK\x91\xc1M\\+\x10\xab\x05X\x18.\xcc\xb4\x08\x8d&amp;\xd3\xa5\xe6K\xc6}\xe9;e\x7f\xcb(.\x06V1\xb0\xe4\xba\xf8\xf8\x93\x03o\x08\x06\xa9\xba~\xf3\xfd7Zy\xb6$W\x9b[\x90\xfb\xb3SX\xf9\x1a\xaa\x10^\x84\x82W[&gt;.\xe2\x94\xee\xde^\xca\xa1\x9b\xf3\xc0\xf0\xb4\x04\xad\xc6\xc9I\xa8EX\xe4\xad\xbe\x0f\xeb\xe6\x8ae2\xd9\\^F\x86\x0ed\xa9k{\xaf\xbcI\x15\x83\xa9\x8e\x7f?\x9b\xd2\x16\x14de\x17\xe4\x02k\xebi\x17I\x81$\xaa-\xeaI/\x16caa\x11gH\xb8\xbb\x1bz\x95B\n\xe1u3\n\xee\xe4$\xc1#\x8bPk\xe2\xdc\xd6\xe29x\xab\x8e\xb0\xc0\xa5\x93\xc7\x1f\x8e_\xb8\xd2\xfa\xff.Ji\xcf\x95\x0b\xb3\x0fSr\x89D\x92\x9dOX\x05\xf2\xcf#\x82q4@\xa2\x8b&gt;^K\xa1\xf0\r7\x83\xc1m\x08\x85&lt;\x1e\x0f\xcf\x0cX\xad\x8c\t9D\x872\xeeC\xe9\xaa9\xda\xf7E\x1e\xb0dy\x99\xc5X\x8by\xc4\xa5M\xc5S\xb3\xdb\xeft\xbd~*\xe9\xe7\xc1\xdcx2\x1eO\xc5u\x92\x9c\xf59\xeb\xf3%\xc0\xca\xd9\xf0Ee:\x8b^\xb5\xb7L_\xe6\xf5\x96\x15\x166*\x13J0a\xa3o\xb1X\xe0x\x8d\x82W\x980\x94\x99V+\xc4\xd1\xb3\x10k\x0e\x96\xcf\xac\xcb\x93\xc9\x84&lt;\xeah\x01\xc5g/\x1c\xefz\xbd\xc7\x1bR\xfc?n&lt;\xb9\x16\xc7?/\x80TY\xd9\xd9\xf99\xb9\x1b\x80\xf5\xf3#\xaef#\x96\xbf\xa2\xacL_TT\xa6.\xa3\x1b,\x06\xa5\x81\xe3B\x1c\xc7\x15\xa1S2\xc0\xc2"\x15\xe4\xd2\xc0\xf2\x91\xfb\x1fd\xcf\xcd\x91\xe5!X\x9d\x8c\xa8\xf0\xd2j\xb1(\xe3\xb3_\xff\xaa\xeb5\xb8\xe0\xa9\x03{\xaf\xa5t\xb09\x12(A\xc1\x91e\xae\'\xb5rt\xbf\xadl\xdeg\xa4AP\xb8S\xa3\x17\xee\x915*\x95\x1c\x1dn#,\xde\x8bV\x89E*\xe8\xa5A\x81\x98\xa0\x14\x12V~f\x9d\x8c\xb022(\x93r\xb9\x1ck;~\xf2\xc4\xad\xc7\xe5\xff\x13\x19\xfd\xdc\xa3+\x17\xc6SZy.\xa4z\'\'\'g}V]~&amp;\xccU \xc9\x96l=MXB%\xd5\x03\xcb\x02\xb9\x1aQR\x1d\xc2\xa3\xf5\x90E(\xb2^\xd4Z\r\x05Vb\xec\xcc\xbb\x99s\xc0\xca\xcc\xcf,\xae\xa3\x1c\xe6\x91\xbf\x10\x05:]\x81N\x9e\x9a=\xf1\xd9\x9d\x1d\xff\xddd\xd2u\x80\xda;KE\n/d\xf0\x1dINNvvVV\xbed\x03\xb0\xd6\x17\xec\x1e\xdeg\xb5\xe2\x8b#\x8b\x85\x85\x9c\x05b\xd1A-\xa8\xc5\x19\xb8"\xbd\x85\xf7\xa8\xd5^`\x9b\x8cTt\xf7\xb9No\xcd\'\xb123\xe1,X\x0bT?\xa4\xb1\xfe\xd9\xc7\xf9\x846\x8e\x9ea\xdc\xb6&gt;\t\xc9\xfa\x17\xa7\x0e\t\xf2\xd4N)=lh|\xec\xb1\xb0!av;\xd0\xc3\xee@a\xe8\xe6\xb2;\xf4\xa2\xd9\xc3\x9e\n\xe9\xc5\xe0\x9b\r\x83\xd4\xc2\xe0=e2\x8ef\xe8m\r5\xd8&amp;\xbe\x18f]\xe1C\x97^\x02\xc6\xa50\xf8\x92s\x99s\x9f\xe7\x95\x9c1K\xe9G\xac$\xb6,\xfd\xf4&lt;\xef?\x07;\xc5\xa2\x16\xf4\xfa\x83x2\x99\xc4\xf1\xf4\xe6\xe9\xff\xfb\x8fTx\xe4\x97\x9d\x10J\x95\x91\xc6\xc8&lt;\r\\\x86A\xc1\x0c\xa5\xf0\xab\xa1\x1b\xb4\xf1g;\xbf\xe0G\xedP\x1c\xf6E,\xa4"\xd0\x0e\x8f\xab\xfb\xcd\x8f\xa1\xe3\x1e\xb0(\xd6\xce\xceG\x7f}\xa2\xc4\xc2R\xe9\x95\xe7d\x06\xe6T\xceu\xf7};\x8e\x07\xe1t\x1cv\xd3\x08\x9a=\xfd\x9f\xf1\xcf;?\xff\xb23\x8e\xe7\xfdQ7\r\xe8\x99\x0f\x12M\x95\x10\xf1\x86\t\xb9|\xcdT%\xc7}\xfb\xa7\x8f\xf8\xe9\xb6\xbd\xa3\xeaq\xb5\xb1\xcfw\x90\xf1O\xdf\xf8:\xac\xd2\xc6#\xceb;\xfc\x03\xfd\xce\xe3\xcb\'\xf6\xc1\x01\xa8\xb8\xc4\xc2\xfbu=\x9a\x87q\x1c\xf7\x93\xa4\x1f\x8f\'\xfd\xe52\x8a\xc7\x0b\xf9OY?N\xbe\xcf\xbfY\xaco\x07\xebu\xdcn\x87\xb7Q\x1a\xc0=b\xd90\xc0\xb3\xc1\xa5\x03K\xf7\xc8\xf5\x02\xa7\xdc\xdb\x83\x81\xd0\xa7Z?\xfc\xec+p}\xb6{\\\xaf\xee\x9f7\x8f\xd8,?%\xd6\x83\xe7o\xbep\x10R\xd4\n7\x94y\xcf\xc9\x12\xb1XK\xde\xb7\xdb\x10j1\xeb\'\xad\xe5(\x9ca&gt;I\xa3\xf6\xec\xaa\xb3\xfd\x8f\xb2h\xeb\xd3\xcel\xd5\xeb\xce\'\xd3v\xd4\x9d\xb7\xc3\xf0v\x94\xfa\x9e\r\x99tr)\x03\xaa\x99\xac\x15%\xcf\xac]\xfc\xf0\xc7SN[\xfbtq\xbf\n\x03w\x7f\xfd\xd5\xee\xeeq\xb5\xda\xdck4\xf7^C\xac\xaf\xbf\xfe\xf4\xe5\xdb\x9a\xee\x1d\x94\x18W\xd8`\x80p\x1c%\x99h\xbb\xddA;\\\xf5z\xf3Y\xa73\xe9\'Ak\x14O\xde\xa7\xc5e\xd4\x9e.n\xbe\xdc\xb2\xef\xe9x\xd0M\xbb\x83\xe9l\xd0]&amp;\xab\xc9\xd54\x06Xt\r\x1e\x04\xbc\xf2\x94\x8e:\x7f\xa0P,\x14rR\xf3\x9f\\\xfe\xe4\xf5\xe9\xeb\xf3:\xa3\xab\x81\x98g\xd4\xef\xfe\xb6\x8eB\x86\x0c\xdd\xdb{}z\xfa\xab\x9f\xff\xeb\xc2\xd4K\xd9\xf2JRJ\xc1E\x1fmw\xc4\x83/k\xc5 \x99\x8fo\x86\xd3A7h\x014\xba.\xb6\xba\xb7\xb3\xe1}A\xf8f\xba\xea%Q\xb8\x0e\xa3^\x82\x07\x16\xc3q\x1c\x8dn\xc3p\xde+\xda\x12\xef@\xe3%\xebH\x00E\xbd\x8a\xee\xdb\x97\x0f\x88\xb5\xcf\xb2\x8a\x8c\xac\xd7\xf9\x16\xa4\x06?\xb9\xd8@:\xee\x9c\xc2@\xb4\x06\x10\xe12TV\x1b$\xb6\xf0\xd5\x8a\x06\xe1m\xb7\xc5\xa6\r\x9c\xf6U\xa73n\x8f\x96\xd7\xddA\x18-\xddV\x12\xe5a\xfeo@uW\xedx\xdeMQE\xc6\xc3\xc54\x1c]\x07A\xc2g\x8fZ\x96\x89\xfc\xd3qt:aj,\x16\xa5\x92m\xd5..\x9f7\xeb\'\xbf\x01\x8b|V\x91\xc2\xc1\xbff\xa3\xdeh\x9c7\x7f\xff\xb7?\xd7L\x03@X\x9e\x14RG\x17\xb9\x98\x89\xcbh\xbe\xea\x055.\x97\xe3D\x0c\xb0E\x1c\xa5\xcb(\x0c\xa3\xb4\\\x13\xf7\x86\xeb~/\x1a\xc4a\x94\xa4\xa3\xc1t\xd8Y\xccp%~\xb9R\xf1[\xdd9\xf6\xbb\xb6L\xa5tRyb\xa3i\xf0\x17\xa5\xf9\xc1\xdb\x17\xa7\'\'\xb4\x91S\xc4~\xe3\xa8I\xaa\xeaa\xbd\xd1\xfc\xdd\xe5C\xdd\x00&gt;\x9e\xa8\xf32&lt;\x9dH\xf6\x19\xe8\x08v\xddKQK}\xc1\n\\\x17!?\xee\xdc\\\xad\xa34\xed\xaf\xe3hY\xe00\x85\xc0[#O[\xc9j}5\xec\\\xc5Q\x82J\xcaU\xb1\xca\xe9*\\%\xac\xa58\xf4\x81\x84\x88\xd2\xa8\x1e\xcd\xd1*\xb5\x87o\x9eg\x9fBG\xdb9:\x92\x8f\xc9W\x8fO\xea?}\x01\xa9`;\x9ef\x18\xa4\xf3l\x10\x9d\xf1v&amp;E\x8bh5\xd7\'U\xd9w\xa9Xo&gt;\xed\xdc,&amp;\xfd4]\xcd&amp;\x85\xf5(\xe9\xcd\'\xd0\x8fB-\xe0\x1ezNyk\xf9\xd7\xbd\x16\x82\x1c\x11\x8f\xa2x A\xa2\xac\x8ae\xb1Nx\xb6\xe9\xbb\x17\xdf~K\xa4\xe3\xb3\x00\x00\x03\xccIDAT\x02$X\xd8@\x88\x01\xaa~r\\\xff\xe4\xf2\t\xe3Q\x97j\x07&lt;\t,b\xc9Fl,\x16\xd1\x1c\xe9\xa0[.\x8b\x93\x08\xa9\xf73:\xb5Jz\x83\xc2\xb2w\xbbnGI\x0f\xa97\\\x8c\xa1Y\xc0\xd9\x98\x8d\x07M\xba\xcc\xb3\x8bF\x07%]\xe5\x1d\xe4\xe0@\x99\x96\x85.\x84\x8c,\x99V\xa5\xf6\xfd\x0f\xcf\x9f\xb1gK\x80U\x8f\x0f\xbf\xfb\xcf\xf75\x8d\xd1\xa8\x14\xa08\x11I\xc5\x12\xac\xccE\xe7\x0e\x82\xdd\x81\x8b\x06\xca\x10\'+HV\xb3Eg\x88*UX\x85\xf3Q/\n\xc7\xc3\xe1\xd5\x04u*\xe0\x18$Pe\x8b\x92\xe0\xdc\x12\xe9\xaf\xd0\xfe\xa5\x85\xe4F\x02\x8c\x85\x15*:\x9a\xe6\xfe\xe1\xdbw\x1f\x9f\x9f?{\xf4h\xff\xfc\xd1\xb3\xbf\xfc\xf3\x0b\xa0@\'C\xcf\xa8\x14\x13D\xcf\xb1\xeeX#\xee\xee\xa0\xd6\x9d4!\xd7E\x1f\xc9\xb0\x020\xa6}F\xff\xb4\x10\xb1\x1c\\\r\x87S\x04\xfc=\x11\xa2\n&gt;i\x06J)\x0c`\xa0c*)I\x0b\x11\xdd\xb81\xd1\xc1\r\xa6\x99\x8e\x1f\x90\x94\xffx\xf0\x1d\xdf5\xfc\xee\xcd\xc3\xa2\xc6\xebALI\'e\xcc{\x9e\xad \x94\xcdVM\x18\xc1\xe2p\xe3\x94l\x1f\x11\xe6\xe6\x0b\\\x81D\x7f\xa1\x9b\t\xc5q\xfd\x03\x12\x96U\xc1\x11\xd1o\x10BLB\x99J2\x0b\x91\\\xe4\xf2t\x93z\x02\xc0\xe4\xbe\xc5\x8b\xcb\x97\x8f\x1f\xbf\xbb\xbc\x80\x7f\x1a\xe3\xc9\x90b\'TP\xdc\xa6\x7fY\xe1r\xb2\xd8\xaa\xb1~\xd5\x9cR\xa9\xb8\x05\xe5\x06eD\x7fwP\x80PW\xeb~\x1ad8\xd9\xc6"\x96E#p|\x04\x08\xea\x01\xca\x8f\xb7\xe9!,E\xf8\x05\\\x1a\xa7{\xc0\xe1f*\xe7\xe1\xdf\xdf\\8\xba%TDb\xcc3\x83\x81eo\xadl|\xa81\x1b\xd1\x1c\x9d3\xcf\xc6\xa0\x1al\xd0\x80\xe5\xd6\x82\x02\xea\xfeh\x99k\xc4\x0c\xdb,\xd3d\x1d\xd0,K\xac\x90\xda\xa3J\x12gY\x85T\xfcN0J\xeb\xfb\x15\x0b\xad\xc9\x86\xba\xc2\xa4\x11\xcb\xc8,\xe6f\x03$\x0e\xe6XT\xcb\xf7)\x9cpma!\xd7\n\xb7\xbd\xd6\xbdq\x99{9\x15$\x00\x19\x7f2e#a\xc2J!\x8bB\xb0\xa7\x90\xd9\xf2+\x94\x0b\x8f\x1bZ\xbe\'\xa8\xa4\xd6\t\x99\xfa\xa0\xd3\x06\x0by\xa2e\x92I\xdf\xf6\x9c\xdcC\xa9\x17X\x85\xd6\xa6pf\x06ZT\xcc\'U\xc6\x92QmP3[\x94\xf8\x9ae\x83\x14\xcc\x0c\x85\xf7\xc9\xfe\x14\xca\x90\xe6n(\xec\xf1!\xb4\x90\x06\x9c"\xf9\xe2n\x1b\x0b\xbaA0x\xb7\x85\x05\x98\x8dZ\xf7\x06r\x1a\xe5\xa4,\xfem\xa8\xf08e\xe3\xe9\xd8\x89`\xa0\xa9\x90\x9f\x8a^\xea\xfa\xe6\x8c\xb9Z\x06&lt;f\x81\xf7^\x11\x0b~\xe3"\xce\xce\x18\xaa\xba\xe2\x0e\xe0\xf7\x8b\xdb\xcbS\xf2"\xd4\xe7\xcd\'\x96\xa8D\xb8\x1cKZ\x9e\x91_\xf3\x06\x0b\x94\x82U\xa9\xe0\xb8\xcc/\xf1\xcf\xf0&lt;C\xe6\ni1\x86\xae2\xddD8\tA\xd4bO\xba\x96\xc7\x8b@\xb1\xa3\xb9\x06g\x10\x03\'r\xb6&amp;U\x07\\\x1c8\xfdlQ-Fl\x85\xa7\xb5\x18\xb9\x9a\xf8\xc3\xbe\xa1\x0b\x97\xc1\x003\xccLM\xc0K\xa8!5\xe5\xd2\r\xe6\xab\xb7\xd97WK\xe0\xd8\x9c\xb1\xb8\xa5r\x1c\x1fY\xe0p\x17~4y\x01\xbar\x8a\x9a\xb0i\xb8\xe9\xe4\xe2K\xbf\x0c+\xc7\x13\x97p\x97E+$r$T8\xc5\x18\x087\xd3\x105+\x1b\xb7\xa9Y\x96\x18L:\xaa@Y\r3\xf30\xc3R&lt;\x12\xc3\xd0P\x1e\x88\xb83\x88h\xbeE\x13\xf1\xca\xc0F\xe4\xe3\x95\x10\xd9\x1c\xc3\xe1H\xb2\x91\xab nZ\x9a\xd4\x06b\xb1\xb9\x8a\xd2\x98\x12\x8c\xac\xff\xd0:3\xc7\x12\xbf}\xc6\x9d\x99\x97\x13\xcd\xca}6-\xdd4\xef\xf3V\xf7$\x08Dp\x9d)\x9a\xa7\x11\xe3\x83X&amp;\n\xca\x99N,\x07\xdd\x84[pe\xf1U+\xbb\xff\x05\xc6\xd6\xf5\xfd(q\x07.\x00\x00\x00\x00IEND\xaeB`\x82'</t>
        </is>
      </c>
      <c r="M162" s="3" t="n">
        <v>45492.67821759259</v>
      </c>
    </row>
    <row r="163">
      <c r="A163" t="n">
        <v>583974</v>
      </c>
      <c r="B163" t="n">
        <v>1974</v>
      </c>
      <c r="C163" t="inlineStr">
        <is>
          <t>Pablo Vegetti</t>
        </is>
      </c>
      <c r="D163" t="inlineStr">
        <is>
          <t>Pablo Vegetti</t>
        </is>
      </c>
      <c r="E163" t="inlineStr">
        <is>
          <t>CA</t>
        </is>
      </c>
      <c r="F163" t="inlineStr">
        <is>
          <t>ATA</t>
        </is>
      </c>
      <c r="G163" t="inlineStr">
        <is>
          <t>CA</t>
        </is>
      </c>
      <c r="H163" t="n">
        <v>187</v>
      </c>
      <c r="I163" t="n">
        <v>99</v>
      </c>
      <c r="J163" s="2" t="n">
        <v>32430</v>
      </c>
      <c r="K163" t="inlineStr">
        <is>
          <t>Right</t>
        </is>
      </c>
      <c r="L16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d09a49-2088-4c82-a682-8a195f07cd1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c\xea\x13\xe7\x00\x00\x00\tpHYs\x00\x00\x0e\xc4\x00\x00\x0e\xc4\x01\x95+\x0e\x1b\x00\x00\x03\x00PLTE\xff\xff\xff\xf6\xf6\xfa\xf3\xf4\xf7\xfe\xfe\xfe\t\n\x0e\x06\x07\x0b\xf4\xf5\xf8\xf7\xf8\xfa\x02\x01\x01\x05\x04\x04\xf2\xf3\xf7\t\x06\x05\xe9\xea\xef\xef\xf0\xf4\xee\xef\xf3\xeb\xed\xf1\xf2\xf3\xf6\r\x10\x15\x0b\r\x12\xe3\xe5\xec\xc6\x9d\x97\xf9\xfa\xfa\xdb\xde\xe5\x10\x12\x18\xf0\xf1\xf6\x0c\t\x07\xe6\xe8\xee\xc4\x9a\x94\x13\x16\x1c\xd4\x9e\x99\xdf\xe2\xe8\xc2\x95\x8c\xd7\xa2\x9e\xd2\xaa\xa5\xd0\x96\x92\x11\n\x08\xc6\x98\x8d\xc1\x99\x91\x9fqg\xcb\x9d\x96\xd8\xdb\xe1\x1b\x16\x14\xc9\x9b\x91\xfc\xfc\xfc\xd2\x9a\x95\x16\x19 \xde\xa6\xa6\xbe\x91\x86\xdb\xa2\xa2\xadrm\x84fb\xcf\x9d\x97\x1a\x1e$\xbe\x8c\x82~a^\xbe\x92\x8b\x16\x12\x10\xb7\x87}\x9f}y\xcc\xa3\x9f\x16\x0e\x0b\xad\x7fu\xbe\x96\x8e\x97j`\xba\x8f\x87\xe1\xaa\xad\xce\xa2\x9b \x1b\x19\xb1\x82y\xb8\x8b\x81\x10\x0e\x0cy\\X\xe2\xe5\xe8\xd8\x9d\x9c\xba\x93\x8f\xb6\x91\x8d\xca\xa2\x9c\xb2\x85}\x9fzs\x1f#*\x9fkb\xdd\xac\xa9\xd0\xa6\x9f\x89kh\x90qn\xc3\x92\x87\xc8\x9f\x9b\xa5\x81{SAA\x8b]SqXV\x99yw\xbd\x88\x7f\x8dib\xd7\xa5\xa1\x83ZU\x90ni\x98nf=(%\xa8zo\xa6|u\xce\x92\x8d\xc3\x95\x92jRQ\xce\xa6\xa36\x1d\x18\xae\x81zbKK\xc6\x8f\x93\xb2\x8e\x89|UO\xb1ru\xd3\xa1\x9d\x98sl\xac{q\xa7nh\xd2\xd6\xdc\xa7\x84\x80\xb3{trQK\xb6\x82y`A&lt;\xc0\x8c\x8a\xbc\x98\x93\xd9\xa8\xa5J,(\xcf\x8d\x8d\x99d[\xc9\x96\x92\xd6\xae\xa9&amp;\x15\x12\xa1umYHH\xb8\x8a\x86E54hNJ\xc9\x8f\x8a(\x1c\x1a\x9cuo\xd7\x96\x97\xc6\xa4\xa0\x1f\x10\x0e\xad\x87\x83\xdf\xb1\xafmHAE"\x1d\x8d[]\xc8\xcd\xd4&amp;+3\xb1\x80\x87\xdd\xe1\xe4\xe6\xb5\xb4\x94ur??@\x90bX\xce\x91\x96\x88cZ^82\xc3\x9f\x9b\xc0\x83\x8d\xb2\x8a\x84\xc2\x81}\xc6\x8b\x8e\xec\xee\xed&amp;!!\xd0\xd2\xd5.*(n@:\xa9ls\xbf\x9c\x98\xe5\xae\xafR4/\xe3\xa9\xa8631\xa6wj\x8bmo\xc8\x87\x86\x88VL\xc1y\x85{NF\xb9x\x80\xaa|\x82\xdc\x99\x9f/\x18\x14zEA\xe8\xea\xe9\x94bd\xa2\xa7\xa9\xe4\xe0\xdf\xab\x8a\x87\x98~~\xa7gmQVX\xb9\x88\x8eP:9\x84LP\xca\xca\xcb\xbf\xc2\xc606=/!\x1f\xa1}\x83\x91rx\xdb\xc7\xc4\xd2\x98\x9e\xba\x81\x85\x90QU\xac\xaf\xb2\xe7\xdb\xd8\xd4\xbd\xbaGKJYahab_vyw\xd6\x8e\x95\xb7r{\xcb\x83\x8e\x9eu{u_c\x98YV\xde\xce\xcbips\x9dkn\x7ffj\xe4\xa1\xa5\xee\xe4\xe2\xaev|W,\'\xb9\xbb\xbd\x99Ya\x85HG\x9faf\xa6rw\xe6\xd2\xd2\xea\xba\xbc\xd9\xb2\xb0j43\xb9\xaf\xae\x82\x83\x80\x9d\x85\x84\x8c\x8e\x8f\xf4\xed\xed\xa7_d\x9b\x9d\x9c\xca\xc4\xc3{\x83\x8a\xc8\xb5\xb2\xdd\xda\xd9\xbc`s\x8e\x98\x9e\xa9\x96\x94\xc3\xa9\xa9\xab\x9f\x9f\xee\xc1\xc7\xc6l\x7f\xb6Qi\xd6w\x8c.5I\x84\x00\x00 \x00IDATx\xda\xcc\x97\xcfK#i\x1a\xc7\xa5\xb3\xebZ\x146}X\x0fu\x08\x1dR\x12)\x155\x1b2S\x81r\xa2[\xb1\xda\x19H\x13\x0fB\xd2h\x1c\xa3\xb6T\xbb\x84L\\\xf2\x0bCB\x8c?\xd2\x10\xa8\xec\xa1!\xc1\x1c\x1ac\t\x9b\x8el\xc8!\xbaz\x10\x89\xe4\xb2\x08!\xb9\xec\xd0\x97m\x19\xf6\xd0\x1d\x1a\x1c\xf0\xb2\x97}\x9e\x8a\xb3\xec\x1fP\xe9\xddG\xab\xacT\x05\xea\xe3\xf7\xf9\xbe\xcf\xf3&gt;==\xaa\x85fD\xd3\xf3\xff\x10#\xc810[\xbb&gt;z&lt;22\xd0\x7fvv\xd8\xdf\xfb?G\xd3h4\xbdgg\xf7\xe7\xcdl\xa9qw\x7fQ;o\xb7\xda\xed\xcf7?\x1f]\xcc\xce\x1e&gt;\x19@\xf5\x06z\x07\xbe4\xa5\xe6\xf0\xe2\xe8\xd3]+[\x90K\x05\xa1\xd4l6J&lt;\x86\x9cm4.\x9b\xcd\xd6y\xed\xe2\xa8v\xfb\xe9\xa8\xf7\x0b+\xd5\x7f\xd3j\x94d\x96`v\xb3\xb2 \xb0\xf0\xcb0\x02E\t\x9c\xc0q\x82\xc0\xf0\xd9V\xabu\xf7\xaf\xdb\xd9/\xa7\x17x{`\xf6\xbc\xc1P$\xd1GP\x82@\x91\x104\xcb2,-\xb0\x00\x08\xf1\xeb&gt;\xb2 7\xee\xaeo\xc1v_\x8c\xaa\xf7\xe2\xba-S\x04\tX}}\x04A\x90\x00GA\x90\x04\x02R\xc8F\x11\x04\xc54\xc0k\x87\x9a\x91/\xb0\x0c\xe0\r#\x177\xefK,\xd9!B(\x81a\x19\x9eaY\x16\xb8\x10Ta\x83K\x82\xe2\xe5\xe6\xf5\x9b7g\xddO\xe4\x88f\xe4\xa8Ub\x11\xa7\xaf\x13\x04\xc5\xf2|\x8agiH"\xf5p\x1b\xce\x04\x8aI\x90\x85\xf6u\xed\r\xae\xcb.\xaf\xbf\xeb\xbbK\xc8\x11\xa1\xbc\xbaCEs\x1c\xd8\x9dG\xbd\x84N^;\x0fH\x8a\x86%\xd0\xbc=\xfa\xe3\xfd\xa3.\xd7\xcf\xc3\xf3\x06\x0f\x8e&amp;\xfb\xfe\xf3r\x9a\xa6h\x96Oa\x9d`\x94Dv\xe4"\x11\x0b\r\xc77Z\x9fo\xfb\xbb\x8b5P\xbb\xc4*\xf0_T\x14\xc7q\x0cP\x15x\x10\x8c\x81\xc2\xc0\xd0(\x18)\x90J\x12AR\x92i^\xf7v\xd7\xee\x87wY\xf6\x81Ia#H:\x9d\x02&amp;$\x12X8\x81\xcd \x91\x14&lt;\xa6\x14*\xfc\xa6\x90m}:\xec\xaaZ\xd7\r\x96|\xf0\x14jBP\x14\xcd\xcb%\x08\x10K \x99\x82\x0c\xaa\x81N\x14Z\x1fO\x80\x06?\x0cSj\xd5\xba\xe7\xfa\x91ZSPj\x00\xd91P\x1f\xc5\xd2XE\x0b\x00\x93\xe29(\x14|A\x96\x19(h\xf85\xaas \x99@\xb1\x975M\xf7\xa8X\n\xddN\x08T\xa7:\x81\xdd\x95\xf7*\x0e\xe3h\xb8\x14x\xb9N\x13\x84\x00\xbc\x1c\x07k\x94\xc6JA@#`\x9b\xd7]*\xf7\x17\xefY\xac\xe6}}4\xd6\x07\x8a\x83%\x88/\xa6h\xe0\x81\x13^P$\xc5\xd6\xeb\xf05.UG\xb2\x8e\xb8X\xc3P\xafG\xdd\x10l\xe4\\&amp;\x94\xe2M\xb1\xd8\x05\xb94M\xa7\x13\xa9z=\x9dH\xa49\x1a\xd5\xea@\xf2\xa5:\x07\x8fyx\x8e\xa8\x9c\x80\xb5\x15\x96&amp;\xdf8\xef\xef\xc2*\x9cm2\xe8\x13\x92fx\x8eI%R\x89tB\x14=\xd1h\xb4\x18\xf5\x88\xd5j\xa2\x9a\xe08\xe0\x83\xa5YO\xd0$\x05\xd7\x90FP)\xcd\xe1\xff\x02\x17\xec\xfb\x8b.\xc8u[\xc2\x94@\x1bN\xa5\xb8\x94\x07P2\xc5h4/I\xc1\xa0$\x15\x11O\x143b\x02t\x03\r\x134j\x08A\x13d:\xc5(d\x14[\xbaS\xbf\xda\x1f\xb6`#CR\x0c\x83j$D\x8f\xc7\x13\xaeHR9\x97\xcb\xb9\x96\\R\xfe\xb8R\xc9\x17\xa5\xe3h5\x9dNT\xab)8\x89\x89D\x02\xf5\xe2\xd2\x0c\xc3uJl\xf3^u\xb9nd\nv\x08l*\x91\xa8{&lt;\xa2(F\xc3\xae\\\xcc`p8\x1c\x06\xab\xab\x9cs\xc5\x1c\xde\xe3\xa5\\%\x9f\xa9VE\xb1\nH\xa2\x98\xc6\x9cRx&lt;\xec,\xb27OT\xa6\xba\xbf\xa4\x05\xe8;,x\x1c\x84\x123\x1f\x8e\xcb\x0e\x87\x7fr\xc5\xe18\tX]\x9b\x81M\x87\xc3U\xc9\x19b\xe5\x8f\x1f2\x19\xc0\x028H)\xa4\x92\xeb\x94\x10egVj\x1f\xf5\xa8\xaaWo\x1b\xfb\x9d@3\xa9]\xf07P\x9d\x96\x1dFc\x00\xb1\xfc\xfeM\x871`t\xfc\x18sY\xfd\xc6\xd8)\x04H&amp;f2\x1f\xf2\x19X\x13U\xb0\x97\xd2\x89\x10\xaby\xfe\x1bU\x97\xe1Q\x16vUu\x9eE\xad\x90\xea\xd8\x05(\xa1\x90\xc5\x120\x06\xfcF\x00\x0c\x04\x8c\x9b\x0eC dt\xc4\x8c\xfeX\xb9\xf2\xd3\xe9\xf1i\xf98\nt\xc8\x05\xa5B\x00,\xb6\xd4&gt;SQ.M\xcf]A`\xeb\xbb\x9e\xba\xe7\xea\xaa(f\xf2\x90\xc1Mch\xc1&lt;?o^\x80\x08\xbc}\xbb\xb0?\xbf\x10\n\x04\xf0\x939b^0\x9bC\x80\x19;\xcd\x88\xf9\xbcHA\xed\xe5X\n{h\xf3^\xcd,&gt;n\xc2l\x03\xf9\xdb\x8d\x86\xc3\xc5\x0f\x1fO\xcb\xb1M\xa3\x7fa?\x8e\xb1\xbf\xbf\xff\xf6/\xfbk\xfa\xb5\xb55\xb8\x84\xf3\x9a^\x0f\xb7\x07\xcd\x0b!\xff\xe6i\xe6C%\x9c\x80]\x19\xcb\xa0\\B\xa3\xa6\x1e\x96\xa6\xa7\x96\xa5\x18\xa8W\xa9\xabp&gt;\x9f\xff\xf8\x93\x0b\xa8\x02!s|\xd4d\xd2\x8e"\x8f~T?\n\xa1\x9c\xb4p\x0b\xc0\x06AHK\xe8\xa4\x9c\x97*\x1e\x126]\x05\x06\xba)\x95\xbdU\x13\xeb\x8e\xe7x\x06\x8a\xd1\x95$\x1d\x1fW~\x8cm\xfa\x03\xb6\x85A\xa02\x99\x00aT\xfb\xadV\xab\xd3b\xf8|:\xb7[\x87\xac\xf3\x90`K(4i\xadHQ\x8a\xa0\nY\x98)\xfb\x08\xa6\xdd\xaf\x1e\xd7@\x0b\n\x03\x0f\xcd\x06\xfe\xf5J\x05J\x94\x11\xdc&gt;\x1f7i\xb5&amp;\x90H\xab\x83\xd0v\x02\xa8\xb6\xb6\xb6\xe0\xd3h|\xde\x0ci\x0c\x85l\xd6\xe3*\xb4H\xd9\xe9\x94q\xf3qy\xdf\xa3\xdaN\xe2I\x93-\xc9)\xa6\x1e\x95*\xe5r9\x16\xdb\x0cX\x16"\x885\xaad\r\x99F\x95k\xc0\xd2\xe9\xdc:\x1f\xdc0\xc5;z\xd9N*"\xec\xab\xeb2\x0c\xdf\x90\xc5\xe6\x85Zjiz\xce.\x05\x19\x92\xe8)V\\\xe5r.\xe6\xd8\xb4\x99\xcd\xe6H\\\xf1\x92\x1e\x03\x89\x14[\xf9\xdc\x8ar\x88h\x1a\x1e\x04\x7fYl\'9)*&amp;\x18\xb6P@\xac\xd6\xa1zXo.\x19\x9e\x16R\x9e\xbc7\xe7\xc2\x96\xe3\x0fA\x19\x98\x8f\xeb\x87\x11@\xbf\x86\xeeR\x02\x95Bka\x80\xed\x06\x81k\xc6~b=\xf0\xe6=i\x8eO1\xd0\x7f\xda\xbd\xeaa\xcd6K\x0c\xc1\xd5\x8b\xd8\x99]9\xc7\xc9d\xc8\x1c\x19\x1c\x8c+B\xe9\xe1\xcf\xe8\xb7h/\xc5V[n7\n\x06\'\x1f\xc85&lt;8nY\x01,\xa9\x98\xc0A\x12\xf6\x83\xedGjb\xc9&lt;\xc5x\xae$\x17P\xc5\x1c+!\x0bV\xd2}\xbd\x1ek\x94by\xf7\x03\xd5\xdc\x1c\x80u\xfc\xe5\xfb\xfd\xd0\xf0\xf0\xf0\xd3\xf1\xc9\xe5\x83\xa0t\xe5I\xc1L\x04\x93R\xeb\xb1zXG\r\x16\x86\x87\xddp\x10\xa0bV\x87\xdfb\t\x99\xa1t\x9aF\xd1U:\xf7\xc4\x84n\x02\x0e\x9d{l\x0ec\xcc\xdd\x11\xcbd\x1a\x1a\x1a\x9e\x1f\xb7/{\xa5\xb0\xd3\xb9\x8b\xb3\x11\xa1\xaa\xb7~\xceR\x85\xd2.bY\x11k\xc5bYx\x1a\xdf\xc7\x95\x08~\x1a\x83\x98\x98\xc0cb\xec\xdd\xf4\xdc\xf44(\xa6`\x01\xd4\xd0\xf0\xb8y\xc6\x10\x0c\'\x93\xc9]\x18\xd6\x98_\t\xef\xcfTT\xeb\x17\xac%k\xccj8Y\xb1Yf\xe6\xf7\xff\x80uK\xa7C\xa0\x0e\x17\xc4\x9c\xc25\xbd\xe5\xf6\xf9|Z\xd3P|xx||f\xdb\xbb\xe1L\x82\\r\x81a\x99\xe6\xacz\xe5\x14Z"b9\xc3^\xab\xd5jX\x99\xb4\xd9-\x91Hd\xd0\xe4\xd3\xea&amp;\xb6\x10\xe7\x9dB\xf5n\x1a\xa8\xde\xa1X\xbeN\n\x07\x07\x9f\x8e\x8fO\xad,m8\x9d\xce\rg\x89g\x05F=\xb5z4\x9a6\x83XW\x0fX6\x9b\xcd\xbe\xb3\x13\x89\x9bLqh\x8b&gt;Dz\x07\x012\x8dM\xf8|\xee\xdf~\xf7\xdd\xcb\x97_\x7f\xf3\xcd\xd4\xce\xcc\xd7O\xc7\xa7\xa6&amp;\x17\xf7@\xae\x17\xc9\xdd\x02\x8c\xba*6\x1fM\xcfg\xbe\xb0\xeb\xbc\xba\n\x07\x0f\xac\x8e\xed\x95W\xf6W\xb6\x99\x9d\x9d\x1d\xfb\xea\xf6\xf6\xab\x9d\x88^76\x8d\xf1\xe7i\xb7)\xf2\xea\x1f\xff\\\\:\xf8\xfe\xf9\xeb\x1f\x9e\xbf^^^\x1d\x7f:5c\xd9&gt;x\x96L\xfe\x1d\xe5\xe2\xe5\xbb\x11u\xb1\x9c`\xdb\r\xf0\xbca{e\x15\xe2\xf9\x0f\x8b_\x05\x83A\xef\x9f\xb6\'\xff\x16\xdf\x9aS\xb8\xb6L\x91\xd5\xbf.\x85\x8b\xc5bx\x0f\x9f\x05\x83K\xcf\xa7\xa6\xec\x16\xdb\xf6\xf7\xeb\xc9\x17\xeb\xc9\xac\\\xc8\xde\xa87[\x03\x96\\p\xaeol\xec\x05s\xd6e\x83a\xf1`\xf1\xe0\xd9\xdeU1\x9a\x0f\x87%\x97u%\xe2\xc3\xaa\xb0\xb5\xe5{\x89TQ\x98\xd5`~,\xc2\xc3|\xd8\xbb=c\xb7\xdbm\xaf\x9fm\xac\xafo\x80\xeb\xb37\x03*b\xdd\xc9\x85\xe4\xfa\xfa^\xd0\xbbh]\xb6z\xa5\xbd`\x18GV\xe5\xe5\x92k{\xc7\x04\xa5\xdd\xa7\xf3\rMA\x89\xcaGa\xc2\xa8\x8a0\xd5\x16\xf3\x80\xb6\xb4\n\x19\xb7\xad~\xb5\xb7\xb7\xb7\x01i\xcc\xc2f^\xbd$\x9e\xcb\xa5\xe4z2\x19&lt;X\xb4\x1e\xe0\xac\xea\xf9e\xe6\xca\x14\x8f\x97\x96\xedq0\xfa\x16P\xd9\x01Y\nCH^\x10t\xc9\x0b\x83m\xc5:99i[\xfd\xdd\xfa\xde\xde\xfa\xfa\x8bdR\xd5$\x9eg\xc1Z\xce\xf0\xb3\x83\x03\xa0\x8az&lt;8\xe1G\xff\xcd\xaa\xf9\xfd\xa4\x95\xa6q\xbc\x99^\xf4j\x93\xb9h\xaf\\\x02\x12\n\x895\xca\xc1(\xc1\t\xa2\x0c\xc4\xd0]\x0c\xa8\x8d\x0b\x02G\xca\x0f;\xb4\xe5\xf0#\x1e\xad\x83\xa0\xa1(+\x93RI\x1a,\xe2\x8e\x986\xb0\xd4\xb5\xa8\xd4%\xa6\x1d\xd2r\xb1Y\x95\xd8\xcd\x8e4Cc,\xae\x80?\xb2\xbb\xb2\x93\xa6\x17\xeb\xc5&gt;\x87\xdd\xfd\x0bz\x9e\x10\x12\xc8I\xce\'\xdf\xf7\xfb&lt;\xef\xf3\xbc\xe7\x8c\xcd\x8c\x11j\xa1Z\x93\x11VP\xee`I\xdd\x82\x10\xaa\x08\t\x986\xf1\xd5\x9a\x1a\xa3G\xcf\x84\x9d]\xa0\x03.\x9dZ9&lt;\xac\xec\xe4\x0c\xfe\xf5g\x12{\xf9k\xff\xfa\x0b\x815\x15\x0e\x85\xcd\xcf\xc6\xc0\xd0\xe6\xb0\xd6\xaa\x15\xc0M\xd1\xb55T\xa0\'\xcc\xe5\x97\x0bG\xf9\xcb2\xd8\x04\x98\xba\x85Fj\xcd\xe5\x9av\x93[\xa0\x08\xb9\xf9}|\x9bM\xdb\xd9\xa9\xecl\xe1(\x7f|z\xe1\x12i\xc7\xe1W\xfe\tj\r\xc2\x1a\x86\xcd\x90g\xf3\xc3\xea.\x93\x87\xdbFm\x94\xea\x04\xe6\xe8\xc3\x15\x19&gt;\xee\xf0\xfb\xfd\x16\xaa\xca&amp;s)\xd6\x1e\x9a\xcd\xc3\xa8z\xa8\x9d\xca\xf5\xf0C\n&amp;\xdfd\xb3\xf1\x99a\x14\xe5\x0c\xf4(\xff\xfe\xf3\xe6\xdb\xcd\x9dkda\xfd\xe1\rd\x929\x14\x1e\x86\xecz\x88ZM\xe2\xc6vi\x97v#\xb06\x7f@\xcc\xd7\x1e\x8b\xdc\x1f\x94\x8f\xab\xf82Etffl\xf2\xeb?\xbd\x99\xbc\x1dv\x8b\xc56\x19\x93/\x02\xace\xc8\xde\x81~\xce\xd4\xecUF\x1d\xb5\xf6\x039z]\xfc\xf7\xe4\xe4\xed\xdb\x83\x9d!\x85\xd9\xfc\x106F7\xbfK=u\xef\xe6\xcd7\xcfN\xe7\xabc\xbf\x88\x05X\xfez\x15\xae[9\xf8ff\xf2\xf1\x93\'\x8f\x7f\x0b\xd9\xf8\x90)\xe5\x89\x9b\x1by|\x9bN;0\xd0\xdb\x1b\x0e\x89i\x96\x1b\xb8\xea\xfd5r,\xff\xb7\xfb\x93S\xca)\xb3"\x1cF\xd7P\xad[;\xfc\xec\xe6\xd7\x8f\x7f\xf9\xe4\xf1}\xe5\xc1\x1f\x0f\xd6`\xa1\xbc \x97\x9c\xd2\x8c\x8f\xc8\xa2\x07\xa7\xd5B\x8a\x9a\xa3\x073)~s\xf3\rF3_\xb7\xec\xb6\x0ep\xd46\x86\\&gt;\x9eLc\x9b$a=\xfd\xe97P\xb6P\x05\xa4\xbdB\xa0E\x9f\x11\'I\xf7\'\xdf\x0c\xfe\xd4y0s\xba\xe2b\xf2\x9b\xeb\xe5\xfe\x0e\x9a\x01\xc7\xed\xf9b1\x8fH=\xa3\xdcv\xa9}ee\xb9\x99\x01]\x84H\xb7\xcc\xb4\xaa\xc3\xfa&amp;9\xe4E"\x199"\x01\xeb\xe2\xd9\xce\xcb\xa7?\xdeVN\r\x03\x96V \xd0\x9a\xc7\xbe\x19\x8bf\xcch $\xb3\xbbR\xf3Q\x85LfSQ\xe4~?\xcd\x10A\xec\xae|6o\xe7\xd5\x08\x85,*\x0f\x1fQ1\x9a\x9a\xea\xa8&lt;\x91M\xd7\xa5\xd62&amp;&amp;j\xc7\x17\x9d\x91\xb9\x9d\xcf\xf7\xd6\xc5\x97\xdf-\x0c\xb5*o\x135^\xa1\xee\xd2\xeb\x98k\xf3f\xad\xde\xc4\x13\xabFp\xc4\x15=M\xb9\x88\xf3\x08:\xbb#\xd8`\x88\xe0\x08b\x97\x95\\2\xbe\x98jll\xbe\xc1\xb2h4\xc2:\xaa\x98\x87/[\xb5\xfc\xeenV7\xcb\xe0\x8ch\xce&gt;_\xac/&gt;\x9aD\xb8l\xed\xde\xbd)%\xaa\x10\xe8M|&amp;\xf466\xa9\x18\x86S\xdc.[\x89\xa6Bv\xc0B\xbc\xec\xf8qG\xbd7\x82GT&lt;\xa8\x08&amp;)\x8f\xcb\x82^\xb0\xdbQKc1\xe0R\xe6t\x97X\xc8\x12N4\xd1\x9d\x89\xe0\xa5\xcf\xb7\xd5\xd9\xb7+.\x8f\x18\x86\xbd\xa9N4$p\xc3\x06\'\x12\xe9t"1L\xa68ns)dv"\x90Ev\xf08.1$"\t\xafw\x11\xc6i\x95j\x94\x05\x03\x87\xdc\x01\r!\xa3Q\x85/w=hd\xc1?tz\xc2I\x86\xb5\xbe\xfc}\xaaXn\xf7\x88\xb4P#CZ\xe8\xb5\xc4\xdc\x1a#\x97j\xa467Ro\xa8\x10\x10\n\xa0\xecHB\x12\x0f\xc6\xd7\xe9^o\xc2K\x07\xb8\xc8H\xc4[\xdf@T\rMS]\xdd\x8d\xe6\x11\xbbv\xa8\x91\xc1r\xb0\xbd\xf4\x84\x8f\x84\xb2u\xf1\xca\xc7|6&amp;]\x10\x8b\xd4P\xb0\xa0\xd9\x12\xb5S\xa9\xe3\xc4\x91\x08\x8c&gt;\xdef\x1c!\xa4\x82H\xf8\x96\xe2K\xebNg\xf50)\x01\\\x11\x03E\x1e\x0f\x06\x83r\x90\x0b\xb0\x96\xad\x0f\xda\xa9,\r\xcd0\xe7\x94\x9f\x91\xb1\x1fn2\xf3\x08x\x05\xe6*\x85\x96\xe9\xe6\xf3&lt;\\b\xb6\xa0\x1b@\x17ob\x1b\'\xf4\xc2\x90\\\xc2\xb7\xbfO`9\x89!\x9bn\x00\xbezI\x03\x81\x05rU\xb1\xba^q\x19\xdez\x89\xe1\x9d\xef\x88\x94\x96\xeb\xa54\x8f\xe0|\x93Ik\x0e1\x89&gt;\xde\xc3j\xaa\x8e\xf8\xd5P\x11\xa9\x87cx\xc2\xe9[\xdf\xdf_\xdf\x05,:E\x02A\x91\xd0\xd8KU,\x90\x8b\xd1\xcc\xd3Y\x87j\x84\xe3t\x1a\xdd\xe9?#e\xe79\xfb\xcee\x17\xe1"\xbe\x00\r1\xdd6&gt;\xcfH\x1ci\xc1\x8d}\xf0\xf1\xe2\x84\xaf0,R\xa5\xfa\x1f\x96\x01\x94\x82A\r\xa6F\x02+\xee\x87\x12\xd1\xc8\xeb\xea\x1d\xfa5\x08\'\xa7H\xc8\x11\xeb\xc2\xa5\xb7\x95C\\$2i\xc3j\xc2Z\\\xe38\x1d\xd6\xa7:\x1c\x1a\x90|\xbe\x04K\x88%v\t\xaa*\x17\xddGO\x10\xc6\x02\xac\x0e\x02\x0b\xe4\xd24Q\xa5\xd3\xb3C\xc2c\xbf\xc6\xaf9!G\xac\x0b\x17\x8fF\xf2v|Dd\x05,\x1d_\xcc\xbd3.a/U\xc3`/\x16\xb3i\x8c\xc0Z_\xda_\x8a\x1f\xc7\x01k\xd7\xe7sF\xf0\\\xa2\x1e\xd4\n\x1e\x1f\x1f\x03\x96C\xc80Yg\xfb\x00K\xeew\x1c\x91\xd5\x9e\xfeb\xc2^AD\xbc&gt;\xb5\xda\xaa\x87\xcdnn\x0b\xa6\xc2x|i\x89bOE3%,\x87\xa5\x91\xc5\x86\x8e\xfd}\xa8\xa7\xbb\x89\x04p9\x13\x11\x0c\x89\x18$\x1d\xc7\xe7\xe7\xc7\xc1\x0e\xb9\xc6r\xb5\xaf\xb7\xb7\xaf\x9b\xc0"K,b\xfb1V\x90\x11\xea]N\x98\xc0Z\x9c\x83z\x1e\x04,6\x9e:\xcd\x94\xd2\x80\x85\xa4\x93s&gt;0\x17\x1bx\x12\x90\x8c\xbb\xce\xb9E\xa4\x829\x1b\xce\x8f\xce\x8f\xe3\x1d\r4!\xb7\xb5\x87\xa3\x9f\x08:\xd8\x9a\xf7\xe4M&gt;W\x8e\xb8\x18\xefr\x1b\xa7E\xcb7\x01V\xc31\xdcl\x89\x1d)\x9e\x06\xd2\xf64\x82\x952\x99R\x92\x90\xc9\x19\xc1\x0e\xb3\x95\xc8\x1c{}}}\xb4\x94E\x16;\xce\xcf\x83p\xa5\xa5\xa9\xbd\xf59\xe7\xc1\x84\xdfB\xab\xdd!\xf1)\xc6\x95\xa3\x9a\xd1\x9a\xb6\x81N\xb5\xde\xb4\rX\xe7\xe7\xf1}I\x02\xa80,\x16K\xe7OgN\t\x87\xe5"\x91\\%\x9b\xc9\xe7v\xd7\xd7\xb7\xd6\xb7\xb63E\xc4\xd9\x10\x04\xb1\xd8\x14\x96\xa7\xbfw\xf6W\x13\x13\x0e\xf9\xc9\x072\x1f\x17\\{\xff\x15\x97;=\xd8\xd2U\xc5\nv\x00U&gt;\x1a(\x14\x80+\x9d\x8d\x9e\x16\x0f!\\\x15\x04\xa9\xa4s\xab\xab\xef\xde\xbd\x9b\xdb\xda\xda\x8a\xa5\x8a\xd8\\C\x07\xac!\x85\xb50\xdb\xdb\xda\xd6=\xe1?\xd9$\xf7\x8d\x88\xb3Z\x15\xd7\xd4\xd22m\xe2\x81\xb7\x1a\xd8\xbeD%S*$c\xe9t)\x9b\xcdf R\xa9L6\x9f\x8e\x95bX\x0c\xc8V\xbf\xbf3wg\xe34\x1b\x91\xc0\xc54\x8aq\xa8\xa7\xa7\xb5M\xe8?\x99\xd8!\xf7\x81\xe2\x17\xb7l\xd2\x07=\x1c+_\xba8\'aK\x12\xf6&lt;\xb6]\x88\x95J\x87\x04S*:?\x1f\xcd\x04\xb2\x99\xc3\xc3\x8d\xc3\xc3t!\x96\x8c\xc5\n\x85\xc2\x8b\xd4)\xe2c\xb35\xb4\xa6\xeb\xfd\x9c\x9e\xd6\xab\xdd\x0e\r\xa9\xd6"\xdcUk\xf2,\xf4(\x07\xf4\xd2\xd19\x89\x84\x8e\xe5\xb1\xd7\x85\xf2F`#\x00\x91\xc9\xac\x81V{{\x81\xec\xe1a \xb0Q.\x97\x0b{\xf0+0=\x10-I\xd84\x8b\x85u\xb7\xff\xf9\x9f\x87X\x1a\x8d\xa5\xf6\x03\xb9X_\xbe5\x1a\xdb{\x07[\xf4\xd2m\x83\xc4\x17\xc9f\xcb\xe5=`\xda\x80\xa8~\x95\xf6b\xe5@6\x9d\xde\xd8+?z\xf1\x02\xb0\x02\xe6\xc0\x866Ub7\xd0,M\xc6\xa1\xd9\xd9\xfe\xbb\x16\x8dCH^\xd5\xfa\xbf\xe7/\x1b\xdb[\x95J\xc2\xf3&gt;\x1f\x92\xca\x04\x02(\x8a\x06\xaa`{\xe5r:\x86\xc4\xb0t\t\xdb\xde~\xf4H\xfa\xc8T(\x03\x16\x1a\xd0f\\\x126\xa5\x89u\x1d\x8a\xe9\x0f\x97\xa1\xda\x7f\xf5\x9e\xecWZ^\xfe\xee\xb5\xc7\xd4\xa2\xb4\xeaM\x8b&gt;\xba+j6\x9b\x81\x8a`\xda\xdb{\x94,`\xc9d\xf2\xbf\x19x\xe7\xfb\xed\xedd\xa1Pvo\xa0\xe8\x1e\xea\xa2\xb0Y5W\xef\xb6&gt;\xef\xfd\xc7\xad\xa0\xdfrB\xf2\x1a\x12}\xc4\x82\xc7\xd3\xdb\xd9\xd3\xa5\x1f\xad\xaf\x87\xe2\x80V\xb1\x00*\x16\xc3\xa0f\xadV\xeb\xc2\xeaj2\x97\x83\xcd\xa8TJ\xc76\xd6\xcc\xfa\x80\x8c\xc6\xae3\xb6=h\x9d\xfd\xe1U\xad\xdfq\x8bt\xb1.\\\xf9x\xf7\xb5\xb1U\xc9\xb1N{\xe8\x14Y*\x00re2\xd9L1\x93=\xccW*\x95O\xb9O\x9fr\xab\x9f\x92\xdb\xe9\x1cV\xc9\xc2\x08[\xcc\x14\x05\x0b\x01\xdb\x92\xa3\xa6\xed\xfa\xab\xd6\xd9\xfeW\x13\'\'\x9bg\x17H\x8f\x9do=\xa3}-\x9c\x81\x01\x93\x976\x12r\x83\xe1\xb3\xa9\x83\xff\xf0n\xfe?m\xdcg\x1c\xa7 \x11)\xa2I\xa4:(\xc2\x1a\x84\x08\xdb\x08\xa2\x18]\xc5!\x0e\xc5\x18\x14\xeb\x12\x1fX#wp\xe8\x0e/\x07\xf1|,\xb6\x97\xb8\x8bG\x82\x9b\x94\x88o\x9a!V+dt\x12\x15\xb6&lt;E\x8b\xfb\xc3\xdc1\x9c\x84\xa9vd\x96\xa8\xfe\xc2\x02\xd2Tb\x8b\xc5\x82-[P\x96\xb2M\x11A!J\xb7\xe7\xe3\xf4?(\xb7\xc7\x06\x84\x7f\xf1K\xef\xe7\xfdy&gt;\xcfc\x1e&gt;\xfb\xeb\xbd?5\x9e\xd2UZ\x9f\xa7*\xfbS\x9b7VR7Vnt\xb9]\x8b7?\xbb\xf7\x8b\xc1\x86\xe6\xfa/\x8eZ\x8d0\xcf\xf11*\xb5\xbc^,\xc3\xd2\xc8\xbe\x15\xb7\x9b\xa2q\xb3y\xb8\xfe\xd2\xa5\x8f.\x0c.-\xdd\xff\xe7\xcd\xbb\xe7,\x81\x95\x95\xd4\xe6\xda\xf2\xfa\xe6\xe6\xfa\xfa\xda\xf2\xf2\xe6\xf2\xdaZj;w\xed\xd3\x8b_\x0e\r^\xb9\xd4\xa1\xb1R.\x9e\xe7c\xbb\xeb2\xady\x1eZ^^\x8b\x91\x98\xb9\xb7]\xd31x28s}\xee\x8fw\xfbb\xa1\xc9Tj\r\xb0\xbe\x02\xa0\xe5\x14 \xa5\xb6\xb7w\xa9?\xdc\xff\xf2\xfa\x8cfP\xd3\xd1j5:\xc0Z\x12\xbf+\xdb\x1e\x1e\xcc\x8c\xafE\x90\xcb\xa3\xbfq\x16\xda\xae\x99\xc7o\x9f\xde{\xe2ul\xef\xbe\xde\xdd]I\xc1\xe3yW\xbf5n_]\xddY}&lt;q=8\xa3I\x7f\xfc\xb1\x95rD!\x87\xd2\xd6K\x19\x97u\xf7\xbd\xc0I\x8c\xfc\xdc\xa4\xa8\xec\xb7\xda\x83\xe8\xe8\xfd\xe7\xe9\xd3\xa5g\x7f\x7fz\x7f\xde\xef\xf7?\x9e\xdb\xd9\xf9ngg\xe7\xedc\xe8P\x7fz}\xa8\xab\xa3\xa3\xdfJQQ\x9ea\xa4\xd7\xafd\xdc\x88-z\x10\xc6!\xcc\x17\x94\xfd\x8a\xc1`0\x08 \xdf\xe5\x03X\xde\xfe\xf7]|\x03111q\xec\xd8P\xd3\xf3\xca.7\x15u\xf14#\xbdY/\x901^\xc5@.\x1a\xf3PMJ\x185\xec\xc19\xc0y;\x97G\xb9\x83\x86\x8c\x16\xd4^\x01\xd4\xc47\xc7&gt;T4U*\x8d\x0e\x17!1|\x82\x7f\xf1o9\xb1\xd6\xdf\xd0$I\x9b\x85@\x9b\x02a\x01\x17\xb40\xe9;u\xa8\x1f\xbdS\x87&amp;\x9d/N\xd4\x9dA\\\xc75Ve\x93\xdb\xebey\x86\xe6\xa3[/d\xdd\xd3=\xb4-\xe1"F\x0b\x16\xabbtt\x08\xe4\xf2\xfb\x83v;\xf4V\xf0\xc3\xef\x07\xbe\x96\x96\x96:\x98\x1f\'\xce|8dU\x1aY&gt;J0L\x98Olm\xcb\xba\xd5|\xf8e\x0c\x13I\x0c\xc7\xd8Qo`\x10\xd4\n\x0e\xc6\x11\xdb\xc6\x93g\x1b\x177\x823\xe9\x96\x96\x0e\x90\x0b\x86\xea\xd6.\xb7\x03nh^b$&gt;\x96\x88m\xcb\xba5_\xf4j\x8b\x01(\x92\xc3\x08\xafwt\x10\xd2\x08R\xcd\xcc\xf8oC\xf7wq)\x98\xae\xcb\xff\xf1\xee\xcc\x99\xe3\x1aE\xc8\x05H\x02&amp;\x11PK\x13\xd2\xb6\xbc\xab\xe9\xaf\xb6b\x0cNr\x03\x1c\x8d\xb8\xac@\x95\xbe\x94N\xdb\x97n\xff\xe3\xfe\xfc\xe3\x99;\'\xf2XG\x8f\x0fY\x8d\xd1\xb0\xc0\x08\x0c\xcf\xb2\x90\xc2$#+VQ\xc1W[\x12\x8d\x87iN\xe4\xa4\xa87\x10\x8f[\x87\xd2G\xeb\xea\xd23\xfe|_\x93&gt;\x91\x17\xebG\xf6\xc1\xb8#\x13\x06\xb5\x18\x0b\xc2\x8a\xd1\xcc\x8a\xdcX4F\x87qN\xb4q\xc9\x84\xd7\x1b\xb7\xa3\x19\'\x9d\x0e\xce_\xbc\xb8\xb1:\xe7\x9fIC\x02\xedA{\xdc\x97I\xf2\x12-\xb1\xac\x89\x85,2\x16\xb9\xb1\\\x18\x16\xc6I\x92\x1b\x11s|"\x13\x01\xc3C]]Z\x85i\xe3&gt;\xf4\x82s\xfe`0\xee\xf3\x01\x95@\x87\xc1\xec^\x17\xeb\x8an\xc5&lt;\xed)\x99\xb1X\x0cg0\xc0\x1a\xb7e\x93\xc9\xf0\x13\x9foc\xe36\x8a\r\xd4\x9f\xce\xa3Q\xcc\x17\x01*\x1a\xc79\\\x92$\xd6\xebrm\xf1\x96\xf65\x99\xb1\x08s\x0e\xc4\xc2\xc9\x81E.\x97\rg`\xcc\x01\xb7\xafBS\xea\xf7\xcf\xaf\x82\xeb\xfdq_\xc4\x17\t\xe3\xa2h\x1b\x87\x9e\x91e]\x0cm\xba\xd2\xbeV \xb3Zf\x0c\xb8\xf0s\x03\xdd6\x0e\xf4JD\x9e\xdd\xbe\xbd\xe4\x07\x91\xe2\xfe\xf9y?\x1cJ_&lt;\x1e\xc9$q\xa0"\x05\xc1c"\x08\xda\xd9x\xc5\xb0)/\xd62\xdbK\xe7h\xec\xdc\xcf\xb9\xf1n1\x9cLf\x12\x91\x88\x0f\xca\x84\xdf\x1f_\x82&amp;"\x9d\x8e\x03V"\xc2c\xe4\xb8(\x98L\xac\x07r\xde\xae\xbd\xa2_.\x90\xb7\x9c\xb2j\x01\xcf\x86\xb1\xcfI\xb1\xdb\x96\xcb%\x13\t08\xc2\xf2\xf9|\x90F\xbb=\x0e\x8e\x8f\x80\xb5H\xb0\x96 I4\x87Y\x0c\xdaF\xdd\xba\xbcXk\x96a\xa7\x19J\x04\x86s##\xb9dl+\xeaKD\xe2\xf18\xcc\x87\x1bK\xf1%\x04\x95\x80\x00*\x11c\xa0\x07\xc2hg\xbbV\xdb\xa8\x92\x1b\xcb4\xecq\n\xc8^\x18.\xe6\xc0[\x89L&amp;\x13\x01\xa9|\x1b\xe0\xf4\xfc3\x91\xe4\x938\xc7\xe14&amp;\x8ep\x02\xc1\xea\xb5\xda\x1e\x99\xb1j\xd7\x86\xd5&amp;\x93G\x80\xc3H\xc2[gs\xb1X2\x0c`D\xc4\x0b\x0fO&amp;#d\x12\x99p.\x0bT\x18\t\xaeg\xd8@@\xaf\xed\xacW\xca\x8c\x95R\xab-&amp;\x93\t\xbc#r\x9c\xcd\x96\x0b\x87\xc3\xd0{2D4\n\xb2\xb9\x12&lt;\xfc\x1e\xce\x8a\xb6\x11\x9b\xcd6"b&amp;\xafC\xaf7\x18:\xeb\xe5N"`\x99\xd0&amp;\x0b\x86q\xf97\x17\xb3\xb9,8?\x96L&amp;s9\xf4=\xcbem\xdd\x8b\xdd\xdd\xdd@\xe5a\x03:\x9dN[Q%7Vm\xaaW=\xfc\x0e\x0bG\xdbO\x8b\x08\xc0\x06\x85\x15\xe8D1\x0ba\x1bY\\\x1c\x83\x97\xc0\xecP\xe2\xf5:]EE\xd5\xff\x07\x0bj\xa4\xc9\x8c\x93h9e\xb1{\xaco\xac\x1bm\x05\x8d \xc6\xc5\xb11x\x8e\xd8H\x1crI\xb8\x1c\x94\xae\xa1\x01\xa8\xb4=\x15\xf2\xd6\xad\xda\x95\xe6f\xb5\xc7cb\x9d\xc8\xf4"\x80\x8d\x8d\x8du/\xf6\xf5}\x8d\xe2n\xdf\xb5\xab\xa2\xc8\xd1\xd0\'\xd3\x0cP\xe9\x1d:\x1d\xc2\xea\xec\xd1\xca\x8buxE\xdd\xdb;\xec\xecu:\xcd\xb4\x80q\xe3\xe28Huu\xac/\x1f\x8b\x9f\x0e\x9cs\xc2\xa4\x03\xd3*\x82\xa2\x1c\x01\xbdN\xa5\xaa\xa8\xaa\xa9\xea\xd1\xcb{\xf9\x1c^\xe9U\xab\x81\xcc\xe9t2\x02M\xdaHr|\\\x1c\xb8:N\xe2\x18F\x13\x01/\xb41.\xc2\xc53|\x942\x1a)\xa3N\xa7R\xd6T\xd5\xd4\xf4\x18\xe4\xbc\xaa\x8b\n\xf6m7\x0f\x0f\xab{=&amp;\x93\x93\x16\x80\x0b\r\xb3\x00d\xf2\x06\xbc\x0echr\xd6\xedvS.\x82\xe0\x89\xa8\xc3A\x19U\xba\x06\xbd\xbe\xa2FS\xd5c\x90\xb3\xdf**(\xdc\x05\xac\xe1fP\xcb#\x08\x0cM\xa3\xdb\x85g\x01\x81\xa2\xdc\xb3\xb3\x93\xa1P[\xd3\xac\xd1\x11e\t\xd6\xe55\xa2\xed@D\x05I4\xbc\\(\x94o\xf6)Z\x085\xab\x87\x87!\x89\xbd\xa0\x97S\xa0\x81\n\x95\xd2(\xe5\x0e\x85f\'\'\xddT[?HFE\xf3/\xe9\x1c\x01\xa3J\x89Vb\xeb\r/\xa6O/\xec\x93I\xb1\xda_\xdfz\xdd\xab&gt;o\xca\x9fE(^N\x89FX&lt;\xc1\xba\x81\tbv\xb6\xb2\x12\xb8B\x0e\xb0\x96J\xa53R:\x85\xa6MS\xa5\xedl\xdfzX:=}\xe0pm\xd1\xde\xa3\xd5\x96\xdcz\xc44\xe77\x16Y\xefh\xc0\x02\x99\x84,\xd2&lt;A\xb0Q#p\x01P\xe5\xf3\xca\xd9\xd0l\x88BI\x05\xbf\xeb\x94]m\x80\xd5\xd9\xd9\xe8\x8c=(+\x9b\xae\x9e^x\x7f\xdf\x1e\x7f\xfcV{\xb0\xfaQv\xe0\x13\xb5\xe5B{\xbb^?:\x1a`\xa1\x97\xc01A\xe2y(\x07\xa1I\xc4\xd5?\x19\x82t\x86\xc0\xf9\xe0w\x95R\xa9P@\x0e\xd1z\xfay\xe7\x9b\xe9#\x07JJ\xca\xcaN/\x1c\xdaK\x97\x15\x1d(\xbf\xfc\xaf\xb1\xab\x9f\xa8\xcf_h44\xe8\x03\x81\xc0\x05\x8f\xd9lf$\x89\x879"\xfa.\x8d\xfd\xb3\xe0|t\x1cQ\x0e\x15]]\x1a\r\xda\x02\xcfo\xcd\x13\x0f\xf6\x17\x16\x17\xee?r\xa0lz\xef\\v\xf8\xfd\x85\xe9\xf2\xeao\xbf\xfeM\xf3\x8f\x7f{\xca\xa0\xd7\xc3\xc9o\x18\xb58\xa1[\xe7Q\x12A\xad\xd9\xae|\x1aC!\xa8W*\xb7Q\xa9RiZ[[\xdbj\xd0I\xd4\x1a\x1a\x7fi\xf9[qq\xf1{\xf0U|dz\xfa\xd0\xde@-\\\x9e\xba\\Z&gt;\xf5\x97\x9f\xfd\xbeY\rX\xda\x06\x08\x9d\xdek\x12\x90^&lt;\x0c\xa8\xaeP\x7f?p\x01\x13\xaa\x16*\xa5J\xa1\xe8\x02*\xb42\x0f\xde\xd2\x1a\x0c\x8d\'_\xec/~/\x8fU\\R&gt;\xbd\x07\xff\xb3U{\xa8\xfa\xe1Tuii\xf5\xa3\xee\xcf~\x87\xb0\x1a\xa1W\xa9h\xa8h\x18e=f\xcc\xec$PP]mJ8zF7\x05\xf5\xddhT)Z[\xbf\xc7\xaaAX\x8d\xf5\x1f\xbd&gt;X\x88\xb8\n\x01\xab\xe4\xf4\xc2\x0fMcQa\xf9\xe5\x87\xb7J\xcb\xcb\xab\xa7\xbe\xfd\x15\xc2:\x7f\xb2\xb1\xbe\xa2\xa6\xaaBU\xa5\x0f\xb0\x90F\'\xe4\x900\xb1\x0eH\x1f\\8\x94\xc3\xe8\x06\xb7+Z\xcf\xe6\x03q!\xac\xf6\xfa\xf3[\x1f\x1c\xd9\x0fR\x81\xc1J\x0e\x9e\xbe\xfc\x03\xcbk\xd1\x81\xea\xa9\xa9[\xa5\x10\xd5S\x7f\xbey\xed{,m\x8d\xa2\xa6\x06\xee\x16\x07\x8bv\xaa].\x93\x00-\x9f\xc3\x81\xd4\x02\xa5\x94\x8a\xd6\xa6\xb3g++\xcf\xfe\x04aU!\xacS\x80Uv\xa4\x10Eq\xe1\xc1\x83\x1f\xfc\x8f\x93\xf3\tm#\xbf\xe2\xb8\xa4\xc8\x12\x19\xe6\x8f\xa4Q\xa4a$F\x18\xechH\x10\xbe(\x08\xafpjLL\x87D\x8e\x16u\xd7!\xdd\xba\xb0\xdd`\\\x83\x0f\x1b\xb4\xb0`\nq\xd3\xbd,\xa9i\x91\x10k(\xc6`t\x08\x85@\x8fF&amp;\xe8`\xe9\xb0\x077\x16\xbe,\x11=\xac/K01\xacM\xb0\xe3K\xbf\xef\xfdf\xec\xb8\xdd\xd2\xdd}\x92e\xcbD\xe3\xcf|\xdf\xf7\xfd\x19\x11\xdb\xae66\xd6\x7f\xfe_\x18`W\xd5\xaa\x16q\xd5\xda\x7f\xfe\x96\xb0n\x01+\x83\xe4\xc0A7\x170\x01\xef-/C\xae\xbb\xf70\x16\x17\x9fN#J%\x12j\x10\\H#\x8952:v\xe3\xd9s\xd9\x10\\\xc0\x92uSO\xa0\x8b\xa9\xe1\x9f\xd7\xd6\x1bMx=\x91\xb0pK4\xbf\xf9\xe3\xb7\xf7]\xb5F\xb0t\xa6\xe2\xd3\xab\x8b\x0b\xd8\x1a\xd6\xee\xdcY[\xfely\xe1\x0e&amp;P\xa9X,\x12\xd5\xdc\xe0\xd2\xd2 \x9b+\xf3afd\xf4\xd6o\xae\xbeV\x80%I\x81\x80$\xab\x9a\xac\x99\xba\x8ec:\xeb\xe1\x9fnu\xa7Z\xb5\xab6\x0e@GH\xd8\x07\xbf\xff\xc3\xfd\xf7\tk\x92\xb02\xa9x\xe9\xc9\xea\xed5\xf0\x90\xa7`\xf5\xc5\xa7\xab\xc5\xb9\xb9\xb9bqn\x10PKK\xbf\x05\x15\x92\x98\xf9pdt\xf4\xf3OO\x03\x84\x84\x0fC\xd6tS\xd3L\x0b\xf1\x93\xc1.\xa1S%,\'a\xdb&amp;z\xb3\x95\xb0\x13V\xebw\x7fe\xac\xa9\xc9\xc9q!W\xa9\x94BGX\xb8\x83\x0e\xba8\x8c\xd6U"\xac\xb9\xe2\xe0\xd2\xabW\x10\xabBb\xa5\x04\xd6\xc3\xbb\x87\xe4w\nE\x96-\x19\x1d_\xb7p\xbe\xa6\xee\x00\xec\xc7\xd6eh}\xc3i\xd0\xcb\xecj\xc2\xc4\xcc \xb5\xf4\xad?\t\xac[\xa3\x8c\x05\xb9\xe2\xa5\xf8M\xd2\xe9\xe9*\xc5t\t\xb6*\xcd!\x7f\xafH,\xe40\x8b\xca\x18\xca\x8c\xdc\xf8|\xf4\xd9s\x0bn\'.?Rh\xaa\xaaIy4MM1d\xdd\xd9\xf8Q\xe6\x0f8\r\x07\xe7aY\xba#\xb0t\xf2\x97\xac\x1f\xfc\xfd\x1fW\x1f\xf3o\x88L\n,\xdcn\xde\xa6\xe4M\x17\x8b\x90j\x9a\xe4\xe2\x04\xbeZ\x82\xe1+\xd4\xb5\xae\r\x15\xd0\xb6F\xaf\x9e\xa8\x06\xa6\x0f\x1a\xbd_Ue\xcdPL\x19sH\x97UI\nI\x1a\x14\xfb?\xfd\xe2zh\x1d\x93^\xd7d\xd8\x1ca\xdb\xba\x10\xcb\xc2\xe95\xff\xf5\x97\xf7\x9f=\xbcukjjr\x9c\xc5B\x87\x1aFGX-\xcdqL\x90R\x83\xc2XK\xf0}vh(EbM\xde\xf8\xe4\x83-\t\xbe\x02\x94\xdf\xafh\xb2"\xa9\xa6\x16\nE4\x13\\\xf8\xae\x04\xc5\xd6\xff\xb7b\x97\xae\xaf\xdb\x08\xcbd\x10h\x8c\xe4\x83\n\xba\xe1\x89\xaci{\xbf\xbeOX\xc4E\xff\xf7&lt;\x9e*`{\xb9\xb9\xf84^"\xa3\x93R|\xe7\x14\x0eV\xb2\xc3C\xe2WjFn|y\xaa\xf0\xe0\x01U@\x06\x8a\xa1\x99*\xb4\x93T\xd9\x94\x15d\xd7\x1f\x91\x9d\x86\xfc\xc3\x1e\xbb\x14\xdeh\xa0\xf2X%\xb8\x1d@\x1a\xdd\t\x8e\xf14U\xde\xff\xe5/\x1e\x8e\x8d\x8d\xcdc\\\x170\xf7\xe2\xc3X\x8doc\x85A\xfa\x90\xc7\xe2 \xe4\xc2\x9d\xa3RJa\x12\x80\n\xf9~\xf0|3L\x03\x91\xc5\x92UZq4\x85\xd4\x0b\x81\x0f_R\xffWL\x94\x186\xc5\x8b2]\t\xa90\x92mS\' 2\xc7\xd19\x124\xa5\xa1\x1b\xb4\xd24C&gt;\xfd\xdb\xb3\xb1\x87\x0f\xc7\xe6!\x17\xb0RH#ca2\xc3W\xa8\xc3b\xc5\xc5\x9a\x88\xa7\x863\x98\xe8\xa0\x1a\x9a\xfa\xea\x10T\x02+d\x9a*D\x92UU1"\xa8\x00\x08\x87\xf3\x85\xef\x02\x01Uo\xd8\x89\x8dH\xf8\xfa\x19S\x04H\xcd*1\t*\xf1)aW;\xc7\xfdv\xbf\xa3\t*U5\x9c\x93\x99g\x0f\x99k\x9c\xf7&lt;X\x8b\xa8P\x85\\\x86\x80\xabP"+\x958.\x11\x91&gt;\xd2j\xf2\xee\xbeBX\x14!i\xefx\xbb\xd6\x80@\x8a\xaa\xe2\x90\x10JR\x14b\xc4\x17\x92\x82T\xa2\xf9\x87\xae\xd0\x9f[\t\xad;\x8dj\xcd\xa5\xb2\x88\xc7&amp;\xa6jm\xef\xb8\xb7R\xce\xa5\xeb\xdfS\x02\x89\n\\\x8d\x93\x99\xab\xd0\xeb\xc1\xfc$]\x9c\xa6R\xc3\x8b7)\x9b\xd3\xd3DV\xc4\x9d\xa6\xce\\\xa54\\\xc0N6R@{\x03\xd5\xba\xdf\xa3\xf2W{\xe5\xfaN\xbfU\xb3\x1dY\x01\x0f\xa4\xd2\x88O5\xc0\xc5d\x1a-\xd7&gt;\xff\xba\xa3[PJ@\x91\xe1)\x85\x82\xa9\x9e\x8b\x06\x83\xb1h\xb4W\xd3\x04\x14q9\xa73\x8f\xe7\xe7?y\xb0\xb6V\x18\xa6\xc0\xc2\x07k\x11\x19Q1V\xa5X\x8c\x0f\x17`?\x94\xeb5P\xc9\xe13,\xe9\xb8\x1c\x8b&amp;s\xe5\x95\xdeQ\xab\x83a+\x93Z8\xac\xa2\x10\x17\xd7j\xc80-\x1f\x06\x8b\xed\xf9\x9c\x83\xec\xd4i\x1d\xb5\xeb\xe9\xd8\x00G0\x98;J\x00Ka,%\xa2\xef\x7f\x00\xae\xb1\xa95!\x179,N\\\x94D\xc6\xaaT\x8a\xd3\xf1\x0c\xf6\xd7\xcclvh\xea\xbd}\xd9\x7f.Vm\'\x9aL\xa6\xd3\xb8\xe7\xf2\xf5\x95\xf6Qk\xaf\xd6PP\x92\x11C\x04\xda1\xb4+t\x00\x00\x05_IDAT-\x8aU\xf5\xc1?\xa8:\xc7\xe2%\xc11u\x1b2\xf5w\xca\xe9(T\x8a&amp;\xf1\x11\x8b\xc6b\xdd\x16[T\x11g%\xef}\xf4\xf1\x83\xf9\xf95\xe1.`\xa5\x08\x8bF\x0f\'\xb1R$g\x15\xc6Gf\xb3\xd9\xc2\xf2\xc9\x96\xe2?\x0fg7\x9fL\x02\x8c\x0e\x1c%\xb6r\xb7\xd7\xb2\x0c.Q?\xecOi\xa4\xd1\xe9kR\x97\xa2\xc6d\xcaz\x83d\xeausI\x8e4^\x95\xc3\x89\xe1\x10\xc9v\x87])"\xa2n\xbd\x9e\xf9tl\xea\x8bB\xc6\xc3b4t\xae\x12m\x10\xc5\xe2D\x1cE\x98\xc9\xceN}\xb6\xbf)\x85\\\xa1(=\xadz\x94\x8f\x9cw#\x97\xeb\x1e\xd5t\x18D\x91\x02by%6C\xf2Y\xd4\xc5u,\x8c\xb5\xedc %)i\xc1X\x0cZ\xd1\xeb\t\x8bu\xeb\xd5\x943,\xbc\xacq\xfa\xab\x99\xc7S\xe8]\x84\x05\xa6a\xb2=\xbc%\xd6\xadRv\x16T\xb3k_&gt;?\x0c\x84C\xa2\xb7s\x7f\xe8\xb4s\xe5r\x1dQ\xae\x97\xcb\xe5|._\xde9n"G\xd4\x19\xa9\x07)&lt;\xcb%C\xf1Qo\xd2\x14k\x0ffJ\xc6\x08(\x08;]\xbe\xcc\xa6"\x1eV;\x16L\xf6\x9b\xe7r)JD;|=\xf3\xf1T\x81\xab\x10\\\xc0b\xc0x\x16\xd7\xd1\x13\xd9\x14\xc4\xfa\xe2\xeeW\'o\xc2\xe1\xb0\xdf\xe3\n\x85j=")\xe7\x01D\xe7[\xde\xe9\x1dm7Qb\xb4\x14P\x0b\xc2(BM\xd1H\x07\x96l\xd6\xbe\xdf]I\xa3&gt;(a\xe0\n\n2\xc1F\xea\xd1c\xba_\xf5\xb8\xf8\x93d\xed\xbf\xfeh~&lt;#hR)\x91\xce\xd9T&lt;;Q\xca\xa6f\xc7\xef\xbdwr\xa8\x84\xc3\xcc%r\x08\xaa\x1c\x1f\x9d\xb3\x11K\xaf\x1ctl\x8b\x86\x89h\x0ft\xb5&amp;\xf1\x15.\xda\x91\x0f\x9d\xe0\xa0\x9d\xa7\x7f\t\x0b\xc2F1\xf7\x95\x02L\xfcE2&lt;\x0c\x04\xcb\xbbU\xe3B\x04\xec\xfd\x93\xe5\xb5\x0c\x04"\xaaY\xd8?umv\x16X\x13\xd9\xc2\xc2\xc2\xe9\xe1z\xd8\r\xa1\x95\xd1\xe9\xe5\x84\xdd\xc9\xea\xb9ro;\xa1s\x8fV\xa8\x98\xe8di\x15\xd3y\xfe\xea\xbe~\xbb\x9b\x1e\x08\xb2(\x04#\xa4\xe2\xb8\xfcN\x0c\x00\xba\xbc\xdbT\xa9T\\\xdf\xe3\xfcB\x9b\x87o\x9f\xac2\x14n\xa9\xd4\xa3G\x8f\xaeeA\xf9\xe4\xed\x8b\xe6\xfa\x15\x0fJp\xa9\xdb\xed|\x99LU\xef\xc2[\xddn\xbf\xe3`\xad\x81\x1f\x0c\xd1x0{i\xfe\xba\xbb\xa1/6p\x1e\x97\x7f0\x08\x19\xad"\x19\xcd\xf7\xd9\xf7\x92$\t:Z\xeb\xe4\xcd\xef\xbe~\xf1vu\x98\xde\xbc\x9d\x85VO\x06_\xbcx\xf9\x06\xe3\xe3"\x94_n\xed\xe4\xf2\xec\xf6.\xc5\xca\xd1\x16\xa0\x80\xa4\x91Nt\xcd\xa1\xeb\x8e\xc5H&lt;\xe6|^\xae\xa1\x123\x9c\xdf\x06&lt;k\xc1\xfa\xe4\xb9X4\xdf\xeb\xa8\xec+\n\x83Ws\xc9\xef7\xe4\xcd7/\xbf~\x81\xf8\xfa\xe5w\xff\xdc\xdcPC\xe1\xf0\x85\xfc\xc1X\xd6q\x17F\xe7@\t\x96\xd1\x15\xa0\x95\xa6\xd0"(S\'\xa0p\xc4\xa2B\xe3D\xf3\xb9\xd9\x13\xb9\x13Yt\x1f\xc9\x97Q\xb7\x83%E\xb7\xc8\xb5\xb7M\xce\xa0t\x16\xd4n\xf0\xe3%\x03\x83M\t\xb9,\xee\xa3\xd7D\xa5\xad~=\x99\xa7\nLS\xe4V\x0ej\xb4\xce\x91\x8ft/\xa8?\x10"S\xc9\x84\xe5\x16\x1bw\x07\xb2&gt;\xb5,~\xa0\tA-/G5\xcaOp\xc4\xaa\xe2\xcau\x86\x15r\x17\xbc\xf38\xd3\x89Co\xed\xe4c\xa2\xd9\xe0\'$\xbb\x18\xd4U1yy\xd54e\xd9\xe3A{\xe0\x94\x9a&gt;W%\x08\x14s\xa9H\x17\x06\xa1/\xb8\xc7\xe4rI\xd1\\\xc1U\xefm\xeb\xe7X\x91s\xac\xff \xf3:\xa8_\xed@*w\xda \xea\xbb\xdb5j\x0b\xb4\xf5\xe2\nC\xa5\xd5\xcb\x10c\r-K\n\x90\xea\x1e\xd6\x80\xc0\xf2\xa4r\xb9\xa2\x82\x102\xa5\xa3^cM\xc6\xd2\xdd\xdd-\xd9\x03\x8bD$\x17\xeb\xa2db\xe3\xc3\xa3Q=\xdeqM\xc5\xaej\xb7\xaad*\xae\x19\x1a9\xb4\x04\x8ag\xf4\x88\xb9\xa8xI\xbc\xecv\x07\x0f\x8bsH\x131)\x9e\xd0\xb0\xf6\xfa\x06\xef9\xf9\xf6qS#\xa5\xdcl\xf2\x05\xa0\x87\xe5\xbe\x89\xc5\xcf\xc2F\xa2\xd5\xeb\xd6\xb1\xb2\xd1\xb9Q%\xf6\xf6,\x1a*\x06o\xa3T7\xd4\xb84\x9a\x88\x10\x8c:\xaa\xc1\xcdB\xf3\xb9\xbd&lt;\x18&lt;#\x8b\xc5\xb8\xec\xb8\xb3\xc6D1\x04]pO\xc9z\xafU\xd5\xa4\xb3\x89\xcfo\xc4\x9c\xe7\xd2SN\xb3\xb7\xfb]\x1a6t\x96\xf4J\xb4P\xb2\x14\xb7\x06\xb4=\x80\xf1\x0e\x88\x8b2\x03\xc9S\r\xbf?\xe2.u\xc2\xf2^5\xbah\xdeW\xc13\x91b\xee\x81\xd3\xa2\x12\xd2\xf9no\xbb\xaa\x1b!\xe6\x8aD\xde\x05#\xe9\xe0\xf9\x88\xd9d\xa5\xe0M\xbc2W&amp;[\xf6;\xd85\x1d\xaa:\xb2\x15\xbd%A\x9dK\xc5\xe5\x85\x12\x88\xa8J\xc0\xa3R\x0c\xdf\x05$\x97&amp;v\x0e\x18\x13\xc2\x11J:\xea~#\xca\xe6\xef\xf6\x0e\xf6\xaa&amp;\xaeY \x9a\xf4\xae^H\xa4b5\xb71\xfb\xf39\xa6\xa2\x14\xe2\x15\xb4\xc2\xa0C\xd1H\xb6\x1a\rGV\xc5\xfa\xaebQBk\xe1kn\xb7\xe3\x1b\xaa/\xf8_XB&amp;\x91Fw\x84%]\xc7\x0b\xf7\xf1L\xa3"\xed\xf6\x8e;M[\'oD\x10\xdc\xfeU\x99\xb7\xb66\x84""\xb2(\xe0\xca\xb9\xfc\xbf7\xf3\xfdR)\x1e`\x18\x01U\x81\n(`\x07\x08\xd4x\x07\x06\x18\xa8%/\x00\xca\'\x02\xbc\x90\x064\xd0\x10\x00\xc6\xccM\xab\xd2\x81{\xbe\x00\x00\x00\x00IEND\xaeB`\x82'</t>
        </is>
      </c>
      <c r="M163" s="3" t="n">
        <v>45492.67640046297</v>
      </c>
    </row>
    <row r="164">
      <c r="A164" t="n">
        <v>586662</v>
      </c>
      <c r="B164" t="n">
        <v>1961</v>
      </c>
      <c r="C164" t="inlineStr">
        <is>
          <t>David Terans</t>
        </is>
      </c>
      <c r="D164" t="inlineStr">
        <is>
          <t>David Terans</t>
        </is>
      </c>
      <c r="E164" t="inlineStr">
        <is>
          <t>MEI</t>
        </is>
      </c>
      <c r="F164" t="inlineStr">
        <is>
          <t>MC</t>
        </is>
      </c>
      <c r="G164" t="inlineStr">
        <is>
          <t>MEI</t>
        </is>
      </c>
      <c r="H164" t="n">
        <v>176</v>
      </c>
      <c r="I164" t="n">
        <v>80</v>
      </c>
      <c r="J164" s="2" t="n">
        <v>34556</v>
      </c>
      <c r="K164" t="inlineStr">
        <is>
          <t>Left</t>
        </is>
      </c>
      <c r="L16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66d6e6c-6f24-4b8c-94b7-bc2f1d32eb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03\x1d\x15\x00\x00\x00\tpHYs\x00\x00\x0e\xc4\x00\x00\x0e\xc4\x01\x95+\x0e\x1b\x00\x00\x03\x00PLTE\xff\xff\xff,$$\xfe\xfd\xfd\xd1\xa1\x8c\x87(4\x8e[B\xd8\xa8\x96\xff\xff\xfe\xd5\xa7\x93\xd3\xa4\x8f\x01_`\x97dK1((\x91^F\x8e$7\x9cdI\x94aH\xe4\xe2\xe73+-\x90+6\x0bOP\xca\x80k\x97fO\xaerXA64\x9dlV\xc2\x93\x83\xce\x99\x84\xc7}h\x9fhN&lt;30yRD\xbds\\\xce\x8ax\xa3nV\xcb\x9e\x8d\'\x1f!\xcc\x86s\xcc\x96\x80\xc5yc\x92cL\xcd\x83o\xaaoSH&lt;&lt;8/4oLA\xc0\x85o\xacfO\xd0\x8d{\x9909\xb7|b8/-\x05MM\x87 4\x07IH\xcd\x9c\x87\x81YH\xc6\x97\x85\xbaoX\x98hU\xed\xea\xec\x88\\J\xd2\x90\x7f\xe9\xe6\xe9\xd4\x94\x82\xb2u[\xd5\xaa\x99\x96\'&lt;\xa5jO\xa9u\\\xfb\xfa\xfaO73\xd1\x9e\x88\xbd\x82j\xb5kT\xba~f\x98^HG0-%\x1b\x1cbD:\xa4eR\xb5x^\x86U@\xef\xf2\xfa\x94YC\xc4\x8cw\xe2\xde\xe1\xf8\xf5\xf4\xc0\x8f\x7f\xf6\xf7\xfczH&lt;\xac.H\xc8\x91{\xc7\x9a\x8a\xd3\x96\x8a\x05C@\x8b`O\xde\xd6\xda\x01XX\xa8m[8$"\xca\x93\x7f\x1f\x17\x19Y74\xc4\x81k\xaeiU\xb5\x87y\xf5\xf0\xef\x9cbR\xd7\x98\x85\x8dQA\xc1w_\xe5\xe4\xf1\xa4bL\\?8\xc8\x83p\xa04&lt;\xackd\x83SR\xd1\x87u\xa1q\\\xac\x80txTQ\xa0*C\xa1vj\x87gbH74A7;;)(lE9R&lt;9\x8fUJ\x1aXT\x80MC\xda\x9b\x8c\xacum\x15@:\xd4\x97\x92\xea\xeb\xf5uIHlDD\xb5\x80l\xa2|rc&gt;@@.+\xda\xa1\x93\xd8\x9d\x97D\'$\x94pg\xc6\x87s\x94d`\xf3\xf5\xfb\xaewb\xce\xa4\x94\xb9\x8c~\xd5\xa1\x8d\xee\xe0\xdd3\x1e\x1dWBD\xb1}e\xa1e]aSR\x92dTbIH\xbb\x7fr\x80\x18/\xc0\x89u\xcd\x90\x87Q/-\xc9\x89x\x9f\\H\x8a[Z a]\xbe{c\x1cFAu\x10(qNJ|]\\\x9elc\xda\xd0\xd3\x96YR\x07;8MEF\x9e;A\xb5R^nZZ\x0735\xadZ\\\xce\xbd\xc1\xc1tc\xabKV\x19LO\xd0\xb1\xb3sjf\xc3\xb9\xb9\xd1\xc7\xcb\xde\xa6\x9b\x87I9\xbbXh\xc2bq\xdf\xb6\xad|rs\x94HK\xaa\x88~\xa67&lt;z&gt;0\xe0\xae\xa3\xe0\xde\xed\xa0DN\xe7\xcf\xcak36\x031/\xb6\xb1\xb0\xb7\x95\x8b\xa6\x93\x91\xdb\xc6\xc3\xb6qn\xaa\x9f\xa1\\xu1gh\xd8\xda\xe3\xae\xc0\xc9\xc5\x92\x9a\xc8o|\xc0gY\xa1S\\\x96\x89\x86\x8a~{\x9elp\xc9pa\xb9\x86\x93\xdc\xb9\xbe\xbd\xa8\xa1Hki\x853"\xcd\xa4\xab8WPn(\x19\xc3\x99\xa6i\x8c\x90\xce\x7f\x8b\xc2\xa0\x94\xb4{~\xadAE\xd3\xb1\xa1\x8f2C\x95G2#WW\x9c\xaf\xb6\xbaQC\xbf|\x82\xce\xd4\xd9\xaeo\x81\x85\xa0\xa5\xc0\xcb\xd25&lt;G\x8a\x8b&lt;F\x00\x00 \x00IDATx\xda\xcc\x99\xd1O\x13\xe9\x1a\xc6\xed$\x86\x0b\xc7\x1c\x99\xa40\xdd-C\x8b\xedb\x9d\x16\x9a\x9d\x1b\xa4X0A\x1a\xc1i+Q DI\t\x95\x16\xa8\x12hD$\xd2\x96\x12%\xc4\xe3\xdaE\xeb!&amp;TK\x9b\x05$$\x80\xa6I\x13n\n{\xc3\xc5\xb9#d\xb9\x85s\xce\x1f\xe0\xed\xde\x9c\xe7\x9d\xaa\xeb\x1f0\xb0\xbe\x1d\xa7\x1d$\xfa\xcb\xf3&lt;\xef\xfb}\x1f\x9c:\xa5F1\xcc\xa9\x92\x92\x92S\xcc\xa9\xef\xab\x18\xa6\xa5s\xa8\x93a\xbe/\xa4\xc6\x9d\xbd\xfd\xc3\xa3\xc3\x83\xad\xdeF\xb01\xdf\x85J\x1d\xdb\xfb\xbb\xf9L*.\x8a\xb9t\xbept\xb0\xd3\xd8\xd9\xc20%L\xc9\xdf\x85\x04\xa8\x86\x9d\xfd\x82\x82$Fx\x9e\xc7\x1b\xd8v\xf7\xb7w:\x1aZJ\xfe\x16\xdd\x08\xaaq\xeb0-\xf2&lt;\x88"\x91\x08\x88rx\x908AL\x11Z)\xf9Yr\xf2P\x1d\xdbG\x80"\x85\xf8\x84\xc0\x7f\x16\x8b\xe7\x05I\x10x\x12\xed\xe0C\'\xbc&lt;\xe1L\x95\xee\xed\xa6E\x02\x80\x7f\x82 I\x1c\x07\xb4\xa8\x82\xc5I\x12\x8f\x0f\xb9\xc2A\xefI\x1aIJ\xed\x91RV\xc9\n\xd3X\r\xcad\xd2p\x90Ib\x05\xf2\x91\x15\x04\xd2/W\xd8k89.fh{\x97\xa0\xacV\x8e\xe3L_JCT\x04#\x11\x96$\xe1\x92\xf8\xf4\xe1N\xe7\tq1\x8d\x07\xe9(\x11Y\x15\xa6~\x93\x865A/\x16\xb2\xb1|\x14.\n\xe4#\x8bg\x16\x98\xe9\x83\x8e\x96\x13`:\xc5t\x1c\xe6\x04\x9e\xd3\x10\x95\x1b&lt;\xa0b5\x1c\x98\xf0\x99\xcc#\x958b"*\xa8\x97\xdb\xdd\xea&lt;\xee\x8eD\x84{\x8fD\xb2\x8f\xe5\xac,\xb0\x00\x05\x08R\xcaD\x92\x11\x98\x82#@:V"\xf1$!\xbf\xddr\xcc\tc\x98\x0f\xbb\xa2@P\xb0\x915\xf5+\\\x80\xd1(\xf1r\xbb\xdd\x14|\xeaG\xc8\xe9v\x9bx\x11\xcc\x92X\xd8:\xde\xf5\x92i\x01U4\xaahee5\xee~\x13.r\xcf\xdd\x0f\xa4\xfe~\xca\x99\x04&amp;\x81r\x05T\x01\x83\x0c\xe1\xe7\xf3\xdbC\xc7\xc9\xd5\xb9\x03*1je\xadH\x96\x86\xc4\x82$\xa6"Q\xf1\xa6$\rL\xe8BN\xa3\x91\xc4\x9c(\xe1AH\x1f\x94\x1e[\xbe\x98\xce\xed\x02\xb4\x02\x15u!\xc4"&amp;P\xf5\x93L\xc57\xb8H\xb3\x82\xa6\x97\x10\xd3\x988\x9a\x17J\xc8rG\xbd-\xc7\xa4W\xe7^&gt;\'\x92\x83V\xbai\x94\xd6\xd3\xfc\xa5\x94Rn\xcd\x02^1\x96\x8d\xc5\x12\t4#\'\xf2\xf8&gt;\x81\x17\xc4\xdd\x0f\xc7\xc1\xc50\x9d{i\x11TVk\x94\xcaJ#\x82\x02\xf6U0\x82s/\xf8c\xfe\x05?\xaeD\xc4\x15I\xb0\x1a\x89\xc2\xaf\x0c\x0e~\xb7\xf78\xf2ETQ\xae\x08EwNc\xb5~\x9e\x14\x1a\x8a\x17jaa\xc1\xff\xd2\xef\xf7\xbf|\x19{)\xcb\x119\xe1\xf7C\'\t\xd3\x96\xa3\xde=*U\x9d\x8bi\xd9N\x83\x87\xb3*L\x18\xf10\x88\x90b0\x8b\xc7\x7f\xef_P\x98\x94Z^\xc6Mv\xc91|\x19V&amp;b4r\xb1\n\x88\x07C\x8c\xdaT\xbd\x05\x05H\x11H"\x1a\xd7\xe8h \xf0b\xaa\xfb\xd9\x8b@`y\x19\x17*0\xd5M\xf5\xef\xa9@ 05\xb5\xfcR\xc1\x921*4X\x8e8\xa1\xf0A]\xb9\x18\xa6\xe10j\xa5\xc5\x19ab\x13\xb2+\xe0y2\xfdq\xfa\xe3{\xef@\xeb\x80\xf7\xe3\xf4\xf4}\\\xa8\x9b\xefk\xa9F\xde\xdf\xc4C{\xf7T@N@\xcd\x98\xc9]\xdcX\x88\xfbC\xaa\x9e\x8e\x98\x96\xbd\x1cb\x85\xf1\x8en\x97_&lt;{2=2\xd0Z[\xdbZoPj\xd8P_o\xc0K\xa9V*\x90\x01\r`\xa3\x81e\x97\xbc\xe0F\xf4E\xec/\n\xbd\xea\x8a\xd5\xb1\x8b\xbd\x95\x95\xa8b\xf2\xd4t\xc8;Poh\xadm\x1d\xae\xc6\x8b.\xc3p5\xee(\x83A\x01S$\xbb~\xf3\xe6\xe9\xf6\'\xdd@\x93\xfd\x1a\r\x06\xbe\xc0\xe6\xf6T5\x11ba\xaeS\xc4%\x97\xe7&gt;\xa94&lt;\\_\x0f\x96\xcf\xf5\xdf\xe2\x9b\xbe\xbaH\xa6\xe8U;2\xf2\xfe\xfa\xf5\xb3D\xe6\x91\x17L\xb4\x1b\xe3\xf8\xddF5\xb1\x1av\xad\n\x16gu\xd9\xdaG\xea\r\n\x90^\xaf\xa5[\xb5^\xab\xd5\x17\xa9\xe8\xc3\x17\xc1H\xb1\xe6\x91\x7f\\\xbf~\xee\xec\xe9\xee\x00\xe4\xa25HHo\xab)\xd7N\x0eBa,\n\xf1\x7f~\xf4\xb6"L\xc3\xd5z\x8b\xc5l\xd6j-\x16\xad\x9e\xfe\x00\x89J\x1f\xac.\x86\xac\xb5v`\x80\xb8*\x00v\xb3}4F#\x15\\\xe2a\xa7\x8a\xd9:\x88\xe2\x9feM&amp;\xde\x16\x1a\xa0\x9c\x03Kk1\x1b\x8d\x16-nf\x8b\xd9\x02"K\x11,\xf8Y\xae\xda\x81\xda\x8b\xb5\xcd\xde\xe6\x10\xb0\xeeO\xc9\x98(\x98\xac\x82X\xe8P\x8d\xaa\xe4_G\x9cF\xd9\x87zB\x03\xf5DE~Y\xccv\xa7\xddh\xb4\xdb\x8da\xf37\\z\xe4\xffK\xeaA\xd5Lr\x9d~\xe2q\xc9\x89\x88\x88sRzG=\x17\x1b\x0b,m\xd7M\xf2eE\xab\xafXv\xa7\x93\xd0\xcc\xe6"\x17\xc0\xcc\x84e\xf8\x1a\xad\x11\xaf\xd7\x0b\xac\xb3\xed6\x8f\xcb\xe5\x8aG"\xbcx\xa0\xda\xce\xbe\xa4#M\xdba\xd6\xef\xf1\x96\x97\x1b\x94q\xa0G\xa2\x8c\xce\xa5\x9e%\xbbBe4\x1a\x1f\x82\x0cq\x0b\x7f\x83\x85^\x04XE\xe8\x0c\xda\xd16\xea\x8a\xa7\xc0%\x1e\x0e\xa9\xa6\xd6\x9f9Jl"r\xb9\xaf\xfc\x8aammXO]\x07\x0f\x9bz\x9a\xecfK8l$,d,\xac\r\x07\xab\xff\x9a\x10\xa4\x17\xa8*\xce\x9c;{\x166\xc6S"\xd4:jT\xcb\xc5\x92\x9d\x1c\xed\x85eO\x08Xkkk\xd5\xd4xf\xa3\xdd\xb9\x04\x07-\xdab\xf8\xcd\xc6\x87h\xc8\xa0\xfeK\'*X\xb5^o\x85W\x17:s\xee\\\xfb\x14\xe4\x8a\xf0\x02_\xe8P-\\\xdb\xa2\x86\x8b\xc4]\x95}}Wn\xac\xad\xe9\x83\xc0"\x144!\xb2\xa4\'F\xb3\x85\xbe\x00\xb5\xbe\xcd\xd6\x08e\xde[U\x15:\x03\xbd*=qW\x84g\x05\x15[q[d\xa5H\xdcSV~\xe5\x06\xb0\x82\x90\x04\xe9\xb6\xc05r\x93\xb0,\x96\xe2\xa8\x08\x9b\xc34Z\x87\x95\t1\xd2\xdcLb\x01\xab\xac\xec\xcc\xb9\xd3\xb6\xd1xD`%\x15\xd5\xda\x8b\xb2B&lt;U\xa9h\x05,\x9a\x9dz\xad\x11a\x0f+\xf3\x94\xa2n\xa1\xc6\xa4\xf4\x87\xc3a-\xad\x92\x86\xd6\x81\x8b\x17\x9b+*B\xba*\x9d\xc3Qv\xe6\x02\xe4\xc2vU\xca\xf7\xaa\x85\xc5\x00\x8b\x8fg|\x03\xc0j\x0b*\xa5\xd7\xda\x9b\xee59iB\x18\x1fR\xda\xd1\x8d\xce&amp;\'\xa1\x9a\x8df\xfc=\xf0o\\)\xef\xf3\xeat!]\x11\xac\xce6\x1a\x89ib\x055\xb1\xb8hj\xddqEq0\x99L\x06\x83a\xe7\xbd\xa7\xbf&gt;}\xdaC\xe5$\x990W\x9d=MMDf\xb7\'\x89\x1c\\7\xe6\xfb\xaat\xc5\xaar\x00\xcb\x95`\x13\x85\x8e\x12\xf5L\xe4\xc4\xd4\xc6\xab\x9f\x01\x15\x0e\x86\x93+\xc9\xa4\xfd\xde\xaf\xbf\xff&gt;777\x8b\x02\xd9\x92\x1dT\xce\x9e\x9e\xd9\x9e&amp;\xa7\xf3\xae1\x19\x0e\x06\xaf\x05\xaf\xb5\xb5\xfd&lt;\x7f\x15`\xeft\xba\xf1q\xc2\x8a$b\t\x15\xb3\xb5\x95\xe3\xa2\x99\x8dW\xd7\x88J\x91\xebv\x13a)`E\xb4%\x9a\x16\xb3s\xc0\x82\xb3\x8a\x9e\xc1\x9a\x9a\xb6\xb7o\xe7q]\x1dw\x80\x0bX\x1e\xc2\xda-U\r\xeb\xcf\xb4U\xcclL&gt;\x0f\'\xa1CMM\xf2\xf6OM=\xb3E"\xba\xe6f\xe7z\x96 \xd9\xacB\x05\xac\x9adM\xb6\xad\xed\xed\xfc\xf8\xf8Up\xbd\xbdJ.:|\x95\x9e\x88,\'\x8e\x1aT\xc3j(`\x8d\xcdO&gt;\xbfm\\I\x06\xaf\xd5$WVn\xad,--\xcd\x16K\xe1#\xae\x9e{N\xaa\xbb\xb7\xb2\xd9\xec\x1f\x0f67\x1d&gt;\xdf\xaao\x11\x06\x8e#\xf2\x0eG\xa5\xc7\x15\x89DT\\|Z\x0e\xe9g\xee\x1b\x83?\xfet7y-\x9b}&gt;\x83z\xf4\xe9\xd3\xa7\xffu--)xssJ\xf8a\xa0qe%\x99\xfdc\xe6\xc1\xbb\xd5\xb1\xcau[&amp;\xe3\xc9\xacW\xfat\x84\xa5\xab#\xac\xf8\xbe\x8a\x1b\xae\xbd\\.\x9f\x9f|s\xfe\xfc\xdd\x9a\xec\xf3\xcd\xd5\xb1\xd5\xd5\x8d\x89\x89\x8d\x8d\xd5\xff\xcc|\xcav)``\xeay\x8a\x152\xdc6\xff`sql\xec\x19\xb628\xc2\xca26\x0e\xa3u\x0ep\x8d/f\xf09u\xa0\xe2\xcf\x06w\xd2P\xebU\xd7\xf9\xf3?dg^O\xa4\x8a\x15\x8f\xa72\xebc\xab\x9b3\xd9[p\x10\x93\xc1\x89\xf9zm\xfe\x1dB\x14\xc0\xd9\x15\xa7Y:\xbe\xc6b\xb2\xcb\xe3\xd39\x10\xfa\xf5\xb8+\x9e\xd9S\x11\xab\xb4\x90J\xe7\x7f\xb9t\xe7N\xd7\xa3\xd7\xeb)X\x91J\x89\xbc\xcc\xe3@\x1f\x7f\xb1\xfez&amp;\xbb\xe2l2b#a\xd6\xaf\xb5\xcd#C\xcb\t:d\xfb\x13\xb2\x1c\x1f\x8dC"\xcf\xfa"\xd4\x1a\x9f\x18\x8d\x8f\xaa\xba\x99\x1f:J\xa77~\xf9\xe1\xce\xa5\xc1\xcd\xf5\x14\x982\x19\xfa\x8d\n\x1a\xcb\x15\x7f1\x01\xac\xdbM=F}x\xc5\xbcf(\xef[T\xc4\xc2i?0UYW\xe7\xf3\xd5ML\xac\xdb\xea\x08\xcb\xe7\x89{6v\xd4&lt;\x90\x1d\xe4\xf3\xc0\xba\xd4\xf5h#\x93\xcaON\xbeBMN\xac\xa3&amp;\xc6^\xcf\x0c\xfev\x17&amp;\xd2\xb6Ko\x18\x08]\xa8\xab\xb4u\xdbl\xb6J\x9f\xa3\xaaJW5\xbe\xa9s,\xd6\xd5-:\xc6\xaf.\xdaF=\x93*\x1e`K\x98=\xc2\xea\xeaz\xf3\x18\xef\xaf\x1e\r\xbey\xf3\xa6kpfss\xf3\xf1\xcc\xe3\x99\xeco\xb7\x7f\xc4:d\x87Z\xc1\xb5\xf2\x8a\xb2\x0b\x97/\xfb|\xbe\xcb\x97/8t\xa1\xb2\x10\xc6\xc3"\x9e|\x08\xd7\xa2\xcdc;\xeaPQ-fK\xc1z3\xf8\x7fV\xcd\xf6%\xf15\x8d\xe3K\x91\x16\x11\x0e\x0b%&gt;\x91\xdaZ\xd9L)\xbe)k\x14\x8b\xecQK\xc5\xb6\x90\x8a\xc0&lt;\xa6\xa9\x83\x89Za\xcb\xb4\xf23\x06u\x1c\xc7)\xeci\xc7\x9d#\xa6\xbf\x08f:2\xeca\xd6\xe1\xec\x92{\x9c\xddU0\x98\x99\xf6\xd5\xbag\'f\x08\x82\x19&amp;\x82^\xed^\xb7\xf3\'\xe8\xad\x90e/&gt;|\xaf\xeb\xfe\xde\xd7u\xdd?\xd7\xda\xc3\x7f\xecP\xa9B],\n&amp;\xf0\xac\'b\x0f\x87\xfd\x1d\x13C\'\x04\x8fY\xcc\x873\x9a\xcc6\xd5\x89\xdcs"\xac\xcbq87\xe7\x16u\x89 \xad\x9e\xc1\x02\xb5(\x8d\xed\x8d\xbf\x94\xb1\x7f\xad \xfe\xf0\xe6\xc5\xda\xc3\x1d\xa3\xf1\xe1\xca[\xeaL\'m\x02\xa0\x8e\xb7\x1c\x98\x06K\x9a"\xf6Q]0\x97;A\xf6\x80\xd4\xaaUi0L\xe3\xd8:\\\xf5\xad\xaf\xaf766B\x00\xd1kY\xba\xdc\xd5\xd8\xf5\xee.\xba\xf0+O\xdaWT\xfc\xf6\xbf\x80e4\xee\xac\x18\xa93M3\xb1\x8d\r\xfb\x06\xd8\x17\xa6\xd1h\xdc\xa6Hx\x9a\x90\xcb\x05=b(\x0b\x8f\xdad*\xcd\xba\x06s8\x9e\xff\xe1\xf6\xfe\xd8\xfe\xef\x06\x97\xda\xdb1\x10\xac\xa7\x01\xa2\xd9\xd58\xf7i\x12]\x1f\x97i\\Yq\xf7\xdd\xda\x9a\x0b\xb0v\x80\xaa\xc9\x08&amp;\xbf\xe5\xf0-\xe9\xe3\xa7\xa7Y,\x19\xb1G\x87\x08H,(\xff\x98\xfdU\x9a\xf5uL\xe4}\xf1\xe6\xe5\xcb\xdf|w\xe7/?\x86B\xe3\x9a9\xca22.\xa9\xa8q\xed\xcf\x8b?\xfctu\x95/\xcbE\x10\x918\xf9\xe9\xc9\x9a\xcb\xef\x9f\x12no\xcfL\xb9V&gt;8\xbe\xbf\x7f\xe7\x7fcc\xf2\xc0\xa9&amp;i\xb7+\x13\x1e\x0fd\x16t\x17\xdd\xd6*PPt\xea\xfb\xe5_/\xe7\xc7\xc6n\xbfy\xb3\x14\n\xadw\x81TPDH\xe7@\xad/.\xa9@\x19\xcb\x97\xc5T+\x06\xfe\x8a\xb0\xa2\xd4\x19\xc02\xae&lt;\xf1\xfd\xf1\xcd\xed_\xdf\xf9n\xec\xfb5\xdf\xa9\xdb&gt;:\xca2\x9b\xa1\x14la\x8e\x8c ,Ls\xea\xf8\xf0a\x15\xcd\x08WW\xbd(\xc1D \x17\x85-m\x85&lt;\xab\xb2Xy8.,\xbd\x8e(^J\xbfwm\xb9\xfc1\xe1v_\xdf\x8cqk)\xfe\xe2\xdd\x8f`\xe4\xf3\xbeCL\x93\x0c/,\xb0$f&gt;\xa8\x85\xda05\xec\x03U2\x19\x89$-\xe8\xd3\x1c\xecC\xd8\x8e`a\x0c\xc0\xeaR\xa9\xd2\xea~\xfc\xfa\x9a\x97/\x15\xabb2\xff~oq\xef\xed\x13\xc0\xea\xac\xee\xdb\xa6\xba\xba\xda1\xf7\xd6\xa1\xd7\xeb\xd3`\x16\xb7\xc9\x1e\xdd\xdcDXNn\n\xb0\x0c\xb8%\r\x7fM&amp;\x93n\xb7\xdb\x92D\xb6\xd5\xd3:\xd7\nR\xc1\xbb\xa1\xae\xb5\xaaNK\xc6\xaf/\xae3\x03\xa5R}\x8c\x857\xbe||{\xec\xf2OTVWwF\xa1\xa8Y\xd9\xb0\xdb\x8fA\x10\xf7\xdf\x93\x913TCK$\xac\xfaTa\xc4\xc03(d\xea*\x95\xc5R\x843\x99\x14\x11JOk\xeb\xb3\x86\x1e\xb6\x94\rd\r\x94Z\x86_i\x05\xac\xed\xc9\x12#\xb87d[`\x1a\xb4\xcb\xcb\x805T\xb3K\x9b\x98\x126\xcd\x08\xa7b~;`\xb9\x93\xdah"\x01TN\xeey\xa1\x00\xbd\xa1U\xa10\xc9d\xa0\x94;\x9d\xb6\xc0\xd7&amp;\x132\x07\x84%eK\x97\x19\x14\x12\xa9\xb7\x17\xb0.\x84\x8b%&amp;{\xbe\xfe&amp;\xc5\xef\x80\x1a\xf8\xa9\x7f\x826D;\xd0\xe9\x0e:\x9b\x9a\x0e\x12Q;D\n\xbc4\xc1\x02*&gt;\x97\x0eX\x05\x03.#)\x18&amp;\x13\x90\x99\x80-\tT\x14v\xb1\xfb\x01,iXJa\xa8\xd5V\x03\xc2\xd2\x95\x86E\x1c\xf8X\xf8gA2;1\xd1\xe1\xef\x98n\xa657\xeb\x84\x07\x9d4(\x8c\xcf\xecZ\xbb}t\xc1\x86\xa8\xc4h\xfep~\x9e*X\xd5j\x19\x89\xa1\x80\x05\xbaYM\n-Z\xd0Xk\xb5\x08+\xcc&amp;\xa9\xaf\xf1"VS\x89E*`}=\xf7\xe4f\xa7c\xfe\x18`\xd1t\x07:\x84\x95\xe8\x88.D\x17lh\x88$6K \xdf\xb9\xd0\xf9\xd3\x99&lt;\\\xadV\x9b\xda\x0c\x06\x03\x0f\xc2\x89\xc6[\n-\x9b\x1d\xd1"\xa9\x00k\x99a\xc5\xadZR\xfa\xe2\xfaj\xb2D\xb5\xde\x9f\xdf\x00V\x90\xdf\x81\xb0\x9au\xd3\xd3:]s\xf3\x81.\x91\xe0$\xa0\xb5\xe7:\xc5\xe0YN\xb4\xb8t\xfa\xbd\x114\xf6\x868\x8dtw\x1bx&lt;E\x11MK\x0e+\x95Jr\x1bpQ\xd48\x8e\x87I\x17\x17x\x89\x06A\xac\xc8\x03\x96\xf8\xe4\xc4STK7\x9d\xf8\xb6\xd0\xac\xc1V__\xcf\x11{&lt;|.\x17Q9\xeb[\xe8\xf7xhT\xaa\xc6\xd1\x8c\xbc\xbb{\x04\xa9f +\x05\x02\x01\xb4\x8b\x80\xc5\xc8\xa6\xaf\xd5Z\xc0\xf2\xef\x95\x03\xcb\xe9\xc9\x9dL\x03\x96N\x07n\xb0\t8\xf4\x14\xac\xfaz\xae\x93o\xf6\x88\xd1\\\t\xb8\xc4bH\xb0n\\\x86#0kwKKq\xa2\xf4\x8dJ\x80\x1ali\xb8\xe1\xf2"\x9bV\xe0%\xc7\x10\x0c\xe2\x1b\xd6I\xae)6\x01X\xa0\xd6\xa6\x8d\xde\x82\xa8Z\x00J\x0c\xed*\x1a\x83C(=\xb9\xdc\xac\x93\xb3@\xb6\xf6\x1b\xacj\x8b\x85w\x0f\xfd\x13\x02\xeb\x85\x10\n`\'\x03V\xed\xe5\xe5\xe5\x05\xae\xbeP\x94j\xf2\xc4\x8a=\xe7M\xc1\xe9\t\x06gw\xa6 \xa9t:4\x08)\x0e\xdb8|4\n\xe1;9H2\xe8\xfd3\x19\x8f\x98\x95\xe8\xe8\xedU\x92\x152\xe0J\xb5\xb4 .\xf8\xbd\xb7\x18F\xc0\xbaU\xc4\xb2\xa4\xa9\x8b\xc4R\xb1\x16s77N\xa8=91jss\xb3\xa4\x19\xa1\xb0X\x1044J\xe2\x17\x7f\x06Or\x99L\xee$h\xe6s6\xc1\xe1\x16\x86\x95Zu6\xcd\x03A[\x8e\xee1\x05\x02\xa5\x12\xd9\x1e$W+`e\xf1\xb4\xec\xfd@\xa9c\x1b\xe2@\x9e\x0bX\xce\xf3T\x94*\xa4\xd1hf\xda\x90\x18M\xbeA\xa9Y\x0f\xf8\x02G\x02\x01\xce\xe52\x1f3\x80\xc5\xb2\rC\xc0\x16\x16\x86G\x15\xd9\xac\xc5\x90\xa2\xd3\x8f\x98L\xc1\xa8\x7f\xf4)\xbc\xa5\xcb\xd2:\xc0R\xcb\xd2\xc6\xbb%_\xf3#\xb9\n\\\x0fxxtj\xa6rwww\xc8,\x01&amp;\xb3\xe7\xc1\x83\x07b\xd8\x82\xac\xc7 T\xf0\x80\xba}B\x08J8G\xbd\xfdu*\x19Y\xa9\x94eA\x16&amp;\x84\xb1{dtx\xd8\xef\x7f\xfa\xf4)\x9b\xbd\xac\xba\xbcL3,\xea\x9f\xcaP\x9d\xc2\xa9\xc8\xe7\x9a\x0b7\x08\xab\x9a@\xa8\x19\x92\x98\xcd\x1e\xc8\xb5\xc7\x8f\xc5\xf4\x16.+\xf18\x17\xdcLj4\xc7SM3\x13\x82\xb6*}h?\x945\x99,Y\x90\x8b\x87n\x1aG\x94\x1d1\x84\x05g5\x05\xcb\xa6I\xea\xb4k\xaf,\xc5\xfcd\x86c&gt;\xbf\xb99\xdb\x11n_\xf5\x11v\x81*\x88\xa8f\xeb\x0bL\x9bX2;\x1bM\x9f\x9ez\x0f?P\xa9~\xadi=4\xb6\xbf\x1f\x87B\x0b\xd3d\xd3x7x\x04S0\xdc\x81\xb6!`5`U\xb5UY\xcb\xa7\x01bY&amp;\x82{\x12\xbe\xa4\xf0\xd5j\xa46\xf5\xf5\x01\xd7n0\x08ry\xc4\xf4\xee{\t\x90.a\xc7|&gt;\xef\xea\xe1C\xe3\x86\t\x03\xb1\xf6C\xf1S\x0c\x8a\xadtZm@\xd7\xb1\xca\xd1a\x81\x94\x8c\xb0\xe6T\xb7d\xaa\xf4r\xbeL\x9d\xcf@\xa6\xde\xec\xbc\xc17v\x84\xd5}}\xb9\x13\x02\x01\xb0\xa0_\xa53\xe9b\xd8\x8d\x89\r\xe8\xbd\x02\x01\xaf\xe3\xf0\xd0\x11\x88\xcb\x8bw\xfb\xeb\x18\xba\xbev\xe3#L\xa6\x12\xb6b/\x19\xaa-6E\xa4\x02\xa3\x95\xbd],\x8fX\xe0]\x1c\xba\x99k86R+\xb7\xfb2\xb0\xe5N\x82\xc81R)\x96D\x92\x88\x9e}\xeb\x82\xf4\x01\xbd\xcf\xab\x97\xcb\x81k~&gt;\xa4\x070X\n\x08\xe3\x91\xb2\x17M\xc2\xa1\xbc\x11\xa9\xa0\x08SlO\x96k\xa8\xbb\xb8\xcb\xb4uvl\xadP\x9b\xaa\x01\xeb\n\xe4\x82\xda\xddF\xe7\x88Y6{\xc4\x11\x08\xe8\xf5\xfaA\xbd&gt;\x1e\xf0\x06\x06\xef\xdf\x0f=\n\xa1G"\x00\xac\x0bC\\GJr?\x83\xc4`0("\r\xec\x03\xc5\x97\xc9_\x95\x87\x8bX\x91YH\xcd\xee&gt;qQ\x9b\xb6\x81+G\x08\xeeJX,N\x82\x9f\x88F\x1c^\xc0\xf1!\xae\xf8\xa0\xef\xb9/0\x18\x9a\x0f\xc9Ch\x8e$\xd7/\xe9\xd7-&lt;T=\xf4\x93H\r\x8c\x06\x8a\n\xa8\xac\x86\xbe\xb2=\xfcV\x91\xdfL\xb1&lt;\xae\'S3\xdb5\x95}E,1\x8b\x9f\x08\xdb\xb7\xa0\xd1\x80\xf0\x05\xf4\xbf\x8f\xcb\x07\xf5\xbeU\xc7\xaa\x0f\xf5a\xfaA\xf9\xa3G\xf7\xe7\xe5\xf2\xf8\xb8\xa5\x8dL&amp;3jkk\x1bj)Ui\x8b\x95&lt;\x9c/\xdf#@\xf9D\xca\xc6\xf7\xbb\xa8\xd4\xce\x9a\xce!\x02\xa1\x1a&lt;U"\x0e\xcf9\xbc\x90\xebz\x88] \xe0\xf3z\xbd\x98#\xe9F\x83\t\xe8\xf5\xbdK\x83\xf1\xd0}y&lt;\xbe.k#\xb7\xf5\x93jo\xddj\xa0\xd4\xa5q\xf2p\xa6|O\xb4\x10\xf368v\xb5\xc7SS\xc2\xca!ZeM\xf5.\xb8\xd7f\xcf\xaao\x1c\xa0|\x8e-\x87#rvv\xf6\xea?\xaf`\xbd~\xfd\xea\x95\x1d2\xae\xdd\xb7$\x0f\r\xca\x97\xea\xfa\xdb\xa4\xfd Wk\x034\xfc\xe4\xd1\xab2&gt;gC\xdc\x13\xd3S#\x8a\xe3)\x90\xab\xb2s\xa8\xa6\x06\xce\xa0i\xfb\xea\xf8\x92\xaf\xfdy\x91\xe8\xe7\xcf\x9f?\xff\xfb\xe7\xbf\xfd\xe9\xf5\xd7\xd7\x08\xeb\xd5\xd9\x86kK\xd48\x1e\x1f\xd4\x8fW\xf5\xff\x9f\x96\xf3\x8bi\xe3N\xe2xc\x1f\xd8\x16A1/\xa6^\x0e\xad\x8a\xabju\xedFJ\xfa\xe0]\xd9&gt;\x0b\xa4\xdaT\x071g(\x18\x14#[$\x17a\xb8\xaag\x1d\x88\xb5\xd6\x14\x88\x10\xa28\x0e\xb9Z\x06;\x0e\xe1OT\xae\xe7\x17\x1bGI\x10\x16\xb2\xa0")VuIT\xf3G\xaaH\xdd"@B\x8a\x12\x9a&lt;\\\x94\x87\x9b\xd9%m_Nw\xed\xb1\x03\x98\xe5\x89\x8f\xbe3\xbf\x99\xf9\xedov+`\xefZ\xa4\xa1(\x03\x97y\xb6~t\xf7\xbfq)\xde\xfb\xf3\xef\xdf89\xe7a\x91\x0b\xd4R^-\xbb1\xe7\x0b$\xe2\xe1\xed\x8dG\x87\xb6\x02T\xf7\xc1\x16\xf3\xf9\xfc\x02l"o\xba\x00\xcc\xeb\x1d,\x07,\xd0\xaa\x98\xd2d\xcdMG:Z\xa6\xb0\xc4\xa0qi\x1d\x12\xb1\xf4*\x08\xaej\x0f\xefK\x84\xb9\xe8\x16\xa8$\x18@-"\xd6*\xd8\x87\xf81\xf8\xa1\xddD\xf6\xdbH\rT\x1d\x93\x89\xa2\\\xae\xac\xf1\x88g\xc2\x81\xeb\xc1\xbd/r\x1e\x82%\xf4z=\xa8U]\xe6\t\xfb\xe2s\x9e\xd9a\xf0\xdd\xca\xc2\x02H\x05\x06Xy\x90\xe9\xe6\xe0\xc5\x96\x87`-&amp;S\xa2\x9f\xd4h\x11\x0b-k&lt;\xe2\xb9E\x85L\xd6\xd4\xd1\xe1\xce\x11,\xec\xa9\x81K\xa5#\xb8p&lt;&lt;\xb9qca1\xdf\xd5\x95\xdfx\xf1\xe8\xc5\xd6\xd6\x8b\x95\x85\x83\xa7\xb9\xa1l.\x14LB\xc9\xfe\xb4\xe5\xa2\x89$\x19\xca\xa0\xa1\\\x00\xc50Y\xe3\xd1?E\xa2P(:\xf6Xg\x94\xd0\xe9t\x91\x88\xde\xc1\xcd\x85\xe7\xda\xeaV\x1f\xfe}$\xb7\xbf\xb3\xff`w\xdf\xed\xde\xdd\xda\xca\xac\xa7\x9f\xee-\xadm~_\xfb\xa7k\x0f/N\x1a\x18fZ\xab\xa5\\\xc0\xc50dV\x8a\xe9S\x85\xa2)C\xe8\x08V\xe7D.b(\x0cX\xff\xf8\xeaZ\xdf\x97K\xeet\xca\xfc`\xd7\xdc\x98\xcadR\xa9\xe5\xa5tzo\xf3K\xeb\xa7\x0fW\'\'\xa7\x19\xd2\xa55\x98\\\x10\xfd\x0cC\xafuH2\xe3iY\'"\x08\xc5\xb2N\x9d\xd3\xc3\xf3&lt;\xaau\xf9\xfb\xa5oR\xee\x12\xb7\xbb\xd1\x9dZ_\x07\xac\xf4Rz\xf3\xbb\xf9\x87_\xadv\x02\x16\tjQ&amp;\x17\x05\xde$}K\xd2\x0c\xa9[bO\x05,\'\xba\x92\xf0\xa0\x17\x17\xf2\xab\xf9\x9d\xf4\xb2\xbb1\x95r\xbbS\xe9\xcc\xf2r\xfa\xf1\xda\xdav\xf7\xc8\xe0\xea\xead\xdb\xa4\x8b$]\x1a\x13\x9ee\x904\xedOI3A,3&gt;\x8bD\x9c(W\xd4\xa1\x8bpq\xd7d\xd7\xc6\xc6\xcab\xfe\xe5\xce\xe3}\x08\xab\xcc\xe3\x9d\x97;;\x07]\xf9&lt;\xe6\x87\xd5\x9b\x93mZ\x17M\x9b(\x86aL\x0c\xddO\x7fg\x94jNw=R\xe5\x846\xc2\xc9B\x02\xf3\xcc\xcd\r]\xfa\xec\xf3\xcf\xef\xdeYY\xc1\xfc \xa4.!M,\xe6\x17\x81\xac\xb3\xadb\x9a\xe9\xefg0\xdaQ,\xdf\x92D\xe3\xc3\xd0\x0f\x82\x13\xa3\xceHD\xa7#rQ\x9e\xe7\x1c\xe7g[g\xc5|\xfa\x08\x13\xd8\x8aHxg\x01\xd2|[[\x1b\x1eP\xd3\x0c\x06&lt;M\xd3!\xb7TS\xe0\xb2\xa6]\'\x18`9\x1d\x8e`\x08\xb0\x84#NH\xf4\x8f\x9e\xecf\x10o\xe5.\xd6 \xa8\xd5]@\xf5\x9e\xd6\xc5\xd8l\x88\x05T\x895\xe9\x86\xd3e\x0fr\xac\x93\x15\xa2&gt;\x1b\n\xf1\x10\xf9\xad\xadxT\xfd\x04\xb0v\xb1\x0c\xdd\x11\xbc(`u\x96W\x18\x84\xea\x03\x99\x14\xb0\xe8M\x8bT\xa3\xe9\nY*\xebq\xe2b\x84\x04\xc1\xf1!\xe8\xa2\xaf\x8aG\xe8O\x9e\x0c\x0f?\xb9+T\xa0;\xffZl\x07\xaa\x8a\xf2\xf2N\xcaD\xdb\xbc\xa4\t#\xcbF\xeeI\xf6\x0c\x0bbq\x04\xaeE\xbd\x93\xe5\xfc~.\xea\xbcr\x15\xf7\x8c\x7f\x1b\x9e}\xe3\xb7\xdf~\xbb\xb0\xf0\x97\x85v`\x1a\x07\x17\xd6\xd5i\xb5\x1a\x93\xed\x82M\xc0\xb2\xd1.\t\xb1,\xebY\x9e\x8b\xb2z\xe0"\x82~?\xcf9\xaf\x08[\xd9\xe1\xe1\xd9\x17C\x93\xd0\xcd\xc0\xae,&gt;=9\xd9\t\x06\r\x8d\x01B\x8b\x16\x9d\xc8h\x9eJ\x89\x15\xe5\x82\xc1(\xcb\xea\xa1(\x86\x82\x80U\xf8E\xe1\x95\xd6\xd9Y\x82\x9b\x8bwC\'\xef\xbd\x0c[Yr\xd0\xae.\xea\xc4\x1b\xf1\xa4\x8d\x16\xb1\xa0`?\xed\x90,\xe2\xa1\xfc\xb0\x9eP\xd0\xe3`\xf5\x04\xfc\x0ef\xf1\xb6\x04bA\x9b\x13\x08$\x12^\xe8G/\xf7\xd3\xb0\xa9\xaf\xab\xa8\xd0\xf6hA\xad~\xc8\xa5\xd0F\x14I\x89\xd5\xb4K\x94\x11\x9e \x07\\D\x94\x0f\x85\x82\xb0\x16\xaf\xc0F\xa8\xd51\x14\xee\xf6%@\xad\x0b\xde\x00i\xa2:\xf1\xa6\xb7\xc1\xc5\xd0\xde\x0b6\x13\xd4\xc3\x02JJ\xb5^k\xba\x07\x1d\x84\x9c\xe0xh\x08\xa3\x10\\\xe0F\x16\xe4\xba:{\xfe\xc6\xd0\\\xdc\xe7K\xa0\x17M\x9d8\xb5U\xa1uA\xa4_\xb0\xf6C\xc0\x93\xc5T\x91\x06\xb0\x14R\xa9u\x0f\x9af\x95.\x1a\x04?\x12\xd1P0\x1b\n\x12rTk\xf6\xc6\xd0P8\xee\x1b\x81\xbdY\xa0{z\x1a\x0f\xd0\x91\x8a\xb6\xd9\xa0u \xed\x88\x95\x93\x12\x8b\xc5-\x86\xce\xc3\x83\xfb\x00+\x97\xcdf\xa3\x85W[[[\x0f\x86\xe6\xc2xl\x86F\x92#$\xe3b\x12^\xab\r2\x16R\xa9a\xfb\x9a3J\x85\xa5\xe8x\x06X*\x95\x9c\xe5x\xde\x03N\x04\xaaPV\xc7:\xa2\x9e\xa1\xedx\x1c\xb8\xf0\xb6\xcd =\x020&gt;\x92\x1e\xb0\x0e\xd8\xbc4R\x01VQT\xb2g\x15_a)#\xc0\x85\x13\x1a\xc1`(\x89\xba\xf1\xdb&lt;\xb7\xbd\x1d\x06\xaep\xb8\x1b\xa0\x02\xfd\x90\xd7\xbd\x03\xd6Z\xab\x97\xb4\x17 \x16\xa5\x89\x9a%\xc5R)a\xe7\x13\x81\xb0\xf7\'}\xf3~\x7f2\xb4\x9d\xe5\xfc\xf1m\x8e\x07\xaenTkd\x84\x0e\xd8\x00\xaa\xd7\xda\xdbg\x15\xa9\xd0\x89\xd1\x98DNT(\x8c\x02\x16\xe4*\xa5\xce\xe1\xe1\xfc\xc9\x99y\x7f\x08\xc0\xfc&gt;\x9f U\xf7H"\x90\xf0%@-\xaf\x15g\xbeGG\xfb\x81\xaa\x18\xd5\xd2h\xb21\xc9b\xcbX\x05N\x04\xac\xaa*\x95\x93%\xb8\x90oj\xca?\x9fH\xfa\x93~\x7f\xa2;\xde\x1d\xc0{$8z\x13\x18\xa8\x1d=w\xbc\xaf\xcfk/(\x10\xb8\x00\xcb#\x19\xd6k\xb1\xaa\xf3\x10[\xca\xaa\xaa*\xa5\\\xe7\x84\xd4551?53\x9f\x04\xb0Dw\xb2;`\xb5B\xde\xa2\x13\x89\xcb\x80u\xfc\xd89k\x8b\x00%rq\xd2\xa9\x15\x8b\xbc%\x84&lt;`\xa9\xe4:=K\x04\xe7\x01kjj\xca\x97L&amp;}q\x9f\xb5v\x00\xe4\xf2\x05 \xd8\xfb\x8e\x1d\xabm\xb1\x17\x17\x17\x14\x0bd\x14bI\x95\xe6c\x912\xbc3R\x08\xc1\xa5\x12\xb8\x1c|r\xe2\xd6\xc4\xcc\xc4\xcc\x8c\x80\xe5\x1d\xf0\xe2&lt;\xa0\xb7\xb7\xb6\xef\xcc\x9bB`\x15\xbc\xc2*\xe2\xd7-\x12\xc9\x05\xbd&lt;\xfaP)p\x81^r\'\xe1\xf1O|\xfc\xf6\xad\x89\x89\x19\xa8&lt;\xf0\xed\x05\xc4\x01ko\xed\xb93gjE\xaa\x021\xba(\x8d6\xe7n\x92I\xf1\xfc\xb7L\xc4*\x14\r\xb0T*\'\xc1\x01\xd7;\x1f\xdf\xc2\t80D\xc2\'\xdd\xde\xbcV\xdb\x824?aQ\x06m6\xddh\xee8J\xc9d\x16\xb4&amp;w\x86-\x83\x95(h\x05\xdf \x9c\\\xcfFCSo\xbf\xf3\xfa\xbb\xaf\xf7\xf6\x02\xd3h\xdfq|,\xf0\xda\xa8W\xa0:\xc4R\xab\x11\xcb\xa0\xe1s{K\xcb\xe6#\x1bZ\x94\xd5\xa7\xdc\xdf\xb8\x97\xf7\xb2\xbc\x03J\xa2\x18\\\xe8E\x15:\x12*\x91\x7f\xa6\xf7\xf8\xbb}\xa3\xa3}}\xf8\x1c\xf3\xb9\xbeZo\x8b\x1da\xd4"X1bi\x0c\x1aJ\xd3\xc3\x07\xb3k\xe9#\xeapd\xcd\xee\xcd\xcd\xcd\xb5\xa0a\xba\xe7\',%\x1a\xc4=|\xe8\xc0\x933\x03\x03V+\xa85j\xf5\xda\xfa[\xec\x870\xa2\\\x98\xe6)\x8d\xa6\x08\xd2\x84\xb6\xa7\'\x94]&gt;\x8a\x17\x80\xc8d\x96\xb1\xa5Ph\x0e\xdas\xed\xb8C\xaf\x02C\x0f\xa2VJ\xbc\x86\x1f9\xb6\xd0\xd3\x0cI\xe2\xf8\x91]0\x81\xe5Uh\x89Xj\xb8**\xaf\xd0N\x7fm4\xfe_w+e\xf8\n\x0cKss\xfd\xd7\x86\xb6\xba\xce\xba\xba\xb6\x9fa\x15bi\x14\xc2\x1e\xd4S\xe9\xd9\xcf\xaeWh\x8a\x05\x1e\x91\x85*\x12\xa8\x1a\xe0o\xa8=X~\x00\xabA]\x03\xbb\xc7=\xb3\xd1\xd8!\xbc\xfaC\xf1\xeb\xa0,M\xcdcc\xcd\xcdcK=m8iQz\xdd!dS\x8c+\xf4!\xaeF\xb9p\xadg\xcf\x9e\x1c\xaf(\x87\x7f\x7f\xa8\x91\x10X\xc2"&lt;,\xd5\x02VA\x03\xe8\xa5\xdd3\x03\x17X\xc7\xaf\xc8\x17\xa8\x93;m\xae\x1fC\xaee\xbe\xbd\xbd\xbd\xb4t\xfc\xba\x83`\xe5\xa2\x0f\x95\x87\xe1\xa5TV\x81^r\xfd[\x1f\xbc\xff\xc7\xd2\xdf\x89\x0fg\x89~\x83\xc8j\x00\x0e\xbc\x04,P\xefpUj\xd3"Vcz\xbd\xe3\x97\xbe\xf8\x03\xa0b\xfb\x07\x99O\xea\xeb\xeb\x01\xab$\xd7^\xda^9~\xfd\x92\xc3\xe1@\xb9\xc4\x8c\xfac\xd8\x0bXgO\xfe\xe1t%\x9e:\xd5\x14\x8b(\r\xc5\r\xea\x86\x86\x1au\r@\xa9)\xb0\xe2\x02trA0UR\x82`\xe6\xf5\x83\x17\x99\xd8/z\xcd\x80\xccb\xce\xbc\xbc\xff\xd2-`\x8d5\xd7g\xde\xab,\xad\xbc\x0eX,\x8bn\x13\xf4\x12*\x90JU]\rT\x88\xf5\xc1\xfb\xa7\x85\xc30\x01\x03\x9f\xed\xa9\xa9\xa99\xa1\xae\x01\xae\x9fc\xd9\xed\xb9\xc6\x12\xe42\x97\xc4\xb6~\xb8\xbf\xb1\x1f\xfb\xdf\xb7\xb5M\xb1\xdd\x83\xd5\xe7\xcfw\xfe\x89X \xd7\x98\xdbSYY\x8aj\x89\xa7\x05B&gt;-,\xc4pW\xa9\xf4\xd5r\xc4:\x7fV\xc0:\xf1\xca\x10\xeaD\r|\x9d\xc0\xc8\xa2^q\xb5L\xa7\x1bE\xae\xc6\x92\xcc\x0f\xa7N\xdd\xee\xda\x8f\xfd\xd7\x04\x8b\x8e\x96u\xc42\x07\x8b\xb7\x9f\xff\xe6\xf9\xe3\x8f&gt;:\xf4\xe2\'\xfbm\x95\xed\xe3\x97.\x11:\xa1&amp;\xaaD\xf7\x89\x19\xb5\x1a\xf4\xd2\x97\x81Z\'O#U9\x98\x80\x85D\xc2\xc5\x8fX\xea\x02{K\xcb\x9a\x1b\xb0\x00\xcc\xdc\xd8\x98\xb9\x7f\xea\xaf\x00\xb6\x81\xae\xc4%\xf6\x1fV&amp;\xc6\x9f\xc5\xb8\xbe\xd5u\xff\xf6\xbf\xdb8\xff\x906\xf3;\x8e\x87kv\xeb9\x9a6&lt;\xc1R\xa5\x0cZ\x90\xc3\x81\x10I\x1e+x\x04M\xbd)\xfe3+z-VrI\xf1\x9f\xf6\x9f\xa7\x90\x83\xbbsc0r\x10\x1e\xce\x1e\x8c\x96\xde\xd6R763\x18Y\x84I.\x9d\x15\x9f\xb6\xc2\xc1]=b\xeby\x85\xfc\x10l\x0f\xdb\xa0\x98\xde\x9c$\xa8\xb1\xf7~\x7f\x9e\'\xd6n\xfb\x98\x87Z\x14\xfb\xe2\xfdy\x7f\xde\xdf\xcfC\x1e\x9br+\xc4J[X}\xc1\x8b\xf0\xfc\xe8_\x05\x0b\xcd\xbb\xf1\xd6\r\xd6[fH\x08\x15\x9a\xd8\xcb\xb7YO\xb3\x04\xec\xf0\xdf-\xe1\xa4\x89\xb5\x94\xeb\xcc7\xef\x9bb9\x9d\x03A\xe7\xdd\x14\xb0\xc2\xa9\x14Z\xf9\x90\x87\xe5\xff\xff\xef\x9f0\x16\xefA\xa8e@\x81\xca\xe1\xadb\xb1\x8b\xfa\xfd\x0b\xc0\x8aYX\x07\xe5\xdd\xa8\xae\xfa\xae\x1b\x02ib5\xf5\xb47\x9e&gt;\xdd\x88\xea\x04\xdda\xc0\x1d\xbela\x1d9tD\xb0\x8e\x9c\x11\xb1D\xad`\xd0\xb9\xbe\xa9@\xac\xd4\x1c\xc0\xeel\xad&gt;\xbe\xc9\xf4\xff\x1f\xc5\xdex\xf7\xd2\xc3u\n\x05a\xc3a\xc5\xeb\xdd\\\xd1\xd2\xd5.^w.\xfe\xea\xc2h\xac\xb5\xdaDpu\xd5\xd7\x83\xcb\\\t\xbb8\x89\x18D\x84H{\xe7Q\x06\xc5eQ\xed\xf2\x9eZ\xb5\xc4\xfa\xc9\'Wg\xc9D\xbd\x80\xb5\xa2(\xe0"\x19j~\xf9\x83\xad\xdf?\xbb\xf9z\xfc#\xcf/\x05\x97\xee\xe0\xcb\xe1\xb0\xdb\xaf\xf8\xdd\x8aw\xdc\xbb\xa3Y\xe6"\xd7\xec\x95\x13c\x7f\x04\x96\x19X\x07\x0e\x00\xab\xa1\x1eS\xf8f\xc7\x9b\x9c\xc7z\xa8\xd5\xdb&lt;\x86\x0f\xc4W\xa3)\x1b\xb0\xc4i\xf4\x16\xb1\x0e\x9d9\xf5\xdcr\x16z8\x10\xdc\xb1\xa3\x88&amp;\\)wj\xe6\xf6\x8b\x87\xfbo\xbe\x7f\xca\xf6--\x13]q\xb0F\xfc\x0e\xaf\xf7\xfb\xdc+\xb9\xce\xf5\xdd\xff\xe7\x85\x8b\xad\'\xff\xd0\xd1\xc1&amp;\xb6\xb4@\xac\x06r\t&amp;\xb0\x86\x11\x10==|\xf6\x88XR\xa7M\x9f\x1d\xafE\xc6\x9bX\x0f&amp;\x07\x06\xd2\xe2\xad`p`v\xd9nq\x99`\xf3\x1b3\xf3\x1b_\xae\xee\x13\xec]@\xdd\x9d\xdc\xc1\xb7\xd8\xbd^\x87\xc3\xef\xf7\x8f\xa0\x96g5\xcb\xf4p\xd7u\xdf\xe2\x9fF\xabXX\xb4H\xd5P/7B\xb4W\x17b\xbe\xa7\xbb\xbb\xa7\xb9\xb7\x97\xbd&lt;*\x925\n\xd5\x1e\xd6\x99\xab\xd3V\x07\x9d\xb9\xe0\x80sz\xde\xc2\xb2+\xe1pxnnn\xe3oKw66\xb6\x1e[\x0f\x9d\xbdq\xe9\xd9\xca\xfa\xa4\xee\xdb\xb1;H\xa5\x08\xd5\xe0\xe0\xe0\xcc\xb4\xa6\xede\x04\xc2\xeb\xa3\xcf[\xf9\xde\xbe\x1c\x86"\xd60\xdc%\x9b\xc4\x81\x03\xecbwSS\xb7\x85\xd5h~\xa0\xa4\x89\xb5\xacC\xef&lt;\'Q\x9aT\x93\xc0Z\x9dW\xecf\xb1K\x18\xca;\x0f\xdb\x1e\xbf\xb8\xbdq{I\xe6\xef\xbd\xc7K+8\xfd\xfar;\x0e~\x0f{(b\x8d\xcc\xac\x12+\xa7Y\\\xfa\xf4\x95\xb3T\xab\xc3ty}\xc3\xb0t\x91QO\xcf\xf7_k\x02\x16\xe4\xa2RG\xdb\xdb\x85\x8e\xa7$\xcfi\xac\x81o\xbf\xf3]P\xa2\xc1\xa9\xe5\xbeE3\x9dK\x9b\x16\x95"\xe5V\x96g\xfb\xfa|\xcf\xb6ff\x08\x15\\]\xb9\xeb\xec\xd3\xd3\xf9\xe2\xc7\x0e\x07\xbf\x0eW\xb1\x8d\x9b##[i]\xd7v\xf3\xba\xe9\xfas\xda\xf3\x8b\xfb\xb0\x1a\xce\x0f7@-f\xbc\x9c\x89U\xaa\xf6FR\xf5\x92K~sR\xb0P\xef_\x99\xf5\t\x94\xcfY\xae\x00p`\x05X\xdfXdvdE\xf8\x93b&gt;\xa7\x13\x8c\xa6ZY\x1d\xb8\xae\xe7\xf2\xc5\xb8\xf1\x19t\xb2+~d\x83W\x1c6r{R\xd7\xf5\xdd\xe2nu\x1as\x8bC\x1d\xc2\x05} \x16\xb0Z\x04\xeb\x06\xfe\x02r3\x8b\xaf\x00\x00\x05\x0eIDAT,\xfe\xf6_so\xa3\xa9\x15\xb9\xe0-\xa4\xfe\xcf\x84\xeb\xed\xab\xf7I\xe5\x03\xd5n\xa6\x02\x83\r\xfc\xdb\xd2\xca\xaeX\x03\xf9\x97R\x96`\xd7\xdbl\xcf\xd6\xd7\'\xfb\xf4\xedr1\xee\xf2\xa8\xb7\x1c\x10Jqs\x08\xc7\xc7\xc7!\xd9&lt;\xcc\xa5og\x8a9\xd3\xf5\xe7\xfaf\x17O\xfeW\x13[\xa0\x17\x82\x15!\x1fk\xda3\xbc@\xe13\x8aU\xb5\xd6\xb1\xe7N\x9fP\xf9r\xc5\xb52\x0f\x9f\x1dE\x11$\xc5\xb2\x98\xffV&lt;\x02\xb0\xf2\xb6n[\x9f\xbc\xa4\xefV2q\x97\xeaq\xa9\xbf\x03\x0f\xdc\xee\x07\xdd\xf8\xc4\x04\xc06\xd7\xd3\xf0V\xa6T\xd1\xc8\x85\xda\xce\xfcf\xc8\xc4\x92h\xaf\xb7J\x8e\xc4k\xdd\xdd\xff\x00\x16\xb9\xda\xdb\xe5\xcfF\x0b\x8bcx\xeaI\xd0\xc7\x06\xb6i\xce\xf2\xda\xda\xb7\xc0\n~P\xe5\xb1\xdb\xbd\xf4\xb4\xfb\x8bH$\x1e\x8fd3\x15\x9bO\xcbW\xb2\x11\x97\n*O\xe0\x17\xc4\x82\xd5a,\x07\xf5\x1a\xf7\xae\x00+]4\xb2e\xb1\xd7u\xad\x12/\xdd;\xf9\x1f\x0b\xabE\xc0\x1aX\xc42\xd5\x02\x10\xa1\x9a\x9b-\xac\xd3\xc7kk\xf1\xfa\xf9Z\xb6\xecL\xfb4\xbdM\xcb\x17\x12ky,6\x93\xcb\xf6W%\x9e_\x8b\xb0\xe2\x91\xb8-_\x14(U5T\x15X\xe3^?\x82a\x90h\xec\xa4\xf7\xfb\xed\xb4\x96\xae\x18F!/\x87c&gt;[SS\xba\xb7\x08,$DKW\x8b\x19^\xc3\xbc\xb0@0\xb5\x9a{\xe5\xf1\xd7fS,x\xeb\xc4\x89\xe3\xc7\x8f\xd5\x9eZsy\ny\'\xa8\xe0\x89D4\xbb\x8b=p\xf6\xeb\xd7\xa8\x10^_\x10\t\x82\xc5mY0\xb9p\x05\xa0\x97\xfa[`9\x18XB\xc6^.\xcf\xa6\xd3\xe9rD5\xb9r\xc5\x1aT\xbc\xf0\x00\xb6\xe7\x1d"b\x81^\x1f\x16*\xc1b\xcc\xe3\xaa\x8a\xd5\xc8GFN\x1c;F\xaa\x80Z\xcca\x80r\x95\xb5D\xa2\xb0\x8b\xa5y\xfakS$\xbbu\xb9\x89e\x96\xcdE&amp;\x0f\xe5"\x16g\x90]\x1c\xacJ6?\x9d\xce\xa5\xcb\xa5\x80\xc7\x05.\xadRcV\xf6\xe9\x0f\x1cF\xc6U\x17C\x153\t\xb1\x9aL\xae\x1ea\xb3\xb8N4vvv\x1e\xfbx\xcd\x13@E*9\x1d\xc6\x8a&amp;\xa2\xc0\xd2\xda\xee\xa6\xac\xb8\xe2\x858\x9d\x9b\xdb\x87\xe51\\.\xbc0\x87h\xa2\xc2\xc6I\x98\x0e\x12\r\xd7*\xd4\xca\x97\x92\xf8\xa1\x85|9ka\xd5\xc43\x10L\xee\x10\x0f\x10\x8bO\x15\xf73My\xfcXl\xc4:\xda\xc9\x07\xac?\xfc\x97\xa1\x06\x92\xc9\x80\xea\x89\x17\xf3\xe5B\x82X\xdbPk5\xe5V\xcc\x15\x02\x07\x0f\x0e\x9f\x8d\rX&gt;R\xaa\xaaE(`y\xd4\xc0/\x15\xc7\xf8\xf8D\x15L\n\x0b\xaa\xb6]H&amp;\x93S\xc9\xec\x1e\x15\x05\xfbj\xf1`u\x1e\xcf\xa3\xfa\xe1x\xca\xd5mruw77\xb7\xb7\xcbo\xe4^\xfd\xb3\xa1\x02\nT\xa1PM6\x0b\xaaD"\x03,m=\xe5\x16\x95\xe48\xc4\x81\xb81wK,_*\x99M$\x14\xe5\x8a&gt;R8\x80\x12\rU\xb2\x17i]Kg\x92S,c\x1f\x16\x1c\xf6\x84Qq\xb0\x8bC\xd8oR\x01\xab\xa9\xc9\xa2k\x1e\xfb\x1cP\xa3c\xf7\xd6\\\xa6T\xa0\n\x85\x80\x04\xac(\xb1\xda\x96R&lt;\x07I\x95\x9a\x13\xb9\xc2\x9f\x91\xca0"%\x1be\xa2\xb5\x90\x0fj\x02\xc7!6\x08r\xe1e\xba\xec\xcb \x8e\x9fb\x94T\xd1\xa8a\x84\xf6\x83e\x9e\xc0br\xcf\xd3\x1f\x8b\t\x96U1\xd8\xbfg\x0cw$cW\x0b\x11i \xa1jBj"\x1a\xa5X\x16\x96[\x0c5\xc7\x16\xce\x81\xcf\xed\x7fd\xb8"F\t\\66\x8fIJ\xb9^\xfae\xd5\xf2\x8ab\x13$sx\xe7\x9f\xe9\x9a^6\x02S\x0b$K$\\U(\x02f3\xdf\xfd\x80\xb4\x87\xb1b\x16W,v\x8d\x9f\xf6\xc7\xe4\x89\xe1_\xefIE\xa5B\x1eP%\xa3D\xcb\x04\x89\x85\x85\xd3\\h\xc2\n\xf7N\x87\xe3Q\xc2e\xa8F\xc4p\xd9\xc4U\x1e\x0f\xbb\xa8\xdeb\x8en2J\xf7\xc8&amp;\xbc\xd8\xe75x~\x01E\xc5\x12\xfb:I\xafd\x9e\xd4\xd5\xcb\xfd\x85\x90\xc5\xd8\xce~\xd3h\xa3\x80\xa2T\x01K*WB\xa8\xa4L,Yg\xfc\xbc\xbc\xa2\x07\xb1$\xaf&lt;T+\x84\x8b\xce7&gt;5}.\x89%\xc7\x0f\x15[qj\xc0\x9a\x9aZ\xb0\xc0\x12\x86+\x14z\x05\x16\x8a\x17\xbez\xd0Z\xdfZ\x87\xfb\xed\xfe\xb3\xe7\xcfb(\xebPgc\x1f\x01\nSdZ]\xa8L(&amp;E \x93\xc3M\xf5\n\xf7`\x13\xc8\xcb\x97\xe2\xb0\'\xe8%p\xd9\x04I^\xc6\xcbM\x99\xbdy\x93\xcc\xc2\x9a\xc0\x9d\xb5\x0e\xb5\xaaX\x0b\x14,\xf4\x1a\x18\x0e\xb1\xa7\x17\xcf\xb2\xea\xeaZQCCCuW^AI\x03]\x86I\x94L\xc2\xc7U,\x87\xd7k\xed*\xd8&lt;\xb9\x12\xdb_\x06$C]6\x12\x858\x8e\xc6\xcb[\x82e\x05\xc3\xa0\x9f\x87\xa2\x89\xd5\xb7\x9b\r\x90k\x8a\x03\xb9\xb0\x00.\xe3\x95d\xfc7)\x19\xdf\xca\xab\x1b\xe2\xdb\xebC\x8bO38&lt;L&amp;\x97\xb8\nRM1$\xa24\x9a\x9a\x0c\x14\xb6\xf5\xb6\x9b[\n},K\xa7\x82\x97"X\x01\x9e7\xea\x8f\x9a@\xb6\xeb\xe9=u\xa0\x00\x00\x00\x00IEND\xaeB`\x82'</t>
        </is>
      </c>
      <c r="M164" s="3" t="n">
        <v>45492.67744212963</v>
      </c>
    </row>
    <row r="165">
      <c r="A165" t="n">
        <v>587148</v>
      </c>
      <c r="B165" t="n">
        <v>1955</v>
      </c>
      <c r="C165" t="inlineStr">
        <is>
          <t>Víctor Cuesta</t>
        </is>
      </c>
      <c r="D165" t="inlineStr">
        <is>
          <t>Víctor Cuesta</t>
        </is>
      </c>
      <c r="E165" t="inlineStr">
        <is>
          <t>ZAG</t>
        </is>
      </c>
      <c r="F165" t="inlineStr">
        <is>
          <t>ZAG</t>
        </is>
      </c>
      <c r="G165" t="inlineStr">
        <is>
          <t>ZAG</t>
        </is>
      </c>
      <c r="H165" t="n">
        <v>187</v>
      </c>
      <c r="I165" t="n">
        <v>15</v>
      </c>
      <c r="J165" s="2" t="n">
        <v>32465</v>
      </c>
      <c r="K165" t="inlineStr">
        <is>
          <t>Left</t>
        </is>
      </c>
      <c r="L16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476e049-d0c7-4646-b3eb-7f6ac3cf3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8u\x1af\x00\x00\x03\x00PLTE\xff\xff\xff\xe5\xe7\xf2\x08\x07\x06\xf2\xf4\xfa\x05\x04\x03\xe9\xea\xf4\xe7\xe8\xf3\x00\x00\x00\x02\x02\x01\xfd\xfe\xfd\xe9\xec\xf5\xe2\xe6\xf1@.#\xef\xf1\xf8\xf3\xf5\xfb\xee\xef\xf7\xd0\xd4\xe20!\x17\xe1\xe3\xef\xf0\xf2\xf9\x0c\n\x084%\x1b\xe7\xe9\xf4\xe4\xe6\xf1G5*?* \xd2\xd6\xe2\xec\xee\xf6.\x1e\x14N9.C1&amp;\xd2\xd7\xe5\x1d\x14\x0eI8.\xcc\xa4\x8c8%\x1b\x17\x11\x0c;\'\x1d&lt;-"\xd0\xab\x93jOA)\x1d\x12\xce\xd3\xe0\x11\x0c\t\xdd\xe0\xed\xda\xdf\xebS=2\xca\xa0\x86\x11\x10\x0eeL@4!\x18\xb8\x8euvWH\xc0\xc5\xd3\xeb\xec\xf5L=4\xd5\xda\xe79)\x1f!\x16\x10\xce\xa7\x8d\xe4\xe8\xf3\xcc\xd1\xdf$\x1b\x14X@3pTF\\C7\xc6\x9b\x82\x80`P\xc8\xcd\xdb\xcb\xcf\xdd\xb2\x86k\xbc\x91y\xcc\xa3\x89\xde\xe2\xef\x85bP\xac~g\xfb\xfb\xfb\xc3\x98~\xc2\xc7\xd6\xeb\xee\xf7\xa9ya\xb2\x8asoQA\xa6\x80m\xb8\x8ezyZK\xac\x82mH1&amp;\x9fyb\xbd\xc1\xce\xf8\xf9\xf8~\\L*\x1e\x17E-"\xc8\xa2\x8a\xb7\x8bo\xcc\xa6\x91\xd2\xae\x97\xbe\x96\x82\x9at`\xa4}eN5)S9+\x96jQ\x8eeL\xa3t]\xb5\xba\xc8aG9\xd8\xdc\xe8\xb8\xbe\xccUD:\'\x18\x11\x94fM=1*\xc8\x9c\x85\xb1\x87q\xb7\x88k\x8aaJ\xb0\x82g\xc5\xcb\xda\xb8\x87r\xd5\xd8\xe4\xad~`\xc2\x93x\xac\x86q\xad\xb3\xc0\x9akQ\x9dnU\x8ekY\xa8w\\\x96wc5,&amp;aI=\xc2\x9a\x87\x8aeSiI9\xc5\x94\x81wRA\xc6\xca\xd7\xa3qX\xa8\xae\xbc1\'"\xa8\x82h\x9dqZ\xf3\xf5\xf4\xff\xff\xfe\xb8\x92\x7f\xd7\xdc\xeapYN\x93\x99\xa4\xbf\x95|\xbd\x8dp\x85]H\x9e\x81r\xb0\xb6\xc4\xd1\xa9\x90bA3N@:\x17\x17\x15\xa2\xa8\xb6\x8b\x92\x9c\x94n\\\xbf\x8ew\x93eS\xa5xh\xbd\xc3\xd2\xa6\x86u\x8fqb\x95q`\xe8\xe9\xe7Z;/\xc7\xc9\xc8\xb2\x82c\x9d}h\x96zm\x81eX\xc3\xa1\x92~XE\x8eui\xc4\x9f\x89(#\x1f\x88j[\x88pe\x95oU^OF\x8fiQYI@iTJ\x81\x89\x90\xf0\xf1\xef\xe1\xe1\xe0\xec\xed\xecx^Q\x9eug\x1b\x1e\x1b{bW\xd7\xb3\x9c\xe4\xe4\xe4rIA\xbf\xc1\xbe\xcd\xcf\xcd\x9d\xa3\xb0BGD\xb0\x8c{\x98\x9f\xab161\xb1\xb1\xaeo_X\xbc\x86{\x8faI\xce\xab\x9c\x84la}ka@94\xb4\x89y\xc9\x9d\x8ax\x80\x86\xde\xdc\xdb\xb4\x7fp)-)\x8a\x8d\x89\xdf\xbb\xa4\xa8\xaa\xa7\x9cf_\xb6\xbb\xb7ntq\xaf\x93\x84\xf4\xf7\xfc\xd8\xd9\xd9sicX][\x8bYP\x9b\xa2\x9e\xd5\xc5\xbd\xa2\x87}\xc5\xb0\xa3SXS|\x80|\xcf\xbb\xafdVQ\xb7\x97\x8a\x93\\X\x8e\x94\x90\x80\\B\xd3\xd6\xd4\xcb\x9d{\xa7\xa3\x9f\xaeuk\xdd\xd2\xce\xd4\xb5\xa6~OK\xa5nk\xa3\x95\x90\x94~wbge\xbf\xa9\x9c\x1be:D\x00\x00 \x00IDATx\xda\xc4\x98mH\x1by\x1e\xc7\xcb0\xe0\x0c\xe4M`\x02\tD\x19I,\t\x810&gt;\x80\x98\x17\x13\xb3B\nI\x0eb|\xc4D\n\xb1\xe6\x01!\xea\xe5"\xb2-I\xadO\'b\x13E\x8e\x1c\xd8\x01Q\xee\xaa\x81\xadn\xb3\xb4v\xa9vS\\CJ\x84\xb2\xd4\xa3DB&lt;z!\xec)\xb7X\xd9w\xd7\xbb\xdf\x7f&amp;Z\xbb\xbdw\x97\xd8_\xd3\x98I\xa3\xf3\xf1\xfb\xfb\xfe\xbf\xff\xdf\xbf\xd7\xae\xfd\x7fEZ\xc8H,r\xb6wx\x1a;Z{\xb7c\x89\xac\x91$y\x8d\xbc\xf6%\x0b\x08v\x92\xefb\xa7\xbf\x9e\x1c%\xf2o\xde\xe4\x0e\xb3\xc9\xfd\xb3\xed\xed\xb3\xc8\x17\xe5\x02\xa5,\xd9\xfcI6\x1fO\'0\xaa"\x91J$2\xc7\'\x1f\xf2\x1f\x92=\x11\x92\x9c\xff\x12h\x11\xb8\xf1\xf3\xdd\xd8Y&gt;\x91N18FT\x10\x158N\xe08\xc3P\x18\x97\xda?|\x1by{\xf5X=dr\x97\x8c\x14&gt;\xa4\xf2\x1cF\x10\x15\xc0\x84\x8a\x80\x97\xe8o\x05\x15Od\x7fMF,\xe4\x95\x92\xcd\x93\x91H!\xb7\xb7\x97\xe6p\xacHT\x84*\xbe\xa8 \x98T\xfa4\xdb\x03\xbd\xbc:?A\xf7\x9e\xbf;N\xe5\xd3\xd4\x05\xc9e,\xfe\x99\xc0\xe2\xdcq6\x17\xb3\x90\xf3W\x83\xb5\x1b\xb1\xf4\xbc\x8b\x1dq\x18\x850\xf0\x0b\xa6\x8fHEFP\xec(\xbb\xd3s%z\x91=k\xb1\xe4~\xe18\x81\xbawI\xaaO$\x83\'\x1cqa\xdc\xf1\xdeY\xd2r\x15Xk\xdb\xa7\xa7\xf9\x0c\x86\x13\x9f3]\x08\x06P\xc5w\x12G\xc7\xfbW\x80E\xbe\xdd;Le\x12\xf8\xa5\xbe}\n\xf5[R\x86:|^\xf66Zvv\x8e2\x98\xc0s\xb1\xee\x84\x0b\x1c\xaf &gt;W\x10\x1a\x99)\x94=(\xc8d!\x8d\xe1E\x92Kv\xc2y+\xf1f\xfb-\x1a\xce\x1c\x17\xce\xca*\x18\x04C,\xc5]\xbe/^\x84\xc2\x05\x8f\xff\xcf6\xe2\x18\x97/\xab\xed\xc9\xc8\xfeQ\x1a#&gt;F\xbaP&lt;\x15r9\xf1\x19\x99\xf0\x01&amp;\x95+g\xac\x92\xbb\x1f\x12\xd8\xe5m\x06\x17hp\x0c\x16&amp;\xfe\t\x14q9\xce\xf0Tv\xaf|\\$\x99L]P\x15\x9b\xc7\x17\xbc\xe2\xdf\xbf\xc4u\x81\xc5\'\t\x95)\xac\x95\x0fk\xed0\xc5\x10\xe7\xad\xe1yp\x9c\x02\xa5p\x1c\xc3\xf1\x8b\x98\xbf\xf4\x95\x10D\x04\xb8Ta\xa7L\xab\x91\xdc=MSXq\xcd\xe1\x02\x0b\x86\xf3\xef\xa0\x0b\xa2h\xa4\xcbr\xe1\x14\x85Q\xfc7\xe0\xdciy\xdahY;L\x14\xa3\xa0\x08\x82\xc1\x03i\x851&lt; \xea,\x8e\x7f\x0c2\x81\x8b\x81\x7fD\x97\xd4IY\xb0,\xb1\x13\xb0{\xb1w&lt;\x15\x05\x85\xf1`\xf0\x85\xbf=F\xe0\xc5\xd9\xab\x98b\xf0!\x86c(\xf4\x06\x93\xdf.G\x17-1\x94\r\xe7J\x81N\x94F\xa3\xa1(x\xc0\x15@q\x1cs\x9e^\xc2"\x05\xfd\x08`\x06v\x06C.\xcb\xe4z,\xe5\xc8\xacB\x9a\xc2/\xa8(J\xa9\xa4iZG+5\x82d\xa0K\x82b\xf0\xf3lE\x1f\xc1\x84\xd5\xc0\xf0\x9b\x15N\x81\\e\x98\x92so0\xe1\x9e \x0e(\xa5\xa4\xc5\xe2&amp;\x89\xc4\xc1*5H6\x01\x80\xa3\xceC\x837^\xf1\x82\x12\x06\xb3\xcc\xe9N\xc9\xb9\xc8\x9e,\x87\x13\xc2\xdd@)\x9dZ!\x12U\xea\rz\xe9u\x07\x94\x0e\xd8\x90b\x0c\x87\x9d\xbb\x0e\xda\x8b\x17\xa5\xc5\x85\x90\xe0\xca0J\x90\xcf\x0f\x19\x10\x0b5\x86R\xd2\x832\xc3\xc0\x80\xcd\xd6`\xb27O\x18\xb4Zi\x93\x83\xa5\x19\x86\xd10J\r\xef9\xe8\xaf\x92\xe64B\x17q!\xd3\xc0]\x85\x92O\xaa\xe4\xf61\xea!\x03*\xe8\xea\x14\xfd\xd3\x9b\xd1h`\xc5\x1d\nw\xf7\xdd5\xb54\xa8\xb4"\t\x9b\x88sJ\xf8C\xeb\xa0\x06\xe5\x83HB\x8a_\x10\xc5-\x8a\xe0N\xb6K\xccE^\xcbq\xe8\xa7\xc3\x8d\xd8\xae^\x9e\xea\xf5P0\x18\x0cy\xadc^\xef\xc3\x96\x86\t\xa9\xc2\x01+\x80eu\x8e:\xb9\\\xde\xa4\xa8S\xb3\xb4\x12z+\xb4\x92_\x9cX&amp;i)1V\xe4\x04\x89\x851\x14-[wM\xbf\x0f\xbc~=4\x14\x0c\xcdz\xad\xa8n\xf5m\x99\x9a\xb5]r\xd6177&gt;\xd7TSWWS\xa5\x90\xabu4\x02C\x9d\x14B\x0cgNJ\x1c\x11\x96m\xd8\xa4\t\x8a\xe2\x94\x12\xd7\xd2\x12(\x05X\xc1Y\xf3h{\xfb\xa8\xdfo\xee4{\x97\xa7:l\x06WeUS\x8d\xac\xb7WV\xa3P\xc8\xea\x8a\\\xc8\x8e\xc2\xb9\x03O\x1cEJ=\x95f\xa0\x17\x0c\xc3\xb2\x95\xae\xf5\x19Pj\x08Q\xb5oll&lt;v\xd6\xfb\xef\xf8\xcd^\xef\xd6\xe6\xe6\x8cmz`\xdd\xd5\xdf\x85\xc0jj\x10\x17\x02\xe3\xc3\x83\xdf\x8e\xd2\x87;%\xc6\xda\xe7x,Z\xa2_Zz\x8f:\x18\x9a\x1d\xb9\xb1\xc1\x97\xd3\xef?\xf0[\xc3a\xf7V \nh\xd3\xeb\xfdP]2\x19\xe2\x1a\x04\xfbk\xd0\x8e\xc9\xef\x97\xe9\\i\xb1H\xcb)\xfa\x9d\x01\xabJ5c\x8b\x0e\r\xb9\x83\xb3Vc\xfb\xe4\xc6\xc6\xa4sr\xc1\xdfz`4{\xc3\xe1\xf0V \x10@\\\xaeu\x97\x0b\xb8\x14\xe0\xfd\xc1\xc1A\xb0\x17\xc2\x02kf\xceJ\x1c\x10\x96,\x83\x02K\xe904lF\x91\xdbg\xad##\xa3\x0bNg\xbb\xbf\xb5\xd5\xdcm\xb6\xde\xf2\x86C W`*\x10\x05.\xe8d\x7f\xaf\xa8F\\\'V\x0f\x0e\xea\x94E\xd7\x13\xf1X\x89\x17\xa2\xa5\xc0`\x10\x96tSm\xcb\x14\xef\xab1\xabq\xc4\xd8\xbap\xd0i6\x9b\xbd!/\xaa\x90\xdb\xed\xf1x\x02S\x9b?.-\x01VW\xafLQ\x87\xfa8Hkx,\x9cH\x95x\xf7!\xc9,\x07\x93@\x82\xadV\xb5x\x00+46f5\x8f\x8c\xf8\x8df\xb3\x15\xc9\x04]u\xc3\xb3\'\x10\x88F\xa3\xef\x7f\\Zwu\x81\xefE5\n\xb1X\xadV\xf3\xeeBM&lt;.\xf5\xeeC\xee%\x00\x8b\x9ekl\x00,w\x10\xb0\xc6\xccF\xe3M\xa3qd\xc4:\x1b\x1cz\xedq\xaf\x00\x95\x07Q\x81\xb9\x96\xd6\xd1jD\xeb\x11E\xabZ\xa7\xa4\x84\xa8?\xb1\x94\x1ak;\r#\x15;\xae\xed0\xb9\x83A0\xfc,\xa8\xf5\x87\x9b7\xeb\xfdf\xeb,\xe8\xb4\xe2\x0e\xbaW\x86VV\x02@6\xb3\x84B\x02\xe4\x12\x01V\x9dX,gia\xd6\xc6\xb2%\xdf\x12-G@\xc5\x8e\xfb:\x02\xee \x8a\xf71\xb3\xf9k\xd4G\xb0\x16\xe2r\x87\xc3\xc0\xe5^\xf1\xf0Kq\x89\xcf.\x94\xaa\x12\xc0\x12\xabys\xc1B\x8e\x95~\x82(\x80\xb3\xe2\xc3\xcf\xec\x1epQh\x16\xb0\xc6\xac_\x8f\x8c\xa22\x9ag\x87^\x87\xc0b\xe1\'O\x80+\xba\tM\x84\x80\xe8\xad\x12\xd5\xd4(\x10\x96\x9c\x15"5^\xfa9\x10\xf2417^\xad\x9az\x12\x0c\x05C\x00f\x05*\xe3\xcd\xfa\x1b\x7f\xba\xe1t\x8ezC!\xef*Tx\xc53e\xda\xb4M\x1b\xf4\xda\xfe.\x114\x11&lt;\x0f\xc5\nr\xbd)\xfdY\xd1\x12K\xc4\x87\x87}-S\xe0\xf7 \x08\x06{4Ou\xc3999\xe9&lt;\xb0zW;\xfd\x07w:\xbb\xb7\xee\x9a\xec3*\x83^\xef\xea\x876\x8a\x04,dz\x88\xd4T\x19\xa6\xd3d|\xae\xf1\x81\xaae\x0b9~(\x14\xf6"\xcf\xb7\xb6;\x9d\xce\xc7\x8f\x1fO.t\xb6u\xfa\x17\x9c\xad\xfe\xb6\xe5\xe5\xa9\x16\xbb\r\xb0*\xfb\xb5\xd2\xaa.\x99\xf8\xa3\\\xd8q\x19\xa6\xd3\xb3\xccx\xa3Oe\xdf\x82\x8c\xf2\xb8\xbd`\xf0pw\xdb\xab\x85_\xf8M\x11R\xb5\xf3\x0e\xc4=\xa8\xb5|\xd7\xd4\xd1\\k\xd0\xea+\xa5\x95RQ/`\xc9\x11\x96\x8e\x86I\xad\x1cX\xb1\xb9\xe1\xc6\x01\x95\xdd\x03\xe9\xe4\t\x877U\xb6\x97\x8f\xbe\xf9\xf6\xdf\xdf\xfc\xf9\xe7\x9f_\xbd\xba\xb3\xda\x06\xc6j\xeb\\]\xed\xbb{\xb7\xe5\xfbg&gt;\xadtx\xf8\xfa\x9c\xc3!i\x92\xf0Xj\x16\xda\xa8)G\x13\xf7\xe3R\x9f\xaa\xc1\x04X\x81p\xb8\xa1v\xe2\xc1\xb3\xa7&gt;\x9f\xaf\xba\xda\xb7\xf8\xd7\x87\x0f\x1f\xf6u\x03\xd3\xea\x0f}\xcb/\x16\x9f6\x0e\x8f\x8f\xc7\x1dq8\x13)\x95\xacC\xae\x96\x8b\xe5\x0e$\x97&amp;]z\xcb\x93{\xa8\x87\x1d\x01Hr\xcfr\xb3\xa1qx.\xce\xb2qV\xc7^\xf7-\xbe\xb0\xdb\x97ouv\xfe\x10\x06\xa9&amp;\xaa\xe7\x00\x87A\x87V\x06\x8d\xf2J\x87\x03\x82\x1e\x12\x95\xd60\x992\x04D\x0e\xb0\xbeGX&amp;SmcUu\xa3\xef\xe9\x839\x1d\xadSWM,v\xd8M}w\x0e\xfc\xde\x15\xd3w\x1d\xfaa\x07\x8dx4\xe8h\x0bg[\x8dN\rr\x81\xe7aN\xcd\xec\x96\xfeP\x9d\x1b\xf6\r\xd46\xc0\xe6\xd2\xd0\xec{P\xfb\xdd=0\xd5\xb7/&amp;\xb4Z\xfd@\xb3}\xaa\xcf\xe8\x9cl\xf7n\xcd4\xab\\"\x89\xd8\xe1\x107U\xfb\x9e\xf9\xaa\xaf;\x94\x1a\x9a\xe5\xd5\x82\xe3\xb72\xbdVz\xac\xbda_\xad\xca\x16\xf5Dm\x13\x13/\xee\xb5\xb5\xbe\xfa\xe5\xef\x7f\xb9\xf7\xa8y\xc0\xa0\xb2/\xdf\xf7\xdf\xf8\xeao\xed\xe1\x80\xcdP\t\xd3_\x95\xf6\xd9\xe2\xcbG?\xbd\\\xac\xd5^\x87\xd3\x10\xabF\x05Te\xc0\x9a\'\xf7\x1a\x07\x00\xeb\xbdg\xd3\xd6\xfc\xe2\xde}\x88\x82\x0ei\x1cN\x82J\x9dBu\xaf\xfe\xf6\xed\xaf~?\x1a\x8a\xaa\xfaE\xb2&amp;\x89\x04|\xe7\x88\x8fK\x1b\xf5\xe8\xcc\r\\\x0e4\xdc \xb5\xde\x96\xf8\xffl\xc8y2\xa7G\x07\xe9\x80g\xb3\xc1\xf4\xb0\xfbV\xdf\xb4\x83\xd5\xe49\x8dr\\\xa2p\xd9\xef\xdf\xbe\xfd\xbb?\x8eZ=K]\xb2\x9aAZ&lt;\x9eJ\xa5\xe1\xfcM\xe9DR\x91\xc4\xc1\xf2r\xa1Cc:\x96|W\xca\xd1f\xfe\xf9?\xff\xf3\x0f\xad\xde01\x03\xa1\xb5\xb5\xd5w\xeb\x89K\xdc\xf8/y\x13\x9c\xfa\xab+\xeb\\\x9b\xe1\x9b\xf5\xf5\xcev\xeb\xcat\xafL\xae\xd1\xfc\x97V3~Is\xdf\xe38\xdc\xdf\x02\x7f\xf1\x87\x07\x14\x1e\xa5\xf2hF\xe0\xa1Ga\xd8\x85,\x85\xa7\x91\x0bLMe\xe5}:\xa56\x11\xe6\x8e=\x89&lt;J\xa5\xabL"\xbbF\xa4\x81\xfd0\x8d\xea\x88\xe6\xdaV\x9e6\xda\x16q\xdc\x81\xc1*;g\x82\x8c\xd3a\xdc\x90\x9d\xcb\x1d\x1b\xbb\xd5j\xc5\xbd\x9f\xc7\x9d\xf3\x1f\xe8\xa7\x9f\xfc\xa9\x17\x9f\xcf\xe7\xfb\xf9\xbc\xdf\xdf\xe7\xdb\xb3w&lt;\xdd\xdc0\xdd\x0c\xb6\x9a\xc9\x90\x02W\t\x0b\x8a\xf8\xe8\xd7\xbb\x8b/\xca\x88u\xe3\x7f\xc3\x07\x01\x9bLf\xfbtk+c0\x05\xfb\x03\xeb\xed\xe9\xddV#\x8a\xf2D\xadQ\xc9\x84\x15\xc7]b\xad5\x1e\xb0\xf0\xed\r\xd5\xac\xbdc\x11\x0fesD\x0c\xb4\tT3\xca\xec\xf9\x8a\x05g\x13\xe5\xed\x95o\xa4V\xfd`X\x9f\x9a\x8a@\r?\xdd\x1a\x1a\x18\x19\xbe34`\xd0\xa4\x16\xd6~i\xf1G\xfd\x91\xad\xcc\x8c\x17\x84*!\xb6f"Q&gt;\xda\xc4lM?8\x9c\x1b\xa3\xd7\xa2\x14\xb53\x11\x1eB+g(b\x93\x1d\xe5\xf3j\xca\xa6\xb9B\xa1\xa7\x86\x19\x9dS\x15\xe0\xd0X\xb4\xae\x01\r\xa8\xf3t\xbe\xdc\x99ho\x1f\x05)Ay)\'I\x8aU\x03\x91(\x9bi\xaf7\xb7\xac\xf8\xee)$\xc2V=\x1f\xfb*\x03{h\xacj\x94\t\xfa\x8b\xfd\xaal\xd9\n}V*\t\'\x91\x91\x01\xd6\xc1\xd4\x94UI+\x9a\xd9\xd9Y\xcf\xce\xbd{\xf0\x83Lz\xbdI\x92t\xaa\x06\xd6\xa3F\x0c\xc3\xf8\x16aw{{\x17\xa8\x1b\x91\x88\x03&gt;\x03A\x81\x0b\x06\x17\xc2f\xf0x\xfc\xcb\xb25}\xe8\x9d\xca\x85\x93x\xd0\x1f\xf84t\x00z\x99N\x8dxP\xa74XU\x14\x9d\xa7$E%I\x9cR\r\xafG\xf5|\xf8\xcffaw\xb7\xa2\xbbK\xe2\x8f\xcad02\xf8\xb4\xfbinn\x16pY \xa2\x8f\xcb%#B7\xce\xbd.*6h\x92\x04"C\x07\xc3S\x14&gt;?/\x16\x13_\xafE\x06I\x12\xdc\x0fN\xbap\xd5\xd4A6\xa1g\x03\x961\xda51\xba5\xd4\x1e\t\xd8\xcc\x1c\xb3\xf1O\xac\x1e\xc8\x15\x860\xaf\x95k1\x86n\xd6Qb\x8aL\x1a&gt;}\x1a\x1a\xba3\xecM\x12mm\xa0\x95\xb5m1\x17\x8d\x16&amp;\xc1\x01\x11$\xe5\x1d)\xfa\xcd\xa5;\x11\xa3,\x10\x19\x1d\x9d\x98\x00\xb3!\xd2\x9b\xcd\\\xa8"\x04S\x00\x05\x86\x83Y\xae\xe6\n\xfd\xb3\xce\x8d\'\xc3nS\x046\xe2\xc0\x14\x95\x0c\xc7\xc2\xf3\xf2\xbe6p\x17\xa0\x98\xdbb\x10a\x12\xecO&lt;\xe27\x03\x14\x1b\xb0$\xdd\xedp\x1c\x02~\x1bX \x96\x11A\xa1\xe7{\x10\x01x\x0e\xac\xa9\xbelX7s\xee\xa4\xbb\x83\xb0nm\xdd\xb9\x05\xc9\x02\xc2\x98\xfc\xe1\xf8|l\xbeo\xfca~r\xb2C\xde\xe1\x02\xaa\x91\xe1b\xd6\xc2\xe7\xd1X\x89\x96\xee\xf6\xc8:\xf4V\xab\x0c\x1c\x10\x1b\xa4 h.&amp;\xca\xe6\xb2\xa4\xd5X\xb9\x06j\xd5\x8dsj\xfe\xba[5\x92\xd9\x1a\xb85\xe0\xa5(2\xe6v\xf4B\xdc\xcf\x8f\xe7\xf3\x0e\x87\xc3\x1dsZ\xa7 \xe2\x81(\x1b\xb0\x18z\xc0\x9a\x88\xac\xaf\xfb\x13\t\x18^\\6V\xd2\xf3\x08\x8c-)\xc3.\xf8o\xd9Z\xfe\xbdW\x1e&amp;\xbdI\x13\x8de\xa5\xe8t9r\xb9\\o/\x98\x9e\xfbrw8\x1cVMy\xbd*k\x1c\x06\x04\x0f\xe1\xb1\xcd\xadj\x98\x10\x01\x89\x10\xec"hz&gt;\x9d,\xc0\xaa\xb7\xa3\xf5\xbc\xfa\xc5\xb2\xc9\x88\xaaw*9\x9c\xb6o;\xb72_\xb3\x15\x0e\xbbk\xeb\xear\xf7\xb5\xd0\xf1.\x97S\xa9\xf2R\x05W\xe1l\xa6\xe8\xd7\xf30\x14\xe3%\xd4\xdd\n\xf0e\xea\xa8\xc5B\xdf[b%*\x04\x83\xed\xc3d\x1e\x97\xed\x8bT\xe8\xb3\xb3#\xe9%\xbe\x1b\x1f\xcdl\r{aF\x01\xd6\xb7\xbd\xb9\xf3q\x95\xd2jU\x16T^U!\x9c?\xcf\x17\x8e&amp;\xb2f&gt;\xac\x1a\x94\x1d\r\xb4O(\x02j\x9b\x88\x03.\x96\x0fX\x08\x13a0\xaa\xbf\xa9F\x05\xaf\xca\xb8\x13\trj\xd8YW{/\xb3\x95\xb1~\xc5r\xd4\xe6r}Jk|X\xa9T\x9e\x15\xf6c\x93\xe7\xb9\xb3\x8fE\xb5\xa8t\xa7\x85\x1am]\xed\xed\xb0~D\x1c\x96\x91M[X\x84)eqA\xaab\x8b?\x95o\xf9\xdc\x9c%\xa7\xee\x0cw\xd4\x19F\xb7f\xe8E\x03X\xf2\xde\xdcx\xc1\x1a?\x98q\x15\\\xb1\xfd}\x97+\x16;;R\xd8\xcc\xf4&lt;\xc5\xec\xa8E(Q\xc0\xfa\x11\xe9\xe9\xdf\x08\x8d\xc5`!\r\xdf\xd4\xf3\x8f\xcbx\x05^uN\x92\xdea\xd5w\x9d\xa3\x99\x0c]D\x82t\xcbk\xefk\x95\xf1H\\\xeb\x00*\xdd\xea\x92\xcb\xb5\x7f\x16\xcfZ\xcc\x16\x0e\x90\xa0M\xfcVu\x17`\xc11\x84m\x84`\x08\x82pY\xf6&amp;T\x80\x9d\x96Q\xa0\x86&gt;\xbb\xc4D2\xd96Ocy\x938\x19vw\xe4\xe5\x83#C\xf1\xd7\xbd\xb5\xae\x9d\x80\xd1nW\x14\nKE\x1b\x17Z\x88ef\xa3\xf6z\xbd? Q\xcb8\x0c\xa0*aMsx(\x9f\xc1\xbbV\xce\x17pU\xdb}a\xc2}\x12n[\xcd\xcc\xa8T8]E\xb9Cl\x8d\xc7\x07\xf3\xbd\xb5\x93\x13\x89h6[\xd4,\xf5+8M\r\xd5v\x94\x871Q;\xa4\x0bZ\x9e\xc3\xa6\xa9\xa0\xdf\x11)\x0b\xe310\xecMY\xef\x03C\xef\x93\xc4\xc9\xc9I\xb8?\x93QQI\x8a\xceV\x9bs&amp;\xae\xec\x83q:\xa9\xdd\xb9\xb7\xa4y\xad[Mw\xf1\xed\x10=\xd0\xe1\x18\x8fg\xf1g\x01\x8b\xc1\x07\xcb\x01\xc1\x14\xe8\xb9z6\xf6\xf8\xa7\xb2z\x8c\xd0v\'\x05X\'A\xba\xb7p\xd8\x8a\x80\xa5\x1a\xd1i\xc7\'\'c\xb1\xd7\xcb\x0b+\x9b\x0b;\x1b\xc2V&gt;\xc6\xa4?\x8e\x01\x15\xdbh\xf6\xab\xd56\x0b\x14\xb1\x84\x85H\x19\\=\x83\xfb\xaa\xbc\xce\'T\xf5\x8e&lt;q\x9f\\\x17\x83\x92w\x92\x14\x05Xx\\3\xab\x85-\xed*\xec\xac\xad\xadl&gt;x\xb0\x9a~\xc2b\xf6\xd0\x1f\xed\x98&lt;X@\x96\xa8:\x00f\xb6TD\x086\x9f\xcd\xd5\xef\x95\xfbn\xa4j{\xdc\xed\xfe\xfbu&lt;\xd3O\xe1\x04\x95$\xdc\xe2;\x86\x97\xcb\x1e\x9dF\xa7YZ]Y[\xb8\xda|&gt;w\xb8[3=\xdd\xdc\xd4\xdc\x83"R.G&amp;\xf3\x07\xfc\x16\xf6_\xd9\x82Ui\xe4\xbc(\xf7\x1d\x04\xa4+\xe6\xb8\x1e\xfb\xe0\x9b\xa1\x9c\x04E\x11m\xd6!\xcfr\xca\x97\xea\xef_Y\xd9\x04\xac\x85\xcd\'Ov\xf7~|\\s\xf7Q\x0fM\xc1\xa8\x11\x89dj\xa1\x85\r\xe5\xa3\xa3\x87\xad\xd7\x8bN+\xf0L\xf0\xe6\xbb\x87\xe3\xef\x9f\xbd\xed7\xe1\x04\xadF\x0fV\x17\xd6\x1e\xac\x94\xc2\xe7[[X\xdbx2w\xb8\x99\x9e\xbb\xcd\xfa^:\r\xdeP\xca\xba\xcd\xb1\xf8a\xe8#%.\xe4QM\xcd\x8f\x95\xa0\x82Q\xbf\xfd\xec\xc6\x8d\xf7\x06\x13I8\x95\xb83\xa2YXHm\xac\xac\xfa|K\x1a\x8d\xe6e\xe7\xa8dwe\xcd\xb7\xa1\x96\xd5@g\xc3D\xa8y\xcca\xc9\x84"\x81\x94\xa6\x12 \xc7?\xbf\xf8We\x9eT\x86B`\xf9\xdf\x99\x828\x11\x0c\x12\xf8\x90&amp;\xb5\x96\xf2\x19\x0c\x1aO\xa1P\xd0\xf6i\x97f\xfawvf\x8a\x01\xbf\xdf\xa2\xe7\x82\x97\xae\x19\xbb\xcd\x91\xf9E\x02\x9eT\xc0\x16\x08`AW\xf2\x19^\xe8\xa9\x86."`m\xa5R&gt;\x85\xa4=\x0eq\xb4\xb3\xb4\xf4\xe5\xe8\xe8\xe8c\xb1\x18\xc8F\x13\xe0)\xf8R\x9eh\xae\xf1v\xab\xd0"@\x04\x0c\xf8\xbb\xf6sE\x1f\x07Vm/\x9b\x88\xb0\xd34H\xcc\xac\xa4|\x12#\x8a%\xb2\xd9l\xe0\xe2\xe2"\x90\xcd\xfa\xa3\xd1D\xc2\xcc\xa6\xb7 \x86\xb2\xe6\xe6\x1amB3T\x90\x01\xc9z\xfcCE\x9f,\x86n\xbe5\xe1b\xdc\x10\x14\x07})\x8df\'\xcb_|\xf3\xe0\xeap\xf3P\xf8\xcb^\xa3\xe8\xf6\xe3k\xdf/NO\xf745\xfc\xad\x81\xb3\xfb\xbc\xb1\xb1\x91%\x90\x96\xb2\xb5W\xe1\xa7\xcdU\xff6\xe9\x08\xbc?\xd8\xe9\xf1\xa5\x96g\xdb\xce\x8a\xd9\xab?NO/\x7f\xbb\xfc\xed\xf4\xea\xf8xoq\xf1\xd7\xe9\xbb\xd5\r\xdf\xd8\x19O\xd2\xe9\xb9\x16\x1b\x0b\x92\x05!\xfdO\x85_\x9eV}6\x04q\xbc\xdf\x17\xecLi\xb4\x0eG\xacp\xf4\x11"\xfd\xc7\xd5\xe5\xe5\xd5\xe1n\xa9\xb3\xc0e\x98[\x85\xe9\x8dt\xbaE\xc4\x85d1\x18\x02\xe9\x9bJ?\x88}\xaa\t\xea\x88`\xbfG\xac\xd1\xb4\xc9\xff\x91\x9f\xdc?;\xfbrV\xf8R\xa2+^\\dm\t\xb3h\xac\xb1E\xb1\xb2\xb1\xab\x10r\x04\xb0\n\xb9\x0c\x01rYa\xac\xd0\xb3\xe5\xa0\x07\x0f\xa64\x9d)O\x9f\xc3\x91\xcf\x832-\xec\xe7r\x1f\xbe\x1c\xc1a,^@\xbe\x12\xadc\xc2\xae\x8d\x8d\x8d\xf4s\x1b\xf7/\xac\xd3J\x17\xf1\xd9\x82A\xa7\x0b\x9ah\xacyy\xbe\x16t\xcd~)h,H\x17\x9c\xc71[#(fEzwN\x04\x87\x10\xa8`\x8a\xbd\xaat\xb6\xb6\xdf\x1a\x82\xc1\xa0\xc1\xe7\xf1,\xbf\xecs\x80y\x1d\xef\x03\xa8\x02\x94\xb2\x84u\x11h\x1ckl\x14\xaa%\x128\x895\xdc?\xb1\xa4\xbfW:[7?\xf8\x0cA\x93iU\xe3\xd1h\xe7\'\x1d\x93\x93\xe3\x1ff_.\xff\x9f\x97\xf3\x8di\xeb\xbc\xc2x\x99\x05\x92\x8d\r\x14\xb7\x8bY0\xc4N\x82=\xd2pw\x83\x89\xd39\x8c\x8b\r\xb1C0\x166\xa6\xd8l\x8e1t\x1f@&amp;\xb2\xd3\x95\xa9\xd8\x125\x0eE\x99\xa1\xadgS\x19D\rY0D\x88?2\x811\xf0R\x18A\x19\x83\x85\xaa\xfc\x19\xa8Q\x97\xb0\xa4Z\x9a5\x89\xaa\xad\xda&gt;,\xd99\xd7\xd9\xb4O[\xda\xc6\x1c\x84e\xbe\xfd\xf4&lt;\xcf{\xdes\xef{/x\xe43\xd4\xd6V\xad\xd7\xcf\x92b7)&amp;\xb5\x929Jj\x83\x8e\xc5\xa6\xb1\xae\xc5\x1a\xab\xf4\xde\x88\xab\xae\xaejp\x04\xd4\xf2\xb6\xcb\xdb\xdb\xdb-\xcb\x81\xd1\xa9\xa90\x8c\x10&gt;\xdf\xf44\x89\xf5\x16IIf\xdd\xbc,\x1a\x0b\xb2e\x1b\x8e\xf5Jd\xdew\xb8\xaa\xeaF\\\xaeP(\xe0h\xa7\xeb\xc3\xcd\xd0\xe8\xda\xda\x82\xef\xc1\xec\x9c\xcfG\x89I1\x84\x8b"\x1bA,\xc8\x16\x9b\x07NJo\xc7\x1c\xebn\xb9\xae\xaaj\xc858\x1a\n\x94\xb7\xb7w5\xa3^\x15\xba0`\xcd.L\x8e)\xf4\x94V+\xa6(\xd2-\xe5\xd1\x0ef\xc0j\xcc\xea\xbd\xf2\\\xac\xb1\xfe\xee(\xaf\xaar\r\r\xb9\x02\x98\xf9\xf6\xe6v\xb9\xddRQyqpjr\xb2\xbf\xa5\xadD/\xd1R\x12\t\xd9\xd8\xcb\xb3e\xb5B\xe0y\x19?\x84-q1\xe6jm;r;\x81kp\x1dF\xd2e\x0c\x17\xe8u\xee\x9c\xa5b34_;\xf4\x0bH\xbd\xa4\xba\x9ar\x0b\x04\xb6\xd6V\x9b\x8d\'\xe0\xb1_\xce\xca\x9a\xbe\x14s\xacK\x0eey]\x9dkpmm4\x14R\xc2\x95\xcf\x87\xcd\x17\x94\x15\x15\x9b\xb0q\xd7\xf6\xb7\xb5\x95H\xf4%\nR\xca\xb3\xb5v\xb4\xdax\x80\x05\x89g\xc7\x1e\xeb]\xa3W\xd9U\xd99\xe2\x9aZ\x0b\x7f\x16\xf2z\xf1\x06\xeaO7\xf1\xb0\xfa\xe2\xfc\x1f\xfbKJ$\x94DO\xf1\x054U\x86\x80\xcf\xe3\x01\xd7.`=\xc7|\xa8\x94\xe7vv\xba\xd6\xd6Q\xaePh\xf3\xec\xe6\xc3\x87\x0f\xbd\x0e\x1db)$b\xb1\xd8\xcd\x07\x03;:\xd0B\x01\xaa\xc5N\xdb\r\xacq\xa5\\}\xa2R\xe7Z_\x9f\n\x04 \xf7;;;\x0fwv\x1c\xba\xf9\xf9\xf9\x16=%.l\x14\x00SGT,\xc4\xca\xd8\x1d\xac\xc7\xa7\xd5\xf2\xae\xf2\xca\x91\xa9\xf5\xa9\xa9\xd1@(\xf0\x19p\x85\x02\x81\xf9\x11\xd7\xe8\xe4\xdc\xac[\nT\x97;Z;@+\xa4\x02\xac\xb4]\xc2j\x96\x13]\xa7;G\xc2k\xd0\xdb\xc3a|\xe6\x00\xfa|\xd85886\x87]\xb4\xf52`\xd9l\x02~\x14\x8b\xbd;\xd9\xba\xf7Z\xb3Z\x0ez9\x02\xe1\xa9up2&lt;::\x1a^\x9b[\x18\x9b\\\x9b\x9b\x9d\x11l@\xda\x81J \x90\n@.\xa0JKcO/\xee\x02\xd6i\xc4\xb2w\x95\x87\x02\xe1\xf5;w\xc0\xca)\xe8\xf1\xb0\xef,,\xcc\xce\xf4\x02\x154\xac\x8d\r\xa9\x14\xb0\x04O\xb0fv\x05K\xadV\xff\x8d\x90{\x97\x97\x91k\xf5\x0eH\xb6\xb0\xea\x9b\x9d]\xf5M7J7l\xb6(\x14\x14\x98\x88\x16\xb2\xd3v\x05\xeb\x84\xda\xaen&amp;\x88s\x16/r\xad&gt;X\xc5z0\xfd`z\xa6W\njm\xc0g/BI\xf9t/\x05\xb9b\xbf\'"\x160\xc9\xe5*\xd5\x84\xc5\x1b\xa2\xb9\xe8\x9a\x01*\xb8\xf0\xd9\x00\xa6\xc6^\x81T\x9a\x03.\xe2\xf4\x00\x0b1M\xba\x1d\xf37\xad\x99\xf7O4\xabeB\x95Ph\x9a8\xe7\xf5\x86F\xa7\xc6\xe6\xc0\xc1i\xc0j\x9ci\xa4\x0b\xb5\x92\xf6\xe6 \x15Z\xf8o\xacXr\xbd\xcb\xbc\xffz\xb3\xda.\xeb!&amp;L&amp;\x00\xb3\x00Yx\xc1\xe7\x032@\x9b\xa1\x99p\x11Ji\x0bq6\x05\xae\x8c\x1b_|~\xeb\xfa\xa5\x18\x82!\x96R-W\xf5\xfc\xc1n\x12\x89d\xb4f;\xcb#\xd0HI&lt;5\x97\xe2\xe2\x83M\x87\x07M\xeb?Ti/\xff\xe0\xfd\xf7\xf7\xfd\xe6/\xd7Jc\xc6e\xfc\xe0\xf1\xa9\x0bj;\xa1\x12\x89\xccfs\x8f\xd0l\x16\x89L\xe6q\x8b\xce\xd5\xa2\xa0\xdej(\xa0[(/\xba\x1b\xe2\x10\xf8#\xe4:\xf8\xfd\xefA\x1dh\xfd$F\xaf)2\x8d\xc37\xfe\tXr\x82\x90\x89\xae\xd6\x98e=="\xa8\x9a\xabW\x85\xea\xf2\xce\xa1\x92j\n\x0fT\xf8\xd0G3\x10\xee\x15\x1e&gt;}\xca\xc6GI\x0e \xd8\xc6\x8d+1\xe12\x1e\xbe1=v\nL$TBY\xcd?j\x10I&amp;\xaa\x01\xac\x1a\xf3\x044\xfe\xba~\x85\xb8\x81\x06\xc3z\x95\xcf\xe7\xbd\x02\xf3)\xfb &gt;b\xf3\xc2\xa1\x17&gt;\xbe\xf5\xe7X\xdc#a\xee5\xac\xf6\xb6\x9d\xca\x8db\xa1H5"@\xab\xc1\x12\tMrun]\x8b\x84t\x17\xf0Q\xb0\x1c\xa8\x1f\xf3_\x05\xcd2\x0e\xa6\x9f\xa1\x1f\x0e\xfc\xfd\xad\xad\xe1\x18\xe4\xde\xc8\xba\xde+\xf8e]\xae\x9aP\x112\x99\xb0\x07d\x02&amp;\xe0\xfa\xa8Fd6\x99\x08\xb9\xb2\xd2\xa5\xc0\x07\x16A\xaf\x9c\x02(\xfc\x02\xbb\xf5\xc1\xe7\xd3\xc1\xc6C\xdf\xfa\xdd\xd6V\xe4\xb7\xa5\xcf\xfa\xc6 3\x99\xf5ek\xe1\xdb\xa0\x16A\x10*\x99\x0c\x93u\x15\x8d\xc42\x9b\x85\xc2\t\xa5\xae_A\x89Q\xae\x9c\x82\xc2\x86\xc2\xc2\x9c\x82\x9c\'X\xdf\xddw\xe8\xd0\x81G\x91\xad\xad\xad\xeb\xb7\xb7\x9f\xed\x8b"\xa5{5\x9f\xb0\x7f\xf2\xe6\xa9\xdc.\x82\xb0\x13\xc2\x1e\xa0\xea\xa1\xd5\xc2\x83k3|1U\xd4\xe1$H6\xe6\xf0\x0b\x1a\x1a\xdcdCa\x01\xca\x95\x81\xaf\x8b\x80Z\x1foE\x90k+r\xedY\x9e\xde\x19\xf7\xb28\xc3\x85?{\xa3\x12\xb3\x05\xe1\xea\xc1\x02\xc9\x80\xc7l6A\xa7\x10Z\x1c\xb5c\x88\x054\x85\xa4X\xac\x15C+C\x17\xd3\x8e&lt;\x9f\x0ej}\xda\xd7\xf7\x84\xeb\xaf`\xe43\xf9\x0f\x03\xcc\xd2x\x16K\xc3Y\x1c{\xf3\xf5\x13\xd8N!\xf2\xe8\xa1\x0c\x8b\xf6\xd041\x01\x97\xb1-\n\xbd\x8f\x02\x95\nIJ\xaf\x97`\xbb@\xb9\xd2\x8e\x1cI\xdfw\xe0r\xc4\x0fX\x91H__\xdf\x177\x87/=\x8b\xfb\xe1\xccw\x12\x125\x1a\r\x97\xf1\xe5\x1b\xaf\x9d\x06\xb5\xec*:[\x90{\xe8\xf3BPKd\x86}\xc8Q;\xa9\x98\xd3\xfb\xa0G\xb8\xb5p\xb9\x08\xc25\xe0\xaaD,0\xf1\xd3\x15?\xc8\xd5\xd7\xe7_\xf2G\x1e\xdd\x8a\xdc\xfc\xe6\x9b\x11\xd3\xf8\xedD\x16\x87\xa3\xe10nW\xbe\x07Xv\xcc\xbcP\x86\x1e\xaa\xe0\xab\x10\xe1\xc6-\xcb\xba\xda\x961\xc5\x9cOL6\x80X\x88\x15M\x17/m\xff\x913\xfb.\xf7\x05W@(\xffJ0\xb8\x14\xb9\x05\xaa\xf9\x87?(\xfd&amp;s\x05\xb3\xf4\x1d\x16\xeb\xb8\x86\xcb\xe5p\xb8\xc9\x8f\xdf\xbb\x80\xed\x94\xb0\xdb\t\x1a\x0b\x86\t\x13l\x8c8N,\xeb\xe6\x87@.\t\xde\x1e\x91T+\x14z\xed\x13,\xf6\xfe\xe7\xcf\x9cy\xe4\t\x82\\@\xd5\xed\tnE\xfc`h_p\xf8\xeb\xbf&gt;\xcc4&amp;\xefIeqX\x1a\x06\x83\xcb\xe12\xae,7+qh\x86\xedG\xa8\x8a\x9ah\xc2_H\x16\\\x94\r\xb5\x94(0\xf4\x94^\xa1\xa8\x96hI7\xf6|\x1e\x1b\xfai\xaf\xb3\x1b\xb0\xfcKA\xa7\xd5\x19\xdc\xf2\x07\x97P\xbb%\xe7\xd7|\x9b\x9fid%\xa6\xa6\xc6i\xb8\xc9\x80\xc5\xe0r\x19Iw+\xd4\x88E\x87\x1e\xa1T\xc0d\xa2g\xafr\xdd|\x7fK\x1b\xe0PbJ\x01xZ1\xe9v\xd3X\xfb\xd3[W\xf2\x00ke\x05\xa8\xac\xdd+\x11\x8f\xd3\xe9\xf1x\x96\xfc+\x9e\xfa\xdb_}?\x02\xa8\xd4\x93\xa9\x89q\xf1\x1c\x06\x97\x15\xc5b\xec\xbd\xd7E\x8bE\x00\x16"\x114\xd79KE\xeeY\xddHm?\xbe\xaeHQ\xfa\x92\x12\x10\x0b\xb1\x1a\x0b\xa0q\xbd\x98\xfey\x11`--\x05\xbb\xadM\x03\xf5}K\xdd\xf5\xd6z(\xe7\x12rn\x1b\xbfR\xc4\xa2P\xa9{\xe2\x12\x00\x8b\xa1\xe1$%1\x00+iq\x1c\xa9TXH\x06\xc9"\xd0\xc2\xdcr\xc4\x1a\x02\xb9\xf4\x12:Y\x94\x96D,P+k\xff\x9d\xa2\xa6\x81\xee`\xd0\x03T\xc5\x03\x1e\x7f\xb7\xd5\x9a\x97g\x80\x02C\x97&lt;\xd6\xbc\xc5\xa7\xef\x16\xcc\xd2\xe4D\x84J\x80B,\x8e\x86\x01\\XW\xc6\t\x13\x04=j\xa3\n\xd4\x82?\xd4\xde\x8a\xf2\xb3\x0e]\xd5\x10\xc8U\rX\xa0\x19D\x8b\xa4]\xe4\xbd\xf8\xa08\xb3\xcc\n\xb6u\x1b\xce\x1f+\xb6\xfa\x83V\x83!\xaf\xe8|\x19T\x9e\xa1;\xe8\xa9\xb7\x9e\xbf\xf4t#"\xac\xbe\xb8\xd4\xd4\xd4\xc4\x84x\xf8I\x88Of$14\xdc\xa4$\x1a\x8c\xbb=n\x02\x1e\x15\x0c\xf4*\x15\xeeC\xb0s\xdb-\xde\x8aM\x87\xa3\xaa\x96\x0e\xbd\x02=\xa4\xb4b\xb4\xb10\'\xab1\xef\xa5\x94\xbc\xfa\xee\xee\xfa\x81\xa6\xcc\x9f\x17y\xfc\xf5\x88\xd5\x94_\xdc\xd4Tt\xbe\xa9\xcc\xe0\x0cz\xac\x86\xe2\xa79\xc7.e$$F\xa9\x00*.!\xe1(\xd2h\x92\xa2\\I\xdc\xed{f\xecUB\x99J\x05s\x03\xf4\n\xb9\xbaK\tr\xe9\xea0\\z\x89\xa2\r\xb1\xb0\xc4$\x993cH=\x96o\xa8\xb7Z\x07\x9aR^\xca,\xf3{\x06\x0c\x03yee\xc5\xd9)\xc5P\xa0\x9a\xc1\t\x82\x19n\xff\xfa\xfft\x0b\xe6\x9fp\xf9\xc1\x02D\xaa\xb8\xb8\xb8\x04\xd6Q\xee\x7f\xcb\x95\xc4X\xbco\x96\x99q!b7\x85\xcbY\xb5\xb2\x02\xa9.\x02U[\xb5D\xdf\x86l\x94D"\xf1I|\xe2\xe9k\xc7\x0fg\x16!TQ\xfe\xe1\xc3\xf9\xce\x15\xc3\x00\x98WVV\x94\x9d\x99\x99\x92\x9d_\x9c\x9f_t\xde\xe0t\xd6\x1b\xf2\xb6\xffW\xc4\x98\xc6\xa3{\x12\x01\x0b\x16`&lt;\x8d\x95\x10\xbf7\x19\xb1\xb8\x98\xaeh1\xe2\xef~d\x16\xf5\x98!\\\x04Ju\x1a\x9f\xf8\xac\xac\xab\xaa\xed\xffUIuuKm?\xc2\xcdA\xf0\x17\xe6Vo\x1e?y,\xbbl`\xa0)?\xfb\xd8\xc9\x94\x81\x95z\x8cTYQQqv\xfew2SR\xb2\xb3\xb3S\xf2\xffU\xc7\x19\x84\xc6\x8d_a|\xc4 A\xffB\x96\xd0\x80\x04\xd2A\xe0\x8bAH\xe4`$\x04\x95.^ig\xd5`\t\xb7\xe9\xe0i!\xc4\xb5O\x83\xe6\xd2\x1c\x84 \x03f!9\x0cCXV\xac\x17&amp;\x07\'\xd0\xc1)a\xbbeC\x8eM/\x0e\x89!\xec!\xb7\x1cr\xd9\xe4\x92,\x84\x1e\xb3\xb0\xd0~\xef/\x9b6\xb4\xfd;\x89\xe3\x8cg\xf4\xf3\xf7\xbe\xf7\xbd\xa79$\x9b\x8f\x97\xe8\x83\xf9\xff\xf7&gt;\x8d?\x1c\xdd$(Q@\x1f\x1a\xccF\x8e\x82\xa5,/\xa8\xd6\xfa\xea\x87\x174\xa2\xef`\xfal\x1d\r\x87\x9b;\xa3\xcb\x97\xff\xb4\xcb\xdf\xa7\xfc\xd5\xfe\xc1\xfd[\xbf\xff\xf5o?\xf9\xf6\xdbG\x8f\xbe{`\xc8~\x94\x14\xab"\xd1\x88\xeaxAV\x0fj7I\\"r,K\xb3\x00\x97\x15\x00\x9b\x8c\xe7\x7f\xff\x9f\xff\x8b\x0bBA (H\xc5H\xaaX\x92\x0c\x83\xa9\xaaB\xa6W\xba2vg\xf0\xf8=-[T\xc7\xed\xe1\xe6&amp;\xf2\x81\xabu\xef\xf0p\xff6\xee6&gt;\x01\xd2\xa3G\'\x7fy\xc0\xe4\x1c5\x0c\xe0\xab6\xf7\x92\xe5q]\xd7\xc18H4\xa0$I\xe6:\x00\xa3\x0f\x8dJ\xb9D\x96={\xfc_1\x86P\x90L\x13%\xe4\xf5\xe3\x054\x0c\xc2R\xd4\x90\xb8Tc\xb0\xf6\xfaB\xb1\xbe\xf9\xf6\x05\xed\xa6\xbf\xfcl\x8b\xb0\xc0u\x1b\\\xfb\xbb\x07\x97G\x07\xfb\xb7n\x1d\x1e\x9e\x9c\x9c\xbc{f\xc4\xb2\xd7j5\xaa\xe6x\xb9\x93\xae2m\x1e@\x19hG\xe5K\x12\xcd\xb2`1\x8b\xca\x99\xa5\xc5t\xb2\x9c\xcc\x9e&gt;\xf98-~\xf1\x85(\xc8\xa6`R\x03vf\x8f\xd1\x85"j\xa8\xda\x8c\xa9@a\xf1\xda\xda\xeb\xd7\xe7d}\xe5\xc3O{\xa7{{\xd78\xd6p\xb8scty4\xba\xbe\xb3ye\xb4{x\xef\xfe\xe7\x9f\xdf\x7f\xf7\xa6\x8c\xe5\xdck\x13T-\x8br\x1f\x9f]m:u\xa3b2\t\xd0\x89\xdd!0\x0bGK\x92y0F\xf6\xcf\x1e\xfc\xed#\xab\x0b\x02\xb42\xa9\xf3\x00e\xca`2\x80e+\n\xb8l\x1b1\xaf\x0c\xd8G\\\x8f\xdf\xd3\xdd\xcf\xa5#\xc2B+^\x07\xd3p\xfb\xe1\xf6\x0ed\xbb\xbf\xbf\xff\xc3\x1b\x06\xb1r?JWE\x1a\xb5M\x93\xcdS\xc7Y-\xc6Q\xebN&amp;\xaby\x9a\xc2_\xc0r\xce\xebH\x16\x03\xd8t9[\xbe\xfc\xf7N\xcc\xf5\xa1\x02\x82\xca0\xe8\xaf\xe7%\x1c\xa8v\x18\xdavY*\xca\x9ab\xafQ\x1d;\xb4\xfe\x80\x17\xf2\xb3m\x94p\xf3\xca\xce\x0e\xa0\x8e\xb6\xae^\xdb:\xba~\x80j\xfe\xe3\t3\x0cY\xcea\xf8 u"7K\xd3\x14]\x17Lf\xcb\xb1\x96\xac\xa6\xd34\xa9\x91[Y\xd2I\x06,\xf2~J\x8a-g\x17P\x82d\nt\x00\xc5\x0c!6\xe9+\x88e\x88\xf6@\xb1\x91\x10\x8a\xad\x86\xa2\x8cY\xc4(&amp;~\xf7\x9a\xd3\xf5\x07\xd2\xb3\x17{w\xb6`,0m^\x19\x1e]Z\xdf\xd8[\x1f\x8e\x0e\x0e~\xf3O\x1dTq\x9c\xb7n]dQ\x04\xa6\xa2\x86\x9d\xe6\xb3\xc5l\xb2\x9a\xd4N\x1d\x04I\x1a\x04(/\xf9\x8c\xd0\xb8\xc9(-\x00\xd6A\x01\x02W\xa4\x8c\x12y\xb0C+A\x12\x0c`\x85\n\xd6,\x94QD+\xd0\xd4\xc6\x03\xff\xd1\x8f}\x85\xbd\xf9q\xe3\xd2p4\xba\xb1\x03\xa8m\xfe&amp;\xc0\xfa\xd1\xa7\x9f~\xf9\x96\xb7K\xac\xa3\r\x8b\xacm[\xab\x98\xa70\xb8\x16\x9c}\xb5\x08\x00\xe7\xfan\x12\xb8\xc1l6F\xcc\x12\x16\x05\x05/\xa6\xe5\xd6\xab)\xa8\x14l\t\xa6 \x92\x8f.\xa0`v\x81\xf1)\xadbmXS`0\x88EF\xb3\x99$\xa8|dw\xfd\xa8\x94\xde\x8f\x0f\x8fn\x1c\xdc&amp;\xac?\xae\xef\x9d\xbe:\xbd\xb3\xfd\xf5\xcd\x0f\xa5\x10\xc7\xd4\x86Q\x92&amp;\xad\xa7\xb5\xbe\xd5\x90\xaf\xdd\xe0\xec\xee1\x06\xf6"\xc8\xf3(+\x8a\xe5\xf4x\x9af\x1au\xa2\xa6A6\xa7q\x1c7\r\xc6\xbd5S\xe7\xb53\x0c\x9e\n0\x15\t\x07F&amp;\n\x82AI\x8a`\xc0\'Z\xb6\xfa\xc48\xfe\x19\x0fj\x00\x00\x048IDAT\x08\r\xa6\xf4/\xce@a\xfa\xd3\x1fF\xbb\x077v\xfep\xf3\xda\xe9+\x9c;\xdb\xd7^\x86\xb1,\xc7\xf0{\x8bk\xf9(d\xa4\xc3\xfa\x8d\xa5\xb9\xe3\xb3\xbb\xcf\xc7\x916.\x82(w\xb0|\x8dW\xe3\xb9\xeb4x\x0c*\xa5\x89\x83\xe3fu\xd0\xcb\xb1\xbcPv\xd2a\x9dV\x94\n\xf8\x97P\x96l\x15sGD\xedBU\xa1\x86T\xe1~\xfc\x16%6\xc0R\xc8\x8f\xa22\xf9\xd9\xbb{\xbb\xb77o^\xdd\xf8\x89c\xbdxRJD\x15#I5\xa2\xaa4\xa7\xf2t\xbf\x8a\xb8Z_\xcd\xb4*\t\xc6E\xee\xa5\xab\xe9\x04%t\xa2\xa8\xc2c\x19\xb5\x86C\x932\x9b\xf7\x00\x15\x86\xe7P\xbc\x199\x95j\x97\x0ca\x05\x12\xc8\x88\xdc\x90B\x9b\xb2\xdeFG\x82\r\xad*\x95\xe7T\xf4-\xb1\xf5\xf3\xe1\xee\xf5\xa3\x87\x1bDu\xfa\xfe\xcf\xb6Ab\xc9(\xa1\xe3\xf8z\x1bi\x8d\x06,\xcf\xf7+m~\x8c\x1d&gt;h\xb2\xf18\xcdd\xa7\xae\x0b\x12\xa8\x02\xb1\x93\xcd\xa7\xd3\x82\xaa\x08M\xd3\x1e\x0b9\x15\xe9eH\xfc@*\x95ta}U)\x05\xd3`|\x18\x01\xc8\xb6\xc3\xcey\x12\xb3m\xd1P\xcf\xb1\x14\xb54\xbc\xefOv7\x1f^;E\x15\xdf\x86%\xe3s\x15%t\x90\xedm\xe4\xb8\x16a\xe9\x00\x8b\x92\x19\xee\xcaf\x984A\x9a\xca\x0c\xdf\xd0TM\x15E(b\x8d\xe1\x13\xb8N\x04B-\xeb\xc1\xc4]\t\x01%\xc4p\x18c\xccV)AE\xf8F\xd6\xc1)\xd3\xea\xcc\x9b\x81\xe2\xd6\xa4\xd6@Qm\x01\xd9\x81\xbav`\xf1\xd3\xef\x0e\x8e\xaen\x9c\xbe\xfa\xa0\x94\x94\xa2t \x96\x8f?,\xd7\xb5\xac\x86\xb0t4f\x80\xdb\xb2\xb3\xc9*\x082\xc7\xb4\x15\xd9\xf3+\x14\xb0i\xb4\x8c\x02-H"\xdfk\xf1\x8c\x1e\xa8\xb8RH\x03\x1a\xcb\x8cj\x07,*\xd5\x00\r\x80\x97B2\xc8\xd4\x16f7\x03Ps*%b#fj\x89\x0f\x0eV\x1a\xd9\xcf\xdf\x0c\xd7O_\xa2\xa6\xac\xa3\x82\xc91\x9e+\xa2\xd2.\xb0r\xdfZ\x82\xeb\x18\xcbB\xe2xzN\x11B\xcej\xb4t5[,\x8b\xa4\xcd\xf1\x94F#,\xd1\xe0\xc1\x80\xec\x04V\xa7\x16\xe7b\xb9 \xd1:\xd8\x01\xe1B\x1c\x8a\xcc\x05\x124\xe6\x00w\xb5\xfcP\x9f*\xcc\xff\xfe\x9b\xbf&gt;\xc1\xad\x9b\xd1\x89\x85\xeb\xf9\xba\xef7\x16\xc5\x95e\xf9\x1e\xc0dpe\x8b\xbbw\x9f/\xc6\xa9k\xb5U\xe2`\xef\x81\xffh\x9cO\x17\x0b\xa4\xac/\x0b\x90T\xeb\xc1X\xcc\x90\xb8T\xa0\x93(\x15B\x1bw`\xfd\x81\x9d\xeb\xa2-t\xe1Oa\x8aB\x86*w\x1d\r#\x1e^v\xccJ\xfc\x18p\x19\x92\xa24\x1f\xbc\xec\xd3T\xef\xb0\xf2\xb6\xd5s\xd4G\xa35\x01\r\t,\xbcF\xeeE\xf3\x05\xeec\'\x99kU\xee&lt;\xd3Y\xdez\xb2\xeck\xc5\x04;}\x1ay\xa6$\xfbV\xd2\x0b\t\x8a\xe2\x93\xa00\x08s\xb9\x0b\xab\xbe\xaa\xeb\xb6=\x80\xc9%\x8eu!T\x88\x14\x11i\xad\xe8+\x80W\xe3\x98\xe1W\xc9\x83\x0cOS\xc8\x13\xa0B)@\x05\xe3PVQ\x8eZ\x8d\xefs.\xdd\xb7\x88kQ\xb8Q3\x0f4]\x12eC4\x81\x85{\xa0UV\xc9"\xe9\x97\xf5\xf8\xe4\x8aI*\xb4\x8f\x9e{\x9e,\xf2k\x0cd\x0f\x85\x1c\xa8DEs\x87\\\x0e(I\xe0\x80\x88\xb3&gt;\x82?T\x14\x89\x92\x00.\xa3\xbd\x1a\x99OZ\x01\xa7\x8d"_ \x974\x11iEX\x95\xef!#a\xd3\x8as\xcd\xe6V\x12\xcc-=\xc6=;\x03I=;\xc3T\xf2\xc4\xd0\x00c\xdd\xb3!U\x1cK0\x95@\x8e\xf4u\xc9&amp;\xad\x06\xa2/Re\xfa"\xf9\\\xe8\x94\x029u"FQ\xff\x0b\n1\x11?\x81j`\xa5\xf2\xf2\xb8$\xed\xd0\x84\xb4\x8d\xbaY\xa6y\x92\xee\x11V\xc5\x87N\x03\xbe\x8a\xdc\x05\xb9&lt;\xdf*\x96\xcf\xc1U\xac\xb2\xc8\x83\xb0\xb6j\xe6Q\n\xac\xda\xd1\x99m\xc8\x9e\x1b\xf4TF\xf7\\\xc8-\xa6\x02\xcc\xf3M\x12\x02\x0b\x83\xae\xc30\xf4&amp;\x8d$tJ\x85\x0c\xaf\xa8S\xb2\xaa\x94\xed6\x02O\x10\xd1\x83\x8c\xe1im\xe4\xcb\x8a}\xbe\x8b\xae\xa6\x81\x16\xdb\x84\x85\xfcD\x97\x01\x8a\xb8*\xe8\xa5\x9b\xb0\xbdWi\xe9\x04\\\xd3 \xe3\xe1\xef!\xe8\xfclv6\xab[\x19\x81hV\xf5\xf4_j\xd5xa\xd82\xbc\xeb\x00\x00\x00\x00IEND\xaeB`\x82'</t>
        </is>
      </c>
      <c r="M165" s="3" t="n">
        <v>45492.67810185185</v>
      </c>
    </row>
    <row r="166">
      <c r="A166" t="n">
        <v>590262</v>
      </c>
      <c r="B166" t="n">
        <v>5981</v>
      </c>
      <c r="C166" t="inlineStr">
        <is>
          <t>Erick Pulgar</t>
        </is>
      </c>
      <c r="D166" t="inlineStr">
        <is>
          <t>E. Pulgar</t>
        </is>
      </c>
      <c r="E166" t="inlineStr">
        <is>
          <t>VOL</t>
        </is>
      </c>
      <c r="F166" t="inlineStr">
        <is>
          <t>VOL</t>
        </is>
      </c>
      <c r="G166" t="inlineStr">
        <is>
          <t>VOL/MC</t>
        </is>
      </c>
      <c r="H166" t="n">
        <v>186</v>
      </c>
      <c r="I166" t="n">
        <v>5</v>
      </c>
      <c r="J166" s="2" t="n">
        <v>34348</v>
      </c>
      <c r="K166" t="inlineStr">
        <is>
          <t>Right</t>
        </is>
      </c>
      <c r="L16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6837f160-03ae-421c-ace2-29b0e77c14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\x1dK\xf8\x00\x00\x00&gt;tEXtComment\x00xr:d:DAEewil2SDw:3546,j:6929206598306459679,t:24021316\xc2\xfc5\x92\x00\x00\x00\tpHYs\x00\x00\x0e\xc4\x00\x00\x0e\xc4\x01\x95+\x0e\x1b\x00\x00\x03\x00PLTE\xfd\xfd\xfd\x04\x01\x00\r\x0b\x0c312\x08\x01\x01\n\x04\x04\x14\x12\x12\xfe\xfe\xfe\xff\xff\xff\x10\x0f\x0f\'%&amp;1+)0..\x0c\x02\x01\x10\n\x07\r\x07\x05;88855-++*()\x18\x15\x15\x15\x03\x02\x10\x02\x01$!!\x15\r\n?==\n\x07\x08.(%\xfb\xce\xb2\xfc\xfb\xfb\x1b\x04\x02\xfb\xcb\xad\xfa\xc1\x9b\x19\x10\r!\x05\x03\xfb\xd0\xb6\xfa\xd5\xbf0\x11\n\x85\x05\x0c\xfa\xc6\xa22\x05\x03\xf9\xf6\xf6\x1c\x18\x1870.\xf9\xbe\x95\xfb\xd3\xbao\x03\x07\x1f\x13\x10I\x02\x03g\x02\x05)$"d.\x1eI.%)\x19\x14w\x03\x089\x03\x03}\x05\n7\x14\x0c_\x04\x05&gt;\x1b\x11\xfb\xc8\xa7\x1f\x1d\x1d\x92\x06\x0f\xf7\xb9\x90)\x03\x02z@.A\x03\x03\'\x0e\x08Y(\x1c\xaf\x0f\x17\x98\x08\x11\xe4\xe1\xde\xd1\xab\x92H\x1f\x13G?=\x8c\x04\rX\x04\x05\xdc\xd9\xd6\xb2\xad\xa9\x8d[JE\'\x1d\xea\xb0\x8d\xd1\x98y\x81F6\xf9\xc2\xa2\xe2\xae\x8c\xfa\xd7\xc4P\x02\x04\xe6\xa0}c%\x15\xdf\x9aw`:-\xd9\xab\x8c\xc5\x9d\x83\x7fYG\xe7\xa7\x83\x93ra\xcd\x80`\xf9\xc6\xaa\x80zxcB6vO@\xa6\x0c\x153\x1b\x13\xde\x91n`\x16\x0f\xb6\x10\x19\x8dQ&lt;o=-4"\x1b\xcb\xa5\x8b\xa6\x88v\xeb\xb8\x98\xaa~g\xd5\x8agxsq\xb7\x94}\x88\x83\x81\x9elX&gt;$\x1bW\x1f\x11=\r\t\xad\xa7\xa3\xc4\x17\x1d\xba\xb4\xaf\x9f\t\x13\x96bN\xcb\x1d\x1fH4-T6+\xfb\xdb\xc8\xbc\x14\x1b\xc7\xc2\xc0\xdb\xb0\x94J\x10\n\xd9\xa3\x82\x90\x8b\x88?+&amp;\xb1bK\xad\x90}lTGl5"_1%\xf0\xa8\x81\xa7`Ln$\x1c\xb3mS\xa2v`S=3\xd5\xd1\xcf\xf1\xb7\x91\x98S&lt;\xc1\x90uJEDYTSRMK\xf4\xbe\x9foih~bSO&amp;\x1c`[Yfa`r\x18\x12\xf4\xbb\x98\xbe\x87k\x93iV\xf3\xf1\xf1\xb4\x88p\xd3\xa6\x88\xc0\x98\x7f\x97\x91\x8f\xce\xcb\xc8\xb4y^z2&amp;\xa7\xa1\x9d\xeb\xd8\xd4\x9fZD\xf4\xeb\xe8\x9c|l\x8b\x10\x13\xef\xe4\xe1\xe9K9\xbf\xba\xb8\xe4\xb4\x97R0$\xea^E~\x19\x17\x9d\x97\x93\xf3dJmI9\xa1\x9c\x99\xfd\xf1\xedS\x13\x0ecLA\xc2\xa3\x8f\x8agV\x8cG4\xcc\x8dn\x8a.+\xfb\xde\xce\xfb\xe1\xd6\x9a\x13\x17\xeb\xe9\xe9\xf8Q=\xdc\xc0\xb2\x9fD9YF=\xf1\xb2\x88s[P\xdcF6\xcf\xa0\x82\xbf)\'\xfc\xe8\xe0\xbe}a\x81N&gt;\x86l_\xf4\xc3\xa7\xed\xbb\xa1\xb18.n/*\xb9\x98\x88\xc4uX\xc7G8\xcb6-\xd7\xb3\x9d\xc4lm\x9f%#\xf2\xaf\x95\x9c7-\xc9\xaf\xa4\xf7\xad\x89\xf5\xc8\xb4\xc0fN\xddT?\xd0XC\xe3\xc9\xcb\xb7OC\xd6$$\xf6\xcf\xbc\xed\x92\x83\xc9\xa9\x99\xf1rW\xe5\xa0\x9b\xb5D=\xae\x1f \x8f\x1f\x1e\xdfkS\xf1\x92q\xa4\x18\x1c\xd4vo\xf7\xb1\xa5\xd3\x91\x93\xb4|}\xe3\x80p\xde\xb4\xad\xc1SV\xa53\xbb\xdf\x00\x00 \x00IDATx\xda\xccY\xdbOS\xf9\x16\xde\x98\xf6\xec&amp;\x93\xb6&gt;\x0c\xb52n\xa45\\\xea\x10\n\xd8*\xda\x19\xae"\xa2\\\xcb\x18j\x99\x03r\x13"T\xa5\xc8EF\tD\x02\x94\x002\\DP\x14\x0f\xc8\xcc\x19\xaa1&gt;(\x99\tF\x82\xbc\xf4A\x8d\t\xc8$cr\x12\x1f&lt;O\xe7o8k\xfd~{\xb7{\x97V\x8b\xe6$g\t\xfb\x06\xdd\xbf\x8fo}\xeb[ko\x19\xe6\xff3X\x16\xbf!\xe8\x96\x0f\xe6#g\xe2\x1f\xf0{\x8e3p\x1c\xc3pL\xc0\xdfd\xb6\x9c\xc1\xb7\xc2w\xef\x00\x9f\xf9\xf2\xbf\x8b\x03L\x9e\x9c\x89\xc5\xc5\x89\x1c\xcf\x02A\x17\x1a\x1d\x12b\xbc\xfc\x08\x87\n\x05\xab \xc1\xf2[\xd8\xb3\xfc%&gt;\xc8)\xbdF\xfeJ\xe1\x13p\xc8p\x86\x05\x80T\xd0?3;}\xaf\xba\xbf\xa3\'g\x81\xe3X\xe1\xf3\xde\xcf(\xbcK\xb0\n\xc9%V\xba\x887\x18/\xc7B*\x19\x7f\xd6\xf9\x1czS\xedc\x9d\x03H=\x1d\xd5\xf7\xa6w\'\xef\xd7i\xb5Z]\xf2TuGO&gt;\xb0\xc6I\xef\xe9\xcb\x1f#U\x05\x13,\xd3_\x10\x06\xcf\x93\x96\xd9\x13\xdf\xec7\x1a\x01\x93\x8a\x84N\xb7k\xf7LK\x7f\xc1\x84\xc7\xc0}\x99\xe4\x89\xf6x\x86E\xf4\xfb\x82\x9c)|g\xf4\x14\x98Z|6\x9d\x8c$\x01&amp;\xb5Z-Wc\x004\xb5J\x9b&lt;\xdd\xff$\xc7\x80\xb4\xfan\xa5`Ej\x10N\xe9&amp;\x90\xe4Y*2\x96\xd7\x9b@)\xa9\x10FH \xcd\x9d\xf0\x9b(\xf4\x9c+\xcdS\xc9:\x1d\xb0\x04\x88 \x00\x16\xbfSk4\x1a\x95\xb1\xab\x05tf\x10~\x9d\xbf\x1d#$P8\x15\xafCw\xde\xfdgU_\xce\xc3\xd9]\x7f\xa3\x89S\x13\xaa\xe8\x01\x00SjH\x84\x1bO4\x17\xe4\x7fv*}\x0c\xfb\xfeIR\xe8\x97O&lt;g\x0c9\x0f\xa7\xbf\x07\x18*\x92&gt;\x15\xddQT\x84,\x82+2\xab\xab\xba\xc7\xc3Hn\xe5[A\x9cD\xc5\xd6\x02\x10\xc0)h\x89\xf93\x08\xd7}\xde\x82\'p\xc0-L\xf4\x9f\xf8Z-\x93\xab@Ur\x99&lt;B\x1d\xb1#\x02\x01a\x0e\xe5J\xa0+\x9c\x06\x00\xeb\xcf\xe1\xc4VE\xcbX\xc1lI"+,\xc2\xc3\x92xG\xa0#\x91\x9fP\x1b\xe2\x16z\x9a\xbf\xd2\xa9e2\xa0I-\x97a\x84\xc9\x88\xac\xe4\x80\x91\x87\x15\x89\x01;WK&gt;\x17\xe8\xb6~N)*7\x1eV\x00\xefP\x04\xf1\x13r\xccy\xae\xcc\xee\xd2\xa9\x88\x9c\x10UX\x18|\x85\x85Q\\\x88\x11\x80)5\x04\x97^\x1f\xa9o{;a\x08\xda\x86\x14\x82S*Dn\x18T\xf4\x1f+\x04\xceSp\x0b\xbd\x13q\x11\xae\x10\x12\xa40BEk\x12\xae\x00,%\xf2\xa5\xd7\xa7CX^\xf7\x04\x15&gt;+\xecXo\x1f\xe2u%\xb4\x04i\x0bb\xf9.$\xee&gt;\xe4*\xa0\x9a2\xa2/\xa8y\x0c\xc8\x14\xe40\x82\x86\\\xc0\x85\x92\xa7\xb0\xd2\xcd\xb3B\x1eYa\xe3+-o\x19\x88.\xc1\x9e\x11Z\x82\xb4\x051[\xbb\x10Q\'\xe7\xe98\x81^\xc5\xa3\n#9\x84\xbc\t\xb0"\x08,\xa2/\xc4\x95\x8e\xc0\xf4]\xcf\x16D]\x88\x91\xe4\xc9\xcf\xb7xW\xdb\xa6o\x01W\'h\xa3!f\x10\xc6\x8b\n\xd2\x89\x90v@P\xc2\x10W8\xc2J\xd7C\x98g{\x0c\x9f\xeb[\xfe\xc1\xa7M\xd2r\x18O\xc7\x94\xd1\x87\n\xc9\x92!,\x82)B\x94GA\xf5z\x14\xbd^\xef\x98Y4\xf8[!\xd5\x884\x89\xbe&lt;\xf3\xe0\x14\x01z\xa5B\xd4\xc9\x89}q\x0b\xa8+T;uv\x9aB\xe4JM\x11\xed\xa0\xa8\x10\x14e\x0bP\xa1O\xe8\xbe\x99\x99\x10\xf1E\x16\x13\x9a\xa10\x06JD\x84\xbe\x15j\xb0\x86\x9eY#m\x82T[2\xb9\x8cG\xc5\xe3\x12\x1b\x045z\xc0\x84{\xdd\xce\x16\x0f\xab\xd8F\x10\xdf\x12-\xcd\x04\xff4\x97_\xbd\x0bQi}\xfd\x0fR\xa8\x96\xf3\x8d\x91\x9a\xa9\xccg\xf3\x88\'\\C\nS\xfbU\xb5\xb7\x1a}+\xf8\x0e\x19\xd6\xcf\xbc\xb73^=\x99"\xa8\xf8\xd1\nG\x06\x19i\xd1\xe4D\xceO\x10J\x1a\x88\x08\xf7\xb4R\xd5\xda\xddP\x8d!\x0c\xd0~\x92\x0f!\x98\x85\x8eoq\xb6BqQ\xd5\xab\xd42\xd2\xa7\xb5*\xbeI#S2\xf2\xa5\xd4(\x89\x9f)iY\x84\xc9\xbe\x9e^\xe4\x82\xdezk\xc1a\x12\t\x85\xach\x8b$\xb2\x02\xb9,?\xbeA\x19\xee\x04P:~\xf0\x03(Z\xb9\x1cA\xa1\xb7\xcae(0BN\x18\xe1GF@i\x942&gt;4\xdf7Su\xb1|\xf7\xf7k\xd5\xdef\xb8\xdd\xa1\x19\xa4\xb5\x1f@a)R\x97W\xa9\xe4dL\x86\x13:\xd0(\xe54e4\xc2\x88\xee1\x8f$\xb4\xb7\xf2\xb9m\xfbV\x90f*\xf9I\xfe\x0ct\x1d\xa3\x91l\xd0$\x00\x0e 4zQi0cJ\x91\xe0\t(\x01\x96\xf2\xdb\x82\x85m(\x86\xe8\x8d:\x18f\x19\xe9\x14fW\xbe@\x84\xc7\x9c\x89{\xc0\x8c\xd9l6\xea\xf0\x99B\xa5\x05p\xe4\x90\x8e\x80\x1a\x9204Q}Vttt\x96&gt;2\x9c\x92\x05\x97\xc9O\x8c\xf7\x80.Zk\xbc/\xd2\xb5q\x19\x86e\xfc|\x8b\x8e\x8a^\x9f\xf5\xba\xbb\xf8\xa1\x8e\xc8\x92Y\x9cF\x9e\xcc\x0e3l\x8c\x98N\xb3\x110"q(5\x8a\n&amp;?K.\x84\xe5p4\xe2\n\xd7\x08\xc8dJ\xedT\x0f\'}\x94a}kK\x86T\xe4(t7\x05XZ`\xcbUg&amp;\xd0\x00\x93\xc3\x81\xdcQyQTY\x96\xf6\x03CCC\x07\xdas\x0fgA\xef\xa1\xc8\x88K(\xd5\xbb{\xb8\xd0\xed4\xd0#Z`\x15.\xdeBX\x8e\xae6\x87\x03\xbe \\\xae6\x87\x99\x97\x1a\xc9\x95&amp;\xcbrt(\x03b\xe8t\xee\xe58\x1cj\xb0\xfd\x84\xa3Y\x00\xac\x9d\xc0V\xd0y\x8b\x15?\xf7\x07\xf4-\x85"\xb0\x0cQ[\xc6\xba\xaeq\x93\xc9\xd5\xd5\xe5r\x99L]\xe3.\xe0\x0bX\xc3\xbaD\xadg\xe5\x0e\x954LNN\xbexp\xa0\xbd\xf7\xf2\xe5Cqq\x80\r5\x86\xee\xa5\xde\xf9\xc4\x10\xc4\xb0\x14[\x9c\x0b}\x8b\xf7\x12\x96W\x1f\xb5-\x9f\xdc\xf9\rV\xa2\xd1\xe8\x18\xaf\xa9\xe9\xee\x1e\x1f\xaf)+\xab\xa9\xa9\x19w\x010\x87\x11=\x0c\x1f(r\x1b_L&gt;\x1ay4\xf9\x02\xe8j\xef\xed\xcd&lt;\x04\x11\x97\xaeGX@W\xf2\x1f\x06\xbc/\xf5.ZZ\x827\xfa|\x8b\x9a\xe4v\xe6\xad\x9cj\xd0\x93\xabf\xb0\x16\xf0,/o\xd4\xd6\xd6.\xaftA\x98\xc1Su\xba\xc8\xach\xcb\x01@\xf5\x08Q=\x18j\x7f\xde\x0b\xb823\x13\x133\xe3"\xa9\xab\xee\xaf^\xf8l\xdf\n\x1e\n\x80\x05\xcaZ\xb9\xb3Z\x8e\xd1Y\xd8YX\xbe\xf2\xf2\xe5\xb8\x83\x14\x82\x11*\xf0h\xc6\xc8\xc0\xc0\xc0\xbf\x07&amp;_\xbcxp\x9a\xe0\xea--\xcd\xcb\xcb\x04\xba\x94\x14\xd66}\x8b\xf8\x86\x82\xd7 +}B\xe4+\x19\xd9\x02T/_\xaf\x8e\xb5b\xac\xbb\xdd\xad\xab\x83+/\xbb\xa0(!\x91\xd1\xb9\xc3\x072&amp;G\xdf\xbd{\x07\xb0P\\\xa7\xdb\xdb\xdb\x9f?\xcf;r\xe4Hb:\xc5e\xac6\x88\xee\xcf\xf7\x1d\x1f1B\xf3\x91\xccy!D~\xb3\xc35\xber\xa7\xd5\xedvW\xae\xad9\x9d\xce\xb5\xd6\xf2\x95q\x93\xa3\x0eK\xb2h8\xa3dr\xb4\xb2\xb2\x12`\r&lt;\x02q\x1d8}\x1aa%%%\xe5\x1dBXJ\x99nf[I\x0c5\x8f\xf9\xcd\x80jp\xb5i\xad\xbe\xdev\xfd\xd5\xf5\n\xbb\xdd\r23\x99\xdaL&amp;\x13\xa0jx4\xfa\xce\xe9\xac|W\t\x84\x8d\x80\xbe\x1a\xc1\xbd\xf2\x8e$%$$%\xc6A5*\x95\x00\xeb\x13\xef/Cz\xbf%\xfe!\x1e\xe77w\xbd\x1c\xbcsf\xde~\xfd\xfa\xab\xb4\xf8\xf8\xb4W}\xad\xb5\xcb\xb5\x80k\xa9{i\xa9qcd\xb4\xd2Y__\xefDh\xa3#\x93%\x19\x8d\x04\xd6\xc1\x83\x07\x93\x0eA\x1a\xc35\xc6f\x83\xc4\xb2X\x9f^\x04(\xac\xc8\xc1B\x8d\xfcj@u\xbf\xc9\xfa*---&gt;**\xeaF_kgg9\xc0\xea\xee^*\xdb\x18Y\xaft\xda\xedv\x9b\xcd^\xef\xact\x8f\x14n4\x0e\xdf\x05i%\xa4\xa4\xa4$\x94f\xa6\xc3\xf4ln\x91&gt;g\x04y\xb5\x15p\x96g$/7%/ \xf2[\x80\xab\xa6\x9b\x15i\xf1\xc0UTT\xfc\x8dS7o\xfe\xb2ZSd\xea.k,\xe9\\\xb7\xda\xebm\xb6\xe2\xf7\x156\xfb\xdazk\xe1rwQ]ttoRJLL\xca\xc1\x84#\x99\xe9\xfaHs\xbfa\xcb;\xd2`\x8dn;\x92oy\r\xa8\xfan\xc4#\xa8\xa8\xf8\xe2S\xbf\xfe\xfd|\xd3k\x93\xa3\xad\xa8l\xb9\xd0m\xad\xb0A\xbc/\xee\x9bo\xba_\xdb\xdd\x06MI\x0b\xb3DbB\x0c\t\xd0\x97\x1e`}\xfa]&lt;\xf3\xa9\xf9j\x0b\xaf9\xbf\xbd}\xfc\xcb\x9b\xe29\x04\x15\x95\xd6\x07T=&gt;\xf3\xba\xbb\xae\xae\xceTS[&gt;f-F\\\xa7\xacM\xf7\x07\xc7]f\xadZ\x8e\xe3|xzi\xcc\xc9\x93\'SSc\x80\xaf\xba\x16C\xe8\x8bQ\xc2\xc8p!hM\x98&lt;X~\xbc\xa5\xfd\x80\xcd\xf9\xe3\xed\xe3\x7f\x9e\x9a\x03L\xb1Q7\xacMM\x8f\xdf\xdeY\x19w\xb5\xb5\x99j\xca\xcb\x0b[\xad\xef\x01\x97\xdd\xdaT\xb8l\xa2\xfd\x1b&amp;\xb3\xac\xc8\xf0\xb8\xa4\xd4\xd4c\xc7\xae\x1e;Xz\x88\x87E\xa7;\xef\xab!\xba\xa2o\xde\x12\xc9&gt;\xc4\xe6\xf3\xf0\xf1\x857O\x01Vl\xec\x9cu\xec\xcc\x99;\x83+\xd0\x85j7\n[\xc7\xc6\x9a\xe6\xfb.\xa2\xac\xe6[!\x81u\xd1u\x96\xbb\xd02\xcb\x96,\xd1@\x17\xa0:{\xf6dRb\xdbo\x86\xff\x85oy:.\\:\x7f\xf1\x87\xd8\xd8\xd8\xa8\xbe\xb1\xd5\xfbg\xce\xdc\x07\xb3w\xbb\xd7\xe7\xd7\xaco~\xfd\xf1\xe9\xed\xb9\n\xfb\x9a\xbbsy\xa9\xc8\x02}\xa8q\xa3\xb0a#c\xa8\xbd\xf4H\n\xa0\xca\xce&gt;\x96Tz\xf7\x19\xb7\x8d\xe6\xf31\xc7\x12\xcf?\x9c\xa7\xe0\xc2\xa5\xe3\x7fV}\x07)\\k\xbat\xfe\xf8\xf97\xd6\xb5\xcaJ\xa7\xb3\xdeVQ|\xf1\xcf\xcd\xaa\xdb6\xe7\xfahy\xd9]\x0b\xc0\x02\xcf\xdfh(l(\xf9\xf9\x1f)1\xa9\x00\xeb\xdc\xd5\x84\xd2\xa3\x1d\x9c_/\x96,$M`\xe8\xbe\xe5\xb9\x02\xb06\xf7V\xc5F\x15[\x7f\xdc\xfc\xb0y\xb1\xc2\xee\x04X\xf5v\xdb\xf5\x1bsU\x1f\xf6l\xda\xd6G\x1b\x86a^\xb6\xdcm\x84\xa9\xab\xa4\x04p=\xf8=\xf5*\xa40\xfb\xdc\xd9\x94\xbc\xa3\x05\x9c\xbfo}L\xf2\xec\x96\xff\xdf\t\xec.\x0bO.\xfcu\xfc\xc3\xbe\xbd\xb1\xb7\x81\x9b\xcd\xdb\xef\xa1\xfb@\x80\xb1\xdb*^\xcdU\xed\xdbWewO\x0e[\xa2\xa3\x0f/5\x8c\xae\x03\xc2F\x98\t3~?\x96}.;\xfb\xdc\xb5\xec\x98\xa4\xe1+\xdc\x96;K\x8c\x91\xfd\xe8\xd0\x1c,\xaf\x86\x9e\x0b\x7f\xfd\xeb?\xfb\xf6\xec\xdd\xdc\xfcPu\xbb\xd8^_\xf1\xb4\x18\ts\xdam\xaf\xe6\xbe\xdb\xb7\xe7\x07\xfb@\xa3%K\x9fUT8o][\x1fi\x18j?\xdaX\xf2 5\xfb\xa7k\xe7\xae\xfd\xf4_N\xad\xf5\'\xad4\x8d\x9fo\xc7\x7f\xc0f?\x1c8\x04\x8e\\\x12\x0f\xd1\x90AE"k\x05f\x1b\x9d\x18\xe4\x14/\x9d\r\x95i\x19\x107u\xf90\xab\xcb*)\xcc\xd2\x84\x8e\xa26k\xfb\x81\x8c\x89\xb4\x9dl\xd6\xaeZMlL\x1a\x9an+\xb8\x99\xa6\x93\x0c50\xb6;\xed\xd0@\x93\x8ev\xd3\xcbZ{\x99\xee\xf3\x1en\x07z\x11\xe7\xb5)\x07\x1a\xc3\xaf\xcf\xf3\xbc\xbf\xe7\xf6\xd3\x89\xe5\x1b_\xf2vMr\xbfb\xed\xc8\xfb\x1b\x82E\x13\x04X,x\xd3\xd6\xdb3\xb0\xdc1;\xe9\xf7O\xf6\xf6\x985\x12\x82\x0c\xd9\xe6\xb5U|~\xcb\x91S\xdf\xfc\xf1_\x97\x8fO\x1f8peP1\xb1h\xf5\xba\xbc.W\x1f\xc0\xfa\xc7\x1e`\xe5\x17:\x1c\xb6\xaa(^\xf7\xe4\x96t\x9f\x9c\xbczw\x8b"D\xb4\x88\x01T\xce\x0e\xa0\xd3#\x97\xc6\x8c\x0e\x7fo\xd7\x94\x84Tkl\xa7\x0f\xb4TV~~\xe8\xe8\xb9\x8b_}\xf4\x9b\x96\x96\x06\xdf\x15\xdf\xa0\x12\x99\xcb\xe5\xeek\x95\xf7\x7f\xc2\xc391\xc2m\x1b\nn\xccM\xbd\x8ao]n\xb6\x89\xe1o\xa5\x03\xc8&gt;\xffD\xb0D4M\x84\x026\xe7\xec\xc8\xe1\xaf\xbf\xfbC\xcb\x9f.C\x9d\xd5\x13\x92\xa8\x01\xd6\r\x1fTV-\x8d\x97\x0e\x1f\xfb\xea#!\xa0\xf2A\x9f\xa1\xaa\x1f\xf6z\xbd\xc8ZG\xff\x9d\xdf\xcer\xbf\x8d\xb3}\xc58UE\xf9~\xfc\xf8\xcf\x00\x8b\x06c\xa95\x01\xdb\xac\xa3\xfd\xea\xc9#\x8d\x8dc#\xa7\xe7\xeft1j5\x93\xb2\xdd\xb0\xb7T\xee\xe3W\x1d9u\xf8\xf8\xe7U\r&gt;\xbb\xaf\xaa\xa1\xc1\xa7j\xed\xcb\xc0\xfa\xfa\xbcl\xe1|\xd9\xcb\xd9\x8a\x8219\x0b\xd3\xc2\xe24\xd7\x8c \x86\xb8}7M\x92\x84H]\x1dp\x8e\x8f\x9f\xfd\xeb\xdd\xc3\xeb\xc6\xf6I\xff\x1d\x9bY"a\xaaS\xb6\x9fg\xa4\x95\xfb*\x1b/\x8f\x9c;:6==}\xc57T\xd50\xe4S\x02?\xf4\xe9\xc43\x17?\xfe\xcb\xb1\xdbK\xbc\xfc\xea\xef\x83\x04\x81\xe3\xd9y@n^\x9a-,J`a\xe1\xd8\xc2\xf9/O\xfe7\xad\x96\xa8I\x92\x992_\xef\xed8\xb8\xfc\xbb3\xb7\xa0\x18uvM1\x8c@\x93\xb2=x\xe6\xe3\xef\x83\xe0Z__\x87*P;ho\x1b\x1a\x1a\xf2\xd5\xb6\x02\x9fZ\xeb\xed\xdf}v\xbcm\xf5\xa5,\xd3\xf0a\xc5\x85_\xa1}\xcd\xbe+Y\x14\xbcwB\x19I\xc4\xe7\xbe=v5-\x01X\x84\x9a\tN\x99\xcd\x03\t\xc3\x89\xeb\x88 \x0c\x8cDP\r\x8e}\xf0\x93\n\xea\xe3\x96\xe9\xfeu\xc7\xba\x11\x8aS\xfb\x95\xc1\xe9\xc1A\xbb\x12\xf2\xcf\xb0\xb2\xadJZ\xa3\\\xf4/\x94\xf0\x16g\x93\xcdy\xc6r\xd3\x91]Rc8\x9d\n\x98?=\xf3\xf7\xb8@\x00\xd6R\xab\xd5\x00\x8f\x10Y\xa6P5c\x08\x82\x0f\x05\xd5\xa9\xed\x9f\x9f\xd6\x0f\t\xf9\xc2\xc6CF\x87\x03eD\x05{\xbak\x95\xadz}}\xa7\xb4\xa6\xbe\xa9\xf6\xc6\x12\xc6\xadN\xb1\xa2\xed\x12\x86\x15\xe5D|\xf7\xea,\x960k4\xa9\x9e\xdf3\xd5\x02\t@\x82\x8bG\x12\xb4\x88d\x82\xa1d\x88\x01\x9c\x8c@\x90\xb2=y.\xeel\xe1\xf3\x1bP\xbf\x01m\xac\xc3\xd8\xdc\xdc\xdf?:1\x03\xb0\x86[U\x9dr\xfdZ\xed\xea\x1c\x8f[\xcb\xe3\xdc\xfc\xc8}\x97\xa7\xa6\xf7&amp;\x05\xf6]8i\x0b\x92\xea\x81O\xe3\xa8\xae\x01\x97\t$$A\x88\x08K\xdcb\x81\x17\x92\x04s\xa5\x9c?\xac\xb5\xb6I\x85|\xf0\xa2c~|\x1c\xba~\x07B\x06\xe9\xba\xc9j\xd5+\xe5b\xb0\xd6\xea\x1cV\x90\x1e\xe4\xa7I\x85/\xcc&gt;\x17\xa8\t\xfb\x80\xd0\x03\xc3e[\x818I\xc6\x07,\x0c[\xd9\xc0a,$I\x02(\x9a2\x11\xac\xb9R\xce\x1b\x8bb\x95\x14yQa\x9cG\r\xf6\xf8\xbc\x03\x1a\xff\x89\x19\xb1^\x071\xafT\xaa\xc4\xb5\xab\x0fy\x05\xe9\x01\x86s_\nR\x84\xf2\xb9\x8b\xe7\t\x91\x84D\x10L\x93\x16\x88+\x06~ \xc4,\x8c\xc5"\xa2&lt;\x00\x0bP\x85\x80 \x9e\xd5\xb3\xb0\x1a\xb4\xcd\xa7\xc7\xfd\x93\x93\xfey\xb0\xd6\x85\x99zH@^\x80\xa5jS\xca\x01\xd6\x1e\x04\x078w6\xf3.F\xe1E\xaa\xd5\x84@\x13\xa4h\x02`\x91"\x11m\xf2\x98H\xb0\x98\x88\xa6(\x82\x84\xd0b\x92=\x0fV\xeb\xd1U\xe4WM\x8f^\x9b\xcf\xc2\xba\xb0\xb2"^\xebs\xbbuJUM\x9b\xbc\x1eb\x0b/\xd9U\x7f`\x06\x91\x9fD\xe4\xf8\xbf\xf4\x91\x17E}E \xee1\xd1\xa4\x9a\xa4=\x91X,\xe6\x11!n\xa5L\x14\xa1\x16\x08,\x16&amp;p\xe7\xfe\x8a|H\xc8\xc22"s\xa1\xe6\xfa\xc2\xca\xa2^\xe7\xdet\xeb\xe4uu5*\xf1\xfc\x12\x0f\xc3\xde1\x00\xff\x95\x82\x03&lt;F\n\x04\x01\xe7@$\x02`\x08*\x12\x0b\x87c\x11\x8a\xa6Y\xab\x11\x0cc\xa1i&amp;\xd0\x8b\x82\x0b:\xd5*\xa8N\xafAt\x01\xac\x0b\x00\xcb\xea\xda\xdct[\x01V]\xcd\xca\xab\xf3e\xedx\xb1b\tL\xe9c\xe1\xa30%\xd1l\xff\xef`4\x1a\x81P\xa2#\xd1X\x0c\x9e(\x8a\x86\xd8\xf2\x90\x0cID&lt;\x96@\xef\xfd5\xddZ\xa7\xb0R\xd8\xa8\x85\x12\x108\x02\x05\xfc\xca\x9awss\xd3\xa5k\xdd/\xad\xabY\xfdEV^W]\xee\t{\x98\xd4\xf6v0\x12\x8dzh\xf0\x1c\xbcF#\x1e\x13x\x10\xfe\x00\xbd\x92\x1e\x13\xd3\xf5\xe0\xa7\xb5\xe7\xde\xc5:\xf0\xe2\x01E3\xa2T#\xa0Z\x04\x17n\xba]}M5R\xe9\xfeB\xc4\x97\xce \xb0b\x16\xcbWTx~\'\x9d\x9fM\xe3\x9c\x0c.\xf3hR\x81\x00\xe1\x89D#P\t\xd2\x14z\xf0\x98L\x08\x98\x881w\x9cH\x04\r\xce\x1f\x16\xe5\xb5\xe25_%k\xae\xfef\xe0\xac\x8d,,\xa8\x03\x9b\xda\x00\xd6\xb5%\xac(\xd3q\x97\x9b\\m\x15\x96\xaf\xa8\n\x8bb\xee\xb2:_o\xc9\xa8\xc0v E\x98\x00\rE"\xb2\x8a T\x94i\x8b\x10\x91\x01\xff\x85\xe63f\x9b\xffY\x8dPXS\xbf\x9f\x1d\xa3j\x15\xa3\xfd\xfd\x1b\x133+p\rYX\xad\x9dR\xe9\x95/\x16J\x83\x04{g\xe2+\x7fm\xe7Im\x074\x10I\x91\x08E\x00\xc1\xd3\x1e8\x14E\x89H\x11\x11\xb8\xe37~q\xfd\xc1\xfd\xfa:&gt;\xbf\xae\xf3\xb7\xd0\xe4\x0b\x1b\x10\xaeQ\x05\x18K\x0f\xb0\xdcn\x17\xdcDi\xdd\xc4KYYs\xabL\x11\xc1a\xac|Z\xc0\xf3\xfb\x86\x8c\x1fyQ\xcd\xf6v\x8a\xdc2y\x00\x16\t\xc4E\x99\x90\xb5h\x94\x1a\x93]\xc9d\xc20y\x1fM\x1a\xd0(\xab\x92\xcf\xc2R( \xef\xe4`\rwv\xb6\xa9\xee?\xe4q\x14\r\x158G\xccPQ$\xc5)\xd0\x13\x86\xe5\xfb\xc7\x82\xe8\xad\xf0!\x1e&amp; \xb6Bi@C\xe5\xf8\n."\xdcJ\x9a`\x92!K\xdc\xd0{c\xa2\xb6\r\r\xfe\xa0\xcdhh\xcc\xc2\x127\xb1\xb0\\^q\x9brx\xed\xcd\x02\xc6Q4\xe0\x18\'\xdbdA\xe4k\x89r\x89+\xec\xb1H\xaa5\xf1-0\x91\x08y\x91B\x87\x16\x11"\x11$\xa1x&lt;q\xf0\xfal\xbb\xc2\'\x15\n\x85-U\x8d\xd3Z8\x8aLO\r\x14\xefvYk\xe5\xfa\xbe\xef\x1f\x97=\x85\xc8\xe8i\x8a\x05m\x05\x89\x01\xc7\xb2\xbc\xa8\x85\x04\xefm\xa1x\x02X\x04Mgq\x91\x16\x00\x95X\xee8\xdb\xf1\xcd:\xdaA5@[=\x86F\xba\xdd\x10Y\xadM\xc3.\x80\xe5\xd5\x83\xb1to\xe6\xb0\xa2\xddE\xa9\xe0\xa0\xb0\x8c\xca\xda\xab\x82+:\xc8\r\xbeKf\xa7a\x1a"\x8a\xb5\x12\x0b\x0b%C\xa0y\xa8m\x82\x00j\xf9\xc4\xad\xd9\x13\x1d#c\xd3h?\x86\xc2\x1d`!\x176\xe9\xad,,qg\xed\xf0\xd3l\xc0W\x14\xe9\xa6\x8a\x05*o\t&lt;w-\x9deQ\x12\xe1\xd9B&amp;b\xddH\xd3\x08U01\x80\xce\x89\xd9\xb3\x07?\x9d]?4\xa6\xd5N\x83\x0bQU\xcaF\xd6\xb0\xce\x85\xee\xa1\xb2\xb3V\xffd\x0e+\x15J\xe1y\xbd\xcd;\x04\x07\xc5\xfa\xd9\xf7\xd6]1\x02"\x9d\x85\x95\xc5\x05\x7f\x93A\x80\x94\x18\x08\x86zz\x9d\x06\xc3\xf5y\xe3\xe5Cc\x80L\xdb\x8d|8\xb3\xa8\xb7Zu^\x04\xab\xb6S\xf9\xfc^\xb8XHZ\xb8]\xb9\xe7\n\x8eT\xaa\xfc\xa0\xa7\x80\x0c\xe2i*c.\xa8N!\xac\x10\xaaP0\x18\x9a\xea\xb2\xd9\xcc\xe6\xdeqc3\x0bk\xd0n\x07T+z+\x1a\x8b\xb8]\xae\xa73\xf6\x957\xdf\xf2v\x97\x19\xe4\xfe\xa9\xa2\xfc\xa5\x0f/F\x93AC\x9a\xca\xc4\x14\x90\x04\xa9N\x0c,\x1b\xa6B!\x03\x80\xb2\xd9\x9c\x93h\x1a\x0f\xa6\x82\x08\xb3\xab\x90\xb1\x86\xa1C\x84N\xdf\xe5zr\xfb\xe2\xab\x87\xb2\xddd\x06\x85~\x15\xab\xc8Y0[&gt;W\xe4\x05\x07\x99\x8d\x1a\xcei\x1eeQK"\x91\xce\x84\xba\x08\xca.53`8h6\x98mh\xa92\xe9w4o CA\xc4\x83\xb5T\xf6n\x16\x16\xea\xf4]\xee\x9d\x85\x85\x05Yn\xa1\x99Q\xd3a\xd9f4\'q\xc83\x02\x8e\xe3\x15{j\xf7y\xbcpxak+\x07K\x8d`\xf5@\x03\xeb?\xed\x18\x19i7\xf6\x1f\x1a\xcb\xac\xa9\xa7\xc7\xb4v\xbb}f\xa6\xc9\xda\x97\x81\xf5\xe3\xcb\xbd\xce\x16\xf62\x03gS\xf6\x1ck.\x88-\x80\x05Ml\xaf\xc3\x01\xf5\xde\xf8\xec\xabS\xe7\xce\xb5\xaf\x83\xb9\x1a\xab\xaa.\xf5\x8fu\x03.hx\x10\xaa&gt;\x97\xeb?\xbf\xec\xedKpl\xf7eu\xd6\xe69\x8b-\xa5\xb72,\n5\xbd\xc0\xd0\xe5\xbc\xd5k{\x84\xce\xce\xbd\x9d\x9d{\xe3\xc6\r\xad\xf6\xd2\xe8\xe5\xfe\xd1n;jx\x00\x16\x8a.\xe0\xd1Rk\x15KuK\xfb\xafw\xfd/J\x96\xd5\x85\xf2\x8b\xfd\x85\xf0\x16\x98\x8b\x85%Q\x0bn\x06\xcc\x86d2\xf9\xe2\xc5\x8b\xc7\x8f^\xbf~\xbd3\xde\xbc\xb1\xa1\xd0*\xa0i\xed\xee\x9e\x11\x0f\xc3=\x84\xe3\xfd~G\xf6V\x84W\x94\xb2&lt;\xce\xd1\xc9\x96\n\xa5\xde\xbb\x84\xc9\x06=Rq\xcd\xa5\t\xc4\x0f$\xf4\x15\xd57oj\x04\x12\x86y\xf1"\xf9\xe8\xd1\xeb\x9d{\xfek\x17&amp;\xba\x07\x07Y\x92\x07k\r\xb3\xb3\x9a&gt;\xef\x8f\x8fKx4\xe3\x81\xbd\t\x0ev+\xbc\xe6\x12\x90\x1c\x91\xb1\xaa\xd9\x03\xed,\x13Lv9\xd1\xb6\xeeZ\xbfb\x10\x0e\xca\x87\x83v9\x0bK\xa7\xd3y\x91\x0f\xf7&amp;#\xddc(\xa2\x8eqi9\x1eO\x83\xb1\xd0\x94&amp;\xb3\xc2\xab\xd6\x04zn\x8d\x8f\xb4\xb7\xb77+\x90\xad\x14\xc0\xa6m*\xb9\x18\xb1)\x1c\xd6\x87\xe5\xc8\xa3Jw&gt;\xf9,\x90\x9f\xe3`o\x95\xd7\xb9\x0fxKw\xff\xcf\xcb\xf9\xc74\x9d\x9fq\xbcD.%\xdey\x8aD\xa3\xb9\x94\\H\xa8%\x1a,\xb1\xf6\x17\x1b?\x8a\xc3*\xbd\xeb\x0f\xecJ\xe8\xb7\xfc0@%j\xa1\\G\xd7%4\x90X\x08\xd6\xf9\x03\xbc^O&lt;\xcdI\xb5\xeddQ~h\xc1\xc1\xc4"N\x96\xf3\xd8u\xe7\x9c\xd8y\xe0\xc6\x1c?2k\xdc9w\xdep\xcf\xf3\xa5--\x85\x9db\xe2\xc7\x80\xa6\xff\xf8\xca\xfby&gt;\xcf\xe7\xf9|\x9e\xe7\xe9\xdd?\xef\xde\xfd\xa3\r$\x16)X\xfap\xde\x9e\xdb\xd5F\x88\x12\xb9\xfb\xb6\x90\x06,\xe7\xf3\xfdXp\xfa&lt;\x99\x89\xb0!5\xd8\xc3\x13\x0c\x95\xd4\xe0\xf3\xda\xab\xc6-R]Z\xd7\x8c\xeb\xee\xc9]\xbb\xf0M\x8bd\x02\xb8\xe1\xbc\xfc\xe2\xa6\xa6\xa6\xb6\xa6\x8b{3\xf7\xfd\x12v!\x9f\x9f\x92\xcc\xa6c\xb1\xa7\xac\xec_c\xedKmL\x7f\x15#\xb6\x7f\xe1r\xc11\x88\xcf#HEb\x1d\xc9\xab*.\x1e\xac\xaa\xfa\x0bY=\xffy?Pq\xb99i99\xd955#\xcfi\xaf\xfc\x9f\xcc\xb5\xb9D4\x18SBsh\x7f\xf2\x85\xaa#\x96\xb4\xd5\xd2\xfa~+)W:.\xe0\xca\xcb\xcf\xcb\xdbS|\xf0\x13|\x06\x04\x7f\xe7\xd2\xe9$Vv\r\xd8\x90\x12\xbc\xc4S\xe7\xf2\xb9\x90\x1b?5x\xf0-yD\x04\xd4\x1a5\xc9\xa5\x168\xa1g\xb7"\x16\x88\xd3-\xc3G\x8e\xe4\xe5W\x157\xa1\\\x10\xb3\xb8du\x13~\xb2\xcb\x9eLQ^\xdb\x88\x94\x05\x83lXo3\x89UX8l\x01\xac\xf7\xf1\xa9\x0b\x1f\xbcZ\xff\x8a\xe5\xc4=\xc5MG\xf7\x02\xd6\xb139\xd9ii$VM\xd9\xf4\xd4\xff}Q\x9e\x7f\xe8,u\xa0\x06\xb0F\x89\xc2\xbcBl;@$\\\x10\xb9\xa4X\x97\xba\xddt\x91\x14\x0b\xd2R\x92\n|\xabl\xfa\x02\xe5\xcd\xb8\xfc(\xca\x95\x97_8\x9c\xde\nr\xed\xdap\x12\x12\xe7B\xd9 \xac\xb6\xa6\xbd\xb0\x0f\xcb\xf1\r7-\x87\xce\xa5\xe7d\x97\xd5L_\xa0\xbe\xba\xcb\xc7\x04z\x0e\xa8\xd4\xb9\x86\x03jd\xdfA\xa0\xcf\x13]~TX)\x95\xe6\xc9dh\xc8\r\xad\x98\xc9\x9b\x08\x99\xed\xb6mp\xf0\xb61s[\x7f?\x9f\x8d~Eg\xb3\xe1:VS\xf3\xa2+&amp;pr\x05\xfe\x9a\xbb\x19F43\xbf\x86\xcb\xfb4\xe0\xf3\x85\xf9\xd6\xfcB\xa9\x14\x00\xe5\xf2\x06\xab\xd5\xd6\xd6t{\xd0V-\xdew\xba\xbe^\x94L\xa7s\xb9\xecd.\xc6\x87\xec\x17]o\xc2\x88\xa0\x96\xcf-t\xc8\x87\x0be\xb0\x1apy\xacv\x9b\xad\xad\xba\xcd\xd6&amp;\xee\xebN50E)lv2,\xc0\x82\x9d\xf8\xa2\x9d\xba\xb4\xb8\x15\xc8&amp;\xc2\xc7\xf1\xc2J\xd5s\x97FZ\xfb8`\xa9\x08\xcb\x11\x99\xccf\x93\xc9\xac6\x9b\xcd\xae\xd5V\x1b\xcfVWcc\x06\x0f\xb0\xf8))\x10\xe5\xb9d\x0fD\xd9\xd8\xb9\x907,J`\x9e&amp;&amp;X\x9e\x9bM\xa5B:;)\x81\xf7\xad\xb0\xd9\x88\x1fh;\xa6\xb4\xcf\xf8\xdcn\xaf\xc3\x02r\xd9l\x836ms3\xf0\x88\x0bJ\xb1\xfdM\xa9W\x1b\x04L\x11r\x91\x01\x95NG\xac\xc8D\x8b\x1a6$\x10\x96\xe1\xc5\x84\xd7\xaa_\xb6\x9f\x1dw\xa2\xdb\xebuH\x87\x0b\x1b@\xaa\xe6"d*\xe8+)Q\xd6\xd5uKRy\x06\x81\x02\xb0@+.\x17\xdbX\xd2~2\x96\x14\xf3\xcak\t.\xdf53\xea\xf3\xea4R\xb9\xc7\xe3\x91\r6\x0f@\x0e\x0f2\xd5\xd5\xb1$\xfaT\x1eP\t\x98\n~\nRq\xe9\\67\xe7\xd9X\xd2\x1b\x89[]\xe3&gt;\xa1\xd7\xadq8t*\'\xe8\xd5|\xb6\xa0\x00\x94\xeaF\xa8\xc4D\x12K\x84\x075\x97\r\x0b\xd2\x08\xc0ZR\xdc\n\x1a1\xbcj\x1cQL\xf3\x7fH\xdb&gt;\xee\x16\xba5\x1a\x95F\xa7\xd2\xa9\x1c\x1e\xabv\xa0\xa0\x0f\xa4\xda\xafNL\xcc\xca\xcabp\x04\n\xb2\x99\x0c\xf6":&gt;}(h\xc4\x1fL\xcf\xe7n\x0eK1\xe2\xb8\xdb\xed\x16\nUn\xafS\xe7t4xdV\xed\xd9\x82\x12\x96^\xbd5ks||\x02C@\x06\x086@\xf11E\x1dzcF$\xb1\xdc^\x95\xca\xa9\xf28\x88\x86\x06\x99][}\xeaZm#\xb6"\x81\\hD\xa4\x12)\x14\xa2\xe4\x9c\xa1%\x191d&gt;1f\xb1\x91\x9f\xb0OI,\x8d\xc6\x04\xbf\x1cN\xa7SC\xc8\t\xb9\xc7j\xd5\x9e:\xf4e\xad~+\x981\x83\xc3\xc4F\xc5\x14\xbe\x82\xc9\x84c(\x1c\xcb\x7f\x92-P\xec\x89Y\xe4\xfaJ\xa5.\xd2,A\r\xbb\xa6\xa0\xcb\xbb\x85\x1a\x93F(\xd4\x00\x96JC\x98\x1cNsE\xc7\x9d\x81C\xc7Y\xfb\x81+!\x83#\x02,\xa0\x12(\xb0\xf0:kD*\x85\x12\x11\xae\xe7\xf5[\xbf\xd6J\xda&gt;\xee\xd3\x00\x96\xd0\x04\\*p/\x8d\xd0k\xae\x80\xd5q\xeaZ]#rep\x14)\xc9)\n\x01:?\x1c\xda\xb7\x0e\xd0^\xcb\xb7^\xeaM)\xe9\xe3_\xf8\x00KXi\x82%\xd4\xe8\xccf\x1d\xfc\x00\x95\xbd\x03\xe5\xd2\xab\xb3\x12\xd1\xbb\xf8"\x01\x87#`\xf2!\xa1\xbf\xf2\xf9\x01Z\xa4C\xc4,z\xa9\xa7\xcc\xcb b\xa8a\x87\xd7\xbc\xb1\xfeY\x0b\x9e;\xf0\xb3\x8f|&gt;!`\xb9\xe0\x17\xa1Q\xe9**\xccf\x92\xaby\xe0PI-\xc6\t\x06G!R09\x0c\xc4\x02#&amp;o=q9\x89F\t6\x8b\x04Z\xef\xe6UyBZ\xba"\xdfN\xe7\x87\xad\xd0\x8f\xc0\xdd\xb7\x7f\xf8YK\x07P\x11B\x17H\xa5!\x08B\xa53W\xc0\x1fs\x85\x16\xb0 ~\xe9\xd5&lt;\x08\x11H\x15\xc0\xe22\xd6\xb5\xfc\xf6\xc3\xcb\xe7\xcf\x9f\xff\xe0\x1c%\xf4\xe54\xe2M{\xaer\x1d\xf9\x90\xe4\xaf`\xcfi&lt;\xdb\xfb\x9c\xd4\xf5\xc1\xc7\xe7/\xff\xea\xc4\xce\x16\xb3O\xa8!\xc0\x8c \x97I.\'t\xa8\x15\xa8\xd5Q4P:\x8b\x95\x08&lt;!Xt\xc5\x9a\x95?~oU\xcb\x89\x13\x9f\xfd\xe6cZ\xf0`\xf6_\xac(s\xf7/\xea\\y"b\xe7Q\x03\r\x94AU\x11\xfe\xea\xcd\x87\xcf;&gt;\xfa\xbc\xe5\xd3\x9d\xeb[\xbc\xe0\xea\xb0Lw\xc1\xb9\x088\x82\xbc^ \xb3Wh\x8b \xda\x1f\'\xa3=\xc7\xaf\x16SAb\xf13\xa2V\xacY\x11\x1d\xb5"!\xf5\xce\xe5\xdf\xe3\xf8\xca\xc2O\xa6\xa1\x7f\x85\x16\xcf\xa8\x0b\x1d\x07\xf0\xeb\xea\xcd\xdd\x8f\x1eOf\xae\xc7\xb5\xb3E\x07X\x0e0#\xec\xc5\xcaJB\xa5B*\xa7\xb9\xa3\xe3\x0eD\xae\xe3\xac\xeeF\xc4b\n\x18\x89\x06\xec\x96G\xac\x14Nt\xf4\xda5\xd1Q\xd1k2\x0c\xfb\xbe\xff\xa2\x9d\x126oJ\x8d\xe8\xb0\xf37\x1c\x04\x8bg\x94\x85J\xd9\xb4\xab\xbf\x03\xa8\xa7\x07sk\x91j\xd5\xaa\x96\n\xc0"\\&amp;\x07a2U\x9e\xac$\x1cN]\x85Ye."\xa9j\x1bY\x12py\x0e\x87\x91\xc8\xab\xef\xc7(OO\xa3\'3W\xa0\\QQ\xd1k\xe3\x19\xfd\xb9\xde\xa9s\x94\xd0y\xd3\x88\xa7\xb6\x97\x88aI_\xff\xf4\xbb\x7f?~\xda$\xee;\xcc\x02&amp;X\x9f\x16\x81gAh\'\\r\x97\xcbUY\xe9R\xc9\xf2\x9d\x80\x85\x8d\xa8}\xe8\\&lt;\x03`%\xa6\xee\xa8\xafg*\x14\x10!\xe8l&amp;Nn\xe1\xac\x1b\x88\x96!(\x17\xfb\xa6\xdai/\x13\xb7\x82\xb9\xe2\xdc\xa6\xc3\xcfh\xe0R\x7f\x7f\xfc\xf8\xe9?\x8c\xa5\xd7\xa7\xef\xdf\x88\x05\xa8\xd8\xd8\xf5\x7fPiT\x1e\x82\x90\x03\x11\x04\x08\x8dI%\xcb\x939\x9dvH\xa1\x9b\x8d\xc6\x92:\xbd\xc1\xc0`\x18Rw\xa4\x1a\xc8\x1c\x07n\x1bl&amp;N\x88\xa0Z\xe4\x84.\x83Y.\xf6\x1e\xc0/@\x08\x1b9Z\xe0\xed4\xf4\xfb\x0b\x02\xb1\x03\x98\xfe\tB\xf5"T\xeeto\xef\xc4\x8d\x8d\xabbW\xc5.\x8bm\x81&lt;\xcb\xd1@H-r\x93I\xe35k@\xadA\xa7\xca\xee\x19l\xab6\x8aKP-\xb0 $\x84&lt;\x8e\x1f+\x99AN\xe1\xc1\x0f\x1c\x97\n\x01#\x83\xc1\xec\xbfW\xe4\x9b\xeaJ\xa2\x84\xd6|\x82\xaf\x1f\x8b\xd70hWI\xe3\xf5\xf6L\x1e\x14\x03T\x0f\xfc\xe3\xd6\x96\xb7ccc\x97\xad~g\xe7\x1d\x9d\xb3A.\xb5T\xca\x1d\x1a\xf0{Be\xddSe\xd7i\xadm\xd5\x03\x05\xa5u\x125\xcf\x90\x08K\x8dXL&amp;\x9c\x8a\xf4\x94\x84\x00V\x02nN\xbe\x82\x93\xc1\x10(\xcas\xbf\x1f\x9f\xeaZ\xac\xfdm\xa1B12=B&amp;\x10\xaa$\xf3IOo\xef\xe4\xad\xc3\x8d\xef\xbd\x8db\xad\x8e[v\xad\xc2#\xb5\xc0\x92\x12\x90\xd9\x98\\\x0ekU\xb1V[\x04I\x17d\xf4\x18\xb7 IU\xa7\xa6\xa6\xf2\x18(\x17d\xf5\xfc\xb5~\xac\xa8\xe8w\xb3\x0c\n\x11$\x17\x02\xb0s\xbd\xe8\x0cI\x96\xb4\xc0)\xb4\x90P7\xbf\xfb\xef\xd3\x89I\x92I\x89P\xa0TIcc\x9dR\xb9\x11\xe4z\'n\xf5\xce"\x87%\xddb\x91\xcb\xb1e\xdeI\x10\xba\xe2\xe2\xe6\x8e"H\x9eK\x95J\xc0\x82\xdcY-9\xbd\x03\xb0`Kb\xee\xa5\x88\x9e\x1d\xa5\x8c\x8a\x8e_\xfb\xd6\xca\xcd\xbc~@e\xa7\x88\x04\x86\xfa\xfe\xf2c\xb9\x15\xf8\xb5)\x11\x87^x\xb4\x02\xa5.\x8c\x8e\x1d\xbd(\xfe\x13 \x1d\xce\xbc5IB)\x01*s\xbag\xe44Z1.n\xd9\x97\xce\xd6M\xe9\x16\xc2\xe3q8\xc0\xf5\xe5:[\x95\xb6\xe3\xac\xb1@\\\xd0\xa7d\xb1\xf4;xj\xb5D\x02\x921\x18\xb3\x19\xb4\x80\x9c\xf0\x04\xb0\x84r\x1c\xaeyw]b}\xf9\x99+\x9d\x9dtnry\x7f\x7f\xff\xbd\xea\xf1\x0b\xe7h!\xcf\xed\x11\x87\x0f%\xe9\xe6\xcc\x98XyZrz\xdb\xbd\x1b#\x13===\x13\xf7\xc1|\xb5\xca\xeb\xe8^\xdf\x1c\x83\xbd\x88\\\xb1\xa7\x88M\x9bZ\xe5\x1e\x95\xd3\xa9\xd39\x08\xbb\xbdJ\xabm\xbe(6\x8aK\x95\xdd\xdd\x92\x1d\xa9\xea\xfdz5\xfa\x17r1E\x8a\x04\xff\x88\xe7\n\xce\x10\x1dT2d\xc4\xaf\xdb\xac\xdfv\xecJ\xe7\xb7CC\xcf\x9e\ru^\xb9r\xf49\xd8\x92\x16\xfa-\x07\xa1\xe6K\xfa\xfa\xe1\x7f\x0e\xde\xfa\xdb\xc8\xc8\x1f\xbf\xf9\xea\xd2\xa5K\x13\xc0\xf4\xebnV\xb7\xf2\xfado/\xa86\xb2e#b\xad^\x1e\xb7\xb3H\x0e\\hC\x9dN\xd5`\xd7V\xb5i!8\xc0}\xd1\x8f\xa5\x97\xe0N\xe4\xcdrq\xd6\xbe5\xbbV\x1a:;s\xd2\xd2:\xb9"\x03\\F6\xef\x97l;v\xe3\xdb\x07\x0f\x1e\x00\xda\x83\'c3\x17\xda\x93\x16h\xf0\x84\xc8\xf9\xf0\xd1\xd3\x89\t\xe0\xf9\n\xd6\xfd\xfb#7\xb6\xb0X\xdd\x873\x9fL\x90P\xe8\xf4\xcb\x97\xa1\xd7\xc7-\x07\xf7\x92\x83s58&lt;\x1e\x08avmq[\xb3\xd6h4\x8a\x0bJ\xbaY\x80\xa5\x97H$\xe8\xf3\xa4^\x8cx\x1c\x04\'\xa7\xc1\xe3\r\xe5g:;\xffG\xc5\x19\x87\xb6\x8d_q\xdc\x8b\x87\x87%\x91Y\x92Au\xcc\x0e2\xb8?j\xfdq\xe0K\xfe\xb8\x15\xc3J\nZ\x05V\xb2\x1e\xfbcd\r9\x94P\xca\xae+EQ{\'L\xe7pfSv\xa1\\\x9b\x98\xc56J\xad\xa3!=yQ\xef\xd2\xd4\xeb\xe2\xd54\x97\x12\xd6[\x12\xd2v4,\xa5\xbd-KY\xef\xae[\xd75\xe9\xba\xb5e{\xef\'9\xed^\xb0d\x82#}~\xdf\xf7\xfd\xbd\xc6\xe1xQ\x00\x00\tZIDAT\xf7lp\xaeB\x9c\x9f\xfd\xf02l\xd8\x8evp\xe1\x89[\x04n\xed\xbfO\x17gv\x06\xfe\xefK\xa6\xa4r&gt;x\x08IC\x9e\x8d\x85\xa9\xd7Owu\x01\xd3\x14\xba\xeb\xb7\x90\xca\x8d\x13C4GQ\x1c\xa6\x91\xe1xF\xee\xfd9\xbc\x7f\x1d\xc0\xf1\xef\xfa\xe4\xc8\xedSGG:;},\xf8K\xa0:@\xd2\xf8j\xc7w_\xf9&amp;\xfe\x83\x81\x168|\xbd\xa5\xa5\xf9\xdb\xef\x1e\x9c\xdd\xba\xba\xb9\xb9\xf9\xde\xe6\xe6\xd5\xad\xd9\x83\xef\\\xde\x0b\x0b\xe8\xdaskjac\xe3\xd1\x9f\x1b`d\x00\xc2\x16\xf3\x17\xdc}\xf7\x97v\x9f W=\x8d\xe6\xda\xb8\x83\xeeB{M\xb5\r\xd14\xc7S\x02\x1f\x84J\x1f\x0c"\xd7\xea\xd9\xef\x9f\x05w\r\x8c\xed\x9b\xec=\xf5\xc1\x04\xf9X\x1e\x92\xd8\x06\xcb\x19\x82\x99\x1e\x03jE\xc7+\xcd\xe1p\x13\x89\x96\xaf\x91\xef\xf5\xb7\xb6\xbezyvk}s\xf3\xc6v\xac\xafo\xcd\x9e\xfc!\xa2-=[\xfc\xec[~\xab\xde\xf9\x87\xbf?x\xfe\x18\x90\xba\xb3mmm{^\x07\xf05b.\xb0\xd7\x97\x8f6n\x01\x13\xcf\x91\xa0(\x9e4\xa0 \x07Uu|?L[g\xf7\x8f}4\xd9;q|~\xa2\xf3&amp;\xec\xc4\xc1A\xb8D6\x8b\xe3\xcd1\x88]\xbb:v\xecH\x84\xc2\x18\xfe\xbf@@\xc0\xe6V\xa8\x12\'g\xd77\xd7\x10\xea\xf3F\xdcX[_X\xb8\xf2\xec\xabOv~\x03\xeb\xf9_\x1f\xfc\xfb\xde\xc7P\x10\xbaoMm\xac\xdd\xb9\xe6\x01\xa1\xbd\xd66\xa6.\x82L\xa0\x13\t\xe0\xe2y&amp;BZ#\xc3\xb0\xf2\xf0\xf4\x00L\x0f\x87\xc7\xc6zW\xe7\xe7\xe7\xc7\x87\x87\xe7\xfaFG\xb3Yx\xb4\xa1)\xbb\xbb\xbb/\xee\xedhM\xa4\xa2\xa1P4\x1ajj\x81\x1f\x80\xc3\x94\x12\xb4\xd6\xd7\xda\x0f\xec}\xe7\xe0\xc9)\xb4\xd6\x1a\xee3\xc2\xb6\xbe\x04`\x81\xdf\xfd\xe7\xc1\xf3S\x9d\xfd7\x97\x1e5\x80.\x10\xa0\x85[{\xba0s\x14(\xc47\xb0x\x9eB\xd7\xe3\x80\x83\xa7\xc2\xeaa\xdc\x89\xfb`\xa8\x19\x1f_\x99\x9b\x9b[\x1e\x85X\x86\xf9\xe6\xd8\xb1\x8b\xdd\x97.]\xea\xeejO\x08\xa9\x04F4\xdc\x14&amp;RAJ\xc9\x19\x9f\x84C;\xc8W\xb5_\x83\x84\x1f\xd8{\x1av&amp;$\xf7\xc9\xfa\xd2\xd3\xc0\xbf\x9e\xbfu\xb4\xe7\xe3/\x7f\xf3\xb2D\'\xd0J4\x1d\x07"\x8e(\x85h\x1c\x83\xe6\x12\x92\xe8z\x98\x06c\xe4\xb8\n\x89\xfc\xc1\xbe#\xe3+++\xc3@\x85\x01t\xc3}]\x87\xba\xba\xfbo\xde|\xbb\xeb\x90 \xa4R)8D\xc3\xc4cp\x08{H\xf8\xb4\t\xf3\x1b"\x078\x85P\xc0\xbd\'\xb7\x9e&lt;\xd9\n&lt;\xbe\xd7y\xfc6\xf4\xbf\x0b_\xdcy\x04\x12\x9d\x18\xcc\xc6\x93q\x94\xc5\xa7\xe19\xf2D\xa0\xe24M%\xe3\x10L\x04\x89\xbc\x80&gt;\xf4\xeb\x1f\x8dM\xce\x0fC\x061\x86\x87W\xc6\xc7\xe7\xf1C\xc1\xa1\xc1K==}mq\\\x8a\x80X\xa1\x86\xc7\xc2&gt;W\xb8\x11\xd1\x10\xb2\x85\x08_S\xb8\xf5\xc0\xc9\xad\xab\x81_\xcc\x7f\xf0\xf8\xe1\xc3/\xee_y{\x10fKb$A\xa0\x08\x95\x87\xe6g\x10\xb1P\xc1x\x9c\x0e\xb2\xec6\x98\xdc\xbb\xff\xa3\xe9#\xf0N\x1f\xf5\x82\xc7\xf8\xf8*t\xc7\xfe\xee\xc1\xc1\xd1\xbe\xfe\xfe\xbe,\xe3\x89\rX$\xe0\xee\x9eL$\x8bD%O\xae\x109 V(\xdc\xba\xeb\xc3@\xe7m\x98\xf3\xee\xef\x1e\x95Yh\xc4"\xcd\x03\x12\\\x86\x12|\x1c\x8a"\xe6\xe28\xe4A,\x04\x07\xae\x06X$\xbb2=96vdb\xdccZ]\xed\x9d\x1c\x81\x96}\t?\xb3\x9c\x1b\x15\x19\xdc\xc0&lt;\x95J \x11ry\x8a\xbd\xd0j\x1b\xc9K%b5\xef\xe8\x08\xbc\x05\xc3\xe7\x9b\xa3`\x15\xd8\\A\xacH\x80\xe2\xa3y\xc6\xa2P&lt;\x0eu\xa2\xbd\x88#\x17\xbc\xd4\xe3\n\x8a\xc3\x93\xfb\xce@O\x04\xae\xd5\xde^\xa0\xba~\xa6gp\xb0\xff\xf8\xd1\x89\x9ee\xb8&amp;C,\tX\x9eV\x04\xcb;\xfaREC\r\xa4\xc6/\x9b\x9a\x9b\x03\x0f\x1f\xffr\x0e\xa1\xf0F\xa0\x02\xae\x0e\xb2H,\x054\xe8&amp;\x9e\x8f{*\x01X\xdc\x13\x8daq\x11D1\x96\x19\xea\x01\xa6\t\x98\xb8@\xa9\xde\xde\x81\x9f\\?\xd3\xd9\xd7\xd7s\xf4W#=2\xe3c\x91\xcd\x08T\xad\xc4F\xc8\xf7\x02%\xeas5XQ\xcb\xe6\xc0\xbd\xfeex\xf3\x17\xc1\xd5\xc3M\x82\xc8\xc2\xa1@\x9c\xb7\xef\x92qQ\xa4_\x92\xca\x0f.\x18Dq1\x97,=\xd47&lt;&gt;2ydrz\xfa\xf0\xf4\xfb\x7f\xfa\xde\xc0HgOO\xcf\xd1#\x13\xcbA\x0f\x0b\xa9\xa2^\x12\x1bT^B\x89x\x1e\x96\xcf\x85\xdaa\x8a\x03\xcb\xb2\xe7]\xdc^2\x1bd\xb0\xf1\x01\x11\x95\x14\x04T\'\x99\xa4E\x02\x86\'\xf0\x1e-\xc2\xcb\xe4\x08TSx)\x83\\\xd0\xba\xdb\xb3\xf3\x93\x93P[\xa7\xa7\xa7?]\xfc\xe3\xc0\xfc\xfc\xc8\xc8H\xef\xfc\xb2\xe8\x8b%$\x12\xa9\x14Q+\x1cn\x05\xa0\x90\x8f\x15\x8d"\xad\xc7\xfa2\x16p\x05\xbc\xe4\xf9\xa5\x08\xae\x02w\xc3\x1aE4\x11\xe1\xa64\x1d\x91e9&amp;\xc6\x8a\xb6\xa5Y\x85\x98ed\xaa9\xb7\xc8\x04\xb1esh\xc7 \x97\xcc\xf6~z\xf7\xee\xe2\xe2b\xb5\n\x87\xc5\xbb\x18\xef\x97\xb1CA@\n\xa3|\xd9\xb2\x8b\x05F t\x89\xa8\x1f@K\x92\xebqz\xee\x7f\t\x8bx=R(\x80b(;\xe4\xce\xd6I\x98NM-iu#\x93q\x8aZ\xa5\x92\xab\xe4\xddr=m8J\xde\x11\x19@\xc6\x05p\xb8\x90xY\xf9\xea\x9c\x17\xd2\xb9si8\xe5\xd4\x08\xc3\xf9)\x8cFS\x05\xdb\xac\xd7j\x8e\xae\xda"S\x90\xd98\xf0x\xe5\x8c\xe8\x98\x88n\xdb\r\n\x08r\x05\xc8`\x07k\x07\xd7\xe3\x03V$\xc49\xab^\xad\xe4\xd3\x10R\xcd2\xf2\xb9j&gt;\xed\x98\x92Q\xd6r\x15\xbd\x9a\xb7\x8az\xc5\x14Q\xca \xa9j\xa8\x08W~\xf6\xf4\x9f/\xc5?\xd4\x022\xa1\x94\x02\xdc\xb4\xa0\xdbE\xddP jr\xb9\x06|j\x84\xb25\xcd*\xb3\xa9d\xa1 G\xe8\x14\xd1\x0c]F\xeam\x8b\x87\xc5\x81\xdfY\xd4\x8a\xe2\xc1MI\xd94\xb5ZEJ\xe7\xa5\x19S\xcbe\xac\xa2+\xb9\xf5\xb4\x19+Wsz^R2\x15\xa5\x10\xc7\x14\xb3\x1c\xe5\xd5\x11\x8e:t\xf2\x0e\x0cf^\xc0,\xf4c9\xe8Q1\x14xJ(\xbbu\xbd\xa8\xd5\xf4z\xa6\x16\xd1\x0c\xcd\xd6\r5VS\\C\xa9\xcb\x05\xc70\x0c\xd7\x12\x01\x0c\x1bg\x88\x94\x7fT\x0bMB2\xc9\xf2)\x01\nB2Y\xae\xe6\xab\xa6\xea\xd4s\x92\xa4\xaa\xf9\x8c\xaa\xe7r\xba")N&amp;_\xd7&gt;\x93@\xbcj)N\xb8\x82X\xc0\xb1\xac\xf1\xc2\x1b\xb3\x9f\xff\xbe\x11\xd7\x96FY\x1f\x8b\x87\x14\x868\xcd\xc8(j\xa4d*\x8a\x193\xdd\x02]4\x9c\xa2\xeb\x94\nf\xc6\xb2\x14GS3\x99\x12\xe9\xe7\xc4c\x04\xcb\x1fS\xd0\x05\x90?\x90\nZ\xa2V\x91\xa4\x8aV\xaa\xa5g\xf2\x96\x99N\xe7\xd3\x92\xa1U?\x91\xa4t\xbd\xa8\xce(eK\xa9X\xa4d\x04Y\x86t&lt;\xdc\xbb\xc2\xbb\xe7\x1b\\\xd7\xae\x8c\x12\xc7bPx\xaf\xa0\xa9d\xea6P(\x8a\x16\xab+\xba\xea\x18\x96m\xa8"\xaff,=c\xb1\xb2[-E\xb7\xbd\x8f})\x80\xc5\x07\xaeA\x16\x06PP\xaah\xd1\xccKi\xc55\xf5\xdcL\xce\xae\xa5\r\xd5\xac\xe4\xea\x95\x8aS\x95\x9c\x82#9%\xad\x92+a}\x85\x8aA\xb8RD\xaf\xf6\x9f=\xb9\xe6Q\xbd\x99%\xdb\x9bl\xc3\x14\xd6\x83H\rLU\xabY\xb6b\xd8%\xd75k\x8a#kJ]\xd5\x15\xa3dfL\r\x1e\xac\xbf9_`\x81X\x84M\xc0\xb2\x89\x8a\x89n\x1a|\x95N\xeb\xf5\xb4b\xb9\x15-bWsFZ)\xe9R\xd5v?</t>
        </is>
      </c>
      <c r="M166" s="3" t="n">
        <v>45492.67664351852</v>
      </c>
    </row>
    <row r="167">
      <c r="A167" t="n">
        <v>590324</v>
      </c>
      <c r="B167" t="n">
        <v>2020</v>
      </c>
      <c r="C167" t="inlineStr">
        <is>
          <t>Benjamin Kuscevic</t>
        </is>
      </c>
      <c r="D167" t="inlineStr">
        <is>
          <t>B. Kuscevic</t>
        </is>
      </c>
      <c r="E167" t="inlineStr">
        <is>
          <t>ZAG</t>
        </is>
      </c>
      <c r="F167" t="inlineStr">
        <is>
          <t>ZAG</t>
        </is>
      </c>
      <c r="G167" t="inlineStr">
        <is>
          <t>ZAG</t>
        </is>
      </c>
      <c r="H167" t="n">
        <v>185</v>
      </c>
      <c r="I167" t="n">
        <v>13</v>
      </c>
      <c r="J167" s="2" t="n">
        <v>35186</v>
      </c>
      <c r="K167" t="inlineStr">
        <is>
          <t>Right</t>
        </is>
      </c>
      <c r="L16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452469fd-3e43-42c7-9f15-45b8f8b2bf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d\x11P\x00\x00\x03\x00PLTE\xff\xff\xff\xd6\x8c{\xda\x92\x82\xdd\xdb\xdf\xd9\xd7\xdc\xe7\xa5\x95\xe4\xa8\x99\xfe\xfe\xfe\xd5\x88w\xe5\xab\x9e\xd6\xd3\xd8\xe8\xa9\x99\xdb\x95\x87\xdb\xa1\x96\xe1\x01\x1f%\x12\x13+\x15\x16\x00\x1e\x9a\xe3\x01%\xdd\x01\x1c\xdf\x9f\x93\xdf\xa4\x98\xe3\xa4\x95\x1c\x0c\r\xdb\x9c\x92\xe3\xaf\xa4\xd9\x8f}\xd1\xce\xd3"\r\x0e\xe3\x9c\x8e\x00!\x9f\xd2\x01\x19\xd1\x85s\x07\x01\x01\xda\x98\x8b\xe8\xa1\x92\xcc\x00\x16\xde\x9b\x8d\xd9\x01\x1e\xc5\x01\x130\x18\x19\xc9\x89{\xde\x01$\xe8\x01,\x00\x19\x91\x13\x06\x07\x012\xb3\x00\x1b\x96\xbd\x00\x0f\xd7\x01\x19\x17\x08\t\xd4\x90\x81\xd0\x8b}\xdf\x97\x8a\x0e\x03\x04\xb3\x01\x0c\xe9\xad\xa0\xdb\xa0\x90:$&amp;\xcd\xc8\xcf\xea\xa5\x98\xfb\xfa\xfa\xcb\x8d\x82\xe0\x90\x81\xe6\x98\x8a\xd6\x9e\x90\xd0\x7fn\xe4\xa0\x910\x1d!\xc8\x83v\xe0\x95\x86\xdd\xa8\xa0A*.\x01*\xad\xde\x8a{\xdd\x83t\xc7\xc3\xcc\xcfn^\xf6\xf4\xf5\xd7wg\xd5\x97\x8d\xb3ja\xe5\xa0\x95\xc9xh\xcf\x90\x86\xea\x9b\x8e\xbd\x82v\xd5\x97\x86J" \xd1ue\xc2|p\x00$\xa6\xb3{r6\x1d\x1e\xd5\x91\x88\xe6\x93\x85\xed\xb5\xac\x00\x15\x8b\xec\x9f\x95\xc9~o\xb5^Q\xdb\x8d\x82\xd5\x80t\x853)\xda~m\xb8UE\xea\x045@\x1a\x19\xc2n`\xc4]N\x90IA\xc0vi\x9e]V\x9d?3Z)(\x94TMT8:K17\xaacY\xd4\xc8\xca,\r\x0b\xccgW\x1f\x06\x05\xef\xae\xa5\xb6si\x9f\x00\x06\xce\x97\x8c\xc4\xbc\xc5\xc4\x89\x80\xa9\x01\t\x86?8\xee\xa7\x9d\xa2L?Y\x19\x15\xcf\xbe\xc8\x8c\x01\x03j20\xee\xed\xf0b"\x1b\xe4\x89{\xaark|+$\x93:0\xc5\x94\x8f\x00\x13\x849\x12\x0f\xbfgW\xde\xd6\xda\xb7\x88\xa1\xcd\xac\xb7\xb0O@\xe6\x1a@M,,o%\x1eu:7M\x13\x0f\xa1jf\xda\xcf\xd3\xd7\x166\xbe\xb1\xb4\xff\xfe\xff`?B\xc0\x9f\xb2|FEbMS\xed\xbc\xb5\xdb\xae\xa8\xfa\xee\xed\xa5SK\x95\x84\x89\xaaC9\xb6\xb5\xc6\xed\x92\x8d\xc5\x17+iW][j\xae\xd3\xa3\xa7\xdc\xb4\xb3\xd5\xbc\xc0\xe1]`\xc9\x1fG\n)\x8d\xb7,&gt;\xad\xa2\xbb\xbd\x86\x85\xda\x95\xa7\x02\x14}\xa8{xs|\xae\x080\xa2CY\xab\xf6\xe3\xe1\xebw}\x86\x88\xb8\xb9\x13!\xdf&gt;V\xde\x84\x9c\xe7\xe4\xe7\xc1\x97\xa3\xb3\x89\x87\xea\x84\x84\xb7]u\xd3\x16*\xb0\xa1\xa6\x95\x9b\xbc\x1c7\x9d\xa7\x17+-F\xa7\xb2u\x84vdh\xe7_\x85\xad{\x95\xcd\xa0\x9a\xb2&lt;T\xf2\xd7\xd4x\x02\x03\xcc\xbd\xb0\xa6\x95\x96VDK\x89R^\xe2mp\xef\xc7\xc4\xddvy\xa4\x8b\xab\x10A\xb5\xcbBM\xcbX^\x81pu\xa1a\x82Ms\xc8\xa3\xaf\xcf\xd5\xdd\xef\xe9s\x91\xdav\x8d\xe4Sy&amp;R\xba\xf0kl\x95\x1f&amp;|\x97\xcf\x01\x0fu\xcalz\x84\t\x14\xa8\xbb\xe3\xb0Pb\xc9\x84\x92\xc07i\x97E`\xc7\xcf\xe7\xbd\xc4\xdf\x1d)\x88\xbfd\x92-C\x93X^\x96\x81O\x81\x9d?y0\'b\xec\xbe\x83\xb4\x00\x00 \x00IDATx\xda\xcc\x98\xcfO\xdbx\x1a\xc6\x9bt\xc10P\xd9\x87\x82[\xeaH\x04\x84\xe4\x1e|q~\x08y\x9a\x05\x11\x03V;\xd0\t\x99\x1f.\x1a\xc3jIq#C \xc1\xa6iTMW\x11\x91Bv\x13)AB\xf91#\x14\x11!\xc2!\xd2\xdcV\x9a\xc3\x9e8q\x8a\xb4\x17\xb2\xda\x13\xff\xc8&gt;_\xd3\xfd\x0b\x16\xd3}\x938\t\x17&gt;z\xde\xe7}\xbe\xaf\xf3\xe0\xc1\xffT\x14*\x14Z&amp;\x15"\x9f\xa9\x07\xff\x07\x05\x8c\xc3\xa3O\'W\xd7\xd7\xed\xf6\xf5\xc9\xfb_/\x0f\t\xdc\x83/\xccF\x85\x1e^w\x9bfU\xd14\x8d\x97\x15\xb3\xd7\xe9\xde\\\x9f\x1c-\x7fI\xcd\x88R\'-\x85g4\x9e\x91%I\xd2$I\xc1\xd3lu\xda\xef\xbf\x18\x98\ru\x03(\x86\x07\x0f\xcfp\x02\xcb\xf0\x92\xa2XJ\xd5lu\xdb\xbf\x86\xa8/\xd3\xbe\xcb\xab\xae)3\xb2\x0c.\x9e\x139|\xa2i\x86\xa65I\xb1\xccf\xab{u\xf9\x05\x04\xa3\x96OZ\x1aM\xb3\x9c\x0c\xb9hVdi|\xa1y\x9e\xe6\x18h\x07\xaef\xab}y\xdfcIQ\x97m\x85\x15H\xdb@\xc2\xe2\x93(\x88,\x04\xd3d\x9aWLK\xb1\x9a\xadf\xf3\xe6\xd3\xfd:\x8c\xa2\x1e\xde\xf0b0(2&lt;QJ\x10\xbc^\xaf\x00H\xce\xd6\x8aH%I\xcd\x96iu\xae\x0f\xa9\xfb\xb4\xd5\xfb\x0e\xc3\nA\x8e\x07\x15\xb0\xc4 \xa8\xd0G4\x11\xe3(\x13o)\xb2,Y\x96\xd9\xb9\xba?\xbd`\xab&amp;\x0f,Z\xd38\x8e&amp;\xad$\xde\x12\x85`\x10\x7fR\x14\x89\x87\xcd$p\x11\xb2\xce\xd5}\xe9E\x85NL\x8d\xe7\x82\x02\xa3A\x9f\xa07\x88\xe6\xb1\x82(\x12&lt;\xcdj6\x15\x19f\x93\x15\xf0!\xcb\xac\xd6\xf5=\r$u\xd4CHy\x05^\xe2@%\x90\x11\x84\xcd\x82\x10\x8b\xa5eEb8\x86H%I\x08\x0e\xf4\xb3\xd3j\x1f\xdd\x07\x17ux\xc3s\x9c\xd7\xcbA1Z\x84V\x84\t\x96\x0f\xda\xcd\xa4\x19\xf0\x90\xc4\xe7y\xd9.\x05\xc9\xfa\xd0\xf9d\xa5\xa8\x13\x85e\xc5 \xcb\x10\x95\x00\x13$D$\x1e\xe0.Q$y\xca\xd1\x00cp\x81lH\xfd^\xa7\xfd\xccq.\xea\xb0C\x0bl\x10Y@s\x98@P\x05ER\xc8\x07\x81\xf8^\x10\x11\xf5D.\x89\x97!\x98\xd4j\xe1\x88\xbc9q\x98\x8b\n])\x02\x80X\x86$\x847H\x0c%\xda\x89\x05e\x88\xd7\x89\xd9\xa4j\xb5j\xe1\x81\x9dBVz\x96\xd5\xeb\xdc|\xe5\xac\xbf\xa8\xc3./\xc2T$E\xbdD+\x96g\xd0?r\xe0H\x1aO\x84B*\x98U\x8d\xd1\x18\x1e\x9ch\xa5$+\x16\xe6q\xd9Y\xac\xaf\x9aHr\x96\xe6\x84[\xad\x82\x1cC\xa3\x850\x16\xcbq\x84\x96f4\xc5l\x9aH/\xa8\xa6(\x98F\xd9\xeaY\xad\xee\xa7\x90\xb3=\x948\x06\x00\xecg\xab\x8b\xe4\x93=\x88\xe8#Y$D\xf2\x8e\xd5\xa6*\xe1\x18\xd7\xaa\xd0\r\xd6\xefu;\xedeg\rO:e\x1b+(\x92#\x9a%\xe7!\xc1"\\\x9c]0\x1e\x8f]\x95&amp;\'\xb7\xbd\xb3J\x98\xc6\x9b\x87\x94\x93\xe9\xa0\xa1\x83\x0cCNA\xf1\xf6\xe2\xfd\x8ce\x87D\xc6\xdeo\x88`j\x15^\xc3\xcaC\x8b,\xc0Z7\xdd\xab\x90\x83=\xec\xe2\xdf\xd2\xc8xo\x90\xb3\x81\xd8\xe0g,P\x81,\x03{A \xac;\x98F\x15\xb1\x0b]I\xc4Z\xadN\xc79\xb9\xa8\xcb\x1e\xcd\xa1\x8b\x02\xac\xc4\xda\x1a\xd9\x92\x11\xef\x0b\x19\xbb\x00\xa2\xa9\xaa\xc13\x86ZU5\x86#\x0b\x99\xac)\xc8\x08\xb3\xed\xd4\xa1\r\xc3\xcbd\x95\x11\x11N\xec-\x94H\x06\x12&gt;\xcbp\xb7X\x994S6\x0c-\xcd\xa5\xc1\x95J\x19i(\x86\r\xd6\xea\xb5\x14\xf3\x1b\x87\xb2\x0b\xa1\x05\xb7\xf3\x0cIr\xf6v\xf3#\x9bVF\x08\xa6\xcbi\xf2L\x03\xabl\xa8)\x94\x8a7\xb3Jt\xe3aG\xc8\xa5\xc87\x97\x0ea\xfd\xaa0\xf0\x0e-r\x1a\xf3_OyE\xe8\x94n\xe4\xf0Hgn\xa9\n\xf9|\xbd\x9e\xcf\xa7Rx\xe5\xc0\x98O\x95i$\x98l\x9e\x84\x1c\x9aCl4\x08\'\x96\xc3\xba\xf59\x162D\xa4\\\xb1X+\x18\x10\xacQ\xa8\x15u\x14\xbe\x93\xf7\xd2\xc1A\x82T^\xe5e\xe4\xbd3\xee\xa2\xa8kD\x03l\x9c\xa1\r\x86\xb3\xe34\x93)\x1b\xe5rN?Hf\x0be@\xe9\xa5d\xa9\x94D]\\$/\x8ec\x95-\x14.\xe7uS\xa1\x19\xa5\xf3\xde\twQ\xcb\xc8R\x81\xc1.j\xa8\x12\x02U\xc8@\x9f\x9c\xaa6\xf4\xe3\xe3l\xa1\xd1\xc8\xe9\xa0\x89\x1f\xc7\xf1&lt;\x8eoo/\xbd\x99Cmnn\x0e\xccE\xf6\xea\x12\xcbIf\xdb\x89\x93\x91zf\xf1\xb8\x1f\xc4\xe1\xa3\x1a4K\x98\x1a\x8dB\xc1Pk\xc7\xf1R!W\xd3\x93\x80\xf9\xf0\xe1\xc3\xd2\xd2\x12\xb9\xbc~\xb79\xe0\x1a\x1b\x18C\x8d\xafF\xf6T\x86e\xac\xce\x91\x13XW\x1a\xd6OZc\xd2*\x07OA\x9e\\\xa1X3R\x07\xdbq\xbdV,\xd9\n\xbd~\xfd\xfa\xdd\xbbw\xb8\xbcz\xf5\xea%j\xec\xad{\xc6\xedr\xcd\xef\xe7qS\xa2\xb4N(\x07z\xd8\xe5Hl\xab\x08LQH\xe7\x00U\xa8\xe9z\xa3\xb8]\x89\xc3Q\x17\x90\n\x12\x11\x1e\x80\x81il\x06\xcf\x99\x99\x85\x85\x85\xc0\xb0?\x925xNv\xa2\x8b\xd4a\x0bg\x0b\xad\xa9\x08\x81t\xa6Q\xcb\x15j\xb5b2\x99+U\xb6\xe3\x17\xc9d\x1cf"4/g^\xdaJ\xcd\xdc\xd6B`\xd6\xe3\t\xf8"\x89*\x0f\xd3\xdf\\:\x10\xa6-\x92\xd8\x9a\x91I\x1b|\xbaF\xb0\x8a\xa5\xf8q\x01=D\x01\n\x9d\x03\xcc\xfa\xfa\xcc\xadF\x0b\xb3\xb3\xb3\xb8z\xc2\x93\x93\x1e\xdf\xce^^e\x18\xa9\xeb\x80\xb9\x1e\x9a\\F\xa4yHe0\xe5"\x11\xabt\x0c[\xc1Rh\xdf\x1b\xdbM\x80\x9a]_\x07Q\xc0\xe3\x01O\xd8\xbe\xf6M\x86\xdd\xab\xbb\xa7\x90Ks "\xa8gJF\x10y\x04U\x06},\x90\x16\x1elW*\x07[K`\xda\x04\x12\xacdk\xb4&gt;\xfb}8\xfc\xe2E\xdf\x8b\xa1\xbe\xbe\xbep\xdf\xe4d8\x1c\xf0\xef\x9fb\xd3\x91Zw\x7f\xafA}#\x89\x02\xcb\x1bF\x19\x93X.\x14\xf5br{)\xba\x15\x8b\xbe\x99\x1b\x18\xfb\xdc6\x0f\xa9\xc9\xc9?\x0f\rM\xa3\x06\xa7\x87\x86\x08\xda\xe8\xca\xe3\xe1\x8f\x89\xa6Y\xb5zw\x7f\xfeP_+\xa2\xc0\xf1*\xb8RiCO\xeaz|\ty\x19\x1dw\xb9\x87\x03\x0b\x0bS\x81\x80\'&lt;\xba\x82\x1az\xf1b\x90P\xfdizpp\x90`\xad\x8c\xf6?\xf6\xef\xd5O-\xab\xe9\xc0\x9d\x19\x9a(r\x8c\x8aJ\x95\x1b\xc9R1Y\x99\x1bp\xb9|\xbe\xe1\xc0\xd4\xd4\x14\xcc4\xe5\x19\xb5\xb1n\xa1\xa6\x9fN\xf7\xa3\x1eO\x85\xfbGG\x16G&amp;"\xf5\xa6i\x99Ww\xdf\xc4?\xc0\xf2\xe9\xb2\x9a\xab\'\xb2\xe5\xc6E\xb1\x18\x8f\x8e\xfb}\xbe\xb5\x1f\'&amp;\x08\x17\xcacS}\xbf2Hjd\xe4\xd1\x93\'k\xdf~7\xff\xfcq\x7f\xff\xd3\xc5\x91\xe7\xa7y\xb3\xdat\xe0\xc6\xec\x12\x01\xc1\x18\xa9\xfc\xfeFDm\x94j\xc9\xad\x8d\xf1\x01p\xf9}k\xbea\x14\x9a\xb8\x82\xc1\xf3\xac\xac\x8c\x8e\xf6\x8d&gt;Y\xfb\xcb\x0f\x7f\xfb)\xb2\xffq\xf5\xe3\xea\x8f#gg#\x13\xfb8\xaf\x1d\xc0\xc2]\x0f6u5\x9f\xd8\x98\x1a\xc8\x97\x8b\xa5\xca\xc6\xc6\xfc\xf3\xe7\xf3\xa4\xfc~\x97k\xcc\xed\x1b\x86\xdf\xa1Yx*0\xbc\xb6\xb3w\x9a\xafb?=\xdd\xdb\xdb\xfd\xf8\xed\xa3\xb3\xc5\x91\x8f\xa7\x96b\xdd}\xcc\x93\xc3\'\xad\xa9\xf9\xdd\xb7\x9e\x99\xf3Brg~\'\x12\xd9\xdf\xb5k?\xb2\xb3\x13\xdd\x18w\x07l.\xf7\\4\xba_\xc7\xc0\x96S\xf9z6\x9bH\xec\xae\xae\xfd\xf3l\xf1\x07X\xdet\xa0\x89\xa16\x9fVS\xf5\xfdaO`.\x16\xf5\xef\xec\'\xb2y,\xc7(\x15\xff?\x11\x8b\x0e\xb8\x81\xf5x\xca\x85\xd4\xc8\xe6\x0b\x85b\xe2&lt;\x16\xdb\xda\xd9Y\xddY}\xfe\xf3\xd9\xe2\xcf\xa7\x96\xe9\xc0\xa1HQ\x9f$\xde\x00V`\xc5\xe3\x1e\xd8\x88\xec&amp;\xb2)\xec\x80\x18\x03\xb2+\xe7\x8a\x07\xb1\xa8\x0bGM\x7f?\xb8b\xc7I\xbd\xa8\'\xce#\x91\xca\xd6\x86\xcb\xe7\x9f\xff\xe3\xd9\xd9\xa3\x7f9\x84\xf5\xb5\xc4\x13\xb5\xd0(\x9f?\x92 \x82\xd4\xf0*\x14r\r,^:\xc1r{\xfa\xa7\x07\xc3\x0bs\xb1\x8b"6\x0c5u\xba\x1b\xd9\xaa\xcc\xb9\xdc\xbe\xef\x16\xcf\x16\x7f1M\xeb\xee\xf7f\x8a:R\x18\xb4+\xb2\xe2Yp\xcdG\x0e\xb2zV\xd7\xe1\x9dl\xb6\x9e\xc7nZ(\x11\xac\xd9\xc9\xa1\xe9\xc9\xb1\xad\x03\xbd\xd0H\xa7Y\xcb2\xf2{\xfb\xb19\xf7\xc4\xc4\xa3\xb3\xa7\xbf7\xadj\xfb\xce\x7fy\xa6\xa8K\x05\xde\xcaC\xada\xbf\x7f~\'v\xa0\xeb\xb8{\xc0\x9d\x05o@\xb0\\-Y\x19\x1f\xc3y89;\x10=\xd6k\xd9\xaa\xca\xb5Z\x9d_\xf2\xc5Xe 05B\xb0\xd0\xc4\xa3\x7f\xdcu\x1b\xa9C\xd3\x8e\xad\xc0\xb0\xdb\xbf\xe6\xdb\x8a\'\xf5\xf3\x84*K\xa2\xd4\xab\xd6\t\x96\x1e{\xb3\xf9\xea\xaf\xb3\x93\xeb\xaf6+\xc5Z\x02\xe3Pm\xfe\xfe\xf7\xf3\xecA\xd45\x15\x1e\xf9\xed\xec\xa7\xa6e\xeem\xae\xfc\xfb\x8e\x7f\xbb\xa1B]\x1eC\xb7;\xec~\xbb\xb6\xe6\xdf\x8a\x97\xf4l\xd9\xfc\x0f\xaf\xe6\xf7\x9a\xc6\x9a\xc6\xf13\x82\xbf0B/\xa2\xa8 \x88\xe2\x85\xd7*(Ltfd\x0c(\xc6\x9f\xa3u\xc8:2\xea\xc4\xd0\x18\x93f7\x870"\x92\xb1P\xd6\xb6a\x85\x13\xba\xdd\xee\xc1n\xd7\x98\x13\xbc\xa8u)=\xec\x85a\xb3l\xbd:W=\xb9\xa9\x11\x92\xbb\x85\x14N\xfe\x83}^\xbb\x7f\x82\xe61\x81L\x10\xfc\xf8\xbc\xcf\xfb\xcc\xf7\xfb\xcc\xfb\xe6\xf7\x0f\x1e\xfc\xe1\xcd\xceS\xb0?\xbb\xc7\x07 \xb98\x86\x08\x85\x92g_ww7\x0e\xf7\x9e\xd1\x85$\x95\xa4Lf\xb9\xfad\xf0\xf1\xcd\xcb\xa7\xa7aF\xbaT\xce\x19\xeb\xa7\x07\x80\xb5\'s\xdb\xadN\xd7V\xf39\xd8\x8b\xb7_^\x82A}{\x08\xa2\xf0\x10a\x85[-\x82\tQ\xae"\xa8\xe8\xe3\xcd-!g\x95\xc9L2\xb4A\x8d\x83\xa3\xb7/\xf7\xb2\xdc\xf8\xb6;O\xac\xce\xca\xda\xdaO([{%\xb7{\xd9Y(\x82\x84\xd8\xde?\xddi\xee6O\x9b\xbb\xa0\n7\x9a\x9b\x90\xadr\x8b\xe1\x89\xb2@\x9f~\xfdz\x06\xd7B\xc8d\xc2L\xc1\x80\\\xa3\x1e\xbc\xfb\xf2\x86m\xf5\xc7\xb7\xe2\x1c\xc5M\xa778\xfa\xf4\xf7\xdf=|\xf4x\x07\xb2\x150\x15\xda\xc7\xcd\xd3\xe2V\xbc\xb8y|v\xf6\x02\x92\x05fq\x13\x8cO\xb9\xc5\xe36\x7f\x99\xa2\xda\xf0\x7fd\x16\x85\x90?\x08k\xa8W\x0cN^\xbfu\xf3R\x7f\xaeX\xca+\xbf\x10?|\xf2\x18j\xab\x04\xda\xcadI\xb6\xdb\xc5b\xb1\xb9\xfb\x029{\xa4\xea\xbf\xe9\xf90\xc7\xe38\xd3*G\xb3\xc9d\x12\xe4X6[\x0e\x11r\xb9Z\xa17\x0e\xfe\xf9\xc5,\xe6\xe7\x8a\xd5Yc\xae\xa7\xfdH\xf3\xf0\xf1\xc3\xbd\x92\xdf\xed\xc6TTr\xab]\xdcDX\xb3aC\x05)\xfa\x83H\xb9\x85\xb0x"\x1c\r\t\xe0\x19\xa3\xe0d\x81\xd4\x86k\xd4\xa8\xb8\xbe$\xf2y\x1e\xb0\x94\xf3[\xc3\xc9\x87\xa9\xc8\x95\xb7\x9e&gt;\xdc\x91\x05\xdd2Le\xa1\xb2\xed\xcd\xe3\xe6.XD(*\xe4\xa4! [P[&lt;pq\xa0\xe9!g\xc8\xceB\xcf\xd0\x80\x00\x03\xac\xd7\xb8\x98\x97\xe6Z\xf2\xa3\xe1?&amp;"\xdf\nm?\xdcq\x9b\x83&amp;\x15`Q\x07\x9534\x069F\xfe\x1e\x05\xf2?-\xae\xcf06\x9e\x81\xb6j\x030\x14\xd0bA\xda\x1b\x8d\xc6w,\x03X\xfd96\x88\x0e`\r%&gt;ZN&gt;\xdd\t$\x82\x18`\tT4RAV:\x92\xcd\xce~\x90\x03\n\xfb\t\x86\xe1m\xb8\r\xa8\x10\x17\xc7\xc1%\xcfK\x1ec&gt;\x7f\xb2z0\xec\x8b\xa24\x9a#V\xef\xf6\xc7a\x9f\x8f\x1e\x84\xb7k\x89\x84\xdb\xa4\x02\xb0h\x16\x02-\x13\xfa\x83\x12\x84l\x16\x9c"G\x00\x04\x8ek$\t\x9c\x86\xcd\x06P\xb8\xe4\xf1\x88b&gt;?0\x927\x17\xe7\xbc(\xf6\xe6\x87\xa5\\\xeb\xff8\x1c\xf3\xe1H9\x9e\xc2\x13n\x194I\xd5l\x0c\x12\x86\x17\x94PVPQ\x11!4\xc3\x92$\x8f\x8d`p\x8f\x07\xc0p\xb8\xf0\xe4Qt\x8d\xab\xe4\xf0\xe2\xf6\\\xca\xcf\x0f\xab\xd3\xe9\\]\x00\x96?z\xdc\xce\xc95\tp_2\x0c\rA\xd0\xb4!\x0c\xdd\x00\xea\xea\xa0"\xb4B\xa8\x90$Q\xb4\xb5Z}\xe8_\x04\xc1\xc8\x11U\xb7\x8b\xb0\xb4dk8\x1c\xf6\xbb\xf3\xbc\'vF\x93\xeb)\x13\xf9p\xb7\xa1J\xa85\x01\xb3[f*\x95Bh\x14\x12\x16\xca@U\x81W\xb8\xe5\xe7\x08\\\x82\x05\xf3\x10}\xa8*\x1b\xd7\xe2 k\x90*c~\x907\x92\xb9\xd6\xf0\xe2\xfa\xfcj\x9eM\xbe\xd3\x11/&amp;\\\xe5\x97\xbb\xe7BB\xed\x91\x07\xccvh\xf6AY\t\xcdg\xa0;\xa1\xd1V\x98\x0b$\xcc6\xc9\x93\x87\xdc\x88\x12\x0eUen\x81\xa2\xc0=\xa2q\x16\xa4/&lt;\xbc\xbe\xe8_\xcd\xd5*\xc2^\x1c\xb6\xae\x7f\xb9\xfb\x8a\x19\x14j\x85B\xbfl_6\xd8e\x901\x01\xf5\xcc\xcaf\x98Ih\xccA?\x91\x80\xde\x84\x16N\x92DI\xce\x85ak\xca\xd5j\xe4\xafW\xeb\xa9h\x8b\xe8\x8b\x97\xf3\x14\x82\x1d\xe5\x8a4\x99|\xf8z\xb7\xeb\x8f\xe9f\xf6ty\xd9`EX\xe1(t\xf7\xca&amp;\x85\x9b\x97\xd0\xfc\xaf\x045\x9f0\xabB6Q\xf4@u\xf9\xe1\x8e\xa8\xd7\x83\xbd\xd6\xe9\xeaVN\xec\x8a\xf9\xd1\\\xf5\xa9Ry9\x1e\xfe\xeb\xee\xee,\x14[F\xdf^o\x05\xcb*\x03\xaa2j\xa3\xd9H\xe5\xe0l\xb7HA\xf9C~B\x91H\x0bjL\xc4\xe56\xc2\x8c\\\xda\xb2NKz\xeb:\xa8\xfdn\xb77W\xb9\xd5\xe9\xacICX\xc3\xcdH\xce0K\x97U\x86A\xf3R\x95Q/\x85\xfe\x10=8&gt;;.n\xc1\x15\x1a\x04\x12\xb3\x1e\x8a\'\x02r\x9b\x99 \xec\xcb^\xd2\xeb\xad+P\x9f\xb8\x9c\xf3\x14\xa2\xa3\xbc\x1a_\x9f\xb5\xb3\x9b\x16XE\x85Zm\x97\xa9,*\x95\x00\xdd\x01u-L\x10\xa8$\xdc\xbbAF\xa8\xdc\x86X\xce\xeav\'\xf0\xe5\xa5%3\x1e\xe0\x82\x81\x80\xd7\xab\xd3\xd6\xd5\x08\xab7g\xe7\xd3Q\xf6\xf8q+!\xf7\xcbR\x06(\x15\xad\x01\xb0 \xca\xd0S)\x8b\x8a*T\x93\xd58\xb2\xab[U_\xdd\xd7h\xa4|\xb9X\xdd\xe7\x92%p\x823#,2\xe5\xc9\x8b\xf9\xcb\xf9\x8f\x03W\xbacF\xa31\xbbc\x06\x9dN\xe7\xb5:-\x90-XE\x8a*\xb0l5\xbe\x1f\x87\xa8\xa5?\xd6\x9e\xa5SGG\xbeT\xa3\x01p\r\x97Un\x03,\x92\xd4\x91\x19\xd8\x9c\x97\x0bx\xec\xa3\xec\x89\xbcd\xe3\x821\xad\x16\x92\x95q\x82\xbaQ\x99@x\xd5\xe2\xb3i\xc4~\xbcVm\xf8\xd2\xb5\x1a\x9d#\xb5ZC,\x96\x02.:\xe5\xd503,m\xbd{5Z\xcc\xc3\xa8Q\x1e\'Z~\'p\x91\xb1\x8c\x0b\xb8L&amp;U\xb5\x16G\xe3\x11`\xaa&amp;-\xce%L(\xb9\x13H\xc6\xac\xeab)G\xda\x17\xf3B\xd5{I\xad\xce;XY\xe9,\xe8I\xe7\xa8\xcb3}gN\xab#\xe13\x9d.Lf\xb2\xc0\xfa\xa1a\x11K\xbb\xb0\x92\x9f\xe3\xfaD\xbf\xcf\xf3\t34\x06\x9d\x95\xddgSV\xbd\xdcK\x02\x16y\xb5\xb8#\x1a\x9d\xde\x15\x7f.@\x8b\x00,\x97\xd3\x81-\xc9\x1c\xe9\xda\xce\xf6N\xcd\x95\xcbaH&amp;G&amp;\x93\xc9t*\x08\xd3\xecMD\x90\xc5_\xb4\x1d\x19\xbd\x02ai\xc9\xcbE\x9e\x1cY\x19]^\x1a\x0c:m\xcc\xe7\x82XZ\xa2k\xfb\xdb\x87\xfb.U\xf6\xe6\x06\xe9\xf9_+\x95\x9b\xdf~\x13b\x82%\xfe\xe2\xf9\xab?n\xb4i\xabB\xff\rk\xb4H\xac\x0e\x90u\r\xb0&amp;)\x07\xc4R\x86\x8d\xef\x1f&gt;\xd9\x03\x0b\xd4l\xc6k\xf1\x8fG\x9f\x1b\xef\xde\xbf?y\xbfz\xf2\xf9\xcb\x93W\xdb\xc7I\x17\xb4\x86\xcc\x0c\xab\xf7\xddB\x03nC\x06\xf8\x94:\xe2r\xce\xb0\xfe\xf2\xe8O\x8f^\xbd~}\xf4\xb7\xff\xbc\xff\xfe\xfb\x1f\xe0\xf7\xfd V\x9a\xdel\x950\n\xcb,{3\x19x;\xb9\xda[\xf0i)eo\x15\xbe&gt;\x99\xf29hG\xc6R\x8b\xef\xefn?\xff\xf3F\xf3\xb4\xda\xf8\xf8n\xf0\xc3\xa7w\'?\xffw:9?\x1f\x13z\xbb\xdd\xea\xd5{3\xa4\x97\xac\x93\x83E\x1f\xe2\x82\xbe\x1a\x8bi\x81\xca\xe1H;\x9d\x85\xdaV1\xb9U\xb9\xbe\xb9\x01\xed9\x1dO\x7f\x05\xa2\xf3q\xbf\xdfOh\x14r\x85\x17\x02\xd60V\xaf_-\xfc,\x9e\xf2\x12\x16\xa5&gt;\xc3r8\x0b\xd5B\xb2@\xabB\xd3)J\xd1,\xc6}\x1eQ\xa95\x1e=P\x91\x99L\xa6\xde8\x1a-\xfe$\xdeH\x1b\x8b!,\x9av\xb8,I\nn\x8dN\xb3\xbb4\x9d\x0coo\x11\xd5\xf8\xdf}&gt;\xa1P\xe3\x1a\x8f\x0e\xa8\xac\x99\x8c\xcf\x97\xfe\xbc\xb6x\xac\x1et\xf0T\x8aN\xcff\xf2\x85\x82\xcb\xa5\xc2\xec\xf6\x92\x90\x85u\x9c\x00\xd5x\x0c-\x04l\x98\xc7\xa3#\xa1\xe0\x01+\x9d&gt;\xb9\x87\xe3\x94=M\x0c2\xe0`\x0b\x90.\x9a\xad\xd2\x18\xe6\xb4[\xb1l\xb1\xb8Y&lt;\xc8&amp;\x0bU\xd6G\xaa\xc1\x91yt\xb1\xba\x16\xad\xa1#\xdd\xf8\xeb\xe2\x8fy*\xd7\xa4R\xdd\xe7s9h\x17\xcd\xb2l\x8dUa2\xb7\xb5$\xb4\x8bE\xd0\x11,\xeb\xc8\x19\xd4(Yz\xa8t\xd4H|\xe9\xf5\xf4\xe8\x1e\xb2\xb5"\x96|\x0e\x9f\x03\xa0h\x87\x83\xadUAI\x80\x82\x06)\x08Z\x90\xc2Jn\xf9\xecy\xa2FO\xd6\xeb\xa8\x04\x81\xaa\xd1\xbb\x0f\xac&lt;\xe7@\x1b\x91f\xd3\x90\x8aZ\xb50\xe3B\xa7\x1eJ\xa1\x10\xb8\x1f\xf4\x98S\xf4h\x02\x90\xadz\x03\xde\x99^\'\xef\x07\x8bq\xd23\xb0t\xa3\x91^\xaf\xb2\xa0\x08M&amp;\x0c3\x85\xfc\xe0\xab\xc1K\xa3l\xc95\xde\xfa\x11\x08BD\x95\xd6\xdd\x07\x962\xcf\x98\xa1g\xc1\xed\x87\x05\r\xba\xfe\xac\x8at*f2\xa1s\x06`\xf7y\x1b\xc3{4\x1a\x05\tX\xf5\x06`=\xf3\xa9\xef\x03\xab\xd3e\xcc9\x9a\xf5\xa5`\xe77\x00k\x9dv\xcaL\x98i6\x91@\x03-\x1b\xc7\xe1\xb8\\\x8b\x92\xd5H\xa7\xd9\xf5u\xbb\xe6&gt;\xb0\xbe\x03,w\x0e\xb6\x9c\x0f&gt;\x15a\xb1\x0e\'T|\xf9\xdb\xb9\x8c\xa0;@p\x84\xd9\x80\xa8&gt;\xa5!\x9e\xf9\x02\xf8\xe8~\xb0\x82n\xab\xeb\xff\\\xeb\xeb\xeb\xb54\x8dQ\xd9lT\xa0,\x98\x0c\xb6\xe2Rp)\xf5?^\xee?\xb4\xc9;\x8f\x038I\xfb\xa4i\x9b\xfc\x91\xe3IH\x13\x9a\x85\x84\x9c\x94\x0b\xf6 )\x1aR\xd3\x1f\xa1-\xf1Bi\x9b\xb6a\x89\xc4\x8bi\x11!k\xaa\xe12\x8e\x85e\xda\x12,dm\xa9\x89c%^\xbd\x94\xbb\x15\xe5\xa8\x8a\xd5\xfe&gt;\xdciDg\xd7\x82:\xee(\x03\x95\xaaxr*C\xf4\x8e\xed\xe0\xde\x9f\xef\xd3)\x1b\x83s[\xdbo\x8b\x16-\xf8\xea\xe7\xf3\xf9~\x9e\xef\xf7y\xbe\x8f\x0e\x07TWQW\x08\x96\xb1\xfa\x8b\xada\xd56V\x05\xac\r\r\x8ev\xfc\xabs\x04\x8b\xb4\x86=o\xffFj\xad\xa8\xb0\x06\x0c\x86v\xec/\xa6\xa1\xc2_\xa5R\x16\xe7\xd6\xb0P[\xb5\xdd\xd8\xec[\xb0\xb4\xa1`\x11+\x1eo\xf5H\xbb\x03\x014\xb4v\\1?\xe8\x9c\x9e\x86j.\x95\xcav\x9a\xc0\xfarKfbm#\xb2\xe8\xf5"6\r{\xf6PL\x00kE{G\x9f\xc2\xdct\x0c\x11\x0b\xaa\xec\\*\x9b\xf2\xf2FnKX\xe8[5\xc4\nX\xd0\xe8;)O\x80\xc5S\xf1\xb8\x0f[\xc3i\xeae\xd3\xd3,X\xd9T6Vapr\x1c\xf7\xa7][\xc1\xda\xb7\x17u\xed\xb5X\xac\xa1H\xbcsO65\x97\xcd\xc6i_\xbd\x87\x958F\xe7\xf4\xdc\x1cT\xa9\xac\xcfbR\x95r\xdco7\xff\xcd\x87\x93\xcd\xef\xed\xab\xdd\xad!\x96^\x1a\x89\xc5}\x08W*\xdb\xdb\xd3\x13\x8d\xc5\xb2\xb1x*\x16\x8b\xe1\x0f\xa0\xcafS\xf1\n\xac\x9b9\xa3\xf1\xbd\xcdo\\\'\xb1\xeb\xaf\xad\x91Z\xad\xc8\xa1&gt;\x14\x0e\xb7F\xe2\xd9\xdeXt||&lt;\x8a=\x7f\xac7\x1a\x8df\x19\x14{\xed\x06\xafS\xc5\x81\xb5\xf3\x93-X\x06\x12K\xa4\xc7\xfaO\x0f\x97\'\x1c\xa3\x9b\x10\xd1\xe8\xf8\xa1\xa3\xe3=\xd8b\xe3+\xc8\xd8-\x00\x9f\xd7\xa6B\xb0\xf0\xf1W\xf6\x8e\xe7\xc9M]4\x13K,\n\xe9\xadz\x9f/\x12\x8a\xb4NP\x8c\xc6G1\xc6\xf1+\xd9h\xc4\xe2\r\x16\x03O\xc1\xe2\x8c\xces\x05W\xae\x0c\xec\xda\xc4\xc5\xe0I\xb0\xaa\xcbkjD\xd2P\x08\xdb\x0b\x8f\xc7\x13\xee\x9a\x98\xe8\x8f\x1e92~\xa4\xa7\xa7\xe7\xc8(;\x9a\xdb\x13m\xf5X\xbd\x06\x13T\x94D\xe7\xd9$\xc6\x89+\x9b\xb3\xa4g\xaf\x02\x17}\xd1W\xddQ\x83\x85\x8c\xde\xe3\x89\x84B\xf5!\xcfH\xd7D\xcf\x91W\x03\xa4\xdeX$\xd4`\xad2\xf0&lt;cq\xc6\xf23\xf9\\\xe6L&amp;Y\xb8\xf1\x07\xae\xd9\xab\xca\xbb\x9a\x9b?\xf9\xb2\xaf\xcf\xb8W$\x15\xe9\xeb=\xe10=\xcd\x14\xe2\xd5\xd3\xdf\xdf?1\x11\xebj\x8d\xf8\xac\x16\xb1X,\xab2\x81%\x84\xab\xe3V\xfaf:=}f\x13\\\xcdW\n\x8e\x9dx\xf7\xdc\xb9LS_\xdf\xbe\xbd\xbb\xa5z)\xea=\x12\xc1R\x19\x8b\xe5Hx$L\xa1\x93Z,\xde\x96:\xb9\xcdd*7\xc9L*\x95\x84\x9d\xc43\x1a\xe5\xe9\x95\x95\x95k+\x19\xfb\xb1\x8d=9R4p"y.\x93\xc9\xe4\xf3\xcf\r\x94\xc4\xdd\xec\xdei\xbd\x07\x12\xa9H$\xb5\xea\xd10\x00\xb2\xc9\x95JI\xb1D\xa5r\x9a\xaa\xca\x9d\x9c\x04\xacj\xa8\x8c\xca\xfc\xca\xda\xda\x8b\x17C\xc9\x92\x82\x8d\xac/R\x01\x95\xcb\xa7WR\xdd}\xfbj\x1b\xbb5t\x03\\__\xaf\xa7\x85\xa9\xc6\x8a]\x99\xd7&amp;\x97\xc3\x84A,:\xbd\x88\xfcU\xef\xe3\xaai2\xaa\xa7\xb3\xab\xe3\xa3\xd9\x8c\xb6\xe0\xca\xc6u\xfc\xa2]\xc7\xa0\xca\xe5\xf27\xd7^L4V\x1b\xcb\x1b\xbb\xc5\x1a\r\xe2$e\xebx\xac\xe4\xa5\x8c\x05T\x19T\x12N\xc5\xce\x9cr\\i\xa9\xb1\x9a\x8e{r\xce\xc6\xd0\xc4\xe8\xa1\xd1\xbc\xbd\xa0`\xe3\xd2X4\xa0MB\x95\xbe\xb96&gt;:RC,\x9a\x8atk\x1e\x99\x14\t_Z\xbc\x06\xb9D\x02\x16\x91T\xc6r#\xa1Jw\xa2\xb4\xc02:;j\xea\x8f\x7f|(m/,(\xd9\xb0\x13@E\x05\xf6$T+\xabG\x0fM\xd4k\x9c\xce\xaa*1%\x91\xdd\x03\xd7\x13\x8a\xb2i\xb5\xc8x\xd4\x95\xb3\xbc\xaa\xbcMeD\xb0J\xd9\x80\x8e:WGm\xcd\xdb\x07?\xbe\x8a\xe2:ql\x83\xfajQ\xf3\t{"\x97^[\xfd\xdd\xa1~O\xbd\xb4\xaa\xaa\x11\xd1\xd2H\x85!\xd8\xea\x99\xcb\xa4\x92\x80\xe5\xe4\xda\x9c(\xf3oY(z\xea\x11\x1d\xb5\xbb\x0f|H\xaccg_&gt;\xdc\x10\x18\n\x1e\xac\xb5\xd5?\x1e\x1d\x1c\xa9\xd7\xeb5\x8d`\x89ik\xb8\x0ec\xc9\x94\xa2\xece`\xa9\xe8\x00\xaa\xd3(\xe4P\x08\x17\xd2\x08VG\xcd\xc8\xfe\x15b]N&lt;y\xf2\xb0\xf9g\xbf\x0e\x8e\x82\x7f\xd7\x9d\xf8l\xf5\xe8\x87\xfb\x8f{ \xd0\x88i\x10\x8b`\x00Q\xaf\xc0\x8c\x14Y5U*\x95\x12.,\xfd\x9cFIqi\xe9\xab\x80!z\x1d\x8d\xbf\x1f\xa4h\x15&gt;\x9ay\xf0\xf8\xf1\x93\x97?\x13VT4\x90\xd4\x825\xba\x7fp\xb0\xcb\x83\xd9G,\x8a\xd6:\x8c50\xd2\x89,\xe2F\x9eTt\xf6\xd4\xc9Q\xbd\xbf\x82q\xd5\xd5F\xb0\xd2v\xb0.?r/\xdeQ,\xdd\x7f\xf0\xd3CF\x97\x9c\x81\xe4Y\xb0r=\x83\x83\xa7\xc0\xd2\xb0`5R\xb8h\x87\xafaM\x82\xf6\xd5"\x8b\xac\xaa\x9c\xc5\n*\xf4w\t5S\n\xd5\xba\x8f\xeb~g0\x87\x99Xx\xf9\x9f\xda\xf9;\xae\xca\xa0\xee\'\x87\x0c\xa8\x97\xf3\x93\xe93v\xb7{\xac\xf7\xe0\xa9\xe3\x07&lt;z\xb1\xd7 \x13\xcbdb\xb1\x97\xf2\xc8z\x96\x9eP"\x8d\xd8`r*\x95\xbc\xd3\x89h\t&amp;\xee\xdb\x02\xa3G\xc3*\xd1\xf1\xe8\x98\xb6\xb0\xb0p\xe6o\xc9\x1bw\x16\xfc~\xb3\xd9\xf5\xf8\xfeW?\xba]\xd0\x7f\xfa\xf0\xef\xc9\xff\xccN&gt;\'V"\x05\xd5\x81\xb0^l0\xc8d^\xb1L\xa8/\x8d\xc6\xc2*\x9f\xda\xbcXf\xe2\x95tyF\xe1\x97\xd2\'sq0\xa1\xcd\xee\x94\x98\xeaOe\xdd%\x8c\x95y\xb0\xbc\xa0\xf0\xfb+\x83\x8a\xedw\xee\x7f5\xf0c"\x86\xefm\x06\xea\xe9\xd3\xa9\x1b\xcf\x88\xe5Nwa\x84\xf5^\x9b\xcd\xc0\x9e\t\xaf\x0f\xb8\xe8\xf80\x16\r2\xb0x\xa5\x84\xae?\x1268NE\xe1\xa2\xeb\xd1\xce2I |\xf0\x1fv\xb0Jf&gt;:sz\xd9\xa50\xfb\x91\xc8J?\xc1\xde&lt;\x95\x02jv\xf6\xe9\xf0\xd7\x17\xef\x11\xcb\x9ek\x1d\xe9z\'\x1c\xb2\x18l6\x9b\xc9\x80\x1d=L^\x8bX#f\x85\xaf\x81\xc9\xc4\xab\x94\xec\x99\xf1\xba\x0c*\x01E\xcf\xb7y\xeb\x01\xe4\xb0\xa4\xb0\xa4d\xe6\x0fy\xf7\xe2v\xe4\xd0\xefR\x04\xcd:\xd7z\xc4\xde\x0c\xf5r\x1e(\xb0\xa6\x16swo\x11+\xe1\x1b\xe9\x1a\t\x87\xac\xde:\x9b\xdaF\xa7\xe4)\x97\x94L\x0b\xae\x88"\x8d\xd7\xa4\xe6\xb1|\x10\x82%\x84\x8bV\x10\xccTVV&amp;1\xf8\xfaSnmI\t\xb1\x9e\xbb\x17\x17\\\xba\xa0\xd9\xef\xd7\x99\xcd\n\xff\xf67K%\xbe\xe1\xe1\xfc\xd2\xf0\xec\xf0\xf00X\xdf\xe4\xce?\x87\xca\xee\x9e\x1e\t\x87#\xbe\x06k\x0b=\x06@\xc0\x90J1\x1dK\xa7\xc7\xe9\xa8,\x83\x89\x965\xb4\x86 \x12\x15\x18\xc7\x8ce\xa4*\x96[[{\x90C\x0c\xede\xb0&amp;\x17\\(-\x84\n.$\xf2\r`\x98}\x0f\x9f|\x1d\x04i88&lt;;;5\x9f;\xff\x0c\xa5e\xd7\xe6I\x15\n5X\x10/\x01Fy\x94\xc9\x84\xa2\xc7\xa5\x9a\x97\xa3\xe0\x85\xb2R\xb2\x1c\xb2\x15\x05=\xf6,\x93\xb4\x84&amp;z\xc7\x88\xa5\xd5&gt;\xba\xceX\x10\x91\xcb_i\xaeD"\xff\x0f\x8c\xa6\xdf\x83E\xa0\x86\x87\x83A\xb2\x81u\xe1^\x82X\x89N\x9f/\xe4\xc3*\x9d\x16\xa0r9J_F*\x99p\xf8@j1\xa8\xd5j\x9e\xcdD\xc4L)i\xc32p=Veeu\x96p\xffU\xe4\x10\x1f\xf6g\x8c\xe5\xf7\xfb\x15\xc1\xef\xb8\x00{\xb9\xeb\x07a\x88T\xf3\x83\xc5)\xa62\x9b\xe1B\x12\xc1\xba\xcbX\xf6[!v/\xbe\xa2\x9d\xb1\xe4r\xb5I\xc6`b\xba&lt;\x8a\xac\x01\xacNy\x9e\xc1\x94\xac\xd9S&gt;\xc9\xf4\xe7\xb2\xa6\x96\x86\xaeh\xce\x0e\x94V\x9b\xbcw\x1d%O,\xbf\x02\x19T\xb8\xfc\x8aJ\xe6\xc2\xe7\xe3\'?t\x15g\xd3o*\xc8T\x95\x95\xc4z\x8ah\x8d]\xb8\x90I\x80\xa5\xcdTTT8\x1c\x15\r\x8e\xf7\xeb\xd46\x8a\x97\x9a\xb5\n\xa4\x11Cd\xb1\x04Z\xd4\xbc\x8dT,\x97\x8cU\xccPM\xea\xf6H\x7f6\xa1e#y\xf7/\xb9\x04X:\xe6B\xdd\xbb\xfc:\xb8\xfc.r\x11\xec{\rV\xa8t3S\x99\xf1\x13\x98\xcdf\xd4\xd7\xd4\xfc\xe9\xdb\x9f\xe6\x85p\rY\x1d\xed\xf4p\xcc!\xa4\x11.\x93\xba\x0e2\xe1\x82$\x0bP\xe3\xe2y\x93\x8a\xb5/\xd4{S1PP\xc9\x11\xac\xfe\xcf\xecLe\xcf\\?\x9f9\xbd\xbc@\xe1b \x05D\xeb.\x01\x86&gt;\xf6\xbdJ_63U\xd0\xacP\x90+\x88\xa2\x07\xeb\xda\x8e\xe9\x04\x0b\xd7\xdf\x1dVG\x80\\\xed-\x065\xcf\xea\x0b2\x94\x18X\x16\x99\x01\xc3\x86h9\xdbx\xbe\x8d&amp;!&amp; UVSS\x9d#2\x91M\xe0\xe7\x82\xca&gt;s\xfdn\x02\xac\xf9K\x8b\xcb.\xb8t\n\x85\x0e\xbf+\x14,^\xac\xf6\x1f\xdf\xffn\xa5\x9b\x05\x15P:r\x05\x83\x95\xc1\xd9\xa9\xc9\xd3+\x87\xaf%\xe0Be\xdc\xb2\xb6\xb3\xa7c\x8e\xf6\x80\x9aG\x85\x0b\x113\xd1\x8c\xecfo\xb0@\xab\xa4$\xb61UYq\x13PM\xf2@C&lt;\x95\xcf\xac\xac\xa4\xc7\x12v\xfb\xa3_\xdes_\\Z\xf8\xefJ\xfe\xe2\xa5\xc9e\x04M\xa7\xf0\xbfvmg\xe3u\xa8PT@Q=\x99\x15:\xfa\x19\x90\xf7J\x05j\xeb\x9b\xd37\x0f\xdfN\xb0p\x95$\xdfo\xa7\x93\x17\x0e\xb0Z\xd4r\xc6\x92\xdbxC\x95\xac\xbb\xbb\x9b&amp;%"\xc6\x93\xab\xbc\x8dM\xc0\xa62A\xf5\xc1\xd0X2\xf9\xec\xadm;\xfe5\xb8:w{\xdb3\xf7\x8d\xa5\xa5\xcf\xb7}z\xe1Z\x9ad.J\'\xc5\r.\x97\xeb5\x8b\xf2wi\xe9\x15\x8aT:\xa6\xd2U2V\xfa\xf3\x0bc,\\\xda\x92L{\x0b\xb28\xd4NYd\xb3\x11\xa9\xa4\x96O\xd7"\x16-\x03+/\x9eXB\x02Q\xeeC\x19$o\xe6\xa3_\xfd\xe2\xad_\xef8\xfc\xbf\xb6\xcd\'\xb4m3\x0c\xe3\xde\xec\xcbL\'\x88\xd4B\x98a\x1f\x14E\x82\xcfe\x91X\x83\x19\x86\x8d\xc1\xb6\xec\xa0C\x19\xbb\rrK\x0f\xbem\x17\x9dL\xe6C\xec\xd3\xe8!\x0ef\xb4v\xc0\x83\xb1!L\x13\xa3\xda\x0b\xa4\x818\xa6`\xd7uK\x1c\xe3@\x0f\xdeX\x08MJa#K\xc7\xd2?\xdb\xf3~\x9f\xec\x86m\xaf\xe3\xd81\x96\xf5\xd3\xf3&lt;\xef\xfb)\x8e\x93\x1b,~\xf7\xeb\xf3\xbf\xfej\xe8\x96&gt;&amp;\xc3\x14#\xb0\xb3X\x94t\n\x95p\xf0\x92\x90\x8a\xb0\xb0\x8c\xbe\xfd\xf64\xc6\xe9\xb3z\xb9\x86\xcc{\x90\xcbq\xb2\xbbs\xef~N\x05\xac\x80\xeb&lt;\xdc\xc4B4s\xee\xf5\xf9y\xa4\xfe"\xcd\xae\xcf&gt;\x93\x13k\x96&gt;\x9c\xb0\xebF\xa2\xb1\xeav&lt;\xae\x1a\xcc\xd6l+7\x18,\xfe\xde\xd5\x99i\xea, \xeb@3\x02\x1bc\xc9P\xdd\xba\x14\x94\x94\nZM\x0b\xbe\xfb\xcf\x9f\x01k\xa5\xdf\xf8ia\xe5n\xef\xc6\x0f_&gt;X^\xde%\xaa\xb99\x1a\x9e\xa2\x08\x0c\x0b$\xc4\x82\x93p\x91f*-\xd8\xe4\xe0\x85\xc9\xcf\xdf_\xa6\xb3\x06\xf70\x15\x8f+\xb6\xadi\x8a\xc6L\xcb2m\xdb\xd6-\x931\x80\xe9R\xb3\xcd\x9f)\xf2\x92+$&amp;\xd5\x08\x8a\xbauD5\xfd\xc5\xed\xfb\x1b\xc3\x87\x7f\xdf\xba\xd7\xf1Z\x8d\xe3\x1f\xbf\xfbv\x901\xad\xc6o\xd9du\xf7\xdd\xcb\x97\xe7\x89\x0b\xe9\x9a\xa4\x8f(\xbdq\xe1"\xd4\xa2hMMN\xc1V`\x89h\xbdy\xe5\xf2\xb5j8,Nf \x96f\x13\x97\xc6\x18n\x99$b\xba.Dk\xf4\x1f\x94!\xd9;A\x85\xfe\xbcyo\x9aF\xd4\xf4Y*&lt;2q{skx\xfcd\xf0\xd1\xad[\x1bwo\xfc\xbex\xfd\xfab\xceb\x16q\xc5\x8a\xab\x97\xaf^\x9d\x97.b\xa2bH\xcd\xe2v\x12Lb\xf5!,\x11\xab\xc9\xb9\x8f\xaf\xb9\x80\x8aD\x85\x85\x8a\xad\xeb\x84\x056EQ4\xcd\xb0A\xa4[\x96\xcelf+\xacr|\x17\x92\x05X\x01\x14\xd5D\x10v\xba{os\xabw\xdcM\xa4\x07\x8b\x9f~\xf5\xcd7\x83\xeb\xa8\\&amp;\x9dI\xe8z\xe5\x0e\x16\xdc\xea\x95\xab\xaf\x9d\x13\x03\x02X\x93\xf8\xad\x15!"\xe9\xceC:q\x1a!\x0c\x1cS\xb9;\xa9\x14\x92\x85\xbdk\xc4#\x8b\xdc4M+!\x9c\xd4\x19\xd3\xec\xca\xb1\xf0\x92\xb0\x005\x1d\x94\xc4\x82\x81\x13\xf7n\x0e{\xfdn\xc2\xb22iT\x0e\x19\x1d\x0cr\x99D\xc2T\xe3\x8c\xfd\xb2\x8cIQ\\}\xed-\xa8s^pMA\x1c\xfa\xe7\xbf7\x89\x88\xb8\xb0\xec@?P\x15\x05U\xacY\xa0d\x19\xe4a@\xa5(\\\x84,\x91\xb0\x80d\x1b\x86\x86/E\xab\xf4\xf3\xde\xd6c\x81\x15\x10M\x8c\xa8(R\xadZ&amp;\x8d\xc3\xd0\xcd\x80\x8c\xd82\x16SR)\xc5h\xff\x91\xa4\x13\x94\xea\xe4\xb9Of0&lt;\x89\xebB0\x0b\xc04+z\x13\x0f_\x19k\x15[\x05\x95\xaa1J\x91\r\xeb\xec\x80\xcc\xd6%\x16I\xa8\xaa\xc2W\xc5\xa8\x1c\xdf\xf16\x1e\x87&amp;^A\t\x0b\xe1^\xbeU1\x13\x99\x8ci\x18\x06\xd3\xb1!U.\x97K\x9b&lt;\x9eJ\xa9\x9aBr\xe1\xec\xb78;\xff\xc1\'S\xf4\t\xd4\x8b3\x18S4\xcf\xa1\xd4{\x1fb\x8c\xcd\xcc\xd0\x9f\xaa\xbe\x96T\x08\x16,4\x00\x85l\x8b\xb4\x03\x8c\x03\x05\xad\x98\xc8\xe0\xe0)i\n\xb04&amp;\x1a\xb5\xd2Z9\x00\xd6\x19(\x12\xaa\xd7\xaf0=\x91\x06\x157\x90Q:\xa0L&amp;\r\x13\x13\xb6\x1a\xc7QsU=\xcc&amp;\x93\xc4\xf5\xfd\xfc\xfc\xcc\x14\x96\xc4\xb9\xb9\xc9\xd9\xa0\xbeG\xad\xce\xe2\xb2{\xed\xa7\xaa\xa4\x12\xc1\xe2$&lt;%\x9c\xc8\x102\x03\xa2I\x0f\x05\x16\xe9\x05\x1d5\xd1\x0cF\xedA\xe8\x0c\x14\x84\x82{\x15hd\xa5\xd3\x96\xa1r\x9bI\xacD:\x87h\x99\x86\x1a\x17T\xf1\xc2zV\xe8\x15Y\xc3\x12\xb4\xba\xba\xb6V\xad\xbaEQK\xa2\xc2\xb8\x16\xb3n\x18\x05\x0b\x0f\x0b\x94wU\xa1\xc4\x1b\x84\x80\x14\x91^\n\x04\xc4k[@Q\x85\x8bA\xe8\xf0\x8cv\xe8\x15\xd4M\xea=\x8bqI\xc58\xa7\xb9BX\x19\xa2\xc2s\x87\xf6e\x00\x00\x03-IDAT#\xc0RU\xce\xe3\xf1\xf86qE\xa3\x91\xb0\xeb\x16A\x17\xfeoE\x92I|#\xacu\xa2\x8acSL\x04\xce\xb9\xe0C\xc2\x0cE\xb3Ma"aQ\xb4\xc6T\xa0\x0c\x8d\xa1\x86\x0f\xfa\x8d\x04\x9c\xe3R+\xcem1\xedhS\x04+\x87\x0c\x18\\\x15\xaf\x8b]H.\x00\xc1\xa4\xff\xe5\x8a%%\xddR\x96\x82E\x05\x934Nbs\xf0a\xa6\xda\xb60\x02}\xa4\xaa\x02K\x16\xdd\x93X\x12\xaaFMAy2\xd1\x84\xd0\x8a2\xca\xd8X\xac\x84\xa9\xd3\xc1\x1a\x84\x053\xb7W\xff\xcd\x05\xe3\xa2\xd1\xf0R,&amp;\xc5\x8a\xd2p\x0fG\x8a\x87)`\xa5\x04\x96\xad\x91\xd8\x01\x00\x96G\xcb\x02\x97I}\xc9\xf9\x18\x8aJ\xd3B\x80\xba\xbd\xd9\xe9\xf5\xc5`\xc3\x8e\r\xa2\xd2\x05\x15\xe6\x89.\xa8P\x19\x12\x8b\x0b\x1f\x04Vj{9)}\x0c\x13Wxi\xaf\xea\xee\xed\xb9\xc5=7\x1b%\xb1bD\x85Z+\x8c\xb0\x14\xf4\x19WK\'\'\'~\xa9T\xe2\x9a\x8d\xd3\t`\xe9\xb6\xb0\xef\x0c\x16~\xb6CX\xf9\xb6\xf2\xc7\r,\x02\xd0\xd3\xe0LPA4ZG\rc\x84\x95\xb6\xba/\xfb\\3\x14.K\x89\xa7\x8e\xaa\x14{RJ`\xed\xee\x01k\xc1\xdd["\xe9\xa2\xc9\x80\xaa\x88.\x94&amp;\xaa\xb6N!\xf0\xf3\xeb\xe5r9\x9f?m\x9d\xb4\xad\x0c-\xd9#\xe3FE\xc8F\xe8\xf6\xcdz\xaf\x8bI\x8b\xa6`\xd4\x83c*8j\xe0\xc4MR%\xcc\x17\xde\xb0\xc4\xb1\ttD\x7f"\xfd\xa9\xc3\xac\xe4\x82\x8f@\xd9]I\xee\xed\xba1\xc0\xa1\x03\xe9],\x1a\x0e\x91\xd5\xc2(Y*c\n\xf7[\xf9\xe5\xaa\x8b5\xc2]k6Ok\x19\xabQ\xf1}\xbc\xac_2F\\~/\xef+Jh\xab\xfe\x10\xed\x87I\x05\x9b\x98\x98oD\xc5,K\xdeH\xac\'\xdd\xca\x8b\xce\x8f\xfd\xfda\xcf\xa7\x85LP\xa5\n\xeb\x02K\x04,\x12\x06\x8d\xbb\xb7\x90,\xban4\x02\x0b\x89\tk\xe1\x91\xa0\x82\xe9\xe8 \x9b\x9f\xe4\xd7\x9b\x8f\x9a\xcd&amp;\xce\n\xddG;;\xa7O\x9e\xf6\x86\xf5z\xefe\xbe\\&gt;\xf5a\xb0\xef\xfb\xbc\xdf98\xe1~\xe8N\x8db\x03\xef,\x1aRc*D\x91\xd2\x0f*`=\x1d\x0e\xf7_x\x9d\x8d\x85\x85\xbcO\x8d\x80\x19A\xdel\xd3\xb4\x97&gt;F$\\DZ\x17\xa3)*\xdem(\x04R\xa9\xaa\xa1\xdb~\xbe\xf9\xe8\x11p\x9a\xd9\x98\xdb&lt;::\xday\xfa\xe2\xce\xd0s\xea\x9e\xd3\xe9x\xe5\x93\x93|\xdd+\xb7^v\xea/\xf7\xeb!\xdf\xb20q!\x93\x1c\x9d$\x12\x02F9\x0b\x02\x9fN?\xed\xed\xd7\xbd\r\xaf\xdeq\xf6}\x8a\x1c\x17;\x02\xdaQVr\x81I\xd0\x05%\xde\x96\xa1r\xb7%\x15\x0c\xc2\xb8a\xad\x80\xca\x95T\xc0\xea\xd66\x16:[I\\;N\xbd\x93\\\xc9{\xc9\xad\x03g\xcbqB\xa5J\xa5Tj\xb7\x1b\x15\xdcA\xb5K\xa5B\xa9]i\xb4K\xb8Wi4\xba\xddn-\xdf\xaf\xf5\x9c\x8e\xe7\xd5\x9dV\x9b\x9eQ\x18\xd5\xf6\xfa\x88*&lt;\x9a^K4A\x85\x81\xb8\xac\x07\xcf\xc3\x16\xd8\x85\x7f*\xb0\xd6\x8bQ\xb7\xb9Cu\xd8\xef\xee;\xde\xe6F\xcc9\xf0\x9c\x98\xe39\xad\xd2~\xd2\xf3\x9c\x83h\xfe\x1f\x84\x85\x97c\n\x17C|\x00\x00\x00\x00IEND\xaeB`\x82'</t>
        </is>
      </c>
      <c r="M167" s="3" t="n">
        <v>45492.67675925926</v>
      </c>
    </row>
    <row r="168">
      <c r="A168" t="n">
        <v>595598</v>
      </c>
      <c r="B168" t="n">
        <v>1974</v>
      </c>
      <c r="C168" t="inlineStr">
        <is>
          <t>Léo Jardim</t>
        </is>
      </c>
      <c r="D168" t="inlineStr">
        <is>
          <t>L. Jardim</t>
        </is>
      </c>
      <c r="E168" t="inlineStr">
        <is>
          <t>GOL</t>
        </is>
      </c>
      <c r="F168" t="inlineStr">
        <is>
          <t>GOL</t>
        </is>
      </c>
      <c r="G168" t="inlineStr">
        <is>
          <t>GOL</t>
        </is>
      </c>
      <c r="H168" t="n">
        <v>188</v>
      </c>
      <c r="I168" t="n">
        <v>1</v>
      </c>
      <c r="J168" s="2" t="n">
        <v>34777</v>
      </c>
      <c r="K168" t="inlineStr">
        <is>
          <t>Right</t>
        </is>
      </c>
      <c r="L16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113598a-1a96-46e8-a886-29f659994356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5\xb4AM\x00\x00\x02\xfdPLTE\xff\xff\xff\x01\x88\xd5\x02\x01\x00\x01\x80\xce\x01{\xcb\x05\x04\x03\x01\x82\xd0\xfd\xfd\xfe\x00y\xca\x01\x8a\xd7\x01x\xc8\t\x06\x04\x01\x84\xd2\x01}\xcc\x01u\xc6\x0e\x08\x06\xe5\xc1\xb8\x13\x1a&amp;\x01\x8c\xd8\x01\x87\xd4\xe7\xc3\xba\x0e\x13\x1e\x01}\xcd\x11\x18$\x01n\xc0\x16\x1d*\x00q\xc3\xe9\xc6\xbd\xe5\xbe\xb5\x11\x0b\t\xdf\xac\x9b\x15\x0f\r\x01k\xbc\x19!.\xde\xb5\xab\x10\x16!\xdf\xaf\xa1\xed\xc9\xbf\x0b\x0f\x19\xe6\xb5\xa7\x1b\x12\x0f\xe4\xbc\xb1\xe0\xb8\xae\xe4\xb8\xac\x08\n\x11\xd4\x9c\x8a\x1e&amp;3\xdc\xa9\x96\xcc\x9c\x8d\x01\x8d\xd9\xa9\x82x\xe1\xb4\xa6\xda\xa4\x93\xcf\x99\x87$\x1d\x19\xb3\x88\x80\xb7\x87y\x1f\x18\x14\xe1\xbb\xb1\xe9\xb8\xac\xaf~n\xd5\xa1\x8f\xd9\xab\x9c\xd2\xa7\x9c\xc8\x98\x89\xe1\x9c\x93\xb9\x83r\xbe\x8e\x7f\xb1\x85x\x9fxo\xd4\xa4\x96\xd9\xad\xa2\xe3\xb1\xa3\xc9\x92\x80\xfa\xfa\xfb\xdf\xbe\xb9\xa5}s\xbf\x8ay\xef\xcd\xc3\xdb\xb1\xa7\xf7\xf7\xf6\xd0\x9f\x92-!\x1d\xf0\xd0\xc8\xb6}j\xaeyg\x9fm]\xb4\x80q\xc9\x9f\x93\xcb\x96\x85\xc1\x97\x8b\xc3\x8e\x80\x97oc\x9erf\xb6\x8e\x84\xdd\x97\x8d\xd6\xab\xa1\xed\xc0\xb6\x90g`\xbd\x93\x85\xc5\x8e{\xda\xa8\x99\xdf\xa1\x97\xf1\xf2\xf5\x92eV\xe6\xbc\xb1\xd9\x9f\x90\xcd\xa3\x98\xa4rbU==6\'#\xcb\x93\x8d\xc9\x88}\xe9\xc9\xc2&amp;.9\xe4\xac\x9fqI?\xc5\x93\x85\xc4\x9a\x92.\x18\x14\xe2\xa6\x9b\xc4\x81v\x02\x93\xddS6/\xa8zl\x01\x90\xda\xab\x86\x80\xbe\x87t\x8f]U\xabsc\x96tm@%\x1f\xed\xee\xed\xe6\xa1\x98\x98iZ\x9e}x\x80_Z\xe8\xd6\xd3\x87f`\xc2\x8e\x8a\xd3\x9d\x9cdKH\xcb\x98\x95\x02b\xa9\xba\x91\x8b\x88]R\xbezn~PE\xbd\x87\x84b?8\xec\xa5\x9e\\DC\x90nf\xda\xa5\xa1\xb2\xb6\xb9%\x13\x0f\xcc\x8d\x87\xed\xba\xb2\x9caU\xd2\x98\x91\xe7\xb0\xa5v~\x84\xa5ZQ8\x1e\x18\x19\r\t\xbf\xc5\xc8/9C\xa5wi\x9dde\n\x18)\xd1\x93\x8b\xd0\x92\x80\xc8\xcc\xd1\xdb\x8e\x86\n&amp;A\x8c\x94\x9b~UN\xe3\xb3\xacB/)_irpVS\x04Q\x8c\x90WJ\xed\xe0\xde\xe5\xc5\xc2\t0SU_h\xe7\xea\xefx\\X?&lt;&gt;\xa5\xa8\xa3\xd5\xd7\xd6N-&amp;\xd9\xdc\xdf\xdf\x90\xa0\x01e\xb4\xeb\xb2\xac:BMnPN\x066`\x04I}\x05&gt;kvvr\x83A8\x99\xa2\xab\xadk]\xce{\x88FNZ\xb9pf\xf5\xed\xeb\xea\xa9\xa5MLI\xe2\xa9\xa9\xc2p~\x01u\xbeks}\xa8\xae\xb3430a6.\x0b\x1d4\xb0zyljf\xdd\xe1\xea\xb2\xbb\xc5\xbe\x80|\x96LB\xd6\x87\x97\xe3\xe4\xe3\xabmlXZW\xd2\xb1\xae\x03Z\x98}\x88\x92\xc1tlcb^\xe7\x98\xa9\xd6\x88|\'\'(\x89\x8b\x87\xcc~r\xc7\xce\xdb\xbadY\xad_e\xc4\xab\xa4\xd6\xc2\xc0\xde\xb0\xbar74\xae\x93\x90\x88nl\xd5\x9e\xaa\xc3\xbd\xb8\xdc\xcd\xc8\xea\xb6\xc0\xba\x9e\x9b\x9a\x8c\x8a;^j\xba\x00\x00 \x00IDATx\xda\xdc\x97\xdfK[i\x1a\xc7\xe5\xc0!\x17\xe7\xe2\xfd\x0bN\xde\x9b@\x0e\x88\x1849\x93\x83\x89\x95hc"\r\x13\x0f\xf9\xb1\x99\x8c\xb0t"\xa6N&lt;\xbd\xf0H\x06"M2\x910\xd0\xb1L6\x1b\xdc\x1aF\xda&amp;\xe2B\x0bM\xc3\x92\xab1\xc6\x1b/R\n\xbb8\x17\x8d\xac\x17\x83\xb8\x17\x82\xde,\x0cK\xaf\xf6\xfb\x1e\xdb\xfd\x0f\x8e\x96}Z\xcd/!\x1f\xbe\xcf\xf7\xf9\xbe\xcf;4\xf4\xff]\x16\xcb\xe7\xcd\xf6\x19\xe1Y\xe66\x0e7\xae\x9f\r\r\xcd\xcd}\x16H\xe1\xf0\xdc\xd2\xee\xe9\xe0b{c\xe3l\xb7\xbb\xfd\xfe\xea\xea\xd5\xad\x83\x85_u\xaf^w\x9f\xefK\x02\xb9\xec\xf7\x8f\x07\xb2\xac\x08d\xbf{\x16\xbeM#mt/\x06\x8a"\xcb\x94\xa3\x8a$*2\xcfq\x9cH\xa9|\xdc=\xb85.P\xf5)\xc7\xf1\xa2$\x12\x91\xca\xb2,)\x92 \x10\xf9\x92^\xaa\xe0\xba\xadF\xce\xbd:\xa5\x1c\xcf\x13B\xa9 P\xaa\xa82U\x14BeU\x04b\xff\xc3\xa1\xe56F\xefl\xfb\xf9&gt;\x81V\xbc`\x94HEI\x96\xa8,\x81\x89\x08\n\xd5\xfa\xdbg\xb7\xa0\xd4\xc1\xd5\xa5\xc0\xf3&lt;\x07\xb1\x04\xc3Q\x8aL\x18\x9a"J\x12\xe1\xf0\xab}\xba\xbdt\xb3\x19f\x81\xd9\xbb\xca\'\xa1D\xb4\x10\xaaI\x9aL\xd0O\x85\x12\x91\xf0\x02\x95\xb4\xf6\xe9\xc1\xcd\x8bu\x0e\xa9x\x0c\x1d\xa5\xec\x97\xc8q\x82\xda\x96E\x81*2\xfc/\x08\x92\xa2\xb5\xdb\xcf7nT\xae\xf0\x87\xe7\xe7\x10\x0b(\x84HH\x07\x81P\xe8E5\x8d\x12I\xd2\x90[D\x90d\xad\xad\x0e\xba7I5\xd7\xbddnB\xe3\x04\xc2\x8b\xea@\x168B\xe02ES\x88\xa2h*\xc6R\xc0&lt;j\x9a\xba\xbf}\x83iu0\xe0\x0c\x97\xf3D\x14E\x9e\xaa\x9a\x84\x94\xc0;\x04\xcf$I\xd5\xa8\xa0\x88\xe0S5U=&gt;\xb8\xa96Z,\xaf\t\x9b&gt;\x06%\xc9\n\x151\x83\x02\x0f\x9b\xc3\xe7\xe0\x82\xd7e\xc4\x04OE\xa5\xdd\xd6\xd4~\xf8\xa6\xb8v\x07\xc6\x04"\x0b\xa8\xa4\xe2\x08\x84\xcf\x99\xbb\xd8\\\x12M\xa5DQ\x15E\xc2\x98\xd2\xb6\xa6\xb5\x07\xdd\x1b\xc1B\x0b\x8f\xd1/\x81\r\xa0\x0c\x87S\xa4\x94 \xc8\x12\x01\x1drBR)x\xf1\x8f%\x99\xac\xc0\xf8\x83\xf77\xc0e\xb1\x1c\x9cc\xea`(\xe6s\x81\xc9F\x8c\xb9C~\x02\x08\xc1 !\xb48\x11\x83\xc9\xb1\x97\xb0\xd8\xf1\xa1\xe9\\\x16\xe4\x95\xc0\xcc\xcd\x0e\xe5\xebad\xc9)\n8\xac1\x8c\x94p\xa4I\x18\x911\x11\xc6\x19\xd0T\xbba\x8b\xd9\x1b\xf5\xd9\xa9(\xe0{\x81\x82.\xc2\xe6FH4\x9bL3`\x82\x98\x17&gt;f\x07\xc7\xa0\xf0\xa9@O\x0f-\xe6\xee\xab\x96\xa1\xddK\xe3\xbb\x9bu\xa9\t}D\xa9I\x0c\xa7\xa3q\x82\x81x-\x11\x93\x8b7NL\xf6Z\xeeZ\xc2\xe6.9\x96.\xdbd8A\xc9\x8a\x040M\xa9^o6\xeb\xf5l\xbdI\x98\xc5\x04\xf6\xe6\xc7j\x82\xfb\xba\xcf\xc2\xf1\xeeR\xd8\\k]\x11C\x0b\xacT\xf8\xdel\xa3\x97\xcb\xf5r\'zU\xef5\x1a\x8d,\xf8\x1a\xd7\x95eU*eECC~\x7f\xd7\\\xb5\x96\xfa\xac1\x9cP\x97\xc4f\xb6tR-\x94\xd3\xe9tya/S\xaeTu\xbdV\xd3u\xbdj&lt;9AU+z\xaf\xcev\x0bN15$\x0ck\x19X\x82\x01\xd5\x89\xedy&lt;\x9e\x99\x197\xca\xb3\xee\xf1db\x0b\xb1\x85\xbd\xbd\xbd\x85r\xbaPH\x97c\x99X\xe5\xa4\xce\xfe~\xb0\xbdd*V\x17\xab\x15\xf32)\x9d\xbc\xed\xa4cQP\xc5\xdd\xd3\xd3\xd3\xc9d*\x15LL\x87\xa6\xdd\xee$^\xbag\xe2\xf8$\x1a\x8df*\xb9&amp;\xcf.B\x87\xe6qY\x86\xce.\x00\x85X %\xbd\xd3\xd9\x89\x15\xf1\xc5\x1e_(\x95J&amp;\x12A\xd7\x08+\x97\xcb\xe1\x98ZK&amp;\x93!\xb7\x8fU\xb4R\x12EY\xbb\xd86\xef\x82f\xb1\xb0\x8d\x94P"4\xf4\xce\xceN,S\x04W$\x1f\x82N\x0e\x87k\xc4\xebtz\x9d^\xaf\xdf\xef\x9f\x07X*\x84\xca\xe7\xe3\x99V\xa9)\xab\xea\xc5\xfb\r\xf3\x9a\xd8\x87Q\x80\x95\xd5\x0b\xff\xa3\xf2\x85\x82.\x97\x97\x95st\xd4\xe9\x1cu.N\xceN\xfa\x1d\xc1T\xca\xc0\xcaG2\xd5,\x0et\xf5\xe2\x95I\xae\xb7\x0c\xcd\x9dc\xd8\xb1\xc7\xd4\net\xd0\x80\xca\x87\x12\x0e\xaf\x7f\x11:\xf9\x81e\x14\xb0&amp;\x17\x1d\x89D\x8a\x91\xa5|\x9eX\xae\xc9\xb8\xae\x96\xcc\xc2\n\x1f\xb3\xa3\x86\xf6*\xe5\xb2\xe1+H\x95L\x8c\xf8\x17Q\x93\x93\xd6\x8fT\xfeQ&lt;\xb7Mz]\t(\x96J\xe5}\x9eJI\x91U:\xf80g\x92\xeb\xc3\xa70&lt;U\xf5r,\x16\x03T\xc4\x97J\xb8F\x9c\xa3\x93V+@\xacV\x03\x0c}\xb4Zm6\xdb(\xec\x1fD\x81kO\xcf*\x8a(^\x1c\x9a5\x89\xdb\x8aH\xa5\\\x1aTE@\xe5A\xe5\x82\xa5\x80\x04\x1e\xebu\x8d\xe2\xf5${\\\x1eq\xbdD\x05C\xbex\xba\x8d\x8dQP\xbbfE\xfd\xae,\x8aL\xacL\x06\xb9\x90O\x05\x8d\xf1cH\xa3\x9f\xb8F?\x112,\x97\xeb\xa5+\x01\xb9\xd67\xeb\n\xf6D\x93\xdce\x19z-\x12\xa9\xdd*g2\xd1x(\x99\\K`\x04\x97\x97\x97\x9d\x9f\x94\xfa\xd8\xc7k8\'\xb8@\xf62\xc8\xdc\x85\xab\x07\xa1\xcf\xcd\x8a\xd4&gt;O\xe5\\\xa5\x9c)z\xe2\xd3k\x89Db\xc4\xcb"\xd4\t\x9c\x00j\xd5\x1a\xb0\x05\xe01\x9b\xf5\xbb\xef\xd0Lp\xb1xE\x17=\xe5\x9c\xa2\x10rjRtY\xceyE\xcdU0\x85q_r\xca\x95\x80\xe1G\xa0\x16\x13k\xd5f]\xb5\x07\xec\xe3v{`u\xd5\x8a\xff\xcee\xa4+\xe3\n\xa6|\x91XM\x95E\xde\x1c,\xcb\xd0\xd21\'\xc9\xb9B\x06\'\x8e{z\xca\x01\xef\xe0{\xf1\xf5l\xf2l\xab\xab\x010\xb1\xb2\xadB\xb3Q\xbc\x8f\xccgX\x88T]UE\xde\x9c\xbb\x99\x81E\xea\xb5Bf\xcf\xe3\x9eI\xce\xcf;\x1c#\x06\xd6\xa2\x8d\xc1@(\xd48{\x1c\x1f\x0f\xac\x8e\xc2s\xcb\xcc_\x89`&gt;^liu\xc2\xf5-\xe6\xc5)"&gt;\xb6\x1e\x8f\xc7\xa1\xd6\xbc\x83\x9d:p\x96\x8d\xe9d\xffX\xc3\x13\x13\xc3\xc3v\x9ba.\xef\xb2+\x98\x08\x86p0ju\x89;_2M-^\xaa\xa53X\xad&lt;\xbe5\xd6D/\x02\xde6n\x0bLL|\xa2\x02\xd4\xc4\x83\x07\xc3\xe3\xe36\x0c\xa3\xd7\xcb"\x15\xe7uUS\x15\xeex\xc3\x1c\xac\xb3\xc15\xd6\xde\xfaz\xd4\x97LL\xe18\xc4\xb1c{3&gt;\x0e\x1a\x83\xec\x99}\xe2\xc1\x04\xfb\x19\xb6\x07\xac\xcek\xc7\x1b\xde*\xa9\xd44\xb56\xf69\xbe\x99Kg2,N\xb1\xfb\xadM\xcd\xcf\xfb\xefL\xc2\xef\x01\x83k\xc2n&lt;\x80\x8d\xa9\xc5\xb0\xbc\xcc\xf1\xbeHQo\xc8"w:g\xce\x12\xb1\x04,\x92c\'"\x82kf\xe6\x8b\xe9\xc7_}\xf5\xe4\x0f\xdf\xfe\xf8\xa3\x7f\x11\\?\xff|\x8d5\xfc\xeb\xafo\xde|9;;\x89\xbdb\xc4\x05*_$\xaa\xe3j\xc4]\x84MSK\xb8\xc6\xda\xfb\xbap\xff/\xdf\xdf\xbd76\xf6\xe8\xd1\x17?=~8\xff4`\x07\xd6\xb3g\x13\x0f\xde\xcc&gt;\x9d\x9d\xfd\xf2\x8fw\xee\xdc\xf9\xd6\xe1\xc0\x9e\x9a\x8fD"\xd1\xaaDE\xfeb\xceL\xact\xac\\n\xd5r+++[\x9b[+[+\x9b?\xdc\x9d\xf9\xf3\xc3E\x1bk_\xc0&gt;|\xe7\xc9\x93\x9f\x1e=\x02\xee\xd8\xd8\xd8\xbd\xbb_\xefy@\x15me\x9bD\xe8\x9b\xb8o\x91^\xba\x9c\xd659\xabf\xb3\xc6\xcd0[\xaa\xb5\x16\xfe\xe9~hE\x07\x03\xd6\xa7O\x1f\xdf\xbb\xfb\xc3\xd1\xd6\n\xe3=:\xfa\xdb\xd1\xe6f%\x1a-\x16J\x92`\x12\xd6\x90\xb1\x9d\n\xedtY\xcf6\xeb\xb8\x9c\xe6j\xb9^\xa9\xd1\xc0c\xf5\xaf\xeb\xc9\xc5\xd5U\xbb\xcd?\xffp\xe6~K\xef\x95\xb2\xf8\x83\\\xaf\x9d[ig\x1b\x95b1]\x12y`\x99tT\x9f\x1aX\xe9\\\xb6\xadW\x0b\x0b\x1e\xb7{f=\xad\xe3\xaa\xaa\x17\x16B\xdeEk\xc0:\x92H\x8e\xdd\xaf\xd4J\xbd^\xaf\xd6*TZz\xad\xd7\xa8\xf7\xca\xd1t\x89\xf0|\xdf\xac;\xd9\x05v\xf9R\xba\xd5\xcb\xb5\xd2\x19\xcf\xf4\xda\xd4\xda\x1a2&lt;\x12\xebT\x0b\xb1\x90\xc3i\xb5\x07\xfc\xc1\x90g!]\xad\xeed"\xd3H\x8f)\xf7\xbd\xfb\xd5\\\xa9\x1aej\x99\x86\x85\x9b\x0f/\x94p\xad\x87\xeb\xd9\x15#&gt;\x83S\xc8\x97JEv:;\x91\x84\xdff\xb7\xdb\x12\x91"&gt;\xc06\x8d\x05qq\xd1\xebJ\xba\xa1\xa7\x9eI7D\x81\xe5\x96\x19P\xff\xf8wK\xe4I\xbb\x92\x8e\xadg\xca;\xd5N\xa1\xb5\xb9\xb2\xf5K\xa5P\xccG:\x9dw\xf9\xf9\xc0D`\xf4e\xe4\xdd\xbb\xa2/\x1f\x8f\xcf\xb8\xbf\xc1e\x11\x97\x9f\xbc\xa7P\x8dA-\xb3rk\xee_\xef^\xf4\x9ab\xbb\x12\xf3x2;o\x7f?\xc9i\x1a\x95\xf7W\xaao\x7f\xdby[-\xfa\x1c\xf6\t\xdbr\xd0\xf7\xee\xc5\x8bN\xe1\xfe\xd1\xca\xca/\xdf\xefA\xb8\x88\xcf\xed)g\x0c,sR&gt;\xfc\xcdo\x7f\xdf\xe9\x01k\x01w\xbf\xce\xef\xbdFm\xabT\xaf\xb7\xff\xb3\xf0\x16\xb5S\x8c\xb8\xa0\xd6\xc8\xcb\xd4\x9f^\x80\xf8h_\xa6\x03\xb5\xf6_^\xcd\xef\'\x8d5\x8d\xe3do\xbc\xd8\x8b\x9e\x8b\xdemO/Nl\x9a=\'\xe6\x90\xa9f\xc8\x82\x05d\xc6\xc8:le\xab\x95\x1f3P\xa0\xcei\xb5\r\xd3P(\xa4\x84\xba\xf4 ?%H\xa9\x85tt\x08\xbd\x80`H\xec\x89\xd1^\x98\x9c\x9e\x86xc4`\xe8M\xc3\x05\xf4\x90&amp;\xa4f\x8dVm\xed\x8fd\x9f\xd1\xfd\x13\n_\x8d\x8e\xde\xf8\xc9\xf7\xfd\xbe\xcf\xfb&lt;\xbe33?\xbf1|_/\xb99\xf5\xdb\xa9S\xdf\xff\xb7%\xff\xa9\x1c\xb2\xd77\xe2\x0f\x9f\xdc\xbb\x9e\x15A\x98\x1e.\xcf7r3w\x1e^O\xd46\x96\xd7\x97\xe77\xe2\xe3p\x009a\xd6\xd9\xa8\x1f\x1ezW\x9f&gt;\xb9\xfb\xe2\xd1\x8b\xd7\xf5\xcc\x7f\xeekUn\xf2\xde_O=\xf0\x0c\x06[\x90\xae!a\xc6\xc5\x8c\xbcx4\xe5V\xf5m\xcc\xcf\x8f\xd8\xa3\xd6\xdah\x8d\x01]\xe1\xb1\x18\'\x1c\xd1\xe9\x05\x17S\xca\xd4\xeb\xf3\xb9\xe5\x99\xc9\\u\xf2p=\xb3q\xbfG%!o}\xfft\xd9\xc5t\xad\xb4\x00K\xbd\xcbZ\xf5\x8b&lt;\x96\x8a\xdfo\xa3z\xab\x96q\xb9\xe2\xae\xf8r=\xb3Q\xeaq\xda\xce\x17\xd3\xc6\x1d\x17\x8f\x95i\xd4\xa2\x91\x88\x94S\xc5\x87\x87]=Z\x8c\xbauwy\xc1\xd8\xdc=\xfd\xed\xb1\xcaB\xc0\x92\xb9\x1f\xf2X\xf7\xf5\xd7\xe2\xc3\xa5R&lt;\x1ew\xb9\x18\x17\xa4\xbc\xe4\xear:\x01\x8b\xde\xde\x89\xc7\xe1\xe7\x8d8\x97\xba\x9a\xea\xd72\xd7\x98\x85\xae.\x15u\xef\x9e\xb2\xcb\xb8\xb3{\xe6\xdb\xa7\xabl\xdd\xcd\xdb\xf5#\xd7\xaf\x8c\xf4\xdd\xd7\xf7\xe4\x17\x16\x98\x85\x85.\xa3\\n\\\x88o\x94\xe2\xae\xfc\xb8S,\xb69\x8d;\xdb\xdb\x0bL&lt;\x0e\xbf\x01b~\xae\x86\xceZ\x91}D\xfd&lt;F\x17vN\x7fk\xac\x0eA\xd9\x05n\r\xaf/\xf3\x13u\x0f?\xb6\x1a\xe5\x00\xe5\x93\x1b\x8d;\xa5\xa6K\x95\x1f\xb7\x89\xe7l\xb4|{\xbb`\x04\xe5A0\x7f\xd0\xfc\xb0\xd8\xab\x1c\x99R^\xb8a\xf3\x15\xfe\xf6\xed\xdd\n\x96vY.\xb3~\x9d\xc7\xd2r\xdd4\xc8\x07\x92\xfb\x8c.\xb0\x86a\xc7\xd3sE\x9b\x936n\x17\xe4r\x1a`\xe5\xcec\xd1\xe3\xbd\xbdZ\xc9h\xef\xd9\x01\xdb\x96\xf1\xf6\xb7\xc7Zi\xee\xe6\xd9\xcc\x88\xfb\x8a\xa4\xafOo\xa5\x9dN`\x9a\xf5\xcd\xce\xfa\xf2\x10{F\xa9\x05,\xb1\xcd\xe6\xec.\x00\x16\xc8H;\xd3\xc5\xf3\x03i\xe8\xe9{\xb5}\x12\xe5\x80\x93\xf6\x15\xce\xb5 [\\\x89k\xd6\x15\x08\x05\xe7\xa0\x8aKmm\xcd\x9eH\x0eIr)\xf5\xca\xee"\xb4\xa76\x1b\xef\x93\x9c\xff\xe2\xdb*\xf2}\xf4@\xe7\x18`\xdd\xac3\xb6\xb4|\xbb\x05nu\x0c2L\xbd.\x8c\x91\x80e\x8fT\xb6\xfe\xcf\xe5\xdb\xe6\xa9\x94\x8c\xd6)\x9e\x03*XE\xc8\x1b/\xc02\x99L\xe2\xce\xb3c\xbd\xcaQI&amp;#7\x19\xb7/\xb7\xa0\xcc\xdff\xe3\xeb\xebV\x9dytTd\x8dT\x8a\xc5\x13\xae\xedf\x93\xe9\x81qp\x1c\xbc\xe1\xb3\xe5\x94\x1b}\xc7{avk\xced:#\x1e\xe8\x1e\xeb\xbd\xe6\xd61\x99\xc2\x9c\xb3\x10lA\x07q\x99u\xd5\xd7\xed\x0e3\x0ccV\xcey\xe2\x96|go\xcf\xc5\xb2ym&gt;m2\x9d\x83\x9dH\xf3v\xc9!_\xfc\x1a\x9aLs?]\x18\xeb\xefUf\xa5\xdd\xbb;\xb64\xdd\x02,A\x90aT\xc32\r)\x11)d\x1c\x1f\xf9Y\x9f\xb1\x99\xc9\xec\xc5\x19\x86\xb5s\x00qn\x8e\x96\xd3\xc7+X\x80\xed\xc8Gk\xee\xc6\xb3\x0b\x17\xfb\xbb\xed\xc8\x0f\x17\x9a\xbb\xc6\xb4\xad\x05\x87\x8f`%\x1f\x17\xaa\x85\x0e\xd2\x8d\x89\xf4\xf9q\xa8\x0f\xf2\x02P5\x1a|\xe1T\xb1N[\xbaH\x9f\xa4\xbdP\xd8n\xee\x14|[\xe9\xa2\xf8\xa7g\x97\x00K\x81\x9e\xb9\xc1d\xc0\xaeV`\r]j\xaa\xa4j\x1dII\x80K\x99\xa7i\xa3ko\xbeQ\xadV\x1b\xb9\xc9\xdc(\xcb\xd1t\x9ea\x01\n\x8ai\xa1Y\x02\xae4\x0ch\x9d\x17\xfb\xd5j\xccb\xaa\xb8v\x0b\xb3\xe9r+\xda\xd3 \xeb\x82\xfe\x9c\xcaJ\xdc\x92Q\x91v\xbc\xcb\xd5\xc8\xe5r\x949\x97[|}\x98\xab\xd6\x12\xe1\xea\xe4\xc3\xf9\x1a\x93\x07\xcf\x98R\xc9et\x0e\xd8\xc6\xc6\xfa\x852\x99\xc4q\x1ej\xfe\xac\xefY+\xb0\x04\xe5\xab\x8c\x95\xb3S\x14ERY\x91\xd0.iP9\xb39\xb4\x18\x08-..N\x02]\xa3\x91\xbbs\xd8H\x84\xad\x9c&lt;\x0f\\\x0c\x07\xdd&lt;@\xd9-\x88\xa6s\xcc$\xf6\x19O\xb7\xe6\xe2\xe7\xb65\xcf\xe9I\x92\x9c"\xb3\n=E\x11\x84\xd9\x0c`f\xf3$\xaf\\#WMT\xf1*\x9aH\x849V_\x9b\xdf\xd0\xf6\xabe2\x85B\xa4@db\xd3\xbf\xce\x17\xe8`kf\x9f_\x06#V\x0c\'\xc9I\xe8P\xb3f\x18\xe5\xcd8\xe1\xae\xd6j5\x96e\xd8&lt;[\xabY\xc3h\x02&gt;\xaa@\x16\xceNJ\xd4B\xbbB$\xc1,\x88P&lt;gJ\xd37Z\xb2\x86|\xea\x83\x83\xfb\xefIjf\x91\xc2\xc0\xb4\x19\x12\xfe~B\xcf\xe6\xb9\xe3C\x1b\xaa\x83\xad\x12\xe18k\xa2J\xa0a\x03J\\W\xa8\x15"\x0cf L\n\xf5~\xaex\xb9uW\xc3\x1d\x1d\x9fH\xdc|gJ\xe4vS\x8b9&gt;\xf3{\x8dW\x9b\x9bo\x8e\x0f\xe8\xd9\xadb\xb1\x02=\x835\x91\xc0\x10\x04%)!`),\x16B\x08X\xc5\xd3eA\x0b\xf5\xc9\x0bX3\xa8E!\xbb\xb9\xfe\xfa\xe9\x83\xc3zf\xef\x15\xafM\xd0\xcb\x97/\xdf\xbc\x01\xf7\xf2V\x8c$P\x02\xb7+0\x89BgA\x14\x03bqK\xa9:\x04\xfb^\x02\x9fY$4\x9a\t\xfb\xfa\x93\xbf&lt;\xc8\xec\x95\xd8\xa3c\xaa\x132x\xdc\xdb\x9b\xcf\xe5\x1e\xcd\x18\x08L(rc\x06\x8b!\xb6\xff\xddw\xc1\x16\xbf\x9a\xf49\x89#\xd4\x0c\xa9\x93J\xd5\xb5\xc9\xa7O\xbd\tv\xf0y\xea\xa0r\xfb\xf9\xd1\x01|F"?\xb2\xaf\xf6&amp;\xff}\xf7\xb5[\x87\xe94\x98[\xa4\xd3\xa1_[\xfe2^\x87\xe0O?\x8e\xb8\xa7\xcc\x06\xe9\x84\xc6\xca\xee\xad\x9b\xbf\xbe\r\xae\x04\x83\xcf\xcb\xe5\xcb+e\xfei\xe5\xf6\xe0{\xcf\xbd\x87\x8a\t\x8dFj\x91 \x16\x19`\r\tZ\xae_?P\x04\x965\xe3\x0eGL\xcd1\xcdF\xf5\xeb~\xf0\xf7?\x83\xe5\xf2J\xf9\x97\x15P9\xb8\xff!\x17\xa7/J\'\xa4\x13\x98\x1b\xb3\x08-\xc8\xfb6\xbc\xc2\xf5\xcf\xaf$N`\x94\xd9\xa03\xf4w\xb35HT\xe4\xed\xdb\xfd\xcfA\xd0\x1f\xbf\xef\xbf=:8\xda|\xb5I\xa7&amp;&amp;\xa4R\x0b\x81\x18 Z\xfeO\x826\xe8S2I\xb9\xddf&lt;\xe6\x11v[\xc3\xb5W\x9bo`\xfb\x1d\x1d\x1d\x1c\x1c\x1c\x1d\xbd\x01A\xee\xe9JJ\xa3\xb9\xaaA\x08\x91\xc1`@\xfdmy\xff\xf4\x0f?\x89\xe3Y\x8a$\xfc\xa8\x90\x03.\xc0z\xf7\xee\xe5\x89\xe0\x01\xc0R\x95\xce~\x07$\x0bA0\x8b\xc1\x82y~m\x07\xd6\xd0\x07\x9c\xa0\xb2Y\x92\xc4=:u8\x1c\x8dF*\xefx\x1c`\xfa\xf2\xe5\x00\xbe\xa7\x9eu\xa64:\xd8\x81\x18\x86\x19P\x0b\xf2a\xa8\x1dX\x1d\xef\xa1\xce\xc3\xd9c\xf6"1M8\xe1\x88D*\x95w\'V}\x01\xae\xca3\xe8H\xd5a\x14E\x11L\x84\x1a,:\xbc-\xd1\x12\x08\xf6\xcd\xa4y\x86\xa2\xcc\x81\xa4\xc7\xa1\x13\x85\xa3\x91\x14\xafJ\xaaR\x01\xac\x1b\x7f\xff\xc7\x85\xce\t\x83\xc7\x80bnB\x04k\x88z?\xb7\xe7\x1d\xcf\xcf$43\x14\x15Z\r\xf9c:\x14\xd5EyE"@w\xe9\x87\x1f\xf9\x8b\x95\x89\x98\x015\x18\x10\xe8\xaeQ8\x10\xbd\xc16ae\x03\x81\x909\xb44\xbd\xe4\x85\x039!\x93\xa6"a\xe8d\xf8\x94\xa5.\x01\x95:\xe6\xf1\x83[\x04&amp;\xc2\x08\x0c#\xb1\x95\xf6,bPD\x06x\xadM\x07\x92^\xe8a\xd4\xa9\x08\xf4\x0c\xd0\x95FR\x10,\xf0*f\xf0\xf8\xfd8\xce_\xaf \x04ii\x1b\xd6\xa8yu)\x10Z\x9d^\ryq\x82\xbf\xf2\xb1\xb2V\x8e\x8bF\xa2\xd1\x944\x1a\xf3@\x11E\xbc$\x7fS\x85\xa0\xb8D\xd86,\x95;\xb4\xb6\x14X}\x0c\\\xc9$IU\x81\x8b\x8bD\xb8H\xca\x1a\x86X!~\xbf?\xc9_\xa0\x81W8\xael\x1f\x96BD\x00\xd7\xd2\xf4\xe3\xd5@(IQ\xd5\xb0\x15\xb8\xc0\xacH\xd4\xe0A\x80\xca\x9b\x0c\x85\xbc^\xdc\x8b\xe3\xa4\xa2K\xd6.\xac&gt;\x85]\x01\\\xd3\xd3\xd3KK\xab\x81$\xc4\xcb\x1a\xe6w#\x940\x038\xe5\xf5~\x0c\x84p\x1c|\xc4qQoW{\xdc\xea\x10\x04G\xf5P\xc2q\xf3\xda\xe3[\x00\x06\xd5+\x06ywD\x1d\xe1\x18\x7f\x97\x08X\x1fW!t\xdeP\x92 0\xf5\xcf]\xedZ\xc4\xcf\xa3v\x99\xcc\x82\x12\xd4"\x7fk\xb8\x04\xd5\x0b\x06\x1e\xc8\x14\x1as8&gt;x\xfc\x1f?\xc2~\x08\xf0.\x12\x88\xac\xf3l\x1b\xb1\xf42\x99\xce\x80!n\xfeB\xf3\xf1Z\x00\x07"\xd8\x7f\x9e\x98\x83\xf7*\xb4\xb4\xb4\xb4\xb66\x1dB\xfe\xc7\xcb\xf9\x87\xb4\xb5\x9fa\xbc\xbdI\xd4\x06\r9\xb79\xc6\x93\x1c\x8a\xf9u\xba\x9c\x9c\x05k\xda\xdb{\x03MJ\x7f$U[\xa3\xb7\xde6K\xb9\x12k%\xcd2\x0b\x865\xf7\x8f\x82\x1b]\xa1]\xa1X\x18Eq\xec\x8fpI@\x08\x86.u\xd4\xa4\xad\x13\xb1\xea\x08\xc8\x18\xa8E\xd0?\xca\xbd\xfaO\x8bp\x07\x1b\x0c.{\xdeol\xd9\x8f\xcb\xee\xd6U\xbfz\x14$\x1c?&gt;\xef\xf3&gt;\xdf7\x9e\x9c\x9cj\xee\xb5{|\xc7v\xcb[\x7f&amp;\xac&amp;\xe2:}\xf9\x0e\xb8\xee=\xb9y\xfa6\x05\xd5\xe9\xdb#\x7fEl\x0c\x0f\xdf{~g\xa4\xf9hso\xc0\xe39p\xecG\xbf\xdc\x1d\xac\xb6\x8b\x97\xae7\x85Q\xc6\xe6\xb3#\x97\xef&gt;\xef\xef\xefGW\xde\xb9\x8b\xe8\x7f\x82\xee\xec\xefG\x7fb\xde?z\xaa;\xe19\xe8\xb1\x1f\xde-\xac\xaf\t\xab)r\xf2\xe8\xd9\xb37GF\xee&gt;\xeag\xd7\xd3\xd9\xf5i2\xdb\x93\xcb7O7\x0fbv\x08\x07=\x9e\x83\xf6\xc3-\x7f\xdb\x15\xaaV\x86\x15\x8e@\xadS\x08\x03l\x8e\x14\x15\xc3\xc3\x0f\xee=\x7f\xf2\x84d\xa2p\xef\x8dD\x12Q\x97\xcb\x05\xb5Z\xdav\x05\xab\xfa\x9b\x8b\xe7\xae\x1f\x0f\xa70&lt;\x0c\xd2\xa6\x87\xec\x1cAn\x9e\xee\x0e\'\xc2\x89D\n?\xef\x05T\x04Z\xc5\x9d\x84u\xc5\xbb+\x03D\xeb7\x17/]\xba\x04\xb90\xbd\x0c6c\xda;\x8b\x1e\x0c\'B^\xbd\xde+\x87\xfc\x89T$\x15\x0eG\xc2Q\xab\xcbIj\xfd\xf8\xca\xd7\xbbr\xa7bG\x98r\xab)\x15\xb9\x8f\t\xb4\xbb{p\xb0;\xec\x0fY\x01e0\xebe\xd1\x1b\xc4\x13H,\xbf\xd5*\xcbL\xad\x96\xe8\xae\x0c\xcd\x1d\xa9\x13\xd7\x8fC,&lt;Q\xec\xbe\x1f\xb9\x1fI\xf9\xad\xa2\x08&amp;G{\xbb\xd9\xe0p8\xa3\xe0j\xf2\x87d\xaf\xd3\t\xb9\xce\x1cnI\xec\xca-H\x1d\x11\xc2J\xd0\xabhR\xa90&gt;\xa3\xb2\x9e\x98\xda\xdb\xcf\xb7\xe3\xbb\xd7\xdf\x19\x08t\x06\xad^\xafW/\xc6]\xf6\xc3GN&gt;{\xb9\x0b\\\x7f\xec\x06Vg h\r\x91.p\x12a1\xaa\xf3\xe7\x07\xda\xdb\xc5`\'\xb8\xac2\xaa\xaa\xef\x01V\xdf\x0f?\xbb\xf6\xd5\xd4\x8e\xff\x0f\xa2\xe3\xdb\xcf\xcf\x9d&lt;\x1e\xf0\x07\xad\xb25\x9a\x00W8\xe85@,\x07a\x01Lo\xf5\x05\x02&gt;\xabW4\x18\x0czx\xdew\xe4g\x0f\x94\xe2\xf4\x0e\x17\xb2\xba|\xe3\xc2\xc7\xc0\xf2\x05CV+\xb8R\xe1\xc4v\x11\x19\xd5y\x87\xc1\xe5\x0b\xf4\xd9\x9d\xa2\xc1l6\x88\xae\x83\x84u\xe1\x17\xc9\xdc\xf4N&gt;\x87\xad\xae\xce\xbcx\xf0\x19\xb0:\xa1\x16V\xc8\x1fN\xf8\xa3\xb2h\xa8`\xc1]\xc0\n\xf6\xf9&lt;\xae\xb8\xd9\xe10\xc0[\x84\xd5\xf5\xabW\xe5L~\xe7\xee\x1c\xae.M\x15&gt;\xf9\xdd\x1b,Y&amp;\xb9\x12h\xbam,:\x1c=\xe2C\xbb\xfd`\xbc\xc7\x81\xc5\xbcu\xe4\\\xd7\x85O\x0b\xd3\x8b\xb3\x7f\x18\xdd\x81\x17h\xe0\x84\xd3\xaf\xd3\xeb\xd9/\xaenc\x85d\xa7,\x07\xd1\x90Q$\xa9y\xbb\x86\xed\x0c\xebL\xbc\xa7\x07j9\xe2N\xcf\x81\xbecW\xba\xba\xaee\xb7\x96%%\xb9\xb2\x13/\x84Xy\xaa,\xaf\x0b\x0c\xab\xa9\x13\xaev9\x91\xeaP+\x8a05\x90\xe3Y\r\xc5\xf8C\xbb\xe77\x8c\xca,\xba\xec\x07|\xc7Z\xba\xba~oY\x1f\xb5HJ6\xff~\xff/\x88s\xe5\x96\xb9\x0f\xa4\xfc\xba\xf1\xd7?\xa7KdM\x01\xbbU\x8e\xc7\x9dr4LX2\x93\xab\xdda6\x8bHv\x8f\xab\x87j\xd8\xd3\x13\xf7\xb0\xab\x9c]]7\x84\xd1\\RRx\xcbr\x89\xdd\xfe\xfc\xbe\xa8Z\x9fe\x95\x0f4|y\x9d\xfb\xe2j\x05\xcbw\xc6%\xc6\x9d\xce`\xa2\x82U\x91\x0b\x86\x8f\xc7](!\xe32\xc4=\x9e ]\xaa&amp;\xac-\xb7\xa4H\x82P\xc8u\xbc\xbfw\xdax\xf9\xfa\x95\xa2h4R&gt;\xe3\xfe\xf2\xc2E\xc2\xea\xf4\xd9\x1f:\xc1e\xf53,\xe4\x01\xf9\x1d\x99\x10\x8f\xc7E\x06\xe50\xf78=\x1e{\x00X\'n\xb839`)\x82 d\xd3\xb9\x8e\xf7\x92\t{Z3_\xa1\x00PK\x93\xde\xca~\n\xac^R\xcb\xeer9E\'L\x0f,\xa4\xa7\xde\x81\x1a\x0e\x18\x0c\xa2\xd3)\xc2XTP=vj_\xe0\xd8\x91s\'~\x9b\xcce\xdc\xbc\xa4p\x02\x03\xcb\xdc\xda\xf3\x7f\xbe\xf9\x07\xa8J\xf9\xa4"I&lt;\xaf\xd1h\x8a[\x8b?\xb8z\xa2R\xc4\xa0\xc7\xe5\xc4D\xc5\xb0dY\xf6\x8a"\x05\xbb\xc1\x10gqAXP\x8b\xb0\x9aZ\xd0\x89\xd3\xeb\xb0\xbcb\xe3h\t\xd9"\xbb\x1d\xe9\xddk\x89\xcdf\xbd`\x01\x93\xc4\x1b\x15\xcd\x07\xd9LZ\xf9\xe9\x89\xed"\xa2\x8a0R(\x1a\rQ\x82a\x90qb\x900\xe8AE{\x11\x8a\xa8gX\x9dM-?\xf9h\xb6T\xe6\x08\xcbh4\x82\xcbhL\x16\xcbS\xb1w\xef\xbf\xea\xa9t\xd2f\x93l\x92d\xb3\xc1\\\xb6\x952\x7f\xed\xf3\x93(b\xa7\xdf\xeeary\x18\x16[De6\xe8\xcd\x03\x03\xccZ\x06\xd1\xcb\xb0:\x8f\xdcQ\x8a\xad\x9b&lt;a\x11\x17C3Z\xb2\xcb\xeb\xb1w\x90\x8c\x1e?\xb5\x99\xc59$\xde\x06oM.\xf0\x1a%\xbd5\xab\xb9GXM\x81\xa0\x1d\xeeBD\x04\xa3\x08|\xaf\x97f.P\r\xd0\xe10\x13\x95A\x94=A\xec\xdb\x81\xe3\xfd\xd2fGA\x924L-\x1cTK\x81\xe3\x93\x85w\xa9e\xebT~\x96\xe3\x8d\x1c\x0f\xa5$~a\xc64\xa9\xd1\xccn\xe5\x95O.c8\xbd\xde\x19\xb4{\\.\x18\xdc\x1a\x04\x96\xe8%*\xd100`6\xd3\x81t\xd0\xebE\xd9j\xf7\xf5\x05\xfaN\x7f\xe4\xce\xac\xcd*\x8a4\x06\xb58[E2\x8e\xb3I\xc6\xe4b&gt;\x17\xfb\x9f\xc0Z\xa7\t\xcaf\xb4\xd9x\xde\xc8Ks\x8d55\xf3\xa8BykQs\xedT\x13b&gt;\x8a\x19\xc2\x85\tT\x0e!\xe5a+\x9aP\x89\x88\xc4\xc2\xd2\x8b"6\x81\xa0\xcf\xdf\x17\xe9W\n\xb1\x15\x8b\xa2,\x0c-\x8c\x01\t\'%\x7f\xe1\xd4\x1c\xeb\xcb\xd1\xd2\x7f[\xbc=\x1d\x99\xf4,\xc9\xcd\x01J\xc217c2U\xcd\xac*Jqm\xc5\xad\xe9\xff\x18\x9b\x8f\xcfW\xc1"\xb7C+\xcc1D\xb3\xfd\x15TN\xa7\xd7\x1a\xc4\xa3\xfa\xee\xf2\xee\xf5Vl\x89cC{\xd5\x13\xe3\xa01\x02\x87ch\x82\xc5b\x11\x92\xc5\xfc\xf7\xbf\x8f\x0b\xf9\xfc\xe5h!\xcb1c\x82\x08M\xb8\xba0\xd3\xd0`R\xab\x17\x14\x85+\x976ye\xb87\xe1\xc7\xc4\x15\x92\x91]2\xc3\x12\xc9S$\xd6c09X|\x11\x16\xb8\x06_H\xcb\xb1\\VQ\xe6\xb4\xaa\xba\xfa\xa1\xb9U\xdeHT6he\xacpq\xc9\xc5t\xe6\xfb\xe6\xc4X._Lrp%\x93\nn\x1f\x9b\xdch\x04\x95N\xa7\x1e\x1aS\x94\xd9\xad5\xfc\xe5\xc3\xbd\x98O\xc1\xe5\xb1\xba\\\x95p\xc03\x9fJ\t\rl\x00\xc46.\xcb\x9e\x90\xcf\x97\xea\x97f\xb7:\xd2\x10k\xa3V\xa5\xd6\xaa\x97&amp;&amp;\xc7XF\xd8\x8c\x02~\x0baY\xdcn\xf7l\xbe\xf4\x9f\xcawkt9k\xa1\xbf\x86z\x06P6\xe3\xf8\xc4LCc#\xb0L&amp;\xdd\x1c|[X[+\x80\xeb\xbe?\x1a\x05\x18l\xef\xb2\xc2]\x94Y\xc0\xa1\xe0\xa2\x0fH%{e\xa8\x95x\xc4\xbb\xcb\xd5\xebIE\x99\xd4\xee\xaf\xaa\xd3j\xd5\xf5\x8d\x13\x93\xab\xac\x14\x9c`\xb3\t\xf8e\x16pY\x92\x85\\\xf5w\x99\xbf\x02U\xc82Y\xb9J\x01mc\xe3\xf3C\rD\x05\xac\x86\x86\x9a!\xb8\x8b\xdf,\xad-\xa3\x8e\xdd\xe0\x8a\x86\x10^o\xc3\x14\xcdGl0?ayQ\xc4P\xf4\x0egK\xc7JE\x12ko-\xb0t5j\x95jica|\x8c,\x86F\x17*j\x91`\xe5\xd2\x9e\xef\xca\x0b@%9n\x9b\xca\xc6Kc\xe3s\x13\x0c\x8a\xc4\x82Z\x8d\xa6\xba\t\x94\x91\xcb\xc7\x88\xeb\xe9`\xd4\xc7\xba\xf1!\xb8@\x86\xe8\x02\x16Y\x1f_\xc9\xf0"\xb0n\xbe\xe2\x8bk\xadyAR\xe6T\xfbT*\xc2\xaa\xabSUUi\x87\xe6QK\x8b`d\\\xee$aA\xb0r\xe6e\xeb\xbf\x97/I\xfd!\x08\x94)&lt;\x98\xe6\x87\x1aM\x0c\x8a\xa9e256h\xd5\xf3\xc8jK9\xb6\x96\x16\x88+\x1a\xa5\xf0b\x11Oy\xaagz\xb1\x1d\x08jy\xbd\xd6\xdb/\x84\xc5\x1cJHmxH\xa5U\xa9u\x84U\xa7\x02X\xd5\xd2\xc4\xdc8\xe4\x82\xf3+jY\xdc\xd0-[L\x8f\xde\xfaG\xa8g\xc5\xa4\x91\xab\xb4\xaeqlur~c\x86\xd5\xadq\x1b\x0bj\xe9\x1a\x1au*\xed\x82$I\xee|\xac\x94wKOo\xfa\xa3\xb4a\x13\x82\xa8o\xc3\xc7c\xb4 \xc5\xbd^\xa4\x9fx\xbf}\xea^\xcc\xec\xd9Z\xe4%i~\xdf~\x9dVU\xa3\xd5V\xb0TU [\x1a\x9a\x98\x9f\x9b\x1c_\x1d#{m/\x01y\xb1Rz[\xbe\xa2\x9bJMP\x02\x95\xaeQ[_\xa3\xd3\x99\x1a\xde\x8aE\x9d\x88*jk\xeb\xe6\x14\x89O\xe6c\xb1r\x96\xcb\xde\rW\xb2\x8b\x9e\xab\xea\x81\xf5F/\x84+8\x89j\xbdz\xad\xc0\xf1\xca\xa4\xea\xc3:\x93\x8a\xb0\xd4\x15,\x12\xacv\x7fm\x9dniihcban|\x95T\xab\x90a\x1f\xdf\xf6\x14Aaq\xc44\xa3S\xd7\xd7\xe3\x04h\xbd\x7f\xc6\x82x\xda\xba}\xdaI\xec\xb8\xee\xcdR\xeb\xe8\xa2%\xf9(e\x95I.&amp;Q[\xdbc\xa2\x13\x19\xdb\x1b\xaa\xd2\xb2`\x93Vg\x0e\xd5\xeatU\xc0\xaaQ\xd7\xa9\xd5o\xb8\xd8\xaa\xa5\xa5j\xa4\x92V\x04\x03\\\x12%\xcc\x14\xdc6\xda:\xc1\xb401d\xaa\xa9Q\xab\xd555Z\xdd\xbf`\x91\\\r:\xb5\xea\xc3\xa5I\xec\xdd\x96\xf4Zu\xae\xe0v\xff\xe9/\x14YDA\x0b\xdf\xc8a\xc02\xb4\xbdNZ\x88j\xd3\x82\xe4\xdb8\xb4\xb7\xde\xf4\xf7\xaa\xcb\x9f\xb5q,\x8a\xe2zH\xc8zB\x12k)V"\xcf\x16\xa3u\xbb\x08\xd4\xe6#\xc4\xcd\xc2|\x08\xd7q)P=\xd5\xe2~:\x17\t\x18\x82\xc3\x10\x02\xfeCXL0c/\x01\x17\x03v\x96\x90L\x15\xdb,\x0c\x0c\xa4\x984\xb3\xec\xb9\xf7IN\xe6\x91(J\xa4X?\x9fs\xee}\xd7\x06\xfa\x16\x96[r\x11\x92Y\xf29\x8e\x81*\xb8\x834\x9c4\xadu3mp\x13\xb9\xa3\xb2\xb3H&amp;\x0bP\x10\x8bM&lt;(\xa8\x18\x0b\xa0\xb6k\xca\xe5\'\x0c`\xf1jR\x99t\xdb\xd1\xd5\xfb\xdfP|{\x83\xe6!\x835\xb9\x7f\xbd9n&gt;\xb7#\xa6J\xaa\xb5\xda\xa5\x94:\xc4\n\xd0\xe5\xc9\xc3\x17\x1b\xb1\xf8\xc8\xbf::\xc26\x1f\xf6)\xfa\xda6\xa9a\x17\x80y\x9b\xb7\x96A8\xc5\xf2&lt;\xc6\xd8a\xb1\x8bulA\xba\x93\xdasl\xdf\xd5\xd1Ye|~\x1a\xb5\x9f\xd7\xc7{l\xe1\xe1a\x13\xfb\xf3\xaf\xb4\x0b\xad\xffN\xe2\xc5\tS5jsG\x9a\x96g\x04\x81\x1e\x86\xbbhQ\xb6X&amp;\x05\xe7\x92\x82\x10/\\vf\x08\x9a\x16\xa3\xe1\xa2\xf0:(~\xc3R0X\x8cU\xc4\x8b\x99J\x17\x0f\xea\x96\x19Hw\x06\xae\xfd\xe9\x87\xa3\x16\x02\x96&lt;&gt;\r~i\x0e\x94X\x1f?b\xbay\xf7\xf4\x18\xc7\xe8\xda\x0f\xdd$\x8aj3S\x9a\xa1e\x98\xc2\xd1\xf5\xd0\xa5\xe7\x87\xa1\xb2\xf0\xd5b6\x03\xa16,\xef\xa0s\xa95\xaaH\xd4\xb5\x07\xe3,@\xb0U\x8a\xab\x94\x8c\x7f\xd4\xeb\xeaZ\xc1\xe5\xeb\xb3\x1e\x06\x8b\xd3\x9b\xd6\xd1\xd9E\x1b\x01k\xee\r\x06\x04F\xed\xe1\xcd\xf1\x8f\xcf\xd5d5\xd1&amp;\xabx\xbf\xd1\x9b\x99\xbec\x86!\xd5\x1d\x9e\x1c\x92\x85\xc0z\xa1\nh\t!\x02\xb6\xd2\xa0\x87y\x9e\xd6\x9foP\xf7\xb6]/\xf7\x18\xcf.\xa0\x94v\x944&gt;S\xc8\xa5^\xe6\xe5\x1d\xb8\x12\x04\xff\xe1\xfc4\xb9z\xbf\x1e\xf0\xa2\x01\x15%\xd8ho\xc7\x95o#\xea\xca3\xdc\x0b,P\x89\xc0q\x98\xeb\'\xb1\x18IH\t\xae\x00\xe0:\x19j\xd5\xb5\xcbk\n\xcf\xaek\x96Dv\x01\xc3\'8\xa5/\xd2\x8dL\xad\xdb\xba#\x82N\x1f\xc1\xa7\x80\xb5n\x17I\xfb\xfe\x89\xa8h\xb4Y\xdf\x7f\xadN!\xe3\x97\xc5&gt;:\xc3&amp;\x95x\x1a0\x1c!\x99K\x81\xed\xb0\x98JJ\x9f\x96\x94\xb8\x17\xb79\xba\xa7u:\x9dkZ\xaa\x933\rG\xbfH?1Q\xc3@\xcbp\rFE\xec\xeb\x96\x8e7\xbf\x9cc\x14kLo[\x95\xb3U\xbb\xfd\xf8\x1d\x1e\x1e\xbfk~\xff\\\x8dF\'\x15t[\xccD\xfdN\xee\x0b\xa6\xc1\xfdP\x04\x848\',\xdd,\xa1\x00\xe33W\x9a\xa6t\xf4%\xd85@\xbdUP,\x8d\xc1\x14\xd4\xf5\xacB(\xc5\xe5\xaa\x96\xe32\x98\x87\xf1\x04\x01s6}\x0cd\xc9\xf6A{8\x9f&amp;W\xff\xad\xd7\xeb\x1f\xf7_\x1b\xed\xeeD{\xd8&amp;\xd0r\xb8\xcc$\xbd}\xd0\x04\xf4d\xc9\x82Q\xd2@E\\\x8aJ*\xb5\xd2&lt;O\xf34\x95\xf4\x0e4\x03;]\x19mz\xbe\x81Z\x858\xa1k\x10\x96Q\x82Q"B\xaa#Cu\x11\xe6\xca\x97\xf3^\xad\x16\x95F\xfe\xfb\xfc\xe7?\x8dhD\xf2]\xe0\xe3Rong\xc2QX8*\x9b8A\xba\x12\x8b\xfeZj\x05\xa9\x88)OE \xa0\x9a\x168u\x8f\x1eHb\x84:\xde\x86\x1er*\r\xa3h\xf7\xa5^\xb8\xe8\xe26\xbad\xd3\xd8\xe4\x9a\x8e\xcc\x82\xcd\x10NR\x94\xbe]D\xd5\xb8\xb1?\xddN*\xe3\x9b)F\xed\xfeF@+\x15\x16\x1c}\x15\x1f\xca7\x95\xa4\xc9R\x89\x17\xa9\x08\n\x82\x89@\xe6y.5=pl`\x11\xcdn;\x08\t\xc1`\xefJ\xc1\xc8A\xc2\xa5\x03\tI6\xeb\x10,]\xce\xee0Rt\xff\x9at\xe3\xfdh\xda=\xfb\xe3\x08\x9b\x19\x19x\x8dW\xf7\xcb*\x13%\x96*\xb9Wa\x7f\xe1\xe2\xeb\xb0 \xcf2\xa1\xd9&amp;\x17J\xd1r\xb9\xaf\xd1\xd8\xc1~Y\x8c\xc5y\'\xae0TF\xba\x94;r\x18`"\x95\x9da\xed\xf7\xdab\x11G\xa7\xab\x93\x16bv\x8a9\xa66\xd73&lt;_A\x11\x8bLU\xae\xa5\xf2Q\xf5*\xa9\x02\xc7Li\xca\xd7|@e\x99\xa9y\xa6\x9b\x8b\x9f\xfa\xad"\x0b9\xe6,\x94R\xcc \xa9@\x15*km\xa5 JR\xda\xb3&gt;\x9cl\xd3\x87\xf7\xf1\xed"\x82\x81\xbd\x19\x19H\xb2\x14Z\t\x99\xa7\xb2\\\xdc\xa2\x18\x999}fb*\xb8\x98ey\x96\xdb\xda\xd2\xd4\xfd\xcc\x17\xea&gt;\x0e\xa4C\x91\xd4w\x01# \xa3\xa8F\xee\xd0.Q\xaa*-v]L\x9a\xc3\x11&gt;\x85\x8eoG\xd8a\x1b\xd5a\xc7\xcf\x19Fp[ 0\x8aN\xcab)0\xc5Z`\xd15I\xbf\xb2T\xa48\x1c\xaf\x00\x00\x00NIDATY\x96\xba\x84\xa5g\xb9_\xfc\x07\xc1\x05j\x83"\xc3\xb8\xeeh\x14a,\x05\xc6\xd5A\xed\x95\xf4\xa2[B3\xcd2\xf7\xcb\xd1\xf8\xc3E\x8c\xad2\x1e^\x06Y*\xca\xa5^\x96\xaa\xcbO_\xe5K\x96]TJj\x0cLERe\xf4\x1d\x98\xff\x03\x81#N\xec\x9b&amp;1E\x00\x00\x00\x00IEND\xaeB`\x82'</t>
        </is>
      </c>
      <c r="M168" s="3" t="n">
        <v>45492.6784837963</v>
      </c>
    </row>
    <row r="169">
      <c r="A169" t="n">
        <v>599688</v>
      </c>
      <c r="B169" t="n">
        <v>1984</v>
      </c>
      <c r="C169" t="inlineStr">
        <is>
          <t>Barreto</t>
        </is>
      </c>
      <c r="D169" t="inlineStr">
        <is>
          <t>Barreto</t>
        </is>
      </c>
      <c r="E169" t="inlineStr">
        <is>
          <t>VOL</t>
        </is>
      </c>
      <c r="F169" t="inlineStr">
        <is>
          <t>VOL</t>
        </is>
      </c>
      <c r="G169" t="inlineStr">
        <is>
          <t>VOL/MC</t>
        </is>
      </c>
      <c r="H169" t="n">
        <v>182</v>
      </c>
      <c r="I169" t="n">
        <v>88</v>
      </c>
      <c r="J169" s="2" t="n">
        <v>35042</v>
      </c>
      <c r="K169" t="inlineStr">
        <is>
          <t>Right</t>
        </is>
      </c>
      <c r="L16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62ed11ba-585c-42da-89b6-0edadc97a97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0\xa5\xc0&gt;\x00\x00\x00\tpHYs\x00\x00\x0e\xc4\x00\x00\x0e\xc4\x01\x95+\x0e\x1b\x00\x00\x03\x00PLTE\xff\xff\xff\x18\x19\x15  \x18\x13\x11\x07\x1b\x1c\x17\x16\x16\x10##\x1d\xff\xfe\xfe\x16\x14\t !\x1e\xfe\xfe\xfd#$!\xf9\xca?\x1b\x17\x0c\xf5\xca&gt;&amp;\'"\xb9\x95o\x1d\x1e\x1bxQ!~U!\xee\xc16\x12\x12\r\xbb\x97s\xb8\x87e\xb7\x91m\xf3\xc7;\xb2\x85d\xab~Z\xa5uP"\x1d\x11\xae\x82_\xbd\x90p\x1c\x1a\x12\xf4\xc29\xfa\xcfCoJ \x8eb.\xf1\xc59mG\x18\x91f4\xb3\x87njB\x1d\xb5\x83_/)\x1f\xf0\xc20rL\x17\xc0\x94t\xc3\x99y\xbe\x97{uJ\x1e\xb4\x8eh\xf6\xc97\x8a^*\xa6\x80c\xb8\x8bl\xaf|U\xdf\xa7)\xe8\xb4-\xb3\x80Z\xe9\xb71\xe3\xb0,\xbd\x8ci\xeb\xbc2)#\x19\xb7\x8fs\xcb\xb3\x9aiB\x14\xd4\xbf\xb2\xfc\xfb\xfb=2%\xcc\xb5\xa2\x9cmF\xa0sK\xf7\xc6=yO\x1a\xf0\xbe3\xf3\xbf7\xa8{T\xa5zH9,\x1f\xc4\xa4\x86\x9ftA\x96mK\x96k6*\x1f\r()&amp;\x92_2\xb9\x92fyT)oK0\xa4oF2%\x13\x83U\'\xf3\xc73\x9ap=\xb7\x93z\xf2\xf1\xefI;/\x86[#\x8d`;\xc7\xa9\x8ccN&lt;\x9f{`\x8a_4\x96h?\xa7wY\xb5\x8da\xac\x83i\xc9\xad\x93\x95v]\xe5\xab+bG&amp;\xc4\x9f~\x8ejL\xb1\x8ag\xa6\x86o\x92bE\xec\xe9\xe6xL)\xaa\x80NU&gt;(\xf7\xce:\xbd\x99\x81E3 XJ&lt;a9\x11\x9bg&lt;\x96a;\x88X0\xa0{VbG2\xaf\x8fu\x83Z&lt;\x81[/M8$\x97vP\xadxO.0.\xdb\xa1#\xf8\xf7\xf6\xbf\x9cv\x9dmQ\xaf\x84U\xf6\xcfD\x7fU1\xd0\xba\xa8\x9dtW\xee\xba5Z?\x18\x82^F\x8chBk^Sv\\ETB3875\xc5\xaa\x98\x94oT;*\x0f\xb2\x88[\xee\xbb,\xad\x87q\xe3\xab#\xd1\xd5\xd5X4\x0f\xaf\x94\x83pR;\xf7\xcf(N7\x14\xbf\xa4\x8dcD\x0ezO9c&gt; E/\x11\x86b:hUD\x89cG\x88n[bgm\xe1\xe2\xe1\xa0k?\xb5\xb7\xb4\xf8\xc8\x1d\xba\x9d\x8bzW9[RH\xdb\xce\xb8\xc2\xa1\x95\x9e}l\xee\xb20\xc3\x90m\xcf\xce\xc8\xd9\x9c$\xdd\xdb\xd8\x87wl\xe0\x9b!\x9e\x86y\xb8\x94\x88|\x7f\x84{cMIE=\x82gUUWZ\xca\xa0!uh_\xaa\xa9\xa8\xc2\xc1\xbc\x89\x8e\x96\xb3\x8b\x19\xd8\x95\x1f\xb3\x88~\xd9\x8d\x1eS(\n\x8d\x8b\x84\xc6\xc8\xc8FKO\xef\xc4\x1d\xc2\x9c\x89\xa6pf\x9b\x98\x91\xca\xbf\xaa\xea\xe7\xd6\xa4\xac\xb5\xb1|outr\xdd\xb5%\xea\xc3H:&gt;C\x9c\xa0\xa5\xdc\xb5[\xd3\x84\x19\xd6\xac\x1d\xde\xe7\xf1\xb7\xc1\xcb\x8fk\x18\xe9\xa0*\xee\xde\x96\xea\xf1\xf5\xbf\x94$\xec\xe5\xb8\xef\xd9w\xd2\xdb\xe8\xad\xa1\x93\xdf\xb6D\xa4y\x14\xd3\xaaT\xb7\xb3\xa4\xef\xd4X\xba\x88X\xdd\xcc\xa5\xe0\xd3\xc4\xe1\xc5q\xe7\xbd\x1c\xde\xca\x8c\xd0\xa3&lt;\xc9\xb9|\xa3z\'{7\x8c&lt;\x00\x00 \x00IDATx\xda\xcc\x98\xedOZi\x1a\xc6+\x14J\xcf\xe6\xa4k\x1b\x8bA\x0f\x9c\x84\x06\xa3\'\x02\x92\x82\x89\x89\xc1u\xa5\x18\x13\x8be\xa9A1\xa3\x84"t]s\x84\xa2c\x90\xfa\x82\x8a\x1a\xc6\x891(\xa8\xb5\x99\xb45\xd0\xfa\xbaj\x84u\x12\xa31#&amp;\xd6O\xd3n\\\xb3\x89\x1f\xf6/\xf0C\xbf\xef\xfd&lt;\xd8\xdd\xf9\x038v\xae\x9c\x17%&amp;\xfc\xbc\xae\xeb\xb9\x9f\x037ndC\xc4ou\xe3\xf7 L\x12\xee\xde\xdc\xdc\xdf\xdb\xdb;=\xddl\xab\xf9=\xb0\x11DM\xdb\xfe\xe7\xf3\xbf\xff3=!\x14\xde\xe1\xe9\xd3\xbfl\xef]\xa1}C\xa8\x1b5\xdd\xdb\x17iF$\xe2\xf3\xf9"\x10)\x121\xf3\xa9\x8b\xff\xec\x87\xbf\x1d\x17\xbcs\xdb\xc7\xd4\x1d\x0c\xf3\x1b\x91|\x91&gt;\xfd\xe9\xb4\xed\xdbp\xa1J}&gt;a\x90K\xc8(l\x96\x88O\x92$6\x8d\x9a\xf8\xe5\xdb8F\x84\xdf|\x9aG4\xe4W\xb3\xf8(I2\xf3;\x9fO\xa5\xcf7\xc3\xd7\xcdE\x84\xf7\xcf\xd3\x10\x97H\xf0\x7f"\xf8\x99\x7fe\x1a\xbe\xf1\xa2\x1f\xbb\xaf\x97\x8b\xe8&gt;\x0f\xe8\xe1\x9d\x05\xa0\xbc&lt;`B\x97&lt;\xf8E\x94\xc9\x93\x9f\x81\xbbs\xf29|\xe3\xfa\xc0\xc2o.\xf4$I\x93t\x0e}3\x07\xb8\xf2\x80(\x0f\xdf1\xa3(\xef\xca5\x11=\x7f~]\x86\xc1\xa8\xda\x8bZH\x9a\xa6y\xbc\x1c\xa4\x9b\xf8*@|@\'\xc2l\xff[\x06\xfa\x83\xcd\xeb\xe1"\x88\xbd(IR\xf4M\xc0\xba\x89p0\x18b\x13`\xdb\xe0\n\xe1B\xf9I\x8c\xa6?\xd8\xaf\xb9\x96\xb2\x9f\xa6(\xe4\x15-\xa0ob\x01Pn\xe6\x06I\xe6\xd0\x82\xaf\xba*\x18\x1d\xdd\xab\xb9\x06\xaam;\x0c\'\x01:i\x1aL\xca\xa0\x01WN\xeem(\x9a\x00\x07\x8aD\n2K\x92O\x07\xb6\xc3\x9c\'\xb8\x0f\t\xc2{\xc24\x80\xb7\x15d\xb8ro\xdf\xce\x05\xb0\xdbp\xd2&lt;!\x8eV\x00\xd0\xf0W\x08\x8c/J\x9f\x86\t\x8e\'\xc3\'\xcb\xd7\xf9\x89j$\xc8\x05\x97r\x85B\xa1\x9e\xc9\xc8d2\x98\x98;B^\xaeP\xcf\x030\x01\xce\x91\x0c\x9c\xd6\x10\\z\xd5v\xce\xe01\x0e~A\xbf(\x8a\xd2\x83\x18\xc6`\xb0\xcf\xcd\x05\x02N\xe7\xda\x1a\x9c\xce9\xfb\xfc\xbc\xdd\xc40&lt;\xd4@\xbcOF\xf79\xe4"j.\r$\xce\x90\xb2\xd8L}\xa1\xde\xb9 "\x01\xc5bG\xc7\x1b\x9d\xa0vtl\x1cE\xa3G@g\xb2\xe8\x91\xb70/\xa8\x937\xdcq\xd5\xec\xa5\xd1^LR\xb6\x95e\xb9uju\xd6\xe31\x8fM\x0f\r\x8d\x8d\r\ri\x87\xb4\x1dR\xa9T"\x91x\xbd\x1d\xed\xa0\xceW\xeb\xc9`\xb0\xcf\xa6\'Q\xc1\xa8\x83n\xce\xa8\xde\xa4\xf0"\xb4\xf5\xca\xef\xdek\x19ll\x1c\xe87\xd66\xd7\x16\x16\x16\xd6\xd7\x17\x14\x14HK*JJJ$p\x96\x14\xd4?\x07\x15N\x9a}Sl\x1f\x85\x07+\xf3\x91#\xbb\x88\xee\x03\x8a\x06\xaf\x16\xe5--\xf7\x00\xebacc\xffV\xf3Vss\xf3\xe3\xf1\xf2\xf2\x1f_\x97\\\xa9\xa2\xbc|\x1cP\x9b\x91\x8cF_S\x88\xc2\xf5Jq3\xee\x89\x9am\x06\xcc"ml]]Y]\xd9\xbd\x16\x8c\xb5\x85\xb0\x9a\xc7\xc7\xcb\xc1)\xb1X\\RQ\x81\xa8\xc6\xc7\xd1\xab[\xfdH\xee\x99&gt;\xbct\x99K\x82\x9bAz\x80\xa8,\xbd\xf2\xb2\xb2\xb2\xba\xba\x16\x84\xb5\x85\x9c\x1a\x07*\xc0\xaa@XW\\`\x17\xb2j\xab\x7f\x00\xe4h\xb2\xe1g\xc3\x936N\xdcj\x8b",\xd3r\xb5\x02qe\xccj.\x1cG\x02\x7f*2\\%\x88\x0bN\xcc\xd5\x8c\xb8\x1a\x1bG\xfa(\xc4\x95\xde\xe7 E\x82\xd8L\xd3\xb4\x88\xd7W\x8d\xb0\xea\xeeB\xe5\x8b\xb62\xf1!\x7fP\xdb\xc5\x95\x95\xc0%\xc6\xae\xc1K\x18\xac\x7f\xa0q\xd0\x11\x84\xd5("\r\xa7\x9c`\x9d24&lt;\xa8\xc41V\xcf\xbd\xc1\x07E\xfd\xb8\xeb\x18H\xac\xd3\xc9*eJY%\xfc\x80\xee\xf9:\xb1\xb4\x1e\xf5\x1e\xfcjl\xfc`\xe0\xd1$\xc9\xc9Z$\x88s\xf8\x9fI[\xa4Z\x01X\xc8,\xf7\x93\xda\xfa\xf2\x1f\x01\x0b\\\x92)UH?\xc8t\xc0\xa7T\xab\xd5\xf9:IA}\xfdx\xad\x11\xd5\xcb\x15dx$\xc9;\xe0\xa2\\5\x17\x14Tk1\x82\xddj\x19\x1c,r\x7f\x07Xx\x05\x02\x96Z\xa5V",\xd0}\xc0\xba/\xd3I\xa4\x05\x05\xf5\x85\xcd\xc0\xd5\xe8X2\x08i\x8a\xbe\xe8\xe6\x00+|\x02X\xd4\n4^^f\x1d\x1dt\x15\xb9\x8d\xc8-\x89F\x07\x11\x02\x89R\th@\xf5G\x99\x1ac\x89\x11\xd7\xf3B\xa3\x1b\xb0\x92v=\x8f\xc7\xbb\xe0\xc0-"\x1c\x05,K\xbc\xb8\xb8X\xde358\xe8r\xa0\x10\x0b\xa4b\x1d\xa0T!\x12\xa5\xaaK\xa5T*q\x86\xea*\x9dW\x02\\\x18k\xc012g\xe2\xf1\xf4\\\xb8E\xb4\xa5\xae\xb0\xaa\x15=`\x96\xa3\xe8\xbb\'\xb5\x85\xf5R\x89&amp;_\xa6\xacR\xfb\x01E\xa5R\xa3\x00\xd5~\xbf\xff\nKZPXk\x84r\x8d\x04\r\x8cP\x7f\xc2E\x88m\x01\n\xf6h\xe4\x16`\xb9 C\x8c\x05vUb\xb7\xba\xd4\x10\xa2\n\xacR\xf9\xd5~e\x95\x0eB\x94\x88\xc1.\x8c\xe5h\n\xc1s\xce\t\'n\x05(x\x9c\x89 \xb7\xac\xe0\x15`\x19\x8d\x8fa\x8b.\x11\xe7\xe7W\x81I*\xa5\n\xb8\xe0\x02yV\x81UH\xb0\x81\xa3\x14\xdd\x08\xcb\xc4\x9clr\x85\xb5\x08X\n\xb9u\xd0\xe5r\xb9\xddF\xe8&lt;zp\x80\xc7\x06]\x15\x94\\\x86\x9a%\x83\x19!\x86\xbaK\xe1\x90fJ\x8f\xdd2\x18\x0cQn\xb0,\x16\xe4\x96\x02\xb0p\x88F\xa8\xfc\xd5\x8cG\x03U"\x16W\xea`\xcc\xe3Y\x8f\x85\xc0\xe0\xf1\xa6\xd6\xe8\xbe\xc2\xda\xe7\x06\xcbf[\x8c\xc8\x15\xc5\x18\x0b\xccz\xf2\xb8\xbe\xfe\xc7\xafX\x95 \x19L\xfaJ| \xcft\x92\xccZ\x9c\x04\xae\x11\xb6\xcf`Hq\x83\x05Tq\xa0\x82\xcaO\xa1\xf9\x80\xc6Vy\xb9\x14o\x86xL\xc8\x94\xf8\x02#B\xa9R\x02\x97\xc6\x0b~=\x9f4\x1a\x8d\xfd\xeeU\xe0J\xbd\xe1`%v\x07\x16\x17\xe3lqfn\x8dB\x88O\x1e\x7f_Q\xf1\x1ae\x87J\x05$\xf8Puu\xc1\xfc\x82\xee\xe7\xeb4\x1a/\xc6r\xbb\xfb\xdd\xc8\xaf\xb9=\x0e\xdc\xeav\xae\xc4Y\xb9\xbc\xb8\x1a\xb0F3fI%\x7f\xd5ht\xb2|\x19\xa6A0pk\x00\x9du\xc1\xe4\xaa\xd2x\xc1\xae\xe7\x85f\x9f\x1bT\x94\xec\rmg}\xaf&amp;\x88\xbd \xa2\x92#\xb7\xa0[\x8e\xd9Y\xf3X\x81\xd7\xab\xc9\xcf\x87]G\r4\xcf\x1a\xba\x10\xd4\xb3g\x0b\x0b\x0b\x89\xc4\xce\xce\xbb\xe1\x0emG\x07\x0cT\xb3\xcf\x07v\x15\xad\xb2\xf1\x8f\xe1\xecc}a\xe3\x8a\xd22\xd4-\xc0\x9aJ&amp;\x933\x9eN\xadV\xea\xd5T\xb5\xaa\xfd\r\r\xcf\xfe\xd6\x00F\x01Tb7\xb1\xb3\xbbsy\xf9\xee\xb0\xb3s\xc3\xf3jzz\xd2\xe7\x18p\xf7;\\\xf2\xd0y\xd67\xc5[\xc4e$\xa2(\xc5!\xf6X\xe5l/\xeb\x8c\xc56:\xdb\xb5ZmGU\xab\xff\xec\xec\xd9\x9f\x12\xfe\x86\xc4\xee.\xd8\x04:&lt;&lt;&lt;8\x89\xa6\xe03\xedZl\xdd\xe7p\xc0~\xed\xb2\xf6\x1ets\x81\xf5^Q\xaa\x90+\xa0[l\x9f\xc9\x06\x1f\xea\rs\xa9(&amp;\xfbi\xd8\x9f\xd8}\xb4\xe0?C\xd1\x1d\xfe\x0c@k\xa9t:=\x0f2\xcd\xdbC\xc1\xa4k\x00aE\x8e\xb9\xc0z\x0fX\xa5\x8a\xe2\xe5H|\xd1F\xd14\xfa\x1a\xe4\xe9\x84=\x10\x83\xa0\xb4\xadg\x89\x05\xc0:{\xb1\xb1q|\xb4f`\x18!\xef\xf6\x9d\xa7O\'\xe6\xe1\x98`\xfa\xacE\x7f)z`\x8d\xc4\xe03\xd9\xad,w+Q\x9a\xc1\x8a\xdb,z*\xf3-V\x0eO(\xfc\x83ini\xe6\x95W}\x96H\xb4\xfa\x87\x8f\x9dN\xe7\x9cA\xcf\x83\xe7X\x04=?\x01\x861\x8c)\xe2*j|`e\x97\xf6j\xb2\xbb\x16\t\xa8\xbc\x1ca\xc9#\x16x\x18\x04\xb3x\x0c\xa3\xa7\xd0\xf7o\x94\rR\x1a\x1aVc\xac\r\xe7\xdc\\\x9f\xc9BYP\xc0\x07\x9f.\xa2\xd1T\xdan\xb7\x87\xa6\\\x0f\\V\x96}\xb7\xf0(\x9b9\x12\xe1\xb6\x9a/\xec\xfbj(\xd7\x8a\x85\x021v\xe7\xd1\xc6q,\xd8g\x03\x84\xc5\x10\xbb\xaem\x85\xa1\xe0\x7f\xd7\x19\x0b\x86B\xbd\xa1`l\xa3\xfd\xc5\xbb\xcb\xcbK(\xfeZ\xc0\xde\x1bbG\x1f&lt;\x04,\xb6\xc7\xb1\x10\xbe\x95\xb5^u\'\x0e\xbf|a#\xd5\xa5\xa5\xd5+\xb0a\x9b\xfa\x82\xb1W\xedZoG\xa7\'\xc9\xc6\xe3+\xf1\xde\xe4\x90\xd7\x9f\x00\xb0\x17\x1b\xb1\xa5\xd8:\xb4mH\xabi\xddI\xec\x0c\xff\xbcq\xbc\xe6\x0c\xb2M\xa3\x0f\x01k\xb9\xd81\xf0&lt;k\x9f\x16\x89\xb0\xbf\xe7\xe5\xf2R\xfc\xed\xfb\xd2\xd2\xc8\x8a\xcd\xb6\xd2\xdb42;$\xf5\x82\xb4c\xb3\xc9\xa6\xe5\xc8\xb2\xd5\\\x90\x0f\\;\xc3\xed\xaf&lt;\x1e\xb3yr\xd2l\x1e\x9bn\x87E\xda\xa1\xed&lt;\x8e-5]aMM\xfb\x06\xff\x9c\xa5z\x11\xc4\xbfg_\x16/\xc7\xe3\xf1\xf7\xa5\x8a\xb7+++\x91\xa6Q\xc7\xec\xea\xea\xfa\xba\xc7\xb3&gt;3;\xbb\x9e\\^\x96;\xbe\xd7\xfc\xd0\x90\xf0\x0f\xb7{\xd6}f_\xb2\x89\r.\x1dm\x1c\x1c\xcf\x8cx\x86\xa6=\xebI\xab\xcb\x85B\\o\x9ft&lt;\xca\xd6\xa8\'\xfe!\xff\xf5\xa5&lt;\xf2\x16a\xbd\x8c\xb0,L\xf9\x1e\x96u:\x03\x81T*\xd5\xcb&amp;\x93\xf2\xb7\xc5\x83\x8f_\xdf\xefj\xf0{\xcd###\x1f\x96C!\x03\xa3g\x98\xf9@l\xa6\xc9j\x06\xebfW]\x0f\xef\xca?\xf8\xa6\xff\xe5\xdb\xcd\x1a\xd6\xa3\x97\xbf.\xcb\x8b#\x10\xe2\x7fi5\xdf\x90\xb4\xfe=\x8ew\xbb\xdb\xaf\xe1%\x06F\x08\xa9\x158\xea\xa8\xa4\x1d\xc8\x82@\xb46K~\xd0\xcf\xfd\\\xd7\xabKvjN\xed`\xb2\x9f\xd3\x0ebY\xfe+\x1b\xc3\xe1$\xb3V\x03\x99\xc96]\xd9]Q-q$IkT\x83\xa8.\xad\xbb\xed\xc2\xdd\x93=\xdd\x83\x18=\xbb\x9f\xaf\xf7&gt;\xbc\x0fO\xdf\'RO\xce\x8b\xcf\xbf\xef\xe7\xfd&gt;\x07D"\xaf\x8e\xa9\x9d|1&gt;$\xac\xad\xac|\xf8\x10\xa6\xe5P:\x9dHh\x7f\x7f\xfc7\xf1\x1f5\xec\xa9@J\x97\x1e\x1fR\xfcR\xf9\xe7\x87\xff\xbe|\x95;\x9e\xe4S\x0euD=en\xaa\xa0\x02\x11\xcb\'\xc7A/]\x0e\xd2j\xe2\x90\x1f\xe6\xf1\xdd\xaf\x1a^\xb5\xf3\xdaq\x1e\x94}y\xa9\xf0\xf2\xe5\xca\x7f&lt;\xfc\xfb\x07\x85b\xe8\xc5\x8b\x04~\x07\xb0\xc4R\xaf\xcd\xb6\xe6\x1bW\r\xed\xae\x97^\xf9\xcb_\xaf~xz\xa5\xdb\x99\xca\xa8C^u\xfd\xb5\n\xad!N\x90\x8e\xaf\x83%e4a\x1d\x1e\xf2\xcdc\xbc\xf6v4N\xeb\xf8\xaf\xbb\xcb+k\xdf\x83\x10*\xbf\xf4\xf4\xe3\xc7\x0f\x8a\x9e\xd7\x93\x93\xbc[?s\x80\xc5\x99\xb3[}3}}\xb1XOw\x8f\xb0/6\xa3\xea\x19\xd2\x05l\x1c\xaf\xb2\xbf\xfe\xae\xd6 \xc1\xc8Qr\x90\xaeF\x9cGXf\xbc\xfd\x15\xc2r\xbfF\xb3J\xe54\xf6\xa9T}\xeb\xbb\xbb\xdb\xc9\xfb\x93\xe9I\xfc\xd6c\xa9X\x9cc\xab\xed\xa6\xe8Z2\x954\xfa|\xc6](y\xd4\x85k\x0bJ\xaf\xf2N\xfd\xdd\x8a\xd1\xeaf6mX%\x08\x8b\xf2\x8c1\xeb\xda\x1b\xea\xda\xdb\xa1\x17\x87^8ukQx\xe4Nvk\xcbj\x8b\xea&amp;\xd3L\xcd\xe3\x9fRqMu\xc8\x9a\xb5f\x02\x01\xd8zlK\xf3\xf3\xfe\xacU\x9d\x81\x81\xc1\x01\xfds\xabI\xaf\xb1\x88\x9aC\xe4`\x19MI\x9c?L\x84\x9b\x9a\x8aXu\xbc\xf4}4\xad\x03Sjx\xdc\xdc\x9c-\x9a\x89\xae\xf1\xf8x\x85\xe6\xb7\x9fRQ\xae\x95\x131Ym\x99\x94N\x97\x82\xa1:7\xa7v\xd8\xe0G\x1d!I\xe5\xadkzOH\xee\xfaj\xa1\rk\xf50m\xf60\xddPZ8\x8f\xa7\rkaE\xa5\xa8p\x18\x1e\xae\xa3\x02\x8e\x8c\x96\x873\xf5\x9a\xdb-\xd2\\N\xd0B\x02\x17\xa2\x85\x83\xa6\xbd\xc9d\x8a\x98"\x91\x08\x07\xb0&lt;j\xcb\xea\xc6\tA\x13\x16\x0c\x08&gt;\xe5\xa9\xc0\x13n\xb8\xa9y\xda\x05\x98L\xd15 \xd2\xa5 U\xea`\xd0\x10\xae\xa8\xd0\xeb5\xcb\x13?s9\x16\xb2M\x91+/\x91\xd8\xfd~?A\x10r\x0c6E\t\xa8\xc5\x91z\xb3\xa4\xb0\x01{\xe2gz\xb0\xca\x18\xe7\x0b\x1e=\x93\xe7N\xc0v\x8a\x8f\x19\xd4\x11\xaf\x12\xee\x96\xa0\x97-\x91x\xa1\xc5\xcc\x1e=\xb2\x9do\xb7\xb0\xa49Vk\xcbD\x0b\x87$%\x16?\\\x89/_\xba\x08\xb9\x1c\xc3,\x16\t\t5o\x96\x10\x85\x83\xc2\xea&amp;MIdl\x06=\x90=\x84\x85k\xcd\x9d\x1ct\x94\x1c6\xbb\xe80\x8c\x8cj\x9a\xf4z\x8ff\xe4v+$Q\x8aLS\x10\xb4$Ym\xf1\xfb\xe5\x8d\x8d5\xcd,\xacH\xc6\xb9S_\xef\xf5\xcfG\xbe\xba\xce\xe9y}\rwb0\x0c\xc2\x02\xd6\x9a\x06&lt;l\xe8\xe4t!\xe3\xbd\x0by\xc9\xc8\x96\xffmYs\xad\xa9\x98C\xc0B\\\x02VN,j\xaeB\x96s+\xd2\xfc\xa0\xaf\x81\x8b\xec\xac\xef\x7f@\x1c88\xf2\xeb\x0c\x9a\xb0\x06\xbd\xe1t\x82OU440\xc7\x0c\xfd\x9c\x16d\xbc\x17_\x08 GwbY\xa3\xf1\x00V\xcb\xcfb\xb4\x903\xcf\xaa\x11\xdf\xbc)\xfe\xaf\x1f\x91\xcb\x81`#\xe4\x16\x13`5\xcb%\x1e\x87\xa5\x8d\x1e\xac2F\xaf\x84r\'\xf8cw\x7f-b)9\xc8\x0fi-\xbe \x10\xb4N\x8ch4\x1a\xbd\xfe\xdar\x8b\xa0\x88%\x10\xb0Q\x1a\xa57\x07\xee\x89E\x10\xbe\xa2\xd7\xdb\x08\x85\xaf\x84ha\x0e*d\xd9\xa0\r+K\xb9\x0f\xdd\xda\n&amp;`\xd5\x83\x9a\x16 \xfb\x1d\x05B*\x98\x18\xf5hFG\xf5h&gt;\x08r91\xc2Bo}8\x1c\xc1\x1f\x03m\x03 iO\x8a\x12\x9b\xc0,\x08\x8bmp\xc8%4a\xc1\xedc\x0f\xf3\xe1\xfe\xd1V\xa0huvU#\x1f\x04\x19\x0f5\x02\x8e\x06\xa74\xcb\xcbP[\x13"\x91x\xa0M,\x15\x08\xa4\xcd,\xb2st\xa4Et\xaf\xa3\xa3cv```\xe3\xc4E\xa0h)1\x83\x83M\x86f\xe9\xc2b\xccSa~\x02\xd2\xf8+s\xcc\xdc\xd9U\x85\xcc[\xe4\xcf`\x1c\x03\xde\x8ek\x96\x7f\xd7@i\xc1?\xdb\xae\xdf\x13I\xa5"\x91\x14\x84\xb4g\xb4\xa5\xe6\xa4\xe3\xfa\x93\x8e\xb6\xd9Y\xe0\xf2\x03\x96\x17s`\xf2\x10\xa7\x836\xac\r~\x9a\xa2\x12\x87Z&amp;DKMV\xa1\xc6\x87\x83U\xa9)\xbe\x9b\xafY\xbe=22\xb2\xdc*\x12\xdf\xbc\'\xae\x11A\x89\xc3\x04\x8d\xfc\x8f\xeb\xc9\x93\x8e\xd9\xd9\xd9\xd5\x02aAX\xc4F!B\x9e\xd35\xe5\x19\xff\xa4\x0e\xd3ca\x1e\x13\xb0\xa6\xd4$J"t}3F:\xc28\x9f\xaf\xd7\x8c@\xd97-\xb3Db\x11\xab\xaa\xaa\xb9\xb9\xcaB\x14\xe2\x11\x8fg\xb9\xb5\xe6d\x16\xf2\x08\x93\xbd0\x1f\xf7\x1aB\x98k\xb5`\xc1h\xbb|\x18\x9f\x03n\xbeV\xaf\xc7q\xed\xd8\x82-DV\x15\xa7\x11&amp;Q;\x0ca\n\xb98\xedn7\xae\x99`\xb1\xd8\xb6\xa4.\x15\xb5\x12\x85\xc2\x81%\x14\xd6p\x04\xc05\xbb\xb1\xbaZ(\x10q\xef\x82\x97p\xb9\x1a\xb1Y\xfal\x9b\x1bv\x8a\xc2)\x1cg2\xb5\xb0:p\xd8U,\xac\x19\xb3\x84\x1c\x9d\x8e0\xa5\xd3\xa5A-\xf6&lt;KkFB\xd1\xc5\xe1\xe1\xe9\xa5-\x88M&lt;.\xb1Q\xa3-\xcd\xae\x97\x10\xaa\xc2&lt;\xe1\xb7\x04\xa7\x1e\xb8\n\x07\x18vN\x9b\xb0f0\xde.\xf0\xf9|\x9c\x02\xacp`*DV\xb3 [\xa4#\x14r\x04\xd0\x1a\xe1\x1c\x1fR\r9\xf9T`g7\xb6\xbb\x94\xdd\xb2\xdb\xb3v{\xdc\x9e\xa1\x1c\xd5\x84\xeb\x84 \xfcq\xbfE\x12T\x13\xae\x82\xeb\xa0\x83F3\x89\xd1\xeb\xc7q\x1e\x0e%\x0f\\\x0b\xfd\x10\xae\xaaj2\x12\x99\x03A6\x9dL\x1aaK\x9e\x991&amp;SK\xf9\xfc\xee\xee\x12\x1c+`\x01\\T\x17\x927\xc2\x12\x11\x87\x1d\xc2\x14\x94\x9c\x9c\x9c4n\xd0*\xf6o\x9c\xf7\xeb\xf5\x94\x96\t\xd7\x8f\x16\x8d\xae\xaajv\x04}\xef0\xed\xf39A|qe\n\x85\xc2\xb8\x1d\x8b\xc5\xd6\xfb\x00\xd18\x1c[\xcagas\xdd\xa6H\xb9\x1f&amp;\xbcIb\x8a\x04\xfdP\xfb\xb3\x9fi\xb5l\x18\x8f\xae\xf7{\xcc\x1em\x03t\xa3\x16MTvd\xce\xbamt\x8e\xabz`\xb3\xbfR~\xa9\xb4Th\x8c)dBn\xad\x8c\x0b\x90*E\xdf\xf0b,\xbf\xb5\x1d\xc0\x08\xf9\x03\x89\xd7\xe4\r\x06\xfd\x1bO\xce{K\xe85\x92\xca\x1e\xbd\x8d\x9ba\xe9j@X\xfd\x9c.r.j\xec\x13\xcaJ\xb92\x10@Wjk\xb9\x8a\xe1m\xa3\x8a\xcb-\x95\xa9 p3\n`S\t\x9f\xae/%#r\x0caI\xbc\xfe\xcd\xc1^\xfa_\xbf\x96\xdd\xe8}\xfb2\xd8\x80\xb0\xcc\xfd\xca\xaeH\xd4\t\x91)\xe7\xaa\x9cp\xc6\x9d3\xc9%\x93dngzx7\x0f\xb9\xdb\xda\xca\xc7\xfaT\x00-|?\x9d\xc1\xe4\x0f,P[\xde\xb6\x8b\xf9&lt;\x83Q\xc6\xb8\xb19U\xc4\xeaTzm&gt;\xe1/\xb5\xe5=\xceh\x06\x8e\xc1\xe1\xe8$\xab1\x0c;\x80R\xcf~\xcaf\xed\xf1\x83\xec\xf6\xb0\x8a[*\x9c\x89b\xd0\x88v\xbb\xc4\xdbqQ\x1f\xe31\x18\xbdA&amp;\x0faq\x94k\xaa\xdaK2\xd5\xfdp\x80\xe2\xa7\x8b\x87O\xa5\x02\x81T\xf1$\x91\xee\x89d\xad(\xa9\x8ad\xbc\xd1\x1f\x8f\x03\xd6\xf5\x0b\xfbF\x90q\xc3\x8f\xb0\x16\xfa\x95\xc1\xfb\xb2ZY\xdfx\x9a\x9fx\xfd\xcc\xb88\x1e\x8b\xf9\x90`\xf5%\xb7w\xf2\xa7[\xf9\xa3\x18\xf4\'\xfc9\x0e\r\xb0\xe8w\x11q\xfb\x96\xc9{~qX\x8c\x8e1\xa4}@`\xdc\xe7^}?3\xf4\xac\xbb\xbc\xa7\xef\xe84\x7fvvzvv\xf6\xe3\xc7\xca\xbb\xe3\x95\xe7\xc7\xfb\xcf\xf7\xbe\xfd\xebiy\xf7\x8c\xaf\x87\xcb],\x14\xfcv\xbb\xdd$\xa1I\xf0\xfc\xffi\x0fX\xbc\x05\x90=\xbe\x1e\xe1z\xacOVY\xf94v\xba\xf2c\xffx\xff\xdd\xbb\xe7\xcf77\xdf\xbcy\xfe\x06~\x8f\xbf\x7f\xf9\xf0\xa7\x1e\xe3\xb4\x93+[\x9c_\x05\xac\xac\xd7\xdf[RraX\x9fm\xbc\x06\xde\xd8T08\xadP\r\xef\x18\x87\x84\xa5\x0fcG+\xa7g\xfb\xc7\xef\xde!0t\x8eW\xf6\xf7\xbe|\\wN\xcfY\x17\xbb\x85\xbb \xf9\xedYS\x90\xb88\xac\x92\x92GP\\\x90\xc5\xb9\xa0\xcd\xa9Z_\x02Q\xef\x9b1\xc6\xf2\xb1\xa3\xa3\xd3\x15t\xf6W\xbe\x7f\xff\xb2\xb7\xb5\xb5\x94\xdfIEa\xb4/\xca\x84K(\x85\x80\xe5\xba@,\xd8\xbc\xb4&lt;\x1e,]A\xabQa\xb4\xce\xc1E\r\r\x98\x89\xe6\xf3G{\xdfV\xf6\xbe\xed\x9d\xce\xcfg?\xc1qd2&amp;K\xdc\xbe\xd83\xb3\x05X\x12\x93\xf7\xce\xcbGe\x17\xc85\x18\xe4\xd5A\xb8\x82\xc1\xc5!\xa3\xd5\x94\x81\xb5&amp;\xf5\x1f^\xce5\xa6\xc9,\x8d\xe3\xb6\xfb\xf6]_\xde\x90\xd2\x12\x9a\xa6-\xb5\x89\xa4e\x87\xed\xacm\x80\xf9bB\xadv\xdb4\xc1.\x97\xceRa\xc0\x96\xe5f\xb7!\xdcV\xb4eF\xee\xe9"\x86!R\x0b\x03\x06\xa9Hp-\xb7\xd5Q\xc7\xc4\x988  \x031\x02\x13FA\x82\xc6h\x8c\xca\xaa3\x9f\x1c\xb3\xcfs\x8a\xbb\x93\xbd\x8e3\xd6\x83\x14?\x91\x1f\xff\xff\xff&lt;\xe7\x9c\xbe\xe7\xe9i\xd8I\xb4.-]\xbaz\x03\x81\x96Vn\xdcXY\xean\xc5suE\x81a\xa8\xa2\x1e\xa8\\\xcd\xaa\x1da\xc5j\xf9L\r\xa1\x07\xb9\xfa\xed\x05\xdd\xed\xe9m6\x90\xab\xa3ui\x05\x06\xbe\xdc\xf8\xf2\x8b/\xbe\x04\xac$g|}^^E\xbf}\xc8UQ\xe8r\xd5\x96\xa9&gt;m\t\xeb\x15O(\xf4J\xb01Xm\x00\xac\xf6`\xd6\x9fN\xb75T\x96\x00\x10\x19\x84\xea\xc6J\xaf\xb3^\x07\xa3\xc2\xdfta\xe4\x92\xab\xd6\xd5\xecS\xed\x0c\xe7\xcdS\xdcy\xa9\x95J\xe5V[\x93\xc13\xd2\xde^\xd6\xd6\xd6\xd6\x90\x9fol-\x01\xf7\x00\xeds\xa4\xaa\xe8E\xac\xf8\xde\xde\xc2\t\xf7\xd0\x88\xcb\xd5\xdc\xec\x0b\xaa.\x86\x15k\xd3\xae\x1dj%\x80\x95V\xbb=\x93\xcd%\xe9\r\x80\xd5\x00\xff`Y\x84|-\xc1\x9e\x14\xf6\xa5Ng\xaf\x0eV\xc8\xde\xa4\x11\xbbg\xa4\xb9\xb9\xbb,X\x94\x11f\xac\x88[fPk\xf0h\x93\xdd3\xd1]\x02g\x1f\xe0:o+-\xc5\xa5\xa7\xbf\xdf?1\xd9}\xa9\x02\xb0\xe2\x11\xab\xd7e\xb7O\x00\x95\x8f`\xfd2\xbcXB\xa5~pp\xd0m\xf0t\x00Vk\xb0!\xd8\xd0`\x83\xcd\r\xecJ\xed\x9d\x9e\x02\xff\x84\xcb\xe9t\x96#V}\xbd\xab\xb3s\x02j\\\xb0\xb18\xf7]`\xe9\x07\x8f\xba\r\x9d\xfe\xeeZimz\xa5/\xbf\xb2\xac\xa1\xae\xdam0X\xec\xf6\xbaIW\x12H\xd5\xeb\x94$\xc3\xd1\xc2e\xef\xf4\xfb\xca|p\x14\x7f\x07Xj\xa2\x96\xc5]0\\+M\xad5V\x16\x1b\x8d\xad\xc3\xfd\xd5n\xb7\xbd\xce\x7f\xa9\xb7\x9e\x18(\x89\x7f\xff\xe0\xc1\x93#\x86\xce\t\xa0j,6\xa5\x85\x1d+K\xad\x04\xac3\xd9\x96j\x7f\xbbT*5}l\xc47\x08[\x87O\x9f\x9et\xf5\xe6a\xd6\xe1h+I\xdev0\xef\xe4u\xc3\x85\t_\xb0-\xdf$\x0b\xb7Z\x9b\x00K\xa3D\xac\xec\xa6\x82\xee$r\xfdo\x8f\x89\xdci\x96\x00\x91.\x8fh\x05g\xfemy\'\xaf\x0eY&lt;\x1d\xc1\xb6"S\xaa\xcc\x18\xf6\x99\x08Xj}\xcd@Ofv\x93\xbfP^+\x93\x01\x96\xac\xa4\xbd\xa4D\x8e\xfb\xe6x\xa7d\x05o\x9en\x01\xaa\xc9NCgCc\xa315U\xf6\xd7\xb0c\t\xd5B\xb3z0\xd0\x93\x99i)(+\xac5\xc9L\xc6\xca\xe1J|\xb2\x99\xde\x9e\xe4Lr\xae\xc8\xdf{/y\xcbA\xa0\xf2\x18\x0c\xd5YY\xc5\xa9R\xb9\xec\xe3\x9d\xef\x00KhV"VOu?&gt;k\xf5\x9d\xb7\xd9\x1a\xf0\xf9@YwY\xc7\x88\xab\xd0UXX\xd8[\x7fu\xc4c\xb0\xb8K\xb7\xe6\xa7\xe2\x15\xc1w\x80\xa5\x813?&gt;\xb4\x8e\x05.\xa8\xa1\xb6\xfe\xbaR\x1b\x1c+:\xfa\xfb;:\xfc\xfeI?\x8c\xfeI8\xdc\xda\x13\x12\x0c\xa5A\x93\\[\xfe.\xb0\xb24\xc2h\xa1F]\x03\x1b\xf9\x14\x83\xdb\x8d\xe7\xc4\xa6\xea\xba\xbaN\x7f\x7f\xc1\xd0\xd0\xe4\xe4\xc8\xf5\x02\x8f\xa7\xb3`\xc8c\xc7\xf7\x00l\xcd\xd2x1`\xe5\xfe\xb6%\xfcXB\xb4q \x13\x8e\xce\xd9\xd9\x16\xb7\x05\xe0\x9a`1\x1a*\xf0\x14\x1c;v\xfd\x98\xc7n\xb7\x1b\x0c\t)\xb1t\x8a\xbb\xa3V\xae\xd3\xa1Z\x7fl\t\xbf\x89\xd1\xd1B\xb3\xe6hO6\xde\x89\x00\xb2\x04\x8b\xc1b1\xc0\xca\xe3\xf1\xe0\xf3klZIHH\xa1\xe8\x14K\xf5\xb03\x19\xb0 \xf2\xbfk\t\xdf\xc1\'\x02\x9fK\xe1\xbbo\xd1B\xa1F\tg\xc4\xc8H\x1e\x17\xbbj\x00$\x05\x9bj:A(\xbb%\x85\xa6\xb9\\\x05\xc5\xb5\xd4\r\'\x95\xeb\xf2P-\xa3no\xd8\xa0H\xb3\xf2\xe7[\tV4r\x01V$\xa5P\xc4rSR\xe0`oq7Y\xc0\xbc\x84\x14ZASTdlvi\xb3\\\xabE,\xb9,\xad&lt;&lt;\xbd\x05\xd8\x80;V\xd5\xb2\xf7o\xa5J\xc4\x82!\xd4\xe8\x03\x99\x91\xa1f2n\xac\x82\x8e\x05/\x13\xf0.\x12%\xc0\x06\xb7\xc8\xcc\xd2ti\xb9X\xa7\xdb\x02X\xa9{\xf6\xdf\x8e\xd8\xf8\xd3\xde&amp;\xd4\xae\xbdg\xc7/\x1c{\xf5\xf2pS\x80`e\x81\x8d\xc05\xd0\x13j\x14\x8eT(h.\xf6G\xd1\xb4\x02\xdb\xdbx\xbc\xd8\xec\xbat\xa9D\xac\x13\x89\xc4\xc9\xc9\x92\xd4=\x19\x7fhii\xd9\x05\xe3\xad\x81\x81scw\x17Y\x81u\xfe\xc5ttO\rl\xe5Cj\x99\xcd\x1a\xa5\x1e|T\x84\xb8 Lx\xab\x8b\x17\xc9\x03(\x8b\xfb\xbcI*\xc1\x0bz"\x9d\x18\xb0\x8c\xaa\x8c{\x8f.\xde\x9d\x99\x99Y\xa8z+\x9d\xba\xa0T\xd5\xcc\x05^\x0c\x873\xf5\xd5\xf7\x8f\xf57k\xf4J\xc0\xca\t\xc9\xa5Q\x0f\xf6d\xe2\x1bo\x9b\xc1L.\x97\x87\xcde\x8a\xc8\xc8\xcc&amp;[\xd0\xf8\x81\xa4\\,\xda\x96\x97\'\xd2%K\xa4\xc6Or\xe6&gt;z2.\xa0\x05\xd6\xa9\xbbc\xbb~.\x18F\xea\xec1nL\x0c\x8f\xc3\x9b\xdd1=W\x13\x00,\xac\x10!\x1b\xcdjX\x1ea\xd5&amp;\\\x99\xd9\xa4}92\xd6m\xf3\x99L2\xbc\xb3.\xda&amp;"jI\xf7|\x98\xf3\xfc\xd7O\xfb\x16Y\x96\xe21S\xd8B\x1c\xf1\xf3\x82~\xf9\x8eW\x81\xdd\xa31\xd6\xe5W\xd3\xcfkjj\xf40\x15\x01\n\\\x14F\x9b\xc9\xd0\x07\xce\x100x\x016w\xa9\xaf\x98\\Y\x07*\x18\xefo\x11k\x01\xeb\x93\x1c\xc7\xeaw\xb7g\x19\x96\xe1Pt\xd7\xd4\xd9\x9f\xccE&gt;\xba`a\xbc\x8b\xa2\x08\xd6/\xd6\x1e\xfc\x00+\x07\xbe`\x00\x13\xbe\xaa\x95G\x07\x06\xce\xf4d\xf7\x9c\x19(=?\x9cn\x92!U\xb9\x18\xb0tQQ"\xc0\xfa\xc0\xa4\xca\x89\x9e&gt;\xf0d\xd9\xca2\x14\x87\xf1\xf2\xbb\xbe\xf9io\xa4\x92\xcf.\x98\x19\xf5R\x1c\x1e\xc5A\x0fc^c\x85\nD\x8e\x03;\xc9\x90\xca\xe1p [cNcQ0\xe8+.N\'\x9dnha\xd4a\x11P\x89\xa2\x00K\xa6:\xa4y\xfc\xd1\xa3\x855\x01+\xe0\x08\xacV\x8a?_\xf5\xe6\\\x18\xa9\x85\xf9k\x1c\x0e\xcc,\x1e\xf6Ns\x10\x0b\xb25\x08ji\x08U#|\x11\xc5\x1cd\xc4\x15\x15\xa922r\x8dh\x9f4\t\xb4\xd2j\xa3\x0e\x1f\x06\x0f\x7fCL\x94}xH3w\xea\xe9\x95)\x8a\x15\xf0\x04\xb4U\xc0S\x8c\x8f\xbd\xa9\x91\xd8;=\xde\xc5\xddh\x00\x16\x84\xb0\xba\x1e\xdc\x9a~\xac\xdfH|\x8e#\x11\x86\xc3\x01\xffq8\x12\xe3\x80(#\xb78\x17\xaf\xaaK\xe5I\xf2#r\xbcV\x1c%:L\xc4\x12\xc3\x16\xc2TT\xf4+\xc0\x1a\x1b\x15\xb04\x07\xb0\x18j35\xba\xf0F\xa5\x02\xa0\xae\xcc_\xa3\x81\n\x1b\x809\x14C\x1a\x80y\xfc\xe5\xcb\xdfO\xab7\xea\x83#\xb11\xb1(1\xb1\x11\xa1\x90\x0b\xa8\xd2rw\x13*\x18I\x84\n\x90\xa0\x9aF\x01\x96Dj:tH\xff\x18\xb1H\xe6\x19+\x9f\xe1m\xe6\xac\xcd\xff\xe8R\x11\xb1\t\xeb\x14@a\xdf/E\xc8\x18Nh\xdc\xed{1\xfd00\xa8\xc4&lt;5&amp;&amp;\xc6%n\x8c8\x18*\xc0J\x03,\xc8T\xb9\x1c\x1dD,\x88\x16j\x95\x0c&amp;\x1a\x01kz\x03\x0b~\xa3\xd7\n^\xc6(\xacP*~\x0c\x18Y\xfa\xbe\x1ae(.\x83X\x02\x1c\x1cz\xa3\xfd}|\xfd\xd5\xfd\xe7PN\xcd\xc4\xc2\xa2\xc4"\xe4yME\xb0jS\xe5\x12`*G,\xb0P\x84q\x17\x8b\xb5\xb0&amp;\x1a\x0fe\xe9WO=B\x13Y\x0e\x05\x99g\x18N\xccf\x01\xdfzg\xe1\xff~n\x04B\x8d\x9d\xbd\xe3\xa5(.W\x00B\t\x18\x06\xfe4\n\xbeI\x17\xf7\xd4\xfa\xad\xfb\x8f\x03\x01%\xc1\x02\xa08\x95\n_\xffI\xb5{\xff\x91\xe3\xc7\xf1\xae:\x90Aq\xc0y\x98\x0c\xaa\x89\t\xd6_\x94_\x9fz26E\xb0@-\x86\xa5`~3|fm\xf6\xca\xff\x14\x0c\xa1\xae|s\xc1\xcb\x85\xc1pQ)\x10\x1c\xe1\xb8\xd8\x8c\x0fX\xde\x07}\xcf\xee;\xce\x00\x16\xa4\tqT*\x04\x83\x1f\x18\xf8\xb4\xddi@\xb5o\xdfq\xd4G\xab\xc5J\n\x0ej_ce\x05\x1e\x9e:p\xbbo\x8d\x01,\x01V\x08t\x11\xb9X\xeb\xe2\xcc\xde\xff&amp;X\x04&gt;\xa3\xe8\x9b\xbf\x96\xc0\x84\xa8\x04\xff\xc0\x82\xbc[G\x97G!\xfa\x02pqu\xeef\xcd\x86Z\xa0\x94*\x03\xb9BT\xa0\xd6\xfe#\xc8\xb5O\x8b\x82!\x14bA\xc4\x00\xab\xa4x\xeb\xcd\xe9S\xdfU\x9d\xf5\xb2\x10y\x8e\xc0k\xa5\x88\\1\x1c&gt;\x9ff\xbbF\x17\xfe#\x18\x89\xd4\xe5\xf9k,\x97\x06,\x9a\xc6Ha\xc3;\x14&gt;o\xd7\xe2\xe8r\xdf\xc5\x93\tP\'\x16\x1f\\~v\xdf\x1c0\xe7\xe0\xdc\x83d\x15\xc1\x04\xccP\xa1Z\xb9\x1bX@\xa5\xdd\xa7%\xc9\n\x89\x95,&amp;\xf5AV\\\xa3\xfe\xfa\xdc\xa3\xaaY\x96\xcf2\xd6E+$\x1e\xa7$\xc8%\xe0\xb3,\xcb_\x9b\xef\xfb\xb7\xbd&gt;BUA\xf1\x04\x1e\x98\x80\x0c\xf2\x08\xb0\xe9\xdd\xbb8:;\xf3\xed\xad\x9d\x17_\xde;1=\x00r\xb1w\xd7_\xae\xce\x05\xd40\x13C\x91"\xf6ed\xc4\x85\x92\xb5\x1b\xc4B.\xe2\x1c\xc1\xd2\x02\x96\x18WjS~`\xee\xdc\x81\xdb\xebS\xe0!;\xba\xbe&lt;\x05ye\x89\x8d\x1c\xc6Js\x01\x968\xf9\xafP3\xd7\xbbh\x86&amp;R1(\x14\x15\xc3N\xcd~{\xeb\xe5\xbdg\xdb\xb7o?\xf1\xe7\x13\xab\xab\x0fc\xc1\xce\xa9uH\x97Y\x1fMJh\x08+77#\x94,\x08\xfcq\x18\xfb\xb4\xbf\x87\x99H\xb0\xc0\xbed\xf4\x10\xb0d6\xf5\xea\xb9\xa7{aId\xf9\t\xcd\x8f\xaa\xfaf\xbd\x18w\x94\x8b\xe2[\xc1$&gt;\xdf{\xe7\x87\r\xf4\x11\xbbZ\xfa \xe7thp\x194\x90\x814\xcd|\xfab\xfb\xdf\x898\xdf\xd0(\xf2;\x8co\x96\xb84\xect6K\xe6\xc4\xa1X\x9c\xbd\xce\xf5\xe0\xe6\xa8t=\x98\x1f3\x8cM-\xa1\xe3\x0c\x12\xb5!\x82\xac\x8a\xe4\x95\x84%\x1c\x88\xa4\xd0\x17\x07\x15\x9aip+\x13\xee\x85\xc5\x1b&amp;/\xa2\x05\xfb"\x92\x1c\x04\x829\x16\x82\x180Y\x96\x9a-W\xe5\xb2\x89\xc9\xe6\xaf\x11\x13\xd2\x98\xe8\xd9\xe7\xfb\x9b\xd5\xfe\xd45$\x1a?\xfb&lt;\xcf\xf7\xf9}\x03n\x0c\x16.\xe9\xa1\x87\x9f\xa19s\x1e\xd5\n\xb9v\xe7f~{\xf2\x03\xd6\xd9_^\xb8@`\xe4 \x0e\x99\xd8\xd9\t\x1by\xbb\xc3&gt;~\x10\xad3\x7f\x9a\xa9\xe4^\xd4\x86\xe3\xc9d\xe2\xceR\xb0\xf7\xfa\xfe\xf2p:M6\xfe\xa4\xa1)\x95JA\xc4T\xc7\xa3\xc7\x1fZ\xffw\x97\x9eL&gt;\xfc,\x81?\x8d\x03\xff\x12M(\xd0\xe4\xf0\xc8\xeev\xbe\xe41\xc3\xd4C\x88\xe5y:\x9b\xba\x83\x0f\x1c\x98\x1d\xfc\xee\xf9\xdc\n\xc9u\xec\x17\xc7\xea\xbdp\x1a`|\x0co\xdc\xb8\xd2y\xa5\xf3\xd7\xe0\x82X\xcd\xcd\x11\x16\x17\xeb\xab\xeb\'\x97*;\x97\x96o!H\xc7[\x02-\xd0\x9f\xef\x0e.\xcc7B\x00\x92\x0b\xb1o\x02\\\xc7\xc3\x0fFb\x9b"\x05\xdfc!\xed\x8dM\xb3\x0b\xbb;\xd0\xa84a2\xd3d\x96\xe5\x9b\x9eg\x9ap\x116N\xd7\xc6\xe6\xa6N~\x1c\x8db\x1d\x8b\xc0xg\x81\nbq,\xae\x16\x95\xc3!\xba\xa8\xcf|\x12\x89\x05Q\x12\xc7grA\x10\x16\xc3\xed\xdd\'\x93}\xb8n\x7f\x8a\xd4\'0\xf2\x08X\xaa\xef_\xf5\xef}\xf3\xf0p\x82F!\xc9\xb9@u\xa0a~\xf2?{R\xe0\xf8\xc5rIg\xcc\x90$#\xcf\xf2\x9e\x97\xf7\x06\xe8\xe2\xbe\xb5\\\xdb\x9b\x9b\xf9\xe4\\\x1d\x8b\xebt\x8a\x1e\xeb\xe5\xd0\xd9\xd9\xdc\t\x0f\x0f6\xd7K\x0b\xbb\xe9\xa7_\xfe\xeco+\xfb\x95\xcd\xf5g}\xf8\x07\x1a\x07^\xedXA\x18jAi\xfb&amp;\xaa\xfb\xa3\x03G(\xfcI\xc8\x01\xd5\xfa\xea\x8b+\xb7\x8fc\x91TX\x13\xa6\x1f\xef\xe9\xa6\xe4;\xcej\xb9&lt;\x91g\x8e\xa1\x17\x8by\xdf\xd0\xbdp\xe50\xdd\xdc\xc3/\xbf{5\xb7\xf5\xf1\xf5\xbaX&lt;\xeb\xa7\xdf7&lt;\xd7\n6\xc2?~\x1b\xe2\xf1\xe2\xc5C\x9f\x9e\xf9|\xaaR\xc5\x18\xd23??cU\x95\x801-\x1b\x94\x16\xdf\xb6\x8e\x0c\xa7?J7\xa5\x1a\xe3\x89\xc64\\K\xa5\xd0aH&gt;\xc1\x90{I\xfc\x82\x16\x93\x8f\xdfTY\xc8\x1c\xcbw\xf3\xe5\xc5\xb2g2]\xd7\'Jy\xcb0\xc3\x8d\xdbtow\x90\x8dK+\xe7\x8e\xf1r\x8f\xb0\xf8\xb9v\x8d\xf7\x03o\x88C\x94,\x92\xec\xe8\xd1\xa3\x17\x7f\xf3\xf3s[\x95\xcaZm\x9a\x9e\xf9\xf1\x15C\xd3T\'\x00\x96\x9b/-\x96\xb6w\x17f\xd1\x15\xb8x\x9b\xd0d\xc0\xea\xf8\xec\xe1\xf7\xf7cq\xce\x85\x07\xdc6\xf3\x04e\xb9\x8e\t\xb5\x98\x0b\x17\x17\'\xf2&amp;c\xcc\x04\x97a\x19s-\xf4\x1dX\x1a\xe6\x97ko\xf6\xa7N^\x7f\x9f,\xe2\xa1)\xfc\x0b\xcd"\'\xeb\x8c\xda\x81\xc0\xe8u\xb0\x17\xbf\xbe\xbcT\xd9\xbc\xba|\x8b*q`*\xd0X\xde4\xb4\\Vc\xc5r\xb9\xa8\xef=\x98\xeck\x8c7p\x1b;\xe8\xa4R\x8fbM|\xfa`nC\xdf\xe4\xe3\xb5Wa\xa0J\x163\x11(\x97\xe4*\xe9\x86eA)\x0fSi\x19\x1b\xb7\xe9\xfb\x9d\xc0\xc6\xfb{\xfb3-\xbc\x1aNG*\xe1\xd0ou\xac\xe6\xe8\xf4\xf7\xf7\x1f\xfd\xe3\xddo\xbf\xfd\xa2e\xa3"?\xad\r7\xa4\x12\x89\xf33\x8e\xa6a\x9c\x98\xa2d\x15\x16\x96\x16\xcbzX\xdd}\xf6\x08H`hLv\xa4\xf8\x89\xc5y\xad\'\x0e\xa4\x87G\xdeTU\xcbd\x8e*\x19LR\xc6}\x97M,\x960\x87\x96$YF~bB\xcf\xeb\x97\x8f\xf0}u\xba\xf6\xba\xba\xff\xee\xcf\x17\xa2\xa5!\xba\x9f\x01\xf6\xcd\xa0x\xb2\xb5\x00\x00\x06\xcfIDAT\rjS\x9ez\xa8\x05\xa6\xfe\x7f\xdf\xc5\xb9\xf8\xcf\xad\xfd\xca\x1a\xf2\x9e\x88\'\xe2-&amp;\x1b\x0f\x8bE\xdd4\\\xdb\xc1$\xe1\x99\xe7\x03k\xef\x01\xda\x15\xa3\xd7\x98&amp;\xa6$a\xa5\xe1i\xbaa~aw\xdb\xd4\x14\x95\x99\x06QH\xb2\xe1+\xbeW.\x9a\x1c\x0b\xefb!\x14\xdb\xb8\xc3m\xec{V\xdb\xdd\x9f[\xf9\xfa\xf7\xa7"\xdfx\xd0\x81\xc4\r\xbcB\x1eB(zE\xe0]z\xf1\xdd\x17+\xa8\xac\xab\x83\xb3h\xea\xc6;S!\xa0\x8a\xa1i8\xae\x13\x18\xf9|qq\xb1\x88\xb0\xbd\xda\x1dy\x84ZmjLDr\xc5\xf8J\x05\xff\xf6L\xcc\x9f\x02\xb9LK\x02\x89\x8cg\xe3\xa2\xb9`"QI*)\xe6Ml\xdd;B\xb7\xe5\xec`m\xaf\xb2t\xf6+\x08\x15\x85\t\x1c\xcdW\xf8A\x9f6\x13SO;\xbd \x10\xe7\xe0Y^Y?\xd0fr~+\x0c\xf3y\xc6\xf0\xf9\xb3\x8e\xef\xb8\xe0\x82\\LB\xcc\x90\xb0\x14\x02\xfe\x1e\x0bPM\x8fFv\xab\x9a\xa3\x87\x92,SIY\xbe#\x8b\xbe+\xd8\xf9\x89R\t\x94\x92\x1a\x1d\xc92\xc3\x99{\xb8\xc8\xe3\x8d\x88\xd7Ne\xea\x14\x16Qn\xda\xc1\xfe\x9e\xf6\x9e\x83\xcd$Zss\'\xa8\xe8u\x81\xad8m\x7fo\xbf\xf6n\x7f\x14\x16v`Y:\xbc\xc2\x02M\x93\x90\xf6lVq\xfd@q\x19\xe4*\xe7\xa5\xac\xec\x84\xd5\x17\x0b\xb7\xd2hv\xba5\x81u`\xfe\xfb\xb1M\xc3\x92}]wT\x19ra\xe8$`)\x82\x9b\x1f/\x96=\x03T\xb2(\x03+\'k\x86\xb9u&gt;Mw\xf9t\xedia\xe8\xed7t\xc1`\xde\xfa\xdb\xbb\xba\xda{z~\xd5O\xee\x11\x15A\xb5\xe1\xb4v}\xf9nit\xe7),\xc4\x1a\xf0\x0f=\xd0\xb2\xbd\xbd\xbd\xa2h+\x16\xd9h\xbbL_\\\xd4\x9d\xac\xa81V]{\xfc\xa8\x81\xb8P\xef\xb1\xf40JAV\x1d\xcd\xd2u_\x15!\x97\x89x\x11\x96=\xee\xda\xe3\xb8\x80H,Q\x14eY\xc5L\x07f\x0b\xfe\x81\xa6t\xdf\xf2\xfa\x8b\xde\xa1\xb7\x07\xdb{\xea\x188\xed \xeb\xe1\xa1\x02\x15A\xddl\xebn&gt;\xe5aU\xaeM6b\x0b\xb8\xbdA:\xf5\n\xf4\xb9\x14\xd7\xce\x08\x8a\xa2\xf8p\xb1h\xa8Y\xc5`\x81\xbc\xf9\xe0\x07\xaaT\xf8\x18\x9b\x1e\xdbf\xaa\xa8"\xd4\xbag\xc8\xa2\xa8\xfa\x94z\xb9\xa0*\xe3\xae \x18\x18@\x0bj\xe1\x03\xf8\x10\x04\xd3\x82\xa9\x818}\xf12;xim(\xb7\xdd\xde\x85\x1f\x11Fkw7\xdel\xafS\xdd\xc4i\xeb\xee\xb9\xb1Q\xa1}\x86\x16\x94\xe3\xef@\x05\xa5\xc4B\x06\\B\x06\x8f\x8a\xab\xf8\x13\x8bE\xa6\xf6\xca\x16\xb3\xb2\xb9\xe7c\x93\x98CTWl\xecm\x114\x11\x16S\x0bx\x0brIb\x06\xa3(\x08\xb6\xaf\x97\xc8E\x196\x92\\\x88\x85\x1b\xcc\xdcNb\x0fi\x18\xae]\xdd\x19R\xb7\xbb\xb8P\xa08q\x93\xc8\xba\x88\xac\xab\x95c\xb5u\xb7wn\xec\x8f\x16\x9e\xbe\x9c\x8d\xa7\x12\xf1O\xac\\ooV\x16\x0b\x85LF\x103\x99\x8c-\xdb\x8a\x82vD\xb8\xc4\xaccXYA{\xf5z\xb2\x83\xaa&gt;Ve\xba!\x16d`\x99\x9e\xa9\x16\xc0e\x11\x16E\x1eX.\xfa\xca\x84\xa5\\.`IRNc+\xc7\xf9\xe5&gt;\xbd\xfetgH\xfa\x91\xa2\xddv\xf3\x04\x0e@Z\xbb\xc0\x15\x89E\x90\xfd\xd7\x96F{_\xacO&amp;\x13IX\x98\xa3\\e2\x84\x85#\x90\x89\xb6\xeb\x8e\x97\xcayG\xce\xe6\xac \x9b\x15\x9c\x88\xab#&amp;2\xcf\x8a\xb0\x98\x07\x9c\x82\xa8\xf8\xa6\xe9K\xbe\r(\xdbV\x98\x0e\x17)\xf1\x91\x8d\x92\x93\xcbi\xe1\x00\xbf\xd9\xfbF(^\xd5.\x8a\x11\xc7".\x18\xd9\x15%\xab\xb5\xb5\xbb\xe7\xbfS\x95Q^\xa4\xa9\xc4\x91\xcb\x96\x96\xa5d\x11W!Ch`\xb2\x15\x1fw\xdc\xaa\x85P;\x8e\x98\x15\xc4\xc0\x1f\x9b\xc6\xcd\x1d\x93M\xcf)\x14H\x07\xe6\xe9\xc0\x02\xa1\x81u\x06"\x13\x16\\Du![*\xe7\x02\x96\xa6\xe4\xb4\x99\xdb\xd8\x8f\x92\xc9\xd9\xc1\xf5\xb5\xa1\xa1\xe7\xe4 a\x8d\x9d\xa0\xff\xc0\xdcM\xaeR7\xe0\xadN\n\x16\x8a\x14{@\xfc\xce\x14\x92\x95\xcb\xe5\x04.\x15\x17\x8cc\xb9\xe3\xabe\x84K\x145M\xb0\x05\xdbq\xaa\xbb\xd3\x1d\xc9\x98\xaa{j\x84ey:t\xcb\xc8\xd0\xcd\x903\x02\x1d`\x99\x1e\xcd\xe2\x07.\xb4\x8e\x96\x0bV\x0e\xd3.\xd44\xfc\xf2\xea&amp;\xb8\xeaXt\x08\xab^Y\xdd\x10k\x0e\xc1\xaaM\xf2o\xcf\xb5\x82n\xc8*\x9a\xab\x08\x11\x18\x8e\x0c\x13Q_\xe3\xc5"\xf3\xc9\x10A\xb1\x05\'\xc8U\x91{`\xe9u,\x83F\x11\xe1B\xe6)W\x82(\x88p\x11\xef\x85\\4\x86Q\xbc@\x95S\xc2\xcf\xe3\xe4c\xc3$\xc5+\xfbc\x9dj,R\xab\xbd=R\xab\xabsithm}!\x89\x99\xc7\xfe\xae\x91\x87\x1a\x04\x12\xea`\x02\x98\x14[V\xc6W\x8by\x8b*(\x03dg\xdc\xc9\x82+&amp;y\xba\\W+\xc2\x92-\xd3\xb2\x81\x14\x81\xa1Xt\xdcJ2\xfe:qe#\x1bsS\xf7p\xb1&amp;\x12}\x0b\x7f}14$\xb6\xd6\xb5"\xacV`\xdd%\xae\xee\xfe\xa9\xca\xd0\xe6\xa5\'\xf3\xf1\x04\xbe\xd8Y\xd1x\xb7S%(\xb6-\x90\x19\x88\xbc\xef;\x10,_\\e\x92(\x14\xdec\xf5V\xc7b\xfe\xc4\xff\xb1&amp;\xd0\x10\x82b2\xc5F\x0f\x0b\x05\x81\xda\xd87u\x1dO\xc6\x96U\x97\xde-\x03\x8bB\xb2\xf5\x07\x94W\xa2i\x9e\xc7\xab\xfa\xc1\xc3\xb66\xa8u\x17\xd7!\xa8\xd0\r;Xg\x92X\xd4\x93\x03s\x88U\x8ec\xb9\x1c\xcc&amp;,\xd9\xf5\xb1\x11\xc8\xee\xea\xea\xaa\xa1f\x08+\xeb\x8f;\xbd\x99\xffui\xc6\xac\tCQ\x14\xb6\x1d\n\xa5b\xe7l\x8d\xf0\xa6fs\x89\x18\xb2?\xbc\x83\x83\xab\x7f\xc1\xadC\xfc\r\x82H6\x17\xb7\x87\x82K\x0bn\xf7\x178\xb4n];H\x91\x0c-\xa4\x81B!\xe0\xb9\xd7X\xd0\xb7\x07\xce;\xe7\xde\xef\xde\x07Ir\x91\xa5u\xae\xb2\x94\x0cQ\'\x15~\xcaw(.\x8c\xd30\xc4e\xc0&gt;\xf5\x0bvIK\xc5\xcb\x07\xd9\xfc\xef\x9e_@/\xf77=\xa9\x92\x9f\xf6\x17\xa3Q\xaf7\xfe\x8d\x1c\xd8\xf0\xaa\x18z\xfc\x19 {q[u\xd1QW\x1dv1\xa7\x9e\xe5,\x03\xbaT\x16\xab,\xaau\xb6\x95\xacXey\x06\x8c\xf7\x91\x19\xc2\x96\x14-\x89]\x912\xc2\xf8\x9e\xc2+\x88\xe1\xd7fu\x855M\xe8\xf55q.\xcfw\xc7S\xec\x8a\xa2(\xcb\xb0\xdc|:\xb0a?\x03\x1b\xeeo\x97\x1fbUK\x8a\x93\x08\x9bC%\x0c\xbd\xc8\xc3a\xd7\xa2\xbc\xb2\x14\xbd\xef\xd7}fJ\x9a\xad\xa0\xd6\xde\x9e\xb9e\xa26\xa1\xf1\x1a\xcdI\xc3\x8a.k\xbbx+VE\xafS\xc8b\x93@\x8e\xc9[\xffZ\xec\x9a\xe9p\\_\x1c\xe7\xde\xd7\xee\xfb\to{L\xb8\x1b\x0c\xc3\xc0\x0c\x8c$\x80Z \xfa\xd7%\xbc\xceXcd\xaf\x92\x85\x02\x0b\xe6\x07\x03\xc8\xee;\x17\xc5\x16h\x00\x00\x00\x00IEND\xaeB`\x82'</t>
        </is>
      </c>
      <c r="M169" s="3" t="n">
        <v>45492.6784837963</v>
      </c>
    </row>
    <row r="170">
      <c r="A170" t="n">
        <v>604274</v>
      </c>
      <c r="B170" t="n">
        <v>1954</v>
      </c>
      <c r="C170" t="inlineStr">
        <is>
          <t>William</t>
        </is>
      </c>
      <c r="D170" t="inlineStr">
        <is>
          <t>William</t>
        </is>
      </c>
      <c r="E170" t="inlineStr">
        <is>
          <t>LD</t>
        </is>
      </c>
      <c r="F170" t="inlineStr">
        <is>
          <t>LAT</t>
        </is>
      </c>
      <c r="G170" t="inlineStr">
        <is>
          <t>LD/MD</t>
        </is>
      </c>
      <c r="H170" t="n">
        <v>176</v>
      </c>
      <c r="I170" t="n">
        <v>12</v>
      </c>
      <c r="J170" s="2" t="n">
        <v>34791</v>
      </c>
      <c r="K170" t="inlineStr">
        <is>
          <t>Right</t>
        </is>
      </c>
      <c r="L170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b9a584f-c9d4-41fc-a3c6-5765832d34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f0\xbd\xa9\x00\x00\x03\x00PLTE\xff\xff\xff\x003\xc8\x005\xc3\xfc\xfd\xfd\x05\x07\t\x003\xc0\t\x0c\x0f\x02\x03\x04\xfe\xfe\xff\x00\x01\x01\x008\xcb\x001\xc5\r\x12\x15\x00&lt;\xce\x00.\xbf\x001\xba\xb4yg\xb1t`\xbcua\x00(\xaf\xd8\x83m\x003\xcc\xc9|g%\x18\x17\xa3dS\xbf\x84q\xba\x83t\xf7\xf8\xfa\xc3\x7fk\x00N\xe8\xc4xg\xc6\x86s{PE\xc9\x81n\xd4\x80i\xccu^\x00!\xa5\xcb\x89x\xacm\\\x00C\xd2\xa9rc\xba\x80m\x9d\\O\r\t\t1\x1d\x18\xc2\x8cy\xa3jZ\x01)\xb4\x00$\xab\x9baT\xb4nZrH=\x9eTB\xa4_M\x00\x1d\xa0\xdf\xa7\x9c\xc1xb\x94^R\xbe\x88y`7,\xb5~n?(#\x10\x18\x1c\xdd\x9c\x8e\xce\x80j\xd2\x89y\xbd|gkC8\xbbp\\\x00]\xf5\x1a\x14\x14\xd7\x8d{\xc6oYT4+\x91RB\xcf\x85q\x00X\xf1\x01.\xc3\xa5YH\x91YK\x89UI\xae_M\xc5\x8e~(\x1f \xd7\x91\x85\xc4`L\x85QC|H:W&gt;8\x01:\xc6\xda\x88s\x00I\xdb\xc5\xa0\x8d\x006\xce\x00F\xe25#!\xabeVy@0m:-\x18\x1e \xc5\x94\x81\x01*\xba\xcc\x91|\xcd\xa6\x94L,$\xcb\xe0\xedD1-nNF\xd7}h\xb1fS\xcc\x98\x85\x9bK7\x9aXI\xb3XD\x00;\xd1\xd2\xac\x9d\x00S\xedL73\x00B\xdd\xa9xm\xcbgT\xe2\xad\xa2\xe1\xe1\xe3cGA\x8b\\Q\xc1iR\xd2zc\x16\x0b\x0b\x9dod\xd4\xe2\xed\xb8fZ\x00\x1a\x9ab@7\xb9_H\x96f[\xdf\xa1\x94\xdc\x98\x87\xd7\x84w\xc1f[\xb2sg\xb9^S\xd0\x7fr\xc8\xd9\xe8\xd1\x99\x8e\xe1\xb5\xa9\x83J&gt;\xaaVB\x00b\xf9\xf0\xf3\xf7\x7fZQ\x01Q\xe0\xbcyn\xc4\xce\xd4.\x13\x0e\xcb_N\xc4\x98\x88\xdd\x8f\x7f\xed\xee\xf1K#\x17\x01/\xb1\xc5ob\xbb\x8f\x80\xba\x98\x8a\x1f*.\xc4wr!\x0e\x0b\xd9\x9e\x97\x9feZ[)\x1c\xe3\xea\xf1\xbafQmw~\xbcpk\xc3\x80z,-3\xd2j]\xce\x8d\x83\xd0rm\x00;\xd7\x8dE1\x87c]\xdd\xa9\xa6\xd2\xd8\xde\x90\x98\xa1\xa4O;\x1a3\xbak0 ?\x16\r\x1a\x1e)\xda\xd3\xd5\xbc\xbf\xc4\x92I&lt;\xb1\x83x\x9f\xa7\xad\xbcR]\xb7fe3&lt;A\xdb\xe6\xf0\x80\x95\xce\xb6C9S]c\xc0OD\xd5te\xbf\xcd\xe5\xb6\xc5\xe2|\x88\x8f\xa3\xb5\xdd$A\xbe@U\xba\xafMKCc\xc8\xb0\xaf\xb5\xd7\xb2\xa3\x101\xc0\x91\xa5\xd6\x05\x1a\x8bAEJ\xc4kiFQWh\x84\xd3\xa1BC_kr\xdbw\x89Wq\xcb\x19:\xc8z1%\xcb]h%L\xc9\xddbulWU\x8c\x7f\x90\xb2\xa0\xa0\xc7\xa2\xa0\xae\xc3\xd3\xb27+g}\xc4\x9c\xb4\xcb\x8b::\x8cuv\xd7\xc6\xc7DN\xa0\xa9\x8a\x92\x05m\xfb6F\xb2\x9f/$\xd7G]\xce\xb4\xb4\';\xa6\x9d\x80}\x7f{\xaa\xc48H\x18\x18P\x0b\x13i09\x83b`\x9f64guR\x7f\xed\x00\x00 \x00IDATx\xda\xc4\x98\xdfK\x1b\xe9\x1e\xc6\x85\x0c\x93\x08sq*!\xe9\xd9\x88\xd5\x84.\xdd$,h#\xbak3\xc6V\xe2\x8f@j6\xd6\x8a\x1c\xd08\xd0\x134n\x14\x91\xda\xd8$Rj\xf5\x9c=\xc5V\x94*U\xd9\xed\x90\xae:\x90S\x885\xa2Y\xdb@\x0e\xe4&amp;Wz!\x81\\\xf4B\xd8\x85e\xaf{y\x9e\xef\x1b\xf7\xfc\x01\x87\xb1}\xc5\xc9\xcc08\x1f\x9f\xef\xf3}\xde\xf7ME\xc5\xff;t:\x9dF\xa7\xc3\xa7f\xe3H\xc9\x17\xf64\xb8\xd2h"{\xf8\xd0U|\xa6\x01\x00\x8dNc\xa2\x83f5\xaf\xa4\x93I\xe5\xb7\xd5\xbd\r\xd3^V\xc9\x9a&gt;\x17\x96\xae\xc2\x14Y\xfd\xe5(\x9b=\xfe\xc5dZ=\x15\xe4bQ\x12sJI\xc9fOOK{\x91m\xe0~\x06*\xddr\xba\xa0\xe4s\x19Q\xce)J\x92\xd3\xf2R.\xc3s&lt;\xcf\x8b2\xaf\x95N\xf3\xd9\xe5\xe5m\x93\xe9\x93c\x99\xb2\xe9\xdfKr./\xcb\x92\xc0k\xb5\x9c\x96\x93e\x1cy\x9ck++AY,\x14\x8e\xb7\x8f"\x9fR3\x18{/\xfd{^\xcc\xc89\tH\xbc\xc0\x0b\\%\xc7Wb0*\x1a6N.\x1de\x0b\x9f\x8c\x0b\xef\xd1\xe96\xd2\xca)\x9f\x913Z&gt;#I\xb2\xc8\xf1\\%\xe1\x90P\\\x19\x0b\xb8B2\x7f\xaa\x984\x9f\xc4\xfe\xa6\x8dH\xf6(\x92-\x15E\x11\x1a\x01K\x94\x93\xe2\xb9D\x0c\x89?\x97\x8b\x84\xe3x\xf9xY\xf3)\xc0\xb6\x0bJN.\xc2QIQ\x12*+%\x99\x13EA\x14PE\x9e\xe7\x88\x08\xc7\xffQ\n\x1c\x97,\x1cm#C.\x1a,R(I\xf9"\x99\x9b\x13\xf0v\x8e9K\x90d\\\n\x92\x04\xc7\x8b\x90\xf1\\\xafJI\xe2\xb4R.\xbd\xf7\x9fe\xc6uqt\xa6\xd5\xdf\n\x12\x9a\x8e\x89A\xfa\xb0\xc2iE\xd6\x82\x08\x07!)C"VH^\xce\x10\xb1\x88\x0c)e#&amp;\r\xa8L\xdb\x11\xcd\x85\xf8\x1dq\x95\xcf\t\xacH\xa2\x0c\x02\xed\x9f\xfe\xe6  \x9c\xcf\'3&lt;HpC\x94\x92\x880\x10r\x94\x1e\xe9=S\x85&amp;r\x9c\xdd\xbb\x08\xbdt\x9a\xd5b\x8er\x93)$\xfcin`\x91v\x02\x9d\t\x9c \xf2 \x11\xa4\x8cD-AN\xd3j\xf9\xa4\xb2\xad9J\xa7/$/t\x9alQ)\xe6\xc9\xdaP@,\xf7\x1c\xd4\xc0\x15\xb8\x04\x81p\xce\x079N\xc4C\x1c=L=)\x17\xd2\xe9\xd5\xd5\x0b\xc9}h\x95\xc1|\x83Wj\x19\x12\xbd\x8eR@\xcb\n\x05\x85\x08B\xcb\xee\xf3\x82D\xb9\x818\xc3\x84\xc4\x9e\x153J6r\x11Z\xe9\x8er\xa2\xc8Q\xf3\x9dG&amp;\x8bw\xc6\xe4f&gt;g\xc2\x90\xdd\xb4H\x0b\x01)\xcb\x9e\xe3(=\x08/y|\x01%\xd4i"\xa7\xe8v0\t\xecmZ\xf23O\xcd\xc8\xf16|\xda\xdc\xa0\xe4\x98\xc9Y\xc4\xa3\xa2\xd4\x9e\xecIz\n=\x99\xbf\x00\xb50;\x8b\xd4\xf0\x82 \x0bT\'\xc1\xcd\xdbln\xb7\x11\xc3\xed\xb7\xdb\xed\t\xf7\xa0\xd1\x06\xedl\xc6D"\x0e\x08\xceF\xe3&lt;\xeeY\x1b\x08\xa2\xb2\xa1Q= \xb6K\x82\x84\xbf]Irp"\xe7v\xbb\xed\xce\xfe\x99\xfe\xa9\x99\x99`\xb0\xeb\xfa\xad\xa0\xb3+\x98\xc08\xdc\xdc\xda&lt;\\K\x009\xe1v\x0e\xdaXI\xd1\x97\x84\xc5KG&amp;\x93\xca\x82\xe96\x14\x89\xc9\xc4\x04p\xc7\xed\xc1\xae\xc7+\xb3\xf7g\x9f&lt;\xa9\xef\xab\xad}\xf8\xa4\xa7\xf6V\xcb\xd6\xf0\xf0p`8\xf0!p\xb0yx\xb8\xb9\xb9\x19\x84\x88\t\x1b\x95\x11\xde\xe3\x10\xf9\xc5\x88\xcar\xe9L\xaby\xbe\xbcL\xc0\x7fo[\xebz|\xb7\xfe\xcbK\rU\x86\x9a\xe6\xe6\xf6/\x1b\xad\xe3\xf5\x0fko\x8f\x8fy}cK\xde%\x9f#\x95\xfap\xb0\xd5\xd2\x02\xb4\xcd\xb5ro\xa2\x17%\x8e/m\x984\xea:\xebT`\xeb(\x1bR4~\xd8r\xbdg\xa8\xbd=:\x17\xb5tZ\xd8\xf8\x97\xd7\xda\xf8\xe8G\x0b.\xa3ss\xd1\xe8\xc4\xc4R8u\x00\xb2\xe1\x83\xad\xb58\xd5\xb1\x12s\xa6\xa8\x15\xd3{\x1b*\xf6\xa3\xee\xb8Xd)n\x8b\xc3\xd2[\x07\x07\x01\x87ogb\xeeN4z\xa7\x13`fs\xe8\xc7\xf6*\x839\x14\x03\xe1\xf4\xbf-\xd3\xd3\xd3\x9d\xd1\x1d_\xea`k\xeb pw+A*\xa3G\xe0\xb0\xdc\xea\xb2\x8azi\x8eO%\x16?\xb6\xb5\xc3C\xbc*\x90\n/--\xcd\xcd\xdd\xb9\x13\xed\xb4\xc4\xcc1\xb3\xde\xe3rY\xccz\xbd9VVo\xda\x02\xae\xa5\xa5\xd4\xd6p\xe0\xee\xf0f\x1cXnt\x0brBQQ-\n-\xd4\x005\xb4o\x1d|\x00S*\xbc\xbf\xbf4AXD\xa5\xd7\xeb\x07::\x06\xcc\xfa\x01pA\xb9X\xcc\x12C9;;!X\xe0]\n\r`\xab\xd4\xc6md0\xfe\xf4H\xbdU\xa1f\xbb \xb3\xd9\xcd\xd8\x12H\xa5R\xe10\x98&amp;`\xa1\xe8t\x14\xca0.=1\xe9\xf5\xa1\x10\xb0\xc0\x153[\x0c\x86\x9aG;c\x8ew\xdd\xb0\xffa\xc2f\x8c3,\xa1\xb4\xadSq6d3[\xdc\xd9\x02\x9d\xc2TA\x18\xbb3\xda\xc9\x0c\x1f\x0b\x85\xf4!`\x11WH\x0f\xb1B\xf8ua\xd4\xd5\xfcs\xc7\xeb\xf5y\xc3\xef \x18a\xc1\xf8\x92\xa2\xda\x9aK\xb3Q\xa2\xd5A\xa5\xd6\xde5\xcc\xb0\xf6\'&amp;v\xa2e$\x0b\x84!.}\xa8\x8c\x15bTf3a\xb9j\xda\x11\x19&gt;\xaf#\xdc\x1d\xd8\xb2\xbbi}\xc1\x8b\x8aj\xde\xd2D\xf2l\xb2\x8b;\xbb\xa8\x80\xe10U\xb0\xb3\xd3\xe02\x80\t\x03XfR\x0bC\x8f33\xddt\xb9\x9e&gt;\xf5\\\xa9\xa9\x1ak\xf45z\x1d\xde\xee\xe1\xa0=N\xf3\xa4XXV\xcd\xf1\xcb\n\xfeQ\x9b-\xe1ly\x17\x06\xd7\x04\xc3j\xb6\xb8\xd0~\x1e\x98\xdcEl\x84Er\x95\xaf\xccf\x8f\xab\x0e\xa3\xb9\xdd\x87*:\x1c\xdd\xcf[\x06\xe3l^W\xd4\xc32\xa5\xb1m\xe0l\xc6 j\xc8\xb0v`w\x8b\xa1\xcd\xe3\xb9\xea\x01\x80\xd9\x15C\xe5\xf4eoQ/\xc6\\f\x8f\xa7\xae\xae\xa6\xa6\xa6\xb9\xea\x91\x97\xe4z\xd7w\xcbi\x94\x08+\xad^\'.\x170\xf1\xd8\xdcv\x86\xb5\xbf\x8fd\x98\xdb\xe9\xb4\x18\x9ez&lt;\x1e\x17\x95\x0c\x9d\x17\x0b\x95\xd5b!\xf1\x94\xd4\xaa\xab347W\xb5C.o\xa3w\xbc\xfb\xf1\x88\x91\xad\xd6J\xaa\xcd\xd6("\xd9\x15\xd3s\x80\xd4B\x17R\x1fZ\x0c.\x8f\x87\xaag\xa6\x0c\x8d\xc5\x06:\x08\x8b\x19L\x0fky\xcab\xb5\xb7?\xf2\x8e{\x1b\xc7o_\x1f\xf1\xb3o+\xf2\xcb*\x06D\x12\x01\x11\xb7o\x12\xd6\xfe\x1c\xac\xb5\x03\xc7\x13V9\x17XP\r\xac\x13R\xc7:\x82u\xe0\x1fmmmu\x06`\x11\xd7\x98\xc3\xe1mdX\xd4\xcf\x8a\x8ak\x1b$\x04&lt;\x9f\xd8\x1cN\xed/!I\'\xeeL#-\xa1\x08q`\xb0\xe2\xad\xaf\xaf\xe3waaa\x9dn\xddkC\x15\xebj\xaa0\xda\x87\x1c\x8e\xf1\x9e[S~\xf6\xe5NA\xc5\xbd\xff\xb2\x82.\xb2%\x82\x07)\xa2\xc2\x14=mvA\xac6\xbc\x9fH\xd6i,\xb4\xb6.\xb0\x03.{{; W]]uu\r\xc9\xe5\xed\xee\xee\x19\x9drS\'r%\xf5\x8aXa*`3\x117n\x06\xc2\x0c+:mAX\x12\x15\xc4\x01\xc9|+\xc6\xfc|\xd3|+\xfd\x10\xdabo\xdb\xbd\xabW\xaeTW\xdf\xacjo\x18\x1b\xb2v\xf7\x8d\xf6\xbb\xb1\x11\xe0\xb8\x82z\x0b\x08]E\x1a\xab\xf3\xf8Z\x90a\xf90\x1bv\x92\xb1\xda:\x16\xe6\x9b\x9a\x80\xf3`~\x9e\x8e\xf4\xd1D7Z\x17z{\xdf\xbc\xb9\xf7\xdd\x95\xea\x9a\x9b5U\x8f\xc6\x86.w?\x9f\x99rc\xdd\xcc\xf3\x0557c\xc7\x19A\x1b_cja\xe5\xb0\xc3\xb0\xda:z_\x83\xa5\xa9\xe9\xc1\xb3\x07\xc4\xc3N\x1f\xd0\xf1\xf5\xeb\xc5\xde7WH\xac\xea\x17\xf0\x96\xcf\xd7h\xed\xb9&gt;eD\xc6\x0b\x82\x8a\xb9\xa5\xd3\x1c\xc9P\xcb~\x8eE\x8dh\xb8z\xf5^\xef\xe2k\x80\x80\xea\xd93\x88\xc4\x90p\xfa\xe0-a-\xbe\xfc\xee\xdb\xbf~\xf5\xe2E\xf5\xcd\xf6\x86\xa1F\xefek\xed\x08\xb6l\xd8\xfb\xa6\xd5\xdc$\xee%y[\xdc~\x18p,\xb1\x85\xd6Ns\x1d\xb0\xbe\'\xacI\x86E"\x95\xa9\x9e\x9d\x9cLN\xfe\xfd\xe5\xab\x9f\xde\xdf\x9f\x9d\x9d}r\xed\x87\xaa\x86\xcb\x8dV\xab\xb5\'\x08,l\xe9\xb2j\xaa\x15\xc9\tnx\xebn7a\x81\xcap\x05X/\x17\'ONN\xde\x12\x0bq\xc1[\xcf\x9e\xbd\x9d\xfc\xdb\xab\x8f\x7f\xec\xee\x9e\x9d\x9d\xcd\xcc\x9c\xcd\xf4?\xee\xb9vi\xe8\xf2\xb8u\xfc\x9bQ?/\x8a\xbc\xa8&amp;\x96n\xa3(\xf8\xe3k\xc3\xcf\x1d\x8e\xfd}\xdf\xa3\xaa\x86K7n|\xfb\xc5\xfbW\x18\xbf\x9e\x9c\x94\xb1P\xc6\xd6\xa6\xd7\xdf\xbdz\xf5qt\xc49\xe8\xf7\'GFrS\xfdS\xc1\xda\x1f\xbe\x1e\xc7\xb0\xf68\xdd\x92@\xdeR\xb1\x8a\xcby\xd1\xef\x0e\xa2\x86\x98{v\x1an\xdf]\xa9]!A\xce\xceVVv?\xfe:\xc9\x9cN]\xb8\xf8\x97\xd9\xf7\x7f\x9c\xcdL\r\x82K\xf6\x0f\x8e0\xae\xfb\xf5\xf5\xa8b\xfd\xa8Q\x12EQ\xc5\x80 ,\xc1o\xec\xeas\xec\x87\x1d\xbe\xaa\x9e \xde\xd6?28h7:G\xfagFg\x7f\x9ad\xb1\x80\xe8Z\xfc\xe2\xc6\xfb\xfb\xbbg\xfd\xd0\xcbn\xb7\xaf\xad\r\x8e\xf4O9G\xef\x7f\r,\xebC\xa7\x94\x912\xaa~Ab*\t~\xfb\x96c\xc9\x11v4&lt;q\xda\x9d#S#Fc\xc2\xe8\x1ft\xf6\x8f\xae\xcc\xde\xf8\xbe\xb5\x9c\xa9\x8b\xf7\xbe\xbaq\xff\xb2\xf5v__\xdf\xed\'\xb3\xb3\xbb\xbb\xa3\x8f\xbb\xfa\xbb\x82+\xd7~\xae\xb76~\xd3\xef\xcf\x08\x19\x15\xb7\x18Xq)\xffe\xcd|b\xd2\xc8\xdb8n\xe2\xc5\xc3{\x00b\x10-\x19d\r\x04y}M@\x89 vu\x84\x14\x94\x04\xc5\xce\xa81\x9bt\xa4\x9b\xd6X\xb1\x92M\x03\xa9\xd8\x97L\xd4:\xc3L\x90f\xcd\xbcR\xddL\xdf\xf0\x82\xafE\x07R\xdd\xd7\xd45\xba\xa1\t\x85\x1b\xd9K\xdd\xb8\x07/[Cb\x9bML\xd3\xbc\xa7\xf7\x19\xf7\xf2\xde;\xe3\xc5\x03\x87O\x9e\xbf\xdf\xef\xf3\x03,?\xe8\xb9N\x9f~j}\xbdm\xfaN\xdb\xd4\xd4\x94}kj\xcb\xd11\x1c\x8diPX;\xe2t\xbf\xa7\x96\x11\x16B\xa1Vk\xa1Qg\xef\xdf\xbf\xf8gh\xb8c\xc0\x91i7\x99T\xc6y\xc0\xda\xfdQ\xca{8l\x1f\xc0\xea&lt;\xe8\xf4\xeaG\x0f\x0f\x7f\x18p\xacEO^t\xb7\xca\xf40\x93:;-\n\xe5\xc4\xf5\x16\xc2&lt;j\xb9\xbc\xff\x1e\xe6\xd2Z\x11\xabZ\x93\x8b\xdf\xbf\xffm\x93\xa1\xb9\xc3\xd4.V\xd7\x83\xdd\x9f\xbe~#%V]\xed/w\x1b\xee8:\xbd\x9d\x96v\xff\xd6\xd6X\xf4\xe4\x9b\xfb\xb39\x9d\x166\x9eUm5\x9b\x9d\xca\xfa\x15\xb1\xb60m\x7fk\xab\xe6\x9e\x87\x0c\xc88\xae\xbf\xa7\xa9\xa7\xb5\xfbES,3dk\xcf\x18\x8ds\x1d\xb7\xefJ\x8bUS\xf3\x0f\xe8+?\xe8L\xcb\x9c\x7f\xd2\x18\x1b\x99\xfd\x1b\xd7\xda\xd4/\x93\x19L\xd0\x02\xf0Y\xfbV\xc4\x9awi\xd5M\x9cZ\xeb3\xf7\x84\xa2kkk\x1f&gt;\x87L\x99\x1eY\xbbAo\x80,\x1a\x9bw\xef\xfe\xe5\xddc)\xb1\xea~|\xd3\xd0\xe6\x00*\xcb\xdc\xa0\xc5\xd9\xdaH\x10\xb2\xcf\x1f\x9aa:\xecE\x8d\xc7\xde\x80\xd9\xda\xf2\x95(&amp;&lt;\x88\xbaU\xa6\x08\x90Db\xe0\xd1\xbb\xdb\xefvo.F\x86\x13\x06\x83\xbe\xa7Uo\xcad\x00\xeb\xeb\xb7\x9b\x92\xbe\xcd\xfe\xfbmC\x9b_\xa4R\x05|f\xf9\xf1pd\xb1\xed\xce\xee\xdfww\xc7;LC\xc7\x84\x13Lc\xbdk\xc2\xa5\x84\xc0\x99\x03\x81\xe3\xf3\xe8\x87_\xdf\xde}\xfb\xd3\xed\xe9\xc3-\xff+\x83\\\xd6*\xcf\x98L\x91\xe9[\xb7~\xdb\xbc!\xdd\xed\r\xc6\xfc\xcb\x86\xdb\x0e\x8b\xc5hQ(\xb6\xcd\xaf^\x0f\xb4\xbd\xb9;\xfe\xf2\xaf\xbf\xfd\xfa\xf3\xef\xaf/;\t\x1a\xa4=\x88z\xd6\xea$\x03\x81\xc0\xe5y\xf4\x9b?\xa6\xd7\xd7\xd7\x0f\xe7\xd7\xb6\x0e\xb7\xc6\xe6\xa0\r\x14\xed\x7fb\xbd&lt;z\xff\xf9\x8f\xa3Z\xa9J\xfe\xc6\x7fn\x89X\xd0\xfb\xfdN\xef\xf9\x0f\x87\x8b\xbf\xbf[_\xff\xd7\xfa\xf4\xcf\xef\xd7\xce\x1f\x06\xae-\x07\x18\r~a;\x10\xb0\x1c?4\xfa\x88\xe5\xc4\xf9\xa8\xcdf\xb4\x8d\xf9\x13D \xe0\x14\xb1l\xd3\xb7n\x7f\x18&gt;?\xbf4Hb\xf8\xebj7\x8f6\x7f\xb9\xdd\xb6hQ\x99\xad\xd6\x85\xa5g\xaf^\x9f\x1f\x13\x11\xbb\x7f\xcb\x1f\te\x8e\x8f\xbdfQ\xdd\x87[\xc4\x1b\r\xe3\xf3\xe9\xe5\x012\x9bJq\\\xe3\xf3\x17Mz\x95J%ol5\x9b\x89\x8c)2~k\xea\xd5\xc3J\xe5\xec\xecB\x82#W]\xedG\xdbe\xe4\xfd\x9b6\xc7\x9c\x05\x1cO\x8bU\xe1;\xf0\x9ac\xdcI,\x96\x8d\xc5\x0c^/A\x80\xbc\x17Om\xe1\x85m\x1fp\x11\x04\xe1\xe4\x11\x90\xf2:]7\xa7\x88\x99\xcd\x8a\xc6F\x99\n\x928\xde0\xca\xd3\x0cyv\xd5\xb3\xf9\xe5\xe5U\xf78T\xad^]\xd9\x1b:\xe6|\xdb\xa2\xc3\xb7n\x83\xafV\xebt\xa2\xb3\t\xc04}\xb6\x84\xe3x2\x99\x0c\x87\xf1mf\x89a\xb6Is\x80\xb4"Z]nvvD\xd3\x98\xe2\xfa\x15\\?a\xb2\xd9\xc6\xa7\x9c)\x92\xce\xe7\x8b\x85\xcd\x9a/\xe5\xaa\xab\xf9xvUJ&amp;\x0fn:\xbc&gt;\x90\xa5V\xab\x1b&gt;\xabV\xa3E\xdcKA\x1f\xe1\x0b\x8aTx8\t\x7f\xf8\x02\xcd0$\x8f\x88\xce\xd5\x8a(a\x03}\x9b\x13\xd53\xa70\xebm&amp;\xdb\xa2\x1d)\xf0\x82\x90O\x92G_&lt;%\xeaj\x8f\x0e\xaa4\x1e\xc6\x07:\xbc\xcf\xc4K\x8d\x1bA\xc1n\x81\xb3Q\xf2N\x85\x95\x06\xa4\x05H\xa1\x1b\xc2\x95\xc4\xb7\x9d$\xb3M#,\xcbzt:\x16\xd5\xe9P\xb0\x1a\xba\xd4\x0eg&amp;T6\x9bc\xd2\xb9\x93\x0e\'\x85$\xf3Q\x82\xe1u\xb4\x90\x9cI\xe2\xe1\xc9\x0e\x88\x96hzP\n\x8c 8A\x8f\xa7O)\x08\x10"&lt;\x19v\xe3\xd7X\x0cI2\x0c\xcdkQ\x94\xa5&lt;\x94\x0b~\x83\xe5\x80\xac\xbb;\xa6\x87$\xce\x8f\xd1B&gt;\\\x12\x92\xa5O_\x1e\xad\xba#\xb7PN\x86\x17&amp;\x1dF\xdf\xc2\x82\xb5\xaf\xaf~\x05\x03\xdfJ\xb1\xe0\xf1gf\x9e\x84\x93x\t\xd2\x07Xa\x01\x87\x14\x92\xc1 \x8d\xe8P\x8a\xa2X\x91\x0b\xc3\xe2\xf1\xd9\x91\xee&amp;\xb9\x18\xad1\x05\x92,\x15O\xf1\xd2w_\xde\x89\xb5\x8f\xf9d9)\x84E\xacm1\x10\x98h\xe7\'\xa8\x99\xf2L=\xc5&gt;\x01\xa2\xb0\xdb-b\t\x02\xbe\x14$O\xa1\xd9h%K]sQ@%\xda\xa0\xee&amp;\x0e\xc2\xb58y\xc0\xb3|\xf1\x94)^\xdc\x90\xa0\x13\xf3%\nO\n\t\xc0r\x02\x15\xc8*lcF\x84\x9a\x98\x98`[\xc2I\xd8&lt;n\x98\x10B\xb9\x1c\x86heS\xba\x1c\xca\xb2\xf5"\x17\x85^Gk\x04\xb0z\x0c\x99\xc8\xa2\xff\xaa\xc8\xe6\x8at\x11\x92(\xc1s~\xea\xbf\x805sl7\x05\x10\x8f+\xde\x9b\xee\xc5\xa8\x99\x19\xa0\xda\xa0\xea\xcb-\xf0\x0f\xdb\xb7\xb0\x84\x0b\xe5\x99\xb2@\x93d\xb6\x90\xcaa\xe0_].\xa8?l\x05\x0c\xf6\xc9\x10h\xb3\xa6P42&gt;vV\x0c\xa3\xc1bU\x92\x92\xff&gt;^\x14\xf0r\xfd\x81\xdd\x16Pzr\xf1t\x1a\xdb\xa0(\xf1B\xb3Q_\xef\xea\xed\xdd`\xf3&lt;#b\x01\x17`\x11^&amp;\xcb\xb3q\xd1[CX\xd3`eG\xa2\xa1\x17\'\xa2\xd4\x19\x1f\xad\x14K\x14S\xad6I ojk?\x95\x8a\xa5\xf2L\xd0&gt;\xa4Gt\x80\x15\xc7\xb0\x95\x8d\x8d?\x0f"\xe9\x15\xaa\x8c\x07+A&amp;|\x8d\xc5\x93\x81\xcaY\xc5WXr\xbb\xd2\xfb\xfb\xfb]\xbd`p\xf7\xe3\xcfOB\xa1\x1e\xc3\xf2\xda\xc0\x10S,\xb1t\xb5x\xf1\xbd\x14\xcb\xe7(\\-\xb9\x84\x8a}X\x8fhF\xe2@%^fD{\xdf\xb5R\x9f\xcf\xe3\xa5b\x10\xc7\x85\x19jc\x83\xe2i\x18\x10L\xa5P`h\xaa\xb7ku\xff\xfaK?\xef\x06.C\xa6\xf9\xd10]*\xb1\xe4U\xe5\xa3$\xf6g3\x07\xb1\x17J\xf6Q=\x98\xfc\xd9\x1c\xb6"\xdegV\xc1\x19n\x94[X&gt;,\x84iw\x0b\xb5\xbf\xfatu?\x97\xcd\x9e\xa6R\xd9B6\xcb\xd0,\xf6t\x7f\xf5\xff\xb0\x96\x1fL\x8d\x01V\x9e\xbe*H\xf3&lt;|c\xbfT\x84\\\xd9\x9b\xdb\xc17\xe8&lt;.L\xa4Z\xed\xea\xa5\x840\xcb\x9e\xe6Q\xf6\x892\xc5\xa6\xc1\xbf\xc6w8\x8e\x8be\xb3Y.\xe5\x14\xb9\xd2]@\xf5]\xfa\xf9\x8bk\xac\xf9\xa9\x04],\nLuG\xa2#\xf8\xc7R\x15\x13\xc2\xfeE\xa3\x19\x01\xae\xdc\x8ax\xcc\x02*7\xce\xa2l\x9e\xee\x04i\x93\xa5OQ,\x97\x8a\x85\x0c\x83\xaf\xcf\x0b;;\xa9,O\xf3(\xd6\x0b\\\xe9\xf8u\xb4\xa2{\xf37\x13gW0\x1e\xaa\x17\x12\xc9\xc0\xc7L\x95\x12\x84\xc9\x81!3X@5L.(\xab\xde\x8d\x96%%\x8c\xcc&lt;}y&gt;\xa82\x120\xb0\xb8X4\x939\xbb\xb4\xa4\xe0\x83m\xcd+Q\xb1\x13/\xe2#\xdd\xa1htym\xfeQ\xe2\xea\x80&lt;\x85\xd2\x92\xea\xa4\x9b\xad&amp;\x93\xc5\xad\x1fF\xdb\xcd\x8a\xfe~\xddJo\xd7\xd3^\xaco\xa1\x05\xa5\xeaY\xe0\n\xd2y\x12\x04u\xc6d\x1b"H\xb2\xc0\x81\x08L\xedh\xb5J\xa4O\xe4\x8a\xe7`h-\xef\xed\xad\x8dO\xab\xf29\xaeX-&lt;\x96\xca\xbd\xc6\x8b%\xa5\xdb\xdf\xe60\xe9\xf52N\x87\x89\x83\xde\xd3\xc2\xa3.\n:1\x9f\xe7y\x1e\xe1}\x89\xc9\x84Q\x0f\xd2\x90\x83\x8aO\xa5@Ch\x95J\x98s\xb3\xb9\x9d\x1d\xc8 \x18\xffG\xd3rv\x87\xb8*\xeeH\xf6\xbe\xf2\xa9TE\xbe\x1al\xb3\xdbTz\xb9\\\x93\x13\xf5C_\x1f\xba\x01\xfb:\xdf\x02E\x04\x19\xdb\xd1\x10\x9d\x04\xd7\x14\x8b\xe9\r\xb1X,\xc5\xa9A\x9e*A3zP\x9d\x86\x83Q\xba\xb77\xffh\xca\xcb\x9f\x92\x95\x8aT\xa5USw\xc4\x14\xe9r\xe0\xd0&gt;dl\xd7\xeb\xd5\x1a\xf4Z\xd6`.\x8f\x92U"|\x80\xd0\xfb\x9c\x1a5\xa2@Z\x9b\x0c\xed\xb6\xe5a[FDS(dV\x14\x05\xe5\xac\x89Aa\xad=X\x9c\xbeyP\x81\xa9\x96=\x92\xc8)\xd6\xd5lrA\x1a\xaf\x1cN\x8d\x0e\xa9T\x84S\x8d\x82b\x99pa\x1aELN\x10\x96\xc1Db\xce\x8c \xc0e\x8e\xa9\x86\x12\xcd\x1d~GGs\xc4f0\x84\x0cN\xf1\xb9J\xdd\xbe\x1c\xd9{0?\x7fs&lt;\x97e\x98\xc2\'\xc9|bm\xedE\x05T\x95\xfdN\x07`\xe9\x15\x88\x0e\xac*\xaa\x91\x81\xc9J\x8c\r&amp;\xfccs\x013\x89h\x95N\xafw.\xd2\xecw,\xfe\x8f\x963|m\x1b?\xe3x!&amp;\xf5A`\xb6_X\xb6\x13\x1c\xf9E\x8cc{\x1e\xb6l\xb0\xaah\xa4\x91\xf1M.T\xcaiH\xe2\xde\xc8v\xe0\xf0,B\xbd\x17&amp;Gdp\x92\x13f\xa4e\xc3e!\xf6XM^$s\xba&amp;\xe9\x15\xd2\x14\x12\x92\xac\xc9:J\xaf\xd7[\x17\xd85#\x04.K\x97+\xac\xc9\xe5Eo[\x8f\xb1=?\xb7\xdd\xfe\x81\xe8A\x16\xb6\xde\xf8\x93\xef\xf3\xd3\xf3{\x1e\xe5y\xac\xb3\xb9\x1c\xab\xa9S\xcb\xe1\x89\x1e\xfb%\xa7\x0f\x89\xa5i\xc1\xec\xc5O\xefl\x7f}\x96\xedR\xeb\x13\xbfz\xf4\xb3\xe5 %\x91aG\xc4~\xf1\xc3\x0f\xdf\xef\xaa\x10\x0cAP\xd9j5\xbbyy\xf0\xda$\xe4\\\x93\x93\xd7\xa2\x05\x7f5\x9b%\xa8\x86R\xa7\xf3E\x19O\xd9\xdc\x1e\xa7\xa52\xa5\xaa\xaa,\xc8\xdb\xb3\xb3_\xdf8\xcbg\x107\x16\x1f\xfd\xfa\xc7\xd5:\xc5\x88dl8\x0e\xd9\xb2\x87\xd3i\x96a\xe73\xfeXa\xf0\x9a\xfb\xce\xa3\xdb\x1f\x7f|\xfb\xf6\xcc\xec\xf6v\xda\xdf\xacTp\xbdQ\x0f*\xb4,N@\xa0\xf3\xe1\x9a\xa6j\xac\xf0\xf9\xc9\xb7\'\xbf&lt;\xcbG\x10mm\'\xb3\xbb\xdb\xff\xccS\x04\xc3\x93i\x94\xf7Yu:\xc8RY\xbf5\x02\xdb\xe0\xee\xee\x9d\xdb\x07\x07w\xee\x1c\xec\x1e\xecnom\x01Yh\x8co@\xb5\x9f\x93`_\x98\x0e3\xac\xac\xa9E\xe1^\xe7Yw\xa1\x9a;\xd7OFo&gt;\xa4q\x02\x17c?\xb2\xf7\xf7;ru\x9a\xe5\xbc\x91ttoo\xef\xe9\xd3\xad\xb7\x86j\xe6\x97\xc8pf\xad\xbe\xb6\xb6\xc6D\xdc\x03\x16^\x975]\xcd\x0f\x01\xd6\x99\xb7p\xa1\x0e\xf9[\n\x833\x12\x97\xe8\xef\xb7;\x1a\xf5\x1c\xe3(l~\xf5\x95\x94\x11\xc7\xb8Jx\xf3%\xf0U\x8e\x8f\xef\xdf;\xfe\xdb\xf1\xf1\xadgs\xf5\xf9\xd5\xb5\x86\xe4\xb3XC*\xab\xab\xb2Z\\\xda0\xa2\xdf\r\xe4\xbf\xafP"\xc1\x88~\x08\xdf\xdeFc~uu~^\x05\x8e\x9d\xdaFmtc\xe7tgc\xa5V\xbb\xf9\xf3\x17\x8f_\xbc\xf8\xfb\xf3\xf9M\x87_\xa2Jc!\xb2$\xe7UM\xd6\xe8\xa5\x9a!}\xc4fs-O\x81\\\xb8\x98\xb0\xdbmYJL\xad\xae\x15\xefo\xd4j\xb5\xd1\x95\x95\x1b\x0f\xc6W\xc6\x1f\xc0\t\xb0^l\x9c.\xbf\x8cN\xf7\xfaH\x06\x87\xd8\x80\xd3\xac&amp;\xcb\xb2r\xc6\x0f(\xff\x8f\xb5\xf2,\xaf\x13\x04\xce\xa4\xe2v[L*\xd9&amp;^f\x8f\x10\xd6\xca\xca\xca\xe8\xe8\xe8\xca\xf8\xf8\xf8Oj\xb5\x8d\xd3\x85\xad\xbd\xbd\xc1\x89\xde^\x07\xfc\t*\x1c\xb4\xaej\xc5\xa2\xf0\x97Q\x83\xba\x87o\xdcRt\x06\x97\xa8lz\xc0c\x11cP\xea\xef=\xdd\xde9=\xad\xed \xb8\xda\x8b\x1axrk\xeb\xf5k\xb8\x03\xb6\x17\xfaz\xbd"C\xe8\x0c\xa3\xe5\xb4)\x15\xb0\x1e\xde4\x06\xcb\xdcyOaU\\"\xb2\\\xa8+\x94\x1a\xeer\xdb\'[w\xdf),\xab\x9d\x9d\x1d\x90\xe9\xd5\xeb\xd7\xaf\xe0\xd2\xf6\xf6\x82\x0b\xf6m\x91e \xe6R\xb2:%\x17\x8b\xc9\xcf\r\x1b\x83\xd8Ph\x1d\x9f"\xa8j\xca\xc1\xa5"]v\xcf\xcc\xe4\x01\x92\xe7\xf5\xd6\xc1\xc1\xc1+d\x87\xfb\xbf\xd8\x87\x10\xb7\xe0t-^p\x96 \xceQ\x8c\xae\xaaZ\xbeH\x0f\xddo3\nk\xf4\x99B\x118NQR\xcaQH\xc4=]n\xc0\x02\xa2\xc3CDt\x08\xc7o\xee\xeeC\xc6&lt;\xedr\xb9z&gt;\xb0Tx\\\xc2\tJc\xe5b^\xf8\xfd\xbaQTm7\x1e\x06Y\x06\xbeh&gt;+\xc5\x1c\x91\xeenH\x1bv!\xbc\xef\xdf\xbd\xbb\xbf\x7f\x08\x07\xbc\xf6\xf7\x17\x91\xf5N;/\\\x1d\x19\xe3y\x1c\xd7\xd9b\xb1\xa8\x0c=3\x0c\x0b\x16\x97\xa0\xe4\x08F\x07,16\xd0\xd3\xd3\xe5\x8e\xbba\xe7i\xd1\x1c\x02\x15X\x8b\xca\xe5r:\x9d\xbd\x96\xbe\xb10We\xf4b\x1e\xc4\x12\x9e\x8f\x9e3L\xae\x95gA\x9a\xd2u"S\xcd\x14z!\xc5\xf3\xb8\xbb qG\x993\xb8rrk{w\x1a\xd6\x14p9\x9d\xdd\xddN\xd7H3\xccq\x84\\\xa4\xf3\xca\x90\xb0l\x18\x96\x19\xbc\x88\xd1y\x96"\xaa\xd5\x94?\xd4\x05y\xb1\x1d2\x04\xa7g\xd6\x16q\xf8y\t\xe7\xfd^\xeb\xd5\xe9\xc5\xc5n\xe7\x80\xd3\xe9\xea\x1b\t\x859\x92\x80\xe5\xae\x08\x1d\x80e6\x8e\xeb\x16\x16Tr:+\xa5\xa2\x85X\xdc\xde\x05\\nw|\xc0\x96H\x87y\x9c\xca\x8a\xb1\t\xb7\x1bD\xec\xe9\xee\x1a\xb0 ,\x92\xe3e9\xaf,\t\xed\xb4qj\x01\xd61&amp;\x04i\xc8\xfeR\xd1h:\xee\xb6#s\xc7\'&amp;\xae\xa59)Ce\xfc\x0b\x9e\x8b\xef\x7f\xfa)\xe2\xea\xed\xed\xeb\xf35\xc3\xbc\xcaj\x98"$1\xd6H\xb5\xce\x9d\xd2\x18&amp;\xc8:\x03X\x83\xb6x\xdcn\xefG\\3\x93\xc3\x85(\\\x1a\xb6_\xba\x88\xaa\x8f\x9e\x8f\xbe\xef\xecm\xf9PT\xf3\x8a\xb0$t\xe4\xf1\x8a\x81j\x99\x8fX\xac\x8c)9J\x8aFc\x89\xb8-n\xf7x\xfa\xfb=\xf6\x99\x84{&amp;\xee\x99qw{Z\xf5a\xcfG\xcei\x8b\xc5W!9\\V\xb0\xa5\xa1\xf6$\x8b/\xaf\x1b\xe8\xc4#\x91-\'\xcb4K\xa5\xa2\x97\x87m\xc0\x05\xb5\xa0\xbd\xdf\xe3\xbe\x04\x8e\xebY\x9c^X\x98\xf5t\xd9\xbb?\x00\xad,\xbe1\x92$!\x89\x15\x86L&amp;\x9a\x10\x8d\xc42\x1f\xf1R\xb0\x8ca4\x8b\xe4\x8a\xc4\x13\t;\xba\x1d/y \xae_p\xb9F~\xd7\xe7\xbd:=\xe0rY,#&gt;_\xa5\x04\xb9\x16\xad`&amp;SR\xe6y#\xb1\xce\x1d\xa5\n\x94\x92\x9c\xc3\xe8L*\x95\x8aE\x12\t[\xd7\x80-\x92p\x86B#c\x95f\x05^\xa4?\x14\xaaT|\xf0q\n/M\xb1A\xac\xdd$\xe8\x04\'\x96\x8cT\xeb\xdbT4%)e,8\x9f\x11%\xde\x11\x89D\x12\xfep\xa8\xd0,\x91\x95Ri\nR\xc4&amp;?\x05U!\xde\x1c\xab@\x11\xa6jh\x16"\xc9\x88a\x8e7\x1a+\xe6g\x82sX\x10\xb2\x03\x1d\x8f\x85\x1caQ*\xe1\x90V\xe0\xea\x94*3\xa5\x8a\xf6\\\xd3d}j\x19\xf2d\x88XX\xd2\x94\xcc\xf3d\x98L\x19\x8a\xb5\x01X1\x91Q\xe6\xb0\x1c\xd5h@\xd9\x88R\x04\x82be\x99e\xb5\\N{\xae\xcaE\xc8\x17\x8a\xcf!\x97\x81\x9d\x10+\x07\xca,A6\x9b\x06\xabu\x92\xba\x12+\xa4D\xaa\x0ez\xd5\x1b,\xa5\xb2,\x94\xf6\xa8\xb8\xa7s\xf9\xa0R\xcc\xd3pV\x94V\xb3K1\x8f%\x03I\x05\xc7\xc9\x90\x03\xd6\xd6\x89\x81X\xeb\x10\x18b\x11Rb\xcb\xb0\xbe\x82u`\xa1i\x1a\xeag:\x08\xa7 0\tB\xb2]\x00\xe7a\x02F\x0b\xede\x0c\xfdw?\xecp\x14R\xfc\x86\x81qk=u\xe5\xf2\xe0\xb0\x83\'\x82\x81\x16\x18\x86f}Z\xf3&gt;\xc0\x91L\n\xd8PG\xa0C\xc0L\xedI\xf8\xdcn\xc2X\xa6\x14\xe6\x9a\x0eHf\xc5\r#\xd5\xe2\xaf\\\x1e\x1e\x8exK\xfaZ\xbd\\\x06\xacr \x90D\xa3F\xe8\r\x9a\x8fB\xc33\xa6\xf3&amp;4\x9a\x04\x17!\xf5\'\xc3@\x15+\xf0\xf8\x8e\xd9X\xac\xc1H\xc4j\r\x89\x14=77\x87hZ\xf3~\xa8\xa1\x1e\xf1\xa0\tJ\x93)\xd0\x91D\xcbJ\xd6q\xbc\x12\n\x85\xc0\x89\xbct\xd4i6\x0ck\xb4\x84\x9ch\x05#\x19\x82\xad\x07\xca\xc9\xc0\xbb\x01\xc0\xf7Z\xe77x\x00\x15\xc0\x82EU-U|&gt;\xaf7\rkK:\xed4j\xcc\xb4\x85u\xfd\xa7\x83\x89H\xba\x19\xe2p"W\x0f\x04\xca\x1do\x81\xdeA\x9d?\x8f\xa6\xdd\x02I\x9a\x96\xf9\x12j\xb0\xb1z\xd1\x92\x97\x8ek\xe37;\x8d\xf8\x9d\x013\xc2\x8a^\x1f\x1c\x8e\xd8\xac\x11\xab%\xc4W\xa9\xe0\\\xc0\xf4\x16\xab5/\xd6b\x03\xf9\x92AV\xd7\xd4R\xd3\xe7\x03*\xaf\xc3_HU\xb5\xff\xfc\xfb\x9b\x7f=yp\xe6\x92A\xce\xfc\xd9\xbd*r"z&lt;o\x1b\xb08DB\xcf)hV\xe6\x7f\x83\x9co\xb0\xca\xc1\x1c*\xdc\xc4\xd2X\x08|hM\xa7\xfd\x05\xaeJ(pC|\xf7\xc7\xcf\xce\x98\xcb\xdc\xf9\xe4\x9b\xef\x96\xa4+\x83\x83\xbfM\xd8\x80k\xc0\xe2\x85\xfb\x8b\xc9Rt\xb0&gt;\x17x\xc7\x04^\xad\xd3,\x01{\x11O\x92\x1c\xf8\xd0\x8aZ&lt;c~N$(\xec\xfc{\xed_\xfe\xe9\xc1\x99\xfa\xb1\xad\xf3\xc9?~\x18hH\x9b\x97\x01+a\x8b\x83^\xd6\x10\xc7\xf3U\xf8&gt;\x9dm\x00\x1a\xb2z#\x07\x95d\xcbx.\x1c\xf6Z\xaeZ}\xb0\xe2\x91\x13\t\x8a\xaa\x9fo\xff\xf2{\x7f&gt;\xc3\tk\xb3\xb9\xf3\xf1\x17\x9f\xb4\xaf\xadf6\xaf\xbfQ+n\xf3z\xad\x0e\x7f\xb8\xc0\x85S\xa2$\x11R&amp;\x93\xcdd$Q\xe48\x8e,\x958\x9e#\x9b&gt;\x0b\xd8Uo\x1a\xc4\x02\xac\xec\xeaj\x1d\xb0\xfe\xfa\xf8\xecZ\xa5\xdan\xfe\xe1\x8b\x1f|\xd21\x0fX\xd1\xc1a$\x16\xc8e\xb5zc\x0e\x07\x19\x86-\x8f$\xfd\x0ed\x850D\xa9p\x93$K \x96\xd7\x02\x85\x06\xe8\x05j\x01\x96\x94\xcd\xfe\x97\x95\xf3\tm#=\xc3x4f@\x8c\xaa\x19\xb9\x83Z\xcb\xb2\xaa\x04\xc6\x96}\x90g\xe2\xd2!6\xa6P7&gt;4H\xdb\xd4\x87\x18!\xc9\xac\x83\xc6ZQj\x16\xd9u\x0e\xbdD5\xf8b\x18{\x89\x10\x06\xe1\x08\xfb\x92\xd5\xa1{0%E%\x87\\\xac\x8b\x84$D$\x1dt\x90\x8a\xc0\x89\xb1\x0f\xa6\x86zC\xfel\x9fw\xc6\xd9R\xbam\xb3\x9b}\x11\xc8F\xff~~\xde\xe7{\xde\xf9d\x8d\x16\x1f\xfe\xa0%0\xbd\xf6\xf7\xd2Gk__\xbaT\xcf\x899\xe9\xc9_\x17\r\xac?\xde\xfc\t\xf6\x87C\x8e\xfe\x89\x81\x01`\x8c\x8f8\xfa/kd\x84\xb06\xaeON\xde\xfe\xf5\xb8\xc3168\xe6p  `-\xa8\xb58\xff\xf9\xcfU\x81er\xed\xc4\xf7\xd0G`\x15{\xaa\x98\xcbI\xaf\xfeFX\x1f\xfd\xee\xe6\x8d!\xec\x11]C3\xfd\xa0\xa0\xf5?b0\x81\xa0\x7f\xe0g\x03\xe3\x8f\xaeoL\xde\x9e\x1c\xefw\x8c\x19{~\xc7\x089\x1ej-~\xf6\xf9\x13\x89\xb0B\x7f\x7fY\xfa\xd0\xf7o\xfa\xf2\xcd\x93\x8c\xa2\xe4DQy}w\x9e\xb0~s\xf3\x873C?\xbaF\'\x0fLL\x8c \x02\xc6\x81\x00\xa5H-\x92\x0f\xb5\xf1h|\x1cT\xfe)\xdal\x98\xb9\x05\xb5n=|%\xf2\xc0\xca\xcd\xe6\x9a\x1f\xfa^\xb8\xfb\xf4\xc2\x97Q\x151\'*\xad_\xcd\x9bj\x01\xeb\xda5\xef5\xe2\x82\xf1\xfb)4\xfbG\'6\x89m\xd4\xb1\xb9\x89\xfd\xc5\xf8\xe8\xe6\xb4\xcb\xeb\xf7\xbb\xd0\xc6wX\xf3w~\xdc\xd2x\x9e\x95\xc5\x80\xaf\xf2\x81_\x93b\xed;\xecd\xc2\xc0B\xb5\xbeX\xfc\x8c\xb0&amp;n\xdc\x98\x19\xf2\xd2\xd9\x167\xa0W\xbf\xc3\xac\x99\xb11\xba\x9a\x9e\x9e\xa6}\xcf\xe6\xf4\xe0\x94\xdfO\x9f\xe6\xdf\x1c5\xb1~9\x7f\x17=\x14xV\x11\x02\x99\x93b\xe9;~\xb3\x0c\x1e\x05[\xb9\x0f\xcb\xf5\xb0\xa9\x96\xa8\xbe\xba{\x07G\xcdHy\x98\xcb;L\\\xa4\x97c\x9aL\x04\x1bQ\x81\xea)\xb8\x1cD57775h6\xf1\xf6\x9d\xab?\x9d\x7f\xf8Z&amp;,)\x14\xc8\xb4\xa4j\xf3;\xfd\xa7\x05H\xbbnw\xbey\xde\xcae29\x89\xd4\x92^\x7fr\xeb\xd6\xa7\xc0\x82\xe7\xa1\xd6\xd2\x92\xd7\xebEL`\xc1\xb9\xa0\x8c\xd7\xe5\xc2\xc558m\x16a\xc5\xb0\x915W"\xb0\xae.&gt;Y\x17x\x94\x14\x9e\r\xbd\xb9h\x14\x8ay\xfc\xd5\xdf\xd2cV\xeb\xee\xce\x8e[\xef\xc8R\xab\x95\xc9\x84TP)R\xeb\x8b[\x9f~d\xa85cb\r\x93\xbf\x1c3.\xb2\xd1\xf0\xf0\xdc\xb0\xdf\x8f]\xec\xe0 AM\xf9css~\xd7\xf4&amp;\x8c60\x89yp\xe7\x93\xd7\x1a/\x90\xb5VW\xeb\xc7\xe5f\xad\xd1I\xa5\xf5\xd4\xb7\xe1\xb2Z\xd3\xfa\xe9N\xbe\\\x93/NN\x8b=\x8fa.EQ_\xdd\xb9&gt;\xf0\xf1\x04\xa5\xbc\x81\xb5\xb4L\\3cD\xe5\xc7\xafK\x00!\xae\xa7\xd3\x83\xe8`\xcc\x10\xcb\x01\xaeG\x08\xb2\xc9\xf9\'\x12Kb\x89l SL$\x12\xa5\x93B\xbd\x9c/\x1f\x1f\xbe\'\x98\xd5\xda\xe7N\x9d\x9e\xa6\xf2\xcdj\xe1d\'\x95\xd0k\xe1UY\x15\xc9\xf5\xaf\xff0&gt;J\x1fo%,\x83ki\xd8;\xe4B\x0b\xe7\x96\xfc\x04\x15\x8b\x99X\x83\xfeXl96\xe7\x1fD&gt;\xf4\x83\xeb\xfe\xc6\xc6\xc6\xef[\xac\x89\x15\x0e\xf4Nup\xa5\x9a\xd5je\xb7T,\xbf\xdfG\x8a\xad\xd6\xd4\xf1\xe9c\xf7a\xbbp^I\xe1\xd1\x89f\xcf\xe3S\x15`\xe5\xd4W\xd7G\x1d\x90gf\xc6E\xa7\x89,-/\xfdb\xd8\xeb\x82\x89\x96\x97\x8d\x0b\x04B\x1fQ{\xa4\x15\x10\x81uoz\x9aNc\xb9\xfaZ0\xb0d!\x10\x08]\x9c\x9f\x94\xf1\xd4\xe5:\x0c\x96?=}\x9fU\xd9\xb7\xbbs\xac\xa7\xd3xH\xad\xa4\xeb)\xbdX;\xebzV\x05p)\xa2\xdc\xfa\xed(\xad\xbb)r\xd3\x92Q^\xfc\x04\xac\xad\xad\xe5\xe5\xadH\x8c\x16\x1f\x15\xadB`a!&gt;\xa5\xbaw\x7f\xe3+\x991\xb0\xc4\xf0\xacGU5\xad\xda\xd6\x13\xba~R\xe8\x94\xd2h\xcd\xe1\xff\x9b\xdf}y=\x95\xdeE\xe3\xe5\x8e\x8e*\x9e#\x18\xd4p&amp;,I\xe0\x92\xb57\x7f6\x02\t\xe5]\x8a-/\xd1;\x7f^/\x19i\x99*F\x91085\x88\xc4\x8a\xc5\x96b\xf8ej\x0f\x05\xac\xafd\x8b\x8d\xb0d\xcb\xec\xac]\x921\x83\xf8Z%\xa1\'\x8a\x85^\xf30\x9d:\xde\xf9\x9f\x9f\x9e\x82\xadv\xdd\xe9r\xbb\xaa\x15NR\xba^\xa9\xc9\xb2\x90\x13\xd7\x85p\xc6\xae\x02L\x14\xb47\xf7\xfd0N\xcc?G\x1a\x19ry)\x17\x86\x89+f\xaeD\x8a\x8b\x185u\x0fP\xfb\xfb\xfb{O\xef\xbf\xe19\x9b\x8d\x9c%{\x1ex\xf0\x9c,\xcb0\xc1FQO\xa4*\xb5`\xbd\x92w?N\xfd\xf7F\xd2?3\xdd\xbb\x95N\x95\x97k\x95\x94\x9ej\x16xA\xc8\xe5DI\ng2"\xb8$E\x10\xde\xdc\x8b\xed\xedg\xb3\xb1\x98)\x10\xba\xe8\x82\xdb\xb0\x1a\xa7\xbc\x7f\xa2\xd02R\x8cn\xcb\xc6\xb2\xfb{Y\xc2\xfa\xf2,\x14\xb5\x04y&gt;\xc8Z\xa0!=\x00\x00\x06\xf0IDATj\xc9\x07\xb3\x8chP1L\xa8\xd11\x1b\xd9\xedT\xf2i\xb7\xfb\x9b\xf7F\xf4\xfdc\xe9T\xb3\xde\xd5\n\xe7E\x98*U,\xe0\xf1\x82 \xc8\xa2$\x84=h\xa3\xa4\xaa\x8a\xc0^|\x99\x8dd\xb3 \x8b,o\xc5\xa1\x10\xf2\x9dB\xd51c\xcc \xc2\xf2\xc7\xb2[\xb8K\x96\x98"\x91\xfd\xa3\x8b\xa8\xddf\x03\x96-\xc8\xae\xce\x86\x11\xf5\x06\x15\xc3\x85,\xbd\x8a\xae\'*\xb5F\xb7\xdeL\xa4\xbf\x91\xcbJ\x83\xa6\xdd\x0bj\x85Z\xf1q\x1e\xb6j\x93\xd6\x02q\t\xb2\xc2-\xac\x86T`\xadK\x82\xed\xe2(bT6\x12\x8fo\xd1\'\x97\x87f\xe8\x88k\xe4c\xccm\x9aD\xfe\x18n\xa0\xdb\x89*\xfe\xfcm\xc1\x90\nT\x16&gt;\xfc\xc0#\x90V!\xb38g\xa3]BV\x14k\rg\xaf\x8d}\xd1\x7fd\x98\xd5]*\x92P\xb5b9\x95\xa2T\xa8i\x02=\x03k\x08&amp;*\xf6\x05\x8fHX\xeb\x92l+\xbc\xdd\x8f\x1b`qTdy\xd9O\xb1I\x07\x81\xfdcc\x83\xc8\xacl&lt;\xbe\x12_\x81N\xd0\xea\xe8\xdc\x19\xb5\xf0\x1a\x0e\x1d\x82\x16[\xf2A@YWX;\x07"\x0e\x17\x8e\x8bZzMp\xe9\x08}[\xb7N\x03\xfc\xdf7[\xe5N\xaf[\xad\x1bLt\xafz\x83g\xbf\xc6\xcaI\x8a\xa6\xady|\xc8yp\xa9"\x1f&lt;?\xda\xbf\xa4\x8a\xc7)7/\xe74\xa8\xa6\xfcY\xa2B\xbd\x00\xd6\xd1Y#JT\x86VN\xcbj@i\xb5Z\xeb"cO\xda\xedv\xceN\x95\xec\xd6+x\xc9D\xa5]\xafv{\xed\xd2\xd7K\x12\xa3\xa6\xd4n\x90N\x87\xf9C\xe4g\xa9X\xd34\xc6PI`XA\x94ZR\xf2@\xd3&lt;\xab&lt;\\\x06.\x08\x16l\x9c\x1d\xed\xc7\xe9\xe5I/#\x17\\X\x83c\xd4\xc1ld\x85N\xc6[Y\xd9?z[\x80T6\x83\xca\xe2\x8c:}\xb3\xd1u\xd8S\x91`Q\xce\xee\xb3\x9b\x95\x8cr\x1d\x80\xe1\xb5K\xcdN\xb5\x0b\xb0\xcb#\xbdr\xbb[89\xd6\xcd\x9b\x8a\xf5*\xcb\xbfk\x1e+(\x88-9z\x90&lt;\x08\xf2\x01\x9f\xa6\xc9\x8a\x04\xaeuE\x0e\x16\xce\x8e"\x86*+q\xd8;\xe6G&gt;!\x1e V\x84\xa0\x9em\xaf\x1c\x9d\x01\x8a\xb3\xb1AS\xaad2\xeaYs\xae\xadq\xe4\x05U\x95d\x0e\\\xbeK0X^?\xcc\xa3Q\xa5b\xb5\xdb\xa1\xf9\x97G\xfb\n\x9dc\xd8)\x95*\x03\xb7\x11d\x18\xc2b\x08+\xa7\xb0!\xd1r\x90L&amp;y\xb5%g\xd0X\x02\xa3N*\x02\xd3x\x07FF\xdb\xa7\xdc\xf4\xfb\xf7`\xf7\x95g\xdb\xdb+\x7f\xa9\x15\x9cI\x8e\xb3\x10\x96\xcd\x02\xad\xa2\xc9\xa83\xba\x80J\xca\x12\xa0p@"\xbc\x93\x0b\x97$\xfaW)\x91\x83\xca\'\xdd+\xd6t\xa5ni\xd4N1\x90K\xcdv=\xc4\x83)\xc4\x90T\x0caI\xaa\x1c\x12\x85\xb5\x83\x83\x03\x19\x12\xb5\x04\x1b^$\xc8\x9b\x8a\xa9"k\xe1\xcf\x8e\xe2h\x175\x92\xb0\xa6\xe6\x0c\xaa\xed\xed\x7f\xbc&lt;\x0fB)PYl`"(H"\xaa\xcc\xc2\x82S\xb4\x1d\xac\xf9\xf85\x0f\x83\xe1\xcfp\xdc%\x9a\xcf\x97\x8cZ\xc8\xdb0Q\xe5\x8a\xde\xeej\xb5\xa6N\x87\x19\x90\x89\'\x18\xd6\xa0".AUY\x9f\xcfw\xb0\x96\xe4e\xb2\x14\x96\x13cC\x05\x8d^b\x14A\x86\xc6\xf9\xd1\xca6\x81E"\xe0B\x96\xc5\xb7\xb7\x9f\xbf\xad^B\x11\x97\xc5\t(.\x9a\xb4(\x08\x18\xdbAp]=\xf0x\x16,\x0b\x8c \x18\x82%\r,\x0e\xd7\xb83\xd7%\x9b]\xa97\xaaE\xfd\x10+\xafg\x8a\xc4\\2\xd1O\xb9u\xc9\x8e\'XX[\xd3$\x9b\x02\xa3k\x8a,\xf2\x84\x85\xe1\xa6\x01M\xd6x\xd6\x02\xb0\x97/\x9e\x99`X\x9a+/\xd0=\x1b\x98\x9c\x9c\xd3\xa8(QQF(\x94\xc6\x92\x13\xd2/\xac\xae\x06V\x03a\x96V\x93l\xb10,\x03\xfeh\xd2\x0e*\xbb\xdd\xd9\xed\x94\xafTOt\x18Mo7B\xa1\x7f\x01\x99WJK\xf2\x99T\x0b\xbc\xac\xd1\xfa\xa3\xa1\xad\x10\x17\x95y\xf0\x14\xe4\x19\xce\x19&lt;\x7f\xf9|\xe5\x99\xe1\xfe\xe7/\xcf5\'\xe5\x91\xd3\xc4\x8a\x02\x89\xca\x82\x94\x91e\x0c{m\xc1\xe3\xf1\xac\x06fQ\x1e\x8ee\x04I\x12\xe9\xcfc\x00\xc4\x19X\x00\xeb]9&gt;L\xa5\x0e+us\x18\x98r\x19}ddi]X\xf3\x10\x16\xb8\xd8\x7f6Y\xc6(r\xc3P\x18\x1e\x19\xa6\x91\xd1\xb80S\xaa[PiW{\x03u\xf2\x01\x84\xb0\xba\xb9\x80\x10\xeaC\x8e P;wP\xb7g\xd8@\xd2\xec\x19R\xa4Y\xdc\x84t\xf9\x9fl\x93\x98ef0+\xf1\xbd\xf7\xfe\xff\x97Z\xbc\xcf\xcf+\xfa\xc5v*\xd6\xf5W\xf4\x8d\x0e:\xc6\xef\xfd\xdb\x0f\x90\xfd\xfc\xf3\xf9\xb6\xb0u\xa7\x02\xd6\x81\x04\xa8~A\xae\xa3;\xb7\xebm\r\x8d\xcb\x18\x9du\xf0Q\x8d\xd3\xd2qLY\xd0\xc0[\xc2\x8ap\x01\xd4\xb7_o\x07\xd5!u&lt;(b\x10h\xd3\x815\xd2q8\xd3Y\xc4S\xaa\'\xd8\xfe\xb5\x90\xa4\x19[&gt;~\x7f~\xff\xb8\xc3y\xa8\xf9\xec\xd6&gt;G\xb6\xa2&gt;\xc7Eg\xb9\xb0N\xf6\xd5\'\xef\xa5R1\x1b|Y+\x03\xad@\xb3\xba\xae\xfd\x10\xea\xf2\xe5\x1dw\x18\xf0\x9cXt\x88\xf6\xc3\xfc:\x8a"C\x92Ia\x07\'p/}\xb6\xc8W1\x82\x94\x1cO\\\'\x1f\xe4\xb1wM\xb4\x92\xe9\x01\x10\xb4\xce\xdag2Yk\x93`6\xa5\x04.\x81\x92\x9c]o/\\g\xb9\xe2x,\xdaW\xaa\x85LKTA\\p\x879\xa6\xd6\xb0`\xc5\xeb\x03\x10\xb6d]W\xe7o#\xf7\xce\x0f#n7$&gt;\x05(\x13\xa5EJ\x1cH\x8d\x0fk`\xca\x16\x07\xfb\xdf\xf1\xc0\x8d\x0bs&amp;gR\x92I\x81b\xc0\xb9$cZF\x16\x06\\\xbd\xb4\x0c\x8f\xab*\x9b\xf1\x81!+\xfb#0.\xc0h\x16\xec\xfa\x9d\x0e\xde\x18\x87Na+\x19\xd6\x14&amp;[\x93O\xd4+:\xf3]\x8cEIm\x94\xc0\x92\xa5\xefN0\xd8\xb2\xdf\x81\xf8\x7fX\xa8\x1e\x03vykX\xc6Dp)\xd7\x1a\x16\xf9\xd7\x19\xf1\xeaM\x8e^\rVy\xad#{\xc5Y\xdb\xed1v!\x14\xdb\x9dJ\x1f^poQe/\xee\x1e\xbcL\x12:\xe0\x84e\x85ph\x14\xb7RG%\x82R\x9c\x14\x0f\xcd#]\x91\xc1lW\x14o8\x16\x9f\xf0\xe9\xe3*\x9cs:\x1f\xdd\x02\x17\xda\x857(:\x86\x11\x86\xa8Rkh\x97[l\r\xae\xa9\xaf\xa1y\x91_\xce\xa8jTH\x81\x91\x17\xbdm\xda\xc4XY\x80a y7\x8d\xcf\tRu2\xc6\x98\x1c\xde\x91HP7E\xf8\x82\xf4:\x84\xc6O.\x04\xd1\x04\xdfc8\xa5\xb86\xc3\x0c\xdf\x81K*\xb1/\xc5\x0b_a\x86\x145*7E\xf1\x0e\x83$\t\xca\x95\xff\xc3\x1a\xe8\xc4Yn\xf3\xa4"\x15\xb7\x15\x0e\xc13\x88 J\xe7\xc5\xfc|&gt;\x91\xab\x00\x02\x17\x9c]\x8e\xcd]\xc1\xa6\x0c\xfdZ\x0e\xe1s\x1a\x1cHg\x1cL\x16\xd7lP)%\xb1a.\xf8_\xac\x94\xa1\xa3\x85\x05\x00P\xd3\xfd\xb1xcj\x05xtJnx\xf2\xa6ko\xd9_\x0f\xf0q\xe1\x9e|c\x98\x00\x00\x00\x00IEND\xaeB`\x82'</t>
        </is>
      </c>
      <c r="M170" s="3" t="n">
        <v>45492.67608796297</v>
      </c>
    </row>
    <row r="171">
      <c r="A171" t="n">
        <v>605528</v>
      </c>
      <c r="B171" t="n">
        <v>5926</v>
      </c>
      <c r="C171" t="inlineStr">
        <is>
          <t>João Pedro</t>
        </is>
      </c>
      <c r="D171" t="inlineStr">
        <is>
          <t>João Pedro</t>
        </is>
      </c>
      <c r="E171" t="inlineStr">
        <is>
          <t>LD</t>
        </is>
      </c>
      <c r="F171" t="inlineStr">
        <is>
          <t>LAT</t>
        </is>
      </c>
      <c r="G171" t="inlineStr">
        <is>
          <t>LD</t>
        </is>
      </c>
      <c r="H171" t="n">
        <v>179</v>
      </c>
      <c r="I171" t="n">
        <v>18</v>
      </c>
      <c r="J171" s="2" t="n">
        <v>35383</v>
      </c>
      <c r="K171" t="inlineStr">
        <is>
          <t>Right</t>
        </is>
      </c>
      <c r="L171" t="inlineStr">
        <is>
          <t>b'\x89PNG\r\n\x1a\n\x00\x00\x00\rIHDR\x00\x00\x00\x96\x00\x00\x00\x96\x08\x03\x00\x00\x00\x0b\xdf\x81\xd0\x00\x00\x00\x04gAMA\x00\x00\xb1\x8f\x0b\xfca\x05\x00\x00\x00\x01sRGB\x00\xae\xce\x1c\xe9\x00\x00\x03\x00PLTE\xff\xff\xff\x1a\x12\x0e\x0f\x10\x17\x0e\x08\x05\x15\x0e\n\x08\t\x0e\xaa\x86o\x10\x0b\t\x0b\x0c\x12\xa7\x81j\x16\x10\x0e\xa2{b\xa7\x83m\xa8qR\xa6\x80e\xa4x_\xadtT\x9dsY\xa1v[\x1f\x15\x0f\xb6\xb8\xbd\xa7|a\xaa\x84k\xfd\xfd\xfd\x10\x0f\x0e\x9emN\xa4oN\xa9\x80f\xb9\xba\xc2\xbd\x88p\x18i\xa7\x8a\\@#\x1d\x1a\xae|c\x9eza\x1e\x18\x15\x9ahNfN&gt;\xb0\xb4\xc0\x0b\t\x07\xba\x83l\xa1qS\xa3~g\xb1wX\x96cL\xacy]\x17\x15\x15\x10\x14\x1d\x96pZ\xbb\x7fa\x98t^\x9aoU\xa7|f\xa4mT\x94jO\x81Y@\xaf\x88p\x86cO\\I&gt;\x17o\xaawTA\x9fhR\xc4\x8du\xab\x87r%\x19\x11\x08\x05\x03\xb3}]\x98iI+"\x1e\x8caGfJ8oR@\xf7\xf6\xf6\x18p\xafSTYyZH\xb5|d\x9cw]\x8ekT\xb2\x84jT:+O=3,\x1e\x14\xb5\x80f_B/\x92bHrXH\xaf\x82e\x94oU\xc1\x8fo\xb7\x8cl\xa7uZ\xbe\x8ck\xf2\xf1\xf1\xb7\x86eF2&amp;_E76\'\x1d\xafvb\xc6\x95y\xca\x99\x7foM:\xb8|X\x18d\xa3\xab\xb0\xbeJ8,\xc4\x94s\xfa\xfa\xfa\xacpM\xa7\xaf\xb8\xbe\x85h~`L\xed\xea\xebvO6=(\x1b}T:\xb3wS\xca\x93z\x88gS\xb7\xbc\xc8\x9bve\x80[IY?2\x91`@\x91p\\fB1\xa7pYB-\x1fL2"\x8dhL\x16b\x9b\xb8\xb6\xb5\xbc\x8fw\x17\x19 R5&amp;kTG\xce\xce\xd2\x17i\xa0\xbe\xb8\xbb\x8edO\xa1jJ2*%3!\x16];)t]P\xb6\x8bt\xacr[\x85_G\x97cC338\xc4\x88lZ\\c\x16t\xa6\xb5\x87mnp{\x9d{iUC8\x1d \'=&gt;B&lt;/\'\xe8\xe5\xe6\xa6\x88w[\x92\xba\x17w\xb3\xd3\x9cw~cS\xdd\xd8\xd9\x9deF\xae\xbc\xc0\xbf\x81\\\x9fl[\x88l\\\x9b\x9c\xa4\x87V&lt;%&amp;,\x9f\xaa\xb9\'+5\xac\xba\xc8\x17Z\x96aep\xc6\x86cxx~mI2~\x7f\x89\x92hX\xd8\xa5~pkm\x9e\xa4\xb0\x91ue_NFD6/DIT\xc4\xc1\xc6\xa6\xa7\xb3\x19p\x9c\x82\xab\xc4\x89[L09Ckab\xcd\x90n j\x92(p\xa2\xe1\xdf\xe1\x8d\xa9\xbf\x9bbY\x7fLF\xad}l\x9e\xb9\xc9\xbf\x95}\xb1\xac\xae\xaa\x99\x90KEE\xa3pc\xad\xa3\xa0`UT\x81\x8b\x96q\x9f\xbf\x88QL\x8c\x86\x8a\x91\x91\x9b\x99\xb0\xc3Z\x89\xacH\x85\xae:\x80\xac\xcc\xc9\xcb^\x9b\xc4\x9a\x81t\xc1\xcd\xd4\x88{wk\x90\xab\xa4\x8f\x86\xaf\x89}7z\xa1\xb4\xc4\xd3\xc8\xaa\xa4\xdd\xd0\xceFx\x99\x16Q\x8d\x95[U\xd2\xbc\xb7\xd7\xa3\x89\\x\x8f\x81ke[o}NLQ7m\x85\x9b\x96\x98r?:\xb6\x93\x8b\x17^\x81(~\xa7)I\\J`n\x87\x9d\xaf"Xq\xc5\xa0\x8f\xd2cY\x8e\x00\x00 \x00IDATx\xda\xdc\x97\xddO\x1bg\x16\xc6;\x9a\x91&amp;;]o\x1cF\x11cK\x95\';\x8e\\/\x8b\x15\x875\x0e\x88tm&lt;\x06\x94&amp;\xc5qM\xaa(%\xc6J\x8dD@\xc4_\x1b\x85\x0f\xc7\x8e\xc8\x12\x14\xfc\xd1\x16H\xd4\x96\x10"\x11PD@{\x11,ae#\xae@\xe2*\xc8\x82\x0bz\x83\xaa\x95z[\xad\xaah\xef\xb2\xcf\x19g\xff\x03\x9bT{\xf0\x98\x19c\x98\x1f\xcfy\xce\xf3\xbe\xfe\xe0\x83\xff\xe3\xaa\xed\xee\xae\xfd\xad!\xa1"cc\x8b\x11Tw\x7f\xedo\x00\xaf\xb6#2\xbf=q0q\xb0S&lt;W\\[\xdb|X\xfc\xf1\xfe"\xd8\xde3\xd5\xfc\xd8\xbf\x8a\x9b\xa5\xb9_Ks\xab\xb2\xac\xd8$^\x12\xb2\xe7\xd6\xdel\xcc\xbfO\xb0\x8e\xed\xdd=Ufx\x81\xe1\x04\x8eG\xb1,oa%\xdb\xa3\xb9\xef\x9folG:j\xdf\x8f\xcb\x0f\xf6K\xaa\xa8\x08\x1c\x8ag\xf92\x17\xeb\xb6X\xf8#\x7f_\x9d9W|3\xd1\xf1\x1e\xa8"\xf7\x8b3\xb2"2\x1cOT,O\x8aiX&lt;o\xb1X$\xe9\x88\\z\xb3}\xe8\x82u\xdc_\x9b\x93\x05N\x10 \x92&amp;\x16\x9dB\xa9\xf2\x83\xb7\xf0\x92\x85_-\x1e\x1c\xb2`\xb5\x13\xc5\x19U\x81N\x9c\x04\x1e\x81HxM&amp;\xf0\xf0n\xb7\x9b\xc57\xde\xcd\x97\xc6\x0e5\xcfj#\xbb%UVX\x8e\x83Z\x02C:I\x12\xe9D=\xe4x7\xebf5!\xa5\xb9\x1f\x17\x0fq*\xfb76\xb3\xb2"\xb0Z\x0fyIB\x17q\nk\x91\xf59\x8ee-\xc0b\x18F\xb0\xc9\xc5Cs~m\xc7\xc4\xda\xaa`\xe34 \x1c\x92\x04\xbbk!\xc1ic\x89\x91t\xd3\x0c0.\x99\x11\xe4sc\xdd\x87#Ud\xa3\xf8\x0f\xa5\xac\x0e\xa8`-I\x822\xef\xa8\xe8D\xe0\xe0.\x80\x89\x08YE\x9e\xdb\xed&gt;\x8c\xbc\xdax\xb3\xf7\xc8f\x13p_7\xf5L\xb01\xbc\x85Qd\x85\xa3y\x04\t\x034\x0b\xb0\xd0G\x91\x11\x04\x9b4\xb3\xd3}\x18\xb6\x9a\x93y\xb2\x92Es\x12\x1c\xcfp\x16\xf0(\n\x1c\xc6\x11\x1f\xc3(\x1a\x16\xcf\x8b\x0c\x16\x01E\x99\xdb\xa9\xba\xbf"\xfb\xab\xb2\x84\xf9\x07\x0b\x89%`\x0e\x19E@\x18(2\xc3B\'Fa8\xae\x8c%p\n~\xc2\xa3\x8f\xbfnT\x99\xab\xff\xe0\xa1lC\xf785+\x0b0\x91\x08uDY\x15y\x96\xd3\xda\x077Q\xba"\xba\xdc&lt;\x18qE/\xa9\x9b\x13U\xcd\xaf\xee\x8d\xb59\x85\xbc\xced\xb36\xf4\x07\xadC~)\xaa\xca\xa0\x81h\x1f^a\x04\xcc!a\xb10\x16\x80EUUl\xf2\xda|5\xed~\xff\x9cLfg\x05\x88\xc5[8\xf4\x0bb\xb8\xc8\xe7 \xe1\x80$\xc2L\x1a\x14\xd4\xc2*.\xab.1\x14\x12\x05!\xbbS[\xbdl\xdf\xd9#\x1bA+5\xcb\xb0\x16\x89\xa3\x85Z\x11].\xca\x07\x1a=\\\xc1\xf0\x02G`\xb0&lt;\x0b\xc3\x89\x0c\xa4\xe4$\xa9X5\xb9\xbawJ\xd0\x02-\x84\x08\nk\xd1\xb0(\xa8D\x11\xcf"\xc5)\x8b&amp;\x8a\x0c\x14scL\xb1\x14\xd1^\x8cs\xa9\x0c\xd6\xa5\xb9\x8d*\xadB\x1dc%\xdc\x1e\xaap\xa2\x0b\xe3\xc7X0j\xc0\xa1\xa2g\x86\x18\x95\xf2\x05\x83\x04\x93h+!Ph\xc8\xb4\x86?Z[\xac\xd2\x16y\xd3\x86\xe1\xa2\x81\xa7\x85\x0f`\x02\xc7\xb8\\~\xbf_\x14]~\x17\x15N\xf0 ,APd\n0\x81\xa2\x8d!\xa7\t\xab\xcf\xab"W\xff\xce\x8c\xb6\xd0\xd8T\nx\r\xc8\xe5\x0f\x85B\xb1X.\x17\xd3*\x97\xcb\x85r~"\xc4\xee\x90A\\\xa9\xb4\xf7\xe1X\x81\xb0,\xee\xcd\xaa\xb8+\xb2f\xb3A\'AU\x91V\xe0!\x96Tz\xbco\xdc\xe7\xf3\x05\x02\xf9|&gt;\x10\x08\xf8|\xe9`0\x15\x04\xa0_\xd3\x0e\x8c\nVL\xda\x87Y\x8e\x94\x0e\xaa1\x8c\x13%\xc9fc\xdd\xbc\x8c\x9b\xe5\x00\x84\x1a\xcf\x07\x92\xc9B!\\\x88R9\xe3\xd1B4\x1c\x0e\xb7\xb5\x05|\xe3\xe9&gt;\x82\xcbQ\x8b\xb5M\xb5E\xb2Ue\t\xea\xd8\xcd\n6,5\x90 \x96\xf6\r\x07\xda\x92 \n\x87\xa3\xd1\xb8\x93\xcad\xf2vyM+\xa6\xa9\xa9)\xa7\xb3%\\H\xb6\xf5\x10\\*\x15r1\xb4\x01\xc3G\x8f\xd5\xfdH5z\xf8H\x92\x14\xfc\xf7\xa9\xf1@!\x1a\xd7j\x05\x87\xc94222\x8dZZ\x9a\x1e)\x97i%\x1e-W!\xe0K\xc7\xfc.\x11\xeb\xba\x9b\xb5=\xac\xfcG\x8e\xda\xeds6\xc9&amp;\xbar\xb1|8N\xe2hED\x1eO\xc6\x98\xc9,--i\x87\xc1\x03\xc2\x11\x93i\x85\x8at\x0b\xf8\x82\x04\x06\xc1\x84\xb9\x8d\x8ac\xf5o\xccI6Y\r\xa5\xf2Q\xe7\xca\x8a\x86\x04\xa8\xe9\xa5\x0cj@+#\xe8\x8c(\xa2[\x1a\xd1\xe0\xf0&gt;\'\x14K\xe7\x08\x8b\xe7W\x9fW\xdc\\\xdd\xfb2\xaf\xa8\xa1\xd8x\x81\x94Z1\x8d\xa0c\xd3\x19\xe3\x80^_\x86\x1aH\xd0\x93\xbe\xaeN\xbb\xceh\xf2\xe1-\xe0\x8a\x87\xf31?\x05\xac\xa4\xacU\xdc\\\x8b{\x88\x85\\,\x18\x88\xc6W\x88\xca\x83;\x1b\xf5u\xbd\xa8Db \x91H\x94\xcf\xe8(\x03&amp;\xf4\xc6\x0c\xb8\xbc\xe0*\xe4S\x98Gp\xedU&lt;\xe8\xc7fX\xc6\x15\n\xa65,\xd2I\xa7\xd7\xd7\xb5\xda\xed\xbd\xff\xabg\xcf\x9e\x95/@\x05\xbc\xd6\xd6V\xbdn\t\x8d\xf6z\xd1G_\xce\xc5\xe0\xe3H\xc5\xcd\xd5\xffFf9W,\x9d/hTK\xa0"(\xfb3&lt;\xb4z\x81*\x9f\x11\x17~\xd8\xdaZ\xa77z \x17\xb8\xe2m\xe9\x9c\x1f\xdb\x88\xec\xf3\no\xea\xbb\xd7\xb0\x1e\xfaS\xbed\xd4iB\x16d4\xaa\xc1\x07\xa8/\x1f\xbcxW\xcf\xc0\x85Go\xaf\x1eUG`z\x83\xc7\x03.\x93\xb3%\x90RE\xceb\xab\xf4\xeef\xfe\xa1\xc0\xb9B\xe9@\xd8IZ\x11U/\x1ah\xb7\xd7\x01 \xd1\x0b\xad\xb6^lm\x91^\xe4\xadD\x1d\x9c\xaf\xd3\xe9\xf4:\x83\xd9\xd3\xd5\xd55br\xb6\x8d\xc7\\\x1ck)-V\xb4\x8b\xb5\x8b%AD\x90&amp;\xe3\xa6.Pi-l\xa5\xdbS\xab\xf4\xb0\x92\xd6FbBP\x0c\x0c\x80\x08X\xc6\x8c!c\xf6\xa0\xa6G\x9cQ\x9f\xe6\xfa\x99\xcan\xe9\xfb\x0ff\x04\x18&gt;_p\x8ePz\xea\xdea\xd1\xcd\xb5\x86\x81K\x1b\xc4\x04\x19\xcb\x88\x97A\xa63\x1a\r\x06CF\x0bXS&lt;\x9f\x82\\\\\x85\xb1:\xc6\xb2\x8a\xfa8\x9d\x8f\x9a\xa6\r\x06c\x19\x05\t\x85\x84 \x1f!\xbc\x00e\xa7|\xa0\xd8\x02\xb3^\x07t\x07\x85\xab\x15lK\x9e.S2\x9d\xca\x89B\xa5\xb1vUEK\x07\x93\xa7\x8cEbhR\xe9\xe8\xdeF\x1d\xc4\xb3\xdb\xd1P\xd0&amp;\x084\x939\xeb0\x9b\rF\x87\xce\x010`\x85\xc7\x83!\x99\xc9V4!j\xbb\xf7\xfd\xaeT:\x1f\x9ej\xb4Z\xad\xba+\x9a\x18e\xcd\xb4S\xea*\x9d\xe3\x029\x8a\x82\x90\x0e+\xb0\xac\xba\xdb:je\xe3T8\x9f\xc60\xca\xbb\x15]~"E\x7f.\xedK:Au\x05@\x0e\x87\xe3\xf6\xb7\xdf\xd6\x9dGp\xd95\x99\xea5.\x92NW\x8eX\xbb\xfd|\xfd\xd1+\x0e*\xa3\xc3hm\xb8\x13\xcdC.\x97\xb8_\xd1\xe0\x8al\xd2\x18\xb6x\xcdV\r\xea,a\xd5\xb7Rn\r\xda\xed\x83\x83\x83ZP\x90\\u\xadW\xe9\x95\x17\x83\x83\x9f\x9f?Q\xff\xce_F\xab\xe1N\x1c+6\x96\xc6b\xa4\xb2X\xb9T\xa0}\xaa\xd1P\xa6\xc2\xfe\xc5\xa8\xfb\xb6\xfe\xfc\xd5\xc1\xc1\x07Z\xa6\xbe\xb0\'\xc8Tu\x8488\xf8\xa5Fk\xa7\xec"\xcf\x1b\xd1\xc7.o\xbcm8\x98sUv?\x1f\xd9\x0b\x8d\x87\xa7\xee\x18\xc8R\xb7\x11\xddf\xb3\xd9Zs\xf4\xf8\xf1/:\xbf\xeb\xfc\xf8\x93O\xb6\xb6\x06\x91\xad\x88\xae\x07\x0f&gt;\xba\xda\xd9\xf9\xf1\xe7\'N\xd4\xd7\xd7\xeb2g\xcf\x9e\xc5\x84\x80\xcbjm\xf4\xc6\x93\xc8\xae\xbd\xed\x8a\x86\xfc^\xc8\x17\xf5z\x08\xcbamDpO66\x1c\xfb\xe3\x85\xd3\x9f5MM\x9e\xfe\xcbw\xd7\xaf_\x86d[[[\xd7\xaf\x7f\xf4E\xcd\xb1\x9a\x9a\x9a\xa355\xc7\x0cf\xf3\x9f\'\xcd\x8d\xf8-\xa3\xc1jh\xf4\xb6\xf4\x04s\x95\xc6\x8a\r\xc7\xbb\xf0\xf7\xf5\xba\x86\xc9\xa6\xa9\xa1\xa1\x1bMM7\xda\x87\xd3\xa9\xf4p[\xfb\xcd\x0f//\\\xbb\x0e\xa8\x85\x85\x85k\x9d\r^g8&lt;\xf4\xd9\xe8\xe9[\xa7O\x9d\x1am\x1a\x9a\xf2\x9a\x1d4\x8d\x1e\xcfd{:W\xd9\xad\xcd\xfc^*\xe0\xf4\x90\xb3\xac\x8dM\x9f\x9e\xec\xe9in\xbe\x18\x0c\xf9s\xa1W\xb3\xcd\xf7\x96/\xdc]__\xf8\x1b\xa0\xd6\xd7\xaf\x1dm\xfa4&lt;\x1c\x0c\xf6\r7\xdfko\xbft\xe9R{\xfb\xd0$\xf51\xe3\x99\xeej\xf1\x85\xaa\x82\x05\x974\x0c\x9d\x1c\xee\xbbx\xf1\xd5\xe3\xc7Y5\xfb\xf8\xd5\xab\x8b{O_\xde\xfaf\xfd\x97u\x8dj\xfd\xee\xb1\x1b\xed\xcd\xb3\x8f\xfd\x0c&gt;\xd9\x06\xfb.\xce\xfe\xb3\xb9\xa7\xad\x85d&amp;,g VY\xac\xc8f*@\x01o0L\xe5St\xbb\xd9\xd9\xe6\xe6\x12\xbef\x9b\xbf^\xbe\xf5\xfb\xbb\xeb\xbf\x10\x17\xb0^\x1f\x1f}zo\xf6U6\xa4\xaa\xd8\xca\xf6\xe1\x9d}\xe9|\xcb\xa4\xd9\x90\xf1x\x80\x95\xaa\xac\xb7"\x9b\xc1$a5z\x93\xa9\xbe\xe6KO\x97_\xbe\xfc\xe9\xc9O\xb7F\x97o\xde|\xf9\xa73\xaf\xbf\x02UY\xaek\x9d\x1f\x9enj?\xd96&lt;\x1c\xe8\xe99y\xb2gx\xb8/\x18\xf4\x81\xcb\xac\xa9\x95\xaap@\xfc;\x98\\\xf1\x18\x1a\x1a\x9d\x85\xf6\xe5\x1f\x9e\xfc\xfc\x9f\xb7o\xdf\xbe~\xfd\xfa\x9b3Tw\xaf\x91N\xeb\x0bd\xf9\xaf.w\xfe\xe1\xc2\xa9\xd1\xd1\xd1[\xbf\xfb\xeb\x99\x9f\x9f&lt;\xf9a\xf9\xebK\xff\xa5\xd5|_\xd3\xc8\xf38N\xa1\xdcQr9\x13\x8b\t6\x0c\xee\xf4&amp;0\xd3\xcc@R\x7f%\xc1q\x8b\xaeI\xc0I\xc7\xec85:\xd6\xa4\xa3&gt;\xd0\x1e\xa6\xc63\xa8]\')\'\x06n\x96\x1aM\x10\xa4\x85n\xa1i\xc0\xe2\xb3%d\xa1\xe9#i\x9f\\CzM\x1f\xec&gt;:\x8e\xb2\x81\x08\x9b%\x1cG\x9f\xf5&gt;_\xdb\xdb\xbf`\xee#"\xf8\x1d\xf9\xbe\xe6\xfd\xfd|??\xbe\xceb\xb9\x98W\xdd\xc6-\xda^\\\xd56\x9c\xce\xfc\x94\xf0\xdb\t3e\xdbT\x1f\x1c\x1fW\x0fc\x1f?\xc6\x10\xd5\xc0\x90a(\xd0\x08f\x9f\xfc\x0f+\x19\x0e0z}\x8f\xe5\xc2\xc0x\t\xb8K\xd5q\xcb\xecu{\xda\x0e\xc1\xc5M\x83o\xbd\xd74\xf9\xcc\xbcK\xf8M6\xc2\xc8\xf6\xf3\xa5j\xb5\x8a\xe6\xbb\x90\xcb]\xfd\xe6\xfa\xfch\x7f\xbf!\x12~\xf5Cw\x11\x9f\x04\xc3\x01\x89"TU\x9d\x9f\xfd\xe3x\x15\x81\x85\xf8\x00.\x11"\rX\xa2\xbdr\xeb\'MS\xf5\xcc\x9b9\xbf\x89\x86\xd0\xce\xf0\x8d\xf1F\xc32;\x9a\xfbf{\xc3\xbb\xe4u8\xf2\xaaY\x8a\x80^\xaf\x90\xa5\x04@\xc8\xa4\x1dK+KK\x13{\xb9+ \xda\x01\x0e\\M3a\xdc\x123\xbeG\xff\xd1\x0ekp\xe6\xe6\xcd\xbf\xfa\x10\x96U\xc1#X\xe3\xc0\xbc\xf2\xfc\xd9\xfe\xdc\xa3\xafn-L.\xfa|\x8e\xb6\xcd\xd0\x80\xfcS\xff\x1e2\xa1\xccz\xd2\x95]\xef\xf6zby\xb5\xbc\xfe\xec\xf9\xca\xe8\x15\x8b\xc5\x80\xeb\xf4f#\x94\xce\xbeGo4;z\xbb\xdd\xf9\xc7\xcfo\xde\x15\x8a\x08\x8b!1\xacqyo\xa2\x90x\xf4\xd5\xb5\xdf\x9f\xbb\xf5p.\xb1\xe0\x9b\xde\xd3\x05R\xa8\xff\xa9\xa7\x04\x86\xb0W\xca\x8b\x93\x1b\x93_\x9f?\x7f\xfe\xda\xea\xe4\x86w\xa5gh(\xc0(\x94qG\xcc\xfb\x12\x7f\xd3\x0c\xeb\xce\xb1N\xcd{\xcb\xbb&amp;7a\xc5C\xa1R\xf5\xb2\xa3\xec;{\xf9\xf6\xe5\x9f.\xeeol\xcc\xf9\n\xc5\xb6\x85\x1bC%\xc3\xd8\x18\xa3\xbbW\\+/\xec\xbf\x7f\xb9\x7f\xfe\x8b\x7f\xbfx\xfbbuxi\xd4\x12\x10p\x892\x12b\xbe&lt;\xa9\xd9\xdf\xb1\x83\x1da,E\xdb+\xbbw!\xf90\x91\x06\xdf\x03\x11u\xf8\xfd\xfb\xb7/.\x9e\xbb\xbf\xbf^\x88;^\xd3\xd6\x11T\x0f\x8e\x8c0\x92\xde\xb3[,\x16\xf6\xcf&amp;\x1f\x9d\xfb\xe2\xc5\xdb\xf7g\xab\xcbE\x8f\x0e\x17\x04\x06\xb0\xe8|\xe1\xe5?;\x1dm\xf6\xe2\xedS\xf9/\xdf\x8fP\x994`IL\x00\xd7\xdb2\xe9i\xef\xd2\xb3\xc9\xe5\xfb_/\x17|k\x95bZ\xb4\xf6A\xa1\xca\x8d\xf4\xd5$\xb3\xa9X.W|\xeb\x0fo]\xbc\xb6\xbc~v\xa3\x00=\x9cMbp\x84\x05;q\xfd_g\xcfOok\x83e\xfd\xf3\xd8\x98@\xdbE\xb7\x91q\xb9\x02\x06\xbd\xbe\xd9\x7f\xf5\xea\xde\xc4f\xdc_\xa9\x94}\xc5\xe2k\x96\x82\xfa\x8fCu\xbd\x95\xb0\x17\xcbk\xf0*\xac\xad\xf9\xe2Pg\xe4\xedv\x8fY\x82\xea\x8br\xbbiS\xb1\x92n\xb1\x1f4\x91k\xe6\x84\xfd\xf6U6B\x81\xc7S\x12\xc3\x04\x02\xb8\xc1`\xd0Y\xc6\x07f\'\x1cqtR\x19o\x13T\r\xda\xd8\x91\x1a`\xb1\x9e\xddJ\xb9\\\xf6\xf9\xfd\xf1\xfc^.7\xaa\xee\x99\xcd\xfd:\xa8\n)\xb7H\xb7\xd2&amp;\xf1\x12\xfbX\x93@\x7f\xfb\x84\xde\xa9?\x89JFZ4J\xae@$\x80\xe3&lt;\x1f\x18\xe2\x07z\xe6\'\xf2\x8e\xe9x\xfc\xb5J( \xe3\x087RS\x14\x8a\xce\x14+\xe8\xd4y\xd7\xa1^}p\xe5\xf2\xac\x0eL\x82\xdb\xa1\x08Q4\xb5\xcc\xc6\x9d\xcc\x83;\xda\xa8\xb5\xb5U\xcfFq7`\xc1\xec\x11\x01\x17\xf8F\x83\x1f\xb2\xe8\xe6\xd5\x89v&gt;\xdfn\x13,Z%F\xae\x01\x96\xc2z2\xf1]t\xd4kW\xcdz\x9d\xce\x00A\x0b\r\xc2N\xa4E\x93\xa7_\xda\xc9&lt;\xd6\x08\xeb\xeeN=\x9be\xdc4Mu\xb1\xa0PG&amp;\xeb\x9b6\xb5\rF\xb3 VM\x91$\n\xf5i\x8aQ\xb4g\xd2i\x87\xddc\xa3$\x9d\x01\xffl0\n=\xacG\xc2vZ\xc7\x1aa\xd15g\x96\xdcB\xbe\x05X)\x92C\xb7/1R\x93\xa5=\x88\x8a\xb0\xca\\\x9f\x95e\tHN\xacU\xb1\xb2\xb4\xc9\x9e\x01O\xa7\xcdMJ\x82\xf5\x93e\x19~\x01\xa9R4\x89|\x945}\xd0\x08KIe\xb3NP\x0baE\xc2\x18\t&amp;00=A{&lt;\x1e\x91&amp;j\x10\x1b\xc0\xd9\xa1\xa4"\xbe\xb5B\x0fbD\xb8&amp;\x18`)\xaa\xa9@t\xe0\x04\x14Oi\xdaDc\xd8N[\x1b,\x88[\xaf\x9e\xc4b\xbc\x1b6\xa2KH\x05\x9dY\'&amp;pL\ra\x894M\x8b\xbd\x10\xe1]}\xd0=\x12\x94\xd1h\xed\xad\xf5\xc2\x80\x8a\x06\xee\xd2\x14lQ\x0e\xa0\xd0} ,\x11#\xc5\x1f\xb5\xc2"\xebug\x0c#\xbaXa\x84\x95\xe28Y\xae\x01\x08\r\x8a\xf4\xa26z\x0c\xf9\xbb\x15\x9d\x9a@o\r\x0bJ\xd3\x7f\xef\x0e*\x0c\'\x90\x9f\xe4\x05\xacVK\xcf\xb1?j\x13\xb7\x06;\xd5:W\xab\x93P\x04J\xae\x08\xa2\xaaCs\xcfq\xae\x1a"S\xb8p\xd8\x05\xa9\x87\x03QdI\xaa\xa1\x83\\\xc5\nn\xc66\xadJ\r\xbd8\xc8\xee\xe0\x90\x10\xb8\x08\x8fM k\xbf\x9ch\x93\x16\xbf;&amp;\xb9\x9dK\xb8\r\\KH\x85\x83Q\'\x06\xbd&lt;)\x08H2Y&amp;\x83.c\xdf\x98K \x9d\x18l\x06\xc6\x05\xbd\xb4"\x83^,\xab\xd4j5\x99\x93A.\xc0\x02\xb5\xdc6O?Y\xe7\x8eN\xb59K\xba\xf9Q\x1e\xdbiYU\x88\x0fX8\x98\x84\x0e\xda\x89a\x18\t\xae\x8f\xb8\xb8\x00E\xb9\xc2\xc1\xec\xaf\xbf\xc6\xb2Y\x8cs\xf5]\xdaae\x89\xa5\xd9&amp;\xa8)\xcb\x9f\xd7\x90\x8c\xb8\xd0!W\x13~s\xd0\xd1\xa8\xde:=\x90{[\x84*\x9aq,\x18\x0c:\xa3\xce\xba\xb3k\x98 \xcb\x0c\xc70|2\x1a\x83\xde\x07,\x86\x85\x02\x12\xe8\xa4\x10\x10\xccj]&amp;t\x07$\x99\x12F\x8cn\x9b\x1dv\xad|\xacU\xa7\xd89\x96\xb9-\x13\xa4\\\x1c\x0b\x83\\Q \xca"\x83U\x83\xa9\xc9R\x14J\xfbR)\x16\x8b\x1d6\xf8j\x15#kJw\ra\x08AaN,\x88\xa58\x89p\xdfKgZ\xec\x916\x1b\x11\xd5\x81\x1f@|\xb6\xb5i\xc6\x1b\xe1d2\x9a\xc4\xbaX\xb1\xac\x93\x04\xb9\x84R\xec\xd02\xdaS*Ec%\xbeq`9(9I\x99\x05\x8fW8\xd0\xa9+*`E\\\xbd\x84\xcd\xb3\xbbkj6O\xb4*\x04gNs8\x86\x8b\x9bf\x03\xc2B\xbe\x15\x05*\xc0B\xee%`%u\xed\xfe\xfd\x0c_*\x01\xd4\xebr\x91\xe61\xce\n\xd1\x1e\xc7\x90\xaa],(\xb4!\x9c\xda\xec\x954\xdd\xccu\xb4:=\x1d|\xfa\xb8\x9f\xc3\xf4\x13\xa3\x80\x15L\xc2*\x82+!;\x84)IH\x8e\xa6L;\xaf\xf2\r\xfe\x00\xb0\xd6\x96\x8bMR\xb6ZQ\\\xf8\xb4\xd8pQ\x18\x8b0V\xa3-\xb3K7\xf7\x8e\xefhv\xa8{\xf3\xa4\xa7qh\xd9\x9c74B\xe0\xf3\xc8\xc1\xbbd\xd1C\x08\x16\x82\xc2\x8a\n\xb8V\x89?\xb0X\xf8\x03}\xdbdUX\x05\x17\xc0\xa7\xba\x0e\x98\x85k\xb0\x10.\x19\x8db\xc6n\xa6\xd5\x13\r;\xb2\xceq\xb5t\xe4\x987\xf0a\xe4\xf3\xb1\xdf,\x1a-a28\xb8\x045\x02\xe4=\xdd\x91\xe1\xa0\t\xc9\xd0\xca\x91\x90\r\x92\x9f\xa8\xe0\x12\xe4\xf1\x94\xd1\x93\x99W[W;\x1a\x9e\x80\xcf\x9cT\xab\xa3qU\x17\x88\x00W2\xfa\x1bT7J\xe0,M\x98u\x96F\x95\xb7@\xc9G \xaaT0\x8cT\x05&amp;\xb8\x06\xe3\x1b\x98\xa07\xdb&lt;\xad&amp;\xe1\xd1l\x1f~\x8a\xf4\'_\xe6\x1c\xaa\x1e\x8f\x84Bh3\x82\xc5\xa2\xf0\x91t6\x02\x92Y\xdd\xcc{\x1d\xf9\xd1+\xb9yU\xb5\xd9\xcc\x92L\xa6\xea]\xacd7\xf8\x86\xf8\x06\x19\xd0\xf5\xdbL-\xe5(w\xaa\xe9\x93#\x83\xdf}|\xbc\xbd\xd2\xdf\xc5Bsu\xb1\xc0\xa1@\xa1\xbd\xb6c\xca\xbf\xb6\xea\x1b\xf6z\x17+\xc5\xb8\xb7\xddT\x80+\x1c\xc6\xe0\xba \xb2p($\xe0\x86\xf9{\x99\xd6\xd1\x85\x13m\xffO\x1c\x1c|\xfan{\xc2\x0c\xddk(\xdc\xe5\x02\xb0Ru|\xfc\xcb\x07{\xde\xf8ba\xb10\xf7p\xff\xc6dbaa\xad\x00\xad\x85\xde\x10\x08AT\x00"d\x91\x08\x14\xda\x06\xdbD\xfa\x97\xdc\x07\xcd\x9f8\x18|z\xe6\xed7\xf0\x88\x0bI\x90L\x96\xc6\x7f\xf7\x87\x07\xcf\xb7\x87\x0b\x85E\xa0J$&amp;\xf7\xe7^,\xac.\'\n\xc3\xdb{\xa3=\x03&lt;O\x92]\xa4p\na\xe9\xe7\xed\x8e\xdc\x87\x8e\xf6O\xb3\xcc\xbc\xdb\x987\x04x\xbe\x11B\x12$\x83\xe3\x17\xd0\x91\xda:PM-\xfa\xd6\x16\x12\x93\xeb\x93\x89\xd5\xe5\x85D\xd9?}#\x7f=\xa73\xf0d\xe4\xb3\x05\x04\xc6|\xdd1\xfds\xe7\xff\xf0H\xd2\xe0\xe9\xc6\xc4\xe5\x81\xf1\x01\x1eM\x14\x0e\x86.\xe4\x96@\xa6\xc5\xc5\xe1\xa9\xa9\xe9\xf8\x94\xdf?\x05o\xe8[\xcbe\xf8\xce?\xec\xbd&gt;k\x11\x04!"|\x023\x98W\x86\xffK\xcb\x19\x876\x91gq\\\xcb\xb6\x18\xa7$$\xde\xa4\x1e\xd9c\xeb\xc8\xc8\x1aP\x87I\x89\x99q`{l:\xd3\xdba\xc6$\xd7\x9d\x0e=J\x92\x85p\r\xa5\x8c\xdb\x851)Sjn\xaf\x1d\xcf\xd2\x9a^\x10Z\x9b5\x82\xa4\x7f4\xe2*\xc7\xae\xc1m\x8a\xf5\xb4h\xaf\xf6P\xab^w\xb9c9u9o\xa5\x82w\xee\xe2\xc9\xca\xbd_\xda\x95\xfbwo\x9doK)e \x1f\xbe\xef\xfd\xde\xfb\xfd\xa6oFyl\xc9\xa0\xd4\xd4\xbcB\xd9\xc6\xc6&amp;:\x10V\xc7~B\x0b\x85\xc9\x18/h\xba1i\xab7\x98tzo\x0e\x0e\xb4\xfdm\xfd|\xdfP(\xc6\xa7)\x1c\xce\x93\xed\xfb\'~\t\'^\x97\xaa\xb1\xf7\x0fXA\xb5\xe1\xe4}S\xae\x0f\x04\xc6:P~u8r\xfd}$\xa9\x94ho}\xbdm\t\xfa\xce\xf4\xf4r\xd3\xd2\xd2r\xf9r\x9a\xe3\xfbBCC&lt;\xe3\xdc\xd6\xbe&amp;\x1c\xa7\x98,{\xdb\x9a\xd1\xd3\xd6\xafH\x8d\xc0\xec\x81\t\xc4\xd5!\xedM\xf01R\x9fL\xa5\xca\xc3\xe5\xc5\xc5\xe9\xe5\xf7\xde[^\x9e\x06\xb6\xe5\xe92\xa3\xf0\xa1CC"\xe5\xda\x06D\x1e\x0f\x8ea\xb2b\xde\xb1h\xf2\xb4\xfbFE\x933\xb4\xdb]\xe5\xc2t\x85&lt;t(\x91\xbe\x9e\xbe~}ee\xe5zU+H\x97\x19\xbd\xa8\x90\xb1\x90i\xb8p\x0f\xee\xc2p\x89N\xe9\x02\xfb\xaag\r^bM\xcd\x9b\x9a\xa6K\x18\xee\x06\xac\x80!\xf0m&lt;\x97H\x08kD\xdf\xbeT\xff\xd1\xb6\xa3\x87B&lt;\xa9\x94\x1d8\x8eI\x12F\x1b\x86&amp;\xb0\x9f[5n\xdd\xf9y%\x9b\xd5\x18\x99\xb0C\xf9\n\xe8$/\xa6\x9a\xe8\xf2\xe5\x95\xcb\xab\xab\x8b\x8b+\xc8\xaa\xd5U\xb0\xed\xdb\xa3G\xfb\xfbCm\x02\xffi\xc6\x85a4e\xe8:#\x92\x95\x0f\xadz\xca\xa0\xfb\xc8\x1d3\xab(\xba\xa1b\xed\x1d\x04\'h\xd4\xfe\x89\xf6%\xc7\xf4"\xd2\xea*\x82\x03.\xd0\xb0,sm\xb1\xfeDF\x92T\x86\xd1\x15M0\xf3\x17\xa66X\xa5\x85\xfb\xaci\x92\xa2\xa6\xc9\x14\xeec\xa0\x8aM\xa0\x1e\xf3\xb37\x97\x96~\x0fl\xab\x8bk\x82\x15\x89\x11\x19\x8e\xe7r~I\xcdq\xa2&amp;\x08d&gt;\xfc\x8du#\xe0\xad\xdf\xe4Y\xd2T\x14\x81\xcbH\x19y\xb2\x0e\xa5\xfe\xc4\x04\x942(\x0c\xcb\xd3\x8b\xcb\xa0\xea}\x90m\xb8\xc3\x99\x11\xd3\x8c_\xcdp\tN\x14H2\\\xb9h\xdd\x04x\xc3\x91\np)\n\xcfQt\x8e\x99\x1cC\xb7\x9d\x03\x01\xb7\xcd;I\x97\xa1\x9c\x0e\xd3\xcb\xcb\x8emM\xf8.\xdc\x81{$9\xcd\xc8\x99t\x82\x17\x14\x92d\xc3ONn\xb0\x0eka&gt;\x19f\xcd,\xb4\x16\x86\xe3J^8~\x8d\x8d\xd5y\xa5r\x9a\xe3\xa0\xe0\xc3\xde\xa1\xac\xba\\\xbf\xda\xb5\x0b\xf7\xb4\x13\x86&amp;\xeaiX\xa8\x8a\x12c\xf3\xe1\xdbV\x8e\xf1\x1f\xb8\x1f\x1eH\xb2$\xab\x94\xd2\x82\xa0\x1bX\x00v\\n/!\x0b\xd0\xadC}m\x89t.\xe7\xf7A\x11\x85\x12\xaa\xea\x8a r\xc8\xabX2\x9f\xaf|i\xe5\x14\x7f\xe7W\xe6@o\x88\xad(\xa2\xc8\x91\xa4H\xd7\x8dA\x14\xddnBf\x046\xc6\xf3\x1c#\xfb\x9d\xb0\xd9\x02a\xaa&amp;\xf0\x82\xc0\x93f\x1f\x1a\xdb\xcdNm\xb0\x14\xeb\t9\x10\r\xb3$)\xf0}1\xa5$\xc1\xe9\x102\xde\x8d\xd1\x8c\x02eL\xa7\x9b\xa0;C\x7f\xf6\xd8\t9\xd1V\xc5"C\x03\xd1h\xdf\x13k\xb1n\x1a\xf2\xa7\xbd\x85\xd90\x0bd\xbcY\x9cy\xeb\xb7ch\xe7\xec\xf0\xa5\x05(\xf9\x0c\x8d\xed\xdf\x8fnC{i]\x89\r\xb5q\x9c`\xb2\xd1BtH4,\xc6\x92)9\xd6[\x00\xacP\x88T\xc0\x9e\xfa\xba:\xb7\x97\x1e\xce\x89\x9c \x8a\x8c,A\xb2\xb7\xbb=\x84\xac\xf1!\xb8\x82\x84\x825[8\xc4k3\x16c\xa9~\xca\xe8\x8b\xc7\x93\xb3\xf1\xb0\xa9\xf0\x82NO\xa6\x0c&amp;\x07\xa9\xc6\xc7\x12\xfc^F\xa6\x1cv\xbb\xdbf0B\xac\x0f\r\x1d\x84\xa3\xc9\xe8@Lc\xac\xc5j\xbd\t9-\x95B\x91\xd1Ba6\tI.h\xa5\x92(\x08\x1c\xb4\xed6R\xe0\xa0\x84\xca\x94\xe4\xa55X\x7fl\x18\x8d%\xc4{{\xfb\xd2\xb9L\xcaZ\xac\xdb\xb2\xff\xa7\xae\xc9bhtddd\x16\xa5\x97b\x9a\xb1&gt;\x1e\xb5JQ\x03\xf7\xc06\xb1X**f\x0c\x98\xe2pQ\xbc7$\xca-\xb9\xd4\x82\xb5X\x99\xb7w\xba\xa4\x99Rx$82[A\xb9\x03\n\x93\xd9\xacijh\x93\x15#\xd7\xc6\x0c\xf2\xe1$\\\x12\x0cFFC"3\x9ci\xb1\x18\xeb\x9f\xf2\xdb;\x1d\x181Y\x0cG\x82\x85$\xcb\xc2\xa7\xb3l\xbeR\xccf\x95,\xc8$\xf3\xc9$|\'\x93\x85x\xbc\xb9y{3P\xe9\xfe\x0c`\x9d\xb4\x12\xab\xfb\x08\xe4\x16\xd6d\'R\xc5d\xbc\x10\x9f\r\xcfV\xa9Lh\xdf\x10\xc6l\xb6\x029^\x88\xc6\xe3\x10\xbe\xe6-\x1b\xb74\xc7\xf3\xa2\x9eAX\x93\x96b\xb5&gt;6T\xa7\xa3\xc9\xe3\x96d1\xdc\x1b\x1c\x19)\x84\xab~U*\xa8\x90A\xebK\xce\x16\xd0\x1cK0\xd8\xbcq\xfbvD\xc5\xf8\xfd&gt;\xbf\xd5X\xdd\x8fK\xaa\xcb\xd1\x84\xdb\t\xc9\xc8\xe6\x0b#\x8d#\xb0"g!n\xb0\xea\xa0BE!t\xc1`cc\x10=\xbf\xb5%\x18eE\x9dr\xfa|\xaa\xdf\xea ~i\x00\x96\xc3\x81\xd9\xbd3\x1a\x99\x1c\xdd\x12\x89\x14\nU4@*\xa0\x95\xd7\xd8\xd8\x88\x1e\xc1\x03E\x92\xa4\xa8\xab\x80\xe5T\xfd\xefZ\x8b\xd5\xf0\xf5\x0c\xc2\xc20\x02K\xc1I\x9f\xed\x8d4\x83;\x10\xcc\x91\x91\xaaK\xc1\xc6\xdd D\x15\x19\x08\x93\x8a\xa6\xcb\x94\xd3\xe9TU\xab\xb1\xa6f\xfc.87H\x04\x91\x9a\x99)f\xcdp\x10R{\xe3n\xf4\x1e\x81\xdd[7\xa3\x87sk\x80\xea\xb5H\x945\x15\xb1\xa8#\xb7\x00\xcb?\xfc\xf7\x03\xd6bM\x96\x9d.\xa2\x8aE\xa7JP\x17*\x85\x08B\xda]S\xbb\xb5\xaa\xcd\x9b76\x8f\x02\x94\x80\xac\x92\xab1\xf4\xf9\xfc\xc33\xd6\xe6\xd6\xd73\xe5i\x97\xe4rV\xb9\xcaz\x11\x81%#\x1b\x11\x18\xb2\xeb\xb5\xcd[\x82q\xa8\xaeE8\x86@\x1b\xa2TZr:w\xaa\x99\x96\x92u\x0f\x9964\xb4N\xdd,-N;%\x97\x0b\xc0R4\r\xe7R +\x9ay\xa8\x9e\xa3\x11\xf4\x08T\x1c\x8c\xd2\x8a\xc0\x94\x03*\x9ar\x02\x95\x13\x15\x08\xae2g\xd1;"\xbaO\xde;}\xc1\xbc\\\xf6\xf9\xd0\x7f\xeb]\x92DS 9\xc3\xe8z\xa9\x84z3\xb4HA\x80\x84*j\x8c.\xab*8EI\x92\xd3\xe5T3\xef\xbe\xc1E\xaf\xdc\xbdg\x81a\r\x9d\x0f\x1f\xfc\xebD8\xd1"\xabh\xac\x14w\xb8\x08\x89\xa2h@Se\xc30J\x06m\xc8\x90L:\x83\x049\xa5R\x04\x01\x9eV\xcd\xf2\xb7\xbc\xc1\xc5\xce\xbe\xf8\xdb\x1fO\xbe\xea\r}\xeb\xc2\xb9\x07O\x9f\x9f\xa8p\xb9\x8c\xeaCX8\x14\t\x88"-\xa1\x1f\x10L\x04\x08\x84\xb2\\6\x0c\xf8\x8d&amp;\x08\x0cs\xbc\xc4\xca\x89\xfc\x95\x17\x97\xfe\xf3\xe0\xde+}\rI\xf7\x81\x8b\xe7\xbe{z\xf5\xf9-\x81k\xc9\xf8\xd7\xc6\x1b\x9a\xe0\xe8,\xa5\x08\xa4I\xafW\xa2\x01\x00\xb9GW\xf9h`r\xa0A]\xd7\xf7X\xe4\x95g\xe3\xe3\xcf\x9e~|\xf8U\xdd \xe9\xee\x9c:r\xbb\xeb\xdc\x83\xab\x97\x9e\xdfJ|\x90\x03,\xa7\x0bay\xec\x18\x86y\xd7eG\x18Pf1\x82\x90$0\n\xc3\x1d\xd5?\xa08B\xefa\xd2\x02\xc2\xbat\xf5Q\xcf\xeb\x87_\xc5\x1b"Z\x17\xe6\xfep\xfc\x8b\x1b\x07\x1f&gt;\xb86\xfe\xbc\xc2\xed]\xc3\xc20\xc0\xf2\x80cv\xaf\xd7fs\xbbmn\xbb\xc7n\xc7\xec  $$\x0c_\xc3\xaaf\x17\xd4\x07&amp;\xfd\xfe\x95g\xfb\xc6\xc7\x7f\xf3\xe8\xe3\x9e\xcfN_\xfc\x91`\r\x07.\x9e?v\xe6\xec\xf1\x9e\x9f\x1c|\xf8\x97k\xe3/*\xefs\x8c\xdf\xe7sJ\xe0\x06`y\xec6\x1b\xa2\xaa\x0b\xa0AO\xb7\xc7\xed\xf1\xb8m\xe0!\xe1B\xc3A\x88\xac\x1aF\xca\x9f\xa9b\x8d\x9f\xda\xf7\xebG\x9f\xed\xe89\x7f\xe2\x93\xc3\xdd\r?"\xa3&gt;\x9c?38\xb8\xe7\xec\xf9.\xc0\xfa\xd3?N\xbd\xb8\xf3\x81\xc6\x94)\x9f\x93X\xc7\xf2\xd8l\xb6z\xa0Br\xbb\xddv\xc0\xb4y1\x14B\x0f\x8eT5\x0c\xdc\xca\xb4\xe4\xb8\x13\x80\xf5\x8b\xdf=\x9a\xeb\xea\xba{\xec\xa3\x7f\xdf\xf8?\xabXC\xeb\xc2\x91\xf9\xc6\xda\x9a\x1a\xc0\xfad\xee\xf5*\xd6\xb3w\xf6\x8a%h&gt;.\x07\n"\x84\x11\x82\x07Po\x05\x02\xeb`6$\xbb\x1d\xb7\xdb=\x9eu,\x97\xd3\xf7\xbfX\x7f\xed\xe9\xdaq\xf7X\xcd\xa63\xf3sS\x9d?\xf8\xbdE\xadS\xa7\x8f\xdf:S\x0bT{\xf6\xec9s|n\xc7\xc1\x87\x7f~t\xea\xea;\xa2V\xa2\x9c\xd5\xd4nBk\x11\xdc\xaa\x03\x01X\x1d|\x05\xdc\xd54C\t\xb6\x8e\x85\xa3(\xfa|2`)\xcf\xaf\xee;\xb5\xef\xdaw;vt\x9d?[\xb3\xb5\xa6\xe6\xa3\x13\x17N\x1f\xfe!\xf5\xa2\xa1s\xea\x8b\x13\x835\xb5\xb5?\xaf\xad\x19\x1c\xdc\xb4i\xf0\xf8\\\xcf\xc1s\x07!\xe7_d\x8b\x80\x05\x8b\x7f\xcd\xacjr\xd5\xd5\xad\x93\x05\x02u\xee\xef\xa9\xec(\xc2\x1e\xdc\x01k\x16\xdc\x923\x99\xff6r&gt;\xa1m\xa4g\x187\xd3*\x19\xd5C\xc2\x86\xd9\xc4P\xa1C(c\xe2\x83&amp;$\xa6\x17\x1dLn\x95 {\xdd\xbd\xe4\xac\x812\xd0\xd3*\x87\\VB\xe0Q/{\x11#F\x8c\xc02)\x82\x15\x92F\x83P\xb1\x02\xb2$T\xa4\x08*\x92\xd2JX\xff\x12\xffIdp\x0e\xae\xed\xc0:v\xe8\xf3~\xa3\x04v\xe9\xbf\xd7\xa3\xf1`d\xcfo\x9e\xf7\xf9\x9e\xef\xf5EO\xff\xf1\xb1\xe1\x0fh\x93\x82$\xa9F\x9ewaoG#\x12[\xf1\xff\xb3\x99\x88\x83\x17[\t\x9f\xcc\xf1.\x88\x05\xad\xe4X\xd1\xaeJ\xd2a\xb8;M\xfe\xa8?}r\xf7\x8b\xdb\xa9\xc5/\x1d\xaa_S\xdbn2*`\xad\xe1\x1fl\xf7\'\xack\x0c\xeb\x06\x0b\x88o~\xfb\xdd\xf7\xc1\x1f\x93\xfed{\xa0HJ\xdd6\xf9%\xdf\x12O\xbd\xe0\xcc\xe0\xfbW\xff{]\xdez\xb4]95e\x9e\xe3\xf8\x07.\x17\x1f\x93cf\x1a\xf9PW\xa4p\xd8\xca$\x1b\x17?&lt;\xf9\xe6\xce\xf5\x15fk\xdc\xd8q\xd3MG,\xd0\tn\n\x88\xcfj\xad.^\xc7\xa6\x88&lt;\xfd\xea\x8f\xdf\x7fh\x07\x02\x8d\xa3\x91"I\xb9\x9a\x8f&amp; ~\x89\xe7p\x90d\xeb\xff\xed\xd3\x94n\xfd\xfe\xd1z4g\xb4\xe4\x18\xc7\xa3\\\xae%.f\xd6*UI\xa9\xe6`\xaep\xb8{\xde\xb8x\xfa\x8c\xd4J\x11\x95\x9b\x0c\x7fS\x10H\xad5v\x00k.\x96\xc3\xb5\xbaH!\x7f\xff\xdew\xdf~\xab\x7f\xd4\x02\x81YWB\xf5[2\xcf&gt;\xcf\x05\xcf\xee\xe2\x01&amp;o\xc5\xd7\x9f\xff\'\xb2\xdf=\xcfm%\xcc\xa2^\xae\x05aIp-\xfbb\xad\xe3Kz\xbe\xa1\xde\x97H\xae\xd7\x8d3\xfb\x19\xa6\xc0\x146\xbc\x15\xb7p\x85\xf5\x0f@kkW6\xd8\x95\xe0v\xb8\x16W\x80\xf5\xf5\xd7\xf0\xd6}\xfc\x83\xf1\xe4\xab?\xff\xe5c\xdb\xef\xef\x0czR\x18X5S\xe6~\xf9+\xc2\x929\x06\xd7\x1aVN+\xff.\xfc\x11\x07\xebzL\x06\xbdNz\xf1W\xaf\xf2\xbc\xcf\xd7:\x18\x1f5-\x04M\xabV\x87Z\xe1\xde\xa4q\xb6\xf5\xf0\x06\xdb\x07o\xaf\x08p\xb8\xe3\xf7\xb5\x8d\ra\xe3\xca\x86 \x08H\xd7\x15\xca.J}\xf2\x166\xf1\xbbw\x7fs\xf7\x9f\x17\xa0\xd22=\x8f\xa8X\x8a*\x8dN\xd21^^\xba\xcaq.\x9e\x93}\xbcY\x19&amp;\x10C?\xdf.o\xfd!^\xa9\x94c\xa0O\xd4\x82\x89\x18\xcf\xf1K\xcb\x9c\\\xbc\x18L:\x9d\x81%Ye\xb3X\t\x87=\xe1ls\xda&gt;\xd9\x07\xd2C\x9a\x0f\xdcs*\xe1\nSK\x98\xab\x05\xbd\xb0G\x92h_^\xa7\x81\xff\xc9\xfd/@\x15\xf0w\xc6\xa3\xac(JU\xdb\xa8[R}x\xf2\xa1\xe8\xf3\xd1\x8a\xe2|\xbc\xcf\xae\xea\xc5\xb4\xbe#\xfe\xa4\x97\x8fD=o\x1a\xa7&gt;\x9e\xab\x19\xe9\x18\xa6r\xce\xe53\x8b\x1f\x0e\x06S\xaf\xb7\xd3\xb4$E\x97\xe5\x9a\x1a\x0e\xc7\xc5\xde`vv\xf2l\xbe\x1d_\xbb\xe6H\xc5\xba(\x08k\x1bt\x16\x18\x15k"\xad\x0b`\xdd\xbd\xf3\xc4n\'\x03\x8dI3\x1b\x8d\x8b\xaa\x9d\xb7\xb1\x80&lt;J33\x0e\xe6\x1d\xac\xa5\xe5\xd3\xdc\xfba\xb5^\xcd\rwr\x7f\xfa\xd4\xcb\xed-\xe4\x88iT\xf4\xbf\x9d\xda\'-\xd9L\xd4.N\x8e\x8f\xc7\x99\xd7\xe7\xc9@(3\xb2\xd4zP\xe6\x8a}\xd1\x93\xcd\x86\xad\xc1\xf9\xd9\xd6\xe3\x15j"&lt;\xefP\x81\x08r\xad\x11\x1bmEn\x8c\x134R\xb8W\x17\x17S\x8f\x9f\xdd\xbb\xf7\xc3I{s\xd3?mZ\xd182\xab\x183\x10\xf4Jo\xdc\x98\x8e\x8f?\xc4\xe0.\x9f\xeb\x17y{\'\xb7c\xd7\xd2\xc5\xbc\x99\xde\x99\x7f\x02[\xc2\x87e\x97\xb0\xf5Z-o\x9a\x89\x8b~w\x90\x19Of\x9dNGKz\xe1RU\xad\xd6\xb0\x8ckU\x8f\x98\xf5\x84{\x83\xa3\x8b\xfd\xd4\n3\xfd5\x81\xf5P .\xe6{\x86%\xd0\x14\xc1\nS\xcd\xc3{\x8f\xf7\xcf\xda\x8d@`\xda\xece=\x92\xd5oqrE\x95Di4ih\x8d\xd9\xf8\xa4\xc8\xf9|\xfc2\x1f3\x13y\x8e\xaa\xb8\xb53\xccE\x9fc\xbcF\x9e?\xc8\x1b5\xf8]6\xf5\xcb\x1e\x0c\xe5Gy\xa9\xb4iSU\x95\x1c\xb0\xb8|Y\x12\xb3\xcc_\xc7\'\xfb\xbb\x1b\xa9\x94\xb3\x18\x81\x82\x90\xb8\xc9\x1a\xb9\xc6\xc2\x95r\x9e\x1cv{%u\xe3\xce\x8dg\xe5\xa3$\xdc&gt;kZY\xc9\xb2.k\xb0:\xb0$\xab9\rl\xfa#\xed\xa3\xe3\x16\xb6\x11\x17\xf3&gt;{\xe9\xb9z\xae?|\x1f\x7f\xbe\x90\xc06s\xaa\x9b\xd8\xfb.\x0e\xba\xe3Y\xc3\x1b\nln\x06\x02\x01o(\x14\x9atUU\x1a\xb6\x10d\xb1\xf4\x90\x16\xa3\'\xee\x19\xf5\xcb\xfb\xbb\xbb)\xc4\xa6\x9b\x94b\xe1\x85\x83\xf5\x93\xb0X\xc4\xae\xb8ihM\xed\x1aG\xc9\xa4\xbf\xb0\xf5\xbe\xa8\x00\x00\x04\x0bIDAT3\xe9Z\x1e\xd1c\x15.L\x1eXu\xc2:\xc7=\x88k\xfc\x01\xe9\xcdS\x80Qq\tc\xb8c\xe8z%\xb7`s\xcbEC\xcf\xc7Z\xfdf\xa6\xady\xc1\xe3\x0f\xe0\x1c\xd0"\x84\x05\x1f\xf4\x8b\xb4\x13\x99z!\x1e\xcd\x86\xb7\xe3\x1e+\xb7\xb3\xbb\xbb\x8bD\'*\xd69\xc19\xb1\x85(8X\xab\xa9\xc5\x95\xdd\xca\xf1Y\xc3\x9fl\x8c{\xb4\x06a\xf7"\xfe\x8elTU\xa5\xe7`y#\x91\xce\xf8\xb8E\xbb\n\xe2\x8b\xce.\xae\x15\xd4+\x95\xa0\xbe\x10Dp\xa6\xd3\xad\x93\x83\xf1L\x03\x11\xb0\xbc\xde\x10^\x91R\xa8\x93\x19I\xaaZ69\xda\x1f\xf3\xf6\x8bx\xd8\x83\xca\x86_\xbc|\x03.\xf2\x15\xccE(\x82[pN\xb8v\xb39l%\x95J\x95\x8f\xda\x8dFc:\x00\x95\'l\xd5\rz&lt;^\xb6s\x05u4\x00\x16\x16\x82W\xa3F\x9e\x04k\xa8t\xd1\xf4Q\xb8\xc6\x90\x15\x86\xb1\x10\xc3-c\xe9\xca\xe5\xac\x11\x81H\xccT\xa1\x10Q\x95`\t\x89\xb6\xd6\x18\x1e\x12\xea\'\x0c\x85a\xd1)\xfa\xf7\x97oX"0\xcf\xbb\x85\xbf\x92X7\x05\xa6\x15\x06\x8bk\xab\xab\xbb\xfb\xc6\x19\xa6\xf7\xd9\xc1\xc8\xcafE\xfc\x9d2\xc6,\x86uY\xad\x8f^\'771\x7f\x05\xa0W\xa9=9\x18\x1f\x1c\x0c\x06\x97}\xbb\x05\x058\x04y&gt;\xbd@\xa3^mX\xe8N5-@V\x87\xa5@\xa5\xbd+E"\x93\x91\xa4(\xd5\xa0\xec",^\xc6(\x01&amp;\x11T\xa2\xe8\x11_\x10\x19\xd06\x04\x16\xacNG\x9d\xef(4\xb0\xddH\x9eg\xb0\x02A%zT\x83Q\xa1\x89v\xb5Z\x1de\xc0\x04\xb9\x02\x90+RzWj\xb7\x1b\x9d\xcel2h\xf6\x83\tX\r\xef\\\x80lvUQF\x13/-@ \xe1\xf0{\xf1\xde\x10\xb6\x0bIU\x90\x0f\xd4C\xc6\xa5\xe7\x08j^\xa2\xf8\x82\xd0\x18\x1b\r\x10kN!/\xde\xbe\xd99&gt;kw\xa6\x04e\xc1\xed\x92X\xb7\x13dPR\xcb\x00VwBR\x01\xccOX\xa5\xd0\xdc&lt;\xdad\xa4\xe6\xca5,\x0c~AN\x94UE-\x8c2\xfe\xa4_s\xa4\xf2\xfb#\xef\xdeEB\r\x1a\x8f\x94\\\x8bm\xf4\xd4\x00\x97\x99\xae\xa8D\x14\xf7\xcc\xbb\x19\x8f\xa3\x9d\x0c\xcd\xa9\xb7\xec\xf4\x16T\xb3L\xd3\xb2,\x08\x15GL\r\xf5&lt;\xd6?\x13]6\n\x85zw\xa2\x01\x04\x82!&lt;\x08+\xe4u\x02iF+_\xe9\xd7\xf2\xfc\x82^1r\x05E\x1dM\xb5$\xc4\x8aD\x80\xee\x0f\x91X\xde$\xb0$e\x98p\xb0\xe8Q\xf9X"\x88Q\xc7Q+\xce\xda\x89#\x1a\x85l\xa0#\xbe\x97\xacr\x97\xa3\x1e\x19=.R\xd5+\x10\x80\x98\xe8\x05,\xb5\xde\x1d\xd3\x92\'0r}\xa9\x14\xd1\xc8\xd1\x91\xc8\xb4\xab\xc25\xbam\x04\x17\xec\x84\xd9/\x14\n\xddN2\xa9i$(\xb0J\x10\xcb\xeb?oB-\xa9\x92\xe7?\x89Ex\xb1\xc4i\xb9\x9a\x05J&lt;\x1a\x8f\x13\x19\x8c\x13\x0eC\x14\x08\xe7T6*\xb2\xcb\xb8\x03\xa5\x0e\xf5"\xcd&amp;\x04E\xde\x02V\xa1:h`\xd5S\xe7(%J\xa4\x05\x99Z\x9bv\x0b\xaa\x94+rE{\x01\xc1[\x06\xd6A\xc7\x9f\x04\x15\x13\x0b-,\x85\xfcI\x86\xa5\x181\xde\x19\x0bY\x0fh\xd9\xb6\xca*(\xc4,\xdd\xd4C\xa7(\xbb\x7f4\xea\\\xd2\xb7,\xbe\xd0iI\xaa\xf6u\xcc$\xae9\x93k\x99a\xa9\x85A\x87\x91xI/R\x8b\xe4\ni\x84U(T(t\x170\xf2\xd8U\x86\xa59\xee\xf3k\xef \x96?\x90\x9cR\x98\xaa:\x8b:\xd7\x1c\xcbY\xe3u\xda\xd6\xba\xbd\x1e-\xb3\xec\x1c\x881Ro\xa3b6\xdb\x03\x11\xa8rF\x8d\xed.\x9f\xb1\x1e8Xjw\x1a\x99\xdb\x98B\x82\xba\x08[G\x1c,\x1d\xda\xba\x16\x82z\xb0\x1f&gt;&lt;\x1c\xbd~\x9d\xc9`n@e\xc6cv\xd1&lt;|\xf5jo\xbb\x12\xfci\x9d\xeaz\x7f{}}\xef\xb0\xdb\xec\x1d\xeeQ\xad\xaf\xaf\xbf\xc2k}\x8f\x1dt\xcd~\xb6\xa7\xf6\xcb\xb6\x1e\xfcy\xe5\x0e\xf7\xb6_\x1d63(\xdc\x91\xdd\xefs5\x0f\xb7\xc3\xe1\n\xfd\xce\xbf\x00&lt;2\xfc\xec\x00\xc3y\xdf\x00\x00\x00\x00IEND\xaeB`\x82'</t>
        </is>
      </c>
      <c r="M171" s="3" t="n">
        <v>45492.67802083334</v>
      </c>
    </row>
    <row r="172">
      <c r="A172" t="n">
        <v>611876</v>
      </c>
      <c r="B172" t="n">
        <v>5981</v>
      </c>
      <c r="C172" t="inlineStr">
        <is>
          <t>Gerson</t>
        </is>
      </c>
      <c r="D172" t="inlineStr">
        <is>
          <t>Gerson</t>
        </is>
      </c>
      <c r="E172" t="inlineStr">
        <is>
          <t>VOL</t>
        </is>
      </c>
      <c r="F172" t="inlineStr">
        <is>
          <t>VOL</t>
        </is>
      </c>
      <c r="G172" t="inlineStr">
        <is>
          <t>VOL/MC/MEI</t>
        </is>
      </c>
      <c r="H172" t="n">
        <v>185</v>
      </c>
      <c r="I172" t="n">
        <v>8</v>
      </c>
      <c r="J172" s="2" t="n">
        <v>35569</v>
      </c>
      <c r="K172" t="inlineStr">
        <is>
          <t>Left</t>
        </is>
      </c>
      <c r="L17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a3852dd-ea98-49d3-8e4d-79ad31bc3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-:\xe7\x00\x00\x03\x00PLTE\xfd\xfd\xfd\x0e\x0b\n\x07\x04\x04\x10\x07\x04\x05\x01\x01\x08\x06\x07\x11\x02\x01\xfe\xfe\xfe\xff\xff\xff\x0b\t\t\x0c\x02\x01\x01\x00\x00\x14\x10\x0f\x0e\x02\x01\t\x01\x0151."  \x14\n\x073.,\x0c\x07\x05\x1b\x1a\x1a\x18\x17\x171,)\x1e\x1d\x1d\x15\x02\x01\x14\x13\x133\x03\x03(%$/*\'#\x02\x01*)(\x18\x14\x12\x0f\r\x0e\x19\x01\x018\x03\x03\x1d\x16\x13\x13\x0e\x0b%$#.--3#\x1b"\x0b\x06\x18\x0e\n$\x1e\x1b.\x02\x02)\x01\x01*\x1c\x16\x1e\x01\x01:)""\x19\x15\x97cM2\x12\x08+ \x1c\x1a\x12\x0f+\x13\n\x1d\x0f\nX\x02\x05\xdc\x98v742K\x02\x04\xfc\xfb\xfbQ\x01\x04#\x13\x0cF\x02\x04\x8f^I\xb0kM\x1d\x07\x04)\x0e\x06\x8cbOmE4C0(J#\x12=\x01\x02\\;,\xfd\xfc\xfc-\'$\xf9\xf7\xf7;\x1b\x0el5 S;/\xf6\xf3\xf2K3(f1\x1bc@0;#\x194\x1b\x10\x97^G\xb8vXcF9S2&amp;YC7\x87[HJ,"A+"9\x13\x07a\x01\x04\x19\x08\x04gNBR*\x19\xaamR\x87VB\xb0oSA\x03\x03B\x1d\x0eC"\x14\x90P8{L9@\x15\n\x90fSJ7/\x98gS\xd8\x92r\xbb\xb6\xb2`,\x17\x9fhQvUEZ(\x11\x8a\x86\x83_3%nK=\xe8\xe2\xdf\xb7pP\xc5xT\x80]L\xa4iOtI7\x7fTBq9"\xaahK*\x18\x10gb`\x86H-\x82~{;86{vs\\VSPKH\x94\x8f\x8c\xc3\x7f`\xa4nW\xaffE\xbeuSB&gt;&lt;^I&gt;S"\x0eHDBZ.\x1f\xf2\xf0\xef\xd1\x88ea][R@7e9(v&gt;&amp;G(\x1b\xebA3\xc7\xc2\xbfh\x05\tmSHupl\x9faH\x9d\x99\x95\x93XAmif\xa6\xa1\x9d\x84M8\xdf\xdd\xdc\xcb~Y\xafx`\xf2`C\xa1wf\xea\xe8\xe6\xd3P;\xe8W&gt;\x9bn\\\xef\xeb\xea\xd9\xd5\xd3\xadsZ\xc1\xbc\xb9\x91m]\xb8iF\x9cV8\xcd\x83a\xa9\x86v{D-q\x04\n\xdf\x9e}\xa8^=m&lt;.\xd5\x8dj\xd4\xcd\xca\xc1oI\xa3C2\xaf\xa6\xa1\xa5\x80q\x8esj\x7f@&amp;\xbee=\xb3_:\xa8\x8b\x81WQOz\x03\nw2+\xe46-\xd4\xd1\xd0\xf2G5J\x1d\n\xcc\xc8\xc7\xa6cG\xf2V=\xc3I7\xb1\xad\xac\xe2\xd8\xd5\xde\xd0\xcb\xdfS=\x94?5\xb7~g\xd5\xc4\xbf`\x13\x15\xdb|s\xba\xaf\xa7K\x18\x1as\\O\x82dZ\x8e\x0f\x12\xcc\xb9\xb2\xd5aP\x83\x10\x13\xb2A1\xbf\x98\x8b\xbd^PT\x16\x17\xbc\x8f{\xe9fP\x93F\'\xbe\x88o{f`\x882+\xa3vx\xfc\xe6\xe3\xf3q\\\xb2Q;z4\x17\xfa\xc2\xba\xdbsb\xf2\xb0\xa3\x9eQE\x86=1\xf8\x92\x82\xcb4,\x80QSt \x1d\xc7XI\x95\x82~\xad\x8f\x91\xf6\x86u\xfb\xd6\xd1\xa5\'#*$\xb6]\x00\x00 \x00IDATx\xda\xb4\x98\xdbOZ\xd9\x1e\xc7q8a\xef\x10p\xc2!i\x883\xc4($\xa2b\xbd \x9a)^\x00\xaf\x08\x14\xaf\xd4j+U\xa9\xe2Q\xa3\xad7Z/T\xacU\xeb\xdd\xd6Kz*\xda\xc21\x9ax\xab\x8c&amp;z\xa6\x19kz|0\xad\x89/}\x99\xce\xebI3O\xf3\'\x9c\xdf\xda\x9b\x8d\xa0\xe0\xa5\x9d\xf3\x83l\xb7\xb0\xf6^\x9f\xfd]\xbf\xf5]\xbf\x05\x8dv*0x]&amp;\xa0\xb5J&amp;\x837\x1c.\xd2\x18#^\xf89\xed\xa8\xc0\xc9?\xe82\xdc\xeb\x93S\xe7\x9e\xa1R\xebV\xda\x1c\xab\x07\x10\x1f?\x1e\xb4\xe9d\xd8Y\xe1\x89uNC\x1a\x86Q\xcfqB-\xcc\xfb)\x8f\x9b\xba\x02\x90\x96V_4\xbcn\x9e\xed\xee\xee~\xfe\xa4\xaf\xefUs\x83c\xe2\x84d\xde\x97\x1cca\xfeu"\x8f8\x8e\xb4 \x8f\x18u\x19\xa1\x10N\t\x85\xbb\xce\x89#\xd5P\xb6t\xd0\xd0\xdf=\xfc\xd3\x95\x88\x08A0+8X \x88\x91\x0c\xf7\x1e\x1d\xb4ML\xe8Tn\x8dq\xd7\x95d\x07\x9eX\xd4\x8d\x88\xef\x8e\x1b\x11\x7f\t\x04\xa21u\xf4P\x8b&lt;#?\xc2\xdcOB|*\xd3\xad8\xe6\x9e&lt;\xce\x89\t\x86\x10\xc4\x0b\x85\xc1BV\xbc@\x10,\xb8\xd2\xd7\xf3\xfa\xe8\xe3\n\xa9\x19\xf9|\xd4\x19\r\xf3V\xeb\xb8_\xafF\x97\xcdm\xcf\xe1k[\x9f\xeb\x19\xbb"\x89\tf\xc5\xc7\xb3\x04\x02!\x8b\xc5\n\x08\x10\xb2\x02\xb8\x01\xc1\x11?\xfc\xf4j}I\xe7;\xff/\xda\xa3\x8f\\\xa3\x06\xd1o\xa8\xd4\xab\xcd\xfb\xdf\xff=B\xc0\x82\x91C\x11,\x14\x02\x140q\xbf\xe3r\x03\x84\xc2\x88\xbe\xe6\xf5%\xb5\xea\xac\x94?\xbb\x8f\xafx \x95L\xb7\xda3\xf6cD\x8c\x80\x05:\tb\xa2\xc2\xa2bb\xd08\x06\x00\x15`q\x810^2\xd6\x7f0\xa1\xf2ss\xec\xfc^|\xaau\xe6\x83\xe8V\x8fz\x1e\xff\x10\x11\x1f\x1e\x1f\x1f\x13\x16\x16V0SZ]]]\xf0\xe8Q2\x87\xc3\xa1s\xb9\x81\\!\x0b\xce\xc2\x7f\xecnXR\xd3\xbeY-\xcc\x8f\x9dz\xb5\x81s\xf5A\xf3\xf3a\x89$"\x02Q\x95\x16\x17\xb7\xb4\xe4\xb5\x8c\x97\x97WW\x15J!\x92\x138\x9cx\x01\x9dCg\xd2c\x86{\x0f\xd4~\xed\x14;{\x84|\x19\xe6\x19VGS\xaf\xf6\x8f]\xc9\x89\x90H\xa2\xc2\xa2K\x8b\xa7\xa6\xf2\xb4Zm^^c\xd3hf\x95FSXX\x88\xc8\xc2\xe9tf` ;\\\xd2\xb3\xaa\xf6-\n~\xa2\x8f\x93=\xd2H\x9b\x00&lt;\x1cwMW\xb7\x86\x1e\xa6\x80\xfc\x84&lt;w\xcc\xf5I$9\x12\xc4\xd42\xa5u\x85\x9b\x0b\xc84\x85RP\x8c\r\\t\xfa\xf7\xbd/t\x18\xe6y\'w\xbf\xb8\x8f\x11!\x1a\xe0\xd8\x19\x0b\x97\xbf\xd0\xadw\x83T\xd1\x19\xc5 \x94\xb6K\xdb\x85\xdep\xd0\x02W\xe6\x87*\x08 \x8b\x93\x8a\x128\x0cf \x93\xc9\x91\xf48d\xbe\xee\x8e]&gt;\xe5\xcfJz\x9a\xa3\xf9\xb1D\x12\rLS]dLOoY\xb7\xa6\xbb\xb4yM\xa3\xa3\x99\x10\xd5U\x9a\xc28i\xb2\x82\xc3`\xb0\x99l\xde\xe3\xb9%\xd5\xa9\xbb\x9foB\x97\xf4-u\xc3\x93\x9c\x9c\x8c\xe2\xa9\x1d\x82\x07\xde[V\xab\xc9d\xb2nu\x81\\M\xe5\x10\x04\x97T)2\x18\x0c\x0c\x06\x93\xcd\xd9_\xf7\xf0\xafo\xf3-\xbf\x02\xcbV{\x1eG\xe7f\xef\xec\xec\x00\x10\x84\xd5n7\x99\xe6\xe7M\xf6\xadi\x18\xc6\xc6\xc6\xa6q\xc4\x05X0\x8c\xc0\xc5\x03\xc1$\xbd\xbf\xe8\xbe\xa9\xb0\xc1\xb1\x13K\xf5\xe9\xa9\xb2\xd4?\x16\x9d\x9b\x8f\x98j\xec(@\xa8\xf9\xa2\xa2"\xc4\x05r\x01\xd88\xe2\xaaB\xd9%R(\x0c\x86\x10\x06\x93\x99\xd3\xdcF\xf3\x18\x1c\xdf\x85\r\xee\xbf\xb0\xc1i\xfeg")\xa0\xec\xc5s\xa4\xd5V\r@U"\x1e\x08\x9b\xad\xfd\x1ep!\xb9 \x08\xaej\x02\x0b\xb8\x14\x8a\x10\x06\x9b\xd3\xb7\xaeSy\xa9\x85\x9d\xe9[T\xaf\x98\xab\xb0!\xc2\xa3\x94q\x176\xee\xb2G\xf7k_\xee\xd4\x0eR\xca4\x1f{\xef)\x8a\x8av\x14E&amp;\xeb\x1e\x9a\x8ey\xe0\xac\xe3\x9eX\xc0\xc5\x88y\xfeBF\x156\xa4G\xe0\xd4\xcb\xdd\x81\xbblr\xbdi\xee*\xc3+\xe5i\xc7\x15\x8f\xcbn\xe0Tv0[\x97MPU\x16\x01\xd5\xda\xc2\xda\xdaZE\x85\x05\xc26o\xdd\x9bF\\\x90ah\x14\xe3 \xe7\x15d\xf0\x18\xbc\xa8Y\x98\x8d\xa7\x0b\x1b\xcc}g\x97v\xd8\xf1\'\x97Hy\xd5D\xffdn~G\x8d\xbd\xb22\x95\xa0\x82X3VT\x18\xe5\x15\x16\x9b\x89\xe0\x02\xb9\xc6\xc1W5\x08\x8b\xd2\x8b\xc70\x0c\xaf\xab/^\x9d\xfa\xf4-\xcc\xbfA\xc8\x0e\xba3\xb2\xd3\xbd\xa8\x10\x96\xd1h\x91[\x0e\x9d\xd6\xbd=\xc2VA\xaeL\xe4\x10J\x02\x0c\xc8Bx\x0cI\xf3\xc4\xc5\r\x02\xc7/g\x10\xba\xb9\xb1\xba\xfc\x9a\xce\xca\xca\x12\x02kmmA\xbf`4\xca-\x16\xb9\\~\xe8\x04\xb9\xf6\x08\xc1\x1aA-0TX\x1b\x81\x8a\xcf\xe7_\ra$\xec\xaf\xca.]\xcb\x9fV\xcb\xe7R-[}\x9eq\xb3\xa3\xb3\xa4\xb2\x04\xb0P\xc2\xb7\xb7\xc3\xf8\xc9\xe5\x83\x87\x83\x10N\xe7\x17\x93\x95\x18HX\x85\xaa\n\xe3\x80KI`\x89\xc5\xfc\x10\xde\xb1\\\xe7\xef|\xdcj\x11k\xb1\xe7\x86\xc7\xabL\xa3\xfcC\xf7z\xb8\xae\xb5\xb3\x04\x05\xc2\xba\xd7n\xb3\x1d"\xa1\xe4\x83\xdb\xdb\x83\x83\xdbN\xa7\x13\xd9\xfd^W\x1e`i(.\xbe82R|\x95\x97\xb0O-\x8d^v\x8a\xb9\xab&amp;\xdf\x06A\xcdY\xd7\x03\xe1\xbe\x8a\x9b\xa5\xde\xba\x9b\xf7K\xd2\xd2\x80*\xb5\xbe\x1eq!\xb5\xccf\xb3\x1c\xc4\xda\x00\xb6m\x9b\xf3\x98K\xe3\xc6\n\n\x12\x87\xf0\xbeoP\xfbP\x0b\xf7o\xa7\xb8w\xb8.\xc3O\x85\xec\xe0I\xdd\x9d\x87i\xb5\xb5\xa9@u\x0f\xa0`\n\x9a\xf5\xe6\xa1\xa1!\xb3|\x03Ivh\xb1\x1c\x02\x18\xac\xdb\xdaF\xd2\xe9\t\xac\xa0\xd0\xd0\xc8\xab\xbc\xa8\x9e\x15b\xd7\xe5\xbd!\xf3\x1f\x17Ny\xddQ\xdf\xcd\xfbi\xb5\xf5\xf5\xa9(\xe1\x01\nQ\r\xe9\x87\x08.\xd0l\xd0"7\xcb\xc1(:\xa6\xcag\xaa\xab\xd1\xc2\x08\x9e\xaa \xb0\x82\xf8!\xa2&gt;W\xd2\xff\xd5\x061\xd1&lt;9B`\xc5\x82\x95\xdal\x16#8V\xbb-6\xb6\xdd\xa8\xd7\x9b\xd1P\xca\x8dz\xa3e\xbe#\xfbVX\xd4\xa3\xe4d\xa2~6\x90X \x97"\xfaH\xf7U\x9b\xfdc\xb3\xf0\xdc\xbe\xba\xb7\xac\xd8\xd2\xec\xe4\x9d\x87\xb5\xcb\xcb\xf5\xb1\xb16\xdb\xfc|jjgMkzz~~G\xac\xde\xac\x87\x90[\x8cz\xb9\xad&amp;;#:,G \xa4\x93aP\x88#C\xb3\xee\x86\xf2\xaf&gt;\xea]:\x91\xf2\xd8\x99\x06qA,\x99\xa3{\xe4&gt;\xa2\x02\xacy{M\xeb\x8d\x9b\x93\xb9\x19\xb9\xb9\xb9\xc5\xd9\x9d\x15\x88\xca\x0c\xa6\nb\xed\x14GK\xa2$\xf1,\x16\xf7o\x10\x81\xec\x10qP\xd6\xb5\xa4\x94 \xbeh\xdfq\xf9\xdf \xa8\x9f\x01p\xdc]\x9b\xe2^\xe5\x0e\xa6\xfe\xf8d\xe4\xe1\x9be\xa4Ve\x070M\xd6\xd5\xdd\x8a\x8e\xbe\x95\x9b\x9d_sO?\xa0\x07\x03\xb3\x1c\x1e:\xedS3\x85\t\xe1\x10\x02\x0e\xf7;\xc0\n\xe4\xf1#\xb3\x92\x12\x93\xee\x8aE\xc3\x0e\xdaI\x97\xf7\xac\x0cp\xef.I,\xdaq\xa1@\xad\x94\xb8\xcb&lt;\\b\xeb\x8e\xf6\xef\x80XO\x97\xebKZ\xaf\xdfDX\xb7\n J\xb3\xd3;\x8b\xd6\x00\x8b\x9c\x85\xd3\xe3\x1a\xa9\x81\xc31\x84\'\'@p\xe8\x8c\x10\x84UVv-\x92\x9f\xf1QMaQ[\x0c\x97s\x92U\xc3q\x9a\x13X\'\r\x82\xb8\xe4\xf4\xdc\x9d\x98\xdb\xff\xfcfqq\xf1iZ\xeb\xf5\xc9\x91\x91\xc9\xeb\xc5\xc5\xe3\xe3-\xe3-S\xe9\xf6y#J-TDt5VI\xa1(5\x88\xa4\x9aj\xa8\xea\x0b\xd1T\x8c\xbc\x0bX\x89A|\xc9\xaf:\x9c*l\xfc\xf4\xe1i\x10\x17\xac\xe5W\xfa_\xfe\x0eT\x8b\xf5\x9d\xd9\xd7G\xee\xb4vV\xda\xb7\xb6`e\xee\x82\r\xc6\xfc\xa0yH\xaf?4M\xe75U)\rt\x8e!YS&gt;5\r\xee\x95\xa9\x91*\xc5\x90Z\x80uW\xfc\xa8y\xe5\xffP\xcb\xaf4\xbf\xfc}wwq1\xad\xf5\x06X}=,=h\xcc\xd0\xceg\xcf\xb4\xbd140`\xb1kGo\x8bxl\x86A:\x93^\t\xf5\xaa\xb5\xab\xa9*N\tb%\x96\x95\x95\xa5DJ]S\xf1\xe2\xbe\x85{\xf8\xbf\xa7Z\x9e\xbfU.\xf5\xbc|\xb3\xbb\xb9\xbb\xf8\xb0\xb5\xb3]\xffi``@\xbe\x8dJ\xac\xe9\xbd=\xabi{p\xe8\xd93\xa3\xb5Q#\xa2\xb3\xd9&lt;iyG\xea\xd3\xa7E \xdehU\\dP\n\xa2*K\n\x8a\xebn\xf3Z|\xce-l\xfc\xffHyl\x10\xaa\xb6\xd9\xcf\xef\x08\xb5*\x0f\xcdC\x03\xcf\xfe= wZ\xa1|\xd7N[M\xce\xed\x8d\x07\xcf~\x96[\x9b\x94&lt;&amp;\x93-\x9a\xe9\xa8]^X(\xda\xca\x83jP\x19\x94\x95\x92\xf8\xcf24\x8a\xa1#\x0e\xca\xbd/n\x10\x1e\xab%\x8e{\xc9D~\xadr\xbc\xfa\xfc\x0e\xc4Z^\xb6\x0cn\xbc}\xf03\x0c\x9ai\x0fv\xacMy0\x86\x83o\x1f\xfc\xeb\xc1 `\xc1&gt;\x87!\xcdO[\xde\xfc\xeff\xda\x14\xa2\x12Gf\x91j%\xa6\x84\xd6\xad\x923\x9b\x98X\x947\xf8U\xcbc2\xd2&lt;\r\x82\xfcY\x82\xfa_\xe5\x00\xb56\x81kA\xfe\xfe\xfd\xc6\x86\xdc\xb8\xd6n\xd26\x8d~\xf80\xaa5\x01\'\xc4\xb6\xb51\x8e\xc7\x0c\xa4\x17\xb4\xd6\xbe\xa9}9\x19\x96\x00\x1e/\n\r\n\n\xbd\x86\xa8\x12\xafe\x95\xfe"\xc3\xfd\xa9\x85S\x9f\x90\xe0\x18\xed\x82)/s\xcc\xfe\xf1\xee?\x9b\xbb\x0b\x80\x85J\xab\xf6\xe5\x92\x96L\xcd\xed\xdb\xff\xf8\xd0d\xd7\x0f\xbd}\xbb\xb1\xb1\xfd\xe5\xcf*\x05\x9b\xc9+,--\xbd\xf3G\x0e\x0b\xccT\xa1T\xf2\xaf\xf2\xb3@\xae\xc4\xa4kw\x7f#\n\xfa\xaf\\\xaa\xbd\x0c\xc2c\xdb\x89\xb06ww?\xe9\xe5\xdbN\xabu\xba8::9\x9c#R*o\x97\xdb\xe5C\x1b\x1b\x1bo\xdf\x7f\xf9sT\xc9c\xf3\x14\xc9\x057\x167\xeb\x84\\.]\x14\xa9\xe00x\xe2\x94\xc4\xc4\xc4\xa4\xa4\x94\xdf\x1at\x7f\xb9A\xa8\xdaz\x01ks\xf3\x93~\xd0\xb9\xd5R&gt;\x93\x1b\xc5\x82~\x0b\xaa\xff\xc7\xaa\xd9\xc7\xa4\x9d&amp;q\x9c\xad\x1e\x18\x1bH\x88\xc9\x85\xfc\x12\xfe\x80\xbd\x04( \x15-\x12\x14\x10\x8a\x8aG\xab\x16\x05]\x85\xba\xca\x8b\x85U\xaa5\xbe\xa0\x10&lt;\xefmYM]\xcb\xc6\x9a\xb51\xe6\xba\x18\x9b\xe8\xda*\x9eU\xda\xb3\xb6\x1aM\xd3\x9a\xacM\xed\xf56M\x9bhM\xdb\xdc\xa6\x97n/\xd9\xb6\xfb\xc7\xcd\xf3\x03\x91\xfar\xa5\xbb}\x88\x92\x10\x12?\xce\xcco\xe6;3Ou_\xcfy\xcf8\n7\xc0j\x80\x04\x01\x9e;\xa2n}PR,\x95"\xd1\xac \x12\xe9LI&amp;\x1c\t`\xfdZa\xb3s\x88{\xe1\x8f\xc8\x89\x93\xab\xe6\xe9\x8e\xde\xca#\xe5\xa7N\xf39Ti__N\xa3K\xd79?\x7f\x03\xc7\xaa\xb3+\x15\xb4\nQq\x9fZ\xab\x86\x14\x8fd\xa0\x02\xb4\rf\x91\xe1X\x1751i\xf9\xed\xcd~\xa4U\xdd%A\x10\x10\x16P\rUM\x0f\x9a\\\x8d\xaa\xd6\xd6\xd3\x85}\xd59\x95=\xae\xc1\xe5i\x84\x85\x9c\xd8`G\x83\x1a\xd1!ke\x0f\x1a\x90\x08\x95JP]J.\xc6\xb4H2%\x92\xc7_k\xf6\x1c\x8d\x90H{v&gt;[;\x9f\xdd\xe8/\xbc\x99\x9b\xbb694\xe4Y\xf6\x98\x07\x06u)\xb5\x87\x9b\xb4==\xbd\xb6\xc1ed\xac\x1bWo&lt;GX\x18\x17\xb8\x94Gr\xf0\x89\x12T\xc5\xea\x1c\xab\x11\xc3\x90\xb6\x91d6^\xc9\x88\x1e_\xbd\xc3Z\x91\r\xc8\x96\x96\'E\xda\x8e-i3\xfa9`]\x1b\x1a\xcb\xf2\x80\x80\xcf\xaa\xaa\xaa\x97\xdb\\.\xdb\xe0@\xd6\xf8\r\xfc\xcc\xff\x03B\xde\xce\xc4\xb8\x8a\n\xb6\xd0\xda\xdd\xd0PWw\x0c\xcd\x08\xbb\xed\xc60\x96j\x85\xb07V8YFf!\x91)\ra\xfb\x0cb\xcb\xb9\xe8\x833\x7f\xc3\xb1@WAW\xa1o\xa9j\xabGz\xb9\xa5\xcb\xe9\xbc\x8a\xa0\xe6\xc3X\xa0\xdbi\x8aC\xf6\x1c\xc0:\x86&amp;\x98P\x80\x8cL&amp;`e&gt;\xfei\xe5\xe6\xc9\x9bg\xde\nyR\xb4\xe7H\xd1\xc3\xd5XKu\xc1\xc9\xb9g!\xac.\xa7\xd7\xd9\x05:\xd9\x8bN\xc0\xe7\x0fa=GX\x16\xd0\xed&lt;F\x85\xd2x\xab\x1b\xb0pk\xe5X\xed\xc6\\\x8b\x04r\xc4O\xb3\x7f\xf8\xd3\xb3+\x19\xef[\xaaI{\x95\xea\x90:\xbd\xf2\x06\xac5V\x05\xc6\xf2\xfb\x03p|&gt;_\xd0\x17t\x04CX\xc8\x8b\xd7\x1b\x10\x16WAc\x1b\xad!.4\xe7\xb5\xdb\x8d\x10\xf1\x80\xd5X\xc3I\x96\xfd&lt;\x1as\xde\xda\xbe\xf1\xdb\xb9O\xcc\xd3\x8c\x8e6/\xa0\x90\x07,\'\x10\x05\x83A\x87X\xec\x80\x9f0\xd6U\xe7\xf8\xf3\'\xc7\xec\x18f4*+\x14B\xfb\xadn\xe0BS\xcb[v;\xe4\x07\x94\xe8s\x93\x931l\xee\x1b\x12i\xb7\xb1\xdb\x8e\xa72\\77\x0b(!\xb2\xe6K E\xa6`\x9a;\xb3\xff\xba\xb2\x00\t\x02\x9c\xd8\xe2\xf7!$\xf1e\xc0\x12_v\x80\x13\xe7\xa7\xe7\xaf\x06\x1d\x81\xf1\x89\xff\xdc\xc2\x84v\xab\x91\x8d{\x11\x8fz\xa8\x9a8\xd6\xf1~\xd0\x10\x98\x05K~\xb6\x125t\xdbZ\x1a\x84\xfe8)\xea\xc1\x8b\nxBT\xc8Go\xfb\xf2\x9a\'\x07M\x97.\xcd-l\xac\x9a!\xb4|\xe2\xcb\xe8 *1`\x8d#\xaa\x1f\x7ft\x8cO\\\xef6\x82\x9d\xecB6;d\xae\x06\xa0\xb2\x1a\x8d\x16\x10\x11\xfd\xfd\xe92I:\x8f\xf1\xec[\x12a\xdb\x8b\xb4\xf9Xm\xb2\xec\x1e\xf1;\r\xac\xb9\xe7\xd6\r\xe8R\x86\x01\x0b\xba{\x7f\x08\x0b\x0c\x06`\x0e\x9fs\xdc\xe9\xf7\xf9\x1c\x0e\xef4`1\x95B\x88%\xaeB\t\xd1\x05`\xdd`,#&lt;\x87\xe9\xfdSS\xe9\x10_&lt;\xc6W7\xb7\xf4\xe9;B\x9e\xb0K\xa9\xde\xaa\xd6\xf0^\xf0\xf0h\x074\xcd\x80\xf5t\x15\xc7\x8ap\x89\xc5\x01\x085/\x14\xc5\xf1\xe9\x8e\xebuv.\x9d\xad\x14Z2\xe9\xe0F\xfb-t\xecF!`\x1d\x9fZ\x04,Y.\x8f\xf1\x97\xdb\xbb\x84&lt;\xe1\xed\xf7\x1d\xd1\xbe\xfbr\x05\xb0\xae_\xcf\xd2\x9b\xc7\x16\xd6\xc0\\\xcepl\x85\xe3\xcb\xd7\x05\xb5\x1bI\xd4\x8e\xa3uVHZD\xa2\x02\x93\xf1\xc8\x88\xcbn\x85\xe4\x80\xb02\xfb\x17\x17\xa7231.\x96|\xfa\xeb_\xbc\\\xd9QF5w&amp;\x9et\xe9\xcdU\x93k\x1bO\xbdN\x7f\xc0\x17\x14\x8b\xc3\xf1%\xf6Ow\xe4\x88D\xed\x95g\x8f\xe6X\x85\x8c\xc4\xf8\xfd\xf1D:\x8fFI\xc4\xb9\x80\xca\x881e\xe9S\x8b\x8b\xfd\x12\x19\xcf"\xa1\xd7\\|\xdf\x04A\xda3\xb62V\xcc\x13\x81\xae\xac\xb6kkk\x80\x05\\A\x80\x12\x87\xdc\xe8\x9d8&amp;dW7\xda\xdc3\xd5B\x05%~\xff\xfe\xf8D\x1a\x91B\xa1\x90\x15B#\xa2bB\x9d&gt;\x8e\xb0r1\x10\x84\xdc\x9a\x93\xef;\xa4L\x88\x9aymS5\xcd\xab\'\xbcW;\xbf\xd8\xc2r\xe0q\xe5\x80\xc4\x15\xac:j\xcd\xb1\xb5}Q+\xd7V\x8bB\x83\x87D8d\x1a[h\x04\xf5*D\xc6\x02\x1f.\xa6\xe7b&lt;:\x93\x9b\xfd]8l\t1\x94\xea\xd0\xbe0R\xa9#w1H\xe1^\xfc\xc2\xd3\'\xfa\x96\xce\xaa\xb9\x05\xc0B\\&gt;\xb1#\x04\x05/\xaf\xee\xef\xe7\xab\xf4\xf2\xb2\xc3e\xea"\xd0\xefd2\x91H\xab\xa8P@\xe8\x83\xad \xb2\xa0\xa9\x06c-f\xe6r1\x06\x83W4\x9b\xb7\x89\x15\x19\xc4\x93\xc2\x13\xb8\xcd\xfe\x81D\x88q.\xff\xc3F\x07`\x99\x1f,\xe0\xc1\x05Xx\xccC\xe5q8\x82\xe0\xdd\x16\xb3\\\xab.qk\r|\x11\x95\n\xad&gt;hi\xa5R(4\x16\x0b\x85xv\x00\xaa)\x0b\x93\x9b\xcb \xd2\x8bf3~\xbd\x96\x8f,\xcd\xd7N@\x1f\xe19umc#\xe2E \nB]\x0c\x04\x9c]Y&amp;u9\xcb\xa0.\xcdf\x1d\xa4\xc6\xe1\x86\n\x1dp\xa10l\xac~h\x81\x9842\xdd\xf0]^l!\x1f\xcb\x0c\xa2\xe0\xe1\x807\xe0o\xfb\x14\xf2&lt;`u\xa1\xfc\x19f\n\x04\xbc]\xcb\xb6B\x01K\xca//\xcc\x16\xf0\xa9Ih\x06q\x08\x98\xd0\x0fD\x96\x05\xa5R\xc8Z&lt;\x1e\x93N&amp;\xf3\xa2C\xfe\xd7\xb6\x18y\x05\xf7\xf4A\x877\xa5\xe4\xc1$$T}\x0bt\xab\xfe\x80\x1f\x8e\xd7\xab\xd7\x9b\x07U\x85\xa9,\xbeHZ\x94_(\x00\x81\x9f\xb4/\x89\x83\xcf(\x81\x0bC\x01\x7f\x1c\xb8\xfa-\x0c:\x8f\x98H\xe6}r\xf1}[\x8c\x84\xbd\xad\xa5\xb9\xf3T\x1c4\x9b\xf2\xcf\rO\xaeBK\x06}\x0e\xb4\xd1\xce.\xbd~\xac&gt;\xc5\xad6d\xb3\x04\x86\xa2\xe2&gt;\xad\xba\xb4\x88\x7f\x90\x03\\i\x1c\x8eH\xaaT\xe2r\x19\xc4\x03\x14D.-\x99AN$\xf2\xce\xdd\xfe\xa5y\x8b\xb4\xad\xc5@\xd7DV6\x1c~\xf0\xd5\'\x97\xa0\xad\x1e\xf3tv\x8e\xa3\xf9\xb2\'%E\xee\xd6\x16\x1a\xf2\x9bJJ\xdc\xb6\x99\xde\x19\xd5\x8c\xba\xbc\xa8\x1dq}\x04&amp;\x13\x85\x9a\x0b\xbc\xd7\x97%\x13\xe1\xd0x\xcc\x07\xdf\xc68\x83\xd8}\xec\x16u\xc5\t\x9d\xe6\r\xe7\xf8\xb4\xcdP\xd3\x8a\x06om\x9e\xce\xac\xf1\x96\xace\x9b\x16\x98\x0c\xd9\xf9M\x9f\r\x0f_\x1b\xbet\xd8\xdd\xa4--/*\x16Q\x93\xd0\x9d\x96\x8f\xa8R%3W\x86\x04`\xa6\x8cG#\x93i\x0c^\xa6\xe4\xcd\x85\xf0\xc8-Z7\x91\xc2zfsP\xba\xf7\xd8msK\x1a\xb6\xdd\x0fk\x9d\xd3\x13*C\xf6\xa7\x97\x86G\xea\xdb\x96\xc1^Y\xcb\xaer\xf0\x1e\xcb\xa0-\xab\x1d\x19\x19\x1e9\xdczJ\xa5U\x97\xf7\x15I9q(\xab\xeeK\xfa]\x1a\x1b\xcbE\x1d"\xa2"\x92Q{-\xfb~V\x13\xbdO\xdc\xbc"\x15v\xe8\xdb-E\x0cZ~t\xcd\x9ce\xb6\t\x045\xa7FFj\xeb\x07\x96=\x9e\x01w!\x8b\xc5\xe7\xf3\xd5\xa62\xb4\x07:\xd5\xa4R5V\x96\x96W\xb7\x8b\xe2\x12\xf1\x1a\xb4/\x8e#B\xa3@\x89D\x86\xe1.d`\x12\xac\xe4^^\x8c!\xbfs\xab\xb1\xcb\xe2C\xf3p\xd5\xdc\xe6\x06\xe3\xa8\xcb&gt;\xab\xad\xd5\rx&lt;r\xb5\x80\x7f0\xed K\xedR\xa9\\.W/\xf4\x8c\x8f\xbf\xaf\xcc9rHAFT\xfb\xe3\x93\xa8\x1c\x11\xdb(\x93\xe5r\xe9\xc94\x84\x95\xcc\x95\xc8\xfe\xdd\xfcA\x97+\x9a\x95\xd5\xb1*S6+\xd5\xa0*\x83@\xd7\xb5\xd5\x9b\xb2\x05\xa9\x07\xa9\xa2\xa2\xc6\xde\xde\x99\xff\xde\xbd\xbb\xf4\xea\xd5\xd2\xab\x7f.--\xd5\xd9\xd9Dd\xac8NZ\x9aH\xc9\xb4\xe0Z\x87\x0c%\x89\x96L\xc7$\xb3g&gt;\xe4r%!otmh\xa8,;5\x95\xa5v\x03\x96\xbc^\xa72\xb0\x00\x8bZ\\&gt;\xf3r\xfd\xd1\xa3G\xaf_\xbf^__\x7f\xfd\xfa\xf9\xddcv6\x99BI\xa2\x8aD\xd4\n6\x97KGr\x82\x92\x08\x95\x92\xa8\xe0\x1a\x7f\x1eM\x88y\x06A\xf8\xff7)\xf1\xef\x14\xdc{\xba\xda\n\xd1$(\xc4\xcd\x95bR\xd7\xb0R?\xe6\xb4\x97\xab\x06[^\x84\xcf\xfd\x17\x8f^\xac\xdf\xad\x13*\x88dJ"G\xc4\xa1R\x19\xc9\xc9DJ&lt;\x8e\x05\xf6\xaa\xb0W\x9e\xd4\xecq=\x83\xf4\xb6\x9dv\x8ct\xa3\x1b\xf1\xa8\x7f(\xe3\xc2\xc3\xb5\xc3\xf9,\xe0*u\x99\xe4\xf22\x936\x9f\xc5\xffXjh\x92\xa7T\xe9\x03\x0e\xc7\xfd\xfb\x01\xf8\xed\\\x7f\xb9de\xc3cG\xa1p\xa4\xa2\xb48\x1a\x8d\x8cK\x1d\n\x12;D\xc5\xe3\xb9\x95\x88,y\xd7\xf5\x8c\xf0\xee"as\xdb\xb1\xb5\xfd\xd9\xba\xd4\t_\xcah^(S\x0bR\x0f\xa4\nJU6\x93\xc9\xe4\xd2\xb2\xf8i\xed\xa5nyJ\xfd\xd8\x10\xa4~\xaf\xd9\xbc:\xf4\xf2\xc4\xd9\x1c%\x83\x06AO\x11I\xc1\\\x15\xc4\xc4(\xacC\x0f\xaeh\xa2\xb0\xf0\xd6o\xeb\x12(\x01\x1f\x92n~\x10\xf3&gt;\xf1\xcc\x1bw)\xeb\xc0\x01\x08\xafB-\x80\xd9T\x06~\x1aK\x0b\x86C+b\xdd\xa0npPw\xfelO\xb5\x92FF(\x14\xdc\x89Tpa&lt;0\xa2\xa5\x14Y\xf4\xd7\x8b\x05\x1fz\xec\x86\xee"\x9d+\xc4/\xb9\xa1[nj\x9bMU\xc8\xe2\x0b\\)\xf5r\xb7\r\xf2hcccii_\xb1\x94\nL\xa1\xf4@\xa5\xc6\xa1\xabx\xb8\xb5\xe2\xd1\xd5\xb7/gG\t\xa4\x98\x87\x94\xb1be4\xbf9\xfd\xdbT\x84\xc5og\t\xd4*-J\xf1\xaa\x94z\x9d\xc9\xa6\x85\x12\xdd.\x95\x8a\xa8qI\xbf\xd9\x07L(\x97"*\x109xl!7\xc6\x1d\xf8\xf37\x19oc\x11b\xbb\xb2\xb8\xc7&gt;1\x92\xbbn\x7f\xfe\xe5\xef\xffG\xcb\xd9\xc6\xb4u^q\xdc\xaf\xd7/\\\x9b\x10\xe7\xc5\x90\x98\x8b\xb9\xb7v\xb1\xc1/\xb3\xbb\x89\xd0b\xa9\x86\x01\xa1\x02\x14\x82\x0c\x0eR=(\xca\x10\xb1"\xac\xc4\x93\x1c\x902\x85d\x15RP\x86\x92\x08M4m\xb3HY^\x08\xe3\xc3\xbeT\xa8Q?0M\x95:5]\xa2T\x0b\x91\xfa\xa1U\xa5\xadmTE\xa9\xb2$\xed\xf6?\xcf5\xe6b\x1cB\xe8J\xde\n\x89\xd2\x9f\xfe\xcf9\xff\xe7&lt;\xcf9Od.\xb7{\xaa\xbb\xdb\x1fr\xfb\xf7\xf4wu\x9d{g\xb0\xb9\xf3\xa8(\x95\xa8\xd5j\x93\xda\xa4\xa1H\xb2i\xb5Z\xb5)\'\x17\xb0Jj\xcf\xcf\xb4\xac\xab\xcd\xa9\xbc\xb1\xc9\x1d\xfe\xb3j\xe5\xe7"\xf5\xd0\'/\x1c:\x19\n\x80*\xb4\xd7\xdd\xb9o\x9f;\xe4\xeel\x1e\xe9?\xd7w\xae\xbf\xa1{\x9f;\x10\x0e\x87%^Z\xea\xbb\xdalj\x9bZ]B;\x11;v\x88\'\xa8q\xb7\xe2\xee\xd4\xa8\xfc\xfb\xf3\x1a\x08\xf2\xc8s\xae\xbf`\xc8]\xe8\xcb\xb9\xa8\xe8\xff\xa3\x1a\xfc\xc3\xe9\x1d\x01\x8f\xac\x97\xdf\x1f\x82h\xfb\xf6\x0cv\xf5\x1d\x89\xa0\x96\xe8\xc5\x17\x89LD\xa4\xe3\xbb\xcdfcC\xbbZ\x8bU^\xc3\x9d\xc7.\xd4\xad\x1cY\xccv\x12\x95\xff\x07\xd5\xaa\x81\x83\xbcA)\xe3R\xe5\xa1\x18\xa1R\xb5^xk\xb7\x18\x08y\x02\xf8\x10\xf1#\x14pw7\xf4\x0f\xcf\x1e\x81]\xec\xab!.|5,UU\xd1T\xac$`Qm\x16\xad\xb5\x88\xb8JN\x9e\x9fQ)\xf5P-\x0f\x95/\x1d\xba\x96\xe7\xbf\rFU\xfe=\x80bFj\xf9\x1e\'\xab\xe0\xe4\x9bc\x81\x80\xc7#\x8a\x9e\x00\xbe\x87Bb\xa0\xb3{$2\x9c\x8c\x8c4c\x07\x08\x04j\xc4\xb0\x18.a\xc3\xba\x1a\xb5(\xd9$\x88fe\xbe\x15&gt;qc\xb2eU?QY\xd1\xe4\xcf\xa2?\xc7\x80g\xeb\xdb\'\xb7\x04\x88\x8aa\x05\xc2U\xe1\x9a\xce\xee\xf4\xe8h\xba\xb9\xad\x03\xc7\x1e1\x1c\xa6&gt;5\x0f\x1a\x93\x06z\xe1\x9b\xc6,o&gt;\x9e\xe3\x1f\xb6\xb7\xe4Z\xe8\xeb\x18\x04_\xa3\x9f\xb8jc\xa8;\xf8;@\tB\x08\x8a\x85E\x81WK\xe0\xeahnk\xeb\xe8\xf0\xfb\xe1\xfaX&gt;,\xa1\xa4Vk4\x1a\xbdI\xceK3\xfb\x08\x1c\xbf\xd0\x9a\xd7B7l\xb4\x9f\xb8\xca&amp;\xea&gt;:\xbd\xdb\x13\xd8\xbe\xb5T\xf0\x04\x04\x81\x97\xd4%\x12J.\x7f\xaf\xdfM%a\x08!\x0f.\tbiP\x9d\xd27\xa8\xa5\xa5\xb1Xs\xf8\xc4\xb5\xd6uNR\xae\x18\xfd)\xf4Dd\xe5\xc8\x01\xeb*\x1e+\xf6@-\x9e\x87V\x82\x00\x82*\xac#\xf3\xb2P\rb\x8d\xe7y\xc9D\x1a\xa1hV\xdb\xe0\xad\x10\xcbF\xd3\xcd%\xdb\xde\x9eQmdP\x8aMR\x1ar\xa3?\xcbS\x8f*\x83\xc2\xfc\xda\xdf&gt;EX\x02\r\xcao\xc5"\n"\x00\x03@\x12khf^R\xf3\x92^cRktE\x1a\x9e9\x04\xd3\nfz\xea\xa3\xd6uN\x80?u\xa6y\x8dm\xb4\xf5&lt;a\xf1\xbc x&lt;[\xf8\nu\xa9\xc0\x0b\x01\n\x7f\xd4\xa2"\xb9)\x94\xd2\xc3\xecu:==\x81\x90\xa4\x12-\xab\x02\xabN\xac\x9a\xdf\xfa\xf1w\x10\xcb\xbfYw\xf0\x84G \xb9\x04\xf8\x84PQQ!\x08aQ\xe4\x85\xb0\x1aq\xaeVc\x11M\x1a\xa8%\xd1\xd1\x07\x9f\x93\xdd#\x13\xcd\x96\x9a\xc7\x97T\x1b\x1e\xe3_\x1e\xb4.p\x12\x91c\xfe\xcf\x88y\xf8\xa9\x87\x9c\x8bW\x93l&lt;B\x9f\x17 \x93^O\\\xf4+N\xaf\xd8\xad\xd5a^k6\x03Kg\xe6\xdc\x8fgZ\xd6R\xeb\x99\x1d2\xd5\x9a\xc3\xc3-\xf3\x1f\x9c\xd9F6\x0f\xad\x80PQ\n\xae0\xb8\xf0\tpL&amp;D\xbc^\xaf\xd7P&amp;\xea\xf5\x92\x80\x9c$\xdf\xe2\x9cw\x16&amp;\xd7V\xab\xd0\x18\xffr\xc3&lt;w S\x92+D5|\xf88\xd1\x18\xf2l\x81\xa1\x8a$\x91Dz\x95\x96Vl\x11\x84\n=\xac\xaa\x14\x11\xaf\'02\x08JF-\x99\x16\xe7\x00\xd6\xb2\r\x15RK\x1e\xb3\x91[\xf8\xcbm\xba\xa5*!\xef+\xab5\x9b_Xl\xdb\x1d \x9f\x17\xc3\xa4\x17\xcf\xd2\xb2\xd4C&amp;\xa6\xd7\xa8K\xa1\x16b\x1e\x0e\xa11\xd9t\xccKq\xb8\xb0W\x7f\xb1\xd0\x9e\'\x86\xaap\xe3\xce\xf8\xb4\xd1\x1f\x19+\xbbm\xaf:V\xfec\xe1n\xcc\xef\x11ic\xc4\xea\xd1;\x1f\xd8\x04\xc1\xd1\xeb#$\x9fD/}L\xc0\xb2\xa9MXJX\x16\x1d\\+\t\xcb\xa8(]T?f\xf4\xa7\x80n\xf3\x0bC\xa96\xbf\x87mA\x12=&gt;\n\xc3A%9\x07\xc9\x1f \x94\x86l\x94\x9e\xfb\xd8X\xb1\xac\xe5\xec\x8e\xa6O\xbfj\xff)\xc7\xf8U\xf3\x0bs\x99\xf4\x81\xddXA,\x9b\xc4\x8br"Jl\xfb#\x7f7\xc9Qe\xd3\x00\x89\x92\xd0j\xd6\xda\x9d\xde\x81/\xbej\xdf\xc0L\xb3j\xbd\x8f\x1e\x18V\xaa\xc7/\xc2&gt;!\x10Y\x98\xc8\xa3\n\xa54\xd4\x13\x16\x0bv\xec\x84\xc0\xd2\x92Z\x88-\xceW6\x90UKUH-\x85\x1d\xa86\xaa\xd6\xed\x85\xb9h&lt;\xd5\xd3[\x13\xa8\x92$Pa!)\xa8\xa8b\xd0PP\xe1g\x1d\xed:\x88u-e\xa1\x85\xb3;\x1d\x95\xf5\x9f~5\xb9\x81\x99f\xe3R.\x18\xf3\xee \x8c+\x0bz\x83\xe1\xf6\xc2\xd5\xa1H|4\xdd\x81\xa3\xbe\xe8\xa1\x87c\x14\xe5lsf\x97m\xe0\xb3\xca\xa7UJA\xba\x11q\xfa\xaa+w1\xb5\x8c\xf9\x83R\x8a\xc6\xa5Q\xd1^4\xaex\xe2bX\xd1HT8\xbf\xe23\xa8u5\x99\x8cFP\xf9u\x84\xe89\x1bm|XDV\xca\x10\x9a\x86\xce\xaa\x8c\x89.%\xe9\x87\xd3\xe7m\x02\xd6d\xee/\xcf{\x9f\xa82(\xaba\xd5S\xdbck/\xe2_\xe6\x92\xc9`$\x12\xc9\xc4pN\xac\xa1D\xe4q\x14\xa3\xbc\xd3X)\xfdh~\x92-\x9d\xcf\xe7s\xda\t\xcb\xe1%\xb5&amp;\x9f3\xe4\x97\xee\x1c\x14\xe7\x9de\xd1\x94\x0f1\xd9\x9f\x02\xd6P\x10`\xc9x&lt;\xdd\xd6\xdc\xedFI\x83\xe2\xddf\xb5\xd9tV\xc8\xa5a\xc9g\xb68\x1d\xd5l \x9d\xe3\x9c\xbe,\x96AU\xf85g\xde\xcc\xf9\xc6\x1er\x92Z\xc1\xa1\xe8\xd0P4\xd2\x9f\x1ei\xe8\x9er\x1f}\x05\xe7/\xb3\x99*?I\x8f\x93\xbe\x0e\x0e\xea\xac\xf6\x96y\xbd\x0e\'[CG5B\xfe\x03\xc5V\xadZg-\xbf\xfeWQL\xadh\x1cT\xd1dp\xb4\x7ftdO\xf7T\xe7\xde\xa3t\xceG\xb1\xa7a\xd7\x0fV3\xe7\xab.+\xa31y\x19\xcb[Y\xff\xf2\xe1\xf3\x93\xf9vj\xf8\xbf\xd9i\xcb\x85\xeb\x7f\xba\n\xad\x86\x93\xd1\xe8\xf8\xf8P\xf0\x9d~\xba\x16\xe9\xde7Ed@\x93O\xd0V\x86UV\xedd\x8b\xe8\xa8&amp;\xac\x81S\xf3\xad?Q\x19\xd82s\xe3\xf8\xbf\xe6\x805&lt;\x9e\x1c\x02Vr\xfcHW\xff\xe0\xe0\x88L\xb6\xff\xb5\x97~^bf\xee\xc0\xf9\xbc4\xa7a\xb73\xd7bX\x95\x81c\xbf\xa9S^\x82&gt;\xdf\xa0T\xc1\xab\x11\xf6k\xdd\xa5\x83\x87N\x8fM\xcf]\x8dF\x87\xfb\xc6\x93\xc9\xd9\xbe\xe1\xf1&gt;p\xfdq\x90\x91\x9dm&gt;&lt;\xb5\xf7\xc5\x12\x0bkq:\xca*\x9b*\x1d\\\xd6\xb6\x18\x96v\xe7\xbb7.\xcc\xb4\xb7\xd6=\xed\xe4c|V-\x9f\x1f\x90-uu\xad\x97&gt;\xba~\xe8\xf4\xa9\xda\xb1\xc5\xb9\xb9h4\xd87\xdb7\xde\xd77&gt;\xdcG\\\x83#\xf8h\xc0\xc7\xe1\xfd\xaf\xbe\xce\x91\xb1\x93\'T\x96\xf98\x0b\'c5\xedzy\xc0b\x7f\xe5\xe4o\xdf}\xeb\xd8\x9b7\xae\xb5\xaf\'\xdd\n\xbfO\xcc}\xb9\xa5\xfd\x87o\xef\x9f?\x7f\xe8\xad\xbf\x9e\x1c\x1b\xdby\xe6."&gt;\x18\xec{cv\xf6\rH6\x0c\xacx*\x1d\x8b5\xec\xd9\xd3\xd0p\xf6\x97/\xbd\xce\xee\xba\x9d,\xe4\x9d\xac\xcdc\x97\xb1v\xd99\xa7\x05e5_\xd3v\xf7\xc9m\xf9J\xe99\xfb\x89\x8a\x8b7U\xfb\x0f\xf7\xbf\xfb\xe6\xde\x81Scc\xb5\xb5\xb5c\xdb\x12sP\x0bX\x90jvv&lt;:t\x04j\x11VOO[[\xf3\xaf^{\xb1${\x05\x0f,v\x1fOX\x0e`\xfdb\x97\x93\xb3\x9b\xe9\xbe\xde\xea\xf4\xdey\xb8p{\xb2\xc5\xf8\xbc\x99\x98[D(u\xff\xfb/?\xfb\xfc\xc1\xe61\xc2*\xaem\x9c\x9e\x83Z\x91\xe1#\xc3\xc9\xe40\xb0\xa2\xc1s\x91\xd4t"11q\xe6@co\xe7\xd1*\xeaU3,o\xb5\x93\xb3pY\x83`X\x16\xceZD\xfe\x01\xab-\xbb\xf3\xf0\xc9\xfcd\xdd\xc6\xfa\x89\xaa,T$\xd5\xb6y\xacv\xac\xb6\xd8U\xdc8=\x84\x02"\x12\x0c\x06a\xa8H\xc5\xa1\xa1`&lt;\x95\x00V\x0f\xb0\xfcn\x18+\xeb\xa1#\xfd\x1c&gt;N.\x1fd,,\xa2\x85\x9a\x1bEEV\xfa=\x02\xbbN1\xb6\xf2\xe5\xb0\xe2\xaeO\x91o\xb9\x17o\xec\x1f\x9eh\xfd\xfa\xdb\xef\x00\x15\x1d|p\xeb\xf7.P\xd5\xba\xca]\x8di\xe6\xefD\x85\xffH\x821\x9a\x81X\x89D\xac\x87\xb0`\xf8rk\x1f\x1b\xa2\x9dr\x92m\x8d\x0e\xea\x93\xd5cu\x19\x96\x8esTV:P\xec\xdc\xb9\xfb\xcfO\x96\x15[\xda\x98r\xa9h(\xf4\xce\x87A}\xf3\xe5\xe7\xf1\x91[\x97/\xde\xfc\xf7\x0e\x04V\xad\xeb\x85\xf2m\xb1L&amp;\x1a\xc5F\r\xa3\x07Y4\x93\xb9{w11\x91\x18\x1d\x8d\xb55\xf6N\xed\xdf\xfb\n\xe4\xd2\xd2\xd21*3\xf1\xc9\xbe\xd5d\xc9b\x15\xe9\xec\xd5\x03\xf5eN\xbb\x0c\xd6\xae2\xac\xbc\xf6\xcb\xb5\xa2V\xfb\xd8\x12T4\xf6\xe0\xe3+\x17\xbf\xfc\xbca\xd3\xe6\xe2bW\xf9\xa6\x17\xca{R\x99L&amp;\x1e\x8fg\x18Rfqqzqq1\x91\x18\xed\x1f\x01V/\xb5^K\x08\x8b\xa3G\xafr\x94\xf9\xe8IM\xfd\xae23g\x96\xb1\x8a\x8a\xcc\x8e\xa6\xfa&amp;\x1fG`\x0fI\xb1B\xa9W\xe0\xd9\xad\x0c\xf5Y0\xfd\xde\xbd\x9b\x17\xaf&lt;\xea?\xb3c\xbb\xcbEX\xdb\xcb\x0f$R\xa3rl\x01\x8b\xa8\xa6S\x8bX\xc5\xd4h\x03\xb0\xfc\xbd\xee@X\x96\x8b\x9ab6\xd9M\x1d^,b\xbd\xc3l\xb1\xcaP\xb4\x9b;\xcb\x9a\x9a\xbcY\xb0\xeb\xd7fZ\x9f\xddO$\xa8\xef\x01\xf5\xf7\xf4{\xef_\xbex\xf1\xd1\xaf\xdb\x8a7\xfbC.\xd7f\xc2\xda\xb4\xb3\'\x05\xaas]\xc1`\x04XH\xc2\xe9L$\x83UL\xa5)\xe6\xfd(\xc0PN\xb0\xf0\xb2\x00/\x875\xd0\xe44g\xc5\xb28a\x14:\x0b\xf6\x01l\x9a0\xde\x9f\xdd\x99\xa6\xac4\xac\xd9O\xccA\r\xbew\xeb\xf2\x95\x8bW\xee54\xfa;\x1e\xbc\xff\x9f\xdd\xe5.W\xf9\x0b[\xb6\xec8\x90\x8ewu\x05\xcf\x05#q\xa2"\xa1\xe2\xc0\x9aH\xc4\xe8\x81M\xa3\x1fXXF, \xbb\x04\x97\xb1\xaa!M\x99\x99\xb5d\xa1\x15\x12\xd1\xe1\xb4\xe8\xe8\xa5\r,\xd7\x07_\xf3\xee\x8f=\xf9\xa4\xbd\xee\xe9.\xaf\xaa\xfb\xfa&gt;A\x1dI\x9f\xbd\x85\xa0\xba\xf2h\xb0\xc3\xdf\xfb\xb7\x8fo\xde\xfco\r\xb0\\;\xb6o\x85\\\xd4 \x08\x06\xe3\x99T\nbML\xc4R\xe9\x89\x89\x9eX\xec\x00\x8c\xab\xa3\xb7&amp;L\xdd\x0bs\x16+[ny\xb1\x11Y\x97\xc4rx\xf1Q\xed\xe0t\xe6\xff\xd1q\xfe1m\x9cg\x1c\xb7\tD#rr\xc7\xe5\xce\xc7\xe5.W\x07\xe5 @\x13O\xf9\x012\rL\x89\xa0\xa1N\xe3:\x98\x08#\xb3\x8e\xa8B\xa4Y&amp;K\x93\r\xd2\xd4JX\x80\xcd?DF\x02D \xc8\xb5\x13\x89\x16\xd2(\xffEC\x88h\xfb\x83\xd0L\xc8\x84\xc0\xc2X\x97\x14\x96h\xd2\xe8\xd6?F\x94e\xda\xba}\x9f\xf7\xec\xfc\xa8\xb4\'\x04\x0c\xf9\xe1\x8f\xbf\xcf\xf7}\x9e\xf7\xbd\xd7\xef\xa1~\x01\x0c\x93\xb2}\'\xa1X\xe7i\xcb\xff\xd9O|\x8f&lt;\xf5\xcd\x93\x8f\x9a\xa6W\x16\x97\'&amp;&amp;W\xfcN\'\xd9k"\xbd\xf1&gt;\xe4\xd2u^\x92\xf8\xba\x0e\xa8u\xee\'\x9ff\xa8@\xd4\xda&lt;4\xd4\xdc\xe0\x85\xb7\x02&gt;\xb3r\xd1\xaag[A\x16\x0b\\{\xb14\xcb8\xab\xf0\x04;U\xb6g\xef\x0e\x80\xb1soo\xc3d\'\x07~\xfe8[-\xde\xbcH\xf9\xde\x07\x04\xb5\x8c\xdaW\x8c\x00\x00\x0bOIDAT\xd5Q?=\x0b\xa5\x00\x15nq\xfb\xc9^\x13\xcb\xb3g\x0f\x1a*\xf4REEr\x93\\\xa0\xba\xda\xd1\xda\x81r\xd5\x0c\xa1\x9a\x86\xd0yP\xb6|#\x8d\x15\xe4\xf8\x9d;voc;Q\xdb\xcdrJ\xda\xe4f\x87!&amp;\xaf\x87\xe8X\xd9\xa9\xf2}\xbb\x08\xac\xa8\xad\xed\x14\\v\xe8\xe2\xfc\xb7\x0fN\xff\xa0\'B\xaf\xd3\xdfSI\xf8xz\x1eP\xe9\xf4\xe4\xcatKI\x80\xca\xc3\xc4\xd4\xc6\xbc\xdf\xc9\x8b\xc4\x05\xb9\x14\xd9\xde\xf4\xd99\xd6q\x9aZ\x9b\x9aP\xde\xc1\xe5\xb9t\xa9&gt;PR\xe2k\x07\x16\xe3\x01\xd5~\x13\x8b-5\n_Q\xb1\xa1H\x0b\xda\x9a\x9a\xa2\xf2C;\xe8\x90\x19\xcaG\r\xd0\x8a\x9e\xfe\xf3\xcf\x9d\xef\xbc:W\xcd\xa6.\x7f\xa3&gt;\xb3umvcr*=\xb5\xb82\x1cp\x06\xe6)\x7f\x13\x8b\x9b~\xa7\xa0\x19"\xaf\x82K\x95\x15Ev\xd6\x02\x0bT\x88f\xc85\xd4P\xeb\xb9\xe4i\xf0C\xad\xf6\xf7\xabK\xc9\xf2\xdb\nJK\xf7g\n+\xf4*\xdc\xf5:\x13S\xac\x10\xa5\xab\xaa\xaa\xad\xe8\xedBZ\x8e\x14\xd1\xf9\x83\xaa\x9a\xaa\xf9\xcf\x1f~\xf0\x9a\xe5\xcd\xfc\xfd\xfa\x02,\x95N//"}\x80b\xf9\x9b\x9c\x1dn\xd14\xbbn\xc8\xbc\n\xbd0\x18\x15\x05\xf6\xfa\x88lNFG\x12=\xcd\xb5\r\xc0\xaao)i\x1fi\xef\xaa\xa8\xa0\xedM\xf69S\xc0\n_\xd5QD\x0e\x13\x0eK\xc9}\xe5m\xf4\xde~\x90\xed\xdb\xfe\xb3\x03{\xe8\xd8\xcd\xf1\x1a\x08\xb6t:\x93\xbf\x1f\x9d\xa6\x96\xfcd\xeb\xc2\xc6rzjr\xf6\x19\xa0\xfcY\xa8\xf9\x80\xdd\xae!\xdc*o\x18\xbaNEB\x91\x8c\xba\xa6\xcb\x94\xbd\xe6\x86\xa6\x06\x9a\xd0\x00\xcb[_\x1f\xf0\x8d\x9c\x1f\xe9\xaa\xa0mE\xb6!\xcc\\F\x05lW\xee+\xa5r\xf3rr3\xb1}\xafy2\xa9\xb2\xaam\xcf\xde\x13\x07N\xb6U\x8eU\x1e\xaf\x9c\xbf\xf1\x98])GQ\xa0\x96\xbc\xb55;\x89\xec\x81\xa3\xa4%\xfcl\x839\xfd\xbb\xdf\x064\xbb@T\x1a\xe0T\x83\xd9\xcb\x10%Qu\ra\xf4A\xa6\xda\x06\x8f\x07H\xb5\x1e\x13\x0bjU\x03\xab\xb4\x9a-\xd2\x18\xd6\xce\x9d;r2\xbd\x90V\xdd9\xaf\xb0rs\xb7\x1d(bo\x94\xbd=\xf6aUQ\xf9\x81r\x80}X\xb9z\xed\xdf\x0f(\x93\xdf\xff\xe3\xef\xcb\xdfm\xa1NA\xa93&gt;_\xe0\x0c\x1e\xa6\'\xd2\x93\x1b\xcf\xfc\x02\xe3aT\x1c\xfc\x05.T/C\x16eC\xb8\x04\xacz\x86\xe5\xad\xf3O\xd7{\xc3\xe1\x80\xaf\x9d\xce\xd8\xd1\xd9\xd2\xae\xae\xea\ns\x8e\x83Z\xb1\xdb\xc4\xca\xcd\xcb\xcb\xcbe\x17P\x00\x97k2\xe6\xec8A\xd9\xbb}w}\xfd\xee\xd8\xf1S\xe5\x87\xf1\xcd\xd8\xd8\x8b_\xacu\xbec\xf9\xcf_\xfeE\xf9\x03\xd4\xb0\xd390\xbf1\x99N#\x97\x1b\x9b\xe7\x9d\x82`\x87Z\xf8L!\x08\xba\x81^m6!p\xf5\xc0OXY@\xac:\xef\xf0\xb0?\x1c&gt;\xef\x1b\xa1s\xb8\x8d\x8d\xc7\xba\x1a\x1b\xbb\xcc\x02F\xbb\x9d\xbb3Tt5\'?\x8f\xae\xc8\xe5\xd0\xf2;\x1b\xf9\'\xf6T\x8d\xdd^\x7f\xf4\xe8\xd1\xfaX\xcd\x9e\xc3U\xabPo\xf3\xdb\x87\x96o\x9e|\x86&gt;C\xden\x19\xd8\xa4\xe205\x89\\\xb6\x00\x88\x94\xb2\x0b\x9c\x8b\x13\x8a\x8b\xed\\\x8f\x80\x9e\xc8\xab\xc5\x98K\xa8h\xda\x9a\xe0\xf9\xe4Zm=a\xd5\x85\x87\xc3\xe1\xf0@\xfb\xbb\xef\xb2{\xb346\xfa|\x07\xe9v6\xb4\x07k\xa5\x1d\r$\x906\xa6\xe8Rt\x9e\tf\xeaF\x97\x7f\xf1a-=\xfctl\x9d\xc8\xeeV\x16\x1d\xfe#\xc0\xd6W,\xe7.,\x02j:\x1083KB-On\xcc\x07\x9c\x02\xd4\xb1\x9b:\tD\xa5\xeb\x1c\'`8\x92^l\x8e\xc3\xebz]\xed\xc7\x84\x85\x16\x1d\x08\x9f\r\x9f\x1d\xa03!tk\x96\xf6\x91\x11\xc2\xa2\xf7\x1b\x14\xec\xb7\xe5\xe72\xa9\xac\x0eG\xbeI\x95\xc7PrL"3\xf2\xf3w\x17\x9c\xbc\xb8\xca4\x1b\xab\xb9\xf8t\xec\xeem\xcb,@\xa6\xfd\x03\x9b\x18\x87\xe9\xa9\xe5\xc5M\x0cD\xcc\xae(w\xf8\xc2\td+\x9aj\x91x\xaa\x01.\xf8\x1e\\\xc0\xd3\xbc\r\xb0\xd6\x90\xc7\xeb\xf4\x9d\x1f`7\xf3\xc8P\x05\x02\xbe\x12\xe6\xae\xd2\xa3\x92#\x8f|nu\xd8\x80e\xb5f\xb9^\xf2d\xb1\x10\xd6\x82\x03\x17WY2+\xab\x9e\x8eY\x96\x17\x9f\xf9\xc3ds0\xcd\x9e\t\xd4\x11\x8b\xc0\xcc\xc4aJ\xca\xd99LK\r\xe4\xcf\xd0\x04\x17\xecE`\xc4\x85j\xe1vz=(\x13\x9e\x16\xdf\xc8\x00i\xc5\xee\xae\xd3~~\xb8\xc1S\xe7k\xa4\xc3\xafGe)\x9f6\x16\x1d\x8a\xa2\xd8\xac\xf9\x0e\xa0\xbd\x04\xc9\x92\xe5\xbc\xe4\xca\xcfw\x94\x1e{\xfab\x9d\\VeY\x99F\xf6\xa6\xc8\xe5\xf3\xfe:\'\r=\xbb\xe9q\x8e\x89%\xb88\x8d\x87\xc9\x91@\xe8\xa6\x02K&amp;\x83\x15S\xf0eu\xcd\x97\x9b\x9a\xbd%&gt;v?\x16\xb8\x8a\xa8&gt;\xe9h\xf6\xd2\xe5\x92\xea\x1f\x97\xc9\n=\xa7C\x91$\xc5\x814:\x1cd0\x13\xe2M\xd5\xb2\xe1(\xa8f\x92\xad[P9\xa7(y\x03$\x14\xc6\x9e\xdbP\xa9"\xd8\xc9\xeaf"\xed\x10\x0bj\xf1n\xce\x8e\xaa\xca\xcb":\x91N\xf3\xd5\xe2\xb22LW[=\xce\xc6\xf6\x11\xc6\xd1\xd5U\xd2\xd2\xf4\xe9//\x13VW\xd7\x912\xe40\x0fP\xa2(*\x0e3L\xe33\xae\xd7\xd0X~\xadf.\x1d\x15\x87\x01f\xc1lo\x99\x84\xb2\xbb5\xc1\xeevkn\x84f7S\xc9\x14\xe38M\x15E\x99/S!\x17\xa5Q\x96$\xd9 \xe7cJqd\xe8\xea\xd5\xa6\xba\x83\x8d&gt;\xf6\xa6\r\xa7\xb3\xe5R\xc7\xaf\xben\xf5\xfa|\x8d\x8d%GD\x1b^\xbf\x84\x7f*K6b\xb2)6GF\x9673\t\x18\xdal \xb9\x00\x86\x91\xb9j\x99\x98Z\x04\x14(\xa8$ I\xaa\xc6\x8c\x85oa&amp;x\x0b#\x11\xa5T\x96\xcb\xca\x18\x97\x1b\xe6\x02\x97h0\xbdT\xd1\xd9\x8a\xc5\xcf\xe5\xa1\xcbM\xad\xadW\x11_\xff\xe9\xc6\xe7\xbf\xf9\xeb\xd5fTY;\xc4r\xd8$\xd2\x99\xa8l\n9\xcc\xe1\xb0f\x9d\x9f\xf3\xd2\xf4\xa4\x11tt\x98X\xb4\xc7}\xd4\x82\x89U\x1d%\x8fJ\xa7\x9d\xe6\xebn\x81\x8dC\xfc\x80\x0c\xcf\td0\xcd(+\x13\xc1\x05Au\xf4l\xa6\x17+\x15\xbc:\x1e\x1c\x1d\xbd\x15|\x9c\x8d\x87\x14\x8f\x83k\xa9\xa8.*6E\xc4\x081d\xc5a\xb3\x89\xf1Hd.\xee2\xde\xa2R\xc1\xaaW\xc6Uy,u6+\xcb"\xfb\x8d\x87\x96y/\xe7\xc2\xc8Cq\xd2t\x9d\x9a\xb2\x0eu\x90G\xd5-\x08n\xd5\x8d\xd6C\xf5B\xd3`\xab\x9e\xd8\\d&lt;\x12\xd7i\x9e\x8a\xd4P\xa5P\xf9xb\xa9\xb3\x13\x1f\x88/:3\xb1t\xfdA*.K\x8aB.Ty\x91\x84\x12{\xa2\xdd}}\xa1\xee\xf1h\xbf\xe1\xc8a;{L1&amp;\x15\xc4d\xe93\xed\x85/\x96\x16\xb3\xb5 P\x8dT\x9d04\xb4\x19\xcc\x19\xe0)\x95\x8c\xe6\x8a%C\x89Dh\x8e\xebM\xdd\x874\x89\x18\xa6^\xf0\xbd\x08.&lt;\'\x1fK&lt;\xc8\xc6\x12\xc2|\xb46\xa8\x8a\x92"\xc9l2$\xd1C.\x99\x8c\x8e\'\xee\xa4\x12\xa1\xf19\xcd\xfa\x96\x99G4\x1f\x13\xcbfC\x16\xadf\x1a\x19\x96\x00]\x98\x81\xc8C \xd4tU5DYeL\xacO\xc7CH\xd3\xc2\xbdT&lt;5\x93\xe8\xee[X\x18\xc7\x1c\x87\xf2\x88\x04\xa1\xa2\x89\xfc\xd0\x8d?\xfc0~\x1f)\x16%d\x9a\xc8e(+*b,\x95\n\rF\xfa\xfa\xba{\xbb\x93.&gt;\xde/\xc8V3\x91\x94A2\x1e\xececr\x11\x9c\x05i\xd3\x04s\xc8\xa1*P\r\x90\xcb\xe4\xb7D\xd5\xae\xc1\xfd\\l&lt;\x94\x8c\xdc\xbf\xde7\xde}of08\x13\xb1\x0f\x06\x17\xc6u\x9d-\x83\xf0\xacT\xc6\xa4\xea\xd5\xe7W\xde\x8c\xe7\x9bN\xc2\x16\xc9\x80\xaa\xa4\x88PKN\xde\xb9\x15\</t>
        </is>
      </c>
      <c r="M172" s="3" t="n">
        <v>45492.67834490741</v>
      </c>
    </row>
    <row r="173">
      <c r="A173" t="n">
        <v>753662</v>
      </c>
      <c r="B173" t="n">
        <v>1977</v>
      </c>
      <c r="C173" t="inlineStr">
        <is>
          <t>Igor Rabello</t>
        </is>
      </c>
      <c r="D173" t="inlineStr">
        <is>
          <t>I. Rabello</t>
        </is>
      </c>
      <c r="E173" t="inlineStr">
        <is>
          <t>ZAG</t>
        </is>
      </c>
      <c r="F173" t="inlineStr">
        <is>
          <t>ZAG</t>
        </is>
      </c>
      <c r="G173" t="inlineStr">
        <is>
          <t>ZAG</t>
        </is>
      </c>
      <c r="H173" t="n">
        <v>190</v>
      </c>
      <c r="I173" t="n">
        <v>16</v>
      </c>
      <c r="J173" s="2" t="n">
        <v>34816</v>
      </c>
      <c r="K173" t="inlineStr">
        <is>
          <t>Right</t>
        </is>
      </c>
      <c r="L17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a000cb0-98cd-4419-8000-f94770f3ef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eb\xa2\x95\x00\x00\x00&gt;tEXtComment\x00xr:d:DAEewil2SDw:3759,j:3325205453230688475,t:24032721W\xbf\x04\xf4\x00\x00\x00\tpHYs\x00\x00\x0e\xc4\x00\x00\x0e\xc4\x01\x95+\x0e\x1b\x00\x00\x03\x00PLTE\xff\xff\xff\x05\x05\x07\x12\x0b\x08\x15\r\x0b\xfe\xfe\xfe\x07\x07\t\x05\x02\x01\x01\x00\x00\x03\x02\x04\xfd\xfd\xfd\x08\x03\x03\n\n\x0c\x10\x07\x05\xfb\xfb\xfb\r\x05\x03)\x1f\x1c\x17\x17\x1b\r\r\x0f\xfc\xfc\xfc\xf9\xf9\xf9\x1b\x13\x10\x0f\x0f\x13\x13\x13\x17 \x16\x13\x0c\x07\x06.$!\x1a\x0f\x0c!\x1a\x18\x1a\x1a\x1f\xf7\xf7\xf8\xf5\xf4\xf6&amp;\x1b\x18\xe7\xe6\xe8\xf3\xf2\xf3\x17\n\x07\x17\x10\x0e\xed\xad\x90\xea\xe9\xea\xf0\xae\x93\xf0\xf0\xf3\xe8\xab\x8f\xeb\xe9\xef2)&amp;\xe5\xa7\x8d\xf7\xf6\xf6\x1c\x16\x14\xe3\xa0\x86\xee\xed\xf1\xcc\x8eq\xe4\xa2\x8a\xe3\xe2\xe4\xf2\xbe\xa79*%\xe4\xa5\x87\xd9\xa0\x87\xe7\x9c\x850\x1e\x18\x1d\x1e$\xf4\xc1\xaa\xca\x86g\xd8\xa5\x8d\xf2\xb7\xa0\xdc\xab\x94=0+\xd5\x95{\xef\xb3\x9f\xd0\x99\x7f\xe3\x9b}\xd2\x8aq5%\x1e!\x13\r\xd7\x9c\x82\xd8\x8dq\xe0\x94~""\'nVL\xf3\xb9\xa5\xe9\xb0\x93tQCJFG\xdc\xa5\x89\xf2\xef\xee\'\x17\x12\xeb\xaf\x9b\xde\x9b\x83\xbf\x82d\x82YI\xed\xa8\x8fuI:((,\xca\x89o\xc9\x9c\x81\xbd\x8dy\x82bU\xcb\xc9\xcb\xd9\x96\x7f\xde\xdd\xe1\xec\xb4\x97\xe3\xae\x94\xdf\xa0\x87F4-\xe6\xaa\x95L&lt;6\xe0\xa9\x8e\xe1\xa5\x8bZG?{XJ\xc2\x89m\xea\xa9\x8a\xdd\x9b|\xd1\x93t\x99bO\x8caN\xd3\xa0\x87\xf1\xb2\x99\x97U&gt;\xe9\xa7\x91\xda\x97w\xbd\x94\x81\x81G2\xdb\xda\xdb\xeb\xad\x93\xb8\x87qL0$\xe0\xa0\x81\x9f]F\xb9wZVA:\xdd\x90v\xd1\xa5\x8d\xb7\xb4\xb7\x84\x7f\x7f\xab\x80l\xcb\x9f\x8c\xe9\xa2\x8b\xc7\xc5\xc6h=0\x92jXU90\xf3\xc3\xaflgf\xaesZ\xcf\xcd\xcf\xa9\xa5\xa6\x9bmY213\xbe\xba\xb9eOF\xc6\x94\x7f\xc4\x8cw\xa6\xa1\xa0y`W\xadydkM?\xad\x84t@74\xd4\x8fx[QN\xe8\xa3\x84\xaemP\xdb\xaf\x99\x9e\x9c\x9dM&amp;\x1b\xd4\xa9\x95cG=\xc2w^\xee\xec\xedPOQ\xe5\xb2\x9c\xe1\xde\xde`?2\x81P&gt;\xcf\x97\x87kE5sqt\x8ceW\xcb\x93y\xd7\xd5\xd7\xea\xb9\xa1\xaaeL\xd1\x8dm\x8bXG\x8cL7\xa1xdXVY\xb4\x8b{\xa4q`\xae\xac\xaf\xcc\x89^f^[a6&amp;B*"\xf6\xc6\xb1\xd8\x8d|\xd9\x95p\xb7ydqmnv?+\xb6\xaf\xae\xb6\x81dE?@\x90X&gt;\xd4\xd2\xd4\xa5mT\x99\x96\x97\x94\x91\x92\x9e}o\xe1\x94w\xc8\x7fa\x92pb\xc0\xbe\xc1\xb8\x81m\x98tf%\x0c\x05\xd2\x84l\x92\x89\x86A"\x17;:=X-\x1d\xd5\x8ag\xd3\xd0\xcf\xe1\xa4\x92X4\'\xc3\x9b\x89\x7fwu1\x16\x0c\xb6oT\xd9z|\xe8\xd9\xd4\xc7\xc1\xbf\xd3\xa1\x94_^b\x89kawvzl7%\xe3\xca\xc4\xde\xb2\xa4\x86\x84\x86\x8c\x8b\x8e\xde\x87\x85\xc5\x7fo&lt;\x1a\x0e\xc4\x83Z\xc0~S\xf0\xe0\xdc\xee\xa2\x9a\xcagi\xcd\xb0\xa5\xe5\x94\x85\xda\xbc\xb1\xe7\x98\x92\xc0\xa2\x98\xd2x\\\xab\x91\x89\xb1WC\xb4gbg\x96\x1dq\x00\x00 \x00IDATx\xda\xbcX\xcdkbY\x1eM\xde\xb5\x8d\xbe\xbay\x97\xd2;\xbc/\xe2S\x1f2\xf0P\xa6\x11\x17\xee\\\xf96\xb3\x08%\x04f\x95U\x08\xd4\xd4\xa2\x1a\xb20L\xb0\x1a\xe2"\xb5\xb0"q\xe1F$\xc4\x85\x8dStC\x08\x84\x82`\xb2\xe8h&gt;*\xd9\x14\x04C\x90\xc2\x04\xb2\t\xcc\xa2\xfe\x839W\xab\xe9f\xbaV\xc3K.\x82\xf20x8\xe7\xfc\xce\xef\xdcLM\xfd\xbf\'\x18\x0e\x86\xe7\xe6"\xb1X\xac\xfd"\x16\xc3\x87\xf0\xd4l82\x8b\x8f\xedv,\x89\xe7\x91p\xc87\xf5\xe4\'4\x1b\x8e\xb5\xdb\x89h"\xddY\xedD\xa3\xd1v8\x14\x8e\xc4f\xdb\xc3\xf3\xe1\xb0\xb3\xba\x9aNGf}\xbe\xe0\x93\x02\xf3\x85\xe6b\xedDzu\xa3\xd6\xef\xf7\xab\xfd\xf5\xc5\xe1\xeej\xa7\x1dK$\x12\x9d\xf5\xfeA\xbdZ__\xdcX}\x11\x8b\xfc-\x16~:\\&gt;_(\x18\x9akoT\xeb\x83\xf2\xe8\xb8R\xbe\xbc,\x8f\xfa\xb5\xc5\xdd\xd5\xd5a\xed`\xf0a~\xbe\xdb\x1c\\Tk\xe7\xab\xe9v$\x92\x0c&gt;\x15\xac`8\x96Ll\xd6\x7fi\x8e\xca\xdd\xd3\x9cn\x9a\xacq\xda&lt;\x1e\xd4\x0fj\x07\xf5\xc1\xf1/\xc7\x80Z\xa9\x94\xeb\x9f6\x86\xbb\xd1\xbf\x86g\x83O\xc4U8\xd2\x1e\xd6G\xdd\x97\x99\xe5\\\x8aH2\x0e%$\xa5o5&gt;t+\x95\xd1\xa8Y\x1eU\x9a\xcd\x9f&gt;\\@\xdba\'\xf6D\xc6\xf7\x85\xdb\xe9\xdd\x8b\xee\x8f\xbae\x10\xaa\xc8~M\xd3\x88\xa6(~\xbf\xf6\xec\xf9\xf3\xbf8\xa7[\xf3\x95\xee\xf1\xa8\\i\xcc\x0fj\xc3\xcd\xc5\xddD\xf2\t\xf8\n\x86"\x9d\xda\xa0\xb2\xec\xa8D\xa2\x928\xdc4m\xcd\xef\x0f\xe0\xcc\xcc\xcc\x04\x9e\xd9f\x83m5!pc\xfe\xb26\xdcX\x1cv^$\x1fy"}\xbeH\xf4~\xd0md\x98\x11\xa7T"\x12H\n\xf8qf\x04\xa2\x99\xc9\x99\x96\xfd\xb2\x96\xca\xcd\xcf7\x9a\x83\xfe\xa7\xda\xfd\xe6y4\x19\x0e=\xae\xd9w\xeb\xe5\x9f\x1c\xc3P\r\x1c"i\xb2\x7f\xe6\x1b\x07\x00eb6\x1c\xeb\xe5h\xa7_\x03\xacD\xf2Q\x07r\xae\xb3s&lt;\xcf\x08\x8d\xc7\rN\x08\x95\xc7&lt;\x05\xa6\x03\x7fB\x85\x97_\x96\xb8\xd3\xac\x0c\xaa\xfd\xfbN\xba\xfd\xa8\x01\x96\xfctp\xbc\xc5T\x83\xab*\x89\xc3\xef\xf27\xe8\xfa\x1d\xa3_#\x8d\x1f_V.\xfb\x8b\xc3\xc7\xc4\xe5\x8b\x9d\xff\xe7\x94\x9b\\2TpeH\x8aF5\xf9\x1b2\xfe\x01\x98de\x96\xff&gt;\xa8o\x9c\xef&amp;\xe6\x1e\t\x96/\xda?\xd6\xc7\xf2\xc1V\x84s"\xe6P\x08)\x90\x04\xbe\x05\x0bO%\x96\xc95\xcb\xd5\xfef:\xf2H\xeej\x1f|0\xa9,K\xc0DT]\x85\xb7$()\x89&lt;U82\xe2\xcf\xa8f\xfc0\x98\x95\xcd4a\xb0\x8d\xc4\xecc\xd0\x15\x8a\xd6\xe7S\x9adK\x08\x06\x9b\xa8j\\\x8a+\x8a\x80&amp;\xe2\x8bX\x96-\xff\x01\xd2\xe4m\x1c\x1d25\xf4Ls\xa7\xd6_l{/\xa3\xcf\xd7\xbeh\xc0O\x86\xaar[ Al\x89Cl\x02pT\xe2\xba\xa9\xf9\x7fwY \x00\xcb\x05\x00KS(\xb7\xdcB\xbey\xb1^\xdbL\xcczK\x98/\x18LT\xe7%j\x18\x96\xa3J6p\x19j\x81s\x0e\xcf\x0b\x8f\xd9\x8a\xa2q\x8b\x13y\x92\x0b\x9a&lt;\x9eB\r\xce\xc2^J1\xd7u\x0b\x99\x97\x83\xda\xe2F\xd4\xdbi\x0c\xc6\x12\xf5\x0f\x1c\xb6Ru\x07?O\x15\xc9\xb0\x98\xaa\x9a\xb0\x95ds*!\xd6eUOi\x02\x17`I\xd0N\x91R\xcf\x03P\x97#L\x00\xab\x90\xcd\x8dj\xbb\xc3\xb4\x87t\xf9B\xed\xea\xe8\x94\xc9PFR\x19P\xc9\x94\x1a\x16GHH\x84h\xd8\xd2\xc2\xee~b\xda\xb6\xf65\x15d\x99\xd8)S\x93!!5\xb8\x11\x07,w\xb99\xd8\x8c\xeez\xc8W\xa8s\xd1h\x9e\xda\xc29$\x05\x93S\xd8I\x19\xfb\xcb \xaa\x85\'XB\xe0\x88\xd8\x92`\x0b\xd2\xa1UH\x92\x99\x12\x94q\x98\x911\xcb\xca2\xd6\x1d\xedt\xd2\x9d\x98gK;\xb2&gt;o\xa7\x88X4\x88m&gt;\xce+\x05\xa0\x88\xa127\xce\x11\x14\x06\xb7)\xa4C\xe2k\x93\x11\xd4\xe0&gt;(I\xad\xbc\xe38\x8c9\xba\x05\xf1\x9dfw\xa3\xdd\xf1*&amp;|\xbe\xb9\x1dG\x93\xc1\x01\xa5\x1a\x02\x82[\x88wD\x95\x06\xdf0K\xe5\x02\x8d_\x81\xad\xa6\xa7\x91\x06\x93h\xc5\xf7@\x1c\xc9/-9\xaa\xa5\xeb\xa0\x0b\xa1\xca \xe3y\xa2\xd3\xf6&amp;U\x83\xa1DY\x97\xfcb\xc1i\xe3xd\xaa\x04(0\xbb\xd0\x92\xca3\x02\x89\x86\xf7\xe9g\xdf\xc1\xf0c\xba0\x02~?\xd1\x97\x96\x99\xa4\xa8\x16\xc8\xb2\x98\xce2\xac\xdb\xacG\xa3\xe9Y\x8f\xc2\xbd\xdfeD\xcc\xd7\xd8\xd9r\xca2\x11\x05\x90\x89J\x1a\xd0\x05\x04\x10\xff\x98\x9d\xe9\xe9Iy\x008\xed\xbb\x19\xd9\xcddlY\x91l\xd3qt\x86\x81d:\xfa\xc40\x9aNz\xa2brq\xf0\xd2\x1aG\x00\xb1\xc1\x81d2\x15\x01\x01\x87\x11\x9bsm\xb2\x0c\x03\xffS$d\x00\xa4Y\x0b\x01\xabQ)\xc5Ln\xc3\x88&amp;3r\xcb;\xbb\xd1\x17\x9e\xc0JW+\x99\xb8\xa4\x89bgK"7y\xca\xa6\xb8X HU\x1b&amp;\x13e+\xf0\xb5GL\x0c\x0f0\x90\x96[\xcfD\xa6*\xdc21\xac\xb6\x89qd\xee\xf2\xe8\xbe\x93\xf0ya\xf8\xce\xce)\x96\x1f,\xef\xa7\xc8\xd1\xf1\x91\xc4\x16""\x1f0\x04\xe3L\x0f\xfc\xb6x\xfcb\xed\xc8\xa0\x89\x12\x8c\x80,\xbe\xac\xb3T\xca\xc44\x9a\xaa\xe5\xb2fu\xe8\r\xac\xdd\xcb\x1c\x02T\x1e\xb7MIA\xf5\x13\xa4aU\xc3\\\xe3\xc0\x82\xba\xbfU\x86\x00\xbc\'\x04\x95\xc5\x82\xf6\xcf\xe0\xfb\xd8\xec\xc4\xe4T\xc54\x9a\\e\x96;\x7f\xb1\xe1\x05\xac\xa9\xb9\xc5\x91\xc3\xc7\xb00o\x84(\xb8&lt;\xa4\xf0k\xe8[\xf8E\xe0\x12\x84\xc8\x93\x92\xac!\xc3\xc4:\xa2X\xe3\xf18Lg\x18\xdca\x10\x9ds\xe1.\x94!f\xe8\xe5\xfb\xa8\x17\xb0\x92\x9f\x9a\x16\xf9jh\xcd\x86\x8c\xa2\xd6\xc0c\xe3\xcb\x18\xa5\x8a\x167\x14\xe1,\xb1\x0c\r\xd7\xe0\xaek\xdc\xde^\xe1\xf8\x032G\x8c"\xb2tK\xd0\x8a\xc0\xd3\xf3\xaaU\xb9O{\x01+Xm\xa8\xd2\xa4\x81\nU(\xb5\xb1\x14E\xc9R\x84FD1\x98Ae\xf0\x85o\xf8\x95x&lt;\xee^]\xdf\xb4\xbe|\xf9r{E\x15\x96\xd3Q/\xb8\xe3\x98\xa0\xd1\xe6\xaa\x9eaV\xd7\x1bXId\xa9\x08u\xe1\x1f\xb1y\x01\t\xfbP&lt;R$UU\xddl\xfej|\xd7\x10\xf7k*X\xba\xbdyx\xb8\xe9\xdd\xdc\x1c^S\xe2d\x18#X\xef&amp;C\xd0\xab6\x07\xae\xa67\xdez1r\x90\xe6b\xb6\xc4\xe0\xa3\x0e\x18\x12\x16\xa44\xd6\xd1p\x0b\xd9|\x16H\xae\xe2\xc0c\xc4\xaf\xbe\xb4Z_nz\xa5b\xf1\xac\xd7{\x7fx\x85\xc2\xac\xe7\x1c\x04\x83)^fJe\xb9\xcc\xe9\xbd7\xb0\xea\x8d\x02&amp;Q,&gt;X\x88"\x198\x16!\xe2\x91BPpu\x9d\xbd\xbdn\xb5Z7\x0f\xad\xdb\xdb\xd6a\xafw\xf8\xf3Y\xa9\xb8\xbfrvv\xd6\xbb6\xe4\xb8\xdb\xc899\xa4&lt;S9\x07c\x99\\\xa3\xe6\xcd$nt\xf3.\xf2\nc\x8ff\x85\xf2\x80\x9ee\xa8\x96JD\xaf)d\xaf[\xd7\xadC\x88V\xdc/\x1e\xb6\x0e\x8b\xfb\xfb\xfb\xa0jeo{\xfb\xf5Y\xf1\xa6@\xe3\x92\xa9\x83)\xdb4Y\xca\xb6\x98\x95\xcf;\xeb\x9e4\xfa`g\xb0\x945\xe2\xe2?2\xa2\xd5\xa1\x9a\x1b4\x8eUb\xb8q7\x9b\xbd^\xfb|\xd8+&gt;&lt;\x14W\xb6K\xc5\x87^qeee\xef\xf5\xd9\xf6\xaf\x0bo\xde}|\x7fx\x8d\xc9\x84\xb3T,O)e\x9a\xe8\x12\xa0\xad\x1a\xf6b\xf7\xcc\xc6\xcaK\xf9\xacA\xa9\xa8[\xb0&lt;\x11\x17j\xf8\x1e\x8d\xd3\x05\xaa\xc3\xc3\xe2\xfb\x87\xc3\xde\xfeJie\xbf\xd7+\x96\xf6J\xdbo&gt;\xfe\xba\xb0\xb0p\xf2\xee\xfdC+\xebf\x0b\xa8\x8a\xf8k\x9a2SbY\xebz\xdd\x13X\xbeh%\x93\xc9\x16\xe2\xd4?n5\xc4(X\x0c\xed\x8fJF\xe1\xf6K\xeb\xed\xdb^\xb17ai\x05\xb8\x8a\xc5\x12`\xbdYXx\xf5\xea\xe4\xe4\xec\xed\xe7\xa3|\x1e\xb8\xc4\xed\x03K\x91\xa3\x9f1]\xdf\x99\xf3\xa4n\xa5+\x8e\x95\xcd\xbb\xf1\xc9u\x86\xa0\x02\xc3\xba\xae\xe1\x02\xd4\xcd\xdb"&lt;\xf5\x00G\x81\xab\x92 \xac\x085\xdf\xbd9Y\x10t\xbd\xfe\xf9\xf3\xda\xd1\xd1R\xa6\x80\xd5\x83\xdb\x08j\xa3\xf8\xe3\xfc\xa5\'\xb0\xa6v\xbb\x96\x01\x17\x15\x14\x11\xf5\x01\x99\xa8"\x84\n\xd7\x08&amp;\x903\x99\xb9\xfd\xd2\xdd\xde^\xa9\x04`\xc8\x86\xfd\xd7\x1fON\x04]?\xfc\xe3\xf3\xda\xda\xd1Z.\xaf\xe7r\xfa\x96\x93\xc2r\x00_\x99A\xd2\x13\xb66\x9b\xa6\xa2\x18\xc2#\xb0W@\xb6S\x16\xcb\xe6[\x82"AO\xe9uioe\xe5\xeen{o[\x00{\xb7}V&lt;\x03\xaeW\xdf\x7f\xff\xaf\x1f\xfe\xf9\xef\xb5\xb5\xa5\xa3L\x1e\xca\x99\xfa\x96i\xa3\xe4\x98V\xae\x1c\xf1\x02V\xb8z\xcaQD\xf3\xf9\x82\x8b\x9c\xc0\xcd\xbd\x90=\xfa\xfc\xb0_\xda\xc3\xd9\xde\xde~\xf7\xea\r\xde\xf7\xee\xee\xee\xfe\xcb\xaa\xf9\xff\xa4}\xe7q\xdc\xa8\xbf\xdc\xd2\x8e\xe4j\xc2\x18\xd9\xb8\xd6\x8e\x18\x18\xdc\x87+*\xb9\x8f\x16\x94\x0f\xf2!Zl\xe5\x8b\xe43&lt;\xa2\xa0\xb52\xbeh\xc1\x9b\xa8H\xaf\xea\x94\x95\x0b\xdb\xb4~\xa3\xdaU\xd9u"\x07I\xb1\xa6\xae\x1dA\xdaz\x86\x9b\xa5\xc3:S\xaf\xb5\x9a\xb5i\xba\xfe\xd0].i\x97\xae\xcd\xbd&gt;n\x7f\xc2\xe7\x85\x9fw0\xfc\xe0\xc3\xd7\xeb\xf5y\xbf\x9e\xcf\xcf\x1b\xb7\x1b~\x9d\xd2\x98S&gt;\r@Y\xad\xc3\x0b\xf61\xe0\x8a\x83r\x16\xbf\xbd\'\x1f\x9c\x1bH\xc2&lt;V\xf5\x83\xfd\x94d\xeb\xebj\x1a3{OM&lt;\xbe]\x01#\x0fv\xf2\xbb7.wO\xed\xb8\x83\xc1\xa0;\x8db\x18\x86\xa6\xd3\xf0\x1e.\x14E\xdd\x1aB\xa3A\xac\x12\x89\xd5\x1au\r\xb6\x8cy\xe3&amp;\xb1I(d\xc2|\x07\x8f\x06\x8dO\xe7\\\xa3d&amp;\xfe\xfe?\xd7&amp;\xc4,\x982\x9d\x9d\x1b\xdbw\xb6/\xdc\xfd\xeb\xc9K;\xc14\x04zu=\x86{&lt;\x1e\x1c\xdf\xc4\xd7\xd7\xd7\x91@\xc0\xe9\x8c\xa1H\x0c!s\x05\\\xc3\xfe\x96\xb1\x13MMq\xa1\x08f\'`\x81\x86\xe0\xe51\x99\xd5\x7f\xa7\xc4\xfa\x00\x96).\x13\x89:\x95\xda\xf07\xba\x93\xddS\x90\x16\x0c8\xf0\xcdM|\xe9\xd6n\xe0\x10R\xb5\xda\xd2\xd5e!\xf3d\xb5"\xbbh\xcbaoOO\x93X\xc69\xf06\x834\x8e\xa4\xf8\xa7\xd3&amp;&gt;\xa3\xe4\xe9\xee\x97\xff\x9c\x10\xc6E5\xdb\xdf\xf8]\x8b\xb6\x94/\xa9!\x90\x80A\x81\xafC\x96&lt;\x80\xe4\xb9%\xbd\x05?R\xa9Z\xa16\x1a\x9b\x8f\xca\xe5\x12\x84@\x10\x14.s\xe8\xeeF\xdc$\xa3\t\xf3\xc0\x97\xe4\xfd\xaa\x1dY\x8c\x89\xaf)\xc1\xca==\x01\xfd~g#\x9c\x19\xce\xf8|\xc9g\xd09\x06\x83\xc2\x83\xff\x06\x04kqq\xb1\xc1h\x90D\xa3\xe5\xf2\xa2\x92\xa2\xa2"\x03A \xd0g\x042z\xe3\xa7m\x19\x0b\n\x07\x9b)\x13\x98\xa0\xb7X\x9c\x7f}LI\x11\xf7=h\x82\x12\xde\xd9\xd0\r\xeb3n7A`\x12\x89$aP(\x8a\xa5\xd2~\xb8nM\xd6\xb2\xd9\xf7\xe6\\\xc9E\xff\xa2K\xaf\x9f\x1b\xca\x0cC\xbe\x10\xd8OQ\x14I=\xf9i[T\x01\xba\x0c\x943\x8f\xbc\xc04V\xff\x85\x12\xacw ["Y\xcdFhH\x9fIj\x9e=#\x88gD\xc0\xa06r\xf9\xfd\xec\xfe\xfe\xc9~\xb6C\xa5z\xa4\x8fhu-\xda\x16m\xc4n\x8f\xd8z\x87\x875fT\x03\xd5&amp;R\xba\xfb\x1b\xa2\n:\x93\xc3$\x83\x1c\xd7\xe2\x89\xbfQR\xc4\xdf}\xdb$\x94\t+D\xda!\xbd+\x99\xb2\x8d&amp;\xfd\xb6\xc5L&amp;Zd4\xb2\xdb\xfa!Smm\x8d%z{]]]\xcb\xcc\xacw\xac%\xb26\x18\xb1\xdb|\x1a\x04\xddm/\xdfJ8.b\xd1IS\xc6c\xe6\x00\x17g\xe2,%n?\xf7l\x8fI\xc68 \x1a\x1cr\x8d\xdaB\xba\x90.&lt;\xa0\x0b\xcd\x8f\x0e\x95\x1b\xfa\xd9$\x15\xbb\xfe\xde\\o\x8b\xb2.\xa2\x1c\xeb\x89\xc7+\x07\xd7\xd6n\xaf\xf9G\xe1\xce\x00*\xe8\xb1e\xdb\xac\xac\xe6\x00\x8f\x01\xde\x87G\xcb\x03\xbfX}\x93\x9as\x96\xef\xaa\xc54\xda\x1e\xd6j\xfb\xb86\xacS\xcez;;\xbda\xad\xbf\xd75,\xe8\xaf\xadmkcw\xdc\xd3/Dtv\xbf\xbdE\xa9]h\xdfz\xd4\xb7\xd574\xec\x1aM\x9a\xad\x01\x02\xb1"\xcbZoM\x0e\xe4\x89\x97Mb1\x84\xe7\xa8\xe9\xad\xaccgL\x0c\xfa[\xac\xd5\xad\xb5\xb1\x96\x96HD93{\xdf;\xab\x8c\xb8\xca\xd5d\r\xd9\x07\x0b\x1a\x87\xc6\x17z{{}\xa9Q\xfd\xdc\xa3\xe9\xe9\xf3\xe7/N\x9f\xfa j\xd6\x10V\x89\x99@\xcc\x8335\xf9\xf9&lt;x\xe5\xd1\xf2y\x1c\xf1\xb5\xf7\xa8y\xc0\xb5\xef\xdb\t\x1a\xef-\xfa\xe3\xf1\x96\xba\xd5+\xed}[\xbd\x11\xadr` \x94\x1a\x96\x17\xd6Bg\xd5\xd7\x17\x1c/))\xcf\xf8R\xa9E\xbf\x7f\xd0\xef\xd2\x7f\xd0\xdap\xf8|Ck\xb9\x04\xeeH\x840/\xcc\xd0\xf2\xf3i`wy\x0c \x13\x9f\xa1d&amp;B\xcf\x7fv\x8e\xc6|\x8b^\xd7;x\xa5\xef\xe9\xd3\xf6\xd5\xb5\xba\xc1\xc1\xf9P\xc8n\x96X&gt;&lt;\xd8VZ__\x7f\xe4x\xb9Y\xe3N\x8e\xaf\x9e\xe8\xbc{_9\xe8_&amp;\x9a\x1b\x1b\x1a\x8e\x17\xc1\x96O\xa0\xe6\xd1\x19\xfa\x9b&lt;Fv^&gt;\x8d\x05d\x13\xd7)\xc2\xca\xfd\n\x84`\x0e}\xa4]\x7f\xea\xf0\xf4\xaa\xb7\xe7Z\xe7\x85\xbb7B\xa1\xf9)\xc22Y\xdb\xc6f\x03\x95\x1c6\xaa\xe5\x85W\x0f\x1f{E\x95\'F*\xed)\x8d\xf3\xf8\x91\x86\xe3r\xb5\xc1\x8a\xa2\x8b\xca\x8a7\xf2i \xe6i\xbcl\x16\x87"aC\x1e@\x9d\x9e`\xf0Du}\xa7N\r\xd9/T&gt;&lt;\x1d\xfe\\\xa4\x0bG\xbaO\xba\x9d\xc0\xf5\xe1\xc1\x83\x05F\x80\xf2\x8d\xbe\xfc\xe8\x87W\x91\xce\xd5\x91\x87\xdf\xdf\xb7\xb9c]G.64C\xba\xd0\xff\xa6\xc6j\xde\xcca\xe638\xcc&lt;\x1e\x98\x8c\x07\x14ae\xbd\xf3E\x0f\x87f\xba}\xaa\xa4\xdc\xf7D\xf9\xfc\x87\xef\xc7^\x99\xb4\xcaW\xf6\x93S1\x1cf\xe1da\xa1\xc4&lt;\x95ZY\xbc\xf2\xf2\xf9+\xbb\xce\xbe\xf6||~E\x83X\x8e\xd4\x03\x96\x15A\xd3\xa9\xd9\n\xc0\xe2\x91#\x88\x05\xce\xe7\xda1\x8a\xb0\xf6~W\xcda4\xad\x96\x1c\x8dN\xad\xd8\xc6_\xfe&lt;26\xf0DWw\xe3\xb2\x1bE7aZK-V\xd4\x9dZI\xa5|\xbe\x8c\x7fpQ\xef\x1a6k\xac\x92\xae\xdf\xb0\xd2i_\xb8bO\x1e\x83|j\x9f\xc3\x10r\x18g\x8e\xe5R\xd5\\\xe78\x0cook\x91\xd5\xdd\xbdb[\xbcr{~\x1e\xec\xce\xe5K\xa0\xba6q|\xc9\xb9\x14\x83\xc1lN\x82\x04D\xa2\xf2\xd6\x92\x92\xa3E q\x8c\x05G\n\x9a\xd5\x12\xf8\xc8\xa7\xab\xc9\xa1\x83\x94\xcf~#\x9b&amp;6\x99\x1eP\xd4\xf2YY\x7f\xbc\xcea\xf4\x8c\xb7\xca!+\xc9\xe1L2\x99t\x83~\x07\xe3\x15\x04\xac\xa5\xa5%+z\x15E\xcc\xee\x9d\x1dT"/jn\xe66\x0b\x04\\n!\xb7\x80\xdb\xacvZ\t\xc2\x1d\x12\xe5\xd3\x19\xe4\t\x16]\x16\xf7z\xcfPU\xc4\xacw\xff\xcd\x11\x9fh\x07,\x0c\x85\xbf\x0c\xfd\x12\xdc\xe9\xee\xbe\xe4\x0eB\r\x9d\x16\x8bsi\xf3\xeaUT\x03\x901\x83\x11\xa8\x1c\x0e\xae@ \xe0\xf3\x05\xcd|\x03\xec\x10Xz^\x96C\x17\xd2\xe8,\x96\xcc\xe4\r{\xcf}I\xd51\xc6\xde\x8f9\xe2\xcf\xb7Z\xcb\x03\x18\x16\x90\x18\x02\x18\xf2\x8c\xf4\x15n4\x86;-|\xbe\xc5\x02\\1\x18\xcd1\\-\x00\xa8\x0e\x07@\t\xf8j\xa3\x80o18\xe1_\xb1\xc5\xf70\xc54&amp;\xc3\x04Sk~\xa0\xe7+\xaa\xb0r\xff\xf4\x8f\x89\xcaG\xe5\x12\xf0\x13\x81@"\x11H`Ap:i&lt;\x86+\xa4|i\xd7\xa4ti\xd3\xa9v\xc6b\x98\x81\xc4r\xf4\xf3!U|~\x17\x9f\x0fBZ\x12 R^\x9a\xf8S&amp;K8\xa3\x1c\xd0\xa6N&gt;\xfe\x88\xb2\xc3\xa8\xf7\xae\xd3F\xceG\t\x0c[\xc7\x02\x18p\x11\xe0tP\x14\xc7\x03\xd2b\xe9n\xc2pg!_\x02"\xec^s\xa3\xcaQ+P\x03\x15@\xf1\xbb\xd4j\x83\x04Y\xec\x11Oph\x8cN\x9d-\xb4\x18\xdc\xd9:F\x19\xd6\xbb_pF\xa6\xa3\xb1u2\x12\x01H\x00i\xc4\x08\x0c\xf7H\x8b\x15\x1e\x8fE\xcd\xb7H\x0b\x0b\xb8\x02\x87\xaaQ\xa5\xaawt\xd4:\x1c\x02~?T\xd2HbYGg8t\x16M8;\xef\xdb\x99\xc3v\xa6\xdf\xa7\x8a\n\x9a\xabz\xe4Q\x94\xd8\xa5\x82l\x19\x02\x81\x00\x0e`\x18`I=d\x83Y\xba\xb8GT*UYYY\x9b\nT\x05\xbb\xc3A6&gt;W\x00\x12_R\xee\n\x0bk\xe84od\x19\xfdE\xb1~\xe9\xe9^\xca\xb0r\xff\xf0\x00\xb0\x02d\x11\x13\x10\xa4\xc5\xf0@\x9baN\x10\xf3KK\xce.\x88\xc2\xc6\xb2R\x92\xaaL\xd5\xd1\xd1\xa1jS\xa9:\x1a\xc9\x1b\xd2\x08X\x19\x9d\x89Q\xb1\xa1\xec\xfb\xe4\xa2d=\xb8\xf33uXY\xfb\xcf\x8e\x1c\x0e$p&lt;\xe1I@\xba\x14\xe00\xb0u\xc0\xb2\x14K\x15KNgWa\x97\xc5\xc8U\x95V\x95\x96\xee\xb2\x95UU\xc1\xa2\xea\xe0\x92u\x94\x97g\x94\xf1\x9a\x9a\xb86s\xef\xe2\xd1\xf4\xeb\xf5\x1f)\xfc\x12\xd0\xfb7+\x0f\x97\'\x12\x1e\x85\x02\x92\xa5P+\x14\x1e\x0cw\x12\x98\xb4xR\nVzir\xb2\xcb(\xe8(+\x85\xa8\xaa\xfau\x012\x95\x83k4\x1a\xe5\xd1\x8c\xb6s[$S\xfa\x82x\xe1\xfa\xeb\xc4\xff(\xfc\x96\xc6\xbe\x9b\xca99\xd0\xbcx\x91\x00$\x85B\x01\xde5\x16s\x82j.\x94\x82\xc3\xc7&amp;\x0b\x8c|G[Y\x19ITUF.\x87\x00\xab\xb1\x91\xcb-\x92G]\x0b\xb3\x9d\xf1N]\xf7\xeb\xa0g3h\xdcO\xe1\xe1\xfe\xbe\x87ZW\x91\xfa\x05\x04P\x01\x96\x07:\x1eQs\xdb\x80\xa4\x83o\x89\xa51\x184\x02\x15\xf0\x90H\x87\x0e}\xf2gXv\xb9\x9a\x8b\xe4C\x19\x7fxV\xbbbs\xbf~\x9d\xde\xfc\xe5\xe9&gt;\xea\xa8\xb2\xf6\xfe\xb8\xf8\x7f\xda\xcd\xff)\xed\xfb\x8e\xe3\xfe\xe0%q7\xe7\xad\xd9\x9d5\xde\xd5\xe4jr^H=\t 9bP1\tz\x9f\xf8\xa9V$\x9f\x93\xcf\xa7\x1c\x08(\xb0\x14\xd4\x846h\x86f\xc0\x00\xcb\x95\x08\x84/1Y\xaa\x98P\xbe\x0cGC9\x98\xc5\xe4\xec\xc56&amp;$\x1c\xac\xc9\x92\x80[\xd3y\xdc\xa5\x9dN\xe3\x9a\x19\xd7\xec\xfd1\xdd\xfe\x02y\x01o\xf8\x8d\xc7=\x9f\xaf\xcf\xeb\xfd~\xc1\xebcO\xb3XT\x9c\x0b\x17kp\xb0q\x14\x94\xa8c\xa4\xeb\xc3\xc1z\x1e\xe5p\x07\x972@\xec\xc5\xcd\xab?D\xa2\r_\x1f&amp;\x81\x00\xe9%LW3\xacj\xbdD\xe2\xb4vL\xf4\xf5M\\[\x7f\xba\x89\x19\x9f\xf7\xda\xb7I{\xba\xf3\x15\xd6\xf3\xc1\xa6\x86\xa6&amp;\x16\xa1\xcd\r\xa0\x00\x16\x89F\xea\x1d\xe0\xb2\x80\x89\x1b\x16\x1e#\xd1\xae_\x07\\4\xa0\\\x9b\xb0\xa5zRi\xd7\xb3\xe5\xca\x8e\xa5\xbe\xcf~|\xd4x\xef\xd9\xa6\x0e\x00=[\x9a\xad\xe9&amp;R\xa9Z\x80\xf5\x9cEm"\n\xd3v\xe7w\x00"\xc8\xc00\x05\x8d\xc4\xe7\x0e\x94o@\x1d\xc3\xc5\x02X4\x1a\xeeb\x17\x13\x88\x15\xd6\xcbe\xa1\xbe\x1f?\xeb\xbb\xc7zt\xb8u3\xe7F\n\x9eM\xcc.\xa4\x01\x16\x88\x86\x8d\xb5\xcd\x87\xc4\x94\xe0\x82c.\xc1\xd3\xde\xea\xe1z*\x85w\x08O(\x12\x8d6\xbc\xc15L\n\xd6\x0b[\x98\x93\xd6\xb0\x9e\x1d\x8a\x9e93q\xaf\x8a^\xb9\xcej\xddL\xb1\n\x9e\xfe\xc6\xae\x11vWR\xd7\xa8\xd4K\x95T\xea\xf3\xc1\xce\xea\x99O\xadm\xbc\xfaN"]!e\xd5wV\x82&amp;\x88\x04\xfc\x04b\x01,\xf0\xa4\x91\x82m\xfc\x16\x06#i\x92\xb0C3\x1d\x0c&gt;\xf1$e}}x33&gt;o\xfb\xd3\ti\xdc-$j\x81NZ-\x91z\x17\\\x8a\x133\xdc\xb4P\x98\xe6\x93\x84\xa3\xedU\xdcK\xe5{\x00\x17\r\xc4\x06\x14nbP\xd8U\xcd\x98T\x06$\x12\xb6\xb2\x85\x7f\xba\xa9q}=\xdd\xba\xa9\xa9U\xf8\xed\x92\x1d\xbb,$h\xb5Z\x1c\xebTc\xe3\x84L\x87\xd8\x17\xdc\xe9\x1a\x9f5\x1a\x9a\xeb\xe0V^\xd2\x96\xf7\xe2\x16\xd2\xf0\xeb\x00\xc7:\x16\x04bM*Q=\x8c\x84f\x08\xe5\xc7\x1b\x1a\xd7o&lt;\xdb\xdc9\xcf\xfcg\xa8L\xa2\xa1\x13\x81P\xc0\xc7\x86\xc6G_\xcb2\x07tr\xf5\xc2\x82\xdd\x14\x08\xc4\x90\xd0\xcb\xd1\xa6\x06\xca\x9eWr\xe19?\x0c\xc4r\xf3\xab\xad\x0cT\xa9\x97 2i\x13\xd8\x10X\x93O\xf7m\xf2`Y\xeb\x0b\x19\xac\xa0\x13N\xe2.R\xef&gt;\xfa\xda\xa8\xfb\xf3?u\x08[\x1feg\\\x92\x98\x0e\t\xb57\x82\xad\x91w\x08\xafW\x80\x0bXH\n\xd2\xbb\xaa\'\xa5\x96\xb0\x1c`q\x1b\xa8\xc7\x8f\x0b\x9fn\xfa\xf0i\xe1\xe3\x84+N\xdf8\x14\x00\xb1&amp;\x8c\xa1\xb1\xbf=\xc8\xe8\xfc\x88W\xe7\x8f!\xba\xccC\xdd\\GU\xd5\tJ\xf3\xff\xb9H$wOu\x0b\xc3\x8a\xea1\x87\xff+V\xf9i\xe1\xfc\xa6k\x05\\\xdc\xfd\x1fWv\\H8I\xd4V\x8e~s\xc6\xab{0\x96\xe9\xcf\xf8C\xec\xb1\x87\x99\x8c\'\xd3\x1fc\xcf\xd9\xed\xd2\xf7\x98\x15\xf5\xa4\r#q\xb1z\x18==\x16\xb5\x89-\x81C\x93\xe3/\xc4\xe2w7\x7fd1\xbf\xf5&amp;d\x03\x95\x0b\xe4&lt;\xd3\xe8Etcc\xfd\xfd\x19\xe0\x9d\x1cy\xf80\x163\x80\xcf^\xb9&lt;&lt;;\xd9\xb9\xa1\x17\r&lt;\x00\x16\x87\xc3P\x02,\x87?\x14\x00\xcd\xeb\x17;\xf36?v\x8d\xd8$\x9a4A{\xb2R\xe9\xd5\xc52c:\xdd\x18\xe2\xed\x9bY2\xce\x85\xbc\xc0\xc6\xb1\x98\x9f\xed\x87\xe5\xf6\xea\x9fl\x1c\x0e\x06\xe9C(\xc7\xa2\x0e\x9b\x02\x0e\x97\x1c\xdb\xb2e\xeb\xf7\xbbr\x80\xb5o\xe4sHQ\x03\x0e\xe9ur UF\x17\xf2"\xb2\xe4\xe8\xda\rn\xda\x97\x8czM\x88N\x87\xf8\xfd\x88\x1c\xed\xe2\x81Z\x1f$\r\x07\xddt\x8d\x1d\x8d\xa8S\x01\xd8\xe5\x08H~\xb1\xe5\x97\xb7\xb7\xe7\x02\xebw\xbf\xb5Ez\xba\xbb\xab\x93\xb0\xe7A\x06\xf1\xca\xa2N_\xdbj\xfd\xea\xea*h+|\xa8Z\xce\xd6\xc5t\x1e\x9d\x89\xd1|(H\n\x06\x83\xee\xa1!\x8d\x12U\xebSr\x89#\xc3vl\xdb\xfa\xd6\xf9\x9c`=\xbe\x03\xa5|ia\x8f\t\xf1\xc4\xd8at\xc1\x97^[][]]\x03\xeb\xe2\xe2\xda\xc2\x82"*G\xfc:X\xca\xc7\xb1\xdc\x97\xc7\x874\x1c\xb53\x0c\xe3X\x06\x13\x9c;\xac\xfb\xe6\xac\xa5Fh\t\xc5\x10vx\xe1\xbb\x85\x1bO\x9e,&gt;\x01\xaf\xc5E|\xb1\xfa|\x16\xbb\x8c\x8d\xb0g\xbb\x80RA\xf7\xb8\xc6\x82\xa2\xce\xb0\xfe\xd5\x8f\xadjx\xeb\xd67?.\xcc\x01V\xe1\xfe\xf3fL\xd1C\xe7\xc8=\x81\xa8=\x1a}\xf9\xaf\x9f\xe2\t\xce\xf6\xe4\xe5\x99O\x8d\xc6\xe8\x9c\xcc\x94\xecr\xe3Z\x01,\xa5\xd3\tJ)\xa6\x87U\xfe(\xbcuK\xc9\xd9\\\x8c4\x17\\\xf9\xe8"\xe4\xd4\x0c\xcd\xcba\x93]\x16\x92\xbd\xfc\x1f\xd1\xe2\x86^KKK\xd6\xc9\xc9\xa4\xccd\xe5\xbb\xdd\xee\x9a!\x8dF\xa1\x00\xf9\x9e\x90\xd80\x8f\x01\x96\xc1\xdb~vn$\x07Ty\xf9o\x8c|.N(\x86\x9crvTj\xb4\xfa\xb87\x16\x9f\xaf\x81X\xdd\x884\xc8{aK\xe7\xa4\xcc\xa4\xe4\xd3\xf95\x1c\xc5\xfc|\xc4\x19O$\xb2\x12\x1b\x0c\xb0\x80Z\xaf_|\x9c\x0b\xac\xbc}\xef~!\xb29\x15hXo\xaf\xeb`\x11\x84\xa0\xb1\x07\xc7O\xf0\xd8X\x0e\xb9\x9b\x9b\x9b\xcb;\xed&amp;%\xbd\x06P\x85\xd5\xf3N}V\x82\xa50\xc8\xe1\xf0\xb0\xed\x8em\xa5\xdf\xef\xce\t\xd6\xf6\x0f\xee_\x80\x12\x11M8\xaad\x9e`\x11*\xba\xf8]5&gt;%j\xf5\xd5\xa4\xbb+x\xbcz\x1e\x88\xd3\x0c\x94\xe3\x1e\xe2XPS"\x92J`\x10\x94\xc0\xccf\x87\xc7\x9btl9w\xb60\'X\x05\xbbn\xbe-N\xc5#\xce$\xa3\xa5\xb2\x92X\xd1\xc2\x94&amp;M\xa1PH6S\xc7\xed&lt;\rzV^sE3\x9f?\xc4\xe9A\xd5j}"\x1e\xc0l\x90\x0b\xc3\xccb\x97#$ul\xfb\xf0JN\xa8\xf2\xf2\xb7?\x06.&amp;"qEMw\'\x85XQQ\xd9.\xf3z\x11\xffWs\xd2\x01^o\xfd\xa1^\xe0b3/x\x19E\xd5\xa6\x04\x96\x08\xd8 \xb1\xd8\x0c\xc1f\x83KbJ\xc2W\x1f\xe7\xec\x06\x91\x9d\x1f_\x14\xd9\xb2\xf1\x88\xa6\x8bB T\x10*\x98F\x19\x82x\x8d\xd2:\x02h\xc5\xf0?3\xf8|\xfa\xd0\xb82\x1c\x96\xeb\xb1\xac\xc3\xa5\x12\xa8\xc4f\x97X`@\x8c\xb3/&gt;)\xcc\xcbU\x80mQ\x04AX"\xc2\xe8\xae\xe8&amp;\xfc\xba\xa2\xbc\xd3\xfa\xfe\xfb\xb29)e\xcf+,782\xe0UA\xcf\xd6c\x90\xc1,\x16\x88Db\xb3\xaa\xdf\x11jo\xff!\x877\xf9\xbc\xf6\xc7\xbf\xe2_\x04\x07\x94=-\x9d\x03\x14\x10\xc4\x993Ku,Jyo\xefi^EK\x8f\x02\xb4\x84\x98D\x82I0\xc8\xacR\tj\x8f\x08 \x81\x18\x96\x1b\x97\xdb\x7f\xc8\xcb!\xd6\xfe;_\x96\x08T\x06X\xcd\xe9a\x9e8u\xeaD\x03w\xf4\xf0 \x8b\xaa\xbd\xa4%R\x08-\x1c\x8e\x1349\x0e\x8f+\x8e\xb9 \x97HP\xbb\xb7\x8c, \xf7{\x8d\xedS\xed\xff\xce%\xd6\xee?]-)\x11\x98]\t5j\xad\xab;\xd58\xc8\xe5\xb2\x06\xb8Mw\x07\x9bXL\x06\xea\x8c\xc4\x1d*\x9b\xd9\xd0o\x93\x18 \xb3\x80L.*..\x13\xc1s\xcbS\xcb\x07s\x89\x95W\xf8\xc1\x1f\xce\x95\xd5\x92\x05\xb0^o\x97\xe2\xe3\x10\xdct\x9b\x90;z\xb0\xa3\xae\xda\xa2L\x05Rq\x9bJ%V\xa9\x0cf\x83Yu\xe4@\xf1\xd1\xb2w\xc4\x81p\xfb\xd4\xf2\xca\xf2x.o\xb8\xcb\xdf}\xfbji\x11\xf0\x11\x92\xb0\xa3\xf6\xa4\x95\xe1\x03\xdb\x9f\x95\xc9\xf0\xf9Pg\n\xf2\xd8\x126HE\x16\x08\x04*\x81\x80\\\xbc\xe3\xe8\x81~X?+\x9d\x9a\xfafeE\xd1\x8a\xcf!\xe7\x08\xab`\xe7\xdf\xff\xf1eQ\x11Y$vy\xd8z\xbb\xc5b\xb9|\x19\x05o\xbe\xf9p*+\x9eve\xcd*\xd1\x81\xb2#\xb5\xb5{\x8b\x8a\x7f~t\x1a\x0e+\xa5U\xefM\xad,/\xaf(GF&gt;:{\xeb\x93+\xb9)\x13\xfbv\xde\xba\xfdvQI\xadH\xa0r\x81\xa3 \x8a.h\xd4\xf1\xf9\x943\x92M\xd8\xc4\xd3"\xb3Hu\x81\x0c\xa2x\xc7\xeb;\x8ex0\xf5\x10\x87\xc1&lt;q\x10\xe4\xd6\x8a\x11\xbbP$\xca\xde?\x9f\x9b\xf2U\xb0\xfd\x8d\xfdw\xce\x15\x95\xd5\n\xa6\r\x0e\xbd\xda\x19\x89DL\xf1y\x0csf1HL\x16\x81&lt;/*\xd9\xbb\xb7t\xc7;\xd3\x1eyXi\xe1pj\x06\xaa\xa6\xa6\x00\xd6\xef\x91\xfe~\x83\x03\xb2\xdd\xdc\x99\x9b$\xcb/\xbc\xf5\xe1_JK\xc8\x02\x97G\x92\n\'\x12\xf1D \x05K\xb2\x90\x19\x12\x91\x05\xaa\x0b\x17JK\x7f\xf5f\xf1\x11\x97)\xacD\xa5\xa0\x1fk9u\xed\xda\xa3\xff\xd2r\xfe\xa1i\xa4i\x1cgv\x1d\x18\xb1\xd2\xd1a\xa6\x84F;\xb6\xfe\xac\xd9\xe4*\xd1[A\x0cXz\x81\x04\xd1\x90\xb2\xd9!\x8975M4]\xb3\x9c\xb4u\xb5\r\x14\xb5\xae\xb7%\xa7\x98\xa4\xe9\xb5p\xadnJL\x97\x9c\x1b\xbb\xcb\xae=w\xff\t\xd9n\x1ab\x8f\x93\x85#\xdb=\xc2-i\xad\xe4\xc7\x1f\xddB(\xe5\xe0\x9e\xd7\xb4w\xf7W\xaf\xbbm\xde8\xa0&amp;f&gt;&gt;\xcf\xf7\xf9\xbe\xef\xab\xf3\xbe\x80\xf5\xd9\x9d\x0f&gt;\xb9\xf0\xc9\xf5\xb1\x89\x1f\x1avFa\x02E9\xbaPW70va\xb0\xf7o\xbd\xbd\'\xbe;q\xe2z{;t4---\xcd-u\x07\x0e\xec\xda\xff\xcf?\x7f\t\x83\x88\x9en\xbf\xb3\xd5\xf6\xfe\xdc\x1c\xc2\xbav\xe7\x8bw/\x9c\xbd\xd0\x1cM(v\xa8&amp;\xc5\xechia\xef\xc1\xc1\xc1\xe3\xed0r\xb9\xde~\xb9\xfd\xfa\xd8\xd8\xf1\xb7\x9b[\x0e\xb6\xd4\xed~c\xd7\xfe\xdf\x9c}\xe7/g\xba\xcf\xf4t\x87\xadN07\xf4\xb5\xde\xa3G\xd7N\x9e\xfc\xe0\xf7\x1f\x0f\xce\xc7\xa74S\xd4\xce\x84\x8b\x9a2,9\x0e\x82\xee\x07\xdb\xc7`\x8c0vnp`\xe0 8\xe7\x9e\xdd{\xdf\xdc\xb5\xff\xec\xe5\xdf}\xfb\xde\xec\xc5\x9en\xc0jm\x1d\x1e\x9a\x9b\x03m=\xfa\xec\xce\x17\xdf|\x7f\xee\xefy\x99X\xc7\x1bv*\x8fRC\xe6\xeb\xbdu\x07\xc1(\xa0\xeb&gt;w\xe4\xc8\xee\xba=\xe8\xaa\x90\x03\x07\xdez{\xf0\xa3\xf3g\xba\xbbg\xbf\x9d\xf5[\xac\x16\x93wx\xe8\xf4\xdcW\xf7\xbe\xfa\xe9\xda\xc9o\xbeo\xbfm\xa0\x84\x94\x86U5)\xa8\x9dYf-UE\xda\x07\x8e\xec\xd9W\xb7\xbb\xa5y\xdf\x9e7\xdf\xda\xfd\x06\xba\xe0hO\xf3\xf5O\xcf\x8f\xcf\xda`\x808\xeb7\xd9,N\x93\xd7\x88\xbe\xe4\xf8\xfc\xdeO?\xde\xf9\xf8O\xf7\x15R\x01\x94r\x93N\xc5\xde0P;b\xae\x02\xf6_\x97.\r6\xd75\x1f\x01*\xb4\xf4g\xdf\x91#\xc7\xc7\x1e^\xe9\x86\xe64\xd9\x9cN?p9\xf5\xc6\xe1\xc3\xdb\xe2\xfa\xf1\xdd\xb1\xfb2\xa1X*\x937\xa9T|\xb9R\r*\xc4;\x11\xb1\x8e\xad+W\xee&gt;l\x1f\x1c\x00\x9dC2\xdb/_\xea\xbd\x1bX\xe9\x0e\x87\x9d~\x8f\xc9\xe9\xf48M\xad&amp;g\xdfQ\xe3\xf0\xd0\x10\x12\xd7\x1f\x1e\xde\xee\xa0\xa4h\x1b\x0b\x95\x81O,q\xf5\x85\xc8\r\xcd\x0e\xec1\xd0\xb1\xb5r\xebKp\xd3\xbb\xdf\x8d\x9d\x83\x11k \x10\x809$\x84\xcaj\xf1\xfb\x01\xca\x83\xc8Z\xbd\xc3\x8d\xc3\x87\xff\x8a\xb0\xfex\xbbA*\x966\xc85*C\xde\x95\xe7\xe39\x8e\xab\x96\x17\r\x1d\xb2\xd7\xbc\xcb@\xc3\x93\xc0\xf8\xf9+WVb++\x81\xc0Jz\x1d\xe6\xd1i\x84\xd4m\x01"[\xab\x13\xb1\xe9\xb5\xc6\xc6\xbe\xc3s\x9f\xcf\xdd{o\xabC,\x16\x8a)\xb9\x86\x8doN$\x0clp\xb4\xc2q\xb9\xd2\xc4\xe8\xe2\xd4k\xdd/B\xba\x1a\xe8\x86\x10\xf5\x8c\xaf\x84c\xe1pz\xfd\xe6z:\x9d\x0ew\x87c~P\xba\xc9mjm5y\xf4\xd0\x1a\x0f\xcf\x9d\x9e\xfb\xd5\x96J(\x10\n\xc42\r\x9b(H\xc8\x91\t\xde`\xc8\'\xab\x05\x07\x97*,\xddv\x19:\xe4\xaf\r\xedq\xcc\x12\xeb\xe9\t\xc4b1\xc0\t\xdfL\xa7\xad\x00e\xb5X!d\xb3N\xb7\x07ay=v\xbbqh\xe8\xf0\xfbOY\x81@ \x96J\xe5:C\xd1a\xa6\x89\xfa\xf9b\xd9\xc5\x1bx~)\xbb\xc0q\x85\xeaff\xf4\x86\xec\xf5,\xa7\xecX\x9f\x89\xdd\xba\xb5\x12^O\x87c\x93\xd3\xd3\xd6\xb0?\x16\x8eY\xdc\xe0VN\x8f\xc9\x04)4\x02\xd51\xbd\xd1;|z\xf2\x86X(\x14\x02U\x13\xcb\xb3\xae\xcd\xac\x99 HGn"\xbe\x18\xe4\r\xf9\xe2\xc6|\xc1\xb1\xb0P)E\x0cr\xd9\xab\xd7\x80xmf\xe6L &lt;9\x19\xb6Z\xa7\xa7\xddVk\x1a\xdd\xa6a\xaa\x0f\x95\xd8j\xf2:\xfb\xbc\x10+\xa3\xde84\xb9*\x15\x02\x97\x14R\xc8\x1b\xa64*W\xa6PO\x10"\xb3cdc\xa2\x18\x89\x94\xcb\xf1Dy\xb3\x90J\x8dd\x16\xa7\x9a\xf8\xc4+Ns\x1f?\xf0\xf7\x04\xc2 \xf5\xe9\x9b7\xa7\xad\xee\x1a\x96\x1b\xb0l6\x9b\xc9\xd4z\xd4\xe9q\x1f\xd3j}W\x8d\x93\xabb\xa9@*\x14\x80\x91\xc67#\x06\x8d\xa6I\xc1\x97\xb2\x9c\x88 \x08\x9c[\xcefG\xe6\xe77\x92yC2WH\x15\xa2\xe5xr\xb3\x14\xa7^\xa1g\\}03\x1e\x18\x9f\xb4\xd6\x82\xe5\x81\x99+\x12\x16\x1c~\x9b\xcd\xe9\xd5\xeb\xbd\x1em\xc8\xae\xf5\r\xa7\x81\n\x9cS(l\xd0\x04G\xc8\xe5j\xbcI\xa3P\xb0\xf1b4\xcb\xd1\x12\t-\xc2E\x12\x9a\xe4*\x13y6Qj\xa3\x0bE&gt;SX\xc8\x15\x7f\xd9\xa7\xbfT\xd0\x15\\\xdb\x02;\x18\x8fMZ\xdd\xd3\x9dn\xb7\x1d\xb2gq\x839\xb8AY@\xa4\xf7\xfa\x94\xc7\xecvmz\xb5A(\x15\x02\x96T\xce\x96 w\x12G\xc9%\xd34\xa9t|\xbcX\x8aVs\xf3#\x95l\nR\xca\xe5\xe2\xac.YaR\xb9Dbc\x99\xab\xfc\x02oX\\\x9a\xcfE\xf2\xf7\x9f\xfa-\xb13=1\xcb?&lt;\xfd\xfd\xfd&amp;\x9b\xdf\xe6w\xbb!uv\xb76\x14\xd2\xea\xd1\xc5yZOz\x95\x92\n!ZB\xb1\xbc)\xb2\x80A\xe20\xb3cB\x07\x8d\x05\xf3ZL\xc4]\xf1x\xbc\\r\xd0\x04\x93Z\xe2u\x8b\x99e:[\xd6\xc4\xab\xe6\x9f;xX,e\x97\x0b\xa5x9\x97j\xf7;g\xc6/&gt;\x98\xee\xb4\xf7{\xbdV\xefB\xef\x00\x00\x08KIDAT\x1e\xe4\xebZ\xbd^\x0b\x11\n\x85\xf4\xfaSj\xa0\xea\xdfZ\x85.\x19m\x94\x04\x9d!?\xcf\xe0\x08\x0b\xa7\xdb\n\x99\x88\x8bgu5:\x9eWM\x19\\K\x05\x123\xe7\x12*\xb6\x9c\x93p\xb9`\xb0\xf8\xb3\xa0\xa6"K\xd5\xe8F\xf2\x87|\xc9A\x92\x833N\x8be\xe6A\x7fg\'R\x92\xc7\xa3\xd7B\x0b\xc1\x0fpA\xb3k\xbd\xeb\x8f)1\x05\x19\x14\x08\xa4ry1\x85\x13\x18\x86I$ \'s\xcaQ\x19\xc9U\xa3\xd1\xcd$\xf8\x97\x8eU\xf1\xf9L\ngR\x99 \x1b\x9cH1\xd9\xd1\x97\xff\x88\x0e\x06%\xac+RL\x16\xcb\x8b\x19G\x1bM\xd0\x03\xb7,&amp;K\xd8\xe6\xec\x07,#\xd2w\x081\x9d\xd2\xfa\x94\xa1\xce\xae\xae\x90\xfa\xd4\xfa*\x85\xcc\xbd\x16,M\xb9\xc0\xe0\x18\xe8[\x82BF`\x12\x9a!I\x86!\xcd\\v\xa3\x98P\xe9t\xaaH\xb5\ro\xab\xc6U\x86\xf8\xe6\xb2c\xf3\xe5\xa1T\xf9x$\xb9\x99\xab,p\xa4\x84\xa4\t\xc9\xd7\x93\xfeV\xbf\xc5f\xd2\xeb\x0f\xe9k\x01R\x03\x96^\xdb\xd8\xa5&lt;\xd6\xafU\xaa\xddO\x1e#\x17EE\x08#\x87`\x8eDaB+\xc2\x89\xda\xdak\x1c\x87\xfb\xe8\x1eN\xb692A\x9d\xa6\x89\xcf\xa4\x98\xfa\xe5\x8c\x8b\r\xba\xe6\x99\x97\x9c\xef(\x0c\tH`6U\xcf\xd4\x938!"i\x8c\x8c\xae\x01\x96\xc9d\xf2z\x0f\x9d\xaa\xa5\r\xc9I\xef\xf3u\xa9\xed\xc7\xecZ\xeb\x13\x16\x9cA\n\xf9\x83&gt;Z\xa1\x80\x14\x8ap\x1c\x7f\xb6\xb5\x0c\xb0a\xe8\x01bD\xfeEf\x8b\x06\xb9\\\x13\xc9q(`K\x05\x0e\x7f)\x9d7%2\xb9e\x92\x01\x87\xa11\x11\xc3\xe08M\xe3\\rm\xa6\xcf\xd4\xd8g\x02\x93\xd2*C!\xa8&lt;\x9fO\xd9\xe5\xd3\xdaCju\xe7\xfaZ\x07\x05\xce\x00\x1d\x9dP,\xa34\x91e\t\xa2\xaa\x85\xa7\x86\x02*\xc3\x88\xed\xfd\x8bj`\\4/\xa74\xaa\xb2\x19\xa3\xcd\x8c\x04\xc3^f*\xed*e\xdb$\x12FB\x10\x80\x83\x03\x9b\x88!\xe9\x8a\xe2\xe9y\xaf\xf1C\x18\xeai\xbb\x94\x00\xa5Vvu)\xe1P\x87\xecHV2\x18\xf5\t\x91\xbbC\xb0d\x89\nhj\x1b\xa4\xb6\x1b\x0fP\xe15*\x04Y\xdb|\x80\x90T\\2J5\xba\\\x93\x1e\xfe\xff\xa2E\xb1\x89$\x04\xca\\/\xc2%4F\xe0\xc0&amp;"\x19\x9a\x91pEq\xb2w\xc6x\xf5P\x1f(K\tM\xadF7@S\xab\xfb\x9f\xac\xcaP\xe7\x8c\xa4\x85FY\x8b#\xa2g\x19$\xb6\xdbv\x06\xff\x8b\x85\x9e\xc7\xb3.v\xc3\x0c\xcf\x8b\xe0xq\xb4\xa4l$\xd7\x86\xe1\x0cM\xd6K0\x11-\xc1\x08x\xd7\xf0\x10\xd4\xe5H(\\\x97\xce\x1b\x87\x0f5\x1a\x01\xab\x0ba\xa1\x8b\xe7\x95&gt;\x9fv\xfa\x89\nE\xaaV\x82R\x8a\x92\xf19\xe8c\x10\xc76\n\x86\xa8\xf0g\x19|\xde0\x91\x88\xc8F\xeb\xe1W"\x11\xfa\xcb\x17Q\xc9\\U\x8e\x16A\xc6\x18\xc0\xc2!\\"\x0c\x97@\x91\xc3\xff\xa3GT\n]\xee\xd3&gt;\xe3p\xe3\xffPA\xf3y\xd3k\r\xcfKP(\xa4(y\xbeJ\xa2\nD4\x18\n\x18\x8e\nf\x9b\xf0Y\x01\x00\x86\xa8\xd6\x03\x00=P\xa1\xf6\x02*y\xb9`63"\xac\x86E\xe3\x10-x\xf13\x850QJ![\xfa\xe8\xb7\x1f\xfez\xd8\xe8\xd3ng\x10\x8e\xae\xab\x1e\xe4\x0b\xe2\x9a\x87\x82\xda)\x99\x0c\xdc\x1d\xde\x12zY\xed|\x10\xa9\xb6\xdc&lt;\x87N\xfe\x9f5\xf5\x90\x08\x11\xf0\xa2\x13\xd4\xea\x15\x7f\x91\xb6d\x91,\x07X8F#\xeb#\x99\xe7\xe5\r\x1d+N\x90\x9bT\x035\xda{\xf1P_\x9f\x11\xf5\x7fje\x08Q\x1d\xb5\xacu\xa0\xf1\x82\xb4\xd6\xe7\x80\xacd\x9a\x8c\x19N\xb6\r\x04\x07H\x94\xcc\xfe\xbb\x8e+\x06\x8d\xdc\x88\xa2,X`#\x04\xa3\x15\xa3&amp;#\xa1!\x16\x13\x81\xc8$\x02\x17\x82\x14G\xae\x08\x0c\x84\xc5E\n\x11\xd8,\xa4\xddk\x83\x8a\xab\xec\\g\xd6\xac\x8b+BX\xb2\x1chqc0\xa40l\x17\x021\x8b\x9d\xc2\x9d \xa5ac.v\x15\x08\xe1\x9a\xbc?\x8a\x93\xc6+\xdb`\x83&lt;~\xf3\xfe\xfb\xef\xfd\x11F\xabb\xbe`\xff\x95p\xdb\xe1\x90\x05\xea\xc8Qk\xdcD\x8cm\x86\xd5\x9f,\x84!X\x0e9\xf2\xe2\xb0\xdd~\xdc\x1f\xca\xe0\x88\xab~\x1e%G\xdf\xce\xf6^\xee\xed\xc1\x18vw?\xdf\x1d\xcf\x9e\xffp+\x11\xcd\xa4,x\x1dd\x15\xeb\xd5\x80\xac\xa1\xd7q\x00\x05\xf9~y\x8d(&lt;9b\x8f\xa8H$\x1dYV\xec\xb8\x07\xd7FX\xfaA\x18#`V\xa0\x98\x1d\r\'\x95\xd3\xeb|\x99V\xf2\xcd\x12b\xce\x97\xdf\xd1\xbf\xcb\x8f\xc7\x16\xd7\x07\xcf_P\x08\xda\xb4\xd9\xb2\x1d\x18+\x9d\xccKb\xb9g\x91\x81vLW\x97+\xa4t2\xf99\xecYX.\x13\x82\xd3{7\xac\xd6\xb1e\x1f\xd0\xfd\x8d\xb0\xce/YU\t\x06y\x96\x17\xd7\xe7\xcd\xbc\x87\x15\xfd\xc7W \xf9\x8bQ\x10y\x9e~\xf7l6\x1b\x8f\xf7\xe8s\xf6\xd3\xab\xb7\r\x99\x15\x01\xb3\'U\x0c\xa2\xd9\xf9\x9aS\xccP]\xd0;\x9c\xfb\xa18\xecf\x87\xe1\x9d\xa0\xd5`\x9f\xa8\x08\t\xcc\xf6\xaa\xe5\x93s\xbeQ\xef\xc7\xa1\xa9*(\x9e]\\\r\xeb,9\xc4\xfd!\xc8\xee\x80\x85\x87*\x8e\xbc\xc0\xbb}\xf55\xe1\x1a\xef}\xfc\xe1gon\x15\xc4\xde\xcd|\x1e\xca\xa7u\xa6\xd5\x01\xc4\xbd\xdd\x8d\x0e\x9c\x11,68\x01Wv\xa4\x19\x10G\xbe0\xcc\xb5\xba\xefY?\xb3\xa0\xc2M\x99\xb8uz\xc1\xcb\xaa\xc28\xbb\\\x8d\x924+\xceB\xee\x924;}\x99\xe3DE\x81\xe7\xe5o\xbf|9\x9b\xcd^|\xff\xd1\xa7\x7f\xff\x99\x93\'\x80\xa9\xc0\x8b\xa4TYF\xc0\xd6\xdc\x87\xa7\x90\xa98HS\xec\x8c\xddwd\xe9d\xd8b)\'48\xa1Q\x1f\xd9\xaep]\xc2\x14n\x84\x15\x1dT\xac4\xa6\xbd&gt;\xcf\xe8\x11KV_\x94\x0c\xf9\x83\xdc\xa1-\x8a\xbb\x9bQ\x16E\xa0&amp;\xbf\xfd\xe3\x93\xaf~\xfc\xe2\x97o\x90\x818N\x01\x18t\x8e\xfai\x8d\x12\xaa\xec\xa0r\xdc\x1e5\xa2K\xfe\x82\xe1\xdd\x9fN01\'Y\x92\xa4\xf3\n8xi\x84c\xdb\x087\xd1\xdc\xd3\xa1b\x1b`e\x87\x82\x89r\xb0,t7D\xde\x0c\x8c\xe00{p\xe6:\xed\xd5\xcdp2\x8a\xa3 \x80\x96\xf6o\xdf\xfd\xfe\xeb_\xa7\xb1\x8d?\xcae\xa9\x80J\x12\xb4\xa4&gt;+]\x9f\x08Fm\xb0)8\x00\xbbO\x93\x04\xa8F\x85z\xa8\x9cm\x8e\xb6\n\xff\x1dt\xd0RTA2#&amp;6&lt;R&gt;\xbf\x04,\xf3\xa0\x9b\xcc\xe2\x1a\x1dOKC\x19\xc4`y\xe1\xc3\xea\xb7\xc9\xa4nr\xcc\xe9\x00\x86(?U\x9e\x07\xaf"P\x91\x8c\x15.t!89\x98Z\xcfB\x10C\xf8\x0ei\xb3\x1d\xee\x17IQ\xd4\x85\x94G\x0c\x96XV\x86\x93\xf0)t:T\x80%\xc4\x06X\xd1\xd2\xc0\xda\xa7\xaf\xa5F7\x01Y\xfdP\x82\xed0\x14\xa0\xcb\x1f\xd4\x05N\xea5N\xc1\x115^\x1eK`\xc27p\x8c&lt;\xa7\x12\xe2\x8b\xba0U\x0b\xa7\x1b`z&gt;\xfe\xa6\xe3b2\xba/t\xa3\x8b\xa2h\xbcz\x00\x9fB[\x95\xe4YP\x1f\xe7V\xeb\x1d\xaar\xc3\xd0~G\xb0\xdac\xec\x9b\xfa\\\x</t>
        </is>
      </c>
      <c r="M173" s="3" t="n">
        <v>45492.67899305555</v>
      </c>
    </row>
    <row r="174">
      <c r="A174" t="n">
        <v>783490</v>
      </c>
      <c r="B174" t="n">
        <v>1984</v>
      </c>
      <c r="C174" t="inlineStr">
        <is>
          <t>Marcelo Hermes</t>
        </is>
      </c>
      <c r="D174" t="inlineStr">
        <is>
          <t>M. Hermes</t>
        </is>
      </c>
      <c r="E174" t="inlineStr">
        <is>
          <t>LE</t>
        </is>
      </c>
      <c r="F174" t="inlineStr">
        <is>
          <t>LAT</t>
        </is>
      </c>
      <c r="G174" t="inlineStr">
        <is>
          <t>LE</t>
        </is>
      </c>
      <c r="H174" t="n">
        <v>177</v>
      </c>
      <c r="I174" t="n">
        <v>22</v>
      </c>
      <c r="J174" s="2" t="n">
        <v>34700</v>
      </c>
      <c r="K174" t="inlineStr">
        <is>
          <t>Left</t>
        </is>
      </c>
      <c r="L1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76804b52-0028-4663-8311-50f71c28aa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9d\x82O\x00\x00\x00\tpHYs\x00\x00\x0e\xc4\x00\x00\x0e\xc4\x01\x95+\x0e\x1b\x00\x00\x03\x00PLTE\xff\xff\xff\xfd\xd66!"\x1c\xfd\xd8:&amp;\'")*%\x90j4\xff\xfe\xfe+,)$$ \x8df0\x1c\x1d\x18/0+/&amp;\x15\xd3\xb2\x97\'\x1f\x0f\xf6\xc7*\xfd\xd35\x95m7\xfd\xda?\xfd\xd6&lt;\xd1\xac\x8e\xd3\xaf\x935*\x18\x98p=\xfd\xfd\xfc\xf1\xc2&amp;\xc7\x9dyM&lt;$\xfb\xcf2-"\x10--%;0\x1e\xd3\xb2\x9e\xc5\x9bu\xcc\xb3\x9c\xc9\xa2~\x9cuA\xfa\xc6,\xeb\xb5!\xb6\x8a^\xfb\xcb/\xde\xca\xb3J7\x1c\xf8\xcb-Z@\x1d\xc8\xb0\x99\xd2\xb9\xa2\xf7\xc3)lO#sZ6jL-\xfa\xf9\xf7\xcd\xa8\x8e"\x1a\x0cvV+\x16\x17\x11&lt;,\x17C3\x1d\xd5\xbd\xa5\xa6\x83SA0\x15\xc5\xac\x94S?%`F\x1f\xcd\xa5\x81\xb8\x8eb\xc1\x93iS=\x1d\xd0\xa9\x88\xd6\xb8\xa2\xb2\x87Y\xd6\xb5\x9b\xc9\xa9\x89F3\x14\xcc\xac\x90\xde\xce\xba\xda\xc6\xaf\x8bd+\x84c,\x86d6\x82\\-\xae\x82S\xaa\x87Z\xbd\x9e\x7f\xcd\xb1\x94wR"\xc4\xa0|\xc1\xa6\x8a\xbb\x9bw9(\x0f\xb3\x92l\xd8\xc1\xa9{X5hH!\x8ai6\xc8\xa4\x85\xbf\x97rA-\r\xc4\xa8\x90\xb6\x97q\xbd\x90e\xd1\xb6\x9e\xbc\xa1\x88\xff\xff\xfe5#\x0b\xc4\x97o|\\)\x9fzS\xe9\xaf\x1e\xab\x83c\xf6\xbf\'\xf1\xbc$\x95oD\xf1\xef\xeb\x81]9\xc6\x9f\x85\xf0\xb7#YC&amp;bM5nS-\xaf\x8eb\x9emA\x8abGO:\x11\x9fyGU=\x13_E\x13\xe7\xe4\xde\xa6{IbE%\xa9}O\x80cB\xf7\xf4\xf0\xa2sE[H-\xa2~L\xd1\xad\x97lO\x16\xbc\x92j\xcd\xa4\x89\xad\x8a`cL(\x8fhAR5\x19\xe3\xb1\x1e\xb1\x9b\x88\x92mP\x99i=\xa4~]\x97uMu\\A{`:\xb1\x8fg\xeb\xbe$jV7\x8a_8\x91n&lt;\xe7\xb7 \xc7\x9b\x7f\xd1\xc2\xaf\x95c:K2\x11\xb6\x97\x7f451\xcd\xba\xa1tP3{\\\x1c\x9d\x7f_\xd8\xc9\xb7\xe3\xdc\xd2rW \xe3\xd3\xbe\xed\xe9\xe3mQ;B8%\x94\x80h\x80lX\xac\x89m\xbe\xa6\x93\xdd\xa7\x19\xc0\x99l\xaa\x91w\xe6\xaa\x1b[6\x1a\xa9\x94\x82\xca\xbb\xa9{gL&gt;&gt;;\x88nF\x9eoQn:\x19\xa8\xa8\xa7\xf8\xd27\xb9\x8brSSMFGF\x88p\x1fwH efd\xf0\xb1!\xad\xa3\x91\xbe\x96\x86\x98\x98\x96[[Zrqm\xdc\xc8\x97\xd0\xc9\xbe\xf6\xd1CQG/\xa0\x8bz\x9f\x86n\x8ft[\xdc\xdd\xdb{{x\xf9\xdcS\xd2\xd2\xd0\xacva\xba\xb7\xaf\xda\xd4\xca\xe6\xbb:\xd6\x9e\x16\xc5\xc6\xc3\xdf\xc5y\xb9\xb0\xa0\x83\x84\x82^70\xf8\xf3\xda\xd5\xbe\x86\x8fY3\x8c\x8d\x87\xf8\xe5\x88|LJ\xd2\xad!\xe2\xbcO\xf2\xcfblYF\xb0\x7fq\xee\xca7\xe5\xd0\xa6\x82N.p?6\xc0\x9b!\xf9\xec\xac\x9dsd\xf6\xee\xc6\xa8\x82\x1d\xd9\xb77\xec\xcaF\xeb\xce\x81\xc5\xa24\xfb\xe2h\xdc\xbac\xa1\x8c0\xde\xa9&lt;\xcf\xa5[r\xdd\x82Y\x00\x00 \x00IDATx\xda\xcc\x98]OZk\x1a\x86=be\x98\x84\x03\x13\x18\tfg\\\x83\t\x19\xb2\x9c\xac\x85\x84t\xab#"\x08\xc2\xaeK\x14\xc5/&gt;\x16\x05\xdd\x02!\xf1#\x14\x15\x01\x95j\xf9(\x9a\xba\x05\x0c\x1a[L+#\xa3U\x1bI\xab\xe1h\xd2ILf\xd2\xec\xads2\x9e\xf8\x03\xfa#\xe6y\xa1;\x99\x1f\xb0\x97\xf6\xc1`LL\xb8r\xdf\xf7\xfb\xdc\xef\xa2\xa6\xe67\x19\xec\xff\xde\xbf\x99\xc1j0a\xb3P\x88a\xdf\x12\x19\x865G.^\x96J\x1f\xef&gt;G\x9e\t\xbf\x19.\xe1\xf4\x85\xb7\x18\x0f\xc3X\xb3\xa5WG\xcd\xdf\x84b\x98\xf0\xb6@\x86\xc3\xf1\x03\x98b1\xee)4E\x84\x0f.\x94p\xfa\xb6\xa9\x1c\x8798\xf8\x04\\\x9f&gt;\xd1E\xdb\xdc\x0f\xd3\x0fk%\xf6,\xf2\xaad\x03\xa8"\x08up@{\x0eh\x8e\x87nl\xed&gt;\x9c\x16&gt;\xa4\x7f@\x95-\xc6I\x8a\xf6x&lt;E\x0fm\xa3\x0f\x8a\n\x8a\xb6=?o\x894c\x0f\xa6\xd5\xed5E*\xc3a\xd2J\x92\x81b\xb1H\xf7zl\xbb6E\x80\xca\xb6\xce\r\xfc\xfd\xd9\xc3p\t\x8f\xdeg\x01I\x19\x86\x97\x92 H*\x9b\xcdR\xa9T\xb9\x1cH\x05z\xd3\xfd\xdb\x8f\x8f\x1e"a\xcd?\xa0\x03\xa8\x0c\xc7\xc9p\x88P\x12\xeaG\xdf=j\xcf=\xf5\xfb\xa5\xcb\xb2e%E\x95\x9f\xb7\x0e\xbf\x8a&lt;\xc3\xee\x95\x0ck&gt;j\xb2\xc5\x8b\x10v\xd2\x1a\x0e\x06A\xad@\xc0_\xff\xa8M*U\xab\xf5\x1b\xc4r*@\x96\x9f/\xee\xf67\x1d\xdec\xc4~\x14N\xff\xed\x9a\x84\x9d\x10\'\x95\x84\x12\xfd(\x89\x14EQ\xb2T{\xbbZ\xaa\xd6\xab7\x88\x14!\x0b\xf4\xdah[\xe1b\x1a\xbb\xbf\x03h\xb2\x85A\xa9p(\xefp\xe8\xa5R\x7f \x9a\xa5 \xe8T@\x96\x92\x11j\x82 B\x106+\x91Je\x03\xd9\xab\xc8=E\x0c\x9b\x9e\xa0\xa1kB\xc1P&gt;\x1fT\x06(*\xe5_NQ\xd9\x80\x0c\xf4\xfa:\xcbV\xab\x15\xf2\x96W//\xa7Nn\xef\xc5H\xe1\xd1\x10\x1d\x0f\x85BAT\x82\xf0\xe1\xed\x1b\xd2|~\x83\x00(\x10\xcc\xf2\xd6\x12\x9d\xc9Z,F\xe3\xe0?\xad\x1f\xf2\xf9|HM\\^\xdcG\x81G\x9c\x1e\xa4\x14\xd4 i%&gt;ll\x80i\xcbVP\xe8\xad\xc5b\x99YXXHon\xa6\xa7\xe6W\xe79F\xd2\x1a\n:\xf2\xc1`\xee\xeap\x9a\xe5\xb5\x8f\x1d\x8d\x1e\x04\x83@\x15/\x16\xc3\x1f\x08\xa5\xd5\x8axffvfv\xd6\xd7\xd77\xd3\xe9-\x9f\xcf\xd7\xaf\xd5j\xfbVV9\x1e%\x84\xcf\xe1\xc8\xa7\n\xef_F\xd8\xa5r\x16C\x88*\\\x8cC~HR\xa1\xb0\x00\xcf\xeb\xa9\xa9\xd5\x95&gt;\x9fo{\xd4\xc98\x19&amp;\xe1r\xb9$\xda\xbe\xa5\xd5\x1d\xc45\xe9\xc8\x93\xd1\xc0\x85\x90\xcd\\\x95\x80*\x8f\xc4\x82\x955\xa8P(\x8c;\xebS\xab\xabK+}\x12U\x82aD"\xb3X,\x16\xe1\xeeNW\'\x90IV\xea\x14j\xc7\xe4\xa4#\x18V\xde\xb1\x97/\xec\xe8,\x0eq\xd1\xa3`\r\x02\xd4 P\xfd\x042\xf5i%\x12\xd79.\x12\x89;::\xc4b\x1cw\xbb;\x81\x0cI\xb6hYvL\x8e8\x82\xa1_&gt;\x1f\xb2\xa4\x97\xb0\xb9\x89D\xab\xaaJ58h4\xee\xbc\x06(\x89\xab\x13\xc6\x8dW\xa0\x00K\x04\x83\xc8\xdc\x9d\x9d\xc0\xb5\xb2\xe0\x1f\x19q8\x82\x97\x97,\xd9\x88a\x87e\xa0\xd2K\xc1BO\x95j~\t\x84\x02*\x97\x1b\xc7\xc5\x1d\x1a4\x1d\xe2*\xdaW0\x95\xa4u\xc1\xef\x18\x01\x1fs\xafX\xda_\xcd/\xc3\xfa\x91\xb6\xb6 \xd2\x8a\x1c\xf4\x18kW\x97\xfa*Xn\x11\xa0\x00\x12\x1f\x06\xde5\x08\xac\xa3\xe2\xa5;\xa1\x92\xf4G\xdbA/e\xe6#;\xb7i\xec0\xaa\x9flk\xd3W\x1d\xf4\xf4\xd6\xa1\xa4kU.7\x98&amp;N\xca\x01I\x80\x86\xa7\x13\x00[E2\x1c\xf9\xe8\x92lQR\xb0\xd1Q\xff\xcb4+\xb7\x86+%h\xa5WV\xa9\xb8u\x8d\x15\x07\xcf!T"\\\x8c\xa4\xaaB\xe9t&lt;\x1d\x8f\'\x00\xb6\x0e\xc4\x95H\xb8$^\x99tdr\xb2\xed\x84\x8d\xda\xc6"\x97\x0e\xc0\nU\xd3\xce\xad\xadC\x0e\xaa\x12\xe78n\x16\x9b\xed|9_\xc0\xe7\xf1x]]]\x00\xc5\xd3u\x8du\xf1\xf8U\xbd:Us\xe9\xb5\xef\xdb\x1eM~9d\x03\xebv\r\x05\xcbzp\x00T\x9c\xda\xba\xc5\xa5\x15\xad\n\xb6\x02,*\x08\x16x8 @8-\xf0\x82i\x19k\xd1\r\xc8A/F\x95p\xa9\xb6\xa3\xf5\xd2z"s+d\x03\xeb\xe7\xb6\x11\xbd\xd2c4\x1ai.\xa7\xb1\x11V\xc3\\\x027\xc3\x00Y\xb2[\x0eQ\xe7\x0f\x80\x87\xe3\xe3-ccc\x8f\xff\x0cr\t\xe4\xf6=&lt;\x016&amp;^P\xfaG\xc1\x9b\x08\x0bj\tA\xad\x11)I\xd3\xdc\x1e\x1a,\\\\Y\xe9W%\xa0i\x18\x06m,$Y\x87\x86/\x80P\tt]]c\x8f\xc7\x1e\xb74\xc4\x0c\xdd\xc0\xc5\x00X\xa2\x90\xaaoS\xdf\xb1\xb0"\xb0\xcfp\xce\xf5\x01\xba\x87\xcb\xe5rj\x1b\xc1B\xed\x0b\xed6\x03\x95\x83\n\xc7\x0ck\xab\x03\xc5\x9e\x07\x11\xd3\x8d\xff\x05L\xec\x1a\xe7\x19\x92\xb3{"\x1c\xfe\x85\xd9.\xfb\xdb\x83\',\x1cE\xe1\x9d~DO(\x10\x15\x97S9\x86(\xf1\x15\xad\xec \x96F\xd3\xadA\x99\x07,\x81\x0e\x90\xc6\x1b\x1ab\xbcX\xd2&gt;\x0br183&lt;\x97\xf3\xfb3\x91\xdf\xfe\x91\x03\xb0\x1c\x10\xad\x1e.\x07a-\xa2\x9d%q%\xe0\x13q8o\xa8x\xd0&gt;\x85\r\x01\x11\x03\xb9\xe0&lt;\xc6\xe4r\x83\xdc\x8e\\\xc4\x19\xf30\xc8\xa5\xce\x1d\xb2\x80u\xe5p\xa8IH\xfb\xafXZ(h\x15\xc4\xc6\xedRu\xa2\x03Y\xc9\x16_\x93\x84\xdf\x90\xfc\x06\x1d\xe8&amp;\x97w\'\x81\x0bv\xc8\xf0h:\xd7\xce\x12\x96^Y\xf4\xf4p\x10W\xed\xe2\xf3\xca\xc5A\x05\x15\r\x1d\x83\x7fm\x1f\r*\x1f\x8d\xe6\xebV\x85\xf4\x1b\xe4|\x83]\x04z\x0eo\xa7s\xac\x98\xd8|\xa5\x0f*\x15\x1e\x9a\x8b\\\xac[\xac\xb8\xa8\xaa\\\x1c\xc4"\xf1\xaf\x8d\x08b\xa1\xdc\xa3\xe8\xf3\x041&gt;\xc8%\xe7\'E\x0cn\xc6\xb7\xd3\xd4r\xe6?l\xa8\xa5\x0f\x91\x1eO\xc5E\xd8\xa6\xf3K+\xc0\xe5bp\xe0\x121"M\xb5\x10\x11\x19\x92\n\x16\xab\x0e\xfd)O&amp;\xe5\xa0\x96\xd9|&gt;\xe7\x8d\xca\xd811\xa8&amp;\x8b\x15,\x8e\x8d\xf3\xd3\xfc*\\J\xb5\t\x84\xb5\xb7\'\x16C\xf7\xa00U[\xb1\x0b\xa8x\x95\x86\xac`\x89\xedb\xf3\xb9\xca[\xa6r\xb7l\x9cD5\x81\xb0`\x97\xa2p\xd5\xcd\xcf\xaf\xaeH\xd0J\x12\xed\xd9\xbb\xe51\x83\xa1\xab\x018\x90L\xba\x18\xac\xd4\x86X\x0c\x89\xd5\x9dL\xda\xc5b\xbb\x99\xd9\xdeJg)\x16\xb0\xb0;)\x11\xa8\xa8U[\xcb\xe5\xee\xd6\xd6\xeeN=\xef\x7f\xf1bn{t\xd8n0\x0c\xc4x\xe3&lt;9_\x87\xca\xba!\xd6\x80\x86g\x90\xcb\x93v\xbb\x1d\xedZ33\xd7\xef\x8d^\x1e\xb2\x82\xa5N\x01\x16\xa7r\x149\xb5\xbb\xbdY\xf4\x88\x1f\x08P\xd1\x82\xd3\xd4m\xe0\x8d\x1b\x92|T\xd6\x03\xdd&amp;\xd3\xd0\xfe\xd9u\xc94;;k\x9f\x9d\xddCX\x89\xfe\xfet\x96\r\xac\x9a;uPY4V\xb6&lt;\x98\xc8Q(\xd5j\xbd\xa3M/m\xf7\xcbf\xbcg\xa6\'\x03v1`\xfd\xc9`\xf2m.d3\xb9L\xb4\\\xb8.\x14L{pK\x84\xc8\xf7{\xcb\xb9S\x16\x16D\xcd\x85\x1f\x16\x04]\xa5z\xbd\xabP\x13)Y\xea\xe9Z\xbbT\xedO\x05f\xa6|\xb3v\\\xc4\xe7\r\xc4f\xcf|\x9boekk\xfe\xf6\xb5\xa7\x99L\xe6\x06J\x11\xee\x89\xe7Z\x84u\xc4\xc2\xd7G\x9fSAB\xc1\xed\xe9\xe1B\xffp\x14)Y4]\xb8\xbe.\xdcD)\xca\xa2\xb0\xaco9\x87\x19\x9c\x0f\x8dc:\xf3\x15\x16\xa2\xc7\xc7_.OOOo.\xa3&gt;3\x03w\xfasUk9\xc7FU\xd7\x00VHA\xf7\xa0\xe1\x1aI\xcb\x82wntxbb\xff\xac\xb0Y\x86\x87\xfd\xa9\xd6D\'`\xe9\x0c&amp;\xa7o\xabpss\xf2\xf1}S\xd3\xfb\x89Ras\x94\x81\x1bjB\xe5\x8d\xe6&gt;\xb2\xf1}\xea+\xa4\x16\r\\\\\xaeq\xd0c\x9bj\x1d\x1d6\r\r\r\xbd\xdc/]o\xce\xcc\xac/\xaa\xdcnT\x86\xf6\xd1-\x983\xd3P\xd3\x9b\x967MO\xf6\xb7\xb6\x18x\xc6\x06\xac\xec\xd3+6\x1e\xc9@-\xa8j\xa4\x15\xadP\xf4\xda\x1a[\xfbA\x96\xc2\xc9\xcd\xe9\xcd\xc9M\xd4\xd2[\xd7\xd7)\xd2\x08t\x02\xf3\x99\xd7\xeb\xdd\xf2\x9d9\'\x9e\xbcy\xd3\xf4\xd7\x893/s\x0e\x0f@H\xad\xff\xb2\x80\xf5\xe3-\x15\x0c\x92\x15\x0b\xe9A\x9a\xbb[\xb7&gt;\x93\x8dF!@_\x8e\x8f3\xc72\x8bmU\x82k\x04\xfc$:\x88\x16Kt\xb3P\xfaX\xda\xef\x1exb\xf2m3\xe7.\x97*\x9d\xc9}f\xe1{\x08\xec\x96R\x87\xaajqh\xda\xd6K\xcad\xfe\xef\xff\xf0\xc7\x9f\xdf\xd5?=&gt;\xf6\xa7,\xbd\xf3Z\xf4\\6\xbb_\x98\x91-\xbf\xcdP\xd4\xe9u\xa9\xe4s\xda\x87\x9dN\x84\xf5"\x9a\xfb\xc2\xc2\x92\xaf\x11\x1eR\x04t5\x1cD\x0e\x87\xf6x\x94\x84T\xfa\xee\xdd\xef~\xff\x8f\x7f\xfd\xfbK\xfd\xf1\xdb\x80\xe2\x7f\xb4\x9a\xefOZi\x16\xc7\xe7\x957\xf1\x85\x9b4\xd1\xc5H&amp;\x83\x96\x84\x0cA\x03\xb7\x94\xd1j\xb1Hk\x91\xe9, J\x95\x82Zk\x9d*\xb9\t\xbdD\x98{\xabS\xaf\x88\xbd\x11\x85\x0c?.\xc6K(\x92\x10\xa73:S&amp;m\x9cq\x85\rML\x86M\xd3\xd4v7a\xe7\xcd\xc6\x84\xc4\x17\x92\xd8\xc4?`\xcfC7\xd9\xfd\x03\xe0Q\xdf\xf8\xea\x93\xef9\xcfy\xce\xf7\xdcc\xf0I\xc0]_O\x8c\x10\xb4M\x16\xec\xea\xfc\xf3g?\xb9\x9fo;6&amp;FZG^\xf4M\xad\xc5\xdc\xcf\x1f\xd7\xc4\'*\x1e!,\xa0\xaa7\xce\xda\x17\xb6\xa4n\xf7\xdbWo\xdf\xbe\xfe\xfd\xf91c0\x18yJ\xd2\xd7z\xf1Z"a&amp;\xd2\xc7\xbb\xee\xb7_\xfc\xf5\xd5\xab\xd3\xdd\xa8C3b\x19\x99\xe9\xd3\x0cz=5\xb1\xaf\xcd\x0f\xf7\x17\x1e\xc9\x91\xc3\x80\x18\xce\xca\xed8\xc7\xed\x9fBq:::\x87d"\x8du\x94\xa92\x8cH\x8cgB\x1cwz\xfa\xf6\xd5\xe9?\x8fN\xf1\xe8\x06\xc2z1\xd5\xed\xf5\x1c\xd5\xe2"6/\xbf_\xd0\xcaQf\xd5\x8d\x19fI\x83\xe1 \x14z\x1fz\xbf\xbd\xbd\xed\x08\x05H\x03\x9f\x04\xac\xd6\x8b\xfek\tW*\x12\nA)}\xfd\xfa\xefG\xe7t\xa0\x7f\x02\x9e\x1e\xc0\x8a)\xfe]u\xf7\x8a57c\xcd\xef\xbe]\x90\x83Xq\xa73n0\x8c9\x9dQ\xa8O\x04a\xdd \x1c\x81@ \x99\x0c/A\x85\xf0\'\x12.s&amp;\x92=\xdf~w\xf4\xeb\xd1Q&amp;\xb3F\xb4\x8e[\xa0\xc8;\x14\xdc\x1b\xec\xebj\xa7\xfbt\xea\xeao\xdbr\xc0\xfa\xaa..\x16\x03X\xdc9\xef\xe8^\xbbgv\x99\xcd\xd6H\xd4\x19\x06,\xd3T\x8b\x1faMN\xa7^f\x08"\xf325m\x9e\x1e\x1f\xb1\xe8.\xb6NI\x1c\xde\x83g\xd5\xad\x0f\x18\xb6\xd3\x1f\x86S7\xfb\xad\x1c\x12\x1e\xfa\xf8y\xa7x\xfeI\xf7\x9au\xc4\xe2r\xc1\xf3\xe3\x10\x0b\x00\x8b\xea\xefk\xb9\x86\xb0\xf4W\xa7oO\x02[\xcalvM\xde\xb6\x8c_\x1f\xb7\xf4As\xfa\xf2a\xb5\xb1\xbe?&lt;\x0c\xfb(A\xbd\xfd\x07\xe8\x01\x81\x08N\xf7\xe07Vx},.\xb3u\xf0\x898\x1cFb\xcd\\\xab\x04Q\xd9pu\xb2\xbd\xe3iG\xfb\xd5I=\xd8}]\xa3\x0e\xb0\x9eD\xdb\x96\x97\xab\x9a\xf3\x18\xd6\x96\xcb\x9dQ\x94\xe0\xc2\xb0\nz@\x81x~\xb1{\xb0\x1f\r\x91\xd0\x04\xc2:hZ\xa4@\xcbJ\xd9jl\xf4C\xeb\xc7\x8a\xda\xdb\x7f{\xfa\xf4J\xc7\xfd\xb6!\xbdR\xdf\xa4\x83 F\xad\x8dl\xd3\xe7\xcbU\xcd\xad\xdb\x80\x15\xbe\x90\xac\x1b6\xd6U\x8c\xfe\x92I"A\x9ez\x15\x1e\x95~\x93i\x11\x89\x05X\x17\xaf\x83\xdf\xf1\xbb\xfc\xca\x86\xfbmmW\xee\\\x01\xae\xfbC\xfa\xc6F]K\x9f$\xa2g\x95\xfe\xd6;\x97\xaa\x99\xf5\x85\\\x8e\xa7\xc2\xc9\xfaYce\xfe\xf0\x04,\xb5\x04\x8eF\xa3\x91T\xbeW\x00\x15\xe5\x93\xb4\x8c7\xde\xf9\\\x04r)\xd9\x9b\xa2\xb6\xb6\x8e\x0e\xc0j\x18\x02\x0f;\xde\xda\'Y\x13\x89\xd8\x89d_U[\x1b\xa4V\xb2\x94\xacW\x19\xa1j]\x10\x80\xa5\xee\x87 j\x10\x1a\xc2\xa2 \xdf}\xd4\xd2\x84_\x7f\xe5\xcb\x0e\xc0\x02\xb9D7\xd0t\x04\r+\x1b*X\x1a\xab\x92u\x15K3U\xc4\xc2\xb0\xf6\xc3\\)L\x95\xbeR\x19\xeb\x10\x96\xf8\x89\t\x8e\xe4#\x97ii\x91\x02*_8L\xb4\xba\xf4\x1d\x93.?\xa8\x05\x86\xe3\x06X d\x16\x1b\x9a\xa0@\xcch2\xfe\xc9I"\x99\xa8*\xd6\xd3\xc3\\2\\\xca\xc1\x0b\x8d\xec\x18\xdc\xc5n\x93\tMF$S\x10\xc5\xa5E\x88!D8\xe9\x93\xac\xb6\xc2E\x04\x87\xcfV,\xd9\x7f\xe7\xa8C\xd7Zff4V\x97\xa8\xa3L\xddh\xae&amp;\xd6\x8fggT)\x97\x13\xcc\xaa\x90\x15\x83\xab\xb8T\x99#AniPj\xf1\xc9\xe4\xe1\xe8\x9f\x82&lt;\xd8\xec\xfcy6\xefR\x02\xd3\xcd\xffa\xe9ZZ\xfb\xd6\xac\xfe6\xb6\\\xfc\xb1\x8a\x85\x1e\xcai\xb6\x94&lt;\x03,\xe30\xbc\x89\x08k\x11\xb0 \x8aS\x08\xcb\x17\xe6\xf9\xd2\xde\xe5/.\xdb\x93\xe1l\xe8\xb3\xcbL\xd1%\xba\x01?\xe8\x17a\xe9u-3}\x91H\xa2AY\xceW\xb5\xb5\xc1\x96S\xa5\xd2a.\xe7\xab\xff\x01\x8d .\x88\xc5\xe2\xf9yT$\x90Z\x90\xf0\xbc\xf1,\xf7\xe0r\x107&amp;\xb3\xe7\xc7\x9f\xeee\xf3H(\xf8\x03\xaa\xa1\xa1!\xc0z1\x95!\x8a\t\x7f1\xb1SU\xacKmI&gt;\xb7w(\x18\xb3W\xbc\xbe@,\x16T&gt;\xf7hV\xa7$\x08\xeb,m\x0f\xaa9\x92\xcf\x12\xa9w\'gYWG\xc7\r\x94\\P\xc5\x86\x9a\xa0\xd0\xb7\xbe\x18\xcc\xe4\x8b~vJY\xd5\xfa\x805\x7f\x9f,\xe5\xf6Hg\x9d\xddX\xc9-\xb1@ \xa8|\x1b\x9bX\xd5\x10\x0eg\x80O\xcb\xf6\xf04\x19\x8ad2\xe74]V~\xcc\xf7\x1bh\x0c\xa1\xd7)u3}\x8eT\xa1X\x10\xb9\xbe\xacnk\x83=\x0b\'\xcf\x0e\xf9@\x9d\x1d]E`\x12\xc0uDr\xad\xe65D\xc4\x91\r\xd8pf\x8fI\xd3!G\xc8K\x87\xf2\x80\xc5"0\x11\xab\xd4)\x95P\xb6V#\x93\xed\xe5\x82\x88\xad\xb2\xab\xc6\x1e;\x93\x14E\x85\xc7\x90\xdb\x07,q\x05\x0b\xe4Z]%L\x0e\'\x0fT\xb2=&amp;\xe6\x8dym\xa4\x97\x8e \xaeJ\xc6#,\xbd\xfe\xe2\xc4j\xa4\xedi\xaa\xc0\xde\xaar{\x8a\xedD\xce\x92&gt;\x9f\x8f\xb7\xcb\x8d\x95z\x8a\xc8|\x8bp\x17%&amp;$\x95,\x18\x0c\xca\xec\x8a\x18\x83\xa3\x9d\x03\x9a\xc8\x7f\xac\\`\xfdu \x97e\xe2\x9b\xed\xb6\xfb\x05\x97\xa8\xca\r\x17\\\xc5\xe9\x12\xef\xa3\xc2\x06\x99}v\x0c\xf56(\xbb\xd0\x17\x83\x8fR\xc9\x82[A\x86\xc1=\x9bj&amp;M\x92\x9c\x8d\x8e\x10\t\x96m\x10\xddd!\xb5t\x10\xc3AG\xbbH\xc9\x8av\xaa\xdc\xcbc\xd8\xb3~\x08"U\xbf\xd0\xab2\xa0\xc2%\x16\x03\x1b\xc8\x17\x0e\x906;\xa2\x921\xb8\xdc\xa6P\xe3\xa4\x8d\xb4\xa5\xd3\xd9,\x01E\x95m`\xf5z\xd7\xb8\xc5r/\xb2\r\x01u\x89\x96\xab\xdc4C\x89\xb8\xe5\x0bSa~aAn\x1c\x8bC\xc6\xa3\xb4\x17\xfb.\xfc\xc5\x08Zi!\x82 \x96-@\xe3$\xdcJ2\x8d\xf3|\xb4{\xe2z\x13\xdb\xa0\xd7\x8f[F\xeeY\xa3\xdb,`\xdd\xaa\xfe\x072\xec\xd2\x9dE\x8a\xe2\x1fi\xe5\xaa@\xdc)\x8e\xc7\x11\x96\x98\x1fVy\xd6\xb5\x0c\xc3x\xd2\xe9t\xa8X.\x17\xf3`\xf5I\x9b\xc1\xc0\x07L\x96&amp;\x10\x0b\xbaS\xf3\xc6\xdaA\x84e;D5\xf9\x9cx\xe9\xd6\xc6\xbcqK\xa6R\x19\xe3b\xe7\xd8X\x1c\x8a}\xdd\xb0\xc7cg\xb4\xbdv\x8f\x8d\xa6\xe9\x12}^\xccf\x8be"\xebt\x1a\x02N\xe7\x86^\xaf\xd4\xddFX\x0e/\xc1\xb2\xec\x9d\xda\xecL5?|\xf6\x9d\x96Q\xa9T\x86\xb8\x11\xf4\x18\xab\x8b\x1bU*\xbcW\xc6\xd8\xd3\x90N\x1f\xe0\x9c\xd1\'\'\'t1\xb3\x1d\x08\x8cE\x9d\x83:\x9d^w\xdb&lt;\x02\xc6(\x96\x82\x9bY\xa3}Tp\x8a;\\\xaf\\\xeeQ\xd9&lt;\x1e\x85\xcd@\x1a\xd0\x8a\x86\xc7\x8e\xa7\xf1\xe3`\xf0\x18\x9d\x0f\x95CG@\xab\x903jQ\xea\xcc#\x1b\xd6AG\xc0\x9b\x11\xdd\xdai\xfe\xfa\x93\xda\x1c\xec\xe1\xbe\x8c\xe9\xed\xc5\xd1\xfa\x98G\xa1R\xc9\xe5\xb8"\x8d3\xd2\xd1\xce\xaec\xd0\xe9\xc3\t:\x1f\x8e\x8fO \xa4`\xb5\xd7\\#Vb{\xc3\xe1$c\xdf=^\xc6jE\x05X\xdc\x82lA\xc6\xac3\xeb8\xb3\xben\xef]\xdf\xdc\xddu\xaf\x1c\xbbwiH\xf7r\xbeP\xf8\xe5\x97B\xf9\xfc\x04d\xe3B\x07|\xb7\x15\x1e&amp;\x07\x11\xb5\xc5\xbco\x9akG\x85\xd4z$\x83\x1a\xb5\xce0Z\xad\x16\x15\x05\xdc\xbd\xbb\xcb\x816\xd9b1\x1b\n\x9d\x9f\x17\xcb\x85B!U&gt;G\xff$\x03\x91h\xe8 \x1a=\xf0x\xf6\xff\xa8\xe9^\xd9\xf2\xf3-mpK+\x93\x05\x07\xa4R\xc0\x9a\x9b\xe38\xce\xcb\x07H:\x14\xf2\xee28&lt;\xd6\xc5|&gt;\x95\xcf\x87l\n\xaf\x82\x0cy\xb9\xfd\x83\x18\x87o\xd6d\x0e\xf8\x7fY\xffsO\x10\xb8\x82\xda\xad\x81\x1e\xa9z]\xab^\xd9\x8f\xd9\x02\xce\x80\x81\xa4ine\xe5\x18\xf7\xd2Y\x82\xc8\xe7\xf3Y\x9b\x82\x03\xc1\xb8M\x8eCa^\xa91\xd6\xaf=[[\x03\x03R\xa0\xba\xdb#]\x11\n\xdd^\xd2\x10\r\x90\xa4\xca\x96\xc6\x07\xd4j-&lt;\x89\xce%\t`\xa5\xd3\x9c\xc2\xcb\xed\xae\xc0qo\xae\xec\xd7tY\x1d\xc3\xfe\xd6%\x1d\x18\xb8;\xd0\x83\x8etN(]Q\xc4H\x83\xcd\xa6\xb2\xdb\x99\xb9\x01\xa9Z\xcb\xd8l\xc0E\x10\xd9\xb4\x02\x92\x0em\xed\xaa\xe7\xd4\xee\xb9\x9fk\xba\x1a\x885\xbf\x11\xa2e\xbf\xd1\xd1\xae\x1e\xb4\x92+\x15\xce1\n\\\x05T2\x99\x16\xc2*\x942rx\x05\x02Y\x07\xe4\xd6\xe6&amp;\x8a\xde\x9cZ\xbd\xa2\x9e\xfb\xbd\xa6;\x9e\x18\xf6\x0f\xf7\xe8\xdd\xbb\x9d\x0f\x1e\x8cv".\xa1P8\x8731\x95G\xa6UK\x07z\xba\xbaz\xb42\xbb}\x98tFi\x8f\x82s\xbb\xd5B\xa1Z\xa8V\x0bW\xfeU\xd3\x8b\x88}\xf2\x87\xfb\x01p\x8d~\xfai\xe7hgg\x97\xb4G\xf8\x1f\xde\xcd?\xa6\xc9\xfc\x8e\xe3^mik\x9fZ\x85\x99\xc7\x9e\xb5}\xc2\x8f\xcb%\x15\x08J\xa0-P\xd0#\xd9\n9)\x83B\xad?\xca\xa8\x13;\xc9%\xe2\xad\xb5\xb7\xc31O\x82\xd9\x05\x04\xcc\xe1\x90p1\x083q\xba\xd6#\x12\x9d\xdcY\x03B\x0c\xf8\x03\x10$\xcc\xc3\x11\x0c\x04M\xdc\x82;\xbc\xc3\xfd\xb1\xf7\xe7[L\x96e\x97\xbb\xdbY&gt;\x04R\xfe\xa0\xbcx\xbf\xdf\x9f\xcf\xf7y\xf8~\x1fO\xe6\xd1\xc3\x87\xb7dy\x80\xe5\xc8p82\xda\xea\xafd\x1d\xde}\xe2\x0f[\xeaj\xbc\xc8^&amp;\nV\xdf\r\xeb\xf1N\\v\xd5\xb8\xdd\x19F\xb7V\xa5\xd5\xba\x1d\x0e\xa5Q\xa3\xc9\xa1\x9d2O\xa9&gt;\xbb^\xaf\xcf\xc8\xc8\xa9o+\xad\xdf\x93\xf4\xf9\xe6%*\x0f\xa0L\x19-\xe7\xc3{\x1cV]q\xcd\xadr;\x94*\x95V\xa5Tjy#|\xcb\xa9\xab\xab\xc9\xc9\xc9\xf4d\xa3\x19r0&gt;\xea\xb3\xeb0\xb3\xbc^o\x8d\x1e\x16jL\xc6\x0c\xcd\xa5\x8b\xe1\xc5\x92\xaao\x95\x02\tb\xa9R\xb4\xc0r\xf0|FFMf\xa6\x1e^\x994\x98\xfc\x9e\x9a\xf8\xba\x16o\x1d\x02Oj\xe95&amp;`\x99\xb2\x03\xd5+\xc2\x8c\xf5\x17`\xa9\x88LI\xa5\xe5M\xf0Qo\xca\xf4h\xc81O6\x86\x01dj\xd9\xec\xad\x19\x1a\xd2h\xfc&amp;A\xe0yS\xd6\xd5p\x9fN\x97\xde\xcd\x86P\xaa\x94\x14 \xc1G\xb8(\x98Pz\xe8\x05m4z\xdar\xcd\xccli\xd1h\x86\x86\x86L&amp;?\xb1g\xd4\x8d\x849[+\xd4\xe7[\xb4)\xacT\xa0S*\xfdP\xc3(\x08F\x0c\x07\xa3\xde\xa4\xc7\xe0\x87\x9dC5^`A?\x13\xafU\xc2\xe6\xf8@U\xb8\xd5\xaa:\xa5\x05\x10a\xa5\xa4\xf0\xbc\x8a\xe7\x95\xf0\xd1\xe47\x1a\x8d\x0e\x93\tr\xe9\xfd\x9a!\xbf\xa6F\xf0\x9b4~\x8dF\t*^\xd3r+\xecO\xb1\x9c?\x85\xe9\x10\x92+\x05\r)\x08ZA\x00\x8e`4\xf1&lt;^\x08J\xbf\xc6\x0f2\xc1\xcf\x0b~|\x10\xb5\xfe\xfe_\xc3\xfd0\x92\xf4\xfc)\x07\xe4\x02\x98JI\xd1W\x92`\xb0O0\nJ^k\xd4(U\x82\xdf/P\xf1\xf84\tZ^\xd0\xd7\xfd-\xcc\x8dH\x17\x82\x81\x1c7A1,\xf6\x05zh\x8c*\xeaL\xc1\xe4\x07\xa5\x1f\x80\x02}\xc7\x13\x1bo:\x1a\xf6d\xd1m\x999I\xefF\x13\xaa\x94\x14}\xf4#\xd3G\xab\x12\x94p\xd3\x08\xd3\xd0\x06H\x142\x05&amp;\xa3\x80\x1e\xdd\xdc\x18\xfe\xe7\xa3\xd4\xea3\xce\xa46\x07\xc0\x80E."`\x04\xa0\xe5\xd9\xb80B\'\xea\x02J:(\xb1lz\x8f\x9d4\'/\x83Z\x1d\x11\xf9IG\xb0(\x1bI2\x11e\x8c\xa6*\x0fN\x95\x16 \xc2+\xf3\xb4\x10\xd1\x94\xe9\r|\xb6-qy\xb0"\xac\xa9G\x1cn7[\x81R\x0c\x94z\xc2\xa2&lt;a\x88A-\x96y\x0cw\xc1\xaf\xf1\xde\xef:\xfb\xf1\xf2`EF8\xad\xa9\x1f\x96\xbaa\xa3\x8a\x8dU%rFq\x82\x8dZ\x1a\x9f\xc4\x0471\\\xbd\x97\x86\xcbv,\x17Vk\x845/)+\x87\\$\xb5\xe8"\x07r\xf1\x14\x7f\x90\ttYa\xc4\xd8\xcf\xf4x\x03\x8de\x85\xc5\xcb\x87\xe5\xcc\xcb;p\x18\x01\xd3\xb2\xd8C1^Is\x0b\\\xbc\xdbhrd\xe0*L\x9f\xe9\xbd\x16h\xec\xb4\xdb\x97E\xad\xfd\xd5\xf6U\x11\xad\xb4\x89\x9e\x97\x9a\x94]jT\xd2P%\xf7x\xa3\x96r\x1e\xc2\xd2\xeb=\xdek\xf7\x87;;\xcd\xf6\xf7\x8b/\xffl\x19\xd4\xaa.\xa4\xad\xfdV\xa7\xd3i=\x90\x14\xffa\x8e\x83\x1c\x84J\x0e\x9a\x06\x0e\\5\x93\x81\x80\n\x8ct\x95\x99\xcd.WI\xf1\xe5\xd5\xd5\xcb\x80\xb5c\xfb\xaaHP\x91^\x07R\x93\xea\xb2s\x8c\x8e\x0c#p\xf4\xb8\xe3@\xcaq\xeb\xd8r\xeaR`\xf8jccgB\x82\x19X\xd1\xb6\xea\xfda\xc7\xaa\xd8K\x07&lt;#\x9c\xceU\xd6\xbc\xbc\xfc\x03\xa9\x87\x93\xb2\xe2=\xf5\xb8Z\x8e\xf7\xc4{\xff\x8c{\xc3k\x97\xee\x8f\x0cw\x11U\xa79\xc1\x9c\x0b\xacu\xcb0\xe5+\x9a#"#\t\xcb\x99g\xb5\xe6\xa3\xe8\xdfIG\xb3\x8e\xd6m\xd9|\xec\xd2\xfd@`d$0\xdc\x05\xaa\xb2N\xc2J\xb0\x94\xc4Fo\x98\x96\x86W.\xa9T}1\x9da\x91\x87\xe0\xb2:\xadP,u\xf7f\xdc\x16\x92J\xc3W\xa9\xce\x9em\x04\x96\x19X\xb9\x16Kq\xf4/\xbf\xf9*\x9c\xa1\x97J\x93/\xde\xed\x8a`X\xad\xa4\x17+hv\xc8z\xe8\xd0\xb1\x93\xa0\xba\n\xef\x08\xab\xac\x0cb\x99\xcd\t\xb6\\KII\xf4O\x17_&gt;\x0f\xdbs\xe9\xfbWT_h\xfc\xcd\x95\xebH&lt;\xc3B7\xb6\xb6.\xd1YOXO\x9c\xfc\xe7\x08\xa0\xa8 \x16Y\x98\x90@\xd1\xb2\x94lx{\xe1\xd9\xec\xc4\xa84,\x0f\r\xefG\xd8\xfb\xda\xdc\xf5Ey\xb4+\x1c\x19\xd9\xdaz\x10\xb5\xbe5T\x9f\x9f8X\xfeIW\xe3-\x06UVfw1(s.L\xb4\x14o+\x9a{918Q\xa1~\xfd`\xfb\xd5\xd3\x8f\xf7\xb8SJ\xfb\x8ahC\x91v\x0b\x00\xd5\xd4\x14GE/\x9a\x9a\xbe\xf8\xe43\xa8E\xa9B\xac``BB\xae\xcdF\xff\x96/\xfex\xcf\xc2\x83\x0b\x83\\\xff\x04:\xf25\xef\xf9\xac\x98\xfef\xd1mp_\xef+\xc24\xa5\x8d\x82\xb8\xb8\xa6\x83M\xe5\xe5t\xd8\xa6\xb2\xf2xyz\xf9\x17\xe5\xefu\x01\tegP11\xb6\x18\x9b\xcdf\x89-~\xe7\x8f7\xa3f\xa7$2n\xa6*Y\xfa\x1a\xbd\xc4[%\xcf&gt;\x9cw\xab\xda\xae\x17\x9dC\xb6\xd8\x9epeyy\xf9\xf1\xf4\xf4\xe3\x95q\x80*(((\xff\xa8vo!B\xe5\xeat1\xaa}1De\xb3l\xdd\xf0N\xfe\xb9\x1b\xb3A\x19\xa7\x93\xf4\x8c1+\xa5\xaf\x85\t\xc3j\xc2\xf6\xa4a\xbe\xd4}\xa5\xaf\xef\\h\x0b\x9dN\xff\xa4\x83&amp;=t\n\xa8\xb6\xd6\xf7^A\xf3\x8eBJ\x95\x0bX11KX01\xf6W\xc0z9\xc9q2\xb9D,\xe9\x99\x19\xaf\x80f?\xd2M\x12=y\xfc\xb6.\xf0\xaf\xb9\xf9#\xc0*\xca\xdfN\x0f\xf9\xc4-Q\xd5\xd6\xa63\xadj}\xcd\xcd\xcdt:\xd6e\xa6\\\x11\x15j\xf5j\x1bmEE\xff\x03Xw\xdbu2\x91\x8e\x13\x1b\x0c\xdc\xed\xe0x\xb5\xfa\xc7\xb8\x89\x1fUWL\x8e\xb5+D3\x8f\xe7\xbe\xfc}i\x08\x8b\xb6\xd0+\x19\x15x\n\xd2\xf1\x82\xa8v\xee\x85Xe\xa4\x14Q%&amp;\xd2\xa9\x1f\x9bm]\xae%\xf6r\xdfB\xd4\xec$\'\x93\xc8u\x90LdP\xc8\xba\xfb\x07F\x93\xffO.\xa9Z\x9a\\1&gt;\xd3\xc3)\x0c\xc0\xba37\xc7\xb0\xf2\xb6\xb3M\xe1Jf\x9d\xcf\xe7+`\x9a\x01j/M\x86\x90\x7f\xd0*\x91N#\x85:1\xf6\xed\xa2\x17Q\xcf\x83\x12\x19L\xe48\x89\x0co\x87\xf8w\xdf\x0e\x8eV\xff\xf0\x91\x01\xf7\x93G\x83\xfd:\x85Ja\x00\xd6\x14\xd4\xfam\xdb\x15\x8a\x16;5\xc2&lt;\xf45\xfb|\xb5$YH*\xbb\x9d\xc2\x1e\xc3\xb4\xeaHdg\xb7\xd6Y,\xb1\xd1\x1f,\xdcx0=%\x97ID2\x8e\x8c\x14\x19\x0c\x12N&amp;\x16\xf7NM\xfe\xc0\x06\xa0DM\x8eu\x8b\x14\n\x91\x88\xb0\x14c\x8f\xe7\xe6n^\xc9\xea[\x8a\x16a\xfd\x9c\xa9U[KT!,W(V@\xa2",\x0b\xc4\xda\x16\xf9p\xe5lU\x8f\x88aq"9\x07\xbd\x0cbx*\x81\x99\xc1\x8b\xea\xef\xbb,\x11S\xd5D\x7f\xbb\\\xa4".\x88nP\xf4\x9cy\xd10w\xeehR\xfevv\xda-\x94x\x1f\xc3\xa2\xa71^Q\x99\x19UGb\xdaR\xb4\xc0\x15\xfd\xc1\xfc\xca\x07\xd3\x03b\x89D\x0c\x18N\x0e.\t\xdeP,\x93\xe9\x10\xb5\xf6\xc1`U\xf2\xf7\x01C\xca\x93G\x07z\xe4"\x11cbj\xe1]\x82w^|:wnO\xbe\x93\x9d\x93B\xce\x97\xb2\xd5LTKX.\xc2\xea\xe8\xe8H\xdc\x97\xd0\x11:\xe8\x86h}\xb4\xf0\xec\x8d\xe7U=\x88\x96\xa4\xb7\x07\xb3K.\x92P?2.d\x8d\xe3\x00\xf6\x9d\x19c\xf3`\xaa\x97\xa0D\x8c)\x84e0\xf4L\xdei\x00\xd7n\'Q\x11\x16S\x0bD`\xdaIg\x17\xdf\xb7\x87\x06\xd6\xbe\xc4\xc44\xf3\xd9}$\x17\x06W\xee/"_\xbc\xf1rz\x00!\xe7\xba\'\xaa\x06$\n\xb1\x18\xf1\x923.\t&gt;\x107(\xf6\x1d\xeb\xa5T]=&gt;\xd6-\x96\xcbC\\\x84\x15r\xd1`\xb8=~\xa7\xe1\xf4|\xbeu\xfd\xfa\xa5\xe1\x10\xc2\xda\x1b\xaa\x1d\x85\xe0\nE\x9e\xe5\x8a:\x11\xb3\xcbV\x12\xb7\xf8\x93\xa8\xaf\xc6{I\x97\xa1\'O\xcf\x07\x07er\x91\x98\xc6\x04\xb88\xc2"3\xdb\xb1^~\xab\x93!\xa5\xbaE\xf8{D\xaf\xb0H.\x8a&lt;\xd0\xa6F\x1f\x11\xd7\x898f\x1f\xa2^\xb0D\xb5\x83\xaa\x90:\xd1\x9e\x9b\xc0\x8e\x04\xa2(^\x18\x11\xbe\x85g+g+f\xd0y:\xd9\xcd\xb5k\x9e\xfe\xfd\xc2\xc4T\xaf\x18]I\x8d\xc4\xa0$$\xa4\xae}l\xf2[\xc6\x05\xa8Fg\xba\xe5b1\xc4\x12\xcb\x89LN\xf1\x92\x1b\x06\x07\x15\xc4%\x1f\x18}\xf4\xe9\xe9yk\x13\x1b\r\xcd\xcd\xbeZ\x1f\x85\x8a\x88\xa8\x88\xca\xee\xb2\xc5\xecKK\xdb\xb5+\x8d\xbe\xecJ\xdbe\xf9\xdd\x0b\xe4}\xb2\x1b\xbf\\",\xde\xd8\xf4\xd6\xaf\xdf\xbc\xf7\xf4\xf1\xad~4\xe5+\xbdP\x80\xe3\xb8\xde\xa9\xf1\xff5aq=\x1c\xec\x95\x11\x13+\xd1\x12\x98B\xd1\x7fw\xab\x9e\xb8\x14\xb2 \xe3:\x98\x8e\xa8\x93L;Y\xd4\x0b\x0b\xede!(\x97\x05\x17X1\xf4x\xe9.V\xef\xbe\x9b\xb6m.*\xeayE\xbf\x8c\x93\x88\xc5\x7f\xfa:j\xd3[k6\xae\xddt\xfa\xebG\xb7\x06\xf1\x97\xd3\\\x05\x97\x98\x81q:\xaewf\xfc\xbf\x9b2\xb4\xf2\x91RbBb`"\xfc\xa4Bv\xfb\xcc\x93\x86\x05%\x1b`\xed\x13U\x8fN\x9f\x9e\xaf$\x95H&amp;\x16){\x99\xcbEL\xb8\'t\x99m6\xc2""V[\x17o\xac\x9c\xad\x0e\xa2\xff$\xba\xa1\x17\xf7\x1e\xdc[\xbbq\xed\xc65on\\\xf3\xf0\xf1@\xaf\x1c\\"\x1d\x93K,\x86\xc7\x18\x17\xbdX\x93\xfe\xd3J,}\x03\xbd!\xfb\x98^b\x11\xbdR(\xba\xa7&amp;\xee,~\xd9\xd0p\x93WP\xce\xd0K\xd0k\xb1\xf6\xdfe\x9cAh\x1bG\x18\x85\xbdZ\t$$\xc3,\xbb\xb4taP\xa0e\x971K\xb2\x94\xdc|j\xa1\x97b\xdd\x1a\n%\xb7BzZv\t\xa8\xd7\xfa\x12\n9\x14\xd4\xe3\x1eD\x0e\x12A\xe0\x90\x8b\x8a\xc0\xf8`a\x0b\xc9Xq\xd5\x83\xe5\x10\xa4(!\xc2\xa12(\x90\xe0\xd8N\xec\xa4\xef\x9fQ\xec\x84\xfeA\xf2\xdaV\xd8O\xef\xbdy3\x868\x04\x05\x85~\xa0\xdf\\\xf9\x19\xa5\x80\x83\xa8\xda\xa3\xaf]\xbb\xb1x\xbd\xb0\x80?\x85\x85\x85\xc2\x8d\xf7S\xf3\xed\xb3\x87ky\xcc\xa53\x8fO\xa7\x96ex&gt;\x14\xe3\xa5\xc9w\xfb\x9bp \x99\x9eqI\'\xd3\xb9\x8d\x8f7\xcb/\xae&gt;n\xe7H\xa9\x0f#\xc9\xb2k\xfb\xd5\xd1\xa0T\x1f\x0e\x87\xf5\xd7?e\xc9\xd1\xca:\xe9\xf5\xe6[\xb5\xd7\x90H\x97\xbf\xac\xae\xae\xae\x82\x0ca\xbfL{!\xfdJ\xb5\x9a\xeb\xdf\x0c\xcc\xbd\xc3\xe5v&amp;\x9f\xca\xe7[\xb6\xefw\x82\xd0\x11\x9c\x0b\xc3\xd0x\xe8\xbe\x1b\xef\xafe3\xf8\x16\xfa\x0b\xb7\x94N\xa2-p\xf2\x91\xab\x12\xfd\xb9\xbc\xbdF\xc43\xad\xa4\x95@\xe8W\xdf\x0f\xcb\xe5\x12\xb8\xf0x\xfdy\x16\xac\xc4\xb5\x13\xc7G\x7f\xa9\x1d\x90\xfa\xa0\xbaz\xe7\xce\x1d\x90]\xa1\x1eE\xbf\x93NK\x12\xeb\xb3\x89\x86`=\xc5\x9d\x93\xa9?\x8eb\xdbaL\xb0\xd0\x17\x86\xa6\x19\x86\x10np\xb0\xd3\xaf\xa0\xf4s\xcaI\xd9b \xab\xd0^I\xa9z\xdc\xc5_L~&lt;\x19d\xea\x97\xd3\xf2\xb0^&amp;.&lt;\x95\xdd\xd7\xdfg\x11\xbalj\xfb\xde\x8b\x81}\xf4\xa3\xdcj\x00U\x05T\xadV\xc33\xfd\x13\xe6+\x12kie\x05`\xd7O\x11\xac\x9b\xeb\xc8t&gt;u\xff\r\x13\x86\xa5\x19\xc2\x8f\x8aE\xdf2!\x17\xae"~P\xc5\xa9)\x8f\xf6P\xeb1\x9dV\x92\xad\xf5\xe7\xae\xee&gt;]\xfb\x1fT\xb2\xfd\xe7i\xa9d\x97\x87\r\xb7$\xa7^\xaf\xbf\xfc\x8d\xb8\x12\xc9\xa7\xbb+\xc7\xf6\xe0+\x12\xaaZ]TTK\xb5Z\x81Za\x91\x92\x05\xaa\x15(6\x9a\xa2\xde\x1fWRd\xe1\x99\x07\xf38\xa0\\\xb7H\\\x90\xcb\x0f\x8b.3z\xa3\xd5\x07i\x08\x96V\xcd\xaa\x06\xd5;\xb7\xbeA\x91K\x9d\x83\xd1\xa6\xd5\xdd:\x1d\xba\xb6m\xbb\xf5\xf3)\x95\x1a\xc3\xdb\t\xb9N\xfb\xcb+\xc7\xecx\\\xbd!\xfd\x93TK\x90Gq\x11\x16faa\xe7X\xdb;|\xb8\x91\xa1\xbc\xdf\xb5A\xe5\x84P\xaaX\x8c\xc20r,\xb8\x18\x01\xcb\xd2\xec\xc1\xc9\xa3v\x12Eq&gt;2ds\xb9\xa4L\xdc\x07\xc1R\xd9Lwk4pK\x91mG\x91\xdbh4\x86r\xea\xb0\xb2~;!k\xed\xc1\xf2\xa1\xe4\x02V\x8d\x06\x9e\xd5h\xf1\x15d5,\xc8l\xed\xc8`=H@\xab\xd4\xaf\xffz\xbe\x7f\x0e\x15\xfa\xc8\x177\x8c\xb0\xd3\xf15\xddd\xd1\xc1\x8b\xed\xcdD\xfa\xd3\x99K\xa5&gt;\xf5osk&lt;\x08\xed\xa8\x14C\xad\xa8\x18\xb8\xd0\x1dJ\x91^q\xb9t7A\xcb5\xf3`\xf7\xf0\xd8;\x1eC\xac\xda\xd2lj\x85\x19\x18\xd5\x83\x0c\x96\xf6\xfc\xd6vNv\xc3K\xe6x\x14\xa5\x88\xa0B\x1f\x88\xbe\xc3\r\xd1iD\x9a\xa5s\xdb\xf3\x0e\xae\xf7Q]\x94\xaa\x99\x95\xa9\xb9\x19\x8e\xdar\xb2\x95\xfd\xc5I\xc9\x17\x8e\xc2*\x06\x1dW\x8e\\\x90\xe58.\xdd\x95\xbaf\xdb\xbb\x87{\xbc7&amp;\x07)I0M-\xbe\x02\xc1\xd1\x7f\xba0\x9a\xea\x08\x16\x1aKv\x03\x03\xc9l|\xc5\xe58\xbc\x196:\x86\x0e,\x9f\xf3\xc1x}3\x93\xfe\xc8\xc99rE\x81\xd1\xf2[=\x89\x83\x88yNT\x06V\x00\x0b\xeb\x8dF\x80\x01\x19Vdl\xc7\xad\x0c-\x9aL{\xf9pO\xeb\xed\xd4\n2W\x84\xb5\xa4z\xa1@T\x85\xf1T\x06+IT\xbf\x1fyBx\xcc\xc10\xc7\x97C\xd7\x0e\xe7\x9d@h:\xf7C\xae\x8b\xd2d\xb1\x9fN\xcaJ\xbd\xc0\x92d\x89\xec\xc6\x93\xd1\x809q\xcc\xa0V\xdf\xf9HF\x00\x00\x02\xe7IDATl\x87A#p\x03B\xa3\x0b\x0caI.:(\x11\x97\xbe\xb73sPv\x02\xd1\xd5$\xd6x\xa2\xe9\x08\x16\xc5\x1d\xdd\x80\xf6\xd45]\xd7\x0c\xacE\xe1H(|p|\xc3\xe9\x840\xd1\xf7\xb9nq\x7fz\xb2\xbe\x96\xc9}\xaa\x16m\x81\xb9\xfe\xce\xa4d\x0b\xc7\x8d\x1c\xc1\xa2\x08\x9dL"\xcd\xc0\xe4eT.\xdb,n\xcd\xe7\x91\x82T\xff\x1eq\xbdXY\x91%\xf5B\xcd\x8e\x9c\xd1\xe4"X\xf9\xb3&amp;\x90t\xdd\xb2t\x13d\x86d\x13\x84\x07\xbd\xa2\xa2\xa1\x1b\xcc\xc1\x93\xe6p\xef`\xb5\x9b\xb9\xc0R\x1bsv\xf3\xc9\t\xc4`\xc2w#\x0f\x05\xe3w\x1a\xc4\x15\x94\x02"\xa3\xe9\x14\xe1d\xc4\x18k%\xe8\x10\x9e\xea\xdf&lt;\xdc3\x0fNN\x0e0\xbd\xdeqOM\x13\xc3&lt;\x8dN3)\xbc,\xff\xf5\xd44u\xc5eb,s\xa6\x1a\xb8\xc2\xd0\t\xb9f8\x8ef\x19:.\xf9\x00\xc9\xc7a\x83\xac\x9c\xa9\x95mW\'\x11\xb3\xb1*B7\x12\xc2\x0f\x89\xa9A:\xb9E\xb9\xb2\xe5\xea\x8em\xe6y\xdeTr\xe5\xd2\xfb7_\x99:\xee\x01\t\x0cM&gt;\xa9\xe1\x8en\xbe\xba\xd7N\xe6s\x95\xca?G\xa6EH\x16=4\x85\x06?\xf1r.\x9c\xb0\x13B(\xc7\xb1tC\x17\xa1\xd0\xedw\xe3\xed\x9c2Rb%\xd2\xfd\xf1\xc0f,\xb4\x85\x88\x02\x9b{~g\xb6\x04\xe3\x08_\xc6\xc8\x902@\xe1\xc1\xa7\xad\xf9t\xae\x92\xab\xac\xdf|\x8e\x9b\\\xf0H\xb7t\x8d\x198\xcdl\'q\x16\xae\xdc\x7f\x03\x81,\x03HV\xd3j6g\x97\xf0\x13\xb0hTpY\x9a\x98aq\x8b7\x83\xd1\x93\xcd$\xc5\x1eX\xc9lek\x14\x90\x10qLX\x8c;E8\x06\xcf\x8a\xb6O(\x1e\xe1\x00\n\x81Gk@QOq\xad=\xba\x05.M\xfb\x84J\xf7\x94\x85\xf8q\xabr\xe9\x8c|\xbb\x18\x83\xd8h\xe8\x13\xbc#\xdcH\xe8\x12K\x13&gt;\x8e;\x96V&gt;\xfd[\x06lN\xc6jR\x86*\x82\x95\xe1_\xe42\x1ev\xb03P\xc6\xa1\x13\xf4a\x04\x13G1\r\xa11\xaf\xf9z\x1ew\xcdm&gt;|\xf6\xf6\x9cKA\xe9\x9c\xa1\xde\xefue\xb0\xcez\xb87\xb9&amp;S%\xc9\x9aM\xce=\xda!I7]\xd2\xa0%\xe0\xa5\x0f\xb5\xf0\xe2\xe2d\xa9\x9d%\xacl\x17\xb1\xf2\xe3\xd8\xe3\xccu=`\xe1\xc4\x1dF.\xa2\x1e\xf9\xa4\x94\xa2B\xe5\xe3\xc1\xd4P\xbe\xe6\x11\xfb\x1c\xea~\xef#\x1b\xc9B\x8f\xe3\xdc\xb0MZ\xe5Z=\xca\x11\xf6e\xec1\x12MW\xda5ySx\x1e\xe7\xf8\xb2i\xe0\xf4\xa5\x13\x96CX\xf8&lt;&lt;.\xb4\x93\xe9\xb9D\xb7p\x14\n\xbb\x1cs\xce\x02`\xd9\x11\xa8B\xec:E\xb2\x95\xc4\xf2f\x9aI?=\xf5\x917[\t$:\xf5\x14\xb17-\x89$\xa1`\xa1\x01\x0b+\xc0\xca\xb7z\xaa\x13\x9aM\xf9\x1d\xd3TyW\xber\t\xd6\x84\x86\xdc\xc0\x1b\xa3\xb7c\t\xc2\xf2\xedw\xb5n\xf2?\x98\x8a32IA\x1b\x0b\x00\x00\x00\x00IEND\xaeB`\x82'</t>
        </is>
      </c>
      <c r="M174" s="3" t="n">
        <v>45492.67773148148</v>
      </c>
    </row>
    <row r="175">
      <c r="A175" t="n">
        <v>787480</v>
      </c>
      <c r="B175" t="n">
        <v>1960</v>
      </c>
      <c r="C175" t="inlineStr">
        <is>
          <t>Mateus Gonçalves</t>
        </is>
      </c>
      <c r="D175" t="inlineStr">
        <is>
          <t>M. Gonçalves</t>
        </is>
      </c>
      <c r="E175" t="inlineStr">
        <is>
          <t>PE</t>
        </is>
      </c>
      <c r="F175" t="inlineStr">
        <is>
          <t>ATA</t>
        </is>
      </c>
      <c r="G175" t="inlineStr">
        <is>
          <t>PE</t>
        </is>
      </c>
      <c r="H175" t="n">
        <v>172</v>
      </c>
      <c r="I175" t="n">
        <v>11</v>
      </c>
      <c r="J175" s="2" t="n">
        <v>34604</v>
      </c>
      <c r="K175" t="inlineStr">
        <is>
          <t>Right</t>
        </is>
      </c>
      <c r="L17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53095f7-6243-4484-a0c6-0259a4af715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B1\x95\x00\x00\x03\x00PLTE\xff\xff\xff!!$\xb6\x88r\xe1\xb3\x9b\x1c\x1d \xbb\x8ew "(!%,\xff\xff\xfe#\'. $*\x18\x19\x1a##(&amp;&amp;+\xba\x8bt\x1e\x1f%\xbe\x90y\xe4\xb5\x9d\x1e "\xde\xb0\x98\x16\x17\x18\xfd\xfd\xfd%(/\x1a\x1d\x1d\xe5\xb8\xa0))-\'*1\xcc\x9a\x81\xc1\x93{..4\xae\x80j\xd0\xa0\x87\x1a\x1a\x1e\xc5\x9d\x8a\xb4}`\xb1\x84n\x10\x14\x13\xab}e\xd9\xac\x94\xb8\x80c\xa3v^\xb4\x8cy+-1\x9adH\xc3\x9a\x85\xa1}j\xe7\xba\xa3\xae\x88t\xcb\xa0\x8b\xdd\xad\x94\xab\x84p\xc0\x96\x82\xb5\x85m137\xb1\x8av\xc5\x97\x7f\x9epW}\\J\xd6\xa7\x8e\x8boa\xefAA\x8f[A\xd5\xa3\x89\xb1y\\\xcc\x9d\x86\xbb\x92}\xa6yb\x94_D\x7feV\xbe\x93~\xbd\x95\x82\x93r`y`Q\x12\x1c\x18\xbb\x84i\xd9\xa9\x90nWI\xc1\x80^\x89W=\xd1\x98{O@7\x85k\\\x8cfQ\x97vds\\N\xb9\x90{\xa6kM\xbc\x88n\xc4\x84c\xa9\x82m\x93iR\x14\x14\x15\xa4\x82p\x9fgK\xaby_\x9ezf\xd9\xb2\x9f\xa0s[`MA\xd0\xa3\x8d\x0e\x0f\x0f\x8clZfTI\xd2\xa7\x91\xfdPN\xda\xa4\x88\xf5GG\x9alS\x9as]\xa6\x80l\x90te\xc1\x8eu\xd7\x9e\x81\x84gW\xb7\x8bw\x99{k\xf9\xf8\xf9gOA\x92dK\xea&lt;=\xb9xV\xacqQ\xf5\xf3\xf4\x9b\x7fq\xa7v\\\xc0\x8bp\xa3\x85x\xc8\x89h\xdf\xa8\x8c\xfbKI\xcd\x94v\xd4\xab\x96\x84bP\x83S;\xc5\xa1\x91- \x1c^G9\x93wi\xf0\xef\xee\xb0}c\xec\xc4\xb0\xd9\xaf\x9a\xaa\x87u\xa5pU\xaevXlB3\xbe\x99\x88\xca\x97|\xc1\x88k\xc7\x92w\xd523\xea\xbf\xa9\x94nY6%\x1fwWF\x9ewb?41mQA\xb4\x81g\xb3\x8f~57;=?B)#$6)(\xc6\x8er\x1e\x19\x17XF;tI7`&lt;/~O8\xde\xb7\xa3\xd3\xad\x9c\xcb\xa4\x92\xbe\x83ePD?\xaa\x8b~ZKDH7.D-"\xa7}f#\x1d\x1c\xe9\xe7\xec\xb8\x87o,\')\xe4\xe4\xe3\xe278gI:\xcc\x8fo\xb6\x92\x82\xb3tRE;7\x86^ItQ@\xdd\xdc\xdc\xee\xe7\xe390-P/\'\xcc\xa8\x98ycW\xf1\xcb\xb8\xac\xac\xad\xbe\x9b\x8f\xc2\xa0\x99\xc9((\x9f\xa1\xa0\xe3\xbc\xa9\xe3\xb0\x95o]TUVV\xb8\xb7\xb9\xfcVTE"\'\x8e\x90\x8f\xd5\xd4\xd4\xe5\xd2\xcbiij\xb7\x96\x89S9-\xb212\xea\xdc\xd9\xce\xcd\xceILM\x7f~}d%)\xb8\x80\x85\xbf\x93\x9d\xa1/.\xadpt\xf4\xd2\xc2\xaey|\xe2\xdd\xe9^`a\xc3\xc1\xc1\xba()\xc534\xed\xea\xf4\xdb\xc7\xc0{\'+urr\xdcAB\xca\xa5\xa3\x93C&lt;\xfe^Y\x8d)-\xd1\xb5\xaf\xaeek\xbd\xac\xa8\xa3B?\xa1UE\xa5lh\xcb\x88\x8a\xcdBD\xa8\x90\x8e\x81=7\xcatu\xe5\xbb\xb70\x98y\xec\x00\x00 \x00IDATx\xda\xcc\x97\xddS\x13Y\x1a\xc6\xedL\x07Sv:\xe3\x1c;\xdb\x8b\n\x93@ \x92\xc8\x88\x98\xe8\xb0S\x18&gt;\x04\x92\xc8G\x16\xe43\x02\x9a\x05\xb7,\x83#\x08\x16ab1\xe5\xcaG\x01\nD\xac\x01Q\x86\x88 8\xc6\x91OS\xeb\x8aZ\xc0\x08T(\xa0\n\n\xad\x02n\xf1\x8a\xf2b/\xf7b\xdf\xd3\xc4\xd9\xfd\x03\xd20\x0f\xdd\xa7O_P\xfd\xab\xe7}\xce{Nv\xed\xf2\x81\xa4U\r\xe5"\x91h\xd7\x1fH\xd2*\xf7\xea\xa2\xc7\xb3\xe4\xf9\xb8\xfav\xb4\\\xfa\xc7\x80\x135,{V\x9c\xdd\xcen\x15\xda\xa3Z[\xf1\xac.\xaf.N/\xba\xcbw\x16N:\xeaY_C\x06,\x85BQd@Z-\x8d\x90xm\xe9\xed\x8er\xb9\x97\x9c\xb4\xe13\x15\'\x83\x98ei\x15Z\xd8I.\xf7&amp;\xcd\x92\xec\xffc!\x8aR\xb0\xbb\xf7\xd3\xe2\x9d\xe3\x125\xac\xd3,\x8b\xa9X\x83\x82\xe3b\x183I1\xf0N#\xbf\xa5\xf2\x1d\xa2*_\xc2T,i`9\xb7\xcc\x0cK1,\x01X\x14I b\xed\xe3\x0e\xe4^$*_^\xda\x83X\x8a\xa5\x0c,\x89\x00\x06\xf8H\x19\x89\xc42\x86\xa4\xfdU\x04\x89\x9c\xd3\xdb\xce%\x95.o\xfa\xb3\xac\x1f\xa00\x0c\xc5\x8ai\x19E\xd2\xe8O\xfe\x00\x88H\x9a$1.\xab\xf2\x94ow\xaa&lt;N\x16\xb1\xc8\x8fde\x14##\t0\x07\x89\xfd\xb4~\x88\xf0#ID1\x14\x057\xf2\xdf\\\xdeN0\x91{3\x00r\xcd\x8aw\x93\x14\xcbP$)FH\xb6\x1b\xed\xa7\xc9\x00?-A\x132\x92\xc3"\t\xbf5O\xc3\xb6\x15R4\xba\xbe\x07\x91\x14\xc1\x12b\xf0\x8a\x82P!\xb8\xc52\x1a\x00I\xad\x98\xa0\x10ef@\x14\x89H\xe7\xfa\xb2t\x9b\xb0\x1a&lt;*\x03\xcd"\x8cE1\x8c\x8c\xa5 \xf9$\x84\x8b2\x9b\xcd\xe4\x97\xc8,\x931\n3\x06c\t\xff\x80\xee\x8dmj`\r\x8b\x0b\x06\xe4g\xf0c\xc5\x04A\x19 Z2\x84X\x92!\x19\xa0\xa2\x80\xa8\xc8\x0c7\x88B$!V\xa9\xb4+o\xb7\xc3/\xe9\xc7\x05\x03\xb5\x87e\t\xc8&lt;afdf\n\xd7\x8be)\x05n]f\xb3\xa2\x88\x83\x82\xd6\xca\x88IF\xecTi\xd7\xdd\xd2m\x88\xfb\nbe\xe4\x97$\x81s\xad\x80hC\x151\x99\x19\xfca(\x8e\xa8\x88\x1b\x81\xb7HF\xaa\x02\x08\xe7"\xefX"\xe9\xb4?TL,#\x10\x85\r\xa1\xcc2h\xf4\x1c\x16x\x05C\xd1g)\xccPc\x8a\xf4\xef\xa6\xf7\xaf\xb8ywk\x14\xcc\xc2\xab\x10\x02\xae\x80\x921$\xee\x9d\xbdX##x\xa4\xb8:b\x99)JFQ\xe2n\xff\x00\x15\xff\xfb\xe3\xaa\x965\xc0^\x03_\xc7;s\xef\xc8\xc3\xba\xba\x0e\xac\x9e\x8e\xba:\x98\x83\x00\x0f\xc8\xcc8i2\xd2\x0c\xbb\xb6X\xdb\xbd\xc8\xf3j,\xf7 \xbc\x13\xe3$\xf5b\xa0\xa1\xa1\xc9\xc9\x0f\x1f\xe0\x9e\x9c\x1c\x02\xc1\x00\x88u`\x1d.+C\x12\x14t\x11\x82\xa67\xdc\xfcr\xb97\x10\xb4w\x06J\xd4\x81\x81\xfa\xfb\xfb[\x1fc\xb5\xb6\xe2\xa9W\xfd\x93\x00W\xf7p\x841#\nvM:\x80V\xad7\xf0\x9a\xf8\x8f\xdd\xdc\xc1\xca\\7\xe4E\x1ax&lt;\x00\x82G+\xa0=\xc6/5\xa9\xa95\x03\x00\xda?\xd9\x01\x9e\xb1$A\x07\x10(\xe0#\x9fvI={\xe0\xc8^\xd4;\x84\xad\xe1\x80\x06jjj\x06j84\x8c\x08o\x80\x05\x8a\xc6p\xfd\x1d\xbdf\x86&amp;TbDLK\xf9lZ\x1b\xd8,\xa0z\xbcE\xf0;E*\x86\xe3\xa6\xdc\x10\x1d\rX\xd1\xf1\xd1\x8f\'G\xa0O\xa8\xc4b\xb4\xc2c\x15\xdd\xeb,G\xd5\x8a+\x85\xbf\x9c\xeae\xe00`\x12\x1f\x8f\xa7\xf1\xf1\xeax\xb5Z\x9d\x9f\xaf\x8e\xaf\xe9\xafc\x10"\x08"\x80\xbf\xc3\x97\xd4C\x18\x14\xcc\x08PA\x8d\xbc0\xd1\x1c\x0c\x87\x03\xa3Z\r\x13\x8c\xa4Vge\xd9lYY\xf9\xf1\xadu\xb05\x11$\xb10\xca\xdbn\xd8\r\xbd\xaa\x97\xa3\x82\x8fo\x81p\x02\x1an\xcc\x87\t\xfc\xe5\xe7gea*\x1b\x06S\x83_,\x18\xe6\\\xe6\xab\xc1C\xb0\xa8\xde\x8e\xd6\x9aT\xafC[\xb6p\x8fK\xeak\\\xd9\xb2&gt;#\xbd\xb2\xbd\xe2d\xb3\xc5O\x8epmb\x91\'\xb3\x16\xfd\x00\xabn\xb2f+=\x1c\x050\xe4s!R\xe7y_\xb1I\x1cO%\x88\xe3\xca\x1a\xe8\xc0G2b\x9d\x9fpUm\x1a\x0c\x14\x04+5\xda[/\x0e\xa2\xd9\xd6\xdc\xfc-\xa7K\xcd\xcd^\xa8\xca-\xa5p\xe3+[~\x7f\x1d\x9c\x11Y\xe7[^\xb0\x96\xb5\x06f\xa4\xa3\xbf\xe6\x7fFe\xd9Zt:]\x8b\xddn?d\xb7\x17\xd8[@:\xcc\x94\xe2\xd5\xab\xcaW\x1cW\xcd\xe0\x08\x1ce\x03\xa6\xf9\xe8\xa8\xd2%\x83a\xa4\xe7\xc3\x9bx\xaeh\x98\xcafk\t\x0256\x86\x84\x14\x14\xc4\x15\x144\xea\x82\x828\xa6\x1c\x10\xc6\xf2\xbaVy\xa9\xbe\xe7!\x1c\xb2Wx\xe8\xa8\xa2\xd1\x05\x03\xdba\xaax\x1d\x9f\x9f\x9f\xef\x85\xd2\x05)\x83t\xca\xae\xae\x90\xc0\xc0\x90\xc0\x90\x82F`T\xba\x00\xa9\x1a+\xc7kYee\x90\xee\xf5`O/\xcbn\x94\xf3S\xc3\x17\xf7\xeb\xdf\xa4\xfe\xbe\xfc\xa1\x80JP\x97F#\x10\x94\t\x82\x83\x835]J\xa3\xcb\x95S\x9d\x92R\rh^\xc7\xc0:\x97\xf2\xdb\x7f\x0e\xf5\x90\xd4Z\x95\x88\x87\xa6\xe5O\xdc7=\x88\xba\xc6A5\xdb FA\xe0\x96Ri\x1c\x13\x08\x04\xc2\xcc2\xc0\xd2d\x03V\nv+\xc7[I|=z\xd4V\x90\xde7\xf1\x90\xd4\xf2q\xbaY\x14\xf7\x98,Q\xe9y\x97\x00\xc9f\xd3\xb5\xe0\xb4C\x98\x00K"\x11fff\x96I\x04\x92\xebmm[E\xc46Uo\xe9FZ\xda\xdd1k\xc5`\x8f\x98^\xf5=\x96h\t\r\xf6%c*n\xc1\xe9\xb6\xa0\xb0]\x1a\x89DPVV&amp;\x10H$\xd9Fe\x1b6\x08*\x08T/9]9y2\xe6D\xe0\xcd\xfa\xc1\x17\x88\x87S\x84t\x930Y\xf4\xe9y\xcd-:(_\x10\xbe8\xac.\x0e+3\xb6L \x94\x8c\x19\x95A\xae\x9c\xad@\xe5\x00UZ\xda\x8d\xb4+\x17CCO\xc7\x08\xadQPF\x8f\xef\xb1\xaa6&amp;,\xc9\xa7\xda\xcf7c(\xcc\xb3\x85\x06\xd9\xca\x96\x08\xc1.\x08\xd8\xd8X\xb6\xb1\xcd\xe5R\xa6\xb8p\xa8\xaa_B\xf9\x80j\xdf?n\x85\xfe\xed`nq\xb2\xe9\xc5\x92\xcf\xb1D\rk\xf7+\xf4\xc5\x85\x87\x1a\xbb\x80D\xc9Q\xe1\xc4\x1b\x8d\xd9c\x12\xa1\x10\xc7K\x88\x8b\x08X\x90ze\n\xc7\x85\xa9\xbe\xf8i\xee\xc9\x93[\xf2c\xd6{\x0f&amp;\xd6}\x8e%\x1du\x9a.\x9cJ\n\x8f\x04S A\xb0\n\xbd5\xcc\xbe&gt;&amp;\x8c\x8dMHLt\x1c;\x96 \xc9\xce6\x02Y\x9b\x0b\xdaWu\xdb\xcb\xb4\x1bW~\xfcsS\x13\x80\xfd=1\xfc\xe6\xbd\xc1\x15\x9f7.\x91\xdbiJ\xfekFnfbl\x02N\xb6\xae\xa5\xc0\x0e}\x1d7-a\xa2\xdc1\xe3p\xbc\x9fq$&amp;\x9c\xf8\xfe\xfa\xf56\xa3\xd1\xe82*]mm\x8f\xee\xde8\xfa\xcd\xbbwMsO\xa6\x8e\xe5\xb6G\xd5/\xf8\x1cK\xfav\xbc\xefLiFn\xa2\xfc\xf0\xe1\x04a\xb6\xae\xd9\xde\x1c\x17\x02\xdd=88,qfvjv\xd6\xe1\xa8\x9d\xad\x95\x1f\xdb\xfb\xbddL#\xd1tA\x95\x8dF\xa5\xf1\xd1\xe9\x9f\xde\x01W\xd39y\xa45\xca\xb2P\xe5\xfb\x9f\xad\xe3\x16}iF\xa4C.?\xbcWc\xbf\xf4\x1a:XRFF\xf8\xed\x7f\xcd\xcc\xce\xce~\xfa\xf7\xa7\xf7\xf0\x00\xcf2\xc3\xc2"K\xce\x1e\x89\x0c\xef\xb4\xc2\x99\xc2n\xbc\x1b\xda\x04Ts\xe7\xe4\xc1q\xe9\x0f\x9e\x8f\xfa\xbaq\x89\x16M\x17\xf4\xa7\n#\x13\x1d\xf2D\x81=\xef^}\xdf\xf3\xe7\xcf\x9e-\xcc\xff\xf6\xdd\x0f\xff\x99y?\xfb\xe9\x13\\\x9f\xa6fg~\xbe}U\x9fl\xb9pa~~^\xaf\x8f\x8ajv\xdd\xd97\xd747w\xae6p\xd8\x1a\xc5\x07\xd6\xb3\x0bg\x00+V\xee8~(\xaf\xc24&gt;~\x7f\xc2_\xa5\xd5N\x8c?\xff\xed\xea\xaf[\\S3\xb5\x8e#gK+\x06\'\x02\xba\xbb\xbb\xc7\xe1\x1f*\xde\xe45\xde\r\x9d\x9b\xfb\xe6\xd6\xd3\xe0\xb8\xce\x9b\xf3\xbe\xc7\x9a6U\x9c)-\x8c\xccL\xcc,\xb9Yo2\x99,\x16K\xdf\xf8 L\xfa\xf4\x97o\xbf\xaf\x85\x12N=\x8d\x90\'\x84\x1d\xefL\xaf\xff08~\x7f\xdcT\x9f\xac\xd7\'?x}\xe8\xe0\xbe/\xbe\n\x8d\x88\x1c\xeeL\x9fw\xfb\x1e\xab/Y_\xdc\x99\x1b\x16\x1by\xd3\x92\xfc\xdd\xe5\xabW3\xae\x9e\xfd!\xa3\xb8\xb88\xa90\xb7,A^\x0b`\x111\x07\x0e\x9c8\x1c\x1b\x18\xd7i\xcd\x08\x0f?[R\x18~\xfb\xe7_\x93\xd2\xe3bB\xf7\x85F\x04\x0fw\xbe\xd6\xfb~\xaf\x9e~^q\xa68c\xf8\xc8\x91\xc2{\x97\xdf;\x8e\x1f\xc9-)\x81\x0fwZ;\x87s\x05\xc2\x131\x11\xf2\xda\xa7\x11\'\xbf&gt;\t\x1b\xe0\x9d\xb1\xe1\xce\xce\x92\xdc@\x8ddo\xc4\xd4/\xbf\xdc\xb6JN\x9e&gt;\rXq\xc5\xa5&lt;\xb8e\x81\x95\x984\x9c\x9b\xdb\x9eQ\xfb4V\x13\x18w\xdejMj/no?\x1f\xa2I\xf8:\xe6\xc0\xe1Zy\xcc\xc5\x1f\x8f\x1e\xbdx\'\xbb /\xbd\xbd\xdd\x1a\x172v\xf0D\xc4\xb9\xb9\xb9\xb0\xe0\x03\'\xff\x12s&lt;\xf0P\xbb\xef\xdd\x12-Z,gJ\x93\xe2B\xe2\xda\xc3\xe4\t\x9a\x02{\xde\xb5\xf4\xf4\xe2\xff\xb2j\xfe\xafi\xadw\x1c\x1f:!?\x89"\x01\xe1\x9c\x9d\x83\x11\xbf\x84\x9a\x13M$G\r5\xa7\xa9\x89\xa2\xb2\xa3\xe6\x8b\x8dK\x8d\xe6`D4=&amp;\xb9J\xdb\xe9"\xea\xbdM\xab\xc1\xb4*\x06SS\xb6\xda\xa44_n\xda\x8e\x0c\x92\xde\xc5vK\xc3\x1d\xd4\xdc\xfd\xd0\xdc^\xb2A\xa0)\xdb\x0f\xd9\xa0\xd0\x0b\xddX\xd9\x1e\xcb\xfe\x84\xf3\x01\xe1\xfc\xf6\xbcx?\x9f\xe7s\xde\xef\xe7\xe8\x9bJ\xa7]^I\x9f\x9f\x02\xbb\xa7@\x13u&gt;\x1b\xa53\x0e\xad6\xedp\xb84r1\x9d\xa7\x1e\x1dx\xc4\xd50Jt=\xf5\xba\xca\x8c_:7\xfd}"2hpy{\xe5\x1d\n\x05W\xa2\x89\xee\xb9\x82\x8bF\xbb\xb6\\+\xef\x85\xc4\xfey\x1d\xde\x07\x05\xb0\x83,\x9bx\xaa\xd5N\xf9\x8cF\x8d&lt;\xa3F2\xce\xbc\xa5\x94%\xe2$\x99gI\xe4\xa14\xe3\x86\xab\xf9/\x00k\xd0!\x97\xf7^\x10\xf1\x10\xcd\xc5\xd0d\xafWc\xf4ik\xab\xab\xb5\x9a\xab3E\xd0\xce|"{z\xf0\xc8x[\x9bNO\xd9}\x8b15\xac\xecs\xc7\xc3\xec\x92\xb0\x98$i1"\xd7\xa4_3\x8c\xd5\xd4\xf4zb\xdcj\x05X,\xa5\x88+\x8f\x86\xdaF\xe4.\x87\xfdeegg\xb5\xb6z;\xc4\xa1e=\xb3\x01,\x9b}\xf6CM\xab\xd5\x9a^N\xf9\xe4b\x85\x7f\x1e6\x93\xaalV\x9fL\xc6%O\xe5\xc1\xf4sf?\xff7?\x7f\xfd\xfc0b\xad8@\x1f\xad+X\xbdKm\xa3\xa3\xbe\x8a\xed\xee\xdd\xfbO~xX)\xef|\xe96/\xe46\xc2lAJ\xfbPk\xb2\xee\xd8\x1eo\xfe~.\xfdl\xcd\xb3\x8eC\xaa\xd2\x81*\xb9[X\x06\xea\xa6\x9f7_g0f4\x1d/\xed\xdd\x1c\xdf\xa9\x00,D\xb1\xde\xc9E\x96|\x83\xb6\xcd\xef~\xf3\xbb\x9f\xfd\xe2\xb7\x7f\xfd\xc3\x93\xb9\x8a\xc3\xdd\x93\xcb]\n\xd7\x03\x84k\'b\xbb\xfb\xdd\xe6\x8d_\xff\xf4\xc1\xdf\xb6*3\xfd\x9d\x84\xa0t\xc0\'w\x0bn\xaf&amp;\x9a\xfe\xf3\x9fZ\xd7\x99\xbb\xe7j&gt;\xfb\xb9\xe6\xcb\xd5J\x03K-\xf2+8\x12o\xed\xc9\x93\xc3\xc3\x1b\x0f\x1e\xdc\xb8\xff\xbd\xed\xf1\xdc\x9e\x17`-\xcc\x86\x13\x81@&lt;\xfape\xeb\x9f\xdf\xdf\xbf\xf1\xe0\xc6J\xf7\xc3?\xa6\xa7q\xd0\xf3X8Y\x88\xf5\x86\x1c{\xb5\xcb\xbb=G\x8c\xc9\xd5ttQ\x8dD\xb5\x95\x8a\xcb\xbb\xad\xf4+a\xd6\x88\xd1hL\xd7*\xd6\xc3\xb9\xb9\xb9\x9d\xda\x9e+\xd6\xd2\xb2 \xdb\r\'\x12\xe1\xa4\xdaU\xaeD"\x13\x87s;{Kw\xbej\xc5\t\x15\x96-\x05\xc8bn\xd1\x11\xbc\x98\xd1\x07\x16\xce\x98\xb3\xa8\xc797W\x12\xac\x01\xb58J%\x01\xf3\x86\xba\xee\xddk\x07=\xef\xd3\x96+;\xe5h\xae\x05\xd8\xc2\x8dd\x80\xcfW\x91\xc5eG\xad&lt;\xd5\xdd\xed\xd0pS\xd9W)\x94\x12`Y\xac\xae\x87r\xa1\x90\xd3\xccW\x85\x87\x99\xc3jz\xb1\x9c\xe9\x13K\xb4\x11\x87\x9c\xa7$p\x18\xe6L\xb7\xb6\x8a\xe5A07\xb5Z\x87&amp;\x96\x01\xce^6K&amp;\xb0R\xa9\xae\x83\x9c\x9a\xbdry/(\xe1Q\xf3)\n\xd5\xab\xf8\x18\xc6\xd6A1\x97\x04\x12`\x96\xe4\xc7#\xe6\xb0n\xc1-)\xd6H:\xe2x\nC\x80\npq\xc5\x12\xaf\xcb\xe1p\x18\x97\xe4\xeeFX\x94m$\xc3\x81z)[\x02\x82\x152\xde\xa0+\xe8\x95pq\x08\xd5I\xa5l\xbe\x90o\x812\xd1\xb8\n\x13b2\x06\xb1~\x02\xb0\x92N\x96\xa3\xb2\x88\xc0p#\xe9\xf0\xb8,\xf1S\xb9wI\xde\xdb\xebnHe.\x98\x0bd\x18pa%!\x9f\x9c-\xc8zb\xbdn\xb7{9\x9e\x07oi\x0b\x00\x13\xa0\xe6hQ\xc5\'U\x1f\x87\x19T\xeb\x05\xdd"\xcbp]\xdaE1\'\xee4\xab\xd5\xcb\x88\xa4\xd7\x0b&amp;&gt;X:c\x96\xc9Z@\xae($\x1b\\\xe0\xad\x88\x05vg/m\xc8@4r\xf7\x00\xde"\xa4\xb7\xa8\xf8|\x9d3\x98T%.\t?^cP\xadc5\x9d\x8fKB\xda\x10\x8b\x03"\xd72(w,\xd6\xdb\xb8\xcf\x02?\x10\x15\xabqs&lt;\xd9H\x85\x89z]\x15\x9e\x9d-\x14@*k\xa4IY\xa1\np\x01\x96%\xefN&amp;\xc2\xbb\xd8\xd5oN\x99\xc3:\xe2Q\xe6\x8b\x9a\x90\xb6m\x9aG\xc7i:\xde`So7R\xa1\xccI\xd3f\xbaX\xa4\xe3\xc90\x18\x10\x89:[\xa8J\xce\xce\xceV\xab\xc5b\x15\xd4gV\x81P(\x05Xd\x92\x9f%\xaf2\xb8\x89\xc7D|!7=\x96\x1e\x1b\xc2\xe1"M\xd3\xc5\xaa3N\xf3`\x18&lt;\xe1\xf02\rAy\xb8H\x86\x13\xf5D\x82$U*rw\x17\x04}(\x9f\x87\xc01\x08\x84\x1b\xa8\x98 \xbf\xbd\xdb\xf3~#!(\x1c3\x86\xd5|\x8c\xcbz\xb6S]\xda\xc9&gt;\x11\x0eP `\x8eq\xb8S$"p.\xd7\x9d\x81t\x14A(Q\x90\xeb\xb1:I\x92\x81\xf0g*\x08BQ\xa0\x14(\x95\x14\xc3\x048Rx\xffixW(\xbd\xce\xe0\x94\xc7\xcd\xb4H:\xad\x1d\xe9S*\x8ay\x14E)\x8aZ\x07\xa5\xe0r\xb9j|~~\xde\xef\xf9oJ\x95===\x10\xd6\xeb\t\x01\n\xb8\x1aXz=\xc0\xaa\xf3\x85\x18\xc0\x82\xbc\xf9\xea\xa7\xf7W\x03\x0c\xb6V\xd3\x19\x0cS\x1eJd\xe8\xb8\xa0P\x80\xd5\x00\x95\x7f}\x7f_\xd4\x87dX\x84?E\xa5&lt;\xa95\nM\x80\xd5\x1b\x19\xba\x84\xe9\xab\x85x\xb1\xa1\x96\x1eh\xc5/5n!\x04\xb8D\x15\xc8\x9d_ O\x19t[\x1fz\x16\x9c\xb8e-=\xd9\xda\xa9L\xe9t@\xab\xd4\xfe\xbahZ\x12C\xb8\xa95\xd14\x0b\xc7\xe3\x8d\x11E\xf1p)\x00\x83\xccUp\x14`\x9c\xf8,V\xe9\xe0\xf4\xb4\xf4J\n#\x98\xcay&gt;We\x10\xab\xf9l\xf8\xdc\x82\x99\xf0\x94A\xaa\xde\xf7\xccK\xfd\x14\xa5\x14u\x8a\xe5^\xc9\xb6\xb3O\\~X\x1b\x93\xc8\xddN\x88j_\xbd\xfdI"\xd5\x0f\xc7\x8b\x05\x99[\xcd\xc9\xa3z\x8b\x80\r\xb6\xf6\xb4$\xb0\xb0\xbaJl\xe4\xd3\xc5\x8d\x03\x06\xfd\xd6\x91\xfb\xdc\xf05\xf5\xab\x97\x03\x1d\x9d\xfb\x1e\xcf\xbc\x9f"p\x0e"\xf7\xca\xd5\xf18\x12\xad\x95o\xce,\xba\\\x12|\xa8\xb5\xeb\xce\x1dN\xb1P%\x93U\xb3;\x96qV\xf3:\xb6\xf0\xa0\xa1\x96@9":\xcd\x9e\xff\xc7\xfb\x96#\x06\xed\xe9\x0b\x11\xddr9\xe8\xb1\x1b\xdb/\x88\xd6\xd6RJ\x1cVK\xbcAy\xc6Y\xac\xd2\xd3\x1dc\xdd\xdd\xbet\x1a\x90\xb5\x8d~\xfdf\x88\xd0\xa1$\xe0\x92]&gt;\x97[\x8eC\x8d\xce\xcab\x98\x14\x1f\xfb\xea\xc0\xfd\xfe\x9bk\xfa\x17\x0c\x9a\xe6[C0\x1a\xcf\xc0v\xc3\xe4P\xbf\xd2O)\xe0m\xb7\xc6\xa5\x01\x01\x15\xe6u\x8c\rLY\xc7\xad\x87&amp;\xbb\xe9p\xd0T6\xf8\xda\x15\n\x1e\x81Bt&amp;z&gt;(KZ0&gt;\x1b\x9cC\x7f\xa7\xa9\x9f\x7fm8P\xd71\x8a\xd5\x85\x10\xfa\xbc\xd3`\x1ak\x9f&amp;P\x82\xd7Hd\xae\xde\x8e\x8e\x91Q\xa3\xcfn]\xb1\xdd\xb5mnMLl\xae\x00W8\x17\x01)w\xf4\xd9\x10,\x96DA\x87\xebU\tK\x9d\xad\xa2\x86\x06\xf1@\x02\xcb\x86\xcd\xc7L\xde\xe7\xbea\x11(\x0e_\xb1\x0e\x8c\xc0y\x90\xad$\xb1\xa0\xc3a0\x18&amp;"\x13\x91\x15\xe0\x9a\xe7\xe6\x1e\xdbl[[\x91J\xadV\xd9\xb1\x9a\xec\x86\xee\xee\x19\x9fq,z\xce\x8cZ\xc2d \xa0S\xb6\x1b(\xe0/\x84E\x9aI\xb5\x9a\xcf \x02\x87\xa06\xeb\x95IN\xd1\xe9\xf6\xc6rA\x87u|eee\xdc4\x18\xb1\xcf\xb4ut\x8c\x0e\x18}\xa1v\x1e\xa7S\xd1\xdf\xde}s\xcad5\x19\xacvc\xd4\t\xe9\xc9b\x18\xa5\xfag\xec\xa2@ \x11\x0e\xeb\x18\xfd\x92~\xddC))\xff\xbd\x95\xee\x81\x11D\x9d\x89\xb9cr\xabmke|\xb0{\xe0\xde\x9d\xcei1\x82\xbc;ys\xf2\x16a\xc1`\xba\xae\xed{\xf6G\xaf\x18\xec\x83\x13\x83{\x1c}\x98\x8c\x17qe\xbf\xdd\xe0\x07\x8f w3\xf9\xef\xca\xa6\xe6\xebg\x1f\xf6\xf7\xff\xb3e2N\x8e!\x88z{y\xd1:n\x1b\xb7\xff\xea\xdb;\xfd\xcf\xba\x10\xe4\xed\xdbw\xef\xde\x82:\x81y&lt;\x9eb=\xf5\xe8\xd1\xda\x1b\xfb\xe1\x84\xc9\xc7\xd5\xa1\xf06\xa7St\xcf\xfe\xcbG\x16\x81\x10\xcb\xbe`4W7557\x7f\xf1\xc5\xeb\t\xeb\x95\xd1\xb6\x0e\x0e\x8b+\xd6\x8e\xdb6\x07\xbf\xbe\xd3\xb1\xb4\xd4\xf6\xaf\xff\xd7\x8f?\xbe=\xf9\xf7\xb7\'\'\'\xefFBm\xfdo\x0c[V\xd3\x00.\xd5qX\xac\xfe\xa1\x19\xfb\x95\x0fGG\xc7\xc7\xb7\xfe\xc7\xcb\x19\xbe\xa6\x91\xa7q\xbc\xab\x08\xbe\xb9`\x90\x80Gr\t\x12V:\x9c\xd3\x99\x8c\xc7\xa4v\xe0\xd0e2#\xd4\x17\x99\xce\xf8\xc22\x9c\xaeA}\xb1\x19\x8b\x99\xb8/2{\xbe1\xb8\x99\xb2\n\xf5M\xb2\xc6\x9cw-\x84\xa2\x12c\xb7\xd9\x94 i\x9a4^].t\xcb\xdd\xe6\x12Rz\t\xa5\xa1\x90R\xf6 \t\\\xae\xb4\xf7L\xef_\xd8\xc9\xe3\x8c\xe8+?|\x7f\xcf\xf3\xfc~\xcf\xcf\xe77\xbf\xf4\xce&lt;\x94\xe9]\x0fbO9\x85\xcf\x1b\x0c&amp;2)\xc4b\xa9\xe8\xe4\xc3kl\xfa\xdd\xc1\xb3\x83\x83\xfdW/\xf7\x0f\x8e\xdf\xbcY\xda\xdb^?V\x1f\xff\xfdV1\x15\xf1\xd3\xe8\x885\xce\x04CX9\xc1\xb5\x1e\x98/\xe8\xd3\xe9o~\xf0\xe3\xa2\xa0&amp;\xf8\xe0\x98\x97\xe1)_jej7E\xbd;&lt;&lt;&lt;:\\Z:|\xfe\xd3\xe1\xd1\xc4\xd2\xf8\xc4\xd1\xf8\xd2\xe1\xe2\xb7\xf3\x82/I%\t\x875\xeeEf\x10LV^L\xe8\xd5dc\x9ex\x1b\x138\x9a\xc5\xc8\x00\x12\xa2\xe1gS\x8b\xff|vx\xb4t\xa4]GK\xf0611&gt;&gt;\x01d/\x16R4+\x8a\xbc\xcb\x16\xb6#3\x92\x17Q\xd5\xbf\xe9\xd7I\xdc\xf5\xd6\x9f\xa4\xa9`^D\x99\xbc\xaa\xaa\x14[|\xfb\xe4\xd1\x11\x80\x1d\xfe\xdf\x96\x8e\x96\xf6\xf6\xc0\x83\x8e\xb9\xe2hY*\x93$\x9e\xcb"b\x88\xf0\x96\xeb\t\x1d;\x92\xcc\xff\x88\xf8\xb9tY\xa4\xe4r3\xcd%C\x18:\x19}w\xa0\xd9\xe9\xe9\xeb\'\xcf~88\xdb\x7f\xff\xfe\xec\xec\xecF\x07\x1e\xae\xda\x99r \xe7$Q%\x9f\x17)E\xd1\xb1\xfb\xd4\xfc$Bsr=M%\x94&lt;\xcf\xa2Mo\x00\x9b\xfd\xcf\xcb\x97\'\'Z\x10B\x8a89\x01\xaa\x0f\xdb\x95\xf0V\xa5\x12\xce1vO.K\x8a\xf5&amp;\xc2R\xaa\xaac\x13\xb1\xf99\xcdQ\t\x8a\xa3\xd2\xaa\x9cG\x18\xdc\x85\x94w\xca\xcd\xf6\xab\x93\x13-\x14\x0f\x0e^\x9e\xbc?\x0b\x7f\xf8\xf0\xcdV\xc5\x06\x0be\xa3#\x93\xa9e\xebj\xb3\x90N+;z\xb6o\xdd\x04\xa1TE\x95\x15\n\xc50;\x8e\xdb\x99v\xd6\xde\xdc\x87&lt;\xfa\xf3\xcf0\x94\xfb\xfbg#\x95o\xfe\xbaU\xc9\x01\xd5\xb4\xcd\x9a\xcb\x16je\x14\xdd)\xd7\xd3\xc7z\xb6\x9ev\xbd\xf3\xd10\x82\xe0\xec"b\xc7\xed\xda\x95\xdd\xdc,\x8c\xf5\xbf\xfah\xfb\xaeZ\x18\x12|\xa5b\xbbd3V\x8c\x99\\\xad\x99\xcd\xcar\xba\\Wtml6\x9f\xfa|I5\x91T\xebb\xbe\x80\xb9&lt;\xf8H\xad\xd0\xae\xa7\xebiYU\x15\x05UDQl2\xb5\xf0\xa5\xe9\xce8,b\x1d\xb5l\xa1Yk\xa7\xeb\xd9\xf6\x0f\x13\xbavR&gt;\xe28\x1fdl5\xcd\xd7\x9by\x04\xf7\xe0x\xb6\x19\xa5\x84Tjqa1\xb2\x18\x99\xf3\xb1\xa4=7=}\xc9\x91\rg@\xc9,C\x16\xb2;M5}\xac\'\x14$\xd4\x17\xad\x16M\xfb\xa8\x84\xac6\x19\xfb\x08\x8e\xf7\xd5\x9c\xd2\xe8\xe4\xda\\j\x18&amp;\xa39\xf7E\x83\xc76==m3\x86+\xd9B6\xbbi\xcf\xb6\x9bM\xd0k[W\xb1\xcc\xe6\'\xb1\x16,\xa5\x80\x8a\xaa\xe7I\x1c\xe4\xf2\xe0\xf6A/\xd6,\x8bi\x11C\\\xddW\xb5Z\xd5f\xeb\x0cg\xda\t\x85)\x17\x9ayY\xac+\xf5%}\xbba\xcd\x8f\x9e\xfa\x05\x9a\x8a&amp;\xb8$\xa5"N\xdc\xd3\xdd3hw\xba\x18/\x02\x16\x18r\xf6\rt\xda\xacVcg\xc5E\xec\xa4wv\xda\xb2X&amp;\xd1\xb4p\xaaw\x0b\xf8\xc4\x0b\xbf\xe0o%`\x95\x97\x90\xf3^\xd7\xe0`GG\xcfP 0\x06Pc\x81\xa1!\xcf\x15\x87u\xc0q5\x97)\x88i\xcd\x14E,\xf3J\xeb\'\xbd\x0f\x18\x8c\xbf\x03\xcf\xa6A1\xf015\x8fYz:~\xd7\xdbo\xe8\xef%\xc8~\xb0\xefM}WF\xfa\xfa&lt;8\x96\xde\xa9+\xb2\xcaq\xb2H&amp;\xe8\x84\xde\xe7D\xcc]\xa7\xfe\x85\xc5\xa7B\xcb\x1f\x89=mQ\xb2d\xb0@\xc1\xf1\xd9wD\x1d\x0b\x06\xbf3tX\xf0\xee\x1e\x8b\x89,\x8b\x89t\x1b\x92\x06\xa7F\x134\xe5\xdf\x99\xd0[-\xf3\x1bzxx!\x16\x81W+\xa1(\xb2\x8c\x90\xa3\xa33|\xba.\x86fg\x83\xbd\xfd\xbd\x9f\x85f\xd8|9[\xa7(\xaaE\xcb\x89IN\x88\x90\xc7]zcum\xb3\\\xa4\xb4\xb0\xba\xba\xb0\xb0\xe8\x072J\xe5h\xf0\xfe\x8fn\x94\xe0y&gt;_\x8f&amp;\xeau\xf8\xc2)\t\xdaG\x0b\x82?%\xe1ot?\xbbb~\x14B\xb9\x85\xd2j\t\xb8V\x17!(\x05N\x10(N\x91!\xd5\xab\n\xe8\xa7(\xf5r;M\xd1\x1c\xc7\xb5bB,2\xc5\xe2}\xdbzS]\xe8\xda\xe3\x83\xa8oxc\xe3\xcf\x1b\xab\xa5\x05\xad\xdd\x81\x16|\xb4\x8f\x13(5AQ\xda\x84\x99\x96\xeb \x94@\xd1\xb1\xc5\xc6|dj\xc6\x9e\x19\xd9\xd3\x1d\xcb\xbc\x17\xc20\xd6\xdf\xb8s\xe7\xf6\xed\xe5U\x98rb-\xc1\'\x08Pphw\x8cN&amp;d\xa0k=\x85\xd2\x7f\xb51\xe5/F\x9d\xd58\xbe\xae\xbfZ\xeb!\x02\x0b\xf1\xfe\x08\x80\xdd_\xde\xf8\x0bL\x851\xff\x14\x14\x8d\xab\xf3\xf3\xc3Pd\xfb|\x82\xcf\x1f\x1bn\xfdX\xda\x98O\xb9\x93\xb3\xaej5\xee\xd1\xff\x1c\x99y=\x84by\x94\xa3c\xc3%PlyCs\xfe\xe1y\x18\xd5Ricu8\xe2\x8f,\x82N\xab\xa5\xd2pj\xae\xe8\x9eD2\xd5p&amp;~\x1eX(\x814\t\x96M\n\xa9\xc8|\xa3\xb4\xbc\xbc\xbc\xb1\xb1\\\x02\xc0\xdb\xbf\xba\xbd|\xa71&lt;\xbcZ\x02\xc2\xc6\x8a\xbb\xe8v\'Q\xe7&amp;`\xe1\x13\x17\xce\x01\x8bD\x18\x86\x94B3\xee9\x00\xdb\xdd\x00 \xb8~\xfd\t\xd8}\xed\xf3\xd7w\x1a\xf3+\x1a\xd5\x0c\x1bb\xec\xd5j8^;\x17,\x0cA\xca\x08!\x85\xd8\xa8\x7fj%5\xb5{\xef[\xedh\xcf\xfdOn\xdf\x87\xfb7\x1b\x8d\xdd\x95\xe2\xa4;\xfa\xf0\xda5\x14\x0b8a\xb5\xea\x08\x8f\x9f\x0b\x16\x89a\x88\x84\x06%\x96v\xaf\xad\xccM\xed&gt;\xd6\xc0\xb4\x13Q\xdaA\xa4{\xbbkk\xc5\xc9\xc9\xd1\xcb3!L\xb2o\x86+\x9d\x8e\xea\xc49D"\xa8E"\x04\x81J\x12\x9ftO\xba\xddE(\xfa\xef6\xee\x01\xd2\xd7\xf7v\x1f\xef\xde]q\xb3\xd1k\xecl\x10\xe5Q\x89\xa9\x86+\xd6sR\x8b\xc0H2\x88a(?*G\xa3Q\xb7Op\x17\xd7\xa6v\x1b\x8d\xc6\xe3\xa9\xa9\xbb+k\xeeQTk\x82c\x104O\x16rF\xa3\xd5\x91;\x0f\xdf\x92\xfa\x01\x0b\xc0P\x94\x9f\xa5(&gt;\x9a\xe4\x92\xd1\xc9\xe2\\je%5\x97\x9a\xf2\'gP(\xa3\xc5\xb6\xbdLH^\xbb\xf6\x0f\xe7\x95\xcc\xb9\xb8&lt;\x01\\\x08I\x88b0\xcfOF\xf9d\x92\xe2y6\t\xa9\xdeM\xfb\xfc+Q\xcc[h7\x89f\xd6\xeee\\\xf1\x8c\x15\xd4\x8a\xdf&lt;\x1f,\x82\xc0\x08\x88\xc7&lt;\x16\x02\xb5\xa0\xdc\xe0!\x8d%}Pp\'\xa33\x84=\x9e\xd9\xdc\xcc6\xdb\xd5\xcd\xec\x88#g5\x1a\xaf\x8e\xac\x9fK:%\x11\x08F\x02\xc1\x82HPV\xe5\x84,\xe7E\x02\xe5y\x18U\x16\xc2\x94\xa9\xd5\xaa\xd5j6\x1c\x0e\xd7\xe2#V\xb0\xab\xdd{\xe7\x82e\x18C\xb4\x1c\x81@HB\xbd\xa3\x88\xa8\xb6\xd3\x8c\x86\x82\x84\x84"\x08\x13pf\xc2\xb5\xcdje+\x8c\x0f\x0c\x80X\xc6\x01\x8f\xfe\x0b\x1b\xf3\x83\x10a0\x99\xc6H\xd2\xcb\x80\x87\x81w\xe7\xb1\xa0$by)\x88\x94\t\x82\x1c\xf3\x0e\xf6e\xc2\x90\xdb\xb7\xb6rx\xdca\xb4u\x1a\xad}\xba\xafN\xcd]\x8fxb\xccd\n\x04\x10\xaf\xcb\xc5 X\x00\xd8\xa4PH\xd2\x9c\x8d\x81\x8al\xa8{\xd0\x13\xcf\xc1\x04}i+\x1c\x8f\x0fX;\xb5f\x03\xec\x8d\xde\x8f \xe9:e\x83\x1a\x967\x00\x81\xe6\xf2z\xcb\x18*\x11\x92D\x04E\x91q\xba\x9c.CO\x87s$\x9e\x0b\xe7*\x95\x9c\xc3a\x05\xb5:\x8d}\xbd\xd7O\x9f?\x18\xbf\xa0\xdf.e\xd7k\x9a\r"0\x88&amp;\xef\xd0\x90k\xc8\xeb\r\x90R0(IA"\x8818\xeet\xf6\x98:@.\xa3\xd5X\xb1uZ\xad\x0eP\xcbh\xfc\xfd\xf7\xd7\xaf?\xbc\xf5jO\xa7\xa14w\x8d\xbfn\xf9\xd8 i\x82\xa2\xcb\xe2\x05\xac\x8f\\\xbd\xdf}\xb4\x8b\x06O\x9fg\xb0\xc7b\xe9qe\xac\x0eG\xa7\r\x12\xbc\xe6\xf1\x80\xf5\xc7\xcb_|\xf1\xf0\xd6\xbfs7\xf5(\xae\xbb\xd6O\xd3\xbe\xe2$+\x91\x96\x1e\xe0\x02\xff\xf2\x06\x86,&amp;\x83\xa1\xff\xd3O/~~\xf9\xcb\xdf\xfe\xe9\xc6\rSG\x87\xc5\xd2}e@sv\x9b\x06\x06ch\xbdr\xe3\x0f_}u\xf9\xcb\x7f\xfd\xf7\xfd\xb6\xf6\x14\x9e_x\xb3\xe6\xb4\xb8\xb2Vt\'Y\t\xb1X\xfe\xc7\xca\xf9\xc64\x91\xe6q\xdc\x96v\xda)3L)\xeb\xc4\x19\x18(\xdb\xb4\xd6Y\xd6\x15i\xa5vkW\xba\x0bn\xacYY=c$\'\x843\x1bKK\xa2\xc7\x99\x92\x18x\x01{\xc6\x8b\xc6ew9\'\x1a\x88[\xc0\xb8\xbe\xdad\xe3\x1f\x8e}q\xc4\xd3\x17&amp;5\x1b\xa5\x18r\x8dJ\xc2\x1b\x96\xe6X\xa2\xbc\xc0\x9c\xf1r\xdf\xdf\x0c\xdc^\xee\xcf\xde\xee\xde&gt;M\xdbHR\x9fO\xbf\xbf\xef\xef\xfb&lt;\x85\xa7S\xeftZ\x0f\x10X\x03@\xcc\x9eX,\x94~\xef\xd4\xe1Ww\xf7\x1e\xab\xa8\xdfY\xe5+\xf3\x95\x96\xeaX\xa5\xc0*\n\x0f\xbe\xda\xda30\xf0\xf9\xdc\xb3\x173O\x1e\xdc\xfa\xf9.\xc1c\xb7\xdb\xff\xf4\xd7\xd9\xaf\xb6\xd3\x81R\xa8eu6VX\x9d\xd6\x12\xab\xb5\xb1\xa1\xa2\xc4l6Wz\xdb\xd3\xa7N\xa5[\x03\x07\x8f\x95\xef\xac\n\x97\xd5\xfa\x8a6#\x1aP\xc8R&lt;\x85\xcb/\xb5\xb6~\xfcqznj\xea\xab\x91\x91\xcc\xfd{\x0f\x7f\x0e00\x9d8\xf3\x97\xbf\x15\xaen\xdf&gt;\xf9\xdb}\x1f\xec?d\xb6\x92\xaf*\x88\xab\xb1\x81N\'\x05\x80\xb5or\xb2\x85\x0e\xe6\x0e\x96W\xc5\xcb\x8aJ7C,H\xa5k\x16\xdfy\xf0\xec\xd9\xb7\xdeJ\xcd%\xa6\x9e\x8e\x80\x8b\x0f&gt;yt\xc2\xfe\xff5\xa6}\xfd\x99G\xd33\xf3+K\xf9O&amp;\'\'\xf7]\xd85TIX\x8d\xd0\x8b\x8c\x04\xc1\xe8\xd4\x94\xd7\xdf\x92\xde\x97\x8aU\x06\x9c\x15pV\x11\xe9TD\x8f\x06V\xd5\xb1K\xbb7n\x1cX\xc5\x1aQ]\xd2\xc8\xcc\xdd[?\xfd\x17\x13v\xfb\xc9G\xd3\xf7\x83\x8a\xaa\x14\x96\xf2\x9f\xef\x03Ugg\x9b\xa7\xeb@\x03\x12\x0bD\xe0\xear6\x82+\xe0\xf1\x86ZR\xa1\x98\xa7\xa4\xa2\x1c\xce\x02N\x19-&lt;\xabj\xd5F\xfb{\x0f\xee\xde\xdd\x03\xac\x95\xccH&amp;\xa3\x988%\xa3\x8e\xcc&lt;\xf8I\x9di_\x7f\xf2\xe1\xdd\xf9\xa0 \xc8\xaa,\x15&amp;\n/\xd3\x98\xb9\xbd\xf3u\x0fP\x1a\xac\x8dV\x1a%\x01sWcEEI\xc0\x1bJ\x85\xfc\xde\x80\xb3\x1e%$?\x15\xf9(\x1dJ\xa9\x1fK\xcb\xe2{/_\xee\xfd\xfd@&gt;\x91x\x9a\xc9d\x82\x8a\xc9\xa4f\x14\x91\x95\xef\xdf=\xf3c\xb3\xccn?s\xf7\xbej\xb39\\\xbc(\x8b\xfc\xdc\x84\xf6\xb4%\x14j\xf7\xfb\x0f\x99\xbb\x0e8i\x94\xe8\\f\xac\x90H\t:\x15\x11\xab4WT\x85k\xcb\xbeF\xb6\x97\xf9\xf4u\x9a\xce\xd7\x94\x16\xc5\xa3\x83\x97\xfb/\x0f\x14\x12\x89\x97\x06\x16\'\x05e\xc6fcY\xbaD\x8a\xfd\xc7(\xf5\x87\xe9\xc72\xcb\xda\x1c\x82\x85\xe3%\x96_\xd4\xb4|\xda\x8fq\xcdCX\xd6\x92U,&lt;\x99\x11\x11\xe6\xca\x98\xdf\xeb\t\x94\xd4\x03\xab\xf6k\n\xabx8\xbe\xcaEU,\xef\xef\xef?\xac%\x92\x9f\x041x\x81\x93\x94 \xfd\xef\xac\xa8&gt;\xbew\xe3\x07\x83\xd9o\xdc{,B)\x81a\x04\x0bc\xe3y&gt;W\xd0\n\xef\xf9c1(\xd2Ei\x05\x1e\xab\xd9j\x8c\x9b\x81\x80\xa7\xd2\x0b,\xb3\xb5bg\x148\xd0\'\x1e\x0e\x87\xe3TH\xfa+KY&lt;z|o\xff\xf3\x89D\xe4\xcf\x8a\xa2\xa8\x9c\x0bX\xaa\x02,QdE*\xa5\xfd\x87%\xe7\x83\xfb\x80\xb29,n\x06j\x99\x18\x86\xe7\xc7\xe74m\xce\x1f\xbb\x86\xb9\x0f446P\x11\xadf\xa7\xfe--8\xfeR%\xb0\xd0\x87\xbdp|GG\xbc\xb6\xd6\x17\x0e\x1b\\\x88\n\x92\xab\xe3\xf8\xf1\xc1\x95\xee\xbe\x17\xc3\x8a*I&amp;\x97IR9E\xb59XL#\xb2\xea\xfc\x83\x93\xeb\xffw\xfd\x1e\xce\x90\xa7\x1c\x8c\xa5X\xe0\xf1\xe82\x998\xce4\xabi\x85\xb4\xb7\xb2\xd2\xdc\xd0\xd0\xd4TW\xe14\xd4*1\x1b\xc6\xf7\xc6\xfc\xa1P\xecl\xa0w\xb0*\xda\x11\x8d\xd7\xc6u\xac\xb0\xafV\x0f\t\xf4eG\xc7\xf9|$\xb9\x02*\x9e3\t\x9c\xac\xf0\xbc"\xa2\x0c"\n\t\xb0\x99G\xdf\xef}\xbb\xfd\xc6t\x10\x96"*\xb7\x85a\x1d\x02]j\x08\\\xe3y-\xfb\x94\x8cE\x1b\x9a\xba\n\xac\x8ap\x95\x95\xbe\x94H\xd6\xf2 \xe6\xd3\xa9\x9eK\x07\xcf\x97G\xa3\xf1\x8ep4\x1c\x8d\xeaXh\xcb\r\xa5\x9b\xd1\x98\xf1\x8d\x85H\xf7\xa2$\xe1\x1d\x9a\x18^\tJ\xac\xa8\xc0\xb36\x11\x1e\x13E13\xfd}\x16\xb3\x9f0\xeag#*\x81\x11\x18\x1b=\x9b\x04\xc1\xc4\xc1\xf4\x0b\x87\xcd%\xc8\xa9\xc6\xba\xbaz\x1d\x8b\xfa\x10\\\x81\x00b&gt;\x16J\r\xf4\\\xda}\x0cX\x1dUUU\xf0X\xf4H\xdc\x08/Z\x87\xca\xe2\xcf\xb5n-\xc7s\x84\xc5I\x19 \xd9lA\x9a\x8a\xfa\x8ae)-N\xfe7\xb0\xf5\xb7\x9e\x04m\x06\x15Tb\x18\x97\x85Y\x95\xcb\xc4\x8dA\xae9\xaf\x13\xcbN]]M\r\xf4r\xd2"\xed\x01\x98\xa7\x12\xd6\xeaApA\xad\xcb\xc0\x8aV\xe9\x07\xf0\xc8[\x84\xb5\x81\xdcUV\xbe\xa2M\xe4\xc7\r,\x88\xc5q6\xc6!\x07y\x9a\xcb\xe0b\x833\x8f\xfe\xe3\xdf\xb3\xed\'\xef&gt;fW\xa9\x18\x8b\x85\xba\xb0\xd8\x02,\xb7K/\xe3l6\xbb\xf0\xdc\xec\x04X\rF\x1d\xf64:V @\xdf_&amp;o\xb5\xf7\x9c=H\'\x07w\x96\xd7\xd3\x01&lt;P\xc5\xa9\x157l.E\xa2\x0e,Lh\xb3:\x14\xc4R$\x93\xc0p66\x18d\x1d6\x07\x14s8\xa0\x1a;2\xfd\xef\x17\xe2\xc16\xfd[yM*A\xb0\x08&lt;&lt;_l\x11 \x99\xe1\xfa\xd1\xe5l6\x1fs\xd6\xd4\xe9X55\xe8Cs\x00Zy\xbc\xb1X+\xb0Z\xe8@\xd7\xe5\xf3\xe5{\xcb\x07\r\xb5\xe2q\xda\xcb\xd3\xfaX\xe6\xbb\xb9\x92\xd5\x16\xc6x\xf8\xdd%\x8a\x8a\n?!uX9\xa38\x8c:B;\xaa\xe4\xe3\xbb\xff\xb2!\xb3\x9f\xbc7\x82|\xc3\rq\xe5\x12\x04\x84\x82\xe0.v[^11.\xb7\xc5\xe52q\xa6\\&gt;\x9b]\xf1\x80\xaa\xae\x89\xb0\xea\xa9\x8af,\x87^oO{{\xa8%\x9d\xd6\xab8H\x07Nu\xb5\x10\xf4EE`g\x1a\x1b~\x00\x00\x04~IDAT\xc2g2\xe7\x8e\xbc\xa6-r\xc0\xca\xbd\xbc\xaa\x8c\xa8\xa2\x8c&lt;\x95E1\x184*\x08,\x86\xf8d\xe5\xdb\x87\xff\xd4\x93\xf6\x13\xdf\xcc\xcbD\xcdBO\x12Kp\x886\x94\xcf\xe2~\x85qp\x82\x9b.\x80\x81\x90X\xc8.\x1c\xdeT\r\xa4\xea\xea\x9a\xbaz\xda\xd2P\xbe\xa3\x82\xed\xa1\x14\xb0\x0e\xa3\x8a\xbd\xe7\xcf\x0f\xd6\x13V\x15\xc5\x16\x96m\xdc}\xce\xf4S\x88\x95\xe3\xa5\xb1\xc5\xa5\xa9\xe4\xf2\x18/\xcb2\x82\x15\x8fX\xd7\x18\x87^#\x06\x13S\xec\x8f|\xb7\x1e\xad\xbf5\x9d!X\xc3V0\x95`\x13mx\x04U1L\xc0\xe7\xee\\w\xc1\x16z\x19\xdb6\x01\xaa\x9a\xb8\x9c%\xba\xdfi\xcb\xec\'\xac\xb7_\x0b\xb5^\n\xf4\x1es\xd6\xc3[G\xc2G\x8f\xfa|\xbes\xf4;\x08s\xea\xed\x05-\xbb8:~g.\xd2\xd7\x97\x8c\xe4s\xb2*\x81K\x86\xb3DU\xc4\x9c\x0e\nJ\x9d\x8e\x95\x83\xf3\xdf\x9cX\xb3:\xadP\xab\xbebh\xc9a\t\xcbM\x97\xd7\x82Z\xb3/\xb4\xe5\xd9\xdci\x93+\x07\xb9\x9e\xbf\xbe\xb5\xaez\x0b\xa8\xf0yl\x9b\x8eEv\x0f\xa5\xd2;v\xa4S~D\xea\xcd\x92c\x84u4\xfc\xa1\xcfw\xf4\xdc\xb9\xa3\xf8&lt;\x96&amp;g\xe5rsKIP%\x13\xc9Y^\xc2Mp\xb9\x04\xb4\xa3*\x1b\\\x86,THX_Ou\xd9\x10\n\xad\n\x89\x18\xc8\xe9\x90\x10\xa4\x96b\xba\x9c\x90\xc0\xddy1A#?{\xfa:\x95\xf1\xb5\xfd\xbf\xfc\xf4\xd3\xea\xea\xa6\xa6\xa6\x03\xdb\xb6\xbeA\x86\xf7\xd377Q\xc4T\n\xdb\x08Oe\xc0\xec\xac\xdf\xb9\xe5\xc8Q\x8c\x0f\xcfmi\xf0\xb7\xb4&lt;\xcfB\xacE\xadO\x1fS\xcf\x96.\xa2\x8b`\x11\x81hDp\xc9\xbc\xed\x1fX(\xa4\xac&gt;^wf:c\xfcS\xff9*h\xf4\x06\xcb\x08.\x94\xd0-\x08\\N\xeb\x8etG"\x91\xee\xfc\xe2\xec\\6;\x97\x1b\x1bn\xbe\xb2\xe7\xfd\xdf|\xf4\xd9g\xdb6y\x0e]\x8b\ru\xc2\xf2\xa9T\n\x19\x11\xf3_\xf3b\xfb\xdaX\xb3\x85Fu\xd3Go\xeein\xbe\x83W-\x14\xfa U_"1\xf5lj\x19\xbd\x04\xdf\x9axVdu\nUeu1\xf4J\xea?Z7\xaf\xb2\xab\x05$_\xe9o\x80\x9co\x13\x04\x97\x1e\x10\x02\xaf\xe4\xbb\x93\x91\xee\xeen(\xa6--i\xd9\xe5\x8b\x12\xcf\x9bL\xa3\xa3\xb7\x9b\x7f\xf5\xce\x9b\xfb\xdb\xda\xda\x86\x86\xb0\xe5ioo\xef\xec\x1c\xeal\xbbV\xd9\xd5\xd5\xf5\xc6\xd6\xb6_\xef\xb92&lt;6.I\xfc\xe9\xd9\x02^\x9a\x9c\xeaK\x10VbJ\xcbY\xdc&amp;r\n\'\x92\xe7\xb1\xf6H($\xb8\xc8\xd6\xc4\x86\xe9\xd7\xb1kB\x19\xbe".\xbd!\x05\x8b\x85.\xd8fae\xdb"\xb4",\xdc"\xc9ddi97\xcac:\x9e\xc2qtl\xf8\xca\x9ew\xdf\xf9`\xd7\xd0P\xe7\x85\xce\x0b\x17:\xdb\xf6\xefz\xff\x17\xbf\xfb\xf2\xf6\xf88\xcfK\x8a\xc2_\xbf\xb8\xf8\x02/NN=K$\x92\x84\x95(\x9c\x16\x18\x89ceQ`\xc0\x85m*68"k@\xe9{\x04\xc2Z\xa5b\xd7r\x94\xb1\x91\xb2\xb4\xffs\xbb\x8b]\x82\xc9!\xf29\x8d\xb0\x8c{r"\xa2\x83A\x06"#&lt;d\xf7\xe88\n\xdb\xfc\xc5\x17\xcd\x7f\x1c\x1e\xbeM\x12\xa9\xe8\x7f%\x98\t\x8e\xe5\x96\x174\xbc\x04\x8ez6\x95\xd0\xa9\xfa\n\xa7)\xed\x19Q\x919\x17\xab\x87\x84H\x0b\xa3N\xc5\x1b-\xc9\xaes\x18\xc1\xaf\xa3\xc0O\x16\xc1\xa0t \xdd\x8bA\x86\xcd)7\x9a\x8f|7\xe8\x9d\'\xfb\x96\xe6f\xc7\xa4\xb5\xa1\xeaw8DU\x82\x80Q\x82\xfaP\x82_^]\xcek\x13D\x95L&lt;[\xc3\xea\xeb+\\\xe4\x05\x89\x13\x18\x19\\\x16\xc7\xdf\x8b,{\x14\x84\x81 \n\x1bX\x90\xc8.\x0b\x16\x0b^\xc1\xde.\x07Zr\x81\xd49\x82\xbd\x9d\x87\x10{O\x90t6\x01/\x90"\x85\x85\x8d\xdf\x9b$:\xd5\x16\t\xf31\xef\xcdO\x12\x16`\xca\x1ax@\xc1s3\x1b\xdc\xfc\xc5\xd9\xe0\xd86\xd6\r\xd4\xc0\xc9\x982\xfd^*\xfe\x98\xa4#y\xaa\xe74\\o\x7f0\nwT\x8dNk\\\xdec\xdbV\xb8\x8a\xafk9]H\x19\xe3\x8f\xbd\x8b\x87\xc0\x19\x00\x91wQ\x97\xcd\xe21\xdc\x9f\x10q7\x8b\x98\x16,\xc6\x03g\x8c\x8d\x90\x94|,\n\xe9\x08\x9b{\xdc\xad\x17\x1b\xab\x14Y\xccb\x88\xf9y\xf5\xe8\x18\xbct$\x82\xa1Y\xd5\x88s\xd7\xe5\xba2;\xaeXY\x03"7Cp\x9e\xd5\xe1\xb6\xc0\xf8\x18K\xed\x97\xa4\xaa\xf1c\xa9\x8e,\xd3\x17\xd3\xe5\xa2p\xf4\xf0Z\xed\x00\x00\x00\x00IEND\xaeB`\x82'</t>
        </is>
      </c>
      <c r="M175" s="3" t="n">
        <v>45492.67760416667</v>
      </c>
    </row>
    <row r="176">
      <c r="A176" t="n">
        <v>787607</v>
      </c>
      <c r="B176" t="n">
        <v>1961</v>
      </c>
      <c r="C176" t="inlineStr">
        <is>
          <t>Keno</t>
        </is>
      </c>
      <c r="D176" t="inlineStr">
        <is>
          <t>Keno</t>
        </is>
      </c>
      <c r="E176" t="inlineStr">
        <is>
          <t>PE</t>
        </is>
      </c>
      <c r="F176" t="inlineStr">
        <is>
          <t>ATA</t>
        </is>
      </c>
      <c r="G176" t="inlineStr">
        <is>
          <t>PE</t>
        </is>
      </c>
      <c r="H176" t="n">
        <v>174</v>
      </c>
      <c r="I176" t="n">
        <v>11</v>
      </c>
      <c r="J176" s="2" t="n">
        <v>32760</v>
      </c>
      <c r="K176" t="inlineStr">
        <is>
          <t>Right</t>
        </is>
      </c>
      <c r="L1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4cec6ac-acb2-43a4-a4f8-7da3a279e8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ff\xd7T\x00\x00\x03\x00PLTE\xff\xff\xff4/2jQIy]TgME\xeb\xec\xf7\x8a[M\xfe\xfe\xfezTF724~_U}]QxZO\x99fW}YN\x92`Qo,&gt;vRGw&amp;:sXOnUM}+=\x98vp\x9dm_\x8cjf\xe7\xe7\xf1cIC\x8d]O1-0\xef\xf0\xf8{WK\x95sk\xa3rdSA&gt;pTI\x82WJ\x83+=^FA\x9ak\\/+.\x9ejZ\xfc\xfc\xfciSO968]JF\x90pi,(+vZS)DE\xeb\xeb\xf3rOC\xf8\xf8\xf8\x85if\x8edV\x9dsb\x87XJ\x95j_/TU\xa0vi\x99na?89@;&gt;\x96cT\x8eneePJ\xa9\x85{mMC\xa5th\x7fTF\x800?\x82\\OvOB\x8d`R\xa1n]nPG\xa9{o\x9dxm*IKuWK\x9athp"6cLH\x83aU\x9bzs\xa1\x7fw\x92gZ\xa2{mTDC\x86]T\x87lk\x88^P\x91sn1XZzPCx`b\x96h[\x86[N\x92bX\x8a_VVHJ\xa4~r\xa7\x82wH&lt;;\\MN\x85c_\xb4\x85r\x94nfMA@\x8dd[\x9fod-NP($(\x8bolN=&lt;\xe7\xe8\xf6\x89/@E78\xa7yh\xa1zqjH&gt;\x88haLDG3^]i\':dE&gt;\x80YS\x92xt\x7fff\x88dW\xf0\xef\xf0YFC=346ea\x95CNvSN\x8eh_aPSoXV\xe3\xe2\xed[B?\xad\x7fv&lt;kgoK&gt;\x95p_\xac\x87\x7f\xf5\xf4\xf3\xb1}g{cY\xac\x81p\x8dm\\\xde\xde\xe9\x82]Yp(: :&lt;\'@A\xd8\xda\xeapPO\x81j`^?9v0=Ero\x82hZw][n]`i"4DAAj-&gt;\xe9\xe7\xe7N96" #\xd4\xd3\xe1\x80b^\x1d78\x99\x7f{\x87?H\xdc\xd4\xd4\xe8\xe1\xe0\xdf\xdb\xda\xef\xec\xecV;9\x81kl\x905EOLM\xbc\x91\x80\x8ats\xa9t_\xb0\x8f\x87XVX\x95kX\x7f8B\xcf\xcc\xd2\xc8\x9f\x8e\xca\xbe\xd0jil7IJdX[\xa8er\xb5\x8c|\x95fn\xc1\x98\x86\xdc\xd7\xe4&lt;TS\xc5\xc7\xc9\xbd\x8cv\xbb\xa1\xb1\x8f\x8b\x8b\x9a\x92\x93\xb1q\x7f\xaf\xa9\xad\x8b\x82\x83\xc1\xb0\xac\xb8\xb3\xb5\xc7\xaf\xbe\xd9\xc9\xc8\xbb\x8f\x9do4G\xcd\xcc\xdb\xb8\xb9\xc7\x96o{\xcd\xa9\x98\x89Xd\xa0\x9c\x9f\x9a]jtsu\x878F\xac\x9f\x9d\x87\x93\x9ew\x8a\x90\xd1\xb1\xa7\xd1\xbd\xc0?+,\xa4p}\x96L[\x9d\x8a\x83\xbe\xbc\xbca~\x80\x81|\x7fy@N\xa5\xb1\xbaG30_-"\x90\xa0\xa7\x9fmu\xa7\x8f\xa1\xb7\x9d\xa4\xac\x80\x8fK`ci&lt;.\x8fN=\x86IW\xa8gO\x9bz\x8d~SW\xbc\x83\x90\xc9\x9b\xa4\xa1W=\x7f\xe1\x91{\x00\x00 \x00IDATx\xda\xcc\x98\xdfKb\xfb\x1a\xc6G\r\xd7,S#\x8c\xedP\xe2\xd6\x86\xcc_[a\xc4Z\xe4Z\xd5\x1e\x87\xc8\x8cB\xd9\x8e\xd1\x8d\x96\x83E*!\xd8l\x853`\tY\x144\xe1\x1e\xe6\xe6\x9c\x81\x1a$\x0f]45\xe0\xc5\x16\x02\x99\xbb\xa0h\xe8:\xe2\xdcFp\xfe\x85\xf3\xbc\xcb\x99\xb3\xff\x80\xb3j\xce;\xb34/\xc2\xcf&lt;\xcf\xf3\xbe\xef\xf7;\x8f\x1e\xfd\xefe\xf3\xeczl\x0c\x83\xbf\x0c\xf3\xe8\xff\xa2\x18\xc6\xb3\xbbzpzuvt|zvz\xfc\xe9\xe0\xc4Ch?\x98\x8e\xf1|\xba\xbd&gt;\xbfk6\x1a_&gt;\xe2i\xde\xdc}\xbd&gt;=\xd9\xb5\xfd82\x06L\xc7g\xd77\x8dz\x95w\xb0\xac\x83^PB\xe1\xe3\xdd\xf9\xed\xf1\xaa\xed\x87\x18\xca\xd8vO//\x9a\x8dBU\x10\x88\xc7!\xf0\xf4\xe2\x00\x9eP\xa87\x9a\x17g-7\x1f8Q\xb6\x93\xab&amp;!\x01\xc4\xc0:\x1c\xacLf0\xc8\x1c\xad\x12\x1c \xfb\xf8\xf5\xf6\xf8\xa1\xc9`\xdfu\x83\x17\x19d\xfd\xfd2\xd6\xd0o\xe8w\x81K\xc6\x82\x8fu\x18\x1c \xae6n\xceO\xc5\x94=\x94T\xcc\xc9\xd5MU@\x98d\x06b2\xb0\xc4&amp;\xc3+k\xa0\x8fp\x12*\xa2\xaa\xcd\xab\xd5\x07\xe3\xb2y&gt;]7\x04\x99\x83g\xfb]\xcb\xfft\x91N\xe0#+e\xb2~(\x06/\xf9\xaaC\xe6`yAh\\\x1f\xed&gt;\x0c\x97m\xf5\xf6\xa6\x80D\x81\xc1\xe52,/\x1b \x99\xc1\xb5\xbc\xecZ\x86\x8d\x06\x97\x8b\x8cd\x91\x7f\xde! {\xf5\xe6\xe5\xea\x03\x04\x8ca&gt;]4\xc4DA*W\xbfl\xd9Ex\xcb\xa0r\xb9\xfa\r\xa2l2\x83KF\x13\x83\xa8\x04\xbe\xda\xb8&gt;\xb8o#1\xd3?]\x14X|\xbf\x01\xde\x01\x84\xd8\xa8\x0c\x94z\x96\xa2\x85\xcc\xcbH1\x1aa\x08\x19\xfa\xb2~\xfe\xc9\xc3\xdcs\xac\x8e\xee\n\x90\x8ax\xfa\xbf\x81\x19\x10\xf7R\x89/\xb1H=%\x1eJQ\xc2\xd0\x002\x9a\xb1\x0e\x19_\xb8;\xbb\xd7\x801\x9e\xd3;A\xf4\x8f\x88\xc0C\x8e\x81\xa9\xf69\x9b\xcd\xe6r\xb9\x12\x8a\xcd\xa5r$\x1a\xa9\x06.q\xf8W\x9bg\xf7\xa8\x97\xcdv|#8\xc8@\x03yGQ\xc2\xb7\x97j\xb5\xcf\xbf?\xef\xdb\xda\xea\xdb\xfa\x9c\xad\xd5\xccN\xa7\xb9f^K"\xf7\x90\x95\xa5\x90!ew\xc7\xf7\x97/8(@\x07\x83(\x17\xe9$+%s\xb9\xec\xd6\x87\xdf\x9fuvv\xaewN\xb4\xf5mu\xaf\xafOto\xf5\xb59\xb3\xd0\x8e\x14[v\xb1&lt;\xcfW\xcf\x8fm\xf7%\xd6\xeeu\x95\x1a\x8d\xe2\x04\x9b\xf8\x12\x90\xfa\xba\xfb\xba\x9f?\xeb|\x8a\x8a?5\x02N;S\x0ck\'\xda\xda\xe4\xa1\xad\x1a\x0f\xb0\x12\xc2\xc6\xf3\x02_\xbf8\xb8\xa79\xb1{\xd5h\r\x06\x03"\xc4\'SYs_7\x80^\xbcx\x1a\x8f\xc7\xc5\x07l\xf3^\xae\\\x0c\x87\xc3\n\xb5\xdc\x9cM\x96J\xc9T\xae\x04\xac\xaa\xd0\xb8\xdc\xbd\x1f\x0bo\xbf\xd0BF\x8es\xd9\xacy\xab/\xd46a\xd4\xc6{\x94\xf1\xc1\xc1\xb8R98\xa8T*\xe3\xf1Yo\x84\xdb\xd9\xd9\x99\x9e\x9c^\xca\xbb\xe5!s\x12\xf4\xc9d\x8el\xfcx\xeb\xb9\x8f.&lt;j\xb2\xfdb\xcf\'\xa3kk\xce\xd0\x84qlv||\xbcG\xd9*\x90\xf5\xf4\xe0\xc3\xb87\xe2\x1b\xf0\xf9\xa6_\xbe|59\x12\xd6u\x9bQ\xa9T\x92/\xf1\xa9\xe6\x91\xf4\xf1bN.\x04d\x1d\xb3;i\x0e9\xe5SF-Q\xb5\xa0z\xc6\xf1\xe7{\x81+\xe6\xf3\r\x0c\x00lh\'\xad\x9a \xb0T2\x87\xe1Z\xbdXe\xa4\x0fV\x9d\xe6\x94#\x99\x8a\x86t\xea\x99\xf9Y\xd4w\x92\x8e\xbf\xaa\x05\xe6\x8d\xec\xf8\x06\x86\x86\xa6w\xbc\xe1\xf6\xde\xee\xadh\x14z!a_\xce\xa4\x96\x8b9\xf8Js\x81M:\xedv\xf5\xbc\xd7\x0b,8\xd8\xd11\xd7\xa2\xa1\xb7\x9e\x8ea\xbc"d\x83\xe0\x02\xd8\xc0\x0e\x17\xf1\x16Uj]o\x9b3\n\x1bQ\x17\xabRc\x1d7\xe9\x84\xc0G\xed\x8a\xf6\x19|\xab\x17Ps\x9a\xe1\x8e\xe19\x8d\x06L\xc3D$b\xf5P\xf8\xc7\xa9"^o\x11X\xedj\xf5\x94|\rr\xe14\xdd&lt;\x96xHx.\xab\xc0\x82XnU\xb8\x08-\xbc\xde\xb9\xb9a\xcd0\x1e\x8b\x087,\x96H\xd6\xd3jKry\xb6\x18\x06U{\xbb\x9a\xb8x\x96\xaf_J\xbc\x83\x0en\xb0\x05\xfb\xd9T\x97\xc2\x1d\xf6\x8a\x15\xd1\xa0\xac\xfa\x80\x9e\xde-\x80\x1b\x1e\xd6X5`\xa46\x80\x93\xca\xf8l|llL\xab\x05\x97Z7j\xce\xf2h\x97\x1bIg*\xc3\x1c5\xb0\x9d\xe1\xa1B\xa5P\xcd#[\xde\x98\xc5\xa2\xd7g\xfc+~\xbf)\x931\xe1\xb1\x88\x94\x9a\x96\\\xcaALW\xc2j\xd7\x82\xab\x9dlL\x96d2^Z\x17\x19\xe6\xb6\x80\xe9.\x13\x9c\n\x95*LX\x91\x98Eo\xf2\xfb\x83\xdb\xc1\xed\xed\xed \x95\tzA\xacoX\xd0jpL\x14K\xdb\x0e\x13\xd5\xbdN3\x8f\xd3\xf4\x973i\xb1.\xab\xe8CY*\xa4P\xbd/\xce\x88Xz\xd3\xcaJp%HX\xe0\xda\x0e\xfaI(\x8d\xde\xa2\xe9\xa0i\xd63KZi\xb5F\x11\xab]\xd75\x8a3\x85\x81\xad\xffK\xd2\x83\x84\xe7\\\xc0\xdeaS\xa3*\x15E&gt;\x1d\x89X2\x10kE\xc4\n\x06\xfd\xaf\xe1\xa5\x06bY\x03\x1a\x8d8\xbd\xc6\xc7g\xe3\xf11\xad\xd1\xa8&amp;*5a!\xf3l\xf5|W:\xb9\x18f\xf5\x06\xe7_\x96\xc6\x83\nr\xa5\xd3\x91X,C\x99\xf2\x8bbm\x07\x81h\nX\xad\x01\xab\xdeJ&gt;\x82\xca\x0b\xb5 \x96Q\xfb\rK\xbe\x16Mb\xd2\xdf\xadJ\x89ur\x83c&amp;/\x10\xd6\xfbp:=\x97\xe6,&gt;\x13\x92\xfe\x1d\xcb\x8fl\x05\x02\x00\xb3\xa2\x19a\xe3\xac\xf2\x9bX\xda\xffb9!\x97\x83\x97\xb2\x15\x19\xe6\xa0)\xe0\xd2\x97J\xd8A\x05\xb1\xa0\x96O\x0f\xadL~\xb8\x18$\x17\xfd\xfe\xc07.\xa85\xae\xc4\x19\xe7\xc5\xd3\xa7"\x94J\x8c\xbcN\x1erF1\xe7?\x9eJ\x89u\xfa\x05w\xabBt\xa1KU\\$\x0f#1\x8e\xf3A-jF\xbfX\xf89\x10\x80\x85\xc0\xeaP\xd2!\xec\xf1\xe3\xc7Fc;\xb2\xa8\x12\xb1\xbaFCN\x9c#\x1agRb\x9d\x01\xabZH,\xd8\x11x\xc2J\xcfE\xb8\x98&gt;\x93\xd1\x9b\xa8\xf4x#.\xc4KC\x03u\x90\x0e\xab\xad\xe1\xf0\x17V(\xe4L\t|\xe3VB\xacG\xb7\rP\x15\x12\x1b\xc0"\x13\xc1\xc4q1\x9a\xa8\x01\xd19t \xc0V\xfc\xc0\x1a\xd6\x88\xebZ9\x9eN\x17\xc3*X\x08,\x95\xa8\x963\x14\xc5%\xfbJJ\xb5\xae\xea\xd5j\xa2\x90\xb0w)\x16\xcb\xe9t\x99\xf3\xf9\xb8\x18\xba1&amp;b\x91F\xd8B\x18\x17\xfe\x00\xb0\xc4\xcd8\x0cn\xee\xdd\xde\x1e\xa9\xa5R\xb4\xb0F\x9dU\xa1~)\xdd\xe0bl\x97\xf5\x02*a\xdf\x04V\x19X\x9c\x8f\xe3,\x10\xcb\xd4*\xea@k\x00\xf17Yi\xd2\xd3\x92\xd4\x0f\xe0$\xb8\xf3nO\xa5@\xb9\xdd\n\xf7\xa8\xd3\t\x17\x0b\xd7\x12by\xae\t\x0b\xd1\xdat\xbfO\x8bX\x00\xd3\xb7\xa00T\xfdV+\xec\xcc\x00\x0bt\x16qs\x13\xd5\xd0\xcb\x97\xd3K\xef*\xc0\xd2\xe9\x14n9a%\x0b\xd7\xd2\x9d!\x98\xdd\x8bz!\x11\x05\x96\xdd\r\xb5\xc0\x15\x89D8\xda\x89d\x1c\xedC+&gt;\xd0p\xf5g\xf4\xb4\xc2\xe9\xd1\xeb\xe9\xe0&lt;99\x92\xaf(\xdc\x10\x0c.:\xa3U\xe9\xb1\x12\x0b\x1b\xf6\xcd\xcab\xfe\xc9H\xb9\x8c\xa5\xc8\r\x04\xff\x10g\xe9\xf6\x1f+\xa01\xad`\x8am\xbf\r\xeacz\xc2\x02\x98e\x87\xe3v\x96\xa6\x7f\x1e\xd9#\x13\x15]!g"\x9a*\\\xecJ\x88u^\x07\x15\xb0\xf6\x89j\xa4\x9c\xf6z9n\xe0\xe5\xabW\xaf_\xe3\x99\xccd2\x9c/\xe8\xd7\xfb\xdf\xfe\xb9\xad\x8f\xf9\xb8\xc8\xfc|\x18\xb7X\x91Fq\xb8wX\xa9\xe0\'\x1d\xa9\x95*\x9cK\xf7\xdf\x83\xcc*\xb0\x16P\xf6}P=)\xa7\xe9~\x1a^\xdc\xb7\xdb\xed\x9b\xfb\x87\xf9\xc5\xf2R9\xcd\xf9\x81\xb5\xfdv\x9bK\xa7\xe7\xdf\xac\xff=\xe4\x0c\x85\xd6\xa2\xd15\xe7h\x9b\xdc]\xd9\xab\x90\x8b!\xdc4\n_O\xa4\xc2bZX\x1b\xf0\xf0\x10Z\xe5\x17\xe9$\xac\xb3\xdb\x13\xf8\x96D\xc2\xe9\xb4\xbb\xdf\xbfOG2\x08\x176dlL\xad^\x9f\xe83\xe3\x86\x8b\x0bO2\xdb\xd7-\xd7\xa9*\x15\xe2\xc2/$\xa5\xc4\xb2\x9d|\xad\'6\x1666\x0f\xf3##O\x16Ub\xc3\xdb7\x12\xa8h"\x9a]\xdbt\xab\xde\xccp\x19\x1cV\x83\xc1\xd8\x9b\x89^\xdc\rk\xb9\\.\x1b\xcd\xd6jkr\x9dB\x07\xbd\x10\xfb.2Q:,\xd1\xc4\x05`!Y\x10\xeb\xd0\xedV\xe5G~\xfe\xe9\x97\xc3\xcd\xcd\x8d\x04\xcc\xb2+\x16U\xebo\x80\x05.\x93wlb\xa2\xedC\xed\xdf\xb9\x1a\xca\xdc-\xef\xed\xd5\xb9u:\xf7^\x05\xff\x92\x05\xc9\xb3\xd5J\x16\x02\x9f?\xac\xe4\x7f\xf9\t9\x9f\x9c^ZB\xf3\xeb\xdc\xaa\xc3\xbd|X=\x93\xf1\xd3\\\xb0\x8ck\xa7:\x9f\xffm\xeb\xc3V7\xaa\xadwjj\n\xebG\xa1\x83\\\x15\xc5B\xaa*1\xd6\x06\xfapcs1\x9f_\xdc\x7f\xf2\xdb\xaf\xbf\xbe\x9a\xc4\xfa\xa1\xa9Z.\x16\xdf\xbdK\x97\xcbEn\xc8\x9f\x89E,\xb1Y\xa3\xd1\xf8\x0c\xd5\xd9\xd9I\x0fJM\xeb\xa7\xf2\x8fJe\x1f\xe34u.\xdd9\x90\xf1\\, \xf2\x0b\xe8\xc3\'\x8b\xf9\xdf\xde\xbe}5940==\xed\xe3\xbc\xde\xd9\xd9\xf9\xf9"7=0\x14\x0c\xfe\x87U\xf3}I|\xcf\xe2\xf8\xde\x92\x125E\x0c\x93\t\xd4I\xf2V\xf4\x9d\xc0Q\x0b\xdd\xd1t\xc4\x1f%\xca\xf8k\x1d\xc5R\xd3\xa9\xaf\x143\x03\xa9\r\xe8\x8c{/\xd8\x0c\rf\xa5\xf4$\x03\xdb\x07W\x88\xcb\xb4\xe3\xb2f\xe3"\xc3\xc5\x11Vva[z\x92,\x97\x01o\x97yT\\\x16\x8a\xf6\xc2\xec\xf9\xd8\xee_0\xdf\x03_\x9f\xf8\xe4\xc59\xe7s\xcey\x9f\xcfGf\xf7K\xf4Z2\x19x\xb8t\xad\x13\t\x0c.\xd7\xc44\xd1h\x9d\x94\xad\\.\xbf5\xfah\x19\xbcEdO|\x89N"`\x89W\xd8\xaat\xd0\x11p8\xe03\xdb\xfd./\xdai\xd9e\x99\xcck\x87\xdc\x89\xa6Q2x\x8a\xab\xf5\'\x12~\xa7S\xebt\xc2\xa9\x1d\x982uv\xe6s\xb9\xad\xd1\xe5eB\xbd\xd5\xfd\xcf\x1fP\x91\xdf[\x11\x8b\x95\xc1\xb4*\x12Q\x05\x1df\x1e\x87\xc2TGE\x1e\x8fF\xe0\x92Og\xa6\xe5\x8bt\x147QJ\xcd\xa4;\xe3\xdcdr\x8a\xa4\x9e2\xd1)\x14V\xc7@\'D\x11\xb0\x1e=\xfa\x1d\x91u\xab\xfb\xaf\x7f\x98GA\x14s8\x98*m3\x1bm\xbc\x95\xb1\x91o\n\xcbgg\xe7\xc5\x98N#\x90\xc822\xc0\x82\x9cRGcQ\x11SMz\xf0r\xee\xd1\xf9ya\x8d\xd4\xc1bM\r@\x1co\xb0\xe6\xfeF\x1c\xd6\xdd\xb7o~\x04\xaa\xf9\x19p\x16\xa6RYyXn\xeb\xd5\xfc\xb7\xcf\x9e\xddy\xbc\xbc|V\x88\xe9\xc8ty\x98/\xf4sEj\x91:\xb6\x1b\x8b\xc5\x06\x07\xbfyv\xef\xde\x9d\xc7w\x96o\x8fBA\x9d2\x99\xc6\x00k\x1e\xb0&gt;\xde%\xe8\xfa\xf3\xee\xc9\xc7O\xdf\xbf\x9a\x87\xec\x9a\x11s0%\xdb\xc6^\x19{\xf0\xf4\x87\x1f\xef\xfd\xf9\xdd\xe3;s3\x83\xe7\x85X2\xbe*\x95\xce\xba\xc8\xa2T*\x1a\xdb\xdd\xdd-\x16G_\xbc\x7f\xf7\xfe\xab\xaf\xdf\xbd\x9f?/\x14\x06;\xa0x\xc1Y\x9c|\xba&lt;\xf7\xe9\xf8\xa7\xef\x88\xd8r\r\x9f\xa4\xa1\xf9RF\xe6o\xb00\xb6\x15\xdb\x9f&lt;?\x9b\xfc\xd3\xcb\xe5o\x1f\x7f=\xbf\xb7\xb3V\\KB\xf3\x99\xb5\xbb4L\xe4\xac"\x14\xd3\x97\x87\x7f\xff\xc7\xb3\xdf&gt;\xfe\xea\xfd\xbf\x0e\x0bgg\xb7IPT\x01k\x04\n\x04+\xa7\xfcD\xc4\xb2\xf2\xf7M\xfePFe\\x57\xb7\xb7\x00-\x11\xc3V\xf6&amp;Ij\xf5\xce\xce\xe4\xe8Zq\xb7\x1d\xb3\xa9\xb8S"\x9c\xd5\xbb\x04\xe4Tl\xb7P(\xae\xed\xcc&lt;\x04\xec\xb3\xb3\xf9\xc3\xbd\xe2\xf9y\xf1V\x07\xb4\xa0\\n\xe4\xe9\xedA\xf5\x80\x89\xfa\xe9\xbb/\xc7:\xc0\xaf\xaej\xf5\xb4q\x1f\xb0P\xa7F\xedg_\xc9\x0ba\xcf\xdd\xdbIu\x0c\xc5,\xb6\x13\xf7\x0b\xd1T\xca\xe8\xf2D\xc1W\xc5\x07;3/f\xf6\xd4\xe8\xaf(i\xf0\xf6\xda-RGog.?r{pj@\x14\x8dZ~\xfa\xe2\xf4\xea&gt;\xd8\xbc\xba\xae7\xebA\xe5(\n\xa2\xb2m\x981\x10\xb4Y1\x84\x051Ss\x9d\xbe\xb6\xfa\x811~&lt;\xb5[,\x14\xd6\x1e\xec\xec$\x93I(\xf1\\Jg\x074\xa1^\x16\r*\xc4\xaboH4\x0b\xf9\xf2Bw\xfc\xe5I\x0fX\xe5F\xb3U3\x8f\xbc\x9c\x11+C\xd0\x08CP\xe0\x1d\x01\xf3b\x1cQ\xc5Ht_[\x00\r\x19\xca0\xc93tQ\xe4\xa3\x184Du\x92\xaeMH\x12\xd4\x010\x98m(\xb9\xdc\xd8\xe8\x005\xabmc}1\xd7\xdb\xc6\xe7\xebF\xb5U\x92\xed\x8d\xcc\x881\xa3Y\x19\x92\x9b\x8d\x01G\xd6Ig\xaa\xd5Q5\xd7/4\xb4\x85\xab\xa1\\\x06\xc5\xa8\xd0\xc0Y\x8c\xaa\xa1r\xc5\xa0~\x91\xb5hMI\xa5Q\xa9\x96|&gt;\x9f\xdb\xea0\xd1\xed\x82\xcb\x0b\xcd\xc9\x97cmT?_o\xd6\xab\xa5@\xee\xd5\x8c\x98g4O\xc8\x1c\xd3\x19\xb9\x8bN\xe72\x99I\x08\x1f\x88k~\xb8l\x00\xaa2\x02\xeb\xd2E\xa3Q&amp;j\x8cm&gt;\xe8C\x92\xac\x05AA\xf7\xc9\xb3L\\\x89\xe0\xe2b\xf5\x80\x80\xb2\xd5\xfc|\x8d\xd7\xabU|e\xe6\x05\x07\xb0\x1c\x99LX(\xe9\x12\x08\xc8\xe4\xb8\xd3\xef\x97\xf8|B$a\xcb\x9b`\xc0\xa5 \xa7\xa2)\x9d\x8e\xa9\x03\x13\xa5DL\xb2@/\xc9\x82^\xcc\xe7\xb3\xb9&lt;\x8d\x96\xc8z/.T\x04\xdc\xfe\x0c\xb7\xae\xaf\x1b\xf5:\xaeH\xe4\xc4\x1cs \x90\xc9\xf0\xa5|\xfe,\xda\xab\xc1\xf0\xe0\xf3\xf9@\xf3\xf7\x0c\xb5\xa9\x00\xab&lt;\xe4\x85\x9a\x9a\xf2x&lt;L2\xfc\x08\xbc.IE\xa2\xafH\x11X6g"K*\xde\x8b\xcbc"\xea\xe9\x9b\xcd\xebFi\xf3\xfa\xca\xbf\xc2\xc1\x1cA\xf0U8\x93\x99\xe6\x0b\x15&gt;\x84\x84\xd6IK\nEOy\x13\xc7\xdb`\x06\x85\x00\xb84\x02\xb4\xb4\xd1h\xbcz{\xa5\xb2^\x91\xac\xafg\xb3Y\xa5Rt\xa9qyQj\x111\x03V\xafq\xfc\xfa\x8a\x11Rb\xed\x08\x863xf:\x0c\x02\x1f\x86d$\xaa\xd1vrh\x13o\xb4\xb9 \x8cz.Y\xe4\xd1x]\xae\xae\xf1\xf1~\x89BQ\x11J\xa5\xeb\xc0\x95\xcf*\x99\x97\x97)\xcd\xa5\xf5m7!=\x11"tuUv`l\xa3\x03$t\x06\x19p!U\xcd\x074\xc8\xf80P\x81!\xaep\x19\x82\xe6\xf5\xe8&lt;\xe3\x0c\x06C\xcf`(*r\x90\xfdm\xae\xac\x92~qqI\xd6\x1d\x13r\x81\xd7}P\xda,_]\x853\xec\x08\x0c\x7f\xc8W8\x8e#0 \x9b\x9d]\xba\xff\xbaVj\x94\xea\xf5R\xa9^j\xfb\x0bij\xbd\'\xaa\xebB\xd7\x07B\xb4\x90\x96\x81\xbb\xb2(\x8a\x96K\xc0\xc2\x08\xba\x1e\xdeh\x81\xb7\xfe2\x84[m\x80\x95ic\xd5\x00\x0cfw\x9fo"\xf2\xbaTmV\xab\xe8kU\xc1_\x99\xb0T\x1a\x0e\xcb\xb5\xa9\x14\xb9\x1f\n\xbf\xc1\x10\x06CQDX\xd9(`\x1d\xbd%hd&gt;\xc1\x1b\x86+E\xc9f\x0b8\x82x\r\x90j\xa5Rm\xbaO\xd1\xdf?{\x7f\xfau\xb5\x05H\xcdV\xab\x89\xb0\x1ax\x1bK\xead\x8at\x9a~\xc5\x10\x94Y\xbeT\xfa\x7fo\xad\x8b.R\x89c\xa2\xb6\x10\x07\xf5R\xbd\xdcS\xb3Y\x83\xc14\x10\xe1\x88\xabv\xbf\xa7\xbf\xcb\x07\x82\x15b\x98\xf1\x0b\xe4\xf5V\xabZ\x87\xf4\n\xdbS\xbb\xbaJE\x0b\x15U\xe3e\xf4\xa0^)\xeck;+\x91PfSQ\xad\xf2\x84\xa0\xf1\xb4{\xa3\x89\x97\xf0k\xbe\x95mS\xd5\xeaG\xa5\x0c\xf2\xd6k&gt;\xa3\xab\x7fv\t\x04O$2\xe1\xf4;\x8d\x10\xc6\x12\x04\xb1\x12;;+2\xa1\x03pA|t!\xae\xa1\xbe\x9b\x93\x98\xb0d\xb5:W\xc2J\xd4\x8b\x88\xe1\xe1\x93\xcd\xcd\x06n`\x03\xd6Q\xbd\x8e\x82X\xc3\xef\x0b\xfb\xfb}}K\x11\xd0?\xa0c\xcd!s\x1a2\x1e\xa8D\xbb\xbb\x83\xb1[\xa4)\xa6\x00\xdd\xf4\x8f3zz\x0c\xed \xaeg\xa1\x03\x89\xb4\x15/A\xa9\xd5~\x84Tj@\xf7\xe1\xf1l\xaat\xed\x08\xb0p|\xba\xcf\x87\xa8d\x01\xc0\xe2\x85B\x1cN\x083\xca&amp;\xd6\xed\xa2\xddA\x12\x89\xd41`\xa2k\xb5\xae\x1b\xae!C\x9b*\x01\x9d\x91.\x91\xae\x1f\xdf%L\xf9l\xb4 \xa7\xebl7;\x10T\x01V\r\x0f\xf7A\x89\x9fXZ\x92\xc9\x1c\x11#\xc6A\xb6\xb2\xbd\r\x93\x0e\x0c5\xa4\xc9\x8e^\x16\x8bF\xd5\xba`\\\xd5\x08\xfa{\xfa\x0c}\x15\xa0\xa2R\xf2\x89J\xf8\x88\xb8W-\xdd\xddo\x9a\xcdf\xdd\xe6\xe6\xc1\xf8\x07\x87\x10\x0f\xcf\xfa\xfd\x8b\x13r\xa02\x1a\x8d&lt;\xce\xc2\xfe\xc2\xc2\xfev&lt;\xbe\x1d\xa7\x8b\xa2\xa4\x0e\xb0\xde^\x13\xc2\xd2\xbb4\x1e\x01\xa3\xd2\xd7WA\xd7\xb0T\xc0\xca\xb4\x08\xdc\x06v\x1f4\xab\x8dM\xa3\x9b\x1d\t\x04 \x87\xa6g]\xfe\xd5\x89\xd0D\xc8l4\x83\x8a\xe5p\xc4\x0b\x0b\x0b\x80\xe5tB]\x98\x9a\xeaE\\,\x1a\x8d\x8e\xb8\xc8\xbaq\x85PXIPi&amp;\xda\x16U\x92yC\xe4^~\xa3UGX\xbc\x88Q\x16&lt;\xc2+\x02\xe7Dhuu\x15\xe3\x81a+\xed\x18\xfe\x0f\x8b\x8b\xb0\xc0X\xc8hZ\xa7_+\x12y+\x15\xbb\x8bN3\x99\xb6L\xfa#"o\x85Q\x14\xab\xf5\xa0\xdbmuH\x03\xb5\xb0\x80\xb9\x1aZ\x01\x1a\xcc\xedf\xbb1\x0cR&gt;\x14\xfa\xb0\xe8\x14h\x9d^\x01\xcc\x86\xb41V/\x0b\xb1\xf5B\x82Y\xe8j\xb2\xbe"\xd1\x9a\xc0\xf2\x89\xf5cb_B\xdc=iVUO\xdc\x11\x879\x10\x94{\xe8&lt;$\x7f\xc4O\x9e\xb8\xadlk$"\x93/\xfd\xf2\xf3/\x1f\x16\x17}N\x01\x97\x1ewZ(c,\xd6\x8d\xcfhT\x8bH\x04\xb9O7\r\x0c\x98\xf2\xeb\xff~K\xf0\x8b\x83\x8d7\xad\xa3\xc3\'F\x07\x88\x0b\xbbn\x91\x8da[\x80\xf5\xdc\x9aN\xa7\x83l\xce*\xe7\xc3\xe9\xe9\xe9\x07\xceb\xfcW\x10&lt;\xc9\xf8\xb6\x85\xd29\xc6\xba\xf1\x97\xc5$\xd2\xba\xb4d&amp;`=?&amp;\xfc\xb1T\xf7\xf0\xc6\xc9\xf7n\xab\xd1,\x0b\xd8\xc9!6\x0f\xcb\xe5\xc4n(\xafGG?\xbb\x1f\x8a\xc5\x0f\x9f\x9c~8\xe5l\xff\xba\xd3\xb6\xb1\xb1N\n\xda\xb0\xf6\xf6vR\xa8\x03j\xad\x8b\x0eTS\xa6\x8f\xc4\xbf\xb1\xf9\xcdp\xf7\x1f?=g\x1bA\xf5Lp\x95&lt;L\xb9\xbf\x97s\xdblV\xf7\xe1\xe1\xe9\x7fNo\xec\xbf\xb4\x9c]H[i\x1a\xc7\xebID\x8cAX\x12B\x12\x9a\x1er \x0c\xa6IC\x9as1\x14K\x12/z\x11\x82\x92\x0f\x1a\xc3\x81\xc0\xd4\xaf\x10\x1dL\x96\x90Qhr&amp;\x11R\xa3sa)\xc4\x8b\x8d\x0b\x1b\xa1n#\xa9\xad\xe6"x!\x16K\x08%\xb4~\xd4\xa8\xc5vp@\xc5\xa5\xdd\x01\xb5\x17E;\xec\xf3\x9c8\xbb\x97Kgz\x9e\x1e\xb4\xf4\xea\xc7\xff\xf9x\x9f\xf7}\x9f\xb7\xa5\xc9\xf3s\xfc&amp;\r\x19\xc2&amp;\x11\xa3#\x05\x02\t\xd5\xd6\xec\xbcB]\xa7(\x01\x1f\x93R8p\x1a\x03\xb5:"\x1d\x9d\x01\xc6&lt;d\x90\xce\xd2\xd9\x8c\xc3\xf7\xe6\xec\xb4R\xadT\xaa\xa7\xa7\x1f\x0fK\xa5\xe3\xd2.\xd8dR9&gt;\xae\x84\xea%\xa9a5Q\xb66\x8a\x9a\xdal\xe1\x03k~/\xef\xb6\x93\x01\xbb}  3\xcf\x12\x1a\xcd\xc2\xc1A\xd7\xd9\xeb\xe5r\x19\xbf\\z\xa9r\xfa\xfau\xe5\x0c\x82\xbf\xb4\x9bJ\xfcz\xf0\xab\x86\x00,1e\x13\x83#m\x14U|\xda\xc0\x07\x96i=\xefr\xc9H\xd2\x1e\x08\xb8\xf4~J\xb9\x10:\x18\xfee\'\x97V(\xca\xf0\x19U\x8a\\nl\xac\xbc\xbc\xfcz\xb5\xb2w\xf2\xac\xee\xd1\x81Z\tr\x89mTS{\x1b\x88\xd5~4\x7f\x89\x07kh\xd9\xcf\xbb\xdc\x91\x0e\xd8+\x92x\xc6\x05\xa1\xad\x1c\xfde9\xad\xa8\xafW\xd4\x1b\x8d*\x95b\x0c-\x9dN\xe7r\xcb\x1b?\x87\x0f\xc6\x1d\x84\xc4 \x10\xd8\xdaE\x94\xd0F\xb5\x0bVM\xbc`A\xccC\x91\xb2\x93\xb0\x0c\xba\xdd\xfaY\x81h6\xf9\xa1p\xb2\x9c\x1eS)\x14Fc\xbdQ1\x96\x06\xaar9\xf7bi\xf5\xe5\xb4FId\xc0\x87"1\xd5.\xa6~\x00\xac\xa9\xcd\x06~\xb0\xe6\xf7d\xaen\xd0J\x06X2\xbf_n\xf6\x9f\x9f\x97\xceNV\xb77\x96\xca\xb9r\xba\x9c\xdb\xcem/\xed\xec\xac\xae\xbd,\x9c\x9fgl\x99$\xd6\t\t%n\xc7\x80\x17\xe7\xf9\x9a\xf04\xad\xc7\\\x10\xf4\xb0\x14\xba\x8f\\\xf2{\xb0\xe4\xf8\x07\xde\x95Jg\x95\x93\xe5\xed\\y{{{yygc\xf5\xe4lw\xf7\x13$\xa3T\xc2U\xafvJ\x82\x01\xdf\xfe`\x9d\x9f\x17\x10\xb0`\x9f\xc6b\x10\xf3z\xbd^\x96w\x91f\xb2\x03\xf2\xb2t\xfc\xfc\xf0c\xb5\xf2z\x19\x0c\xf2\xb0\xfa\xf1\xe3\xf1;\xb0\xddh\x92\xa3\x12\x19()e\xc3K\x16f\xae\x81\'\'\xc6\xf7\x8aE\x06\xb0\xccf\x06\xf1\\\x11{\x84,\x1d\xbez\xf5\xea\xf9+\xb4\xc3\xc3\xe7hHU\x9a\x94H\x0cx\xa9"\x90H)B\x08X\x82\xbd\xfb|a\xcd\xbc\xf4\x06\x83\xd0\xca\x98\xf5\xfaX\x8c\xd1\xbb\xba#\x91\x08y\xfc\xb1\xfa\xf9\xf3gdC\xab\xfd*\xf9\r\xa0\x95\xd3\xc9a\x01\x15$\xe2\x83u\x9ef\xad\xa1\xcc\x1f\xc1\xda\xa7\'\xf5\x01\xbd\x9e\x891A\x99\xb5\xa7\xdb\xddm\x9f\xa8\xfe\xf6[\xb5Z\xfd\xcc)vA%0\x88\xc5"\xe7?D\x021\xf4\x84\xd0\xdb\x13\xd2\xa9\r\x9eF\xad\xb1@\x00V\x10\x1a,\x12\xe5\x8a\xb9\xac\xd6\x9e\x1e\xabub\xb1\nX \xd8\xf3\xc3\xe7\xef\xc0\x85w:\xa3"\xa7H\xdc\x04?\x9a\xc4\x12\xa4\x12\x12R\xc3\xd4:oXsyh\x15\xbc\xb4\x17\xda?},\x9fwY\'\xac=\xee\x89\xc5\xc5\x89\x89\x9f~:\xfe\xfe\xfb\xef\xbe\xbbs\xe7Ng\xf3_\xae8\x9d?655\x89Db\x01RY\x10+\xfb`\xcf\xc4Wlm\xc6h\x96\xa5\xe9):\xc80\xa0V\xde\rX=\x88\xd5\xd3m\x0f|\xfb\xed\x00\xe8\x14mnn\x8e:\x9dN\xc0r\x8a$\xe0B\x80\x12\n\xb5\xa9T\x96\xaf\x90\xbfti?F\x83\\4\xcd\xd2\x1cU\x1e\xb6\x8d\xe8\xc3\tk\xb7L&gt;\x04\xbb\x8cYC\x86J&amp;\xc5\xcd@\x84j5\x89\r\x88\xe5\x10Z\xb4))\x7fX-\xfb19]\x03\x0b2\x88\x85rYQ\xadH\xc0\x9f5\xa4R)-\xe4\\\xb2\xfd\xca-\xeetY\x00\r\x97\xd6bqX,Z0\xc3\xcb\xfb&lt;U\xd3\x96uF\x1e\x0c\x06\xbdt\xc1\xeb\r\x16\x91\xcb:1\x01\x1f`\x91\x01\xb9?\x9b5H\x92T\x12\xbc\xc8a\xb5c\x1bH\x00\x17P9\x1c\xda\xd4\xcb8OX\xa6u\xbd\xdc\xacG.\xc8\xc7\x18\xba\xd1\xea\xb6\xa2\xf5tG::\x02\xfeI\x11"q\xd3d\xcd\x021\xc4\xbb\x14\x90,\x16\xc2b\xd1\xe9\xb4\x92\xa3y\xbe\xb0Nq[\xcf\x04\x83\xd8\xba\x17\x8bEt#FW\x0f\xb4\x15\xf6\x1b\x81{\x03?\xde\x8a^\\P\x03\x147\xed\x83\xee\x03?\xea\x1c\x805\xc3\xdb\x92\x08Xf&amp;\x08[\n\xf0"\x80\x81`np\xa3;\x82\\\x1d\xf7\x06\x06:A-\xa0\xba"\xc6!\x03\x83T\x0bb\x01\x16\x0e\xb6\x10\x92&lt;_X\xf1=\x0e\x8ba\x82^\xaf\xb7P,\x14\xbd\xc5\x18x\xd1\xed\x06\xb9"\xb2@\r\x0b\x07s\xb9\t7\x03\xc6;\x9a\xc3\xa1\xd39\x08i\xfe\toXx\x9d\xc8p\\\x18\xf6\x85\x827\x96\x8fA#\xed\x8e\xc0\x16\x88\xc4\x01 n\xca\xa0\xb9I$\x80p\xd7Zt\x16\xce\x83\x1a\rb\xc5\x9e\xf2\x845\xbf\x08\x11\xaf\x97\xc9H&amp;\xc8\xb2\x00U(&lt;+\xc6`\x0b\x9bw\xbb\xdc\xd0P\x04\x02\xe6{\xce[\xb7\x9a\xb8\x19f\xc8\xbe\x84Z\x87Z\xe9\x12\x1a\r\xde\'\x16\xf9\xc2\x9aY\x04*\xd2\xe5\x02\xb5ho\x11\xb8\xa6W\xa6\x0b\x05\xccI&amp;\xc8\x9dp\rqS\xfb\x10\xed\x12\xadC\xe7\xe9\rwa\x0e&amp;4:\x8d\xd2\xc1#\xd6\x93#h\x00IPK\x0f\xc1\x15\xf4\xb2\xecJ_\xdf\xa8\x8f\xf5\x81\xb1\xac/e\x10\xc0\x1f)\x1e\xb9\xe1\xe8Qox$\xec\x81\xa8\x02\x17rji\x83\xfca\x999*\x86\x01*X\x1d}\xbe\xd1\xe1\xe1&gt;\x1c\x97\x1a\x85\x02\xafs`\xca\xe9\x12:\x02\x84jm\x1di\xack\xf5\xe8\x12\x89\x04G\xe5 \xb4\xde9\x9e\xb0\x9e\xe6\xe5r\xe4\x92a*\xd2\x05\xd6\xc7\xae\xe0{\xcd\x9b\xad\xbd\x9e\xbe\x84\xc7\xa3V\xf7\x87B\xa1\xde\x90\'\xd4Z\x87\xaf:\x1b\xfb\xc1\x83\x89q\xa0Rbl\x15\xf8\xc3\xa2\x01\x0b\xf5\x82%\xa8\xc0\xb2\x05\xdfJ\xd7\xd5\xc6\xabuu\x8d7{\xc1\xc2#\x8d\xdc\xfb\xc4\xc6\xc6\xcb\x83\xf8\x9a2\x9c@\xac\x04\x0eL)-B\x82W,3)s\x81\\\xe0D\xf4b\xaa\xab\xee2\xf70\x97{\xce\xc9=\x13\xfef\xf0\xc2.sba\x1a*\xb1\x11\xd4\xf2\x85e\xda\x8f\x05\xf5\x0cd\xa2\x0b\xbc\x88\x15\x95f}\xa37\xaf\xd6=\x1a\xbcV{\x8f{\x8d{\x97\xfb\x88\xb3\xc1k#\xeaDB\x9d\xa8\xb9\x10L\xca\xee\x7f\xf5f\x1e\xff\x9f\x07\xd3\x8b\xbc\xd7\x0b\xa1\x05T2\x19\xe6"P\xf9V\xfa\x86\xaf\xa24\x8f.\x0c\xc0j\xbf\x1b{=\x1e\x0c\xb7\xf1\x9aX\xd0\xcdg\x8f^\xcc|\xcdW&gt;\r\xa6\xfb*\x95jf\xa3\xe8\x83\x15Z\x86&gt;\x94\xc9\x82ro\x10Sqz\xb4k\xf8f\xdd\xb5G\x83\xff\xc5\xc2\xbf\r^\x0e\xab=\\\x12\xfc\x8eEX\x88\x94omu\xee+\x8e\xe8\x9a\xd2\xb9\xbf\xe5\x96\xdf\xfaRY6\xc8 \x93\x8c\x94a/\xc8\x02\xd7\xca\xca\xe8\xe8\xe8pk]\x1d\xc8\xf4\r\xe7C|;\x15\x0e\xd5\xa4B\xaa\x0b,\xa1\x14\xfa\xe6\xe2\xeaW{\xc9\xdc`\x1a\xdb\xf9\xf7\xce\xdb\xf7)-`y\x19\xac\x0f$I\xca\xe5\xf4,\xeb\x9b\xf6MO\xaf\xac\xa0b\xfd##\xf8N\xb8\xb55\x1cn\r\x87\xd4j\x84\xe2\xdeVj\x94\xb5\xd8"\x08\xadV\xea[\xdb\x981}\x8d\x08kh1\x19w\xde\xaf\xbd\x9f\xd6\x12\x19\x0e\x8bS\x0b7\xfc\x90\x89Y\xc4J\x01V__\x97\xa7\xbf\xbf?\x84_\x08JE\x08\x85\xaaaq\x81\xd5\x06T\xb8j\xa7\xa6\x80\xeb\xfe\x9f\x17\x0c\xa8T\xe5\xf7+)-\x1e\xd3fgi\xc4\xc2\x90\x07.\xda\xcf\xad:\xd3`\xe0H\xe4\x02\x12\x0f&gt;(\r\x87{9,\xf5\x82\xfa\xc2\x83h\xb0h+-)vm)\x1e7\xb5\xfc\xa9\xeck1\x99L*S\xee\x99C\x9b\x91\x18\x0c\x82Y\xfa\x02\x0b\x8d\xd4\xcbY\xf4"\xf7M\xa7\x90\x0b5\x82"\x0f\\\xff\xe4|\xa8^\x00\x1f\xde\x05\xad\xda8,\x87R\xa3\xd4\x1a\n\xff\x8a\xcf\x03\xd8\x1f\x9cx\x03\xa6\x96\x99\xb2\xa2^\xa52)\xd6\x84\x12CR \x9a\xf4\xd3r\x1a\xb1\xdch\xa0\x97\x9f\xe6\xa2\xabP\xc4\x08\x1b\xed\xd3A\xea\xe1\xb40P\x858\xa9\xc6\xc7\xff\x0e&gt;\xb4\xd9\x08\xf8\x00K\xa9\xd18\x84\xd2\x07\x1bF\xa3q~&amp;\xde\xd2\xf2\x07\xc0\x00*\xbeY\xd9\x06*\x95I\xb5\x9aIF\'\'a\x1b(\x97{\xf5H\xd5\xe3v[\xdd\x10\xf9r\xac\\\xbeB\x91\x05\xc5R\xd0\xca@M\x87\x80\n-`\x06\x8ece\xb8\x8b\xf7\x9d\x00\x86\xb7S\x16%\xa8\xe5\x10\xb2/\x8c\xf3\xc6\xb8qn\x0eb\xffK\xc9\x1aL3\x9b\'\xbb\'\n\x15\x87\x95\xf3f\xa2\x93\xfe!\xee\xc6\x89\xe1\xb0\x80\xab\xdb\x1e\x89\x90z\xbd\xdc\x0b\x0b6\x9b\x05,\xe0r`\x173^+\x0b\xb5X\x17\xde\xe5\xa0l\x84\x94 \x1c\xf8\x8f\x8e\xb5\xb4\xc2hT\xc5g*\x8b\xebO\xbfp\x8c\xd84Wys\xbe\xb5UA\xb1\xc0\x8c{\xc9(r\xfd\x0f\x0b\x8fD\xba\xbb#\xb7\xedv\x081\xd8\xcf\xce\xce\xcef\xf1\x847\x03\xce\x12\x02Y\x82\x0b\xf56\xb4\xeb6[\x1b\x81wf\x80\x05zi7\x14\n\x10+\xae\x9a;\xfeTZ\xdc\xff\x822\xd6\xf0\xe4\xb4\xf4\xe1\xe1\xc3\x87[\x95\xbf\xd6\xd7\xc0\x96\xbcQ\xb0I\xbc7\x84\xe6\x14\xa9\x00\x0b\xf6\x86\xb7o\xd8\xf1&gt;10\x84\x1e\x9e\x14\x89\xa2\xd1\xe6d2#Tj\xc65P\x13~\x00\xa6\xeb\xd4u[[\x9b\x8d\xe2\xb0\x80j\xe1}y\x0c\x8f\x7f\xe3*c\xf5\xf1\xe3\xc7\x9fJ\xd5\xcd\xff\x7f\xdf\xd2\x80\xc9\xf7d\xfd\xcd\x87-\x80\xda\xda:\x19\xbb\xe0\x1a{\x1b\xed\xec\x04\xae\xa1\xa1!3\xf9\xbbZ \xd7\xed\x1bx\xfb\x1a\xb1\xe3\xd5\xe2\x7f\xfa\xb8\x1f\x906\xef4\x0e\xe0\x853.\xac]\x9a\xa4\x0b^Z\xcc8\xffQv\x1c{u\xf8\'\x86n\x87\x97\xa8g\x1b\xe7\x0e\xccII\xa6f\xed])\xd7\xc0\x92\xd1\xdc%)[\xefLo\x8b\xa77a\xa41)M\xa0i;2\x89n6r\xb0Eln\x1cM\xf1\xb6\xf6f\xd5\x0c\xcf\xe6\x1414\xe8\x91v\rHi\xb9\xef\xf3\xfb\xbd\xba\xed\xfe=\xdaDX\x86\x1f\xbf\xbf\xe7}\xa2\xc9\xfb{i\xe3\x88\xd5jm\x95U\x94\x94\xec\x1f\xdc\xcf\x82\xa2\xea@\\\x15\x15\xcfV\x10\xabz\xf2\x9d{&gt;\xc6\x82k.\x17\x8f\'\x93\x1b[\xebs\xf4L\xf9\xd4\xff\x1d\x08\x1f\x8f\xb3\xa4\xe4W\xe4\x0br\xce"\x97\x04q\xd1\x8b1?;A\xa7\xc9C\xf5\x1ec\x1d&amp;\x16\xabWN6\x9d\xd4\xe9tM\xdd\xf5\xd6VEK\xcb~O\tC)\xf0Q\xa7\xa0s\xf0*XZ\x83\x93\x9f\xfb\xd5jb\x95\xd7\xd6\x82\xe5\x8dg\x93\xc9\xe4\xd6\xfd\xbfM\x8c\xfc\x8f\x81\x01\xd3\xc8\xd5\xf1\xb9\x87K\x0br9P\xf2\x85\xb0|\xe1\x91\xdf\xce]\x12\xdf\x03\x99\xf5\xed\x9e324\xd8\x8f\xe8]\xf4\xf7\xd8\x1f\xf8&amp;\xd3O\x9aO\xc1D\xa7\x82\xffQ\xf7\nxM\xf5Ge\x8a\x0e\xa7\x93\xd6O\xb1S\x15\x9d\x9d\xb4\x88\xfb\xab?\xb84\xcdP\xec5\xfc\xb5\\6\xee\xf5Rb\xc98`\xff\xed\xc5/\xa0\xce\x8e\x7f\xbd\xbe\xb4\x01SX.\xde,&lt;\xbaa\xe7.\x89d\xfa\x9a\x0cq\xc94\xe7O\xbc\x0c\x165\xd7\x1fh\t)\xaeS\r\xa4j\xa2M\xe7\xcd5\xf5\xad\xd2\xba\x16\xa7s\x18*\xa9B\xd1&amp;\x95\x12\xab\xb3\xe2\x1c\xa5\xb5\x7f\xf2\xb7\xb7|"\xabV\xad\x9e\xdb\x82\xc7K0\xc8\xe2\xebk#\xff1.\xa0\x9a\x98_\xde` 9K+,w\xcb\xe5\x8fbXE\xeeR\xdfz\xe1\x0c\xbd\xcew\xee\xfc\xf7\x9f;}\xec8\x0f\x8b\xb1\x1at\xb4z\xb4I\xaa\xa1\xb9\xe1\xd3\xa3\x1a\x05\xa9\x86\xeb\xea\xe8\x1c\xbc6)p\x9d\x8a\xce\xce\xce}\xfb*J\x06?\xb8}\xa3\x96\xa3\xcak}\xea\xd9\x8d0w1\xd9\xc6\xf2\x93\x89\x7fw=5\xb2\xb6\xbe\x95\x0c\x87\xe1a}\xc5mW\xbe\x8a\xf9\x81"\x97\xc4\xee\xbf}\xae\xa7G\xd6\xd1\xf1\xc2\x89\xe7\x8e\x9c&gt;\xce^\xa51\xe9L\xe8.\x1d\xab\xa6\x9a&amp;\x9d\xae\xa1\xa6\xbe\xb2mXT1\x17\xedP\xd4\xd0\x9b\xd4\xb4A~\xf2\xb5\xe9m\x95D\xedW\x7f\x8do\x186p\x17U\xee\x8b\xb5\xef\x9e\x8a\xf0\xe2\xc4|.k\x80\x83\x15\x13\xc9\xe5n\xb7\xfb\xabXH\x8c\x0b\xae\x99k\x8a3\x1a\x85\xf3\xc2\x87/\x1f\xa1\xb8\xde?\xfe\xbe\xa9\xf9\xd8\xe1f]wo\x8d\xaeF\xd7\xdb[\x83\xcf\xfa\xa3R\xa8\xc4\xb0,mm\n)m\x9d$\x15X\x83\xcf\x7f\xc9\xbaJRNa\xf9|\x0f\r`\x85\x93\xd9\xb8(\xcb=~\xfc\xe4;cl\xed\xb3D6\x1b\x97\xbbar\xb3\xa8\x02L\xe5^Z\x0c\xf9wX\xea/\xdf\xad;\xd7\xe1\xecx\xfa\xd7t\x8a\x06M\x07\xd3\xe1\xc3\xa6\x86\xa6\xfen\xda\xa5H\xa8\x9a\x97\xda\x11\xd60G\x11\xc8\x82\xd6\xd2(:5\xc4\xdaSR\xfdw5S\x9dEX&gt;\xbf\xda\xcfY\x06,d\x9cd9\xef\x93\x8f\xe6\x9e\xdc9\xfb\xcd/\x179\xef\xf2\xfa\xfc\xc3\x057ou7_A\xce\xda\x89\xcbn\xf7\x7f\xfejG\x87\xb3e\xcf\x89\x93x\xda9m25S\x8f77\xf4vw\xb3\xadl\xec\x84f)gAE[LY\xd1\xabJ\xa8\x8a\xea\xbf\xfa%@I\xce\xd2\x81\xed\xf7\xa9o\xdc\x0f3\x96!i0d\xb3\x14\xd7\x177\xafN\xac\xdd\x99\xd8yso~n\xda/\x99\xdd\x08\xf0\x9e\nS\xe7\x07\xae\xb8\xa3\xee\xa5\x99P(\x14SK\x98\xccn\x8f\xdd.i\xf18\xa9\xe9\x8f\x1c1\x99\xc8E\xed^\xd3\xfb\x0cc\xd5\xb0-\xafR\xde\xe9R\xb0\xda(,\x05c\xed\xde\xbd\xa7\xe4O1R!\xa9rIl\x1a\xac\xe9\xa5\x00S\x19\x1c\xd9,"\xcb&amp;\xbc\xb9\xbb\xab\x9b\xd3\xe3\x1f]\x1d\x11\x03\xab\x95\xd8}\xa1\x07\x0b\xdb\xbdN,Z\xc3\xe8\x16X\xb1\xcdC\xcf\xe16\x00\x00\x05\x8cIDAT\x0co{\xbb]=\xf3\x96\xc7\xe3i\xf9\xde\x89\x93tF\xf31~\x10\xb2\xadue\x07i/.s\xe9-\x14\x94\x1e*\xc2\xb5\x11\x8bv\x0bW\\\x9b\xa6\xa80\x03k\xcb\xfd+\x19\x8c\xfa\x99-\x95Je`\x85\xfbd\x16\xaeO\x06"\xf9B\x86\\\xec\x90\xbc\xb9YX\xcd_\x00\x858|6@\x15\x08ld\x90V!\xbf\xc8\x17\xd1n\xf7e.]\xa4\xb8~\x0f\x17P\xac\xca\xca\x1a\xd8Y\xd6|/\xee\x81R\xda\xb6L\xe7\x9bZ(,V\xb2\xdd\xb2\xdd{\xde\xba\xc7U\xf4\x16m\xe1\xfaML\xaf\xb9\xb8(\xc2\x8d\xc1\xe100\xd6\xd0P$\x8f\xc8\xae\xb2\xdf\x12\x8bi\xa3Q\xb8\xa2\x94\x07\x02\x01jw\xdc\xb9Ym\xcc\x11+\xbd\x1a\x13Y\xfe\xcd\xe2?/zZdocH\xf1"VY\xd9O\xcb\xe0\xa2\x9d\xcb{\xf7\x96\x966\x82%\xa5\xf3s\xa5\xf4Ak\x88\xb0&gt;\xbc\xa5\x96\xd0\nBU\x9b)^\xa7Y?\x9fT\xa9\xc2\x1c\xa5b&lt;\xc6\x8aP\xe5\x0b\xec\x0fJ\xa3`4\x1e\x92+\x03J|\x92\t\xaah4\xea\x8e.\xcc\x82\xb5\x99J\xad\x84\x98*T(\x1a\x83\xbf\xbb\xe8T\x9c\xf9U7\xc6goS\x8d\x8eT5\xcf\x1c\xe4\xc5.\x05\xd1XIA\xe9\xf5\x1a\xbd~\xbb\xe3e\x9a\xa7\xff\x81\x9e\xaa\xe5O\xaf\x8bw\x85\xbb1\xb5\x1a\xf3\x81\'\xc5o\x95J\x95\x83\xb1D\xd8\xca\xbd\xab`\t\xc2\x9b]\xf8/J\xa5\x12\x0f\x81\x0c(\xb4\xbc\xfc\x01X\x99\xf4Xj\xc5\x8f\x9f5\xb62\xa0\xd5\xda\x84\x1fN\xb6H[\xad\xdd(\xcc\x84S\xa7\xe82\x10{\xe9\x82\x0b\x07?e*\xbd\x05\xf3\n9\x01F(r)&lt;\x976\xc1\xe2\xbf#\xc5VS\xc1U:\x15`\x9d\xe5\xc4T*v\xe7\xf0\xfey\x08\x15\x11ku\x17\x96P\x98\xecBT\xfc1a%X\x94\x96\xfcA\x8c\xb1F\xd3+\xfe\xf2\xc5U\x97Vk6k\x8d\xc17\x86\xf5\x95}\xd6v\xb0\xd0X\x94\xd6K\xe2UFD\x95\xc5\xc2\x96\xd0ba.\x8d\xb4\xfar:\xb2\x89\xbf\n\xc8\xe5\x87*U\xc03cl\x99(UUU\xaa*G\x15\x0b.\xc1X\x91\x88(\x1b\xa2\xb4\x0e\xb9\xbb\xa2Qr\xa9(Pe\x97\x9bX\xeeG`\xdd,\x8e\x8e\xc2\xb5\x997kmZ\x94\xd9&amp;\\vZ\xd0\xd8G\xe9z5\xa8n:C\x98.\xb5P\xdaH*\x0b\x1b\x11\x96\xb6a:\x125\x98\x18\x83\x97\xf1\xd3D\x90\x17\xa9V\xd2\x82\x90\xde\x04k&amp;WUe\x80\x89\xb1\xa8\x1c\t\xef%"\rm\xd7.A\x08\xbe\xd9E\x15\xe8\ns\x17\xbe\x86\xb3\x0b\xcf&gt;\xa1\xc5\xeb\xa3\xc1`0Ut!)\x9b\x91\xc9\x8c\x97\xab5}t\xcd\x8e\xf6~\xace\x7f{)\xbf\x96\rTz\xbd\x85g%\xa5#QSY)u\xfe \x05\x95\xd9\x9c\xbfY+\xaa\x84t\x86\x0eD\xaf\x83\xc5\xe5\xe0\x819\x88\xf5ndh`\x80&gt;Q\x03\x03\xbb\x84\xa00\x18\x00*\x10\xe8B`x\x18\\\x8c\xf6\x17\x8c\xf9X\x1e\xac\xd1QAk\xc6\x87\xd1h\xb4AfK\xbd.\xeb\xe9\xe9\xe9\xeb\xb3\xd6\x83u\xa0\x91\xbbJ\xb9\x8b\xc6\x83\xbe\x92\xda\x1dQy~\x91\xa2\xff\xd1\xecr\xe53j_\x01\xaa\x94P\xa4\xf90\x9b\xadb-\xa5\x82\xa8\nKX\x95Hx7HC5\x04\xd9\x00\x16\xb1\xb8D\x07!I\x94J\xf0\x99\t_\xd3\xb3Ol\x15\xa8\xd1\xb1Q\x01IQ^\x04\xb3\xd9\x8c\xbf\xb9`\xb5\xf6\xf4\xb5\xf6\xd5\xf7v\xf7\x97\xc2E\x17H*md"v\x89):\x0e\xdb\x9c\x93\x87lL\x05\x96+\xbfI*\x1c\xf4\x91E\x1c\x88\xf3YhTJ\x1aY\x18Z\xf8\x9e\x89D"\xfeI\xd1E*\xba\xa1E4\xae&gt;\xa4\x8eb\xd5%\xdeQm\xcd\xf8C!\xb0\xc6F\xc7\xc6F\x83\x02\xbe\x85\x99\\\x043\xa6\xde9oEbG\xeb\xfb\xeb\xe9\xc2\x01\xeczR\x95\x95\x98\x0f\x8dT\x95\x95\x1a\xe9\xb0\xe7\x8d\x14-\xba\x99\xb1\x06\\\xc5\xb4`$V\x9e\xcf\x07J\x8bz*\xebH8\xf05X\x0e\xcfTZ\x8b\x072\x1b\x16\xd1\xbc9\x9b\x0c(U\xdfx\xe8.\xc0X~\xb0\xc6\x80\x1aCd\xc8\xcb\xe5b\x81AfLM\xed\xeb\xa1\xf7\x80\xd1[\x04Ad\xec\xbe\xb1\x8fbCZ\xc3\x17/\xa7\xb4\\\xe5\xa2\xb2\t\xc1\xa0@\x95\xa7\xf3\x84\xd6UU\xbc\xd3Q\xc4BZ\x0e\xc7\xc2T*\xad\xd5\xee\xb0"\x8bs\xf1@@\xf9m\x16*\x10\xdd\x98S\xdbC+\xc4"\x19z\xcc\x88\xef`\xdev\x19S\xbf\xd4\xf4\xd0f\x8c\x03\x8d\xe2\xf5t\xf8\xc5\xa5\xda\xe1\xac\xb4\xa0\xd7m\xdfR\xe1\x00\x16D\x17\x1b[\xf7\xa9\xd9\xa9\xd7\xa9\xd9\xc1\xa2\x9b\xc4\xf2kSi\xe4\xa5e\xab\xb8\xcbV\xc0\xf1J#\x9e\x96\xb0\x0b\x93\x82\xc5\xa5TF\x17\xe6\xf0\x8c\xb3\x82E\xe4,4\x18\x96O\xbb\x03Cb?\xd6\x1c\xe8\xefn/e"\xd6\xf9\xed\xed\xc4l\xb4x\xc4\xa8D\x96\xd6H\x0b\x08\x17d\xc4\x1a_\xa6#\x90\'\x96\x10Y\x8e\xdc\xe3\xd9\xdb\xc54\xcb\xcb\x0cVd\xf1\xc5;9ZC\x15\x1d\x834Jy^x\xf6Q\xdb}"\x8b\xf7=\x95v;1\xea\xfd\xa9\xe7\xd9*R\xc3\xe3_;\xed\x1a\xe9o\xd4\xd7\xfd\x9cG%\xf6\x95\xd9\xc6AB\x90:tE\x1c[\xdb.J\x8cl\x89\xcf\xd6\xc63\x85\xeb\x94\x17\xda\xde\xb5+\xef\x1f\xe1\xac0"c\xac(\xeb\xae\xe8\x15\xb0\xec\x05a\x9b\x85e\x14\xe8\x87\xb6q\x98\xc0`\xa9\xa9g[Kw\xd6\x8fT\xa5\x8a\xd7y\xab\x8bK\x88\x87\x06\xf1\x03\xd1\x02\x12+E\xac\xb5\x1c\x8dv\x95\x92Mzb\xe1\x9f\xf7\xc9\xc7j\xbf?\xb3ZL\xdb\xccC\x03\xe6\x7f\x01BD\xfb\xc1\xca\xf1\xa4\xbd\x00\x00\x00\x00IEND\xaeB`\x82'</t>
        </is>
      </c>
      <c r="M176" s="3" t="n">
        <v>45492.67777777778</v>
      </c>
    </row>
    <row r="177">
      <c r="A177" t="n">
        <v>789100</v>
      </c>
      <c r="B177" t="n">
        <v>1958</v>
      </c>
      <c r="C177" t="inlineStr">
        <is>
          <t>Tiquinho Soares</t>
        </is>
      </c>
      <c r="D177" t="inlineStr">
        <is>
          <t>T. Soares</t>
        </is>
      </c>
      <c r="E177" t="inlineStr">
        <is>
          <t>CA</t>
        </is>
      </c>
      <c r="F177" t="inlineStr">
        <is>
          <t>ATA</t>
        </is>
      </c>
      <c r="G177" t="inlineStr">
        <is>
          <t>CA</t>
        </is>
      </c>
      <c r="H177" t="n">
        <v>187</v>
      </c>
      <c r="I177" t="n">
        <v>9</v>
      </c>
      <c r="J177" s="2" t="n">
        <v>33254</v>
      </c>
      <c r="K177" t="inlineStr">
        <is>
          <t>Right</t>
        </is>
      </c>
      <c r="L1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ff3c494-f338-45be-aaae-368493c4fc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93\x08M\x00\x00\x03\x00PLTE\xff\xff\xff\xfe\xf7\xef\xfd\xf5\xeb1-)\xfb\xf3\xeb\xfe\xfc\xf6\xfc\xf6\xee\xfa\xf1\xe8\xf8\xef\xe7\xfd\xf9\xf1\xfe\xfa\xf4\xfb\xf2\xe9\xfd\xf9\xf3\xf9\xf2\xea2/,,*\'=74\xfb\xf5\xed\xf3\xeb\xe3\xf7\xed\xe4/+);52\xfe\xf6\xed$ \x1d?:6\xfe\xfb\xf23.*.*\'\xec\xa7x50,\xfe\xf8\xf1\xf4\xb3\x88\xfd\xf3\xea51/82/\x1f\x18\x130+\'\xdd\x9dr\xf1\xe8\xdf$\x1c\x16\xf2\xac\x80\xf6\xb6\x8b\xec\xa9|\xf1\xaf\x84\x19\x15\x11\xec\xad\x82\xec\xae\x86\xf2\xb5\x8f\x1e\x1b\x18\xdc\x96f)$!\xf8\xb8\x8e\xa7pM\x92eE\xfb\xf7\xf2\xe1\xa1v&lt;0\'\xf4\xb0\x84\xa0kG\xf0\xaa|\xb1uO\xff\xfe\xfe\xf5\xef\xe7\xf0\xb2\x88+($\x8b\\=\xe9\xaa\x80:30\xfb\xf9\xf6C4*\xa5lH\xfb\xf2\xec3\'\x1e\xfc\xc7\xa2\xd8\x98n\xe3\x9ep\xe7\xa4w\x8eaA\xee\xe5\xdc\xe3\xa4y\xb0qJ5+$\xd4\x8fb+#\x1e\xbd|R\xfc\xfc\xfb\xfe\xfd\xfd\xc6\x8be\x86X8\xbf\x84^)\x1f\x18\xe3\x9ck\xe7\xa1r\xd9\x92c\xd3\x93h\xb6|X\xfc\xbe\x9c\xe7\xa7|\x99dA\xbd\x7fY\xea\xa3s\xdf\x99i\xd3\x96n\xfd\xc2\xa0\xe5\xdd\xd4\xacoI\xdf\xd8\xcf\xf4\xba\x95\xc5\x83WJ8-\xb9wO\xea\xe0\xd7\xfe\xfc\xf8SC7/\'"\xe7\xa0o\xc3\x87a\xde\x9am\xff\xf9\xf2\xce\x8fh\xd0\x87WmK6;+!\xea\xe7\xe3T7$\xabsO\xb4yS\xe6\xa8\x81\xf9\xbb\x90\xa0gC\xfa\xbd\x97C=:\xb7\x86i/!\x18|ZC\x9agE\xc8\x87\\\xf6\xf4\xef\xd3\x8d\\\xf7\xc0\x9c\xd6\xd3\xd1L&gt;3\xf2\xf0\xeecOA\x83Z&gt;\x94a?\x99lP\xf2\xad\x8a\xd5\x99v\xff\xf8\xf0\xc5\x90p\xcd\x8a]\x12\x0f\x0c\xd1\xcd\xc8\xf7\xf6\xf4\x94hJMIF\xcc\x8dc\x84_G\xdc\x9ex\xfa\xb9\x95ZI=\xaf\xac\xa8\xadxVyR;\x9ajKGB?\xef\xec\xe9\x7fQ5\xcd\x93nK1"gH4\xe1\xde\xdbTQN\xde\xa2\x80~{x\xca\x97y\xa4\xa0\x9d\xff\xfe\xf9\xfc\xcb\xa9\xbd\x87e\x9b\x97\x95\xa4tU\xbe\x8cp\xb8\x81_B- \xdb\xda\xd7\xcb\xc6\xc2]XU\xf8\xb5\x93\xaf\x81foZK\xa7z`\x8fiPcD/jd`\xf8\xb1\x8fvK1\xe2\xac\x8dqS@\x89cKS&gt;/\xe6\xe3\xdf\xc3\xbf\xba\xff\xf6\xef\x86H(\xc5\x7fR\xabjF\x9b`=\x92\x8d\x8a\xd9\xa7\x8bnC*tol\x80l^\xde\x81m\xda\xd1\xc7\x89xj\xd1\x9e\x82\x89\x83\x7fb9"\xeb\xb6\x94{dT\\@0\x92V6\xaf|^\x9c\x89y\x8dQ/\xc7\xa6\x92\x8fp[\xb7\xb4\xb1\xa7cBb_]\xe2\x8cs;&amp;\x1a\xd6z`\x9ev]\xaf\x93~\xd1\xb3\x9f\xc5lT\xc5\xaf\xa0\x9aK\'\xb6eG\xec\x9e~\x9eX6\xa8]9\x9a~j\xb3\x9c\x8c\xe9\x92y\xed\xc3\xa3\xf9\xd4\xb8yA#\xf1\xa2\x86\xde\xb4\x9b\xde\xbd\xa8\xc4\x9f\x87\xe8\xc9\xb6\x92\xe6Y&gt;\x00\x00 \x00IDATx\xda\xec\x96\xefO\x13y\x1e\xc7M\xee\x1f\xf0\x89\x19\xe3\xd54q`\xa7\xbfX\xdb"qJ!\x880f\xa4te:\x14p\xda*b\xabaeHf\xbaF\x18\xbaz`\x8aX\x99V\xc0\x04dA\x19\xe4\x97\x85;\x8f\xec\xc1n\x15\xaf\'?\xa2h\xa2G\xa0I\x83)\xb7\x8d\x98\r\t\x1b\x1e\xc1\xc3\xcb}F\xf7\xfe\x03\x06\xef\xc1}\x08\x03m\x9a\xcc\xab\xef\xf7\xfb\xf3\xfe\xce\xbe}\xff\x9f\xbd\x9f\x8a\xd17\x83\x1f\xc3\xffC@\xf9\x15\xfb\xf2\x9d\xce\xf0V\xbc\xef\x0f\x89\xf6\xf07\xdf\x86\x9d\xf9\xf9_\x1c\xca9:\xf1\xb4i\xe2\xd9o;\x89\xbe\xfd\x08\x93L\'\xd7\x93[\xdf|\xd5[\xb1\xaf7\xfc%\xad{\xb6\x9aH\'\xd3\x9b\x1f6\x93+\x9c\x84Dv\x9eD\xb8\xd6\xcd\xcd\xado\xc3\xed\x83M\x15_\xc2;g\xfe&gt;\xe7\xc4\xe0J\xf2\xc3\xd6\xce\xce\x87\x0f;\xc9d*9\xb3\xbe\xb3\x94\x8a$\xb6\x93\xdb\xdb\xe9\x8f\x83\x93\xed\xc5\xbf\x7fr\xcf\xf8\xf2\xc3MM\xb7\xdf\x0c\x0enm\xfd\xf6!\x9dN\xb5\xae\xaf&gt;\x99I\xaenn\xa6\xe1E$\x12O\xef\xac\'\xe7\xe6V\'\xf2\xff\xfb\x05\xf6\xc8\xbc\xf0\xe8\xe8\xeb7sq\x80\xda|\xb0\x9d\x92\xc6\xe337\xf9Dzs{;\x99L\x10\x04\x1e\xd9\x06&lt;qde\xc2\xf9\tk\xaf\xa8&amp;&amp;?N%\x03\xec\xe6\xd6\xbf7\xb9\xf5m\x8e[\x8c\x8b\x08\x13I\'\xc7\xd7\xd7\x13\xa9\xf8"\x81s\x89D"\x15!V\xdaA\xa9\x8a\xbd\xc1r\xde~\xbd\x14\xe1X\x96X\xdfIoJ\\:Np,\x87\x9f\x10\xe2\t\x16o]\x87lq"N\x89\x91x$\x95JL\xdd\xbf\x9d\xef\xec\xdd\x03\xa8\xe2\xf6\xc9\xa5\xa4\xc4\x11\x12\xd1\xb73\x97\x8e\x93\x89\x04\xc7\x8a\x80e\x16\xe3\x11\x92_\x1c\x8fr\x91EQdhQ\x8aHr\xca\x06G\xc3{\x80U\xd1\xb4\xba&amp;\x01\x85$2\xf1$\x97\x14\xb8\x84$\xe2\x84\xc8\xf1\xa8\x94\xe20\x94 \x82\xf8\x08\xcbrE4E\xb0R\x84\x93R\x00\x16V&lt;\xf3\x15\xcf\xa6\xb8E\x91\x13EI\x10\x12\xa0\x06\x9b\x8as\xc1 !\x924-r\x14\x16\xdcO\x05q\x9e \xc9\x91"\x86bqN\x08\x12l$\x91|\x13\xaePv\x01\x9f&gt;\x99\xc19\xb1O\x94\x16q6ADX.\x05\x86\x91\xb8@2$\xc5\x1b\xcd\x14\x9f\x811\x06\x1aA\x0eg\xd0\xfc~\x9e\r\xf2\x98\x9c\xb2\xc4\xe0\xa8\x82zU\xbc^\x9a\x93 G\x84\xc4J"!\xc6\t\x16\x97"p\xa1p\x92\xa2)\x9cA\x90"\x9a\xc6P\x83\x111\x9b\xcd\x00D\xb1\x14\x8f\xa04.I3\xcf\x14\xdc\xc6\xe2A\\\xe4\x08V$#\\\xdf\xe1#\xb8\x84\x0bA0\x13g)\x02\xaa\xea \xce#\'\x8a\x0e\xf1\x18\x83\x99\x8d\xc8\t\xb3\x19\xe5\x0f\x1e\xa4\xb0\x13\x86\x1e\x0c\xbe\xc8\x92\x82\xb1\xef\x9d\xc4Y\x16g\xc5\xe0\xe2\xe2M\x1e2\x8e\x13$\x8f\xe3\x02\x01?\xe4\x81\x9b\x14\x95q\x84:\xc0\xf0&lt;\x8d`f\x041"\xf4\x11\x8aA\x11C\x0f\x8a\x0b\xf8\x9cr\x07w\xfe\xd3\x19Bdq\x9c\xc37\x84\xa2\xc3L\x0f\x01*\xa0$E\xe2\x0c\x83\xf1\x07\x0e\xf1\xd4\x81C\x19\x19(\xcd\xd3\x18r\xc2\x88\xa1\x08\x82\xa0\xa8\xd1l\xe8A(2x\xf0\xberbM\xcd\x81@A\x9a%0\x8c\xa6\x90\x1ef?\x8b\xd38\x19\xc41\x14\xe5)x\xeb\x909\x035` \x16\x83\x18a0c\x8fAV\xcb\x0c\x8c\x7f\\U\x0c\xab\xfd\xd7&gt;\x91$H\x8c\x02\x0e\xb8\xb9\x91\xa1p\x8a&amp;x\xf8\xd7`\xc0\x8c\xc0\x83a\x98\x01\xa5i\x14\x05N\x83\x01\xc0\x0cp\xed1 =\xb0\x04+\x8a\x89\xb543\xc2\xe18eDA\x0b\xb85\x83\x0b\x02A\x1f\xe61\x0c1\xa0\x86\x9e\x1e\x941\x18P\x946\x03#l\xa3&lt;\x9f\xde5\x18\xe1j@\xfa\x9e*T\x11\xc5\xab3#\x04\x88ed\xe0\xae`\x16Ip\x14\xe4;\x18D1J\xd8\x10H\x18\x06\xdc\x05\xc1`@+\x99M\x06\x93\xc7\x80 \xbf\xdeW\xa8#\x06G\xa0\x05h\x14\x81\xfbc\x0cI\x12\x14\xbc\x08\x92\xc1 C\x13k\x12\x1c\x84\x1cK\xd2$\x19$\x19\x18\x04\xc3\x98 \x86\x05\xb1\xcf\\\x06\xd4xx\xae]\x11\xae\xde\xc1\xfd\x14\tk\xc6P$\xcd\x93\x04\xd8I\x92\xb1h \n\x13\x18om\x9c]\\\x8cn\xc4\xa2\xb1h4\xf6y6\x84\x98\xb0\x11\x94\xa5\xed\x913F\xe3\x93\x8atW\xef\n\x8eCY\x92\x02,\xdfF4\xc0F\x03\x81\xd9\xc6\xa1\x07\xaf:\xa7\xff\xd1Y\xf8\xf7\xe9\xa1\xa1\xb11\xfb\xf0pg\xa7}lahaaa\xf9}\x00&amp;\xb6\xc1@K\x18\x11X\x02jU\x91\xeez=B\xe2\x14\x85\x13\xb1X`vl8\xe7\xd5\x0b\xfb\xf0/?\xfd\xf4\xb7\xbf\xfe\xe5\xcc\xc9\x87\x8fK.\x9d\xad\xbcT\x92\x99Y\x92Y\xd2\x7f\xf1\xfc\xf9\xeb\xd7\xf3j\x8f\r\xdb\xab\xc6\x96\xa3$\x03+I\xd3\xd0aE\xf7\x95H\xfd\xe4!\x1a\xce\x18*6[x\xec\xe7K\x0f\x1ff\xde\xbbw\xef\xe1\x8d\xafO\xeatY\xfa\xac\xac\xd2\xab\x99gJKmW\xaf^\xf5\x99&lt;\x8e\xba\xf2\xba\xf2\xf2\x8b\xe7\xf3\xf2\xbe\xaf\x19[\x8b\x05A.Z.\xd7)\x05\xc2\xe5|BA\xca\xb1\x8d\x85G\x97\x8e\x9f\x01\x84R\xb8\x9e\xb9PZ\xea\xf6\xaat:\x8d\xca\xe5.u\xdbL\x1e\x93\xc7\x13\n\x85\x1a\xea\xea\xca\xeb\xcb\xca\xca\x80\xebV\xe1B\x003\x1a\x193B\x1b\x9f(\x80\x15^\xa1H\x81\xc6\xde?z\\\xe2\xf3\xb9l6\x97\xcbe+u\xfb\xbd^\xaf\xca\xebV\xf9}.\xaf\xd7\xef\xf2\x81V\xa1\x86\x86\x86\xb6\xf2\xf2\xfa\xbc\xdaZ \xcb\xad\xa9Z\x8e\xc1\xb3\x054\xb0qI\x01\xac\x89?\x0bB,\xb8\x91s\xb6\xcdar\xf9L&gt;\xc0r[U*\xabU\x05W\x95\xca\xedW\xa9\xbc~?\xbck\n5t\x87\xea\xde\x82\\\xef\x80\xeb\xd4-\xfbX\x00\xa7\x18y#\x950\xb1\xbd\x8f\x84\xc7\xbd\xb5\xe9\xb6\x06\x87\xc9\'\xeb\xe5\xf7\xaa4j\x8b\xc5\xa2\xb1\xc2\xc8dV\xaf\xdbgr\xb9&lt;\xa0V\xa8\r\xc2U\x0fr\xd5\xd6\xe6\x0e\xdf}\x1f\xc5\x19Z!\xacg7\x01+p\xf7\xfbn\x8f\xc7d2\xb9\xc0=\x95NoQ[\xf4V\x9d\xce\xaa\xb1\xaad3m.\x9f\xcd\xef\x0b5\x84\xba\xeb~OWY\xd9\xb1\xdc[CQ\x9c\x96\x0f\xa4\xc9\xdd\x7ft\xae\xf8(\x12B\xa01\xe7l\xbfL\x05\x1e\xfa\xbd:\x8dE\xa3\xd3\xc8Ji\xf4\x1a\x95\xdf\xad\xf2\xba\xfcn/H\xe6\xf18\xda\xea\xea\xea\xeb\xeb\xaf\xe7\x81\x8b\xb9\xb9\x85k\x02\r\xe7\x12:\xb9\xfbj9\'\tQ\x1a\x9f\xfd\xa1\xf2Z\th\xe2\xf3\x03\x85l\xa0\xc6\xa2\x87?\x16\xb5\xde\n\xda\xa9\xfc.\xbf\x1c{\x8f#\xd4\r.\xd6\x03\x14\x98\x98\xdb\\\xb8\x1c\rb`\xa3\x02&amp;:\xa7\xd8\xc8\xcb\xc6\xe5\xe9\xc7\xd7\xceA\xb2\xe4|\xab\xac\xa0\x96^\r\xf1Rk\xb5\xdal-@\x02\x97\x0f\x94\x84\xd07\xd4\xbd\x95C_V{*\xb7\xb9\xb9c!\x10\xa3\xe1\xacT`\x13\x8b\'\xa5\x97\xad\x0f\xee\xfe|\xce\xe1\x80\x1b\x83a~\xb7\x15\xb8\xb4jy\xb4\xd9\xd9\x80\xd5\xa5\xb1\xea\xdcP\x1c&amp;y\x17!\xf2u\xe5y\xb5\xefr\x9bkj:\x16\xde\x07\x04\x92bV\x15\xc0\x9a\x8a\xb4\xbe\xfa!\xe7\xec9\x07T\xa6Ov\xcbk\xb5\xea&gt;\xc5]\xaf\xd7[\xf4\xea\x82\x02\xb0\xd2\xa2W\xb9}!\xb9\xb9\xba\xdf\x96\x97\x97\xe7\x95\xbd\x03\xaa\x1a\xfb\xd8\xf2l \x86\xd3+\xbb\x8f\xd5\xbb\x14ye\xcf\xb9U\xe9\x08\x01\x16\xd4\x80\x1bJ\xca\xebv\xdbTV\x8bZ\r\xb9\xcf\xbe\xa2Ug\x1fU[\xacn\x93\x8c\xf5\xf6SC\x00\x16hU\xd3Q\xb5\xd08\x1b \x84\xb9\xdd\xc7\n\xaf\xbe|\x913\xfc\xa8\xd2\xe3\xf9\x8c\xe5\xf5\xc2/\xec\xa0\xa6k\xfe\xf9\x80V\xa3\x19\xa8\x1e\x98\x7f~4+K\xe7\x96\x17\xd5\xe3p\xf4W\x96C\xe0O\x01\xd6?\xff\xd51\xb6\xd0\xb8&amp;\x12J`\xa5_\xbe\xe8&lt;_\xd9\xefq\x00\x97\xdff\x83\xc4C\x9d\xcac\xd1\xfeI\xdb\xa5\xd1V\xdf9:\xaf\xce\xd2\xa9t6\xdbq\x9b\xcc\xd5\x06X\xc7\x9a;:\xec\xf6B\xbb\x1d\xf4\x1a_\x8c\x17\xef:\xd6\xe8\xea\xd0\x8b\xe9\xb3\xd7\xfaC!\x08\xd7\xa7\x93PWz\xa1\x00\xe2^\x00{8?\xaf\xd7\xb7\\\x9e\x9f\xcfnQ\xeb\xf5\'/\x9c\xcc\xbcj\xea\xee\xef\xbf(wVsaUaU\x95\xbd\xf0n\xe3\xf8Zdt\xd7\xb1\x9a\x92\x0f^L\x7fw\xad\x1b\x0e\x16\xb9L]n\x95U\xd7\xf5|\xa0\xa5\xe5JK\xcb\xc0\xc0\xbc\xb6k\xa0\xe5\xf9\xf3\xea\xd3W\xe6\xbb\xban|\x9du\xe1\xf8\xa5k\xe7\xbe\xbb~\xac&amp;\xf7\x14@UU\x15\x16\xde\x1dj\x1c\x97&amp;v\xff!0\xf9\xa0\xf3\x97~\x07\xc49$7\x84\xab\xf4FA\xc1\x95\xd3?\xfex\xfaN\xf5\xe5\xcb\x97\x07\xae\x1c\x1d\xa8\xae\xae\xbes\xfa?\xb4\x99\xefOZ\xfb\x1d\xc7o\xb2\x07\xbb\x0fn\x96e\xf7\xc9\x1e\x90\x91=8\x8bb\x90\x10!\\\x81\x86@zi\xe5\x1c\n#\xe4\x02\x13\x0e\xbf\x14\xae\xd1K\xd3\xc9\t\xb0\xabX\x18E\xaef)\x08\x81\xac^\x84;tA\xbd!&amp;%\xe8]\x86\xb5\x06\xab.C\x88\xae\xed\x0c\xb68zC:];\xab\xde\xb5\xda\xedv\x9f\xd3\xbf\xe1\xf4\xfb\xec&lt;{\xe7}&gt;\xe7\xfdy\xbf\xbe\xc7^,\x95\xdaY\xac\xf6\\\xccf\xd3\x18\x87\xf9R\x0e\xf7\xad.-i\xd7\xcd?Q_ \xeeO\xcd\x18\x93I\xf2\xd3W\xa9T\xa8b\xe4\xde^\xd7\xed\xb3\xb3\xb3\xdb\xe3 \xce&gt;nJ\xdb\xbbL~\xbf\xa9\xcbTd\xdd\xdb\xde\xde]\x88/e\n\x85\xc2\xcc\xcc\xcc[YY\xadx\nd\xfd\xfe\x1d\xb8%\x07Y\xb0\x82\x13I\x95\nO\xe5vww\xb7\xb7\xbf_^Y\x0e\xc4w\xf7\xc6\xedv\x13\x883\xf5\xa7\xc7\xef\xc5\xe2+\xdf&gt;\xba\xff\xe8\xd1T\xd0\xb3&gt;5==\x1d\x96\x8bIY\xda\xf0\xfa\xbb\x90\xf5\xf9w\xdc\x89%X\xc0n\x15\xeeJ\xea\xf6WV\x0e\xefN\xad\xaf\xcf\xafz\xc2\x13\x858\xcbn\x02Y]&amp;Q\xfbv`"\xbc\xfa\xd9G\x97\x81l\xbf\xda\xdc\xdc\x04\xc8\xf0\x88\xe5o\xdfb\xf0\xdd\xb8\xf5\x1d\xe4\x03\xa8r\xbbf9\xd9yOp\xea\xe65\x80\x8d\xcd\xe0T\xf0\xee\xc4~\xceo2\xd9\xbb\xc6\xfb\xcd\xb2\xf8Dp\xfe\xf1\xdc\xc7\x97\x7fu\xe3\xc6?\xbf\x19z\\\xab\xd5\x86&lt;\xa4]Z1\x8c\xfc\x9d\xaf\xdf\x85[\x87\x05+t@\xdc\xbbS\x9b_\x9f\xf2\x00 &gt;\xae\xedd\'3\xfb\x19]JT,\xa6M\xfdQ\x85mi\x06\xb2`\x1eL\xaa\xedh\xb9\x85\xfd\xfd\xcc\xe8\xdaNx\x92\xcc\x88\xe0\xf4\xfc\x9d\xcf\xa9\xfd\x8d\xf2\xfe\xa5\x8b \xab\x901\x0e\xa8p\x9b\xb0/\x93_\x80\xa9\x8e/..\t\x95^k(\x89\x13\x0c\x81\x80)\x92(\x88\xe4\x12\xc7W\xb5H\x85K\xf9\xf8l,\xa6\xc9\xe7\x8d|\xaeV\xcc\x95\x93\x01\xb1\xeeY\xff\xcb\'\x17o\xdd\xa2\xaa\x0b^|\xe3R\xfd\xf7Yaf\xa2\xa0\x0e\xe1\xb8MCr\x18\xab\xbf\x9f%jc\xa0x"\xa4\xde\n\xa9\x88AF\x9bD\xa6Jz}\xf5FS\x9d0\xf0x\xa9\x14\xee\xd2\xe8\x8c^~DL\xc6\xfc\xdb\xdcZ\xfd\xcf\xc3\'\xcb\x8b\x9fR\xa2\xeb\xc2\'W\x0f\xc6\xdc[j\xfe\xe4DA\x97\xc4\x11[r6&amp;\x91\xf0d\xaex`)/\xf4U\x1c[[[c\x06}\xab\xddovy\xab\xe5\xf2\xc9\x80\xcb*\xdc\x0f\x04\xf63\x05nd\x94o\x01\xa7Ha\xe1,\xe8\xda9o\x1c\x9d\x04~B\x89Y\x1fl\x9fZ\x11v\xef\x16\x97\xcb\x0f\xe16\x04q\xe12\x8dpbj\xfd\xab\xdf}\xbc\xb9\x93\xad6\x95\xea-\x15*h\xf5w\x08\xd8\xca\xfay\xb9"&lt;\xa9O\x1c\xde\xbfym\xf3\xb1\'8\xbd\x06\xd1 \xe6Nr\xe5\xdai\xcf\xeaZ\xa3^\xad\x9e\x1c\xfd\x8f\x12\xbb.\xb9\x9e\x1f\x8f\xa0=\xe8\xb0V\xea\xc4q\x19O\x96P\x96ks\x7f\xfe\xf2\x07\x7f\xfb\xf9Oon\xac5\xaaj\x9c\x18\x1cd@75(\x1b\xe0V\xe3&lt;\xbcq\xe7\xcb\xdf\xfe\xe8\xc7\xbf\xbe\xf6\xd9\xdc\xe3\x9d\xb5ld\xd42\xca\x15\x07Ww\x1a\xf5z\xb5rz\xf4\x84\x92"q\xe9\xc1A\xa9\x85\x81\xf5\xb8"\x1c\x9d\x8d@0b\xe0\xb4\\\x0b\xff\xfb\x1f\xbf\x99\xbb\xf1\xd1\xdf\x17\xcb\xe7\r5\x01E\x07\xda\x84\x80p\xd4\x1b\x8dl\xad\x16|\xf6\x87?^\xfe\xe57_\xfdk}n\xaev.\xe6\x0c\xf3G\xc9]\x9d\xadV\xabJ\xe1\x0bjd]\xb8\xf4\xe0iI\xcf\x12\r\xb2\x85R\xab\x0c\x05\x92V\xc14\rh\x02\xd9\xe9\x9d,\xff\xc5\x0b\x98-\xb7\xaa\x17\x05Y\x0c\xb6\xe3\xa4Q&gt;/\x8b9\x9a\'\x8f\xe6\xe6\x866\x023Y8\x96\x8c\x97\x03n\x85\xa7\xb5U\x9fQ\xad\xa4H\xd6{\x1f\x1e&lt;\x8dv\x8f\xef\xa1*\x07G\x87\xb3\xbb\xa1\x15\xab\xd8\x86n,\xb5\xb0\x10\x93\x11@9\xee1\x03\x01(+``\te\xb3Zo\xf8t\t\x97+\x96\x87\xcc\xf2z}|\x8b\xd8\xc2\xe1\xf0-\\yxM\xcc\x1f\xd6(+T\xb9u\xc5\xfdr\x04\xed\xea\xe7\xb1\x1d\x19g\x12\xca\x96\xdb\rT\xddCc\xeeA\xa5\xa1+\x08\x04\xed\xc10Z\x0f\xc6`\xa0!e\x85\xcf\xaf\xd6\xa5\x9a\x1c\xd3L\xa8\x12\x1a\x9dU\xd8\'\x85~j\x81\xd9\xe2\x8a\xd7"\xbe\xa5Ye\x93*\xb7\xde?x\x89I\xa2~\x89\xc1\xe1u\xba\xc8\x9a&gt;\x86\xf6\xb40\x04\xccN\x96\xc8\xccVD\xdb\x00\xcdh\xfan=S\x80\xb9 /\x94}\xf0^58fFe.W\xc8\xaa\xb6z\xfbH\xf6\x01Y\xd9\x08\xc7\xe9\x14\x82[\xcf\xa8\xf9\x12\x9f\xbe\x14\\/E\x11\x83C\xa8I\x925p\x10\xd3\xd3\x80,\xdaP6\xaf\xb3\xd8\x89\xc1X\tz\xd9\xfa\xb6\xe8k\xc4\xda\xf4\t\x8d^\xab\xd3\t\xe3\xd6\x8d\x102\x9c\xac\xceF\xf0K\xce\xe5B\x8b\xf0Y\x8dj\x07\xc8\xa2\xe4\xf6\xed\xaf\xc7O\xa3\xf4\xd2\xf1A\xc2\xe1\xd5\xb8Tcll\x10\xe2\x80\xde\x06 \xdd\x96\xeeo\x05\xca\xa031\xf4\xf5\xebR\xe9\xb5^\xa5\xf6q\x8cV\x87:\x89\xdb\x00\'\x11\x1e\xc2V%\x80\x7f|\x111\xf7nD[&gt;j*\xad\xea\xe6\xc9\x1bjv\xcf\xab\xa7t\xdak\x86{\x0bd\xd9p\x83^\xa0\x87\x90"\x89\xd5O\xc2N\x07\xbd\x93\x81\x1d3J\xa5t\xba\xc8\xc4p\xaft\xd8\xa8V\'m&lt;\x1eA \n\x1e\xa1\x1ap\x00Y\x8f\xca\'\'\xc4 \xeb\xb4)\xf5V\xfb\xaeP\xb3\xa9\xaf\xbcl1\xbcd\x8c\xb9\x07HY\x04\xda\xadgt\xa4\x8b&amp;\xffuh\xc9&amp;\x7fQ\x82\x12\xa8 Z\x84\xeal*ES\x9a\x0c_\xda\xe7\xc0S\n\x05\x8f\x87($&lt;&lt;1\x00co\x81\xa0\x17\xcb\xebG\xa7\xa7\x8d\xe1\xe6\xf2Ejv\xe2\x87\xc7\x82\x83\x07\xc7\xdd\xbd!\x18y\x08\xaeA3\xddO*2\x8d\xdbow\x950\x02\x1d\xeci)\x9an\x9f\xdd\xb6\x17\xa39\x8d\x97/\x95J\xad\n\t\xd3\xac@\x10\x85\x99\'\xb3\xe9\x84\xe0\x16)\x8b\x7fzrTn*\xbf\xa7\xe6b\xf7\xc2\x0f\xf7h\xee\xe7\x0f\x04\xb4\x90Z7\x8b\xa0\xa8\x9e\t4a\x07w\x000\x8a4\x02m\xe9l\x8b\xa6\xc9Zo\xb7\x8f\x8f\xb8\xbc\xc3\xc6a\x8b\xcf%\x01\x00\x92\x80c&lt;$\xe6\xf4J-\x91I\xa8\xf4\x9c\xcaQ\xb9|\xba\xf4\x90\xa2b\xf3\xc1\x1b\x9a\xfb\xf4\xa0M\xf2V\x16B\xe8\xe9\x80\x12 \x0b\x94\x98\x8e\x11\x02\x8b\xa6M\xd0\x01I\xb7\xec{\xb9Y\xabUg\xac6*\x08\xbd\xbf\x9d\xd9&gt;\x92\x92\xd9lN/\xa4)\x90\x86\xb8\xd0\x84\x15\xd0\\\xfe\x82\xaa\x1b\xb73\x0cs\xbc\xe8f$\x1dF\r\x82\xa0\xcc\xd6\x0e\x12\xbe\xc0+\xbb\x840\xf3\xd0\x12&lt;\x14\xe1\xa4\x8b\x92\xd8l\\\xe7t\x1a}\xf5\x93\x90\x02\xa8l$5\x92\x9au\xe9\x84&gt;\x0bwR\xae\x9d\xe44\xce\xcfO\x94\x01\xaaj\xe0\x85O\xb1\x0e\xf4\xf9V/\xae\x06Y&lt;\xac\x9dE\xefH\xfb\xc7A\x15\xc3@\x88$\x84\x84\x95\xd39S\xac(\x8b\x95\xca\x172\xf1x&gt;\x13\xa9\x9e(\x91v\x96\x88\x99\xca\xa5\\\x1a\xeb\xf0\xa8\x85\x0b\x05u\xa6^.7\x1c\x95g\x94\xb5\xe6_\x98[Z0\xf7\x96\xccj\xd5\xd8\xe0\xf3\x12\x89Z[\xd3~\xbb\x9d\xce6H:\xae\x9bqc\xb9\\q\xe6R\xbb\xbby\xeeN-\xbb\xb4\xc4\xa9\xfa\xfa\x9489\xf4&lt;`X\x1d@\xec(\x8c\x96\x9c[\xae\xf7U\x94\xbe\xab\x94u\xf9\x9f\xbd\xd2c"L\xa5\x1ap\xe6g\x11\xde\x88\xa8\x93N\xef\x00\xc4\xef1\xd0\xd2i:\x03\xb1\xfa4#\xb9\x98n\x98\x13ih\xcfk\xf5&gt;h\xacju\x88\xc7 \xd8\x08\xae\xd1,e83`\x16\x9czUX9]\xa4\xf0\x7f\xd4\x99\x19cbz\x03,_\x90%a\xb6tv\xb6^O\xb7\xf7v\xb7\x9a\x8a-\xc7\xed\xb9\xdc=8\xb3F\xa3Q\x07\x84!U*\xd5!\x17\x9e0\xf4\xe8\t"\xe1\xb4f8RX\xd4r\xae&lt;"\x95\xf6)O\x1fRx\xdb|k\xcf\xdc"\xa0\xb1\x13N\x1d\x0c\x97\x99\xbc\x01\xa4\xb7\xb62P\x86\x7f\xef^.\x97\xdf\x0f,\x1f./\xe6\xe3\x0b\x8b\x81\xe5\xc2J c\xd4\xd8b)\x02\xfa=\xad7\xa4\x16\x92\xb5f\x92\x0b\'\x02\xaf\xb6\xef\xc9\x17\xefQx\xceF\x04\x82^\x0c\xd7\xe9\x9c2\x1e\xcf\x8c\xc1\xa2\x86\x8e\xdcR\xdc[X\x0e\x1c\x06\x83\xd3\xd3\x9e\xe0\x0ew\xf1puug\xd53\x15\xdeXY\x8ci\xac\xb21\x15\xca\x1e\x10JIY3r9\xe0\x86OZ\xd9\xbfJ\xe9O\xb2[\xafh=\x83\x1d\xbc\x01g\xc2\x86\xa04\xf0\x8b\xd1B\xa3\xb5\xed~;\xb5\xb1q\xd7\xe3\x99\x0e\x87\xe7k\x85\xc0\xc4\xfcjmhhnuhu}c\xc2\x98\x8a\r\xe0\x86\xff\xf3n\xee1i\xe5Y\x1co\'\xadV[\xff\x10\x93\xba\xbb!\xcb\x1f\x0e\x88"\xa8#\xc8x\x01\x8d\x04o\x1b\x1eb}!\x16%\x82\x1a|\xb7\x1d,\x81\x8a\xca\x06\xc1vg6\x80\x0c\xd5!\xe2\xec\xaam\xa9;\x0e\x99\x10\xa1\xdbY\x8a\xee\xf8hM\xa7\xc6n4n\x1buk\xe3\xf8\xa8vj\xbb5\xe9s\xcfu2\xff\xcf\xee\xca\x9e\xdc{\xf9\x93O\xce\xef\xfc\xbe\xf7\x9c{\xbf\xb7&gt;\x0fA\x10\xb3\x19\x8akJ\x84\xd6\xac\x1aV\xf6\xf9\xc1\xdb\x89\x87\xf8\x87u|\xa9\xb4\x17\xb0\x84L\xa6\x90\xc5\xc2s=\x96\x07\x93\xae\xec\xc0\xb8\xc5\x89\xcc\xbc\xb2\xaa\xa5\xe8\xd2\xdd\xec\xf1\x96\xeb-\x8b0p\xb7\xb8$\xe2\xde\xc2\xb2z\xd4l\xb6*\x10+$\xcbJ\xd7\xf7?!\xed\xf3\xac\xcf\x89z\x9f5\xbc\xe0\x90J\xdc|\x99\xacJ c\xe1\x99\x9e\xa9\xa1\x07.\xa7\xdf-\xb7\xbb\xed\x9dJ\xcd\xee\xee\xdc\xc6vck\xf6\xddk\xe3C\xd7\xd7\xd7u\xda\xe5\xea\xc2\xfa\xfa\x1aE\xc9#\x03\xc2\x109\x9d\xc1\'\xef\xde^&lt;\xb0\xef\x91N\xca\xcd}+\xf5j\xaa+\xf1U\xa9U,2\xdf\x06\x83_\x7fuWW\xd7\xeb\xd7]\xdf\xd5\xc1oWr\xd7\x1a_\xad\xf4\x8e\xd8\xae=h\xe9\xe8\xd0J\xa4\x8d\x85z\xeb\xa3%:b\xb6\xd9\xfey\xe7\xea\xc5\x90\xb8\xa58\x1cN\x93\x03\x84K&amp;\xfc\xa4\xect"\xb9\xb3\x04Y\xf66\xef\xacml\xe7\xb1\xb77\xe6\xd6vw\xd7 ]\xcfVWa\xb1\xd0\xec\xfb\x8b\xeb\x0fZ{\x1b\xf3\x00k\x06\xc5\xb0zB\xe8\x94\xe2mI\xdd\xa7\x05\xd4\xc4\xb2\xd3d\xa1zY\xcc\xb4\r,=_B\x03\xcb\xc6\xe5\xa0\x91\xbe\xfa\xfc\xf9\xf3\x1f\x97^\xbd\xba\x0f144\x90\xad\x90\xf0\x1bkP\xeb\x92\x02E\x06\x9d\xff\n\xa9g\xf7\xbd\xa3\xba\xaa\xb9\x02_UE\xc6W\xd0\xda\xd8\x0f:n\x04\xdf\xcd\xbe\xdfz\xbb\xb5\xf5~\xeb\xc9\xca\xd6J\xe0\xc9\xe3\xcd\xc7\x8b-\xeb\x1d-%Rb\x05\xbf\xb0\x06Q(\x10:\xec\xc4\xa7!uS\x92&lt;\x92f"\x1e/h&amp;\x83\xa2\xe6\xaf6\xae\xde\r\xfa\xfc\xb3\xbew\xef\x80\x0c\xce\x95`\x10\xbdwo\xfc\xfe\xfdk5\x8d|1^P\x0fXV\x90\x08\xdb\xe8\x9d\x90\xba\x03\x8bV$v&amp;\x9e%kf\x91\xc9\x19\x97\xeb\x05;\xdb\xcf\xb6\xa1\xb0\xe6\xe6\xd6\xd6\xd6\xe0\n\xb5\xf5l\xf5\xc5\x8fw\x1f\xd5(\xbfOeR\x85\x9d\xa8YaF\xd1A\xe7\xcb\x10\xfb\xae\xb7\x1c\x1e\xa2\x90%KM$d\xb0\xf8||\xc6\xce\x06`\xad\xbd\xeez\xbd\xb3;7\xf7\x13\xd8\xea\x8b\x17\xec\xc6\xc6\xef\xcb\xc4YB%\xc8\x16\xc8\xfc\xa0m&gt;\xc4\xae\xe6\xf7\x0e7_\x88\x17\xa4\xe2\t\x04!\x9eL\x01M\x00\x94\xb9\x9d\xae\xd7{T\x1b\x1b@\xb9\xbd-\x97\xb3\x1b/\xa7\x8a+\xaa[A\xe2\x11:\x14\xfc\x85\xd0R\x1d\x98\xf79\xdcL\xa1\xa0Y\x96\x81\xbdv\xc5\xb8h;;;\x90\xad]L!\xf6\xc2\xee\xf6\xea\xf5\xca|"\x91/\x85bW(\x06m\xa2\'\xa1\xf6\xce\xab\x8c\x0eG\x1fS&amp;\x80Q\x9aBH\xa0P\xb8\xb4\xe1\xb6\xe4/\xeb~\xdf6\xdc\xd7W\xcd\xef\x1b\xb6{\xa0\x91\xd0\xd3\xe5\xbd|\x18\xc5\xf2\x10\x86\xd3\xc0pNY^\xf2B\x8cu\xd5\xa1\xf6y\x88\x95\x95\xc4\x8a\x0cr\x06\x81BN\xe4\x0ec\xed\xd6\x82\xc7\xe3p\x00\xb1#\xb0\x1c\x1c\xe9\xef\x97K\xcb\xf9\xf5\x85\xf2\x1a3\xc3ivN\xb9,/Cm\xb6\xe6y\xd4&gt;\x9f\x9b)#\x12)\x14\x16\x95\x92A&amp;s\xa9m\xc3\xb3\x0e\xac\xd92\x1a\x03~\xbf_\x0eC\x86RR\xde[\xa8l\xa5\x9b\x9dN\xc6\x94\xcbU\xb2\x12j\x1f\x7f\xd1l\xa7$`\xb43\x89\xc4D\n\x19\xdaT2\x99L\xc8\xa2M\xec\xbd\xe6\xf1\x19}\x0e;\xbf&lt;5\xb5\xb7\xb3\xf32\xd6\x00"0\xe4\x8f\xbaL\xa2\xec\xa7!\xf74\xbf\xb9\xa4\t\x04\x1c}D"\x93J\x85\xae\x8b\xccbe|\xf7e]\xdd\xc3\x89\xd9\x85\x05\xcf\x82],\xe6\x97CU\xd5w\xf6*A\xae\x9c\x0c\xdb\x94\xc9b\xb5&gt;=\x10r\xac\xcb|_`\xd9a\x87\x11H\xcc\xdc\xeb\x07\x01\xeb\xaf\x80\x05\x19[\x98\xb5\xdb\xab\xab\xdd\x1au\xa1T-\x95#N\xa7\xc8f\xb3\x88\x18\x86\x99\x90cq\xde\\\xaa\xaa\xf6\xc22\xc2\xdfW\xdb\xb9\\.\x95@\xe8\xea\xcaJ\xae\xdb\x03\x9b\x98\xb0\xab%\x1a\x8dW\xee\xf7\xf7\x8f8G!\xaee\x1b\x10D\x11\xfal\xbd\xbd\x94Jt\xfb\x8c\x0e\xbb\xdb\xe7\xb1\x0f\xf7\r\xb7q)\x14j\x1b\x86\xb5\x00\xe5\xb5\xe0\xf0+\x95jo\xffH\xd06j2\x8d\x8e\xba,\x08\x8a \x8c\xff\x07V3\x91\xc9w\x18}\xbe\x80\xc3\xe3\xf1\xccNL\xb4\x81v\xc1\xfay&lt;\x0b\x81\x11\xa3q\xc4\x8c\x04mN()\x93\xcb\xe4\xb2\x88\x10\x03\x8a\xa2\xd6\xd0\x97\xfc\xdb2\x01T\x95\xdd\xb8l\x0c\x1a\xbd~ \x9b\x1d\x1e\xf6,\x18\x83\xc1\xcd\x00\x0c\x1c#\x8fM\xa6\xa9Q\xd3@\xf6\xc0\xe4$\x80\x89\x10\x84\x8e\xc2\xe4\xf34\xd4\xba\xf5\xcd\xdb|\x01S,d\xba\x8d\xc6\xe0\xe8\xd4f`s3\x08\xd3a\xc0\xb6\xe92\x99\xc6\xc6\xb4\xe3c\x93\xda\xc5\x96\x86\xb1\xb1\x96\x86!\xad\x85\xa10\xc0\x8d\x1a5(V\x8aB\xbe\x13\xf3\x05\xc2\x8aD\xa1\xd8\xed5\xba\x1a\xce\xde\xd2Nj\x1f\x8f\x06\x07m\x9bc\xb7sn\x9c]l\x19\x9b\x1a\xca\xd1\xe54\xe8&gt;*]\xb4X\xcd\x90,\xc0Bf^\x86\xfa#\x91"\xc0\xc2\'r+\x84|\xb57\x98\x13\xf7\x9b\x9c\x86\xdb\xb7&amp;M\xae\xcd[\r\'\xcf}|\xf6\x8f\x9f\ri\x17u\xa7t\xf1II\xba\x01\xc6\x8c\x01\xa0\xf4t\x03\x82nN\x7f\x11R\x9d\xe7D\xbe\xc9\x97A\xbfL\xc5\xc3\x88\xed\x1f\xd5\xa5\xc4\x96\x9e\xcd\xd15L\x9a\xce\xea\nbO}\x96\x93s;\xe7\xd4\xa9\x82\xf8\xee\xa4u\xad\x881\x83\xea\xe9z=\x1d5\xd3-W\xa6\xffp\x95\x17\xa2\xba\xe7\x14\x1f&gt;\x1c\xfd\xa6L\xc6\xe2\xd2\x12\x08T\xa2Z\xee\x1fm\x88/\xfd0%N\xd7\xf0\xd9\xc7\xf1\xf1\xb1\x05\x1f\x9e;y\xea\\lA\\R\xb7\xceR"\xc2\x1a@\xbd\x1eEk\x0c\xf4\xa9\xa4\xafsU\xaa;\x17\x8b9\xfb\xcf\xc4\xcb\x0c\x8b8\x7fa\xa1J\x96H\xc1\x1c,\x14\xa2\xc6\xeb\x1f\x19\x8aO\x89O\x8a\xef(\xc5&lt;vq\x1f\xc5\xa6\xc4\x95\xc6\xa7$%\x9d\xd4\x8a\xac\n}?\x1de\xb3kj\xee\xdd\x03\xac\x1f\x9aT\xb5\xf3\xaa\xda\x0b\xbc}%\xe3\x14\xf1\xa2r3#""\xff\x14\x10|\x82\xa7\xa4%$\xa7\xa5%\x885ReP{\xa3\x033\xa2\xc7\xa5\xc0Q\x10\x1b\x97\x12\x1b\x17\xd7qC\x9b-2\xd4\x00\x15\x9d\xcd\xc6\xc0\xf4\xae\xa4okU\xaa\x9b=p\\\xf8b\xff\xbeE\xe2\xf0p1$\xd2\xc1\x88\x88\x88\xaf\x83\x95\x95xJBZ{{2\x81&amp;,\xf7z\xe5\xfd&amp;]lJR\\\x1cf\x93\xc7\xac\xfb\x1d\xd7\xb5\x03\x96l3\xac\x9f\xbe\x9f\xcdn\xc5\xd2\x05X_\xd5BL\xcf7MO\xf7\\\xb8\xc8\xe3\x9d\xd9\x07\xb4\xe2\xc8h\x1c\xe9H\xcc\xd1\x0f""\xae\xfe\xb0)\xc4\xec\xa6\xc9i\xed\xc9iY41\xbf\xd3o4\xda&amp;o\xeb\xd6\xd7;:\xe0\xbcq\xbdeh\xc0\x94m\x11\xa1\xfa\x116f\xb8\x86\xc8\xbb\xa77u\xefa\xdd\x9c\xaeU\xdd\xbc\xd9S\xdbD\xca\x8c\x8a\xfe\xdf\x96\x93S|&amp;\xfd\x08)\xf7\xd0QR\xf4\xf1\x83\xc7\xfe|\xc5\xc5e%\xb2\xa0_\xce"\xa4\xfd\xae\x8eV\xd9\xec5\xaa%\xcb\x9b\xa3\x0c\xcb\xf8\xf8\xc0\xc0\xb5\x92\x81\xc9\x01\x0b#[4\x88\xf6\xcb\xe5\xadrek+f\xa7\xd4k\x7f\xc6\xea\x81\n\x9b\x9f\xafU5\xe5\xe6\xe2p\xb8\xcc\xf4\xa2\xff\x8a\x8dS\\t8=:\n\x97\x1bs&lt;\nw\xe2\xd7\x9fG~\xfa\xab\xc5&gt;|"\xb4\xa5\x98u\xb2\xbd=\x8dVQ\x9e\xaf\x81;\xb7T\xd9\xca\x06\x91BD\xd8\xebr\x86h\x90\xde//\x94+!\xf6\xac\xcd\xfa\xc5\xeeoU\xb5\xb5\xaay\xc8T-F\xa5jjR5\x91H\xb9\xb9\xa4\xcct\xde\x7fZk\xc5\xc5g\x8e\x85E\x87\x1f\x89\xc1\xc5\x9c8\x1e\x1e\x13v\xfe|\xe4\xa7WNz3X,jFFVZ{ZBBBV\x05\x91X\xed\x96\xd8\xfb\xf8D\xbe\x04\xd8\xf4\x83\x83VP\x0660A\xf3,\xf5\xb766\xd6\xe8\xe99\xdd\x7f\x83\x9d\xa8\xaa\xed\x99\x87\x9c\xfd\x84\xd5\x04\x17\\\x0c\x0e\xd02\xd3\xcf\xfcr2\xce7\xbc\xc8\xb0\xe8C\x87\xc2c \x0e\x85\x1d\x0c\xcf\x8c\x88&lt;\x1f\xf9\x97+\xa5&amp;.\x99J\xa3\x10\x08\x90,\x0c\x8bVQ!\xb6\xdb\xdb\xa0\x8dh\xeb\xd3\xa8\xd5r\xecn\xa3\xd7\xb3\x95jI\xafD\xa2\x96*\x01+Ot\xae\xfb\xef$\x15\x04F\x05\x01kH\xca%\x01\x18\t\x17\x03d\xb8\xcc\xa8\x8b\xbfl\x7f\x16\x9f9\x1c\x11v\xe8hx\xf8^\xae\x8e\x1c\xfc\xed\x07\x18V\xc4\xb1\xab_\x15\x9c4R\xa8{\xde;\xd8\x8d\xed\xc94.\x8d\xcamk\xcb\xcaJNN\xa6U\xf05Ry?\xec?=[\xaa)\xd7h4\xbd\x9d\xf5\x85\xec&lt;\xf6PJ\xf7?pX\x86 O?c\xe1p\xff\xe6\xdb|\x7f\xda\xb8\xef8\xee\xfb\xe1\xfb\xe1\xf3\x9d}\xf8\xc7\xf9\xc7l\xce\x96\xcd\n\xc6?vL\xe7\xa0\xa5\xb6g\xa8\x1c\xbc(\x0e\x89\x96\x88t!\xb3\xaa\xc1$\xb7\x8b\x97&amp;\x9e&amp;\xa6\x81H[\xc5\x05\xd1\x07+\x9a\x82\xe8Z\xf1 &lt;\x810\xd0\xacN$[\xdbEj\x9b\x1f\x9aD\xc54-"\xcf\x82\xf2`\xff@\x1e\xec\xc1\xde\xdf3\xd9:m\xda\x17,#\xec\xbb\xef\xeb\xde\xef\xf7\xe7s\xdf\x93\xcf0\xf1r\x9fG\xc0\x04$fr\xdb\xfc\xffd\x08\xb9\xbdE\xb1\xac\xcc\xcb\x15I\x12&lt;\x1e\x9e^\xa6hI0\xed\xe2\xe8\xca\xbea\xfc\xfc6.+\xba\xf7\xc0\xce\xcdgg3\xc5b1\x93\xce\x00+[\xaf\x9e\xbft\xe9\xf7\x97P|\x13S\xd5\xa9\xa9\x9fM\x9e\xf9\xf5\xeb\xbf&lt;}\xfa\xdb\xc7r\x83{=\x97\x11s\x92)\x90\xfd\xf8\xd4\xe5S=\x84\x06\xcf\xf0\x02\xc7m\rBv\xee\x7f\xd7\xc0\xcb\xe7v\xecQ\x8a\xa3YI\x96\xe5\x8aN,\xe4\xfd\x8f(\x8a\xd6=\xe6\x8e\xdd\x11\\c\x8c\x13\x9f\xa6p\x898\xd4\x9b"\x9ft\xceg3\xe9T1\x9b\xc9\x143\x99r\xf5\x83\x89\t\x12\xfe\xe3\x13U\\\x83\xe0\x1a\x08X?9}\xfc\x9d\\Ny\xd8\x83|\x83\xe2\xd4e\x122\xa8\xe5\x81\x11\x10\xaa\xafO8\x1a`\xc3\x94m\x94\xc0\x7f\x95\xe7\xb9\xa6\x83\xa2(\x8e\x05QE\xae\xb0\x15\x1eG\xc2\xeb~\xca\xc2\xe2v\xec\xa6\xb8\xf4,g\xdc\xffm/\xb9\x8d\xb9\x97\x84~\xee\xa3l:\x95!\x8a\x95kU\xa4i\xe254\x85\xd7\xa6&gt;L\xe6\xf3\xc9W/\xbeK\xee!&gt;~\x7fp\xf0\xd6_\xfb\xfa\xfa&lt;}\xc0\x02\x18\x04\x83\x89\x1e+ \xc8&lt;!\xc4\xdf\x05\x81\x97\x8f\x067\xda\xfcz\xc8\x91\'\x8e\xa3%\xb6\x8b%\xb1\x129\x06]\xa7\xa3"E\xb3\x9e\n\xf2\x16\x1c\xdd6\\\xda\x17\x99\xfe\xe1\xe1^Dk\x08&gt;\xceA\'\xe4\xab\x96\x9c\xbaq\xf5\xeaU\x92\xf2\x893\xd7\xf2\xf9\x93\'O\xbe\n\xb5n\xfc\xf9\xc6w\x8d\xdc\xe0\xd6\x0c\xc2$\x908a&lt;@\xcaN\xf5\x08\x02\xaf\xeb]\xc1z\x04\xb6\xf2B\xb4#\xb2\x7f\xaf;\x1dNU\x96U\x8e\xe5A\xcd\x91\'\x02\x85Mi*\xca\xa9\x14-\xd0\xf6\x9d\xa0\xe9\xd8X\xcd\xb9\xde\xfe\xfb|/:*\xd4\x1a\xb2n\xb2.v\xc5\x9a"\x17c\xe7\xcf\x7f0y\xf1Z\r\x97j\'\x7fT\xfd\xd6\xbb\xaf\xdf\xb8\xf4\x8b\\\x8e9\xec!\xe1\xee\xe9\x06\x1df\x82\xcbC\xf6.\x11\xc9\xc0E\xd2\xe5\xf1XT\xd0\xa4P\x90_t(\x87\x93R+PI\x06\x8d\xacR\x94\x84\xf7#W\xbc\xa4\xeb~?%\xd2\xac\xc0\x03+h\xae\xac\x954\xe3\x95\xb7\x1a\x84\x07&amp;\x0e\xcd\x113\xb3$Y5\x08659Y\xadNV\xf3\xb3\xf5o\xd4O\xbe\x99O^\xbcq\xfe\xcb\xb7s\x83\xab\xbb2\xd9\x97\x05\xe0!\x92\xc1Mh\x84\xbdK\x96\x93=}/b/\x14\n\x05R\x98\xb6\x97Qy\x0e\x8eS+\x15\x84\t\xef\x12\x04VUY\x9a\xe8\xeb!\x9bA-\xca\xcf\xd2\x1cJq\xc7\x1e\x14\xed3\xfbg\x99\xdc\x1b\x7f\x9b\x87\x85GX D\xa3\x98\xad\xe5\x93\xd5$\x1e\xd5j\x1e]c`\xa0\xfe\x83\xef%\'\xcf\xfc\xee~.\xa7u\n\x08\x90\x0ey&lt;\xe8\x04\x05\x12\xa8S\xdd\xd4c\x02\x9d\xb7\x02\x0f^\xd2,\x00\xd5G\x86mt\xd44\x11r \t\xc47^f\xc9\xc0\x9b\xb1\x91\xae\xe3\x9f~\xca\xcf\xb5\x82\xaa\xc4\x16\xec\xf6`\xd0\xd1\\\xbc\xae\x8d\x9f}\xef++Y\x08\xfep\n%\xd9@A\x16\x8b\xe4\x13\xc4k\xc9d\xb2V\xcedR\xe9r\xfd\xcd\xea\xfb\x93\xbf\xd1\xb4\xdc\xad\x9b\x85.\x81\x7ffm\xfb\xe1\xe2z[.Xg\x1e\x8f5\xe3Q!v\xa7\x93\t5\xc4\xb3\x01\n\x91be\x00Y\xfe\xf2x\xa9\xe2\xd7=],^\x90(\xd5t\x8e\xce\xb4\xfd\xba\xa06\x01\xe6l\xaf\xf9N\\\xd1\xfe\xf4\xf9\xfc\x1c\x91\xaa\x98J\xa5z\xd1\xb3\xca\xb3\x08\xfel\xbeJ\x04\xab\xa7\x8b\xc3\xc3\xa9\xd9z&gt;\xf9\xfe[\xc7rZ\xaeS\xf1\x14\xa0\xba\xce\xb3\xeb\xfb\xa5\xf0\xad\xad\xed\x9b\xeb+&amp;\xd0 \x1dZ\xb6Df!)\xebb\xc9\x16\x99\xad\x02y8r\x9a\xa9\xf0$\x84&lt;*\x90\xf6\xeb\x15\xbc\x89\xe7Q\x8b\x1e\x9d2\xdb\xbb\x8f;\xedel\xf3\xfd\x1d;\xc6\xcac\xc3\xcb|\xf3\x9d\x83y"W/\xb0\xd2\xe9L1M\xa8fkIt\x86\x1a\x96\xaf8if\xca\xb7k\xd5/\xb0.\xbc\xbb[\xe1\xb1\x7fI\x97\xd8\x9e-\xa3\x146\x0c\xf7\xbd\xbd\xb5\xc5\x99\xf5v\x1bq\x911\x8dZ\xc1\xab(.\xbf\x9fF\xe2e\xa1\xd0c\x93Y\xce\xafr*\x1a(\x04ee\xc4\x88\x0cr\x10\xac\xcaq\x85\xb6\xb3\xbd\xdb\xd9\xd4\xb6\xd6)]RE\xbb\xc55\xb3\x9fcJ\x17&gt;9\x98\'\xa7Ex700\x90I\xe3\x1cD\xee\xc9\xc8\xd7j\xf5\xf4\xc0po\xb6\x98\x9e\xad\xdf\xfe\xd2\xd04cM\xc5\x8e)?R$/\xed\x85\x13L\xd8U\xd2r\xa5\xc0\xb3\xad\xce\xe1\x9d\xdd\x99\xf5\xa5\xb6\xe9l\xcb\xc4e\x96fY\x95DH\x95m*\x87\x06\xca\xf9i\x1a\xb8&lt;\xadr:\xcb\xd22\xf8\xdb\xa6\xb94\xb3\xb1\xbbxs{S\x0b%\x9e\xed\x8a4\x1f\xe5\x9c;\xf0qteq\xd3\x08\x1b\x17\x9e@\xaf9,\xbcR\xc0\x82X\xe5z\x8dp\xd5j\xe5t\xaa\x17E\x90\xae\x97?=\xa1\x19\xe8Y\x82D\xd3\x9c\x1f\x16\xa9\xeb{.&amp;\x92P\x14&amp;\xc2h(\x05\xc5\xb7z\xefqg\xfb\xf0\xceb\x81"b@\xac\xee\xe0l\x14\x070\xb4Q?\x14\x94hV\x85t\x0e\xe7\xe8\xd2\xc6\x9d\xc3\xce\xd6\xbd\xcd\xd5[#\x8a+\x12\x88l.F%&gt;jZr5\x9b\xe6\xe2\xaa\xe6-\x19O\x0e\x16\x90\xae\xd4K\xdf\x19\xa8\x97\xd3\x99#\xb5\xca\xa9"VcY\xa8\x95\xfe\xf8\rX\xb8\xba\xab\xca\x02\xa9f]\xe2\xd9\x87\x8e\xcc3\x00\x00\x0bpIDAT\xc2\x9e7\x04,&amp;\x1c\ny\xc1\x16)\x95\x0c\xc3\x15\x89\xc46\xef\x88\xd1h\xb4\x85\xbe\xcdA%\x18I\xb0\xd0\xa6\xc8\x80bX\x80r\xe6\xd2\xc6\xc3\xce\xd6\xa6;a0\n6\xc3!E\xdc\xee\xeb\x0fE\x9e\x8f\xdaE\'&lt;\x1c\xb5;\xcc;\xb74\x97q\xe1/\xcf\x17\xac/\xd2\xbc4P.g\xca\xe5z=\x9fO\x17\xcb\xc5\xfe\xfeF\xf6W\xe5\xf4\x87\xefi\x86\xe6Z+\x08\x82\x88%\x08r!\xb0\xeb\x8f]\xdeP\xc8R+\xacxC1&amp;\x14\x8b)J\xa8\xe4=4\x83\xdd\xd1Zn\xb5\xa2\x1cg\x03]tyy\x19X\xcb"K\x8b\x0f\xb6\xb7\x9e\xad*\xdeX\xb8d\x84\xdd\x81\x91x8\x1c\xf1\xf9\x02#\x81C\'\xfa\xaa]4\x1d\xd0\xcb\x81\xd8\x1f\x06\xce\x8e\x97\xae&lt;=\x18k\x0c\xf5#\xf3i\x12\xf92\x968\xd9F1\xfbQ\xa3\xd1_\x9f\xfd\xfc3\xcd(\x19[\x0fTZ\xe2\xa2\x0e\xd2\x08\x05^\xdd\x06\t\xa30\t\x05jy\xc3\x11&amp;\xc1\x84\\J(\x1c[3)\x02BE\xf1\xdbj\xb5\x826\xf0\x80\x10`-\xa7\x18d\xc5\x8d\xcdA\xad\x14q\xfb\xc6\xc3a\x06X\xbe\x88\x11\x8e\xfb\x02\xee\x91N\x9b\x95(\xbb]$6\x06\x83N\xfb\xe8\x9arv&lt;|\xe5\xe9\xf3\xb1\xf9\xa1b:\x05*\x8cT6\xdbX\x98\xc6O6\x9d&gt;\xf8\xe3\xb8V\xd26g8^\xa28\x11\x0b6tK\xbe\xb2\xad(\x91\x10\x93\x08\xc3B\x86ID\x18&amp;\xa2\xb8\xbcL\xa8\xb4\xdd\xb6*\x8d\xe6\x88m\xd1(g\xb3\xfck9\xc8\x10\x97Ys\xe3\xae\xa6(q\xb7/\xe1ry\xdd\x01\x9fo\x049\x88\x07\xdc\xcc^\x9b\xa3)\x07\xda&lt;\xb1\x11F6W:\xbecne\xfc\xe9\xc14\xf9\x1e\rYEd\t\xd4\xc2\xc2\xd8\xd8X#[l|\xfc\x8a\x11\xd1\x02\x0fM\x99EI\x059\xac\x91\xd0\x9c\xb85/\x13\x0b\x03\x08Zy\xbd\x08\x19\xf2\xe5\x8aE\x18\xd7^\x9bfu\x1a\xd1\xee\x0e\x16&amp;&gt;Z\xc6TM\x88\x80\x13\x8c\xba\xbb\xd9\xc5b\\\xde\x98;\xe0v\x8fDpH&gt;\x9f\x0b\x1d\xe2\x91\xdfr\x1f66\x11\xfbf\xbb\x93p\x07b\xe3\x9f=_\x98\xffC\x7f\xd6Z\x9f6\x1a\xd3\xd3\xd3\xc0Zh,|\xf5S#\x126:+\xaaJs\xa2\xe8\x97$r\x12\x91\xd4\xb5\x987\x96`\xc8\xf0B0%\x14\x82vJ,\x86\x06\xc4\xb1\xba\x9f%\x1d\x81\xf6W\xfc\xc0\x12[v\xab\x1d9\xec\xa2\xc4\xabD\xadH\xcc\x17gJ.\xc5\x07\xb5|q_&lt;\xe4\x1b\xf1\xee?p\xa2 \xc4(\x0cD\xb4\xec;;\xf6\x9d\xa5\x8e\x97\x19\x19I&lt;y&gt;\xd6h\x10&amp;\xcbA@\x8dM\xffp\xfa\x1f\x9f 8\xb9\xbd\x19\x93\xc5F\xc1 M\xce\xaexP\x87\xd7\x95\x18\xf3/,@\x85\x18`\xc5\xb5\xfd\xafcA5\x1bfi\xda\x89\x83\xa2\xc3d\x05y\xf7\xae\x16\x8bD\xe21\xe8\x0c\xb9\xc8\x08\xb8\xe3#q\xef\xb3\r\x93E*\x81\xe5\x10\x1d\x96\xb8fsiO\t\xf9b\xaew\x0e\xa6\xe7\x17\x1a@k\x10\x03\t\xd6\xc2\xf3\xa7\x89\x18\xa3\xdd\xdbp"&amp;\xc1 \x82\x85\x058\xa8\x80\xe5S\xe2\xc0\x01U\xd8\xcb$\x08V(\xac\xc4#\xc6\x7f`\xa1}\xd9HR\x9cb+\x1a\x05\x1f%\x14\x1e\xdc\xcb\xa1fc1\x1c\x867\x16\x08\xfc\xb3k\xb3ym\x1c?\xe3\xb8\xf5jK\xd6\x8beK\x8e%aa\t\x11\xe8e\x0f&gt;\x88=\xb9\x06i\xf1\xcce`\xe8?\xd0\xdb\x0c\xd3\xc3\xba9\xf8\xe2CKu\n\xe3\xbaP\xf0\xc1\xc1li(\xce\xc5n\xea\xcd\xe6\x12\x07\xb6\x10hi\xe2KJJJ\xa0=u\xf0\xa1\xfd\x03\xf6\xb0\x94~\x9f\x9f6\xc3Ra;9\xc8\xf1\xc7\xdf\xe7\xed\xfb\xfc \xad\x1a\x9eN\x9a\xfah\\0\xd3\xb3\x99\xe2\xaa*\xcb.|\x99\xe1\xc9\xbdo;\xa9\xf9\xf5\x9f^\xbeg\xd7G\xaa\xffD\xc8\x99\xe5\\\xb5\x14\xd5ugM\xcc0\xcc6L\x9f\xe0\xaef\xa7\x80\xf2m\xdb\xf4\x8b\x94GI\xb6\xbd\xee\xcd\xf8{X;`\xa9\x90JI\x82Y\x80O\x93\x1b\xc0:h\x87\xb8\xe8\x0b!\xb9\x18\x16\nQXO\xb4\x80k\xa2\x8f \xb7$ME\x10%M\x1aN/\x8d\xa3(:\xfa\xf3_\xdf\x13M\x01\xf5\xf2\xfd\xc5\x7f\x7fi:\xfd|+%\xae\xa2\xaa.\x07K\xd3\x80\'\x81Z\xc1vi\x87\x86`\x9b\xb1\x00,\xc1\x8b)\xeb\xc1\xd6\xdd\xaf\x14K$,j\x9eM\xa4&lt;\x94\x1a)\n\xcc\x0b&gt;%(\xf7n\x1f\x0e\xbc\x02\xcb\x8b\xdb\x0e\x0b"%\xbe\xb0\x98K\x81\x82w\xcc(\xb74V\x8f_"\xf1\xa7\x97\xa1\x1d\xa5G\xbf\xfa\xfdO~A\xffN\x83\xb4\xfa\xf1\x9b\x8bo\x7f\xeb;\xddp#i\xae\x92\x0cUL-x\x00\xb4\xd3ju\xa0\xcc\x17&amp;\xb0|4U\xdf\xf7P\x8b\xb6a\xd8\xc0\xea__1,\xab\xc0\x82Z#\rX\tz~ \r\xb5\n\xc3B\x0c\x11G\xc4=bT\xc0\xaaE\xcb\x0f\x99\xecb4\xcc\\Waz\xd1\x0b\x84&gt;\xde\x18]\'\xea\xfe\xf3\x0f?\xf8\xf9\x1b\xa6\xd5\xcb\x8bo\xbe&gt;J=s3U\x90V\x8a"\xf3e\xb2\x9e\xd4\xe51\'\xb69\xb0\x10A[@\xb7\xf2\x8b\x9a\xc4\xf7\x07\x96\\\xed\xf02\xe61\x8f]\xb9\xd9A\xca\x8ff\n\xda\xfdLQ\x87\xaa^\xbf=\x07\x96\xf1\x1dVZ+b\x88G~\x9ah4:\tK\x03\x94\xaaQ\x0b\xd3\xb4\xe1\xc9&amp;\xef\xb6\xa3\xa3\xbf|\xf5C\x10]\\\x80\xeao\xafSAx:\xcb\\W\x06\x18\xb6\x00\xf8\xd0J\x87\xa7\xfd&amp;\x98/\xcd\x90j\x90\xc0b\xb3o\xc7\xb1\x80)\xe9\x91Zh[H*2\x11\xf03%\x15X\\\x02\xb1\x145S\xc5\xfa\xf8\x89\xa9E\xcd\xd8cAl\xe5\x0c\xab\xb59\x0eh\x8e\x02K\xa5\x18\xa2r\x11NU\xd3\xb2\x93\xd3V\xb7\x1d\x9a\x9f\xfd\xf1\x937\xa0z\xf9\xcd\xdf\xe3(\xf6\xcf\xc7j\xa2\xe0\x16W\xe6;\xf5\xc3\nyo\xf2z\xdad\xd1\x87Z\x88\x9c\x1f\xc7\xbei\x92^\x18oF\x7f1\x1fA\xa8]\x93\xd9\x1a\x99*\x91\xb0\xb0\x89)J I\x16\xc3\x82T\xcfX\x8e\x03&amp;&lt;\x9d\xda\xe6\x98\x83\x0f\x98\x15X\xa4V\x82Hb\xa1\xc5\xaa}\xb7\xfcQ\x18\xda\x9f\xfe\xfag\x14\xc1\x7f\xbd\xb0\xd1\x86\xc6h\x83\xae\xac@+\xc4\xf0\xb0LX\x15\xc2\xbaZ\x13\x16\xba\x8f@b!\xf3\xf1\x03\xa5\xd8]\xcc5X&gt;l\x83U\xfd\xa3Z\x1c9\x1bx\nI%\xac.\xa5&lt;\xc6:\xba\x17\xb0\x00Fh\xb5\xf4~:b\xf3JqG\x1a]\x90\x0b\x9ai\x92\xabf\'\xdb\xf5\xc1Q*x_\xfc\xe6\xfd\xb7\xffx\xf1\xda\xc3|\x86-S]\xc9%CY\xa9\xd7\x81%2\xb5\x82\xc9\xc2\x8cl[\xa0\x99\x087h\xda\x90\xac\xef\xb5\x8d\x03\xc2"\x0f\x88\x9b\x80\xc5Y\xa5\x0cX&lt;\xcc\r\xb0\xb0\x9f\xd6\xc7\xf7]X\x06T\x8b\xe0E\x11\xabD\x82\xc2\xd0&gt;\x1fk\x01b\x08,\xe4\x96\x86\xe6\x8bt\xa6\x8e\xa7H\x88\xfe|\x8f?\x1e~\xfa\xbb\x7f\xff\xb4\xef\x1d\x1d1*WR$\x17&amp;\xab\xc2\xb0\xaa\x03\xb8\xe3jU\x99,l\xe4\x16\xf2]0M`!\x8a&amp;f\xaeAjQ\xf8D,\xd7\xc0\nt\xa8\xa5\x06\x16o\xc1 \xf3\xf8\xadW\xdf\xf8\xb0W\x91a\xa0\x05G)\x05\x91eV-:?Sh\xb6\x07\x01\x95\x17\xbb\xc8N\x90\\\xb2\xa4\r\xc7\x0f\</t>
        </is>
      </c>
      <c r="M177" s="3" t="n">
        <v>45492.67695601852</v>
      </c>
    </row>
    <row r="178">
      <c r="A178" t="n">
        <v>789395</v>
      </c>
      <c r="B178" t="n">
        <v>2020</v>
      </c>
      <c r="C178" t="inlineStr">
        <is>
          <t>Emanuel Brítez</t>
        </is>
      </c>
      <c r="D178" t="inlineStr">
        <is>
          <t>Emanuel Brítez</t>
        </is>
      </c>
      <c r="E178" t="inlineStr">
        <is>
          <t>ZAG</t>
        </is>
      </c>
      <c r="F178" t="inlineStr">
        <is>
          <t>ZAG</t>
        </is>
      </c>
      <c r="G178" t="inlineStr">
        <is>
          <t>ZAG/LD</t>
        </is>
      </c>
      <c r="H178" t="n">
        <v>178</v>
      </c>
      <c r="I178" t="n">
        <v>19</v>
      </c>
      <c r="J178" s="2" t="n">
        <v>33688</v>
      </c>
      <c r="K178" t="inlineStr">
        <is>
          <t>Right</t>
        </is>
      </c>
      <c r="L178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3b9cd96-0d2b-4a63-a5f2-aaef468156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c\x9f!n\x00\x00\x03\x00PLTE\xff\xff\xff\xcb\x1f#\x02I\xa9\x0b\x0b\n\xd0!&amp;\xc7\x1d \x15\x14\x14\xfe\xfe\xfe\x10\x10\x0f\x0e\x0e\r\x13\x13\x11\x18\x17\x16\x02M\xab\xe0(.\xd3\x97\x85+\x1e\x1b\xd2\xcf\xd5\xc2\x1b\x1d\xcf\xcc\xd3\xca\x86v\x1c\x16\x13\xb8r`."\x1f\x18\x13\x0f\xe1/6%\x1c\x19"\x18\x15\xc6yg\xfb\xfb\xfb\xcc\x8az\xbdud\x03Q\xb1f&gt;5\xcd\x8e~\xd0\x93\x82\x1c\x1b\x19zJ@Q-$\xd3\x91\x81\xe4,2\x8bPB#"\x1f\xd6\xd2\xd8\x15\x10\x0fJ(!\xcd\xc9\xce\xc0{j\x04M\xa6\xd2%*\xb4n[~C4\xb9mZG/*5\x1e\x18\xd3\x9a\x893&amp;"A*$y@2\xbep]\xcb\x1b\x1e\xd4\x9c\x8dj9.\xd0\x8c{\xaflZ\xbb{j\x9cYI\xd6\xa1\x92\xa7gV;#\x1ee5+\xc7\x82r\xb3hU\x026\x83\xc3\x7fno8,\xca~m\x9e_O\xc8\x8b|\xca\xc5\xcb\x03P\xac\xdd\xd9\xde\xd6\x93\x85\xc4\xc0\xc5W1*\xe34=\xd8\xd6\xdbjB9\xabiX\xf5\xf5\xf6\x14\x0e\x08\xdb+1\x94SC\xd7&amp;,\\)\x1e\t\t\x06a:1c.#\x84M?\xcf\x93\x85\x82F7q&gt;2\xdc#(8*&amp;\xcf\x1c pC:\x9bTD\xe82:W81\x01-p\xd7\x97\x8a\xd6\x1f$\xbf\x17\x19\x93XJsH&gt;*\x17\x11\x80OD\xef\xed\xed\xd0\x86x\xc1tb\x8aI;\xc6\x18\x1b\x91M=\xa6]K\xb1ra\x95`R]4+]&gt;8\xb2\xad\xb3hF@\xb7vf\xa4bRQ$\x1a\x02@\x9b\xc1\x86xD"\x1bj2%\xce\x81s\x02E\xa2\xc2\xb9\xbd=/*Y!\x14M4/{SL\x03+g\xbf\x81r\xd1\x96\x8a\xcf\x8e\x82\xb9\xb6\xbb\xec;C\x03U\xb5\xe2\xdc\xe1\xa8pe\x044z\x02:\x8b\x8cZN\x9dfX\xa1j]\xaebPqMG\xac\xa4\xaa"\x10\x0b\xb2{oM\x17\x0b\xc1\xad\xb2\xd9\xa5\x97\x85VH*+(\x9e\x7f\x7f\xc0\xa5\xa8w;.\xa4\xa3\xa5mij\xafvg\rU\xa5\x05I\x9e\xb5\x0e\x0f223O;6\xda\x99\x8e\x82XQ\xe3\xe6\xeb\x03?\x92\xd6\x8b\x7ft3\'\x91\x90\x944\x16\x0f?@?\xb6\x80v@\x1b\x12%`\xa3\x92e\\ZZ\\\xdc\x91\x87\xd1\xc1\xc7\xd9\xad\xb3\x96&gt;@\xb0\x96\x94\x93om\xd8\xa0\xa5\x8c\x9d\xb7\x0cZ\xb1\xc6(.\xdb?I\x8a\x84\x86f)\x1b\xd0\x95\x9b\xcbpr\xa0\x9a\x9fMNO\xa6JI7o\xaf\x99\xb0\xce\xccFNYGC\x87aZ\xb9\xc6\xd7P}\xb0\xe3\xbb\xbc\xa9\x1f!\xa1\x91\x99|z~~\x9e\xc5\xd7\xcd\xd1\xceU[\x10:p\xbd\\^\xe1\xc7\xcc\xbd\x92\x94\xb8KT\xb3\x86\x88\xbb3=\xce5&lt;h\x8b\xb6\xad\xb4\xc92P|\xe0\xa1\x97\xd9\xe0\xe9\xe6\xd4\xd6\x11W\x9a\xc9oh\xd6s\x7f\x03&amp;[\xcac_\xadY]Yr\x948j\xa0\xd5`j@`\x85\x880/x\x8d\xa6x\x16\x1a\rL\x8a @e\x94\r\x0e\xc8\x8d\xa7\x0f/Q\x18\xfb\\\x85\x00\x00 \x00IDATx\xda\xcc\x98\xdbOZ\xf9\x16\xc7\x9b\xecd_\x1f\x98\x1cn\x11\x90\xe0l9q\x17$\xe1\x16.\xa9\xa2\x07\x84(\xd045\x05v\x0c71DC&amp;A\xb4\x18Q\xa9\xd5T\xccX\x1a\xc5\xe4\x98Tql\x93!\x11\xe6\x81F\x93"m\xea\xcb\xccSO\xa2/\xed\x93\x7f\xccY\xbf\xed\xcc_0\xd9:+\xf0\xa2\x0f|\xf2]\xdf\xf5]k\xef\x07\x0f\xfev\x11\x04|b\xfb\x9d_\xf6\x1f\x0f\x9ek\x88\x07\xff\x90"4\x1aM\xec\xaa\xcdq\x8dF\xfb\xfaj\xf1\x9f\xc1E\x9c\xef7\x9b_/\x1b8MQ$Ms\x1d\r\x81\xc0\xee\x19N\xf3\xdf\x9bv\xfb\xb2\xcd\xd2\x18FA\x91\xf8\xf5\xfe\xc3E\r\xb1\xf80v\xbf\r|\xd2\xe2\xd8v\x83\xa3A*\x9c\x040\xa6\xdd\xbe\xbey\xdc\xb9nj\xeeS\xac\'\xcd.C3,Cb\xd0A\x9a$)\x8caq\xe0d\xbb?C7\x89\xfbi\xa6f\xb0\xd5fq\x1aG:\xa1\x0f|1\x0c\x07N\x9c\xe1\xae\x07\x1f\xbeh\xfe\x10\xbb\x07.b\xb1y\xcd\xe08\xc8D\t\xc6\x02\xb5\x90\xc7H\x9c\xc5\xe1\xdb\xed6\x1a\x97/b\xf7`\xac\x87\xad\x86\x80\x85D\x02\xb9H\x9c\xa4\xa9\x04\x86\xd1\x1cCBg9\x96m\xdf&lt;\xb9c\xb9\x08B\xf3\xe2\x9a\xa3I\x06\'\xa10\x0cl\x85\xe0\xb0D\x02#\x05\x05\x19\x06g\x1b\xad\xa7w\x1a\xb0\x90\xebO:m\xf8y\x8a\xa5I\x8a&amp;\x11\x10\x86%\x04.\x8cB]\x84\x86\xd2\x0c\xd7\xbd\xd2\xdci\xff\x06\xbfvY\x16\xdcM\n\x85\xacu\x8bE\x92\x89\x04\x85#*\x9c\xc1i\x96\xbb\xbc\xc3\xd8\'b\xcd6\x00!\xb1\x00\x04\xa7I!\x1aP\x81\xc3\x00\x0bKP4~\xdb]\xaesg\xc3Hh\x9a\rD\x81$B\xb1\x00\xedB\x84(\x1ep\x06K\xe0\x14\xea#\xfe\xa7\x88\xdc&gt;A\xdc\x91VWm\x12Y[\x90\x07\xb0h\xe6/m\xa0\x12,\x07\xc8\t\x04+\xfc\x87i\x9d\x13w\xe3\xf6\xfd6\xe4@\xe2/(\x92\xe5 &gt;\xc1\xf98je\x02\x03\xdd\x0c\x82\xf9I\xb6\xc1r\xb0\x9a:\x8bwB\xf5C\x97\x14\xb2\x00%\x15\xda\x84$.\xf8\x1b5\r%\x05Er\xac`4\xc4\xcb68\xae{\x17\x99J\x9c_\xa2\xf1\x03W\xa1\x1d\xf8\xe7"\xa4 \xa5hD\x05X\x90\xa6\xb8\xe0:\x12\xfd\x05\xd0\x80K\xfc\xf0\x8a\xdd@\x96\x93&lt;O12\x81\x8b\xa4\x84\xc3\x81eQXP\x82Z\xca\x04\xc5r8\xce \xcf\xe3,\x9c\x87\xd7\xcf\x08\xb1\x87\xf0\x17\x16~\x98\xe7i\x9cc\x0c\x06\x92\x87\xe3\x01\x90\xd0\x8fs`o\x06@h\xc6\x00\x83\xc8\x01\x17\xc9\xe1\x18\xce5\xda\xed\x86\xd8)A,^\x82\xaf\x0cJ\x88*\xa5A\t\xc5IT\x12GV\xa2\xc8\xeed{d=\x9c\x0c\xfe$\x931\x90\x16\xf0\xc58\x0e:\xda\xe0X\xae%n\xa8\x12\xc4\xd3\x06\xb4\xc6\xa04\xc0W\xa6\xea\x91H\xecN\xa7\xd3\x06U\xfd\xf0\xc1\xe9p\xee\xf8|\x8e\xacB%\x03\xa7)\r\x90\xab\x0ch\x87\xe6\xb4\xfbTT\xb9\x88\xd8\r\x8d\x0e+\xa5\xc1\xa0\x04(\xbb\xcf\xa8O&amp;u\xe8\xa3[/\xe7&amp;\'s\xb9\\\xb2\xac\xd3\xfb\xec\xce\xac\x82\x85h\x03\x0b\xa2\x05\x05\\M1\xa7\x91\x18l\xc0b\xe1Q\xfbT\x12\x90j+&gt;\xe4JC-\x0c\xa4\xf3\xf9t\xff\xfc\xc2B&amp;\xbd\x9a\x1fX\xe8\x9f\xd5\xd9$J\xc0\x02\xc1hd7\xa6q%\xde4\x82X \x01\rR\x01\x95\xc3g\xb7oU&amp;\x96\xa6\xe6J\xa1\xd2F\xd4\x1c\xa8GC\x87\xde\x907\xea\x8dz\xa2\xa1\x81!c\x8f\x81\xe71\x1aa\x91\x0c\xc3t\xffE\x88\xe8\xac\x04`\xc9\xa0$\xbe\xad\xcdx&lt;^\xb1,\x97J\xa5@\xc0lE%7\x9b\xcdZu\xd1ju[K\x961c\x81\xe7\r(\xd8`0aZE\xb3=\x11k\xa13\x0ffM\x05\xfd\xdbL}&lt;\xb5d\x96\xe7J\xa5:\x10\xb9\x85\xd2\x16\x8b\xeaq5T10\xe7\x1a\xda:Q*y\n\x1d\xd2\x90\xf8\xach;\x9bx\xd6\xa0\x04\x1f\xf3\'\xbe\xcf\x02\xd5\xd2\xf2\xd4h\xa9\x1e\xb8\x85\x02$u0\xe8\xf7K\xa5\xfe\xe7~m}\xca\x15/(\r2\x14\xba(c\x19\xf6\xabF\xa4(\xed\xc0\x8d\x97\xe01^Y\xf8\xbc\x19\xaf|te\x96\xc1X\xd1\xa8Y\xae\x05(5\x82\xda\x96Jk{{\xb5\xbe^\xbf\xbbd\x01,\xa5\x0c\xeeza\x81\xe2xW\x9c\xac\'\x16\xaf\x91V\x14\xafTA\x0b\xe3 \x96ei\xaeT\xafG\x03r\xad\xb6\x88\x84\x92\xf6\x0e\xd7\xf6\x1e=\xda\x9b\xae\xf5J\xd5\x81\xa9\xca\xe7\x0b\x95Li \x85\xbd\xcd\x90\xdc\x0bq\xb0\x9e\xb5\xe1\x9c\xe1\r\x86\x93\x0b\xa0\xaa\x9c\xba,\x96\xe5\xb9z=\x10\x08X\x01+\xb8\xbd\xfd\xbc6\xbd\xb7\xf7\xe8?\x8f\xf6\x10\xd7\xb6\xda\xba\x94\xda4\xda\x0b2\xe4-\xb8V)\xa6#JF\x10O9\x84\x05-\x04\xbbW&amp;N].\x84\x05T\xd0D\xad\xc9\xff|\xb86==\x8d\xc4\xda\x9bFr\x05\xdd\xa5Le"\xaew0\xb7\xd7\x04\x86\xdf\x88\x11\xf5\x04\xf1\x82\x85\x1e\x92\xfc\xc9V|lhh\xc2\xe5\x02o\x8d",\xa0\xd2\x8e\xa3\x06N\xff\x08d5\xa1\x9eo\x07\x8b\xd6\xd1\x8f\x95\xd4\x8c\xb1\x87\x16\x1e\xb81\xfc\xab\x18j\xc1\x05\xcf\xc0\x9a\x8314\xa6\xc6\x10\x17\x1a\xc49\x94Yr\xb9\xdb=\xde\xdb\x07X\xb5\xe1\xe1&gt;\xe9\xf6\xb6t\x18\xc4\nB\x80\xcd\x9dN\xcc\xe8{\x98\xdb\x03M$\xac\xd8\r\t\xcf\x0e&lt;\x7f19\x0651q\x9aAX\xf5\x80Y\x0b\\\x80\x05r\x01\x8e\x1fx\x82\xdb\xfe dW\xd1\x1d(-\xbb&amp;\x15*\x06\xdd\x87\x948X\x0f\xce\xafIti\xf1\xf6\xc9\xb1!\x90KPk\na!\xb5\xd4\xbd}~\x88\x07\xbf\x10\xa6B\xa0\x16Q\x96YG-\xc9\xac\xa4\x07G\x0b\x9e\xe9\x88\x91\xa7pj\xc1\xd2U\xf2J\xdf\xda\xadZ \xd7\xb2`.\xb4w\xd4\xbd\xbd&amp;\xed\xb8\tV\x0fb\n\xaaM@e\x85\t\xf5ft6\x87\x82E\x8f\x1flS\x94A\x84&amp;\xc2\xce5\xc8\x9c\x02Veb\xc2\x95\x99\x9a\nEa\x1d\x9a\xad\xee\xa0T\xaauk\xb5\xb7I\x8f|U\x04*\xc0\x92O\x01\x16p\x89\x87\xa5\xe9\xe0JV\xa6T\xd9t\xba\xb1\xdb&amp;\xa6GG7&lt;fh\xa2V\xed\x97\xfa\xddV\x08\xd5q)\xec\x1e\xa9\xdf\xef\x1fGX\x00\xeaMW\xb3\x0e\x07\x87\x9e\xfc\xc5i\xa2\xa6\xc9\xcazT*EN\x97D\x9383\x93\x19\xc8\xe7C\xd1\x95\x97\xda\x11\x13\xe4\x83\x14\xb0L\xfe\xde&gt;\xa8p8,\x95\xaa\xd1I!\x97{B\xf3 \x17\\\xfa8w%N\xca\xff\xcc\xc9\x14YGU\x87\xb0\x80khh62\xbf\xf0\xf6ped\xd7/\xed\xab\x85MV\xed\xb8\x7fd\xe4\xd3\xa7O\xef\xde}\xfa\xed\xe0\xa5\x1cQ\xc9\xcd\x9e\xd5\xf5\x1d\x87\x82\xeba\xb9\xa68X\xe7]Y\xd6V-#\xacT|R\xaf\xd7W\xab\xd5\xf2\xf1\xd9\xea\xc1\xbb])d\xd6\xb8\xd5\xb4;r\xf8\xe5\xfb\x9b7g\x7f\xfc\xf1\xfd\xec\xecl\x15\xce/\xb3\xc7\x1c]-g\x11VC\xa4\x9d\xa8\xb9\x94)\x9c\xb9HD\x97\\\xdb\xfcl\xb7\xdb\xe1lVdm\xe5\xe3/\x07#~\xb8\x1b\xc2Z\xff\xab\x837\xeb9x\xe0\xf8\xf0\xed\xdb\xb7\xb3\xe3\xf5~\xaf\'\xe0\xf1x\x0e\x17\x9c\n\t`\xed\x8b\x84\xd5\x92I\x9c\xeb\xc7\xeb\xba5\xd8\xc0\'2%d\x98\xac q\xec\x94\x7f=\x1a\tO\xef\xf5\x01\xd6a\xd2fs\xda%\nGvg\xe7C\xb5:\x7f\x14\x05\xb0\x8d_s0\x8c\\\xfb\xb1Hg`K%\xb1\x01V\xd2Y8\xe1Q\x9d\xc8T\xaa\x82D\xe1\xd4\xe5=\xe3\xe1\xbe\xb0)\xbc\xbb:is\xfa\xec\x85\x82B\x81\x9e\x1c\xb3\xb6d\x1e\xd4\xf2\xe6#;0\x8c]q^\xdd\x10D\x87u\xe4\x8e\x8f\xd7\xab\x05\x81\xa9`\xf7\xf9\xec\x17\x05\xbb\xdd\xa8K\xafzL\xe1\xf0\xab\xda\xeea\xa4\xbc\xa67\xc2\x83Z5W\xae:\x1d\x0e_r5\x1a\xf0\x84\xfam\x8el\xa3\xa5\x11\t\xab\xc9*\xca\xd0C\xe3\t0\xf9r\x91\xf9\xfe\x85\x85\xf9\x19\xb4\x88f\xd2\xa1\x95\xddpx/\xbcr\x08\xcfc\x99\xcc@\xe8\xe8\xe0\xdd\xc1\xd9z\xd5i\x9c\xdd\x88\x02V\xce\xb9\xc3u\x08\x91\xb0\xf6YG\xf982\xb9U\xb0;s\xb3\xfd\xe9\xbc7z\xe0\r\x85\x06fR\xa9\xa1t\xd4\x14\x9e~\xf4\xef\xa0\xd6Z\x1f\x85\x03\xbf.7\xed\xbez\xf5\xee\xfb\xbaqr \xea\xd9\xe8\xd7Uw\x1a\xfbba\rrY\xc0Z3\xeasI\x9d+\x93\xce\x8f\x1e\x1e\x1d\x86\xf2\x03\xaeT&lt;~:\x17\xf0\xff\xf8Sm[\xed.-Y,\x99)\xef\xcaK\x13\xe4\xc5\xd1\xec\x9ae\x03\x125\x92sv\xc5zm\x03\xc1\x95\xcd\xadG\xd6\x92:]$23;\x1b\x99}\xf3\xfd\xcb\x97\xb7\x96\x89\xf8\xeb\xd7\x95\xa5RQ:\xfc&lt;\xa8\xf6,WR\xa9\xb1\xc8\xdb\x83\xa3\r\x8f\xd6\xb4\xfb\xdb\xea\xc0\xa8gc^\xb7\xe6\xbc\x14\xebe%\xb1\xd8\xda\x81\xd8\x82\x9a\x8d\xe8\xc0\xd9[\x17\xf6\x0f\xd5\xe3\xf9\xf9\xb1\xcd\xf7\xaf\xff\xe7\x9a\x0b\xb8\xd1\x8e.\x9d\xc6\xf5[\x85BU?\xfb6\x1f\x82V\x8e\xaflx\xbc\x0b\xc9\xa4M\xbc\xb76\xb1\xaf\x08\x0b@"I`\xba89\x91\xb4.\x7f\xff&gt;\xb9\xf9\xfe\xfd\xeb\x94k\xb9d-\xa2\xc7\xd6\xd3\xd4\xd9\xffy5\xbf\xd7\xb4\xb2-\x8e\xbf\xe5@\x03W\x18\x13\x83\xc6\x84\xd3\xc6#\xe6\x8e\x15b\xce\xc1c\xa8\xa96\xc7\x84\x98\x14\xc6\n\x1a\x109\x9aHPD\xf0G\x8c\x98\xea\xc1(1R\x7f\xd0\xe4\xa1\x015\x99\x8cL\xeeLo\xfb0\xda\xc1L\xda\xd0\xcaM;/\xed\r\xf5\xa1\x85\xc0Ph\xa7o\xa1\x04\x92\x97&gt;\xde\xb5\xcdp\xff\x02\xcf\xec\x10\xe3[&gt;|\xd7\xdak\x7f\xd7\xde\x8b;\x08\xbde\x94\x84\xc9e\xe8\x05\xb3s\xd3fs\xe18\xf9\x9a\xafK\x1bL\xfa=\xc2\nzp\x0b@\x1d\xd6\x98\x83\x03z\xe7U\x11\xa8\xaa\x8euml{tlyl;\xa66\xb9\xf1t\x86\xf4\x15\xd9\xb43\xba2\xa2R\x8d\x00\x16\xcb\x16\xbe\xc7\xf8\xea\xaa\xb1;9\x8b\x07\xb7\xe2\xc6\xf4\xe1\xc1a\x86 \x94\x04\xeeq\x1b\xd3\xe9*\xf4g\x10\xc4eh\xac\xa7V\x0c\x0b\xa6u\x93\xac\x14\x8f\xc7\x03\xf6\x95\x95\xa9\xc1\xc1\x91m\x9bB\xc7\xbe\xbb\x8eI\xa5&lt;\x80a\x98\x14\xfb\xa6\xe6\xb3\x82\xdbJ\x10\x99L\x9a \x9cF\xb7Z\xed6:\xd2y\x87\xd3\xa8\xf5\x8e!_:6\xb5m\x88Fc\x86\t\x9b\xcd6\x0b\xd6\x159\xc1\xa9\xa9\x80\x8eM~\xf84?\xff\xa9\xe3\x15\x15\x93~\xf8\xf9\xc3\xbd\x9a\x05\xd7\x81\x81\xb0\xa4\xd3i\xc2\xb9\xafU/\xa8\xb5:(\x0f\x0e\xa7N\x9d\x1a\x9c\xc9B\xca\xf7\x8f\x8d\xd8R+)\xc0\x9aX\x01\xa3\xdf;\xa8\x1a\x1c\xbd\x99\xd2\x99\xd4\xcf{\xcf\x8e\xb3\x9f:\x8e\xf5\xe1}\x82}\xc7Xp\x1c\xca\xba\x05j\x80N\xab\x8eF\x15Q\xad\x1bq9M\x0b\x86Q\xe8x\xb2\x88\x0c:!\xd4:\xf6\x8e"\xdf\xaaR\xa9FG&amp;\xdc\x0bS\xfd\x8df\xf6\xbc\xde\xe9\xbc\x9f{)\xd39\xd2\xca\x04\xae\xd3!\x13\x08-u\xd4\x0e\x0bN\x1a\x08#`\xa9!\xb7\xc0\xc7G\xb2\x91H\xb6\xbf_\xd5v\xf5\xaa\xc9i\xd5\xf4\xb4\xaawt\xcae\x9f\x91\x9b\x9b\x8d\xf3f\x87\xab\x04\xb6\xf4&lt;\xffFg\xb4\xb0H-p\xccj\x85=`\x985\xd8\xa318{\xdaX\xa0\x16\xacl6\xd2hD@5\xf8&amp;\x14\x82{\x9e\x86(\xf6\x8e\x04\x02W\xffqZ?=\xee&lt;\xd6\xfbj\xde\xe4I@-\xc5q\xb7\x1b\x8e\x97\xd9T\n\xb0b1\x17\xc2Z7E\xb7Qn\x81\\\x91\x86\xbc\x01\x1f\x8d\x86\xd9\xbc\t\xbe^\xa8R\x81s\x9e\r\x0c\xfc\xf8\x9f\xe6i\xb6\xf3XO\xa0f\xe2\tk\x12\x9d;2\x97\xc2\x90J\xa5\x0c^o,\xb6`r\xe6\xf3\xc6\x87\xde\x11\x08!dVc\x1c\xb0`\xc9\x1bW\xfd\x1b\x1b\x1b\xf3W\'\xa7!\xd7\xca\xae\xc9\xfai\xb3~\xd6\xe80\x96t\xa9X\xcd;\x1c\x89\x9d \x1c=\xc8=\xa0\x10z\xbd^{\x0c\x1d\x89\x0e\xa3ve\x19)\x95\xed\x8f\xc8\xcdfy\xc3,\x87?~t\xd5\x05rA\xe9*+\x84\xcdf\xf3\xb4\xe3Xm\xb5\x1c\x0e\xb6\x08GOP&amp;S(\xec\xc0\xe45\x18\xbc1\xedz&gt;\x0f\x1bq\xbb?\xbb\xb9a\x8e\xf4\xf7\x9b\xebm&amp;\x08!\xe2\x02\xac\xc9\xe9\xe5\xd1\xd9\x85\xd1&amp;\xc8u\xde\x9c\xeb|n\xbdqZ\xf0bqG&amp;CXQ;\xa22x\x17Lo\x1cF\xf7B`df\xf3\xd6\xef?\xfa#\xcb\xc2[u\xc0\xf2\xfb\xfd\xf26\xd6\xe6\x80P56\x1awMe\xeb\xa7\xf5\xf3\xd3\x0e\xdf\x9fbs\xaf\xaaNG\x1a\xb0d2\x00\x0b\xbb\xfe\xc2\xb2\xab\x9d\xf9\x87.\x85K1\xa1\x1a\xd8\xb8u\xc3\xbf\x11\x99\xf1\xd7\xcd\x88\xca\xef\xaf\xfboll\xa2\xa4\x1f\x1d)\xed\xa9"\x10\xc4\xecI\x87\x8f\x1fL\xfa2\xef\xcc;\x92E\xc4%\x83\x94GQ4x\xa3QS\xde\x14\x08\x84=\xda@eB\xbf\xb6&amp;\xdc\xf4\x0fl\xfa\xdbXu\xf8\x05\xac\x19adp\xea\xe6^\\(od\x9b\xe3_:}*b\xf7\x8c\xf9*\x0b\xdd\xea\x93"\x12\x0b\xb0Pv\xc5\xa2\xebUWY\x91&gt;$\xb4%W\xb4\xecZW\xab\xc6\xc7\xcd\x08\x0b\xa8\xea\x90\xf2\x91\xb1\x19\xa1\xde6\x11\xael\xcag\xce\x1a\xf3\x1d\x7f\x1f\xc6\xfe)\xcbW\xad\x1c\x92\x0b\x04\x0b\x03V\xcck\x00#o\xcak+\x15\x93S\xa7U\xcc&gt;~\xf6,\xb0\xdf\xca\x8e\xa3M\x08T7\xea\xf5\x1b\xf3\xfd\x80\xb5:\x11\x0fW\x843\x1f\xcf\x1b7:n\x05\xb1_\x8b\xf9j\x82\xf3!\xb9\xc2a\xc0R(\xbc\x86\xd4D\xc0\xed|\xa3\xd8\x8a\x87\x83{[k\xf3\x7f\xfe\xf9\xdf\x81e(\x11\xf2\xbf\xe4\xf2o\xc8\xa1\x98M\xde-\x97\xdc[`\xc5\xc6\xb2\xb7:o\x05\x97\xde\xe7\xabU\xce\x97,\xa2(\xba\\\x08\x0b|B@\xa65%,\x84R\xc9&gt;/\x97\x9e?\xdfZ\x1d\x9c\x89 \xb9\xcc~\xb3\xdc\xef7G"P\x1fl\xb3%\xf7\xecJ\x7f$r\xd6y,\xd8\x8a:G\xd5\xe7\xe3v\x8a\xed\xe4\x020\xef\x84-\xa5\x90i=&gt;&amp;\x14\xa2\x94Ih\xbe\x00\xba\xa2\xca\x82\\\xf2\xcb\xcd\x08\x15L&gt;\xae\xbaY\xde\xf3\xac\xca\xeb\xfe\xc8\xd9\xef&lt;\xf8\xadW\x1e\xb7#\x01\xff\xb9]\xb8\xc2\x00\xe6M\x19\\8\x9bP\x86vww\x01\xcbw@1$\xc9\x86\'V\xef\xaf\xddF\x95\x0b\xd5T\xc0\xd2\xdb*{\x9e\xdb\xa7\xf5f#r\xc2\x83;\xfd\xc9\xe9\xd1\x11J_2\xd8\xe6\x828\xda\xed\xda\x04\xcd\x1c\xa0\xfb\x88]\x8aL\x16\xa0\xd5f\x0e2\x04++\x95\x7f\xb8/\xbf\x842\x9b\x07\xf46\xdb\x9eZX\x87\xc3\xa7\xfe\x85\x077\xffR\xa7s\xa63J\xae}\xfa \xac\x85\x87J\x8aBR\xed\x86BJ.I\x1cP$C\x1d*-\x16\x02/n\xad!$\x88\xa1|\xb2\xf7\xe6\x84L6\x0e\x9b\xb3~\xd2\xf972\x0c\xbb\xe7\x01\xdb\x9e\xa1\xb8\xe0\xce%\x97Z\xa7\xa4Bh\xedR\x87NE\\\xa1v\xb7s\xdf\x07XDAV\xb9m6_\xbb6?\xbfy[\xdf[\xc6\xddWOOOO\xf8\xe8\x14\xa5K\x90\xf3\x8e\x0c\xe5\xdb\xf1x\xda\x82i\t\x90*De2J\xd3~t\xe5b\xec\xec\xe2(\xaa\xf0\xb08KX,Jb\xef\xb1\xdc|\xed\xea\xfc\xfc\xed5\xfdj\x89M\xfe|r\xf2e\x8e\x97+]\xec\xbb\x9f\x8a;;$\x99\x04g\x83\xc8X\x06I\xc5\x10\x89\x87G\xd1\xd8Q\xab\xf5\xf1\xa2\xd5j\xad\xa4\xcaa+\xe8\xa5\xf4\xedM\xb7\xefv\xd7\x00+\\\xf8C*\xe5\xed\t\x1d\x9b{\xf0`\xe9\x11\xc3y\xc0\n\xe2Vk\x81\nQ4C[L\xd0j\x1c}\xfdz\xd4:\x02\xb6\xd6\xc5\xc8j\x05\xb7\x104\xcd\xda\x84\x03\x88\xea\xbe\xbeb\xa5\x1fI1\xfe\xc6\xb8\xa0U\x94&gt;\x12\xa1\xabf\x1c\xc7}4%\xa0}\x16e\xda\xb9\xbf\xbf\xff\x15\xb0\x8e\xdal\xad\x96\xc1 #24\xed\x0bC\x9d\x80u__\xb2\xd2/\xf8\x9df\xc1\xe6^\x88i\xd2\xc7\xb2\t\x16\xb0Ddr\x87\x85\xe6\xf5\xcd\xfeQ\xeb\xf3\xe7\xcf\xad\xcf\x1fa\xb5\xc0\xde\x1b\x01\xab\x10\xbc;\t\\k\xfa\xad0\xa7\xf9\x1b\xb044M+\x95\x04\xc1P\x82\xc5Z\xd0ct\x1aM\x0bG\x17\x88\xe8\xfc\xf8\xf8\xf8lj\n\x9a\xfb\x0c\xd5\xc6\xba\xff\xc3\xb3\xc7\xe5x\xb0\xa0y\xfb+\xefX\x02\x91FD1\xb0B!\xc1"\xee\xd1\xad\xeb\xdc\x0b\xde\x8b\x8fcg\xc7\x110\xf33\xd3\xaa\xc1\xbbq\x82\x82\xfa\xba\xb5\xba\x15\xaf\x94J2.\'x\xfa\x1d\xffX\x02\x81\x18&gt;\x18J"\t1,\x8e\x9eY\xa0\x17\x02W\x11HU\xee\xea\xf5\x93\xd3\xfaT\xc0\x02Jr{\xf1\xd2\x93\xb0\xach\xe54\xc3O\xf9\x9d\xe0\xc2\x96\xde\x0e\x89\xc5b\x89D"\x16\xc0\xa7@C&amp;\x8c\x90\xfe\t\x8b\x85$\x0b\x1c\xeb\tW\x1e\xeb\xa7\xef\x06\x02\tF \xa0\x83\xe0w\xf0d\x92\xab-\x0e?}\xc07V\xd7\xd0\xd0\x90D,\x11\x8b{z$\x90g\xa4%\x91HX\x94J\x92\xa1\x0b\x84N\x16\xaf\x94\xb7J\xc10\x97\x13\t4\xbep1\x99L\xd6j\xb9\xbfA\xad\x17W\xfaz\x86@-I\x0f`I \xcfh\x9a \xd2J\x02*\x18m\xf1\xb8\x02\xe5\x80\x0c\xf7\xf9\n9\r\xc8e-\x82TdN4&lt;\xfc\xcbu\xbes\xab\xab\xcd\x03Xh\xd6\x06\x05\x93\x81m\x89\x1e/\x18\x1a\x0fC[\x1b\x97\xf9\xc8\x02\xbd\xa8\x11\t\x18\xae\xb8\xc3\x15\xe0\x1b`\xdd\xe1\x17K\xfa\xa8\xbb\xa7\xcdu9n\x87\x02)\xd2\x80P\x94 D18\xb8\xb0\xc0^\xb0@\x17\x16a_\x08h\xae\x98\xac\x91\x8b"\xf4\xdes\x8f\xe7\xe1\xc0\xdf\x86\xba\x87\x80\xa6\xaf\xa7\xaf\xab=\x1c\xd8\xd3\x9e\xc5C3f\x14\xcdYwp&lt;IR\x82\\N\x00\xb8$\xc7q\x90X"\xc1\xf0\xd0\x0b\xbe\x87\x03\xff=\x0cQD&lt;}\xdf\xa2\x85\xb8`gB1\x03\xacB\x8d\xf3\x15j\x0c$\x9c\x06J\x88\x86\xac\x15H2\xa7\x11K\xd0\x0b\'\xcfj}\xf3\xaf+W\xfeOu\x19\xc8!\xa4\x17T\xd8\xf6\xf0"#\x12\x084\x8b"\x84\x95#s\xb9\x1c\xfa:\xfc\x96\xef\xb9fl\xee\x8f\xee\xee\xbe\xbe\xae\xae\xaeo\xc1+\x03XWWw7\x942H04P\xe9+\x90\x1a\xb1hQ\x031\x14k\x16\x17s\xf0#\x92\x88\x87_\xf3=\x9d\x8ea\xd7\x7f\x19\xea\xee\xeb\xe9\xee\xe9\xbe\x0c"\x9a\xafCy/\xa2k\xa8\xa2\xbe+\x88D9\xc0\x02\xb5D\x8b\xb9\x1c\xa3\xd1\xc0n\xcd\xdd\xe1}x\x18\x9b{=\xdc\xf5?^\xce=\xa6\xc9,\r\xe3\x9b\xfeAg\xc7\x06\t\xb5\x10\x11\n\xed\x00\xa9\xe5\xf2\x85\xab\xd2PZ,B[\neJJ1\r\xe1\xd2\x86\x94\xc0\x1f\xe0\x05\x02\x05k\xb9u\xe8\xb0R\xd7\xb8\xdc\xc5\xc26U($\x04\r\xb0\x14f\xc7\x11!B\xd6\xcd\xb0\x80\x0e\xa3C4$J\x1cw\xd90\xeb\x8aN\xdc\xf7\xfd\n3\xeefgw.\xe0A\x8b\x90\x98\xfcx\xde\xe7&lt;\xe7\x9c~\xef\xc1;\x04|\xefFr\xbd\x0fj\x1d\xc0urx8)zq\x11\xb0\n\x0b\xbd\xa0\x90\x00\xfa\xf10\t\xe8\x93t\xfe\xebw\xd0\x9b~\xfd\x0fn\xef\x9d\xf0\xfe\xc0\xa5\x16\xf6\xc4\xef\xdb\x07\xb1Z\xb8\xb8\x98ttq1\xbap?@y\xe1\xd4\xf4\x02c\x15"\x9eV\xff\x0e\xb0 \xba\xbcB\xb0g\x13\xfd\xe5\x86\xad\xe9(\x97\xd7\xc7\x8b\xc3\x85\x85\xd1\x00\x021\x05`8\t\x8e@6@}C\x13\x99_\xef\xbdX\xbf\xf2\x9d&gt;\x9b\x14\xe2\xba5\xe3F\xde\xc8\xf0\x06.\x1f\xaf\xe1h\xf0\xf8\x91B\x84\x02*\\\xcf\x0f\xe2\n\x15\x13\xc4\xe11\x1f\xbd\x83"\xfa\xdau\x991\xde\xbf~/\x04\xe4r\x03\xad\xe03`\xed\xc7U\xd0\x0b\xa4\x82W\x17\x15\x8c+\'\x8ffU\x0bx\xbc\xfb\xef\xe0&gt;\x86\xaf\xbd,73\xc9\x87t;\xc6\xc3&gt;\xa8%D\xd7a\x809\xec\x05)up?\xb9\xeb\x81\x8f\xa4\xa0\x00\x9b\x8cQ^\x1eu\xd3\xf7]`\x05\xc2\xd1\x06;!\x80\x08-\x16\xe2\x16r\x00\xafc|\xf0\xc1A\x9f}\xb8|C\xeeCU\x0b\xa3\xcf\x96u\x88"\x98\x80\xf5\xf8\xf4\x9esQ}\xed\xa7t5\xa1\xa1p\xa4\x06\xeb@n\xb9\x91\xf1\x85%\xddw\xc0;\xe4\x847|\xf7\xb0\xcf\xc9\xe8\xe2s\x01\xa7\xaa[\x05\x11Q\xe5\xbc(\xabB\xb9\xc7\xd7\x90\xa8\xbe\xbf\x9b&gt;UV\x0c\xa7\xfa\xc6\x98\x98\xfd\xb0\x91\x00\xb5\xde\x87\xa0\xc0\xbb\x0f\xb0\x18\x85\xe0\xda\xbd?\xfal\x96\xee\x94\xad\xa3\xd3*\xd43\x98\x80\xd5z\xab/=#{\x0f\x0f\x8a\xd9\xdc\xfe\x81\xf3\xb6\xc0\\\xc4jl$\xfbl\x0e\xfa\x1c@\xf3\x93}\xf4\xd8\xee\x9c\x94\x19h\xb3\xd9\x02m\x9d]\x0e\xa3^/L=\xc4\xe3u.\xd9\xfb\x14\xdc\xd3{\xf5\xf8\xd5\xd7cl`8\xfa\xf2H`\x16\x1c\xe7\x1b\x1b\x93\x9cp\x02:\n\x1b\xc0\xa4\x98#^\x90\xf4`\xa7\xe2\xac\xcb#\x1d\x1d6[GWgWW\xab\x03\xd4:t\x88\x17%:w\xd9\xc5\xb57\xeb\x8ebn`1\xd4\xa9\x1b\x01s\x91\\Ng#\x98\x0c\xce\x8c\xb9\x01\xc5\x01Y\xb9g\xcff\x8dLMOuLu\xd8\x80\xca\xd1\xa5\xb7Z\x84\xe1\xa9\x88\x15\x909\xb2\xd6\x97\xbe\'\x17u\xa9\xbe\xe9+s\x03\xc5\xce\xf1\xdc\xf3\xe7\xcb\xf8.\xae\xa4\xc6P|d\x1dT\x93Uf#E\x9a\x9a\x9a\xaa\xc6\x7fTW\xb7Z\xadV\xa1P"IN-\xe7\xa9\xf8\xa15S\xb7\xcca\xca\xdd\xf7\x17T\xb0\x1f\xb0~s\xf2JPY\xa0N\xcb\xaf\tB\x7f\xa1V\x99A\x99\x01\xd8\xf7V\xdd\xd99U]\xdd\xd5U\r\xaf\xf0y\xc2\xa17\n\xb1M\xfd\x10/E\xeat\xea\xecW\xd3=v\x7f\xdfE\xcd\xe81\xdc\xfdr1\xe6\xc4\x95:\xbeN+\xe5\x1f\xcf\xcb\t\x022\x94\x0b\x8a\x08\xe7\xd7\xfc\x8e\xce\xd6\x89\x89\tGW\x97\xb5\xb5\xab\xb3\xb3\xd5\xda\nGY\xfa\x19\xfaG\xa9\xbc\x94\xca\x1cg\xdd\xc8-\x85\xc7\xee\x97\xf1\xb4\xc1`X\x19\x88\xbere\xbc.\x8f\xaf\x95J\xf9yyp@\xc4\xf7\xff@\xae\\(bu\xa7\xa3\xa1\xa1a\xc2\xd1\xda\xea\x00\xab\xeb\'\xe0\x0b?V\xc2\x993gRy\xddE\x91u\xe3\xc7\xedfO\xee\xb3\xdd\x9d\x8d`\xac\x9e\x8b\x86\xb9\xe2\xf1\xf1q\'\xf6\x7fK\xb5Z&gt;\x9f\x0f\xc7i8$\x06\x05e\xd6\xe4ju\xb6N\xebD\x83\xd5\xea\x00*xU\x19\x1b,B\x89\x9f_BBBjyJU\xa5\xa9\xb7w\xe9j\x18\x97\xbb\x8b\xee\xa2\xc2\xb8\xdec0\x1b\xce9\x9d\xbd\xce^\xc02I\xb5qqZ\xad. \x17\x15\xab\t@oq\xc0\xe5\r\x13\x96\x06\x07\x04\x83\xd5ai\xb04\x00\x13b}T\x1e\xd5]t\xad\xb9W\x07X\x9e\x9e\xd9Tr\xec\x06T6\xfe\xc2\x00\x83\xa2\xbf&amp;\xa7\xb9\xae\xb7\x97T+..R\xa3\t\x0c,\xd3\xf1\x8f\xf3\xb5q\x91\x91\x81\x1c\x99\xac\xcbj\x81\xd2Y\xac\xc0\xd6\x80o\xb9%\x04\x07\' \xd6\xa1\xa8\x94*\xcd|\xaf\xe9V\xba\x07\xd7\xf0\xe4\xc1\xc2\xf2\xf5_\xfa\xe6 \xfcw\xdf\xd3\xcb/\xff&lt;\xb0\xd2sQ\xd1\x13`\xca\xcb\xa9\xebm6\x1dG\xb14\x15\x9c\xd2\xd2RN\xbe\x16\xbe\xc0G@2\x91C\xaf\x07\x95X\xac4\x0bR\xb1\xd8\xf8\x0c#\x18\xdc%\x01\xac\nS\xf3\xfc\x1a`\x997\t\xda\xe0\xe7O\x96\xb3\x7f\t\x18@=\x9by\xf1\xfa\xcd\'\xd3\x80\x95\xde\xa3\x93J\x81+\'\x8f/E\x81*\xd42Y\xad\xac:\x1f\x84\xc3~]\x110Y\x84\x9646\x9b\xe5\x07L,\x12+\x98\xf4|TwU\xe5h\xf3&lt;\xa8\xa54\xafL\xd2(\x14b\xf0\xde\xf2\xcf}\xe3\x19~\x1e\x10j}\xe3\xcd\x9bO\xa6\xa6\xef\x02V_`\\\xdc\xe8|s\xb3\x89\xc4\xd2T\xa8\xab\xba\x05*Q"\'\x9f\xa3.\x95\xa9\x8c\x80\x94F\xa7\xb3\n\n\x80\x87\xed\x0e\x83M\xd60\xe1L2#\xa5[}\xad\x19\x8a\xc8U~\xfa\xf8\x1eAPH\xb0\x85\xeb?\xa3\x17\x08\xa1\x9en\xae\xb6\xb4ll\xbc\x9e\xe3\xd8\x11\xcbl\xd3D^\x1b\xcdi\xc6\x89Hb%\x8a\x04\x11\x11\x02\x99\x1a\xa8j\x05\x0c\xecl\xf6c\x01\x10\xc9\x04#\xd8\xe5\xad\x04z8LE\xc4\n\xe3*\xc3\xd6f\x9eSh\x14R\xb1\xcf\x17N\xff\xc4R\xba\xaa\xb7\xdaRR\x02X\x03\xf6\x7f\x02\x969L\xb1T\xa1\x01\xb9r`\x1e"\x16G-\x13E\x18\x8d\x0c\x95,\xb1\x16\xf8\x98\x92d\xec\xb4f\xbb\x17\xb8\xc7\xc6\xbe\x8d\x05UL\xc1"ja&amp;*\x1fN\x18&amp;Q-\x14\x0c\xc1\x9e\xfd\x04\xc5\xe0gx6\xb3\xdeR\xd2\xd6\xd6VR\xb2\xf1\xe6\xcb\xa9-\xc4J\x0f\x9b\xae\x04\xae\xbcf\xd7\xb5\x95\xfcJ\xf0S\x04Ch\x14\x88jE\xaa\x08\x14\x0b,\xc5.\xb8\xb0\xad\x95;\xd6r{.F \xd6\xe5&gt;O\xa5\xf2\xe1\x9f\xfa\xee\x11\xa0\x15\x8dF\x82\r}\xf3\xe0\xd9\x8fT\x8cTj}\x15\xa0\xc4bq\xbbx\xe3\xf5X\xc7\x16YDO\xbb\xba\xa8\xb2B\xdalB\xaa\xc8\x8am,!C \x10\xe8\x01+\x19|u!\xf6B\xec\xb6V\xee\x1f\xba\x7f\xe8\xc2b\xd1I\xac%\xb3\x07`\xfd\xf5\xe6\x13\x82d"\x07\x8d2\x08`?bK\x8d\x9e\x02\xa86\x12\xea\x061T\xd2\xf2z\xec\xd4\x96\x1dg\xa2\xc7UYQQe\xe4\xbc).\xcee-\x99H\xc0`\x86\x0b\x8d\x0c\xbd\x91A6\xcb\xe3\xfd\xa3\xf8\xf8\x1d.\xf0\x18&gt;$c\x07\xfb1  \xe6\xed\n\xc4\xfa\xfb\xcd\x07\x834\x1a\x82\x11;\xc5\x9c|p\xfd\xff)\x061\xf5\xf4\x05\x89\x04PCr\xa2}cu}ldkz\xac\x1f\xb0\x14\xadUUE\x15&amp;\xbc\xa7\xa5\x01k%\xa2Z\xe1\xe1\xe1F\x06\xc3hD\xc3\xc3,\xbcpa\x07\xea\xfbJ\xb2\xe9L\x88S)ND\xe5\xa3\xafn/&lt;\xa7\x104\x82\xd8\xa1\x02@\xf0\xd8\xff\x9e\x95T\xea\xf2\xe6\x0e\x14!\xf7\x9f\x1dj\xd9X}\xd1?\xbd52v\xd7\xa0\xf0\xf0XSuw\xabGG\xa1\x84\x9a\xfc\xef\xb0$B\xc0\x02\xb1\xe8\x18W\x05\x05;@\xdbxl Kf$F\xce\x8f\\\x0cSfd\x90XMM\xdb5$\x10\x8aF\x91\x13\x04\x80\xfd\xa0b\xb0\xf4\xcd\xac\xbb\xa0\xda\x87\xfc/]B\xb1ZV7\r\xf6\xadSs\x80\xe5\xc9\xbd*\x88\x10$F\xe2\xf51\xc8x\xc4\xd2\x83\xd3-\x12!S\x18\x8eX\x10\x0fl6\x82\x90T\xb1;d,\x89@}\x8d\xaca\x86\xf2\xfe_n?\x9dlB.\x82\xe2\x92\x8bF\x96\x14\xa2\xff\x87&lt;F\xa5zn\xb6\xa1\xcb\xc5\xed\xf5\xc4\xec\xac\xbf?\xe5F[\xcb\xea+\xc0\xfa\xf6\xb3\xb91H\x08\xae\xc2\xca\x8b\x90i\x10\x0b\xa9\x12!\xad\xf4BKC\xb2\x04$\x93\x00\x16\x0b\xb1 N\xb7\xb1\xb6\xc9\xd8~\xc2Z\x8eI\xdb\x035\xcc\xc8\xb8\x7f\xe7\xf6\xf2$ArQ\xbe3&gt;\xa2\xc9i\xa0\xd8\x7f\xdb\xf7P\xb3\x17\xd6]T7\x9afg\xe5r\x1a\xad^,.i{\xf5\xf2\xa2\xf5\xdb\xcfVV\xd0\\\x1e\x8f\x99Q\xb5j\xcd\xb6\xe1\x13k\x11K\x82=mHE\xc7\xeb!\x05l\xa0\x82\x90\x07\xa4x\xfc\x1b\x1f\x0fb\xe9\x13#\xf3\xa6\xcc\x9e@\x95q\x1b\xb0\xbe\x19\xa445\xd5#\x19m\xa7\x94\x88%\'&amp;\xef-\xff\xa7`0\x01_\xae\x92T\xed\xf5\xf2K\xb3 \xab|H,\x1e*\x11\xbfzi\x9e\x00\xac\xbb=XE\xb3\x85\x99"\xe3h K!\xd8e\x98W\xcc\xf04X\x04\x93Q,,"j\x85j\xb9\xc4\x02\xaaxv\x9aP\xc4\x19\xe5\xdfRp\x81*\xe3\x8fwn\x02\x96\x9cR\x0f\xa3\t\xd3\x0b+\tL4\x94\x81FL.\xfc;\x17\xd5W\xb9\xb9J\x06U=\xe1\xef/\x1fj\x92\xcb\xeb\xc5\xed\x83\xed\x1b\xaf\x9e\xcf\x98\xd7\xb6\xb1\xc2&lt;\xc2\xd6\x98\x0cQi&gt;`A\xb2\xe3\x805\'\xad\x00\xeaD\xa7\xa3\xb5\xd0\\,Lz\xd4*&gt;\xfe\xd81H\x0b\xb6E_\x1a9\xbfdF\xc3gp\xffv\xe7&gt;`\x11\xfe\x94&amp;\x92\x0bu"\\\xf6"\xc7\xe0\xe4\x83\xb76\x8a\x90\xa0\xcb\xeb%\xa8\xd5\x8d&amp;\x02fo\xfd\x10LBq\xbb\\\xde\x86X\n\x12\xab\x1f\xb1\xb8W\x85\x0cU\xad\xbaB\x03\xfb\x18\x91\n\xfe\x08\x18\x924\xf7\xf8X\x96\x1f\x0e$b\x91\xebb,\t\x05#\x9eM\x17\xaa8R\\\xa6Q\xacG\xff\x00\xac\xc9\xc1z\xffK\x94\xfa\x1b.\xc1\xe4\xb4\xb7\x071\xf8\xe4\xfbs\x085{\xe6u\x89\xb8\xbd\xbd\xbd\x1e\xa8\x08\xa8;IE\xf3\x870E\xac\xc7_|\xb1\xd2\x0f\xdb\xd3\xf4\x87\xdcO\'\x18\x02U\xa2\xba\x02\xb0 \xdcU$V\xec10\x10\xc9\x95\xc0\xfa-\x0bd\x03,\x92\xea\xf7\xc7\x8e\xc5\xb2\x92\xf52\x8di\xc9\xe5\xac\x8cGw\xbez\xf4tr\xb0\xe9_M\xdb_H[Y\x1e\x07p\xefr\xf26\xb7\x98H\xe1\xbe8\x99\xfar\x97\xc0\xb5W\x16|I\xa9VAGh\x13\xc9F\x84\xdb\xfb$\x84\x0ba\xb9y\xbdC\x06\xb2\x0e\xed\x83y\xb1\xddD\x1d\xbb\xcc\x8a\x9b\x82y\x98\x98eYaap\xd9d\xac\x1a!\xc2\xda\xb0u2\xd3:\xf5O\xa2\xb2:a\x1c-\x9d\x9d\x19\xf6\xfb;\'\xda=\xd541\xa1\xf9\xf4\xfb\xfb\x9d\xdf\xb9\x81\xf6\xbd)\xeeZz\xd0lw\xb1x\x1don\xbd\xb8\xcc\xea?T\xc0\xd9\xd9\xa5K\xd5\xd4\xd4M\x9a[\xb9\xe5\x1f\x8e\xc1\n\x80\xb5B,\xc45\x92\x1d\x8f\xf7\xf4\xdf\xbd\x8f"\xf6\xc4\xe3=\xa3T\xc4n\nE\xb8P\xcc\xa1\x81\xf6\x0ej*\x1eV7Fi\xff\xaf?\xf8\xd3\\\xa1\xb0{2&lt;=]\xdch\x9c&lt;?\xdd&gt;\\\x9e"\x17\xc55\xf1\xab -\xc1\n\x06\xbd\xe8\xa0\\\xb3\xad^\xbc\x99DVKHu\x11\xa7\xe7\x12\xa9f\x1f\xe4N\xcf\xd7\xb2\xcf\xfe\xf2\xdf\xd3\xb7\x81l\xb5z\x90H\xa4\x92!\x1eW\xbc\xab\x07\x17Y\xf7\xef\xf6\xc4\xc7\xe3\xf1\xae\xae\xf7\xdb\xbb\x9f&gt;\xc5\xfbsS\x1b\xfd\x0b\xd86\xb0\xfa\x84j\xac\xbdw\xf4\xc9\xbf\xbfN\x15\x8a\x9b\x95\xfd\xeb{\xc5\xc6\xc6\xea\xf0\xcb\xdc7\xd9\xa3\x97[\xeb\xde\xf7&amp;D\xe3s\x8c7\xc8US\xf8\x15\x14;p\xed\'\\,\xcc\x12\x8bT\xb3\x13S^4\xd7\xe9\xf6Zv\xb3\xf6\xf3\x9f\xbf=\xdd\x0e\x14k\xd5\x83L&amp;\xbb\xf7\xc5\xcc\xd9L6\xb32\x1f\x8f\xf7\xdf\xff\xe8\xce\xe8\xf8x\xef8Xm`\xc1\x85\xb8\x08E\xff\xe1\xb4\xe3R\xd5q\xaf\xb3\xe7\x1f_k\xc3\xbe\xdd\xd5\r\xd9\xf2\xbb\xaa\xd5Z\xd1\xb3\x95\xfb\xd2\xdc)\xa7^n\xaf\x071(&amp;\xa8\xbd\x80\xf2\xd2n$\xde\x94\xd7+\n8\t\x15\x85\x85v\x0f\x92*xsq\xf9p\xae\xbcSr\xf2?\xff\xf8\xe3o\x7f\x7fP\xae\xe5\xf7\xcf\xbe\xacV\xf3\xf9|u&amp;\x1bJ\xae\xcc\xf4\xdf\xf9\xe8N\x7fW/.\x1f\x06\xaf\x0f\\{J\xab\x9b\xe6D\xe7u\x1cGmc\x9c\x85\x8d\xf0p\xbc\xffYfxz\xf8\xe4\xab\x0b9b\xcb\xd1H&gt;_;;&gt;\xaeEd\xa3\xd2\xc8 \xb2\\\x90F\x17\xe7x\xbdTE\x0eC\xaf\x1f\x1dO\n\xd6,Nf\xa8\x16\xd7\xbd\xb9\xf3\xc3\xb9?T$\xcb\xb6\x9c&lt;-\xee\xa1\x15\xcb\xc7\xdc\xfb{\x99B!\xbbp\xf7&gt;\x9ak\xfc\x11\xc554\xc6YT1\xb0\x06\xbbzEZ\xdd\xd7n&lt;\x8a\x7f\xfc,9\x02\xd6n#,\xcb\xb2\x1a\x95\xf1G:\xa5\xaa.\xab\xaa\xaa\xd4\xbf+\'\xd7\xb6\x97\xd7\x05\n!]\x01[\xfe\xf6\xf6\'\xa0\xf8h\x98]\x0cz\'p\xe8\xe4\xb6\xd62\x9b5\xa0lf\xf9\xb1p\xc7\x899~\x07+\x16\x8b\xe5K\x0f3\xa1\x80\'\xb9\xf0\xc7OF\xe9b\x0b\xc7tgG\x9fp\x8d\xb5\r\xf4v\r\xa2\xaa`a^\xe1(|\xb2\x10\xc2\x06\x9c\xc6l\x8f\x1a\xe4\x92#\x11\xcba\x96e\xc3\x15U#z}\xb3\x18z\xbe\xbd\x9c\xc3\xf9;\x85\x9e\xa2\xc9\xcaY\xb8.\x86\x8a\xb3\x1e\xd0&amp;\\\\\xe6-\xe5\x00\xc3tbY\xd6;V\x8cX\xb1\xfdl(\x10\xd0\xb4\x95\x99\x9e.\\\xcf`u\xde\xbe\xd5\'X\xedC\xe3\x83\x82u\xeb1\x1e\xc4?^\xa0spz\xfa\xe4"\xaa\x98pE"\xb2l;~f\xd9\x11UQU&lt;4\xeb;\xe5d\xe8\xf9\xe1\xd6z\xd3%X\x93\\E5$\x15Z\xea(\xfb}I\xa0t]\x92\xfc~\xc9o1\xe6\xb8\x91\x9a\xdb\x1ds\xb9\xdd\x8e\xab\xd4(\x04\x02\x01\x8f\'y\x80KR\\\xd1\xf4\x0e\xdd\xee\xa6\x19\xf5\xb4\xefq{o\xd7g\x9cu\rY\rt=Y\xc0@\x81\ncA5tCQ9\xcb\xed\xd2\x19X\xaa\xa2\xc8&amp;~\x80\xc8\xbe/\x17^&lt;\xdf\xe60\xe1j\xb2p\x85\x85v\xcf-\x1f&amp;\xd0\xe7&lt;!F\x0b,&amp;\xf9%f\xb9\x1c\x97\xe4w\xd1\x92$I\xaf\x97\x0b\x01-\xa0\xb5Q\\\xf3f\x00\x00\x04\x19IDAT\x16\xf6\xe6\xc1\xea\xed\x1cj\xbfv\xab\xef\xaf\x90\x8d\xb5\xbd?\xf8\xd9\xe0o:\xdbnwt\xdc\x1e@V\xa1V\x1e\xd6\xee\x85\xaa\xca\xcc\x84\xc3\x8eD\x98\xcb\xc5t\x0b&gt;b\x99\xc80\x12\xb1\xf5J\xa3\xa8q\x98p\xb5\\\x86\xb5\xb4x\x93\xa3t\xf4\xb9\xdf\xcfU:\xb9$\xce\xf2\x93\x07(?n%]\xaf\x94)/\xcd\xd3\x9a\x99GX\x8f\xdant\xd0\xa5\xf2\xe3\xc7\xf7\x1e}\xde\xff\xc9\xe8\xe7\xf8\xbcx\xe3\xde\xc3q\xa8&lt;t)3&lt;\xbdZG\x873\xc4%\xdbv\x84I`1\x1b\x9d\xa6\x18F\x84\x99F\xc4Fd\x11\x8a\xec\x88\xa6l\xb3\x88\x9c\xb5\xb4(\x92b\xb6%\xb9P|\x8e\xc2]\x89\xd2\xb2,\xc9\x81\xc9\xe1YI\x12\x9e\xab\xac6]\xc9\x83\xf9/\x0e\xf6\xf6\xb2\xd9Ls%\xe8^\x16k\xe5\x19T\xad\\U\xdcQ\xa2\xaa,\x11\x8b\x92a\xf47c\x11\xf4?\xf2\xd2\xe1\xb2m\x13;@\xd6k\xdf\x15i\xca\xd2\xdc\x9a\xfc\x1d\\\x1f.\x9dnSO\xa1v\x96\x9f\xde\x9d\x89\x1ar\x07mF\xc9\xcd\xbb\x8a\xb2B\t\xa4\xa6\x0b,\x9f\x96\xc1\x89\xe4i\xc5\xf2\xf1/\xbe|\xb8\x13Jp\x15\x1a\xeb\xab\x9dp\x94X("\xb9L\xe6r3\x93\x992\r\t\xd5`p\x99\xd8\x98\x8a\xa2\xcav\t\x1b\x93`-\xbc\xb3f\x971\x12\x80\xb2`\xe0\r$X\x8c\xf7\x12\xb1\\\x8e\xe3\xbaZ(\xadpi\x1a\x04#dh\xf5\xd0\xc2-\xdd\xe5\xb2@\n*\x1fW]\x90\x8azKU\xa2W,\x9b\xaa(\xcb\x86a2f(\xa6m\xc0\x8c\x17\xd9\xf5\x8bU$\xc6Y\x1f\x9e\x1f\x95+\xd4\xe7\x127]\xa9,\xf1\x90\x96\xe3\xc6\x12*7\x15R\x17.\x10FF|M\x95X\xc2\xe5I%5\x11\xd6\xeeE8\x9cN\xab2\xb5&lt;\x85\x06\x96\xdf-\xe9&amp;\x1a\nq)\xe4\xd2\x8d\xb0pQ\x9a\xb6\xbe\xb3\x1a"\xd6\xa7\xe7\x89\xcd\x12U\xaa\x19\x15:\x12\x13\x0b\x91\xb8\x88\x82\xefX\xcc\x1d\xa3\xdb\x18\xa7q\x16#\x17g\tW\xeb\xff\xb1\xe8Q\x08\x9fu=\x14\xd6Ic\x03,J\xcb4\xc0\xc2\x08\xb5\xdf\xb1\xd0\xf5\x04\xd3\x99\x126LY\t\xe3\x91\x82\x99a\\\x80\xf5\xe9y\xeau\x0c\x9b\x8f\xb7\xf3U\x05\xf9\x037_\xe4\x112R\xf1\x86\xa3\x17\xe9;E\xee\xc2g?\x1f\x07i\xb4&lt;&lt;,\xa841\xb2\xfe\tU\x18\xefG\xf5Bj\xe9\xa8l\xda\xfe\x98K\x17UDs\xe1\xe7\xe8/\x90d\x15\xaf3\x14\x1cR\xaa\x02\xd6\x9b\xb9}\xccpI\xa8\xa4\x92n\x9a\x8c\x17\x8e@\x82\xd5\xfc\xfd]w\x11\rym\x16xw\xc1E\xa4\xe4\\2\x85O\xde\xa9D\xca\xa3\xa1\xb14\x1eV\x91\xab\xc2az{%M\x0budn\x87\x99&amp;O\x8b\x9a\xdePPH\x83\\\xd1\xa8\xcc\x9442m\x99&lt;\x9e{\x9dw\x1c\xaa\x19\xb1t\xdd\xd4\x9b)\xc5\x9aek\xa2\xdc\x12\x8f\x10m\xe6\xd0l\xf5\x83\x85\xb1\xaa\xbdz\xe5#\x97\x16\x08$\xe6\x92\xf8\n%\x00J\x86\x90\x1d5&lt;6!e\x05\x16\x0e\x1e9\xca]i\x83\x06\xaa\xd9l.\x9c\x8c\n\x9eGoqW\xda\x90\x90i\xb8\xe5\xdb\xb7\xf3\xf9&lt;\xc2b\x92.\x86\x95\x8b\n\xe6\x16ekv\x93\xcbO\xa7\x91l\xea\xacT\x92\x1c\xbf(4R5+E\xcd\xf3\xaa\x95\\&gt;MK$\x02\x9c\x15J\x0602\xd0Y#h,\x91\x15\x95\x08\xc7L4\xca\xcbhb\xdc\xf0i\xc5]\xc4\xc2\x13\x063\x10$\xe0\x8c\x01\xde\xf2f\xaf\x9a\x8fa\xaaSG\xd1)H[\xce\xb9\xcc\xc9\xc5\x9b\t\xb3\xcc\xa21c\xb2\xda\xc1YI\x02\x8d^\x8aic\xa0\x8cM\x16\xda+\x14\xd0B\xa9T \x94\nq\x15\x1d;\xe5\r\x85\xa2P\x88\x85\xb4\x94pecc\xa3^\xdb\xc7\xaa\xd5\x89Ei)\xc4\x8a\x86M\x8b\\H\xca\t\xa7\xf5\x96\xbf\xff\x8bg\xa5SPt\xda\xf0n\xa7\x89\xcek\xe6\xe0\xb8a\x0c*LhE\xd7_{\xe6j\xb5\xb3\xfd\x12\x82\xa2N5\x8cz\x997\x17\xcf\x0b\xc5\x13\x1c\xf4=\xb5\xbdo\xb8X\xe1\x9b\x9e\xb3\x10\x97\xa1T~\xa1U\xcc\xfc\xd2h4.\xea\xcd\xb4\xa2\xa4\x8a\xa6\xc3\xba\x15E[\xa5\xd3x+\xfd\x7fn\xcc\x18\x11\xa3\x19Lo\x00\x00\x00\x00IEND\xaeB`\x82'</t>
        </is>
      </c>
      <c r="M178" s="3" t="n">
        <v>45492.67740740741</v>
      </c>
    </row>
    <row r="179">
      <c r="A179" t="n">
        <v>789960</v>
      </c>
      <c r="B179" t="n">
        <v>5926</v>
      </c>
      <c r="C179" t="inlineStr">
        <is>
          <t>Yeferson Soteldo</t>
        </is>
      </c>
      <c r="D179" t="inlineStr">
        <is>
          <t>Y. Soteldo</t>
        </is>
      </c>
      <c r="E179" t="inlineStr">
        <is>
          <t>PE</t>
        </is>
      </c>
      <c r="F179" t="inlineStr">
        <is>
          <t>ATA</t>
        </is>
      </c>
      <c r="G179" t="inlineStr">
        <is>
          <t>PE</t>
        </is>
      </c>
      <c r="H179" t="n">
        <v>160</v>
      </c>
      <c r="I179" t="n">
        <v>7</v>
      </c>
      <c r="J179" s="2" t="n">
        <v>35610</v>
      </c>
      <c r="K179" t="inlineStr">
        <is>
          <t>Right</t>
        </is>
      </c>
      <c r="L179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9abdfef1-63d4-4c37-a5d8-2f4ecfa66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\x8b\x83\xaf\x00\x00\x03\x00PLTE\xff\xff\xff\xc6\x8f{\xa0fZ\xe1\xa6\x96\x16\x0e\x16\x0c\x06\x0b\xb8{k\x12\n\x10\xcf\xcc\xcb\xff\xfe\xfe\xb6vh\xca\xc9\xcb\xfd\xfd\xfc\xbd\x7fo\xb3}g\xafxh\x1c\x14\x1c\xb2|k\xfb\xfa\xf9\xcb\xcc\xd0\xb6pe\x99`V\xc4\x82r\xe4\xa4\x88\xack`\x18\x9b\xc8\x97f\\\xbbse\xa4k^\xbe\x81v\xbe\x88x\xde\xa4\x92\xec\xad\x90\xb1td\xde\x9a\x7f\x18\x93\xc2\xb1o^\x95[P\xe8\xab\x95\xcb\x84w\x9aUK\xe1\x9d\x82\xd7\x9c\x81\xdc\x9a\x88\xa9t_\xd9\x9f\x8d\xa5dZ\xc5\x88s\xb5\x80q\xce\x90y\xb1rk\x8e\\T\xe3\xa2\x82\xabpd\x9eaY\xdb\xa0\x83\x18\x94\xc8\xf8\xf6\xf5\xe4\xa7\x90\xd3\x96}wF&gt;\x92WK\x9cj`\xb7\x8c\x83,$,\x93aX\xd2\xce\xcf\xdc\xbe\xb6\xd2\xb1\xa8\xd6\xb7\xaf\xbduk\xcf\x89|\xdf\xa0\x8c\x94mf\xabve\xcb\x8bs\x81LA\x19\xa3\xcc\xae\x84{\x17\x8a\xbf\xc5\x87z\xa0VM\xdd\xa2\x87\xea\xe2\xe1\xafyb\xca\x8b\x80\xe3\xab\x95\xbd\x86n\x9f[S\xbf\x98\x8d\xc7\x86l\xc4{r\x8eRF\xde\xa6\x8c\xb6zb\xf4\xf2\xf2\xb7\x85{\xa3rc\xb0ig\xab\x7fv\xa8zp\xbf\x8b\x7f\xa0eR\xd2\x8f~\xb5i_\xd3\x88t\xb1e[\xa5^V\xe6\xab\x8d\xc4\x9e\x91\xed\xb1\x98\xc7\xa7\x9f\xd7\x96\x88~PH\x9dog\xc0\xc2\xc7\xce\xad\xa3\xd8\xc3\xc0\x85TKh;4\xb8s\\`50\xe8\xa7\x86q@8\xe6\xab\x9b\xdc\xa4\x985,3\xea\xa9\x8c\x8aMB\xf1\xed\xec\x9a_O\x19\x9c\xcd\xbc}d\xa4ul\xc1zi\xb7mm$\x1c#;4;\x8fha\xda\x93}\x94OF\xe5\xdc\xda\xc7\xc6\xc8\xa5kV\xd1\x9e\x92\xbb\x93\x8a\xbcznc_f\xc4\xa0\x99\xca\x95\x80\xcf\x83o\xc6\xaf\xab\xadjY\xcd\xb7\xb2\xe0\xd4\xd1\xcb\xa6\x97\xcb\x96\x8e\xb9rs\xd7\x8dw\xa2}u\xcf\x91\x87\xd2\xbc\xb9\xc3\x81j\xef\xe8\xe6\x8bc[\xc5\xc0\xc1\xb2u\\\xcf\x9b\x85\xc7\x8f\x86F=D\xcc\x7fk\xaeUK\x81}\x82\xd5\x91\x83\xac\\W\xabgQ\x88ZQ\xce\xce\xd3\xbf\x91\x85\xc1\xc8\xd0\xbe\x9c\x94\xbeuz\xb0\x89\x81\x9dun\x16{\xb6\xabqX\x8cVK\xb4\x91\x8a\xb3\xb2\xb5\x8a\x86\x8c\xaac_\xa4\xa2\xa5\xbb\xbb\xbe\x95\x91\x95PGN\x19\x89\xc7\x15n\xac\xb9hf\xb5\x97\x95\xe2\xc6\xbe\xa4_M\xafqwnhnZV]\xd9\xaa\x97\x96vpUOT\xda\xca\xc7\x9e\x99\x9cvrx\xe9\xd3\xcc\xd2\xa6\x9c\xc5ue8\xa6\xc7\xa5jg+\x9b\xc7\xac\x8b\x88xJF\xb3\xc2\xce\xb5\\R\x81A:\x84hd\xc0j^\xbcdWP\xaa\xc8\x7f\xb0\xcb\x9cMG\xa1\x8c\x87\x17z\xc3\xa9G=,o\x95\xa9\xa9\xb1f\xae\xcaR,+\x9c@8\x95\xbb\xced\x98\xba\xb9\xa4\xa3\x89\xa9\xbe\xa8\xbb\xc9\xe3\xb4\xa1lIJC""J\x97\xc1\x8e2*u\x89\x9e\x7f\\Y2\x82\xb6\x1cKt\x1e7S\x8e\x9d\xaa\x17^\x8fH`pz\x9c\xb6W{\x9b\x88utJqE\xbf\x00\x00 \x00IDATx\xda\xcc\x98\xc1kZ{\x16\xc7\x9b\n\xc3\x08\x96\x10\x17\xbd \xa9:\x81I\xb0\x8e\xc4\x12\x1f\xe2\xed\xe0%\xa3\xf2\xbc\tHQj\xb9\x05\x89\xe2\r\xa1\x90\x1bS\xd1\x0e/\xcf .\x9c\x85AP0\x155\xf4\x8eO\x07Ca \x88\xe8\xc2\xbd\xd9\x18\x84\x17(\x99\xc5[e5\x8bBVo=\xdfs\xafe\xde\x1fp\xd3\xbeS\xbd\xb5B\xc9\xa7\xdf\xf3\xfd}\xcf\xf9\xf5\xc1\x03\xedJ?\xaf\x07\xbf\x9b\x02\x8c\xc1\xe8Q\xcbh4\x1aP\xdf\x1aOo0xv\n\x9dN\xa4\xfc\xb3Z\xe5r$\x12\xe9t\n;F\x83\xfe[\x89d4\xee\x00\xa89\x9b\xcd.\xb3\x97Y\x9f/\x10\x08\xf8\xeb\xf5F\xa3\xd1\xce6\xcb\x05\xe37\x10\rL\x9e\x9d\x0e\x90\xb2\xedv\x16Dm\x10\x05\xfc\xfeL\xaaV\xab\xa52~\x02\x8b\x14&lt;\xc6\xaf\xcc\x05\xa8N\x99\x90\xdaD\x95\xcd\x06\x1a~\xbf?\x00(\xfc\x02U \x80og\xcdrg\xe7k\x82\xe9\r\x9e\xc2\x1c\xca\xe7\xa3\xf65\xeau`\xa5\x88\x08t&gt;\x1f}{yIV\xebx\xbe\x1a\x97\xc1X\x884\xb3\xed\x06A\x01\xc0\xe7\x83T\xe8!\x11\xa1|m_\x00.\xf3\xf9\x08l\xd6\x8c|-\xc1\x0c\x9eNs\xd6&amp;c\x13\x95/\xe0\xcfP\xd7\x02\xa4R@!\x82\xc3R\x8ar&gt;\xe2"\xef\x7f\x15\xaa\x08A\x914\nBK\xaa\xa5\x02\x81\x8c?\xa3t\x8f\xbe\x18\x08\xd5\xaa \x08\x83T\xca\x8fF6!\xd8\xfd\x87\x85\x1eT\xb0R\x1d."YZ5apMlR\xcd\x0f(\x98\x9e\x98\xaa\x1c\x87\xe7\xa0\x96\xf2\xfb\xc05\x83`\xfa{\xd7*[\xa7\x16\xd53\x90e \x01\xe7\xfaZ\xeas\x9c\xd0\xca\x90P\xe3\xe1\x90\x03V\x15\xdf\xe0w\xa9\x95\n\xa0\x91\xb3f\xe1^\xd3Uo\xdc)\xb7\xeb\xb5\xea\x80\xc0j\xd5\xb10\x90R\x80\x8a\x8b["\'IBu\x98\x1c\x8d\x92\\\x1fb\xc5\x93b24\xac\n\xb5L\x00\xd6G\x88\xdd\xe3\x91\xd4\x1b;\xcdv\x1d\x8a\x0c\x10\x9a\x02\x87\x1f;\xa8\xb5\x84\x90\x980\x99\x12b(\x99\x14\xd3&amp;S\xba\x98\x0c%\xe5b\xb1(\xca\xf2\xb0Z\xad\xc2x\xc0\xcaf\x9b\x85\xfb\xd2K1{=5\x96\x87\x93\xc1\xa4\xca\x89b\x88\xfa%\xa6\x13\x0f77\xbd^1]Lo^l\x82+m\xe2\xc16\x1c\n\x83\x01\xfc\xa5\xe8\x85\x1c)\xef\xdc\xcb\x81\xd4\xeb=\xe5l\xa3^\x9b\x0c\xe5\xe1x\x8c.\xa5\x8b\xf4\xc3\x8b^o\xc2\xb4a*\x99\x8a\xc5t\xf7\xe2\xe2b\xd3\x9b\x86`Cn\x0c\xcbO`z\x9c\x8a\x8c\xef\x12g6\xdb\xb9\x0f\xdf#\xd9A\x95\x1aL\xc6\xa1\x91\x1cB\x81\xc7[\x14\xa9oEo\x97/\xf1b1\xcdw\xdfuM&amp;o:9$(T\r\xa9\x81s\x90\xf2]\x062\x8d\xe6}\xc8e\xd8i\xb6\x1b\xa9\xc9\xcd0$\xa7G\xc0\x11U\xacb\xc2k*\xa6\xd3\xa3\x11\xbc\x05\xb0\xae\xd7\xb4\xb1\t\xac*\xb9O\x99\xda\x99\x94T\x152&gt;_\xa6\xde\x8eh/\x17\xa8\x1a\xf5\xc6\xe0&amp;$\x8f\xd2h\x13\x1a\xf5\xdd\xa7\xe5\xe5\xad\xc5\xc5\xad\xad\x84\x98L\x86\xb8&gt;W\xe5Bb\xb1\xe85y?\x01K\xaa\xd5\x10iB\xca\x9fA\x90\t-$m\xa3=\xd3\xdc\xf5\xf0U\x1d6\xb9\x91e`\x81\t\x07M\\\x12\x97\x9cq\xb3\xd3\xe9\x8c\xf7\xfbU\xa9"HH\n\xe7\xd2\xe2\xd6\xf2\xb2\xe8\xe4(\xe6%A\xcadjUnXma\x0e\xf9\xda\xed\xb2\xd6!a\xe84&amp;\x93\xda\xe4\xe6\xeaJ\x16\x8bH\xa48\xd7\xef\x9f\xf7\xf1&gt;;???\xabT*\xd3\xe9u\xeb\xba\xd5;5\x9b\x9f,\xfei)\xbe\x0bH\xa1\x0f0H\x18\nq\xc2u\x00\\\x8d\xac\xc6m\xd4{\xfe6\xb9\xc5\xf9\x1b\xcaWrH\x8d\xef\xd6\xf5uE\xad\x9e\xc5\xe1\x98N\xef\xee\xfcwwSG\xef\xf4\xf4\xc5\x93\'f\xf3n\xbf\x1fG\x92!\xc3D\xfc+8\x89\xe4j\xd4\xd1Fmc\xb4q+\xcb!\x99\x8e`_8\xab\\+5\x9d:\xa8\x82\xc1`\xcc\x12\xbdS*\x1a\xc3\x9f\xc1\xb6`\x8e;\x17\x13\x89\x04B\x8c\xe7\xd3E1$\xd1\xc4\xac7\x9aZ\xb6\x11b}\xbe\xbd\x1a\x8dx&gt;\xc9)PS\xaa\xdc\xd4\xe2\x88Q1L8\xc6F\xa9\xf6\xd5bc\xb1\xde\x82\xf9\x15\xc0\xbc\x9b\x1b\x1b]\x1em\xe7ZX0\x02\xf5lGC\xb9\x0c\x91\xfa\x8d\x8ch*\xa5q\xe2\xe0\xa4\xe3c\x8b%\x18\xb4\xc4\xc2\xe10\xc30.\xdb\xca\x8a\x8b9b\xf0V\x8a\xc0\x00\xeb\x00\x99s\xcb\xb4\xb1q\xd1\xe5\xf9QH\x00\x97\xbf\xde(\x1b5\x0c\x87\xec\xedU\xa9d*\xf12\xc7\xed\x02\x0b}c\x18[8\xecB\xd9\x88j\xc5f\xa3\xcf\xae#\xf5\xb9\xbf\xbf\xba\x9a\xcb\xe9\x08l\xe9\xa1is\xb3T\x1a\x91\\X\xc6\x90]\xda9+\xf2\xf9\xaa\xdb\xed\xa6G\x98)\xfd\xf3\xca\xe1\xa1\xddnC1\xf4 &amp;P\xe1\x05\x1c\x94\xc2\xe5\x02\xd7\xc1A\x8e\x8d9\x0e\x17\x1e-&amp;L\xdd\x12\xcf\xcb8\x8dZb\xe9\xf5\x85\x7f\xdd\xfeR*\x95\xae\x14\xaa\xb3\xc3\xe7$\x8e\xcdfW`\x14*\x05\x85\xc9\xe7\xe7]T\x04\xb3\x1e\x1c\xac\x1e\xacZ\xc0\xb5\xe4\xdd(\xf1\xe9\x11\'a!\xc3`\xd4l\x18B,P\xa1\x85\xc0Z\xf8~\xef\xe4\x84pT E%P\xc0b\xfb\xfbV+\\\x95\xcf\xe7\x15\x7fY\xc1u\xa0p-,n\xbc\xfb\xb5\xcb\x8f\x92\x83\x8c_C\xcb{\x9a\x93+\x9e\n\x91\xb5\xbb\xbe\xfd\x81\xb0\xbe0\xa1\x95D\xc4\xb0\xc4\x01uV\xad\xd6\xbc\xf5\xb7\\l\xf0i\xcf\x9c\x80\x05`\xafq+p\xa9Yp\x91X\xe8!\x7f%\'C\xbb\x0bD\x85Z\xb1\xaf\xac\xd8\xbf@\xed\xb3,K.W\xe4\x01\x98\x15\x92\xcd\xa9\xacV6\x18&lt;4\x17\xf1\xf7GC\xa9\xe5\xbf\xd4\xaa\x89z\x1c\xc3_~E\x13\xe4P2d\xde\xde\xfe@u\xb2b\x03\x14^8\x91`\xc2{\x15\x95S\xb0\x08&amp;\x0f4\xeb\x81U\xe1\xca3\xe1\x9e\xd3\x8bl\xa9b4\x04\xb4\x1a\x8b\x06\xf5\x18v\xafB\xc3\xa4\xf3\xc5\xf6\x9b7s,:\x83\x84\x05*\xd6\x82wt5J\xa7O\xc5\xb2R/\xa1\x97\xf2\x81a \x17VC\x0eX\x99lA\xafM:\xc0Y%X\xe3jx\x132\xbf\xdc~\xff\x1e\\\'\n\x16\xa0lL\x90\xd5\xe9\x88\x8aU\x05[\x8d\xcea\xac\xf9\xbcU\xad\xfc\x11c\x7f\xb9\x94(b\xd9\x91$\xc8\xa5\xc9\xb4\xd6{\xfex\xcb\xf3%\x1c\xa4\x9b\x9b\xf8\x93\xb5\xb5\xf7\xc457\xbd\x8d\xa8X\x1d\xab\x8b\xb2l\x8c\xdd\'\xc7G\xc9\xea\xc4\x94W\xb0\xe8\\\xe6\xf7\x19\xf7\xde\xa3\xc5\xa2X\xad\xb5\xa4Vf\xb6\xa3\t\xd6N\x03c\x07y(\x8f\xc7\xf1W\xaf\x15*\xa5\x89\xa0\xb2\xdb1\x81P\x10L\x87\x81Hb)\x9a\xcde\xa2\xb8\x00\xd7\xd1\xbe\xcb\xfd\xfc\xb13\x89\xdd\x90\xb0\xb2\x1d\xad\xb0(\xb30\xd4\x06\xfd\xf5\x8f\x1fAE\xf6\x82\\\'\xc8\xfa\xa0\nFPlT\xa5\x02\xd7\xfe\x97\x06\xe6\xd5\x10s\xad&lt;_\xdf\xedW\x07\xf0\x96\xd4\xf2i\xb2s\xe9\x0bu\xca\xd2\x91&lt;\x1eH\xe7k\x1f\x89\xeb\xcd\x1b\xa5\x8f\'P\x0bTAE.Z\x1fVs\xaaZH\x0b\xb0 \xbe\xf2G\x84\xc5\xb8\xdc\xae\x95g\xa7\xad\x1a\x16C\x805\xca\xdaa\x91X\x92t\xfe\xf8\x1f\xe0R\xb0\x14.\xfb\x8a\xfd\xffj\xcd\x9b\xa8H\xc6`\x14\x1dA\'z04\x05\xdc\xcfz\xfe\x8c a\xb7\x96R\x9a\xac\\\xfa\x025\x11Y8\x90\xce\xce\x1f\x93Zd/\xf54&gt;u\xdb\xed\x8e\xa0\x85%\xb0\x98.\x9a\xcb\xcd\xed\xc52\xcapd\xd4r\xd1\xa0z^\xc9\xf8\x05!\x8e\xeb\xd1x\xa6\t\x16Y\x9e\xe7EN\x90\xce\xfeIM\xfc\xf8\xfe\xa3\x92\x11+v\xb7\xdb\x1e\x04\x15\xfcN\xbe\xb7\xe8\xb0\xca \xbb\xc8f\xac:\x19I4\xe2\x02\xd6\xd3i\xa6\xc5\x89\to\x82\xbf\xd5\x08\xabMX#\xc2ZX\xff\x89\xa0\xc8]\x1f`xw8\x0c&amp;\xf5\xa5\xd3Mu\xb9(\xcc\x95\x9b/\xa9,\xf6\t\x95\n\xde\xb2\xd9\xc2\xd3V\x7f)\xf1\xd0d\xe2o\x9a\x9ax\xcb3\xbb\xc1\x15LV\xb1^\xcf=\xff\xe1\xe4\xd0\x8e\xa5\xdd\xa2\x00}\xa9\xa8\x8e\x96\xbf\x1c\x99\x0cC\x081\xeab\x14.7\xb0b\xc0r\xfe\x05X\xe9IY\x93amh\x8eq\x89\x0e\xcd\xb1^C\xaf\xf7\xdb\x8aX\x0ebB\xe3\xe8\xa9\xd3\x1d\x13\x96\x8e\xb0P4\xa4\x0fH-\x9b\xba\xc4\xba\x99\xe8\xb4r\xea\\\\\xf6\x9aF\x9f\xb5Ym\x0c\xe5\x81r\xa5\x12\xce\x08\xeb\xf1OJ\x13\x89\xea\x18\xa5S\xa8\xc0t&lt;WL\xa5\xca\x1d\xdcA/\xc2r1\xc1`\x98\xae \xc0z\xb5\xf8\x9d\xd7;\xaak3\x14\r\x91\x14\xee{q`\x9d.\x90Vk0\xfc\xde\xbf\x0f\xed\x96\xe3y\xe9\xe8e\xd1\xcd\xc9T\xb9\xee\x0e\xeer\xab8\x90\xe1 .!\xd82\xc2\xe1\xe9\xb4\x87\x0b\xc7\xb27\xd9\xd6f\x85\xd0w\xea\\\x1c\x97h\xe1|\xe1\xc5\xeb\xd7kkko\xf6\xf6\x0e\x0f\x0f\x1d\x95\xca\x19U\xe5\xb8Bh\x04u\xac6\x12\xbc\xd3)&gt;\xe6\x10\xfc,\x0b\xad\xd0\xc50\xe4\xea-@\xae\xc4\xb8\xa9\xcd\xc2\x85\xe0\x1a\xc7\x95\xbb=z\xb8\xbe\xbe\xf6\xfd\xde\xde\xde\xcb\x97\xe6\'\xce\xa2w\xd3\xe4\xfd\xe4\xc4U\x1f&lt;\x08\x08E:G\xef%.\xae\xf4\xff\x12\xbb\xa7=\x07\xad\x16\xc10,\xef\n?\xed\xd15h1\x99\xd2\xe8\x8e\x815P\xe0\xe2\\\x95\xb0\xd6\xb7\xb7\x9f\xed\xed\xbd\xf8\xc3\xf2\xe6\xc5\xdb\xbf\xfe\xf8\xf7\x1f\xfe\xfb\xc3\x8f\x17^\xe7.\xdd\x1b\xd5n:N\x1f-\xff\xf9\xdd\xdb\xff\xa0\xden\x98\xb6\xcc=K\x94\x8d\x85\x81\xe5v\xf7p\xd5~\xe5\x1ck\xb3@(\t1\xe0H\xad\x85\x17\xebk\xffc\xd5\xfc_\xda\xc8\xd38N\x14\x06\x0cMeK\x1c\xc2\x8e\x89X"\x93\xc6\x8d\xc9DR\x91Iz]\xb6M\\GJFoT2\xa6\xb6Q\x938\xb9\xa3\xf6\xa8\x1aI+\xa9d\xc7-f\xa9\x17.6[\x127\xb5Ku\r\x89\xc7\x82-u!?\x14\xbc\x8dp\xc7\x81HYI6\x82\x90\x1f\xf4\xa7\xb3\x94\xfe|\xcfg\xda\xfd\x0b\x92G\x83\xf8\x05|\xf1~\xbe|\xde\x9fgb\x94Q\x9c\xa2y\xe7047wrr\xf2\xee\x1dp\xcd\\1%\xe16k0\xb4&lt;\xf8\xb7a]ci\xeb\x9bE\xbf;9\x99\x9b\xb5\xce\\QO\xb9\xdd\xfd\x97.u}\xc2\xbau\xa7f\x17\xb2\x0bO\xff\x81\xb0&amp;\x9cN\x92dd2\xacn\xc7\nqx\xf7\xd0\x1a\nY\xfbf:\xebLii\x15a\x006\xc0j\x9a\xb1\xceI1\x0ba\xed\xec\x95\xad\xf7w]\xfc\x84\xa5\xf9\xd3\xf7\xb5\xbbb|w\x07j~bB\xe3\x84\xba\x9256\xed\xec\xec\xd8\x9a\x9a-\x96\xe6\xba\x85\xb6\x85\x85\xcb\xaaVE\xdc`\x80\x81\xf1\x11\x0b\xfb\xa2\xaem\xa6\xafo\xe7\x9f\x9d\x9d\x9d3w\xad\xd6\x99\xdb\x1a\x1a\xa0\xba\xf4\x12\xd6\xdf\xa7Gk\xb5\x1a97\x80ZqB\x83\xb08\xac\xc9v\xf9\xadE\x19S(bv\xa5\xca[(th\xe5\xea\xf8\xfa\x94\x845\xd8\xb2\x1e7\x9e\x7f\xed\xb5\xd9\xda\xbc\x8f_\xabT\x16\xcb\xed\xcf\xdb\xeaz5\xfa.=\x04`M\xfc\xf5\xe9\x85\xdab\xdd\xba\xa51:\x1dN\x85\xc5\x0cH\n\x05&amp;7[\xea\xdaFFl\x0b\x1d\xad\n\x19\xc2j\x87\xb3z\xd0@\x0fi\xbd\xd1\xa8\xcd\xb6\xf0\xf8\xf5\x8b\xd6\xc8\x90\x11-\x0b5qDE\xc7\xe3\xb2\x9f\xef\r\xd4\xec\xf6z\xee\xf9\x93\x1b\xa61\x93Ia\xe48\x1f\xa7q\xe2"\xa1M4}\xd9\xf9\xe1\xd0j\r\x95\xc2\x0b\t\xcc\x18_\x07\xb5\xdc\x83\xff\x1b\xec\xa70\xaf\xad\xaf\x14\xde\x010\xaf\xf7E\xc4\xc5\xc4\xe3\xeb\xeb\xeb\x90C:.\x93i~\xfe\xbe\x86k\xb7\x87\xdf\x8f\x99\xc6?\xfb\x0ca9d@\xa5-\xe8F\xac\xb3\'\x8f\xe6\xa1\x11gKaV;D\xd1 \x17`\xdd\xd7\x0f=\x1e\xe9\x83\x868\x9b\x9d\rY\xbfl~\xfc"\x02\xc8\x86~w\xbf\x9eF\xfb\xae\x97\xcfFk\xb7u\x1b}6\xd68\xde\x08XN\xa7\x13W\x10\x02\x1b\xee\x0b\x9d\xbd\x99\x7ft\xf5\xdbws\xb3\xa1R\xd4\x8b14\x9d\x05\xac\xfb\xf5\xf1\xc7\xe1\x124\xe8\xdcO\xf3W\xdf\xcd\x9d\xfdxe!\x111\xae\x1b\xdc\x12\x16\xd6\xdb{c\xba\x86\xcb\xc0\x0b\xff}\xd9hn\xc4\xd4\x88J\x0c\n\x85h)t\xf8\xfb\xefo\x1e]\x9d?9;\xb4\xf6\xe9\xbc\xad0dW\x97\xba\xdc\x83-F[\xa9\x14\n\x1d\x9e\xbdy\xf4\xed\xfc\xd9\xd9\xd9\x8cM\xb7\x15\xa1\xf4\xfd\xfd\xfd\xed\xb4\xcc\xd4\xdb\xfb\xf2i\xadr\x88\xdey\xf1\xf4\x97\xbf!,\xdc\x89\xc7\xa0\xac\n\xc7#\xb6\xcf\x7fx\xf5\x01\x12u\xd69s83\x1c\xd0\xba\xd0e\xfbbO\xbda\xa80\x12\x82au\xf7l~\xfe\xa7\x0f\xff\xf91\x14\xd6\xb1/\\h@\\\xbaH\r5\x8e\xffk\xa0Fb]x&gt;}\xe7\xde\x93\xdf\xbe\xfe\xa6\x11S\xe0$.Fnj\xb7\xb6\x12\x98fb\xe2\xc6\xf8\x95\xa6\xa66\x9b\xedrG"\xe8B\xbeb\xa9\xbdG\xcf\x04\x13#\xa5p\x9b\r\x8e\x9f\xbb_\xbf\x1c\xab\xb3\xb1\x05$\x97^\xc2\x1a\x1f{\xf2\xb0V\xe5~\xcd\x9c\xcb\xbdm\xbeb\xf93\xc22\xae)\x14\x91\xa0\x9f\x10\x9d\xb2\x8d\x8d\tS\xab\x8aesBB)\xae c\x01\x1eli\xd5\x15\xd9\xd2E\x8f\x03u\xcd\xcd\x16\rL\x04L\x9bHD\x18\xb8\x8a\\\xba\x18\x07\xacg\xdd\x17j\xf2\xdc\xbaa_],f2l\xdd\xed\xf3\x80et\xad\xe1\xf8\x9aH\x1c\x10"\x8e\xf3\xbc]\xe9\x17\x04\xbf\x92\x10\xd7p\xa0\x9a\xf4\xb5_\x04\xac5e\xa2\xc0\x16\n[Z\x02\xa7h\x8aa\xc4\x88\x8b\xd2\xa3)\x1f\xd7\x8c\xdfx\xf6tzz\xa0\x06U\x7f\xee\xab|%S,\n\xaa^9\xa6@L\xf0\x02o3\t&gt;\xc2G1\xb8h\'\x88\x18\x0e\xe1pL:\x90ZK\xab\x8cQ$\x82/\xb4\xc1 \x01\xc3th\xcd\xe5b(\x1a\x92\x08\x83\xcbh\x1a\xbf5\xf6V\x9e\xdc\xef\xae~]s=P\xc9\x1c\x95w\x95J\x84\x05\x81\x1b\xa1\xeb\x1c\xe8\x92\xb1:\xb9\xb9&amp;B \xddp\xe4\xc2`t\xe9\x97\xf4\xb4\x8fq\xc1\xdf\x01\x0eCQ\x14M\xd3h\xc2\xeb\xbb`B0\xe7\xbdl\xa6xT^\xae~\xd2w_c+\xb9\xf2\xc1\x81\x9d\x90\x83*\n\xc8#\x05B9&amp;\xe1\n\xbb\xb9y\x00!\xf2H,\xd2\xe1@&gt;\xba\xa7}\n\x0e\x19\x8aq!(PI\x92\t\x05L\x88.\x18\\[\xb9\xa3r\xa6B\xfcZ\xad\xb7i\x90\xb0v\xe1\xbf\x13\xa0\x16\x8e\xa8\xe2&gt;:\xeb[\x9d\xfcH%n\x92(\x1c\x0e\xf4B\\`o\x10\x17\x83\xb0P\xf6\x80\xc8\x8d\x1e*\xf4C\x12)\xa3(nnfN3\xd7\xab\xce\xe2\xe8\xbd\\F\xd8%x\x1c\x03,I,\x9f\x8f^Z\xf2\xa1=\x04\xdc\x18\x01\xc6A:%,Hc\xb6\x1d\xed#\xdc\x06\x9a\xa2&amp;)j\x95Z\xa2i\xd0\xc9\xed\xfe\x0b\xf8S\x84\xe5s0K\xbe\xa3\xd3\xcar\xd5c\xe2a2\x93)\x96\x0fx&lt;&amp;a\x19\xa5z\xc9\xa2@E\x0e\x05\xe5 \xa5\x14:8\xf8f\xaa\xa7E\xb2\x83Sz\xfa\x8f\x9a\xd2\xf7K\x0f\x85\xdc\x12\x16ECE\x02V\xba\xea\r\xd7s\xc0:*\x97\xcb\x84\x1da\x81X\x1c\x95\xceNe\xe1\xe6\x93E\x12\xa1\xba\xc2\x9d\x1c\x97F\x91\x9dj1$\xd1\x17\xc6\xe1\x03(\xe4\x0cQ\x0e{\x10\x192\\&gt;jies\xb2\\\xa9\x90\xd5\xd6|\xc3\xc0\x06\xf4\xceQ1\x93\x93j\x0bu\xa1\x0f1IX\x9b\xfc\x01\xc1\x83N\xe0v\xd2Si@3\xd4?X\x9eJg\xb3"A\xa2\x06@\xbb/\xa8*7z\x8a&amp;\xd5\x16\xbd\xb4y\xb0rP\xa9\xf0\xfb\xd5\xb6\xe2\x00\x07X\xc5\xcc1\xeb\xff\x84E\xf9\xb2\xc0\xb5\x0cT\xfcA\xd9_&amp;}\x90\xbeOj\xa5\r\x0f\xd0\x03\xc6\xf6v&gt;\xf7\x91\x0b\xad\n\xa5\xf5\x17r\x10\xa8\xb66\th\xeaJ\xc5\xbe_]+6Hj\x01\xd5q\xce\xfe\x07V6\x9b\x86\xbbk\xda\xc1\x13\xbb~\x81\x10\t\x95\xca\xac\xe6\xa4HC\x12\x97\xd7\r==\x0e6`\'\x11\xfe\xc7ea\xfd`\x0b264%\x162\x99\xf2A\xe5\xb4Z,\xb8Q\x03V\xee\xf8\x94%p\x0ca\x91\x14\xe7C\\i\x8e\'\xfc\x82\xdf\xaf\xf4\x07t\xba\xe8\xb0\xd9\xc99I\'\x97\xe60U]\x82 y\x96\xf5\xf3\xa4\x0f\x81!\xaa\xfb\x08\x0b\x92\xc8l\x9d\x9eV\x8a0\xb8\xf8jw6\r\x0f\x93l&amp;sz\x9a\xe3\x8d\x18\x86\xa1c\x07\x02\xb88\xde\x8e\x8eC\xc2\xae\xcc\x07\x02\xc3\xba\xcbf5oW8\x9dX \x1a=f\x05\x81e\xf3v\x1e\xf5)\x1a\x19\xf7?aQ\xae\xc2\xfb\xf7\xa7\x19\xc0\xe2\xaa\x1e\xf3\xa3\xcb\x19\x84\xe5!\x9d\xa0\xd6\x90\x11g\x10\x97\x83#\x81*\'\x10&lt;\x1f\xf3\xe4=\xbb\x1e\x8f\xd2\xbe\xeb\x17IR\x81\xc50UN\xf0\x0b\x1d*B\x94F\xd9T;`\xd5\xbb\xa5\x1b\x06%\xbc\x7f\xff\xber\x94\xc9$\x1fV?\xe5\x85b\xf1\x18\xd4\xc2\xa1\xb6\x86`DIC\x1d\xa8r\xb9\x9c\xdf\xce\x83\x8bX\xfc\x18Pg8\x0e\xfeUmG?U\xaa\xc0\xfc\xf0&lt;\xe9\x00\xb9\xea\xeb{ \x83\xa8\x11\xc5S\x90\xeb\xa8X\xbc\xd6]\xbd\x83\xd8\x85Nd\x03J\x18\xa7\xe8\xac\xc6\xd1\xc1L\xf2\xbb90ZJ;\xaf\xe6\xb7\xf9\xd4\xa2\xd9\x9cZ\xf4\xe4UJ3\xa6\x86@5\xa6P%\x10\x17N\xfa\xa6\xd0q\x84\xc6+\x0cS\x86\x95\xb0\x84\xaf\xaa\xbf\xef\x83\xdf\x02\x03!\xa8\xe4r9\x16C\x86\x01D\xe0\xe1\x96q\xcc\xe6=\x8b\xb1X*\x95ZL\xed\xa5RfO&gt;\x9fW\x99\xcdj\x8d\x86\xdbH&amp;9y^\x10\x08\xfb\x1a\x8e\x0eJi\xe6\x03V\x9c\xd1IIT\xeeW\xef\x04\x9f\'\x05\x01\xd2b\x07,\xb9\x08\x076\x01`\x84\xa0\x8bF\x01\xcb,O\x99\xcd\xe6\xbd\xbd\xd4\xde\x9e\xc7\x93\xef\xe8\x80\x9f\xc4\xd4\x13\x1b\x80\xb5\xa1P\x05\x02\xd0\x12\xd0\x8f4:\xb9\xe1\xc8\x92\xc9\xe2kQ(\xf9\xa3\x9c\xfa\xbb\xea}`\xf7\xf5\xc5]\x1eN\x19y+p\x11Z\xb0\xa2\x88*\x1c\xd6\rw\xa8&lt;f\xf3\xe2\x9e\x19&gt;R)\x8f\xe7-\xc8\x05\xfai\x10\xd6\xf2\x86\xbayA\xc7\x06\xa0\xde\x00\x88\x91\xbc\x97QfL\x9c\x82w+\xe6\x925x\xe8sn\x7fc1\x06w\x8b\x9b\xad\xad\xad7\xb5\xda A\x10~\xb6T\x1a\x19\x0et\xa8T\xf2\xd4\xf6\xb6\xf4\t\xb5\x05\xb1\xb8h\xe7\x9d\xa0\xd5\xf2rr\xa2\xb1m\x04\x14\xf5\x8b\x0cP\xadE\x90\xcf\x91\xb9\x8a0L\xcb\x99\xad{\xa35x\xaa\xff\xfc\x8e\xe9\x1b\x0b/\xb6\xa2\xd0".\x7f.\x1c\xea\xb3\r\x07\xf2*OL\xad\x9e\xd8Voo\xdbS\xd0\x90\x9e\xc5\x14Pq\xd2\x1b]\x967L\xde\x91\x91p\xb8\x10t\x81V\x91\x08\xe8e4\xba\x82\x07\x93+\xe5\x8c\xfc\xd7\x1al\xb8\x1aF\x9f\xfd\xf2\xear\xca\xael\xfd\x02Qi\x83Z\x81-\x85lM\xde\x0e?`\xf1\xc0\xb4\x9dB\x82\xa5\xec\x04h\xc5\x93i\x89*\xc9\xa9-\x0b\xb6p)*\x88@\x15\x0c\x82\x87v\r\xb9"\xe2\xcaJ\xf9(^\x93\xbd|\xf7\xf4o\xaf\x9a\xfeO\xcb\xf9\x87\xb4\x99\xdfq\xfc\x0c6^\xd2\x98\x18\x9b\x94`\xa2\x10x\x1e\xc8\x1f!\x91H\x1e\x10\x8cW\xbb-P\x1b\x8ab$\xa9\x0bI\xf5j\x08\x86\xd1Y\xaf\x1a\tH\x0c\xe9\xf5\x07\xd1\xdcl\x8bi\xc7\xd1N\xb7\xb0\xee\x8a\xe9\xcd\xf6\xee\x8c?[\x8cg\xb7\xd5\xb5\xa3\x88\x1d\xe5\xcaDz\x08\xd7\x95\x13z\xb5\xe7\xf5\xb6\xf7\xe7y\xd2\xfbc\xec\x8f]\x97|H\x1e\xa2\x7f\xbdx\x7f\xde\xdf\xcf\xf7\xf3\xf9\xe6y\xa2\xd2\xaa\x18&gt;\x92!\x86i~\x14\x89\x8aLIMG\xf6\x94*\x9b\xcd\x9e\xca\xa2le\xf9x\xf0s\xc8u\x05\xcd\r\xea\x97\xc6\x1f\xc5\xc4\xb8\xac\x05V\x1aX\xae6\xd7X(\xf4\xe0\x0f_&lt;\xf8i^f\xc5\xf2\xbf^\xaepw\xa9\xa4\x9a$\xc3\x04\x98\x00\xae\xcb\x11VdJ\x04\xdd6[\xdc\xe0v\xc3\xe8\x88\xb9\t\n\x00\xaa\xc4b\x8bEe\xa9V\xa8Y\xce\xe6\xa0,\xb6\x85\xd2\xa9\xb1\xb61W,\xd6\xf5Q\xe0\xc1c\xedO\xf2qJ)\x91\rM\xaf\xba\'\x02\x01]2\x19\x08\x04\x18&amp;\xa5\xea\xc2*4\x99\xd8G\xfd[\x9b_\x9f\xfd\xf4\x8e\x10\x1c\xb7\x8a\xb8s\xe8\xf8\xd1w\x8fW8\xea\xba{{Y\x1d\x97\xf1L@\xad)Rk,\x16\xd3s"M\xe8\xb1\xf8\xf3\xbc\x1c\x9e\xc2\\\x87\xdc\xcd\x13A\x93)\x89\x96\x81I\xe9\xb5\x81`0\x99\xd4\x992}[[\xe7f\xef-!\x9e\x8e&gt;][\x9b^:\xbftct\xe9\xfc\xb1\xe9\x03\x9b[[\xfd\x0e\xb5U\x135\x04bc\xb1\xb4\x80\x15\xd2\xfd\xf6\x93\xce\xd0\x17E\x7f\xcb\xcf\xe9\x88d|\xf4\xb8\xba\xa6\xe2$\x97\xee\xeaJ&amp;\x19\x95]\xa5\x99\xd3h4\x1ds\x86G}\xdf\xdc]C\x10\xd6\xd2\xd3\xa7\xa3\xa33\xa3\xa3\xb8.\xdd\xdd\xdc\xea\x8fpV\x85&gt;\x91\xd0\xbfo\x8e\xa5S^\x0c\x8e\xa1t\xf4\xfa\xa1\xeaP\xec/\xe3\xf9:\x1d\x19Z:ty\xe9|}\x10X\x9a\xa4\x1e\xddL@\xc3\xe8U\x81\xb9\xa0\x9b\xab\xa7\xcc\x1dY\x9b\x06\x1bD\xbb1\xfd\xc9\xe5\xf3\x97/\x1f\xe8\xae\x11Y\xb1\x87J5\xcc\xfbmfo:\x14\x8b\xc5BL\xd4\x13w\xbb\xd3U\x9f\xe7\xeb\x84KV\xfb\xbb{\xa3C\'\x8e\x06\'\x02PI\xaf\xa5\xc3$\xc2\xea\nd\xb3\x1dT\xaen\xe6\xfcu\xe4\xc8\x1dK\xc7\xcd\xd5;7?\xac\xac\xa4\xe3U=\xa3\xdd{\xb0\xcd\x8b\xb1?\x16\xf3*\x8eVps\xab\xef\xfe,\x7f\xa7\x94\x92\xdaq_\xf9\xd0\xb4{\x02j\xe9\xf5\xf6\x11\xa9*\xc9H\xb5\x81\xacJ\x0b\xacS\xa8\\wn\xf2d\xf8\x84\n\xd1\xf9\xfb\xd6\xd6&amp;3z3\xb1W;f&gt;8\x96\xc2\xce\x10\n\xa5\x8e\x9c8q\xec&lt;\xdd\xa8\x9b\xdf[)\x07\x8fq\xc1\x89.F\xaf\x97\x8e\x8c`\x83\x14\xdbU\x08\x0bJ\x16\x8a)\x05\xf8\xf0\xe9\xca/\xb1\xf3\xb4\xb6\x16\x99\xcdE\x98xK\xcdf\xb38\xe5\r!\x8c7Zd\xe5\xb5\xf9\xbfi\xbe\xf6\xc4I\xc8\xd5\x05W\xc14\x08\xbb\x165\xd6n\xff\x90\xb8\xa8\xbd9\xd5\x91\xcd~x\xb3\x15E\xfe\x83+W\x8a\xccE\xad\x95*\xad\xcb\\\xe5\xf2z\xa1U(\xad\xb8\xe8{\xab\x10!\x1b_\xe2`zF\xc3\x10\x14\x19\x1a\xbb\xb6\x1d\\@\xb2\xf0;u6\x8b\xce\xb4\xe9\xca\x07\x84\x85\xa8\x94\x8a].\x97\x18XL\xe8qb\xfaRa\x1e\x13\x91\xd4\xfe\xe6\xa4;\x98d`z)\xba/\xb1\xdd.\x85^\x84%\xa5*\x8f\xc0 \xa4\xb5Wbf\xbc\xd0JX\xaeRP\x91\xd9\x99t:m\xcd\xd3w\xae\xff\xed\xcb\x8c%5\x9a,`\xe9\xf9Vu\xc4.\x85\xbb(\x8dh\xb6L\x1c\x87.Pe\x1f\xd9\xdbTt\xa1\x88\xb0*].\xb3+\xe6\x8d\xc5RI`u^*\x7f\xab@\x01w\xb1&lt;\x17#\x1d\x11\x8bGJG\xa4\xe0\x92\x9e\x92\xaa:\xe685\xcb\xa2-D\x17]\n.\xc4\x05\xb3\x8bB\xee\xf5z\x19`1\xbf\x1e,\xd8\x83\x18\xb2\x965\xd6\xc0\x81\xcb\xaa\x1f)\xc5\xc0\xc1c\x11\x97eU\xc7\xa99\x88\x85EZZin\x82`\x17\xaa\\f3\xe5\xd0\x9b\x02\xd62\xf3^m\xa1\xa8\xb0\x0bM\xd7\xd8\xa2\xe0\xb2\xea\xc5(\x960=\xd5\x08\xad\xd4b\xa1$\x9a4\x94Q\x88h\x86\\\xc0B\x93\xdc\x86$\xa6\xa6\x92\x89\xe5\xe5\xe4{\xbe\xc2a\xb5\xac\xd5\xd8\xd8\xa8\x89jD\xa9\x0bX\xbc\xb9P\xbc,\x1d\x1d\x1a~%\xd8I-\x88U\xd4\x89&lt;\x1et\xe5\xa8\xfc\xc0:V`,\x9b-*\xe2\xb9J\xa9zi\x05,\x80\xd1\xc0j\x87R?Pa)\xf2T\xa6\xe0\xf2\xf2r\xfa\x17\x83\x05\xc4\x9af\r\xb6\x8c\x8d\x15Q\x1a\xc5RZ\x91H\xa2\xcaBc\xa2\n\xe5\xc1\xbe\xb7\x89/\rB\xc0\xf0\xa9\xa9\x04i\xc5cI\n\x8b\xe5\xf1dXNd\xd5+\x94z+CbI-4-\xa2\xd1WA\xadV*\x0e\x9d\x9d\x04\xe5\x92;\xa7\x12~\xbf;\x88\xfa\x90&gt;\\h\xac\x8c\'\xe2A"uh\xa7\xac\x1a\xbdJ\xd3!\xa5$Z\xad\x16)\x9cUY\xd4\xdaTUU\xd5IR\xf1T\xd1\xa8\xdb\x94\x9cJ\'\x0f\x8f\x17\x16\xcb\x809\xcb\x11\xc9\xb0j\x80\x81E\x08\xe5\xea*&gt;\xd2)\x05\x98\\xU\xcby\xaah\xd4\xe0O$\x99\xd4\x14sx\xbcp\x8f(\x02k\xdd\x10\xb7\x81+\x07\xd6N\\J\xbcWWE\x80\x94\x8a\x95\xd5\xa5\xd5J\x85\xa2\xb1\xdd\xd8\xe84\x92V\xfe\x04\x93\n\xa5R\xcc\xafZd\x85S\xeb\x1d\xc3\xbaA\xd0\xcb\xe1\xe8\xcd\xd4\xa8E\xf5\xed\x8dVz\xdc\xa7\xbe\x9e\xab\xaf\xd7\xc1p\n\xa5\xd2\xaa\x13\xa9+\x12F#\xdc\xee\xf7\xa7A\x15\xf2\x86\x98?\x16\x0eK6t\xc8\x03*C\x1c\xe3\xb2\xc3\xd1\x8d\xe1&amp;\xd3P\xaf\xd3\x89D\x9c\xba\xa1\x81^\x9cI\'\xc2\xdfj\x16\xc0\xba\x04\xc2\x9f\x98Jy\xbd\xc0\nu\x0e\x15\x0e\xeb\xd2\xdd\xee\x8c\xcd\x80\xc5\xf8\x1a\xac\xbb\xf7zC\x85Z\xa4\xae\xc9dj\x10\x19\xb6\xe6:\xae\x99\x0c}\xabOXS\xe9T\n\x9b5a\x15n\xab\x96]\xfa\xd7\xd7\x0fsz\x81\xab\x17XtOKoM\xa6\x9b\x103\xbd\xbd\xf4\xafn\xa4\x97\xb0\xa0\x14\x02b!R\x85\xc6\n;\xe2\x86\xe6\x1c\x17\tV\x17\x0e\x87\xeb\xf8\x08\xbf\xbe8@\x15\x15\xa8R)\'Q9S\xcc;\x85\xc3*\xdf\x7f\xe0a]d\xbd\x19X6p\xf1\xc6w&lt;\x0c\xd3\x1d&gt;}t\x9fO\x98\xa2\xce\x11\xb1\xd9\x0c&lt;\x16\x12\xe8\x95\x8b\xc5ry\xa3Q\x9f\xd7;\r\xfe\x03\xeb\xc4\xd9\xde\x08\xc4jv\xd3\xf1\x03\xb8&lt;\xa0r@\xa2p_\xee\x0e$@9"Tmy\xb1\x88J.V\xca\x9d:\x9d\xf5\xd3\xf9\xa1B=+\\{\xb1"\x1e\x8f\xafS\x12Y\x96\xb5\xd9x.\x01\xab\xaf/\x87\x85\x1c:rXF\xa7\\\x08`\xb5\x7f\xb3rm\xb2@\x0f1\xfb.6\xd0!\x8d\xa1\x99\xe7\xe2\xd1(\x91u9*\x9e+\xccca\x19\xe6\xa8\xc4\xf2\x98\xdci\xd4\x89\x1a\xfa\x07\xbe\xfb\xf6\xe3\x82$\xd2w\xf1,j\x83\x90\xc5f\xd6\xcdF\xd5Q\xd6\x96\xe9u\xbcNb.\x8d\x1e6\xea\xcfA)\x95d-\xa7\xb1\xdd\xefwl\xee\xdb\xfe~\xd2\x97w.\x89\xaf\xe7Zo\xdc\xe0!\xb5\x96\xdd\x14\x1c\xc7\x01,C\xf7\x8e\t\xbe\xa7$bWB\x02\x05(\xb9B\xc8b{{}\xd4\xd1\xbfo{\xe7\xf9\xc7\xbe&lt;\xfft\x85\xcc\xd7s\xee\xeaCx\x8b\xb0\xdc\xc1`\x10T"\x91(\'\x98C(\x12\x94@6\x9a\x80TJ(\x05*\xacD\xb9\xd3im\xafg\x81\xf5r\xe7\xc9\xb7\x93--C\xe3\xb5\xf9\x9a\xad%\xe5-\xcf\xbe\x1b\xe8\x8f\xc4Q\xe4sXA\x1eKD3\x8f-C5,\xe2\xf0xl\xe8\x11u\x94@0)\xa0\x95\xd7\x1bC\xd9j\xac\xaf\xb0\x11\xd6\xe2\xe2\xf7_.\xcc\xcf\xce\xce\xb4\xd4\xe6c+\x92\x95\xfb&amp;_=y\xb9\x15\x8e\x18x\xb5\x90\xc0`\xd0\x84\x10\xb8\xd4&lt;\x19\xdaC\x1b\xcb\xa2\x11kT\xf2\x01.P\xa1H8\xe5\xc6zQ4\xd2\x97\xc3Z\xb8\xb5r\xfb\xda\xf0\xff\xfb[\x0c\x12\x89\xac\xd67&gt;\xf9\xfc\xc9\xf6\xc0\xe6#*\x0f\x06\x03o,`\xd1.-2\x11\x17/\x19Vf\x14T\xc6Fj#x\xbf\xcb\xbd|E\x85\xe5u\xfeH\xdf\x16\x8f\xd5\xd33s\x7f`\xdf\xca\xec\xc2\xd0\xe0\x9b\xe7RR\xeek\xb9\xb4\x7f\xcf\xe4?\x9f,n\x0f\xf4\x0bX\x82\xdbI-\xc2\x82\\\x98\x11\xa1XCT\xad\x16\x81\xca\x08\xb5\xaa\xe5\xd5bBs\x02\x0b\xdeJ\x18\xa7\xfc\x9e\xb0\x805\xdc\xd3s\xebjY\xf1\xe93\xe7fg\xf6\xbf\xd9c\xe9\x12\xd9\xe0\xfe\xf9\xfb\xf7o\xcd&lt;\xfbjq\x83\xc7Zo\xa6\x14\xc2Wn\x1eK\'`\x81\xaa\x01`\xa0J\x18u\x8d\neu5\xa9\xe5\xa4\xe0\xc52\x02+.`\xcd\x00k\xfevYIqI\xf1ih6\xfc\x06%VR&gt;4\xff\xe7\x81\xab\xb3\x0b\xc3\x7f\xff\xea\xb3\x8d\x9d3\xfd\x8f\xd6\xd7\x9b\xdd\xe4w\x88\xc5\x9b\x0b\xea\x08r!\x81,\x96\x80\x8e\xc4R\xf0\xcer\n\xc1W\xf9F\xe7\xd4\xb2\'&lt;\xb0\xbd\xb8\xf8|ax\xb8g~\xa5\xac\xa4\xa4\xb8\x18\xef\xd3+\xf7\x86~\xf4\x91\x97o\xff\xb53e\xfb\xee/L\xee\xeey\xf5bc\xe7%\xb0\x9a\xf9Uh2q?8^0=\xdbP\xc3B-`5\xf2\xd6R8\xa1\x11\x8fE\xf5T\xe1D\x12\xfb\x06v\x16\x9f\xbc\xea\xd9\xcdc\xed*A\xec\xdaUR6\x00\xf7\xff\x98\x1f\xbbAIX\xf8\xd3@q\xf1\xd5[\x93{\xde\x9e\xfc\xc7\x8b\x8d\xc5\x97\x9b\x84\xc5\x9b]\x08\xd8\x1dJ\xf9\xb9\nZ\x8b\r\xac\x9a\x97\xab\x1d\\JE\xa3\x91\x0f\x10\x8a\xc5\x04\x99\xf0G\xfa_\xee|\xf6\xe2\xcb\xdd\xc0\xbaw\xb5\xac\x84\xe7\xc2\xb5x\xdf\xca\xb5\xf9\xb7\xff\xc7\xdf"\x91\xc8\xca\x07w\xcf\xde&gt;]\\\\v{~r\xcf\x9e\xc9g/66\xb6\xcf\x84\xe3\xc1\x8f\xa0\xd5\x9cF\xf3\x9aJ\xad\xf6\xd3:l`Y5\xab\xa6\xd6\x0fY$\xc1\x04*\xe3\xbf\x0b9\x9b\xd06\xd23\x8e{\x17Y\x9e\xd5\xac#\xa9\x13/\xd6`\x19\x8c\xd2[("\xc2\x8b\x02\xa9v\xa4C\xc1\xa6\x89r\xc8\xc2B\x0f+\xedFeIO\xb2@\xbd\rl\xc4\x82&amp;l\xa6\x909\x94\xf6\x92C\xa5\xe2\x81!H\x15%\xde"U_\xeeE"\xaat\xd0\xaa\x11\x18d\xd6X\x02km\x8ap\x12R{\xd3\xff\xf3\x8e\x94t\xe9\xd2&gt;\xfe\x90\x8cg\xf4\xfe\xf4\x7f\xfe\xef\xf3\xbc\xaf\xbenQB/8o\xfdq\xf9\xa3\x9f\xeb/vw\xc6}^U\xb3U\xc5\xc2\xa0,\xa4\x97\xc5\x91\x96k\x98\x97\xff\xf7Se\xc0\xf4\xf1}\xb5\xadI\x0e\x9c\r,^\x10\x84\xfe\xf8\x00Y\xfc\xf5\x97\x8f\x1e\xd1\xe3\x94w\x96\x11+l&amp;2\xbb\xfb\x82A\xc2\xba\xfb\xcb\xb7\xdf\x8e"fZ]\xbe\xbc\xc6|f\xbb\xf4\xd5\xca\xddk:\xc4:N\xf0&lt;_)\xc9&amp;\x16\xa5\x11\\\x08\xa9U\xcd\xfe/\xb0w\xaf^\xbd\xfayhXj\xd4\xe44;\xd7\xa1WU`\xb1,\xbe\xd0\xbf|\xf4\xd7;w&gt;\xfb\xec\x13\x86\xb5\xbc\xb2BSQ\x0cb\xb1\xec\x0b.\xdd\x05\x98\x88\xb5\xfc\xd6\xe6&amp;\xc3\xfa\n{\xb25;u\xa1[\x97V~\xf3\xd3\x1a\x89u\x82\xbb\xc8\x17\x1b\x92\xc5\xb4\xfcT3\xe4D7\xda\xd5r\xe8\x07\xc1\xe8\xd3M\xb2\xc5\xb6\xd1h)\xe9\xb4\xc3aa\'Zd#\x81\xdb\xca\x9fLH\xaek\xbf\xbaC\xcf\xfb\\\xfc\x04\x9bBp\xad\xaf\x83K\x0c\xc6\x93\xf1$\x15\x08\x11W\xe3\xf1\x0c\xdb#nN\xd5"\xb9n\xad-\xff$^cbq\xbc\xc0W\xdaFSI;,&amp;\x93\t&amp;i\xedjS\xab\xf2\xffU/\xde\xf9\xd1\x1f\xf8\xaa\xa6+\xb2\x04$\x87\xe3\xf5}\x91\xb4\xa2\x90\xcf\xa3\xa0\x92\xbbj\x1f\xfd\xed\xe2\xc5K\x97\xd6\xd6\xd7\x80\xb4\xbe~\x99^\x9c\x0e\x852\xb9\xb8oi\xe9n@\xcc%\xc5L\x0e\xa6\x87N\x14\xb8\x84\\\xd8\xce.\xff\xb8\xf9/r\x96\xc0A\xadJ1[,\x974\x99\x8da1\x85\xb3\xc8\x8djC\x96\xb5\xf2\xfd\xef\x99\xff\x9dw?\xe6\xaa-\x89idq\xcc\xa4\xa2\xd3\xd20W\x1er\x91\xbbv_\xfcs\xd9f\xbb\x88\x01\xd7\xf1\x85\xdf\x97\x19\x96O\xcc\xc4sP+\x10L\x06\xa3\xf7\xe2\xd1\xcd\xcb\xf6\xcd5\x08E\\$\x97\xed\x8a\x18?\xdb\xdd\x99\x1caNsB\xa5TJ\x08\xe4\xb0\x16\x99\x97\rd\xc1x\xc4Uk\x18\xe5\xdf\xffg&amp;Q\rJ\x9a\xe2`:\xd1\xb7\xc5,+\xe4y\xc5H\x08y!_8\x99\xd4\x0f\x0e\xcf\x9e]\xb1\xfe\xcc\x06-\xae\\\xc1\n\xc1\xbeib\x05\x83\xc9x\xf0\xfd\xb7\xc5\\.\xca\xb0\x00c\xa3\x07\x0b\xedv*\\v\xdb\xfa\xb3\xe6\xe1\xc1\xf3\xe3B&gt;\x0f\xac\xb2F\xfaC\xb4\x97\xa7\x9a\x92^``\x18\xd0!\xb7:F\xc9h\x18\x95\xd9\xbb"\xa8\xc7\xb4\x1bZ\xa3S\x93dYb\\\xa6R,\xa4\xe6\x10r\xe5\xf3\x85\xa3I=|\xd8\xcc\xd0sLv\x9b\xcd\xe6\xa4\x82D\\\xc1\\\xd0\x97{\xea[z?\x98\xf4\x05\x02\x19`\xad9\xed\xd6\x07\x0f\x1eXmN\xfb\x85E\xab}=\xd0&lt;\x0c\x87\xc7\xfd|&gt;\xc4\x85*\x86R\x1bb\x12\xf1G\xe3\xf1\xf8\xd4\x00\x999\x0cF\x95\x14EJK\xb5\xea\xfd\xe9\xb23Tm\xea2\xfe\x06k\xa9\xa3\xa7M,&amp;\xb0#\xad4KE\xf2&lt;\xcd\xc6\x1eqm8\xbd\x7f~`\xb5z\xad\xde)\x17hr\xb9\xa7\xd8N\xe7\xe2A\x91\x14\xb3\xdb\xe9qhz.\xcaz\xc1\xe9]\xb4~\xfd\xecl\xa7&gt;&gt;\xc9S\xf0\xedZZicr\xe3^\x86\xeb\x93\t\xc8\x9aP\xc22\xb5\x0f\t\xa7\x18f\x8f\xc9vtY\xaf\xe9Z\xb5\xd3\x82\x90\n\x1d\xb10ej\xa1O\xa3\xd6\x08B%e\xd6\x02\x00\x00\x05_IDAT\x08\xb2\x9b\\\xda\x96\xd3\xbdH\xcf\x80\xb9\x17\xbd\xec\x83E\xc4d\x0ej\xc5A\xf54\xb8\x14L\x8a\x9b\x17\xac\xde\xc5Yx\x17\xddW\xf6\xcev\xc3\x93\x13!\x14\xc2\xadPu\x90`.\x8e\xeb\x0f\xc2;aO\xaf;8?m*\x04faB\xd0\xb44\xfbq\xbbYk5\x8c\xa6\xae\xcbiYk\x9a\xb5\x01\x87\xc9\xb5\xc6\xe9\xf9\xfeQ_ \xb1\xf2\x02\x17\xca\x13\xd7\x01\xb8\xbc^\xf7*\xbd\x9a\xc6\x0b\xc1\xecQ\x11e\xcb\x97\xbc\x96L&gt;\x85Z\xc1\\`\xd3i\xf5\x02\x9b\x9e\xbas\xbbW\xdfso\x9c\x1d\xd6\'\xa8X!D\xb6\xa4[\xe6\xd3\x9d\n\xcfs\xfdQx\xe7\xa0\xee\xf7{z\x93\xf3S\xcd\xcc\x91Y\x93\x16(\x83B\xb9\xa3K\x92n\xa0\x01\xa6%\xbd)3*\x87\xa47N\x8f\xcf\'\xbd\xfa\xa8\xcf\xf1|\xa2\xa2\xe6\x85\x10\xe5q\xe2\x81^\x1b^od\x15_\xc4\x05,_\xdc\x17\xf4\xa1x\xc5\x93K\xc1\x9c/\n_\x81\xc7\xfd\x0bz\x15P\xec\xa6\xfb\xc9\xd9\xe1s\xd4\xd1&lt;\xcdB\xb5\xddJ/\xcc;\xb4"eq\xe4\xaf\x1f0.\x80\x8d\xcf\rM\x97\x1c\xa6Z\x0b\xd88d\x8d\x96\x9c\x96\xe4V\xb5#\xa7\x95\x9a\x0e*\x82\xeb\x94^\x1e\x8f\x06=\x7f\xdd\xb3_\xe0\x84\xc2\xb0\xd4V\xe1W\x0e\xbe\x1f\xf5\xea\x87g{\xb7\xe9\xfd5\xe0r\xbb\xad\x9b\xa8\x0b\x7fA%\x15\xa9\x07\xf9\xe2\xe2m\xa7\x95\xa8\xe8!\xe7\x9b\x1f\xc6"\x8f\xb5\xc3\xe7#P\x85B\xa0*k\x12&amp;\xb8\xa56L\xf0\x9c\x00\xe9wvv\xc2\xe0\n\x87=\xdd\xc1\xf8\xb4\xd4i\x9ahs\x9fgqU\xa9iZCk\xb6t\x9df\x82\xde\x00\x12\x98\xba)\xbf\xbf^\x9f\x1cQ\xeb\xc1\xa4.\xf3\x94\x84\x90\xd0?\x1a\xf4\xc0\xf58\xb2\x1a\xa3\x07IW\xdd\xdeu1\xe9\x13\x03\xd1(\x15|\x18\xde\xe9e\xaf\x96z\xef\xe6\xcd\xd8\xf6vdC;\x9c\xec\xa3\x8c\x82\x8a\x03\x95l\xa16\xa8T\xc9\xafG]\x7f\x18\\u\x7f\n\\\xe4\xb2\xd1\xfe\xf1K\x866WD\tk\xb4j\x8cG\x92\x91K\xcd \x99\xba\xbd\x14\x82\xb0\x06T\x99\x13UEi\x14yLo$R\x05\xd8\xf3\xb3\xce\xc3\x1b\x91\xd8j\x8c4\xb3\x8b9_\x00\xfd9\xba\x02\xac\xcc\x170\x9e\x1b\xc0\xabo}\xb8\xbd}\xe3^\xf3p|R\x10p&amp;\xc7e\xd1\xfd\x89j~A2**a\xa5\xeaa\x92+\xe5g\\\x1e\xf2?\xd0\xceO\xe7Z\x92LHTF\xd3&amp;\xd3\xfe\x94\tT\xe1p\xdd\xc3\xacU\xe9\xa4\x1dJ\xa7\xc8\x9c/@\xfe\xfe\xd1\xf8\xbb\xce\x93O#\xf4V\xa9\xd8\xaa3\x10\xf4\x89\xd1Ml\x06}(\xf8\xb7#\xc4\x14\x8b\xd1\xcb\xfc?\xdd\xd3\xbe;\xee\xf3\x1c"\x14\xc2\x8eG\xa2\xa5\x0c\x02\xe6\x82\\\xfd\x81\x0br\xed\x82\xcb\xc5\xf2\x88p\xb9z\xbdnw4\'\xa5\xa9+\xa3\x90\xb54\xb2\x131y\\\xa9\xd4\xf5\xeb)vh\xdd?*p\xbc:lZ\x16\x88\x8b\x0b\x01\x0c\x99\xe4\xd4\xfe\xb0\xfaj\xe3\xf1\xc3\xc8\x07\xe0\xf2\x06\x02\xbe` \xba\x85\x96\x08w\x01+\xf6\x16\x98\xb6c76\x9eu^\x9e\xa8\x9c\x90\x87V|\xd1\xc0\xf2\xcd\xa4\x82\xb9\xca\x845rM\xb9\\.\xcf\x94\x0b`.Ww\xce\x916Uj\x03\x89r\xe7\xf7\xfb\xc1\x84H!\x81\xf5p\xbd\xb7_\xc0&lt;\xac*\xb4\xc4Q\x1aC\x95#\x7fqH\n\x9f\x00\xd8\xde\x1eI\xe6\rDE1 \x06azQ\x14\x9d\x91\xd8\xf6\x9fb\x1fDn?\xd9\xdb+\r\xa9@\xb1\x04\x96\x1bh4\xf3\xd3\x80\xb9\xb0\xa6/\xec\x03\xcb\xb3\xb3\xbb\x1b\x86\x10L/\xbf\xc7\xefr\xa5\xfc\xdd\xb9\xb4\xa44\x8drQ\xed\x8f\xba]\xc62\xa32\xb1\xfc\xc0RU\xe4\x90Z\xa4E\xd6\xdaY6\x0830\x97-\x12\xd8\xc6\xe3-q\x0bJer\x99-\xba\xfc\xe2F\xe4\xc6\xc3\'\x1b{{\xaf\xbe\x19fa\x00\xca\xa0Z,\xa1\x94\xcf\xbf\x0e2W"\x81*Hr\xed\xee\xee`P\xe6\x19$\xcaTK\xd6\xaaE\x1a\xaa?\x00\x8b\xcb\xefw]\x9fQ\x91\t\xfd\xa9\xeeQ\x01\xfbM\xcda6n\xa9f\x94\xb3\x0c\x89csK\xad|\xdb\xfe\xe6\t}\x0c\xc9\xbd{\x99L\x06\x97\x99\xcc\x1e\xc5\xabR\xbb\\\xcc\xf2\x0c*\xc4\x17\xdb\x90\n\t|\xad\xd6\xbc\xa3Q\x04\x16&lt;\x0f.\xe6.\x1as\xe6\xafTw\xce\xa8\x96U\x1a\xa5\xdf\xbd\x8e\x04\xcf\xa8\xe8z\x18\x05\xc5eb\x95[\x96\xe9\xfa\x96:$40\xc9X\xa8\xd9\xdf\xfd\xf6[\xc0\xb1\xf8\x07\xfd\xaa\x82\xa8\x92U\xd5\xe9\x01|\xb6\xdc\xc1\x12\xc6\\\x91\xcc\xb0,\xcda6\x91 ,?s\x17,\x95JaL@\x01k0\xd7h\x95\xb2t\x8f\x8e\xbad\xbb\x19\x15\xf3; S\xa9\xc1I"Q!k1\xed\x19\x98f\x94+\xfclL\xfa\xa1]\xc3\xf7B\xe5\xa7\xc9c\xff\x1ej\xd3\xf5\xf7\xc2\x1b\xbd\x16je`\x9d\x0c\x901pA.\xc0\\\'\xdf3\xcf\x0f\xe6$\xc9P\xe9t\x94\xb67Tt\xac\xa7\x8e\x14\xa6z\xa3&gt;\xb0\x0ciaz{l]\x087\xb6\x8bY\x95\x9bJ&amp;\xd0\xf9\x02#\xe1\xcd\xb4\x99\xd7h}L\xccm\x85\x9a\xdd\xc2l\x0bf\x86\xd2&amp;\xac\x91\x89\xc5j\xbd\x8bRd\xce\xc5\xc1\x1c\xba\xb9J\xb7\xb1\xdf{CEX\xf87\xc4r\xf5\xf6\x13\xb0V\xc3\xc1R8\xfbA\x13\xc7\xdc-\x9a\x8a\xf1&lt;\xf7\xc3\xc1\x17\n\xfc\xdfq\xa1\xb6e\xd6\x80\xe7\x99X\xb3\xbb\'\x97\xe0\xf9\xfe\x88&lt;?\xe5r\xbd\xe1\x1a\xfc\x1b\xfb\x08akk\x19\xfd\x9f\x00\x00\x00\x00IEND\xaeB`\x82'</t>
        </is>
      </c>
      <c r="M179" s="3" t="n">
        <v>45492.67822916667</v>
      </c>
    </row>
    <row r="180">
      <c r="A180" t="n">
        <v>790103</v>
      </c>
      <c r="B180" t="n">
        <v>49202</v>
      </c>
      <c r="C180" t="inlineStr">
        <is>
          <t>Jonathan Cafú</t>
        </is>
      </c>
      <c r="D180" t="inlineStr">
        <is>
          <t>Jonathan Cafú</t>
        </is>
      </c>
      <c r="E180" t="inlineStr">
        <is>
          <t>PD</t>
        </is>
      </c>
      <c r="F180" t="inlineStr">
        <is>
          <t>ATA</t>
        </is>
      </c>
      <c r="G180" t="inlineStr">
        <is>
          <t>PD</t>
        </is>
      </c>
      <c r="H180" t="n">
        <v>175</v>
      </c>
      <c r="I180" t="n">
        <v>7</v>
      </c>
      <c r="J180" s="2" t="n">
        <v>33428</v>
      </c>
      <c r="K180" t="inlineStr">
        <is>
          <t>Right</t>
        </is>
      </c>
      <c r="L18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33e99cd8-3214-4325-94bf-42a3fbe55f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e\x9e\xbc1\x00\x00\x00&gt;tEXtComment\x00xr:d:DAEewil2SDw:3197,j:2859061571337059036,t:23090301\x03\xa6\xfc\x13\x00\x00\x00\tpHYs\x00\x00\x0e\xc4\x00\x00\x0e\xc4\x01\x95+\x0e\x1b\x00\x00\x03\x00PLTE\xff\xff\xff\xfe\xfdW\xff\xf5D\xfe\xf9P\xff\xfdQ\xff\xfbN\xff\xf8H\xfe\xfe\xff\xff\xfdT\xfe\xf9L&amp;$&amp;\x1e\x1d\x1f\xff\xf2A(\')\x1c\x1b\x1c! !#"$\xfe\xfaT\x9frR,*,\x9aoO\x96jI\x9clI\x18\x18\x1a\xa2uT\xfe\xf5H/\xba\x82\x82\\@-\xb5~\x8ecJ\x91hI\xbb\x89c\x88fN\x89`@\x96lO2\xbd\x86\xae|X\xbc\x8bg\xa8vQ\x8dhOrT&gt;\x81`H*\xb0y\xb8\x87c\x90eD\x89cFz_QJ=:\x8ea@xU@\xa8zX\xb5\x81Z\xc0\x8ef\xb6\x84_\xa5rP\xacxU\x91lQ\x9foN0.0\xb2}W,\xacv\xbe\x8fkfLA\xc3\x92g\x9fvZ\xfe\xff\xff\xa3qJ\xac\x7f`\xc2\x93n\x9brU\xb1\x81]\x87\\&gt;\x7fW&gt;\xa9{^ZE2\xfe\xfd]\x85jX\x95pU525\xfd\xf9Yz[?\xa3z](\xa7r\x98t[\x84bO\xbf\x8daTC&gt;\xa5vXoN&lt;\'\x9fl\xb0zR\xf8\xf4[\xfb\xfc\xfdjS:{\\F\xba\x87]{R8sXF^G:\x13\x13\x15\x9dta\xadvP\x94dQ\xc8\x98o\x87^IiK9\x7fgS\xb3\x85c\xf9\xf5d\xf8\xf9\xfaTA.\x9biQ&gt;76\xf4\xf4\xf6L&lt;+^JB\xa8\x7fg\xfd\xefF\x8b^Q\xf8\xf5S\x99fD\xe6\xe6\xeb\xfb\xf3M\xcf\x9du%\x96d1\xb2|lRI\x82YNaM7\xe4\xd8a\xd3\xa4\x81\xc0\x96z^B&gt;hUB\x8elX\xfd\xed=\x8ar_rND\xcd\xbfQ\xf3\xefW\xb7\x92w|SJ\xf0\xe8S\xee\xee\xf1\xb6\xa9K\xda\xcfebQJ\xd7\xad\x8e\xa0|e9\xc4\x8d\x93xe\xe1\xd7H\xa3hDq[N\xde\xead\xcb\xc8\xcf\xf2\xebb\xad\x84i\x1f\x8d]\xf6\xecJ\xda\xe6X\xb6\x89j\xa2mQ4\xa0mQB4\xda\xc9FOLRlC/6\xb5\x83\xe0\xe0\xe2\x92q\\\xabrJ@&gt;F\x85V8F2%\xd9\xd5\xdb\xed\xe3^\xbc\x8cv\xcb\xdfa\xec\xe3J\xea\xddS\xc9\xbb@_\\h\xbf\x9b\x86\xed\xf3a\xae\x8br\xdd\xd1w\xa1\xa2\xab\xda\xcbV^VY\xae\xab\xad\xcc\xd6M\x87}\x87pq~\x8aoq\x7f\xc1l\xa0\x83s\xd2\xc7t\x93\x92\x9c\xbe\xb3`\x96\xc6c\xf2\xeer=\xafv\xe6\xe2y\xb4\xbb\xc09\x8fd\xb4\x95\x83b6#\xee\xe3j\xca\xc0`\xb8\xd4\\O\xb5v\xb8\xa44\x83\xbf\xb5\xb0\x9e\x95\x7fF(L{T\xa1\x9d\x9aR^Bmdh\x84\xadL:qQF\xa6`b\xbap\x8b\x85H\xa1\x8c\x8b\x87\x87\x94`\xadc\xca\xdd\xe1ipK\x93W67$\x1f\xac\xa6j\xc8\xc0\x84|ik\xe5\xe2\x9b\xae\xd3l\xa2\x9aK\xc7\xba\xbe\xd2\xd3\x87\xa9\xbeJ\xb4\xb5\x7f\xf0\xee\xdeV\x8eYK\xa5\x8a\xbb\xd6\xd2\xb3\x81sL\x9bq\xe4\xe3\xbb\xdb\xc1\xa9\xa4\x8f2]\xb0\x98\xbf\xae\xa3\x83t)\xaf\xd1\x96\x85\xc2\x96\x83\x99\xf6U\x00\x00 \x00IDATx\xda\xcc\x96\xefK\x1b[\x1e\xc6\xfbn`\x863s\xf0\xb4;\xc2b#bj%\xb7\t\xd7\x9a\xadL\xc9\x0f7\x89\xdc\\\xcc\xb0!q\\.\xd9\xba\x9a`]C\xea\xe4&amp;\x94+\x85\xf4\x85V\x14"B\x10A$/r)\x01\xddP\xf1MJ\x90\x16\x03\x92W\xe2?\xd0w\xfe%\xfb|\xd3\xdd\xfd\x07v\xd2\xee\xa9I&amp;\xa9\xed|\xf2&lt;\xcf\xf79\xe7\xde\xbd\xffy\xcdJ\x12~\xbe\xaebA\x9a\xbd\xf7\xff\xb1\xa4Lq\xb3X,f\x8a\x85L\xf1\xa4wR\xb8\x07\xbc\xef\x0b$\x91P\x99\xd3^\xfb\xae\xd7\xbb\xb9\xec\x9d\xdf\xb4\xcd\xe6IF:\xd8,\xcc~G\xa6\xc2\xe9\xf9ia\xf3s\xdbd\xa2e\xb6\x0c\xb9\xd9\xd2\xb8h\x9f\x9fw\xdb7\x85\xef%X\xa1X\xb8i\xb6Z\xdd\xb6)\x0cf\xb4\x04\x93\x05\xd34\x95\x1b\xcd&amp;SZ\x9f\x8b\xd2wQ\xaa\xf8\xf9\xea\xa6\xadp\x8ds]6\x85i\x08\xd94\x0c\x83)\xcc\x10L\xd1U\xe2"\x8b\xbfq\xc8O/[\xac%k\xb2"\xd4\xacj\x98\x8c\x1b\xc2\x10\x9c3f\x80NSU\xb9uwZ(\x14\xbei\xf8\x0b\x08\xb9\xc94\xce\x84\xacj\xd9\xac\xc2\x85\xc2e&amp;\x03\nX\x1a\x83\x9f\xb2\xa6\x99_.{\x97\xe7\xdf\xccK)#\xdd4\r\xc6d\x85\x1bL\xe8X\x8a\xa6(\x82q\x05V\xda\xa6\x92E\xbcL\xd30\x850e\xb9\xd5;\xf86\x82I\x85\xcd\x9bO2\xe3\xaa\x06\xd7\x98\xa1\xe8YE\x935\xa4\x8a\xe3I\x18\xb6\xc8fe\x8e\xf4\x0b\x19\x91\x93\x15v\xb7\xf9-\x04\x93\xa4\x93nK\xe6\\\xd3\x81e\xb0\x96\xa1\xab\xba\xca\x00\xa4)\xb2\x10t\xa1fuE\x85z2~Af:o_\x9d\x0e\xbc_\xa5\xcc\xe6\x15%\x1b\xa1\xd6d\xb0)L\xd6\xf5,|\xb4MU\xe5\xb2\x8c\x81T\xf5l\x16\xc3\xc9\x187\x81\xc5\x15\xc6\xbb\'\xa7\x99\xc1JU8\xbd3e\x18\xa4\xa8\xaa.\x1b\xb2\xaer\xd4\x81\x9a\xcdr\xdb\x94\x15\x88\x84\xac\x93j\x9aa*\xbab\xa2\xd10\x0c\n3\xbb\xc5\x01V\x05\xb6\x99\xbb6b\x8e\xd8(\xb0\x0e\xc3\xc7\x99\xc1PY\x90\x0e3\xa0 \xfd\x9aP4\xc1L\x1bB\xea\x1a\x06\x12\xa6\n\xae(\xad\xcb\xcd\x81\xd98+mv1p\x8c"\xa4\xa9\n\xee\xaa\xc9\x989\x9aI,\xd8\x95\x05\xab\xa9\xc0]\x8d\xb2\xa7r\xaa\x10C\x98\x04\xdf\xba\x1a\x18\x97T\xbcC\xac\x10 \x14\x80\x00\x0c\xd7\x14 \xda\x06\xa8\xa0\r\xe3\xfd\x8ca\x04T\xe4\x8d\x99`Fo(\xa4(L\xe7\xf2\xcd\xa0b_\xbc4\xd1\xea\xba\x06\x1aF\xe9F\xe0I2\xbcA\xd2\x14\xa6\xeaD$t\xe0\x80\x07\xc5\x8f\x17\x8en\xa5\x01\x85\xa0w\x83R\xeb\xa0\x8b\xfb`\xab\xd1(\xef\x8a\xc0\x08\xca\x08\x150\x04W\xb1\xdb\xa8:\xe7\xc2\x14T\xf9\x00\xe4\xa6\xd0!\x18\x16&gt;\x03\x98\xd6\x1eP}I\x07]\x9a3\x15\xa7\x04\x9d\xee+\x7fUH\xd7\xa8\x194M\xe3:D\x11\x90P\xa0!h&amp;\xf17\xf8\x1c\xf6b\x0b\x97Y{0\xe1\x9a\x95NZ\x9c\xe3n\x0c\xbb $\x83&gt;tR\x80^\x10\x10\xb7\x17\x82Z\x94)\xa0Ca\xe8\x9c\xbc\xd4\xd1\xbbJV\xa1y\x94\x9b\xe7\x99At\xc4l\xa6\xc7\xd1A\x90\x05w\xcdr\x86n\x17\x10K\xc6\x86\x98\xd51z\x8c\x9a\x8a|\xd4\xb9\x8c\xf0\x0b\x8c*\r\xa5\x8aOq6\x94q&lt;\xfc\x9c\x19\x80^\xd2f[\xd3h\xd7\xc1\xf7\x87X\x88\x13&amp;\x918(\xe9\x08\x11\xa7\x91#s\xd1\xa7ZV\x11\x90NU\xa8^\xf1\xac\t:_\xb4N\xa4\x01xx\xda\xd48\x12\x84\x86\x82/\xe8\tT=n\xa7\xa0\xad\xfa\xa3\x86\xea\xe8\x97?\x80\xa9\xb0\x0c\x8dh\xd0\xa5Z\x7f\\q\xc9Y\xcf\xf9\x8e\x98\x9d=ii\xfdo\xaf1\x86\x89D1h\xe8v\x1b-n\x97j&gt;\x93r\x06\x83i\xf2\x04\xb3M\x8d\xdc\xc6o2\xda\x10\xf0\xaf\xe8[\xf0+\xe7\x0f\xf8R\x01\xadEEEF\xc2I\x99\x10l_\xadV\xf2\xce\x1f]\xaf\xd7l\x99\x92d\xfa\xac\xf7\xd6\xcfV\xadd\xa3C\xd1\x15P\x97J\x8d\x10\xb9\xcc\xef\x1c\xc7\x92\xa8\x1e \x16\x02\x8f\x19\xa4\x13\x96\xaa\xd8\xd6\x97\xf5\xdd\xeb\xeb\xce\xed\xed\xed\xf5\x91\xd7\xfa\xe0+\x1d\xef\xee\xcc\xaf\xcf\x9f\x1d\x9d\x9d\xcd\xbf\xb3|\xb6F\x85\xa2\xd0\x80rz\xc8\xbd\x8c\xf3X7-\n\xafB\x87\x1a\x8e\xd3\x9ea\xf8*\xbb\xd7\xb7\x9d\xdb\x8f\x1f?\xde\xdeV;\xd7G\xeb\xebg\xd7\x9dN\xb9\\\xef\xd0*\x1f\xed\xae\x97J5\xc0\xd1V\xddO\x18\xef:ob\xa6\x8bD\xc9*\x0e\x07&gt;\xdb\xaa\x05+\xc1\xe5\xd1\\\xbdJP\xa0\xda\xfaX\xadv\x0e\x8f\xca\x9d\xeaV\xb5\xda\x7f`\x91\x86G\xf3\xde\xe3\x92ec@h\xf7\xfe\xe4x\xa3J\x99.\xfeo.l\xbbv\xecM\xa7\xe7wv\x12\xe1\xc3z\xa7JX[[xT\xa1Sgk\xab\x8a7x\xae^\xf4\xb9H\xc4\xdd\xdd\xf5c\x1f\xce\xd0\x88\x97y\xe2&lt;\xd6\x15\xce\xe58&amp;\xdb\xde\xf9\xb3\xb3T.\x97\x8a\x85\x93\xa4\x0eQ`E\x03\x81|\xbe\x11\x8dF\xe9M5p\x11\xb8\xe8+\x063\xaf\x0fw\xe6\x8f-\x1c4p\xca\xb9t\xda\xc5Y\xa8%#R\xbe\xdaN*\x97J\x85\xc3\xb1\xd8\xd0p2\xdf\x08\\\x00(\x1a\rD\x03\x1e\xbf\xdf\xef\xc6\xf5\x16\xc8\x02\xee\xc6E\xa3\xd1\xe8\xd4;\xf5z\xfd\xfa\xf0\xe8\xc8k[\x16\x1a\xe2\xce\xe9\xedZ\x92\xae\xe0\xa0\xcf\xb2*;\xb9\xc3\\.\x07,p=\x1b\x9f\xcb\xbb\xdd\x1e\x17p\\\x1eO\x1f\x0b\xcb\x8d\x8f&lt;\x9e|#\x1f\x89D\x08\xab\\&gt;\xf2\xfa\xa8\xdb\xe4/\x07\xb3\x8egK\x98\xb6U\xb2\xbc;\xb9\xdcW\xac\xfb\xf7\x7f\xff\xd3\xa3\xf19\x8f\xcb\xe3\xf7\xb8\xc1\x82\x17\xf0\xb9\x97\\.\x8f\xdb\x93\xf7\xe4\xf3\xf1\xf8T\xa4\x8cux\x98;;\xae\x00K4\x9d\xce|\xe6\xa0)|&gt;\xabVA\xd8S\xa9T,\x17\x0e\x0f\r\x91\\\xfe&lt;\x94\xf1\xb8\x02$\x18t\xf3\xb8\xfdP\r|\x9e\xfc\\|1\x19\x8f\'\x89+\xb7\xe3\xadX\x96\xcf4N\x9c\xdd~\xa4\xccI\x0b\xc1*\x95*\xeb\x98Ap\xa5\x12\xe1\xa1\xf0\xd0\xe2\xf8\xf3\xb9\xb9|\xde\xe3"\x1b\x03\xd3d \x99I\xf2\x81\x8a\xb0\x92q`\xe5\xcev\x8e+p\xd1\x16\x97\x0e\xef\x8a\x99\x1b\xd3@&gt;J%\xefD"u\x96:\x0cS\xea\x87\xe2\x91\xf1\xe7\xe3~\xbf\xcb\xedrO\xbb]\xd3\xa1htz\x1a\x82\xb9\x1b~\x0f\x82\x15\x9fZ\x8cc%1\xb6P\xabBXW\x0e\xf7\xbctib\xbf+\x95\x82\xde\xd1\xd1\x99D*\xbc\x18\xc6J\xd6\x1by\x8f?\xefB\xc6\xa7\xfb+\x14\x82\x95x\x0b\xc9\x10x E\xe2\x91H8\x95\xca\xed\xecWJ%\xb8\xe8\xf0\xc9Y\xca\xdc\xc1C\xab\x14\x0c.\xa7Gg\xc6R\xb9dr1\x19\x99\xca_4(Xpp\xfa\xbf\xcb\x15h\xb8i\xe5i\x10!Y&lt;\xbc163\xf1\xb6R\tn\xfb\xec\xf6\x81\xb3X\x85\xaeI\xf5P*-ON\x8e\xce\xc4H*\x88\xf1\xcc\xe3v\xc1CW \x04\x9e\x85\x85\x85\xff\xa0\xd1\x00x\x88\x0b\xf9\n\xc7\x123\x89\xd1t\xa5\xb2\xb7\xfd\xden\x9e;\x8a\x95)v\xe1\xa1\xaf\xb4\xb2\xb2\xb7\xb66\xf2p,\x16\x1b\x0e\'\x93\xf1)\xd4\x83k\t4\xa1\x85Phz!\xf4\x12Odeh:\x1ah4\xfaX\xc9dllff"\xbd\xd7\x97\xab\xe9\xec\xf6#\x1d\xb4\xd1\xd3\xf00\xf8xmt\xe2\xe1\xd8\xfd\xa1\xe1E\xf88\xe5\x07\x14D\n\x11V\x88^\x89\xe9%Z\x1f\x13\x00\xb5\xc6\x81Ej\xcdL\xec\xef\x07\xb7K\xdb\x96\xe50\xd6\xe9\'\xdbG\xd9Z^N?\x19y\xb0\x81\x8d\'Y\x8eD\x1e=_\xf2?\x05X(\xd4\x0f&lt;\xe4z\x89\x9f\x97\xe0\x9a&amp;w\xe7\xc6\xe3SPkccuu\x7f\x7f/\xb8\xbdm\xf9&gt;;k"aY++\xc1\xe5\x17\xaf\xd7F\xc6\xc6b\xc3\xc9H}nn\xea\x19&lt;\\\x9a\x06J\x14:\xe1\x0fa\xbdy\x03,\x08\x86\xfd\xa7^\x8e\x94\xe3C\x1b\xab\xbf\xad\xbe\xdd\xdb\x03\x97\xe5\xbbt\x18\xab\t\xac`\xb0\xf2b\x92\xa2\x95@\xde#sss\xd8z\xdc\xee@\x88\x14\n\xf5\x17.\x88\x8a\xf4\x8a6\x1a\xeej\xbd\xdc)\x0fC\xac\x91\xb5\xafX\xf6\xa5\xa3\xc5\x959o~\xad\x07ozbdb,\x96\x0c\'\x12\xb1d\x84*\x1e\xa7\x08\x9c\x1bH/\xa2z\x83\x0b7\x9ds\xdc\x81F\x1dG\x88\\\xbd\x9c\x8c\xad\xae\xae\xae\xed\xef\xedW\xa0V\xcf\xd1\xa3\xcd\xec\xf9\'Dk\xe5\xdd\xf2\x8b\xc9\xd1\x91\xb1\xfb\xb1\xb1\'\x93\xcb\xe9\x89D813::\x91\x88M-- N}\xb1\xa2\xa1\xfcp"U\x9eI%\x0f\xcfRg\xf3\xeb;\xe5\xc8\xe2\xc6\xc8\xea\xeb\xb7\xfdt9\x8c%A-\x98X\xf1z\xd3\xc0x8\xf2d\xf2\xc5\xf2\xbb`\xb0\xb4bY+\x7f\xfd\xcb\xc3\x07\x8f\x9e.,\xa0(B\xd1\xd0\xd2\xd3G\x0f^\xbc\x0b\xae\xac&lt;~w\xec]_O\xa7S\xf1g\xff\xc6B\xe6\x07\xa2V\xed8\x9dF\xc9\xdf\xff\xe1\xef?&gt;\xfe\x1b\x88,\xdf\x87\x0f\xef_\xfd\xe3\xa7\x1f~\xfb\xc3/KX\x98\xc8\x85\xa5_\xfe\xf9\xe7\x9f^\xfd\xfa\xeb\xab\x9f\xdf\xbf\xaf\x1d\x1f{\'\'\x1fN\xfd\xfez\xed\xf5\xeb\xb7{h\x88mg\xcf\xa7\x98D`Up\x8a\x1f\x9d\x18y\xf2\xc7\x1f\xffE\xab\xf9\xbd\xa6\xb1\xa6q|\xef\xbc\xea\xb9\x10g\x10\x86qT\xc6Qq&amp;\x99qt\xc6\xd9!\x89\xf8cFC=$$V\x11\xabsBL\xb4r\xe2\xa6\tb\x08\xc4C\xd6\r\x1b\xd8\x10h\x96b)\xbd\xa8,+]\x8f\x96\xbd\xd9\xbdj\xe9\t\xe5\\\x1d\xea]\xa4\xf4*\xe7"B/rY(\xe4b\x9f7\xdd?a207"\xf8\xf1\xf9&gt;\xef\xf3~\x9f\xe7}}\x82\xe0\xf7F"\x11\xff\xc3\x9a\xe0\xc2Zx\xac"B\xa1\x00\x0bA\x89\x95A\x0c\xe7S\xf9Zmi\xc9\x1fY\x89p\xc0\xd5\xdbhn4\x9b\xa8Bt\xccMy\xcb\xde\x7ffggAC\xa7\xd3\xc9\xb9\\\xba\xa1\xbb\xc1A\xb8\xabB\xbe&amp;8$\xbc\x15\xab\x14D*\xbb\x90\x98\xa3\xd4A,\xa68\x84\xdaO\xb5\xbc\xe0&lt;\x8a\xb8m\x18\xc6\xe3\n$}\x13D|\xf0\xe07S\xedi\x11a=x\x86\xb08\xc2\xc5\x0fu\x17\x91*\xf9j?-n\xd5\xf2%\xab\x15st\x07t\x9dZHd\xc5\nn\x950\xa3\xb6\xb8\xb5\xf8\x97\xfc\xfd\xa7\xf7\xab\x84\x03\xc7q\xa5\xf1\r\xabc\xf2\xe6S&lt;\xfd4;\xfb\x04%\xfcjU\xe7\xf5\xa1\xd1\xaf=\x1eM\xbf\xbb\xf7\xa7g?\x94\xaa\x99hD\xe7\xf1\x98\xe6\x99\x0bQjW\xcf\xb8\xf5|m\xed\x1f\xa3\xe9t\xb4\xf6\xc8\xefO\xf1\xc0\x85\xb0\xda\x9d\xce\xfc\x1b3\xb7jtL\xf7\x0e\xb0\x1e\xddG\x12"\xa8\xad\xad\xc7;\xd3O\xf7~\xf9\xf5\xe6\xe2\xaf\xcd\x0cY\xcd\x1b&lt;\xaey\x12\x0bT\xa1epU\xc3\xb7z\xf9\xf9\xe7\xef\xfe\xf9\xc7\xe9\xa8Fp\xc3V,\x06\xfb\x0f\xc2\xea|2\xd3\xcc[\xb6\xb7\xb7\x7f\x87\x858s\xdf\xcb\xb9x~hl\x8d\xa637o~\xfe~\xf6\xe3\xf3\xff\xae\x1f\xe7]F\xbf\xcfK/\x13\x9b\x89\xf2\x807\x8c\x94\x90\xff\xfb\xd7\xeb_\xbf\xff\xe5\xcd\xe7\xa7\xa3Q\x1fE\xb2\x07\xc9\xd5\xee&lt;\xe8\xbc\xfb\xd1\xbcs\x16\xcb\xeb\x8b\x8b\x9bs\x14-/`\xb1\xbcKX\x1cM\xd7\xde_\xccNG3\xebM!\xef\xe3R\x80U\xd8&lt;&lt;\xdc,Wx\x83O-\xf6\xfbG\x1ff\xa7\xf7\x1e\xdc\xdc\xf8\xa7[\x06\x1f\x93z\x10\xae6\x14\x94\xdf\xb6O\xb7\x8b\x7f0\x07l\xefi5\xb9\xbc&gt;\x0f\x0b\xd1I:X\x87\x83\xe5\x96j\xf0\x08m\xa1\xb4\xea\x8d\xac\xa6\x08"\xdf7p5qv\xb6\x9f\x05\x11u"%\xf8\t\xbfo\xf1\xe0Q\x86L\x19B\x15\xea\x87\x04I\xdf\xee\xccv\x9e^^~\xb86\xc78[\xae\xfb\x13\x9dl\x10\x08\xcb\x0b\xeb\xddm\xb3\xd9\x9c\xa9\x94\x8bw8\x1c$\x94\x08\x9f\x90\x87`\r\xca\x87\x80\xb5P\x8e\xe9F\xca\x07\xccU\xbf\xf3_+\x19\x92t\xa06\xd7\xce\xf4\x94Fs\xbe\xe3\x8d.\xe7Z\x8d\xeb\xa2)\xf9~\xd9\xbf\xba\xd2Yn\xed\xc9\x0cTx\x05\xb5\x87v\x0c\x03-y\x96\x87M\xa8$\x18\x861\xec\x16\xb2g\xb7X\x85\xd6\xd00\x84\xfc\xb1P\xf2sn\x8cu\xdbs\xd6\\0(C\xb8\x9a\xc7\xab\xe0\xa1\xbb\xad\xc9{3\x0c\xfd-\xd6\xb0\xc5\xf2\xf9\x83\x19\xbf\xc3fg\x98`0h\xb7\xdb\xad6\xab\xad\xe1\xf6\x92\x84a\xe8|kP\x08\x9d\x9d\x1d\xee/,\x94\x07-\x97\x91\x02\x0b\xeb\xdd\x00[\x96\x0b\xd2A{0\xae\xc9\x90]\xcd\x13\xab,\xc7\xba\x83\xc9\x91)\xcb\xd1\xf2\xb1?\x1c\xe2\xca\xd0\x07":0\xbb\xac\xd1A\x9a\x96\xe1\xa5\xed\xbd\x1eF\x12\x04\xdb\x82*\xaf&amp;\x0e\x01+\x14*\xab\xb2\xd4\xd2]\x8e\x865\x9d\xde}Q\xd7\xe2\xf0\'\xe0\xcdI\x8df[\x91\x13jwpunN\x95x\x9b\xaf\x0e[\xf8\x10\xa2\xe5t\x83"4\r\x06P\x96\xc1\x042\n\xce\xf2,&amp;\xc5b\x83\x82\xf8g\x14\xadD\x96R+\xaa\x8c\xf1,.\xc9u\xe82\xb4z&lt;Hk\xf14\x83\xb0Z\xeaf\x19\xb0\xde\x9f\x9a\x93\xf2\xc7\xe4\xb0\xd5\xc2\x8d\xf9\x99U\xb7\r\x8d\x1d(*,\xaa\xb4Z\x00,\x8c\xc5rL\xb7;(P\x87g_\x01\x8b\x12\x0b\x055\xac*\xb0\xe10\x1a\xd8f\xad\x8e\xac"\xfc\x0b\xc0\xd2cjH\xec\xca\xad\x8b\xa29\xdb\xf4IJW\x14~\xbc\xf8l\xd5\xeb\xc6%\x8d\x82f\',\x8a\xa2Z\x91\xe0\xe7q)\xd6\xc5\x07\xe2\xe6\xd9\xd7\xafg\x87\x9b\xd9[\xacp\x98f$\t\xf1\xa3F6\x04\xb6\xa2"5\xda\xfdAy\x0e\xb06\xaeM\xa9\xa8\x96\x1f\xcf\xfbU\x85\x9f\x8c;\x07\xabN\x0c\x8f\xa9a\xe0*{\xcae\xb1"\xc5$FR\xa0.\x89\x0b\xfb\xb7X\x90]\x88\x0b:\xed\x80\xc6\xd0e*\x14B\xcd\x19\xfafo\xa3=\x9et\x03s]i\xdd\x9c\xd4\xb2X\xde\x8e\xab\xad\xc9\xa4\x7f&lt;\xdfv\xbam(\x08\xc8\x8a",F\xa2i\x88\x98\xa2-\xec\x1f\x82\x88g(\xeb\x13\xaa,\x8a\xd0j\x074\xe8mC\x89\x05\xe0Bq\x05+8\x99\\\r&lt;\xbd\xc6\x8dIN\xd0\xf2jF\xe7\xc7c\xa34\xff\xac\xb9\xe1Vd5\x8c\xfa\xd5\xacHWdY\x06,I\x9d\xdb\xdc?\xdc\x07&amp;`;;L\x80\xbc\xaaHQZ\xb8\x1c\x0e%P/\xab\xc9\xa0a\xd3{5\xb9\xea\xaa\xbd\x86Y&amp;\xc2\xb2\xfd1\xc5\x8fG\x06\xb7v\xb0J:\xf0XA\xf5\x84\xc0\xc3\x88j\x81\x96i\x99ah\xf8q\xe8\xc3\xe09\xbc}6\x03\x9a\x08Xh8\xe1\x01,p\xac\x85\n\x94\xad\x8d\xe1\xe4\xea\xaa\xd2\xb80khc\xb1&lt;o\x93\xfd\xe9\x18\xaf\xcd\xcfx\x1d\x98\xc2\xc8\xe12\x95\x05\xa5D\x91FX\xd4\xb7\xa6\xf5\x1b\xd6&gt;\xca\xaf\x000\x05\xc0\xdc\xdf\x8e\xe3\xa8[\r7\x9a\xd6\xc9xr%\xaf\x9b\xe7\xb8,\xa7\xefu~4%|;?TI\xd6\xc6\xd0j\xb8\\\x0e\x83F\xb0\x1ca\xc9\x89Yh^\xf7o\x15\x84\xed\x07M!\xca\x9e@\xc0C\x95\x03\x80?\x17\x865\x804lC\x1eL$\xe9\x83\x89=\x06\x94.\xace\x8c\xd6v\x0e\xfc\x1c\x8b)\x92\xac\xaa\xda\xed,\x97\xa2DY\xaa\xc0&gt;\xc8dQ\xd2\x83\x85\xe0\xc7}1K%&lt;\x9eD\x88\xf2\x04\xc2Z\x00\xb4f\xd0\xd6S\x1b\x1b:#\xaf\x9b9=\xb5\x9c\x9e\xf7I{\xff\xf1\xce|\xa9\xea\xc0p\xab\x9d\x81dW\xcb Q6\\g\x06\x05v&lt;\x1a\x96\x91\x8e\xe5\xe1h\xcc\x17D\x0fj\xf6Ch\xc8\x04\xd9_\xa8\x0c$\x9cl\xf7\x87\xb2(\xf7.\xcc\x9c\xbbY\x8a\xd7\xc7y\xbbD\xac\x81\x8a,\x8bCo\x03\xd5R\x16\xa9\x859\x10\xab\x0e\x8b\x80f\xc7\x86\nU\xb65\xc1\x99X,\x07Xs!4\x11\xff?V\x0fk\xb6\x93\xd90\x8e\x7f1w\xecf\xd9\xbe&lt;qr\xc2\xda\x13P\xd1\x85\xa1^\x06\xb0\xb4\xb0\'\xa0\x05&lt;s\xb6\xa1A\xf0\xa9\xbeK\x15\xad.\x17\xa6\x0f\xdd\xe9\x00\x1a\xd8x@D\xa8\x15\x85\x82,\xe1\xd0\xf7\xd8\xd4tc\xfd\xc6\xe4\xd3\x15\xcb\xdee\x95\x10:;\x07%N\xc7p\x0c\x84\xb4\x02V]\x83\xda:gg\xc1\x9e\xf6kKQ-\x19\xe18\x875\xae\x85\xe7\xd0\x90\xd2Ci\x9aJ\x17*L\xafA\xb6O\xaa\xbd\xf4\xfa\xc5\xa9\xe9\x87+\xaf\x8fR\xfe\xe3\x9d\x03\x81 \x1cX\x0bCy\xafiA\x86\x0e\x07\x02v\xd6\x95_\\\xcc\x972\xbb^\xb0Y\x11w4\x1d\x0fx\x10S@C\x12B\xbeoTON\x9a\x8d\xf4\xe5\x9e\xe9\x87\xd5\xc5\xed\x8bU\xae\xdf9\xf0\xa5\x08\x96eQ\xde\xe7r\xf6\xa4=\x08\xcee\xd9QzX\xf3\xf9J\xce\x15\x7f)\xe2\x04\xb4L4^\x07\xf7\x10LkbAF\xcb\xd0A\x9e\xb4\x1b\x8d\xf7\xaf\xef\xe0\xc6\x81\xe5\xd5\xe5\xd1\xe7O\xf3&gt;!\xc5\x01\x17\xe4\x97\xd5f\xb3\x06s\xcb\xd1\xe8\x8a\xd7\xbf\xe4w\xfa\xfd\xa5U\xbf\x13\xb0\xbcGG\x91\x95t\xbd^O\'\x83h\xdb\xe9\x81\xfbi\xb6Oz_\x9e\x17\xef\xe4\xde\xc8\xe9\xeb\xbd\xb7\xf3\xc7\xbe%\x82\xe3\xc1\xfc)V0_\xf6d&amp;\xb3\x92\x01\xe5\xbc\x91\x0c\xc0\x95Hw&amp;\x93\x8cd"\x91ht9\xfe"j\xa7\x99\x98\x02\xa6\x8cl\xde\x7f{\xbdW\xbc\xa3K6\xb0\x0b=\xc9\xfb\x96t\xdd\xe5\x82xa\x91d4\t\x00\x99\x95d2\x1aLC\xfb`K\xa6\xd3\xb7\x07\x04\xf0A&amp;\x13\xdd\xcdY%IQ0\xd0\xb0y\xfe\xaaxg\xf7\xca,\xc5W\x9f\xf2\x0f\xf3)\x17\x80\xb1,\xe7\x86\xb8x#h&gt;\x1f\x8f\xbfx\xf9\x12\x1dx\xfe\x1b\x9e\x97/\xe3\xe9\xe5\xe5\x15\xa0]\xb6*\x8a\xe2\xc60\xb2Z=?\xbd\xc3K\x8b\x96\xd3w\xf3y\x1fA\xe8:\xc198g\x04\x8d\x06\x97\xeb\xf5x:\xb7\xbc\xfb\xe2\x0bb\xfa\xdb\x97\xddt\x1cL||9\x8a\x0e\xd1\xac\n\xeep\xbb\xc9j\xfb\xdd]\xde\xf2\xb4\x14!\xb9\x04\x81\xd0]\x04Gr\x9c\xd7\xeb\x8f$\x83\xf1\x1c\xdeja\x8d\x865\x97\xde\x05%\x1b\xd0\x071Z\xd0\x1e\xf5:\x93V\x94X\x0e\x92\xe4N.\xef\xf4F\xb8\xe5\xf93\x1f\x94\x08\x9d \xfe\xc7\xcb\xf9\x85\xb6\x91]a\x1c\xafi\x94@^"FB\x8a\xaca\xa4\x18\xcd\x8c\xd1(\x92\x1e\xe41+\x84\x92\xa0Z\xd6J\x9b\xb14D\x12\xb1\x06\x8fp\x8c$\xd6\xdaZ\x8e\x8dm\xfcG\x90\xc8\xb1i\x9d@p\xb2u\x16\x12Z\x8b\xc5vY\xa7a7M\xa1t\xb3\xf5\xeeC\xb3\x89\xfb\x12\\B\xd6\xde\xa5\xc4}\x89\xd3m\xc9_C\xa0\xedw\'\xef\xedn\x93\xe9\xc1H\x0f~\xd0\x8f\xef\x9c\xfb\xdds\xee\\I\x10\x04^@\x99cY:\xda\xa3\xb3\xb3\xbe\x82\xbd\xb7\xa7g\xa8\x00\x87\xf2a\xa0\xe5x\x81\xe7#F#\xe5t\x02\xab0\xfb\xb9\xceX\xbf\xcfd|\x84+*\x08\x12#\xf2j\xbeR\x89\xe5O\xcf\xce\xce `\x03\x93CCC\x93\x93\xf3\x13\xf3\xf3\xaa\xc28-\x14R\xe8\xa6\xed\x85\x19]\x93H\xb0P\\\x92\xcdf\x8b: \x87\xa2\xa8\xb5c\x07C\xf1\x9e\xe7\xcfO\xce\xf5\xf4\xcc\xf5\x9c|~\xed\xc6\x9fNN]\xfc\xb2\x87Q\x14$\x91\xa6M$\x89\xb3!\xdd\xb1N\x173\xd8\x80\x1c\xed\x0eA\xf0q5\x95/\x95\xe4\xa1\x1e\x94\xfb\xa9S\xd7\xf0z\xe3\xc6\xb5\xe7\xe0;i\x81u0\x89\x08\xdb\xdbkw\xd3\x05uB\xd7\x95H\xb0\x8eU\x8b\xc8b\xd4f\xe3m\x9c\xaa\xf2\xac\x98J\xa5\xe6\x00\x85f\xf9\x14\xc6\x8c\x1b?\xfb\xc5\x11\xbf\xebD\x80\xa2\xed\x8c\xe8d\xed$&amp;\'\xf4\xc7\x1a@\x16}\x92-\xca\xdb$N\x95x\x13E\xa1\x9f\x08\xf8]\x01\x0be\xfe\xa5\xc5\xe8r\x1dF\xc7\x15\x08\x98i\x91\x17D\xa7]@\xc1\xfbB\xb3\xfac\x9d\xcep\x9c$E%)S\xe4$\x01\xc5c\xf2b5JR.W\x8cq\x92c\xf8\xb0\x16f\x9afy\xf6}\'\xa1\xca\xccL\xae\x8e\xe8\x8au\xf5k\xf2\xdc\x84\xeb\xd6\xb0r\x92\x04\x7f\xf0z\xb1o\x9bhQQy\x99\x171v\x1f6\x93\xa0Y\x96\x11h\xd4\xfbd14\xfb\x7f\xc0\n\xc5\xf2\x9c\xcf\'I\x12\x97S\x15\xc1\xebv8\xc8\x117V\x1c+F\x9cm\x01(\xf5s\xd8+m\xe7y\xbe`g\x0b\xfc\x0c\xa8&amp;W\x97t\xbd1\xbf\xf4\xb0X\xcc\xc7\xaa$\x8d\xc0\xcaqdIz\xdd\xc3\xaf\xb8(\xcaI\x01kxx\xd8\xed\xb6)\xb0\x0f\x9ea\x94Lf\xb6P\x18\xd2\x17\xcb0\xf2\xb0\x98)V\xc1\xe5\x93|\xc0\xca\x01\xcf\xd6\xee\x05\x88\x99\xb2\x8b\x14\xc2\x02,\x13\xfaDQV\x80%\x17ffT\xbe\xc0\xf6\xae^\xd5\x13\xabk\xe4a\x86#z\xa1\xda\xb9b\xae\n\xd9`\xaeZ\x9b\x83\xea\x12\x9d\x0c+bib\xc7a\x19\xa5\xa6\x82\xcb\x97Q\'\xed\xbd\xf6\xde\xf8U\x9d\xd5\x9a\xe12\xc5b\xac\x8c.9W\xcd\xc7\x06\xaa\xa8{\x9b\xe0\xb0\x15\x14\x85\x83\x8f)S\ttZ\x91\xc4\x94g\xbe\x16\n\xa9*V-6\xcb\xde^\xcf\x87\xba~\x1d\x03je\x80U\x8c\xc5\xaa\xb9\\5\x16\xcb\x87\xaa\xd5\x9c\xc2K&gt;\x1e\xbd\x17\x9bJa\x03\xc2\xcb\xf2r\xdc\xa3\xaa\xb5\x90\n1}Ha\xef\x90\xe7\xbb.\x83\xaeje|\xbeL\x86\x03Q,\x9f\x8f\xd5\xeb\x03\xa1ZM\xe1\x0b\xbc,v\x1e\xc1\x9eH\xeej\xa5R\xe2r|~"\x84\xff`_\x87X"+{&gt;\xeb\xd3\xb5\x0f\\\x9d\xe9&amp;\\\xe4\xc9\\\xbd\x0e\xb2&lt;y\x80\xcd\xc8\xccr*\xdc\x99\x12;O\x92\xebG\x0cS\x9a\'\xcf\x85\xf35\x9f\xcf7d\xb7\xb3\xf2\xe4\xe4\x9f\xfb\xf5\xc5\xe2\xa2\xdd\xc0\xca\xe4b\xe5J\xacR\xc7G\x0fL\xcc\xc7K\xa5\xe5e1\x1ca\xd0*\xf7 \x81\x9e\xf9P(_\xaf\xe73\x1c\xb9\x9f 2\x8c,\xffEW\xac\xfe\xcf}\xdd\x1ci\xf3\xb8b\xb9\\^\xc1G\xe7\x07j\x13\xf3\x8a\xc7#+"\x8b\x06\x8c\x99bx54Q\xab\x01\x0b\xd3\x9bl\x17\xb1,e\xd9\xb3zN\xcf\x95\xd8\x07,_w4\xea\xe3|\xc5r\x85D\xfd\xd8\xb1\x81\x9a\xeaQx^t\xd2\xac\x9d\x91\xf9R-T\xcb\xe7\xcbe\x0c\xda\x05\x81\x01\x15\xc1z8\xa27V7\xb0\xa2pS\xa4\xb1\xb2R\xa9\x93\xb2\x0f\xa9\n\xcf\xa2\x97\x10l\xe4&amp;\x82\x9a\xab\x96\xeb\xb1XQ\xd2\x1e\xb1P"\xc1\xf2\xe8i\\\x04+\x1a\xed\x8e~l\x03W.F\xb0*\xf5X=_UU\x8e&lt;\xc6\xc6\x96\x04\xdb\xa8\xe1\x1f\xf5JU\x12D8\xac\xd3\x89\xd2b&lt;\xf3z\x1a\x17j\x0bJ\xa1\x07$\xa1Vc++$\x8fe\xb8X\xb5\xc6+\xd8\x8c`\xfc\xe5J\x19\x12Vb*\xb4J\x90\xa7|\xe8S!\xd7wzb\x8d\xac\x92\x14b\xc4p8l&lt;\xca~e\x05\x0c\xb1r5W\xcd\xc1\xf5\xb1&lt;c\xb1r\xbd\x8c\xf4V\x156\x91\x121\x92QNP1\xac\xfc\x99\x9eI\xbc\xfa0JZ\xe6hA \xb742U\x92\xc6r\x1e\\U\xe2\xfaD\xac\x98\x16\x13p\xfdD$l1\xb6\x99D\x91\xe5e\x96\xd5\xd1!\x0c\xfdwd\x92\xc3\xf6h;Zt\xc1\xceC\xa1J\xe5\'+\xd0\x8blF9m?\x82q\x84j&lt;\x0b\xa8\xb0%m1"\x8bv\xd9\xc3\x88\xab\x1f\xf6\xe9\x03u\xc8\xb0\xf5\x87\xaf\x15I\x9b^\x1d\xe8\xd1\xed\xb4`\xc3\x86\r\xb7\xaf\x13; \t$[%6lNa\xc5D\xc4B\xa2\r\xfd\x848%\xb3\xbd\x93\xbf\xf9\x9d.\xdf\x017\x18\xce=}\xf7\xbc*\x91#\x08t\xa4\x82\x1d\x1d\xb1 q\x92\xc2\xa9\x8a\xca\xa9\xa1\x10\xa7zJ%\x96A\xef\xc7c\xe8\xa1\x8c\x84\xca\x88\xc1\xdadv\xcaq\xd9s\xfe\xdd;:p\x19\x0c\xfd\xeb\x9b\xe7\xe7U\x02\xe5E\x90I\xcb\xed\xb0\x11\x0b\x93\x18\x86\x11Y\x81%g]\x89\x04KL\x01T\xc64r\xa8qQN\xb9${J\x07\xd7\x9e\xbd\xd9\xfdZ\xfb\xed\x82\xad\x97k\x9b\xe7Ur.\x82(8\xc0E\xd3\xde\xf6\xee\xa8\r\xfd\x16\xed\x8c\xe0\xf3#\xa9\x04\x15A-%(M\xab\xb0\xc5\x92N\xa3\xba\x8c\x94\xc8{J\x1e\xcfGkO\xb7\xba\xde\xdc\xb7:\r]\xe7\x1e/=[\x7f:v\xf9\xf2}\x95\xb3\xb5\x7f\xdc\xde\xee\x15\x80&amp;\xb8i\xdaA\xa6~\xbc;\x8d\xc6\x80\xbf#E\xe0,F\xcd\xad\xc8\x15P\x8d\xcab\x14a\xf2\x88\xfb\x0b\x0b/\x9f\xbd\xa9/\x80\x1b\x0c};\xdb\x7f{\xf0"\x99\x1d\xbb\x9c\x05\x96/\n\xacv\x87\xdd\xeb\xc0\x8ch\x17\xb4#8\x9aF\xce\\.\x8c\xd3Z\x99Sf\x02\x95\xf6\xfbA\x05\xc5"\x8c\xc7\xc3\x97&lt;\xea\xe6Br|q}k\xa4\xff\xb5;B\x03\x91j\xfb\xd6\xcd{\xd9d2\x99\xbd&lt;\xb6Y#\xbd;\xd2\x88\x85\xe8 S Kc s\xd3&amp;\'F\xb1@s\x87\xc6E\xae"\x18\xd3\xfe\x0e\x7f\xb3?\xedO\x87\xa7\x18$\xb0\x14\xe7\xef\xafe\x83\xe3\xe3\xc1\xa7/\xbe\xdcy\xfcz`\x06@\xed\xdc&gt;\xdex\xf3I2\x18L&amp;\xc7.\x8f\xdd\x87ZX\x8a^r\xda\x0c\x91h\'er{\xddx3\xb7\x05\\o\xff\xb8YS\x0b\xe5\xd4\xd9\xe9\'L\xe9t\x04\xbd\x18\xfe\x18Q\xdd\xcc&amp;\x83\xe3\x8b\xe3\xe3\x0b\x7f\xfd\xf4\xf6\xcek\xe5\xb2\xef\xf1\xce\xf6{\xa3\xd6=g\x9f\xb4 4\xb9B\xe4\x14\t\xc5\x85\xd5h7\xd1\xda\t\x04\xc6\x1e\xb3\xb9\xad\xcd\xfc\xab\x13.\x80\xb8\xe0\xecFK\x18)\xec\xf0\xa7#\xa9)@\x11,\x86\x88\xd5B\xb0\xb2\x1bW\xae\x9c\xdd~\xfc\xbf\x81!}\x80\xba\xfd^\xe3&gt;\xeb^\xeb\xd1\x8d\x96\xa6WXc\x07\x89o\x91\x99\x15K\x11S\x18\x19\rM\xe4\x1d\xf3\xab\xf90\xb9P\xe2\n@\xacT&lt;\xdcq\xa4\xa33\x1c\'\x01,\x91\xad\xade\xb3--M\x8b\xe3\xc1\xb5\xeb\xa3\x83\x83\x83\xbf\xd6\xc0\x0c?8{\xfd\x8f\xb7o\x1do\xb4\xeek\xd8uf\xef\xbe\x9b\xdf\\hj\t"\x8b\x0b\x9bE\x1b1\x08\xaf\xf7\xd5pH\xb5\xb5Q\x04\x0ec\xf50\xb0\\\xad\xae\x00\xd8\xd2\xcb\xa5\xb9#\x1d\xa9i\xc8T\x8aO\xc5\xe3S\xe2\xfc\xbd\x85lr\xbc\xa9i1\x98\xdd\xf8d\xd4\n\xae+\xb7\xb6\x97~\xa0b(\xa9\xa5\xed[G\x1b\xf7X\x1b\xdfyg\xcf\xde3\xd6\x9fn\\8\xf0J\xae\x85\xfb\xc0".\x8f0QF\x18T\x1b\xea\nA\x8ei\x08\x16\x04\xf3\x87\xe3\xd3ss\x17\xe3\xf1\xe9\x12\x90\xe2\xcb\tJ%T\xc1\xf1\xa6\xfd-\xd9\xb5\xeb\x83V"\xd7\xe0\xe0\xcd\x17\xeb[\xfd\x86C\xdf\xdb\xc8\x0e\x8d\xdcy\xf9\xafG\x97\x8e\x1f\xb5\xee\xda\xdd\xb0\x1bX\x90\xeb\xee\x81\x03\xe3Ax\xc4\xc2Z\xce\xa1\x9d;x\x1d\x0e\xc8dz\x1fd\xa8+\xca\xaca\xb5\xfa\xfd\xad\xcd\xad\x1a\xd6\xf24\xb0\x90\xc2eL\xb3\xca\xbd\xaf\x90\xc2\xa6\xa6\xa6\x96\xec\xd8\xc6\'\x83{\xad\x83g \xd7F6\xf9t}\xab\xef\xfb\xfc\xc4\xc6!CW\xdf\xd2\x9d\x97\x8b\xe3-\xc1\xbb\x7f\xfctt_\xc3\xee\x86=o\x9d93zv\xe3\xc0\x81\xfd\x1aWrS\x82Vd\x1d"\x89\xc4\n(X)9\xe9&gt;\x1cp\x9dhnm\xf6\x03-\x15\xbf\x98\x9a\x9e\x8eOC\xad\xa9\xb0%\\\xba\x87eL\xb4j\xca\x8e=\xb898h%X\xd6\x0f\x9e\xc0u\xee\xfes}\xeb\xdc\x7f\xb3\x0b\xc3!C\xff\xd2\xce\xdf\x1f}\xf1\xed\xddo\xbfxti\xb4\xb1\x01X\x8do\x11\xb9\xae\xdf\xbdpa\xbf\x96\xc6\xe0f\x14X\xb4\xdb\r;%D`\n\x18\x03\x01hu\xa2\xf9\xedV@\xf9\xd3S\xd3s\xd3\xd3\x1aWO\xa7\xdfRz\xf2\x95Fu`19\xb6\xf0\x8f+\x1a\x16\x14\xfb`\xe3\x9b\x85\x85G\xb7\x1e,\xae?\x1b\xe9\xfa\x0f\xd5O\\\xea\xd9\xfaK\x02t\xe9\xd2o\x8f\xefk\xdc\x05\xb1v7\xfch\x17\xc1Bu]@\xd9\xa3\xea\xb3(/\xcd\xb3\xf0\xe2\x8c\x10\x93j\xb3\x18\xff\xcd\xb6\xf9\x84\xb6\x91_q\\\xa3\x91T\r\xe82!\t\x96\xea\x86\xddH\x98E\xd96K\x82\xed\x16\xeb\xd2\x9a\xb8\x1b&amp;e\x92\xec\xa1\xd8\xc3\x16\x16\xeaK2=,\x8d\x182\xd8\xd09\xb8\x0e\x1a\x10\xa3\xe2X\xc4(\x96\x16\xaf\x8c\xdblA\xe8O\x11\x8eb\x1f\x8c\xd7\x92\xdc\x80,+\xc1N\xb2\xb6\x16\xd7`\x93\x08\xdb\x9b\x84\xb4\xde:\xe9\xf7\x8d\xdct)\xfbC\x08\xf92\xf3\x99\xef{\xef\xfb\xbe62\xfd\xa9\xed\x17w\xfa\xfb|g.\x9d?O5\xbcpct\xf4\xc6\xe8\xa5\xee\xee\x96+\xaf\x06\x03\x01\x14\xd0\xe3\r\x0cL\xcce\x82A\xab\x89\xe5R\xf5DbV\x17w\xcb\x83S\xdf&gt;\xf8\xe6\xd3\xef\xdf\x96\xa0\xfd\xdd\xa7/\xdf\x94\xcb\xe5\xe5\xb9j^dx\x9e\xe58\x12\x8b\xb1sn`\t\xb3\x90\xcbK\\\x03\xe0\xfa1\x99\x82\xe9\xa6?#\xb1\xda\xda\xdaH\xad\xbe&gt;\xdf\xf9n\x1f:\xfe\xca(\xa9\xf5\xdb\x91k@\xdc|5\xe5\xf7\xa3\x80\x9e)\x7fo\xefz\x94\xca\x87\xe3r\x05\xad\xf8\x80\x99R\xc6\xaa\xc5\xb9\xb9\x9d\xa7/\xaf\x7f\xcf\\B\xa9\xeb\xff|\xba\x93N\xa7\xc7\xf2\x82 8\x9d&lt;\xcb\xf2\xbc 0x\xd9\xecV\x17\'J\xbb7\x89\x0b\xedE\\\'`W\'\xc9M\x8f \xae\xd3\x08\xb6\xdd\xb9\xd3\xdf\x0f.\x1f\x8c\xfe\x1c\xa4\xbaqc\xe4Z\xf7\xed\xdb\x1f=/{ \x94\xa7\xd5\x8b!\xec]N\x07\x87\x9bXP\x8b\xde\xddn\x07\xc7\xf1\xa2\x94\x1fK\xcf}\xfb\xff\xed\xffs\x8a-\x0f^,\xa3z\xb2(2@\x81T,/\xca\xa5J\xacT\xd1\n\xa1PTa\xc4\xcc\x93\xefp\xad\x9c8r\xee\xe4\xb1c\x94\xabZ \xd6\x9d&amp;W_\x7f\x1f\x9a\xeb\xc8\xaf\xd0T\xa3###\xb7/]y5\x85Q\xf1z&lt;\x1e/\xa8\xcaU\xf5-V\x93\x0b\x87\xe38\xbb\x9d\x17\xc4|\xba\xb83\x03\xc3x\x0b\x86\x8c\xf0\xcd\xdf_\xac\x17\xd3y\xa1\t%\x88\x90JOi\xdab$2=\x1dY2\xea\x1f\x1b\x12/\xcenxo6\xed\x0b#\x04.\xfa\x9b$\xc5\xbd\x8e\xfe\xc3\xd3\xd7\xd7\xdf\x8fQ\xfc\xe9\x05\x13j\xf4/\x176_yoz\xbd&amp;\x98\xbf\xf7r\xb9\xa8\x13U&lt;\xac\xeb\x8a\xaa\xc6\xe3q\x15}\xc2\xb1v\xbcl6\xba\xad\xfc\xec\xc5\x83\xebp\xb2\x1f4\xa1\xfe\xf1\xe0\xf5\xe2X^&amp;\x18F\x00\x17\xc3\xab\xf1l*&amp;\xc9\xe6\xd1\xf5p\xd6\x18\x8a\xf0\xac\xb4\xbb\x06.O+\xa6\x1d\xde\xb8\xf2\xce\xb9\x93\'\xc9":Z\xda|\x9d\x9d\x9d`\xea\xeb\x83X\xbe\xb6s\xe7\xbb?\xbb=2:ree\xca{\x08\xe5\xb9&lt;\xd0[.\x86!V4\x97K&amp;\x0b\x85d\xf3D\xb3t\x1f\x9eub\xb4\xd00\xf9\xe2\xf2\x9b\xd7/M\xc30\xcbW\x1c\x13\x01\xc5\xb2N\xb3\xc9\x195\x9a\x91\xd1T\xb1\xf9\x12\x9e\xc1\xce;\xd9|}K\xe6Y\x85\xb8\xbc^ZC\x98\xf8\x95ON\x9e;\xdaL\xec\x9d&gt;__\x17\x1d\xb4\x96\xaf\xbf\xb3\xe7\xeag\xb7G/l\xde\x9fjjER\x8d\x0f\xac\x153\xac\x9a\xac\xe52\x8a(&amp;Cz\\U\x95p4\x19\xa2S\xd0\x19\x9b\xd3i\xc3\x9d\x85\xf4\xdc\xfa\xeb7\x00\xb3\xfc\xeb\xf53\x18:cgI+\xa2\x12\xa4l6g\x00K\x9e\x9f\xd9.\x91|\xac[\x0cm\xc9XE\xe0\xc2\xa3c\xddR\xcc\t\xdc\x1f\xfa\x11\xc2\x02\x86\xb0\xcd\xd7\xd3\x05\xac\xbe\xae\xb3=\xbe\x1e8j7\xb0~\xf2\xd5\xc4[\xa9\x02HDk\xd5x0^\xabeT\xf4l\xf2\xe2\x90\xc6\xba\xd5xM\xe3\x15\xa4\x89l\xa8\x96\xe5QG\x93+\x9f.\x15\xa7\x1e\xfc\xd9\x92\x97$Q\xa4\x16\x87w2\x8cM\x94+\x95X\xf6\xe0\xde\xb6,\x17\x1e\xce\xdc\xdd\x96y\x9ec9&gt;\xb4\x00,\x93\xcb;\x85t\x82\x98\x13\x00\xd7\xa3\x0f\x8fv\xb4ttt\x9c\xe9:\xeb\xeb\xa2/\x93\xb5\xb7\xc3P}\xe7\xaf]\xba\xb5R\xa6FG\xab{Z/\x8f\x8f\xc3\xdc\xe3\xc3D\x85\x85!%\xeb\xf7\xbe\xa8\xc7\xd4\xf0\xfe\xe7xw\r\x07Y%\xba_`\x9c&amp;\x16\x95\xb2\xba|\xf3\x8d\x85\xe7y\xa2\xe2\xc8\r\x18F\xd2\xb4\x92,\xd4N?^\xdd\xd1B\xdb_\x7f\xf9\xf5\x8e\xc2\xf1vN2"\x02\xf5\xa7\x1bY\x02;h\x90\xb8(\x81}\xf5\xde\xf1\x16S\xad\x1e\xfa?\xc5\xf6\xf6\xb3\xed\xbe_\x1f\xfd\xe8\x8f\x9f&lt;\xba?hB\x91\xb2\xf8\x15`b.\x1a\x0c\x0e\'\xf7A5\xec\xca\xedG&gt;\x9e&lt;m\xc4jC\x93\xa7\x1b\x12\x86\x00\xfa\x85\x0eb&lt;\x8f\xfe"\xbd\x181=W\x06\x96\x93\xe7\x9b\x05\x14\x84X\xa4\x82\xeaE\x8dG\x8f\xef\xaen\x87c[\xabw\x1f.\x02\x9a\xcf\x1a1\xc0\xd1Qf\xd7\xa6\xfcX%\xfe\x00\x04\xf3\xa3\x90\xc7`\x10\xe8\xad\xae\x9e\x1e\xe2\xeai\x81\xa1!\xb5\xb7\x12\x13\xac=\xd0;&gt;&gt;\xbeQ\r\xbb\xa1\xca\xbeA\x1b:\xb7\xaf\x89\xb5\xd3\x93\xb7\x16BKC\xf7~\xbf \xc1\xaa\x19Q?\x08a\xa1&amp;\x1dx\xb0\x00\x00\x06jIDATP\x7f\x99\x95\x94\xd2\x16\xdc\x95E\x95\x18\x9ee\x84T!\x06\xb6T\xa8\x14\xba\xf5\xe5\xea\xc3\xa7\xa5\x9d\xd5\xbb\xe0\xc2\x0c\xe64A\xc1\xd1\xf3c\x89Du\x03+\xfbrS\xae@`b\xf3\xfd\x16\xf3\x0b\xb2\xed\xa7N\xb5\x9f\xf5\xb5\x1d?\xf6\xee\xe6\xfd\x001y\x9a\x81v|b\xfdY^\xc5^\r\x1e\x18(a\xee\xa0\x0e\xa0?|1Y/\xc9\x8d{\x8foDTD:!|\xa01\x1c\xb5\x17\x1d\xd01\x16\xa2\xa2\xed\xc7\x8bL\xca(ABya\xb1\x12j\xac\xce\xcc\xfc{ggo\x15gQ\x0e\xedbK\xa6\x13\x89\xb1\xc4\x18&lt;\'\xf1$\x10\x18\xa0\x9cB\x91\xb55\xb0r\xa2\xad\xe7\xea\xd5\xf6\xf6S\xed\xbe\xce\xe3\x1f\xfc\xf2\xe2\n\xa4B\xabc^)p@*\xac\xbe\xd9D&amp;\xae\xd4\xeb\xaa;\xba\x1f\r\xc3#\xea\x9fONn\x85\x1a\x7f\xba\xf7\xb7\xd1p\xd0\xa5*\x86!0\x0e\x07l\x15r\xd9\xed\xe0\xb3\x90Vn\x8e\x06N\xaca\xfeDi~k)\x12Y\xdc[\x9dY\xdd[\x1c\xdb\xda\xdb\xdb\xdbYX\xca\xe7\xf3\x92(\xf1\n\x1e\x00\xc6\x1c~R&amp;\xbdZ\x916\x917\x07\x9f\xbf\xd3y\xf5*\xb4:s\xfc\x83w/B*j\xabVL+\xfd\n\xb7VL\xc0\xd5\xe3\x99Y\x9c\xddG\xbb\x894\x1e\x8cd?\x98\x9c\xdc\\*4\x1eMN6b|,W\x0b\x0b\x82\xcda\xb5S%M\xc5,\xac\xd3n\xb5"\x84\xb2\x9c\xb2o\xa8\xaexa^\x16e\x88\x13Y\xd4"c\xc0\x11\xe4\x88&amp;K\xe4y\xac\xd9\\\x0e\xab\xd5\xadT70\x88\xb4~\xcd\x0e\x9a\xa8\x9f\xe9i\xefn9\xf1\xd7\x0f7\x9fO \xaf{&lt;h=\x82\x1a\xd8H\xabn\xab\xcb\xe5\xa2\x1a\xc63\xc6\xe6R\x82\xa4\x83\xee\xe9\'O\xea\x8dR\xb8Q\xaf7\xb4T\xa8 5\xaf\xec\xb6\x93\xaf\xd2PZ\x9cN\x87\x0bQ\x03\xe1E!s\x924\xcc\x04\x1c\x03\x13\xc0\xdb\xe9S*\x92\x12u\roM,\x07\xe4\xb2\xba\xd5\xc4\\\x19\x054\x8d\t\xa7\xfc\xfcR\xdb\xd1\x1f\xbe7\xb42\x110\x154\x17\xc1\x00\x1c4\xac"+\xb8pm\x1a\xc1`\xd4h\x84t\xf8U&lt;\x1c\x06\x1ebAB\xd2\xf5\x98V\x88\x89\xb0\x03\x16\xeb\x11~\xdel.\xa7\xc5i\xa3\xc7q\x93\x9b\xa6\xb6vds*y\x9e\xb0y\x8cHL\xd3d\x86\x0fk\x9a.6G\xb1\x89\xe5\xe6\xf4\xea\xba\xdf\xdf\xb4qR\xec\xd5\xe6o\xa0T+\xd5u\x90&lt;\xad\x17T\x1b\t\x95\x12\xccp\x13\x0c/w4g\x84\xb2q\\\x00WP9\xd5\xa1\x8aR6\x99\x95\x94p\x18?qt_\xf6\xb0\xed-6\xa7\xd5:l\xa5\xbegum{\xbb\x04\xbfu\x82\x9a\xc7\xf6\x94+\x11\rO\xe2t\x8a\xb0\\\xbeYC\xceAh\x0e\x04\xa5Dq\x90\xb2]\x13+0p\xbfl\x06\x18\x0c\x82\xdf\xd4j\xad\xaasf\x01\xff\x0bE\x0f\x1fO\x1a\x0b\x85l\x1c\xb8\xb8\x04\xc7\x85\xb5\x02=o\xb6P\xc8\x10\x13#\xf2\x9c\xcd4\n\xa7\xc5\x8e\x98g\xb5b\x08\xb0\xcc\x89k\xba\x12\x93\xd1\xde\x92\\\xd1\x08\xca\t\xb3u\xa2\xa4\x08\x86v,{\xee\xb0\x92\x0e\x04%\xa5\xbaN\xf1\x0eK\x12\x8d6\xe5\xa5&gt;\xf3\x0c6\xa9.O\xcc\x91Tn\xd7\xffN\xd0\x0c4\\&lt;\x993r\xa1d4\x1a\xa5U\x9d\x95\xd0\x1bb8\x95B@\xe1\t\x8cc\x9b\xfeeq W`6\xcdy\x04\xd7\xf4\xce&lt;\xb2\x8c\x86D\xa3\xa5$\xc4A\xa7\x94E\x8a\x88\xc5\xa2)\x86e\xedv3\x8ap\xa4\x16\x81\x8d\x15\xcb\xe4\x13\x81\xc1\xc3b\x92V\xb4/\x03\x1bU\x85\x8a\xfd\x96\xc9\xea\xb2\xc6s\xa9h6\x9cQ\x141\x9e\x01S4\x9a\x85g\xb8\xf9f\xb2#\xcbf\xed,B\x81\x9br:\xb0P\x15\x1b\x94\x82f\x0e\x07\n)\xc5R`J\xc5dx\x85\xa8\x88\xa9Jeiz\x01\xa8\xf3\xf3\x02\xb5\x9d\xdd&lt;\x87\x8aq\xacT]\x0f\x04\xa6\x90\xc2L,\xea+@\xf9\x97\x8b\t\x05\x15\xb0~G*\x17\x97l,\xe4*\x86QH\x86\x14.\xa3\xa8\x8a\x19\xb6T6\xac\x9b\xfdN\xde\x89\xdb\xf3\xa2\x8bE\x9a@o\xf1\x14[\x11\x10\x1d.\x87\xd9t6\x86\xb2`FF\x06,\xc1\xee\xe7\x97\xa6\xb7\xf7\xf6HA\xc9N2\x13\x18g\x8a\xe6\xb6\xd2\x0eGD:\xa4\xf2\x9aP\xfe\xc1\xf2\\B\xe1h\xb6]\xe6,\x91V t\xe4\x0c\xc3\x085\x0cc\xc9\xd0\xa5Z\xa8f\xe4RI=\x93\x8ci\xd3\x95J*,eD\x16\xb7G\\ps\xe4\\N\x0b\x83\x9a\xb0\x10\xcbjUuT9\xab-j\x05I\xc9\xcd\xcfo\xefM/\xfc\xa7\xe9\xf2gM\x18\x08\xc3\xb8\xb9;C\x0e\\nL\xf1\x1b9\xf8\x01\xf2\x15\xba\x16\xa1\xe0\x905\x01\xf1\xa6\x80\x08N\x82\xa3\xa8\x05\tn\x12R\xeab\xda\xee\xae\x16\xda\xa1\xdf\xa0\xcf\xfb\xdeY\xf3"\t\x98\xcb\xdd\xcf\xe7\xfdk\xd9\x9c\x1a{^S\xb4Q\xe8\xd3\x1bL\xe6\xd4\xc2FZ\x8e6\x17?\x82\xf6\xc7\xe3q\x7fu\xdc \xd4\xd9\x81\xc2#q\xea"\xf5P\x17\xb6E\xfa\xb2\x1c\x15 \xbc\xfeT\x9f6\xcdlU\x7f]\xeb\xe64=S]\x84\\:D[\x8c\x82N\xa0$%\x85\x16z;-\xb3s]We6\xdffUy\xb2\x874\xc5\xec8\x0c\xa8\x83*C\xcb\x99\xcct\xbb\xbe\xb4\xc2\x10\x14\xb3\xe3\xca\xb9\xb0\xff\xf0\xe1\xa1\xe2\'\xc2\x12\x04\xe5\x0cd\x9c&amp;\xf0\x9b\xd6\x8bEQ\xcc\x8bC\xd6d6\xadm\t,\xdbX\x1eCM\xa4\x85b,\xa9$%=2~Y\xff\xd6U}-\xabC\xf2\x9c?"7\x86TqQT\x95Q\x1e\xc9\t\xa68\x18\x08\x8av\x92p\xe4\x1bW{@%RsT1K\xef\x86E\xea\x89P\x80+\xe6Ta\x7fI\x93\xe4\x93d\x92\xe3:\xd9\xadw\x14\xf5\xe8\xcb(\x11\n3D\'\x96\xce%B/\x0f\xd6\xa6\xbb&lt;IF\x18\x9e#\xf4KR%By\xf0&lt;A\xf0\xcf\x85\x07\x880J\x14\xf8\xdfD\x88\xfc\xf1\xea\xf2=\xdb\x1b\xf6\x1f\xab#ZJ\t\xc6\n\xbd\xe7\xef\x86\xb2$\xdd\xbcGwF\xc5\xdf\r\x9a\x06;=\xb7\x02\xaf\xd2!X1\xc0\x91\xd0\xc8\x19\xb7\x82\xa0\xc5\x85\x0f\xb43\x92\xe3^r\x1d\xc3N\x83\xd9\xeb\xfb\x1e\xb3\x117\x81\xf8\x86\xe6\xef\x82`\xe8\xc2\xd9\x1brI\x0eIi\xec\xc18\xac:\xebO\x12\xd11a\xc7\xe1S\x03\x0eczn\x0cM\x18\x10\xca\xa8nk\x02\x8a\xda\x86o|:\xba\xf2\x8a_\xeck\x06\xb0\x84\x87q\xa1\x1e\xde\xcd=\xe7u\xac\x04\x95A:G\xde\xcc\tD\xa3{\xef\x0f\xa4)\xd9\xa5\xb2\xb1\xe9q\x00\x00\x00\x00IEND\xaeB`\x82'</t>
        </is>
      </c>
      <c r="M180" s="3" t="n">
        <v>45492.67840277778</v>
      </c>
    </row>
    <row r="181">
      <c r="A181" t="n">
        <v>794006</v>
      </c>
      <c r="B181" t="n">
        <v>1967</v>
      </c>
      <c r="C181" t="inlineStr">
        <is>
          <t>Leonardo Godoy</t>
        </is>
      </c>
      <c r="D181" t="inlineStr">
        <is>
          <t>L. Godoy</t>
        </is>
      </c>
      <c r="E181" t="inlineStr">
        <is>
          <t>LD</t>
        </is>
      </c>
      <c r="F181" t="inlineStr">
        <is>
          <t>LAT</t>
        </is>
      </c>
      <c r="G181" t="inlineStr">
        <is>
          <t>LD/MD</t>
        </is>
      </c>
      <c r="H181" t="n">
        <v>174</v>
      </c>
      <c r="I181" t="n">
        <v>29</v>
      </c>
      <c r="J181" s="2" t="n">
        <v>34816</v>
      </c>
      <c r="K181" t="inlineStr">
        <is>
          <t>Right</t>
        </is>
      </c>
      <c r="L1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ce69f85-2cfe-4412-b352-60b570a17a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835!\x00\x00\x00\tpHYs\x00\x00\x0e\xc4\x00\x00\x0e\xc4\x01\x95+\x0e\x1b\x00\x00\x03\x00PLTE\xff\xff\xff\x11\x0f\x14\r\x0b\x10\x15\x1b.\xfe\x15-\xfd\x1b2\xc1\x80p\xff\xfe\xfe\xfd\x1e6\xfd\x18/\x07\x06\x0b\xfe)A\xfd\x13*\xfd!9\xc6\x87w\xfd%=\xf6\r"\xc7\x8a}\xec\x07\x1b\xf2\x07\x1c\xfa\x17-\xde\x99\x93\xf6\x11\'\xfd\xfc\xfc\xf1\x0e$\xa9lb\x16\x12\x18\xfe.F\xaadT\xef\x0b!\xc6\x81p\xb3vk\xaerg\xd6\x8e\x7f\x1d\x1a \xb9ym\xa2cX\xc3\x84t\xc0ye\xbata\xc8\x85t\xbc}p\xb4m\\\xbe\x81u\xd8\x93\x8b\xd3\x01\x0c\xcb\x8d~\xc0}k\xe1\x02\x12\xdb\x92\x84\xbcyg\xca\x89y\xe5\x07\x1c\x19\x16\x1b\xb3iV\xc7zg\xd5\x8az73;\xd0\x8b\x80\xaejZ\xa8g[\xb9ug\xdb\x97\x8f\x97[M\xe2\xaa\xa53.4\xcf\x83q,(/\xd4\x90\x85\xce\x85x\xd2\x05\x17(#)\xcc}l\xda\x01\x0e\xde\x9e\x9a\xa2h_\xdf\x95\x8c\xbfyl# \'\xbfta\xc1\x85y\xafob\xa1\\L\x99`V\xcf\x8bz\xcc\x01\x0c\xfb\x12(#\x1e#\xe7\x02\x13\xc7{o\xb4qf\xcf\x8f\x86\xbalZ\x9ae^\xb7q_\xf9\xf7\xf8\xa2`Q\xe9\x0c"\xfc\r$\xec\x02\x15\xc8\x8f\x85\x90b_j1+\xdc\x08\x1b6\')\x96TGe$ \x8fRI\x88ME\xda\x8a}\xd4\x95\x82\xc7\x84}\xf2\x17-\xe0\xa3\x9f&gt;9A\x7fD;\xa4ng\x93no\xd6\x84v\xd6\x99\x89\xb5{p\xc8sd\xa9^M\xf7\x1e4\xdc\xaa\xa0E@I\xcf\x91\x80\x7fLE\xd0}u\x0e\x14%\xc1\x89\x7f\xe4\xad\xad\x92gg\xda\x8b\x83\xc6\x81w\xe7\xb1\xb3\x8fx\x7f\x9cki\x90]V\xb9\x7fsxRQ\x86YW\x9eYR\xdc\xb0\xa9\x9eWE\x88UL~v\x7f\xfb\x08\x1ew&lt;6\xd3\x96\x95\x91O@\xc7\xbf\xc3\x88H&lt;vHB\x9f|\x7f\xa8rj\x7f_`s-(\xc2\x02\x0b\xb2cQ\xce\x91\x8f\x8fsx\xa1us\xc3l_\xb2c]\xc1rh\xf6\xf0\xf1\x8fYL\x1a!6`&gt;;lFA\x8a\x82\x8e\xda\xa0\x91\x9cSMPLSD32\xe7\xe3\xe4\xc9\x89\x85\xad[Vl93\xcbmm\xbe\xb9\xbe]GG\x82TQ\xb0\xae\xb2\xcb\x95\x8b\xc0`_\xdc\x8d\x8ab[aQ52\x85il$\x17\x18\xd0\xcb\xcfY\x1c\x1c\xdc\xd6\xd8\x96XR\xa0\x85\x8e\xbamh\xd9\xa5\x9a\x9a\x96\xa2\xe5\xb8\xbb\xc9\x12!\xe4@K\xabJK\xb2\xa3\xac\x9cAB\xe5\x9f\x93\xee\xec\xedjNN4\x1a\x1a\x92\x8d\x98oho\xc0yt\xa5\x8f\x98\xb9\x80}\x7f/1\x92C=\xbd\xaf\xb5\xd5~\x81\xdd\x15\'\xed\xce\xd2^.)\xaf{w\xf6\xdf\xe2\xd7QUR=&gt;\xe9 7\xab\x96\x9fqZ\\\x97\x7f\x87F#%\xce\xa5\xa6\xe8Yeu\x17+\xbcOO\xd4fa\xd6tp"*@\xed\xbf\xc5\xe4r|\xd13@\xa1\x9e\xa6\xb1\x05\x0f\xb3\x8a\x86\xc0\x95\x95\xa9\x8b\x92\xe7\x81}\xf0/A\x8f46\xbf(5\xea\x8b\x8e\x94\r\x1b\xaa\x1b%n\x06\x0c\xf0\xa1\xa6\xf2FX?\x95\xdb\x8f\x00\x00 \x00IDATx\xda\xc4\x99\xdfK[i\x1a\xc7\x9b\\l\xc0\xbb\xb9\x08\xa1A\xec\xe6 :\xe3\x04\x87\xcc\xf2&amp;\x9e\xe8&amp;99\x91#1=a\xa2p\xe8h\x8d\x17\n)\xad\xbbx\xa8)\xca\x9ef\xf1GmK\x9cm\xc2ZIG\xb0\xb5LC\x92!\x89\x0c\x89\x96I\x1a\xb1\xec\xd8\x8b\x01S\x03\xc2\xdc\x14\x022{W\x90\xee\x1f\xb0\xdf\xf7\xa4\xc3.\xec\xdd\xd2c\x9f\x90\xe3\x11o&gt;|\x9f\xef\xfb}\x9e\x17/\\\xf8\x7f\xcb\x802\xfdo\x19\x0c\x17&gt;b\x19L\xe1gG\xc5\x8d=Z?\xab\xcf\xbd_J\xa5\xb3\x9f7\x8a\xe1\x8fFf\xb8\x10.\x96\xce\x8e\x93\x15Y\x10\x05^\x90\x18I\x12x\x9e\x93\xf3\xbc\xa04\x0e7\x0e\x8a\xe1\x8fB\x15&gt;*%\x15N$\xc4l&amp;f&lt;u:\xbd\x1e\xaf\x0c\xc3\x10B\xb8|\xbeq\xb6_\x0c\x9f\xb7d\xa6\xe2^2/3\xbaV\x99\xcd:\x8a\xd5\xa6\xc7+\xa1d\x0c\xcf\xf2r%W:2]8W\xb2\x83\\\x9eW\x05ja\x11\xca\xa5W\x7f\x83t\x8c(\n\x1c\xcb\xb1r&gt;\xb7\x7f\x9e\x82\x99\x8a\xc7\x15\x99\xe8\xdbP\xe8\x1ce!*\x9e\xbe\r\xaf\xd0J\xe49\x96e\x95\xbc"W\xce\x8a\xa6\xf3\x023\x1d\x1d\xe7+y\xb3\x8a\xd5\xa6o\xc9E\xf4:"\x12\xdaOF\x10D\x9e\x95QJ&gt;\xcfr\x8d\x8ds\x12\xcc\x10.)\x84\xf6\xac\x85\xa5r\x11\x86\xe8\xcc\x92HmE\x04\x99ee\x8e}\xcf%\xe6\x0f\x0f\xce\xe7P\x1e%9U*\x95Km\x9e\xce\xcc\x88\x8c\x99 )\x10\x15\x12\x9bW\x14\x99\xc5Gf\x15E\x10\xb9\xca\xde\xb3s\x10,\xfcK#\xcf\xb4\x84R\xc5\xa2\x1f\xc2\x08&lt;G\x88\xc4\xca\x02/\n\n\nX\x82"\xf32+1\x82rx\xa4=\xd7AEdt\xef\xb1\xf4\xb4\x9b\xd4\\\x8c(\xb0,\xcc\xae(&lt;\x87c\xc8*\xe8!/\xb2&lt;\x92\x02I\xcb\x1e\x1ein\xad\xfd&lt;\x03g\xbf\xef"\xfag\xa6\x89*\t\x1c\xa7\xb0\x8c\xc8\xe5eN\x06\x0bG\xdd%\x12N\xc0\x04`\x08\xa3\xecim\xfc\xf0^C\x86&lt;\xadx\xa0\x1f\xbd\xc8\x10I=|\x8a("\x168d\x16\x87\xdf\xa1\x14C8F\x02\x16\x11*\x07\x06\x8d\xc5\xaa(\xa2\xbeew*\x16:iF\xf3\x04\x86\xe7\x94&lt;KhZ\x01\x89\xe5\t\xcfJ&lt;\xa7c\x043\x1dG\xa2\xac\xb1\\\xa63E\xd2\xe9\xda~+t\x13\xae\x97\xa0\x8d(\x88\x98\xd3\x04\xa9\xc0\xc2g\xbcdf9\xc2Kz\x89\x98\x05b\x96\xe4Cm\xb1\x8aI\x96\xbc\x8f,U."\xd1\x83H\xad\x04\x13)\n\x8e\xa1\xacp8\x92\x92\x8e\xf0\x0c\xc1\x84\x92t\x8c\x08\xac\x9c\xa6\xa67\x94\x14\xdd\x7f\xa0hl\x99%\xa2c\xa8\x9d8V4#%p"Y\x916O/\x01\x8d\xd1c01LMN\x1ei\x9a\xf0\xc7\x82\xfe\xbf\xc4j\x83\x12D4C\x10\x96\x13\x10Z\x10\xcf,1"\x14$f\x88\xa8\xa3\x13\x93\xe8\x88$)\xc9\x03\r7CC\xb1\xc1P3\xe9\x7f\x1b\x87\x0cZ\xc700\x18\x0e\x1c\xcf\xf3Lk\xa5\xa0\xdb\x04\x8a\xa8+\x06\xb0"\x11V9~\xa6\xa1\xe1ih\x11\xb3*\x98\x1eS\x99\xceeQ\x90\x04BW\t\xec4\x92\xc4\xa8\x1ba\x0b\x8e\xa8o5\xac\x85\x9c$*%\x93v\\\xfb\x15\xccCu\xd1B\x8f$\x9e\xce@\x91\x17\x04\x81\xa9\xd5\xa4\x08\xaaP(p\x11\xba&gt;\x0b5\t&lt;\xb5\x9a\xd9l\xae\x11\x89A|5\x8a\x06\xcd\xacUR"HO\xba\x1dK4\xd8#\\!\x12i\xe14O7\xf19=}\xb1Y/\x97\xcb\x95f\xb3Y\x88\xbc\x8eD^\xd7j5\x1d\xa1\xdb&gt;\xabYt\x19\xc2\x87\n\x07\x07\x91\x9a@I\xaa\xd5j\xa6\x9e\xcdf2\xe5r}s\xee\xcd\xc9\xc9;\xb5\x1e=z4777\xbd\x96\xca\xe2o\xd5j$R\x83\xf1$"V4\x93\xeb()s"t*d2\xd9l*\x95H$Fn~{\xf3\xea\xbd\xed\xed7\x8b\xcf\xc7\xc6\x9e?\x1f\x9b\xba=55\xb5\xb8x\xf2\xf9g__\x1c\x1e\x1eN\xc7R\x99j\x84Q\xd7jvO\xab\xc3xP\x911}#\xcd\xf8\xfdt\xda\xed\x9e\xec\x99\x98\xf8\xe3\x97\x1d\x9f\xf6\xf6~2\xd5\xdb\xeb\xb3D-\x7f\xf2\xf9|\x16\xe7\xed\xde\xdb\x83\x83^Gp\xc2\xde\xd3\x1er_\x8fU\xe10\x04\x9c\x98\xd4\xa8\x8b\x86=\x85E\x13\x0b\xf1\xfb#nwh\xd2&gt;\x1e\x0c:\x1cC\xd1&gt;\xcb\xa8\xd3b\xb1\xccDg\xf0\xecC\x8d\x8eF\xbdC\x0eG\xd0no\x9f\x0c=p\'2\xaf\xe9\xc6\xcf(\xfb\xda\x1c\xc6gI\xa4\xb9\x14)\xaf\xb9Q\xa1v\xfb\xf8\xf8\xfc\xbcc\xc8KI,\x16\x9bm\x06X3}\x00\x1b\x8dF\xbd\xe0\n\x8e\xdb\xed\x0b\xa1\x07\x0f\xbeI@/\xe4\x05\x97\xd3dM5\x1cT8\x8e\x17\n\xf5\xb4\xfb%\xb0\xb6\xc6\xc7\x83\xf3CC\xdeh_\x14XV\x97\xcbj\xb3\xcc\x00\xado\xa6\x0fXCC*W{\x08r\xa53\x11\x98\x0b\xa6\xd7d\xbd1m\xe4A\xc5\x17R\xf0\xd5\xb5P\xfb\x16\xa8\xd0\xc2(\x15k\xc6\xe62\x1a\x03.\x97\xcdf\xa3\xb2E\xa3QP\xcd\x03kk\x01z\xb9\xb3\x11\x84\x18\x91\xb8=\r\xaeg\x86\xf0\x99\x8c\x9c\x14\n)\xb7\xfb\x81{\x12b=\x9d\x9f\x1f\x8a\xce\xccP\x14\x97\xd1\x1f\xa0e\xb3\xb9\x02\x01KT\xd5\xcb1?\x0e\xae\xf6\x85\x90;V\x90h\xa4\xf29-L\x7f\x04k\xa9Xitf\xc1n\x07\xd6\x90\x17T\x01\xa3\xcb8\xeb\xf1\xcc\xfai}\x8f\xaf\x11zy\xa9\xbb\xba\x9e\xa2\x8d\x0b\xa1k\xb1*\xa2\x1f\xa5Et\x19(\x16\xe2\x01j\x85B\xa1\xad-\xfb8\xa8 V`\x16\xb5\xb4\xba\xba\x84\xef\xea\xaa\x07|\xb3F\x9b\x85\xba\xcb\xe1\x98\x7fJ\xf5\xba\x16\xcb`\x1a`$\xe574P\xab\xd8`y\x0c\x9a*\xc5j\x07U\x90b\xad\xd8\xfcK\x9e\xbf\xccz\x96\x96\x96^\xbd]}\xfb\ntK\x1e\xbf\xcbe\x19\x1c\xf5\xbe\xb7\xd7V(V/\xd3)\xc5*g\x1aDD\xb1\x82|\x88\x1421wh\x81Ru9\xe89\xb4\x19\xfdF\xbf\x7fv\xc9\xb3\xb4\xfa\xea\xd5\xdb\xb7Pm\xd5ct\xb9|N\xe7\xa0\x1a\x12\xe0\x9aL\xd4\xcb\xd5B\x04\x97\xa3\xe4\x07\xbf1\x1aL\xfb\x08S\x8c\xc2L\xea\xfaB\xbb\xdd\xde\xdd\xe5@\xd1\xd4\xb2Ya\xad\xbfy&lt;\xc0z\xb5\x8a\x16\xfa]\xd6[V\xcb\xe8\xa8\x8a\x15\xec\x1e\xb7O&amp;\xe2\xe5r\xb3\xc0\xb1\xca\x87_#\x0c\xa6\x92"\x03\xab\x9aI=\\\xe8\xef\x19\x07V\x17=\x89\xd1\xe8J@u&lt;\xc5Z]\xf2P*\x1f\xd2\xdeK\x07\x90C\x95k2\x91*S.%\xaf\tV^aA\x05\xac\x10\x02&gt;\xd8\xc2\xfakt\xe6G`Q\xd7\xab\xb6\xf7\xf8\x8d\x01d=\x8a\x1eEj.\x1c\xc6t*\x0b\xacf\xbe\xd28\xd0\x00\xab\x92\x97\x81\x95\x8d]\x7f@\x9d\xd5\x15t\x00\xcb\xdb\xb7bs!\x14T\xd3\xd3\x90\xb0\xdaVf\x10\xb1\x83\xc0\xf2v\x00\x8bF}:\x16\xc7\x16\x06\xaa\xc6\xc6\x87\x0eT\x83i#\xd9P\x9a\xcdL*\xf6\xf0Z\xffD7\xb8\x1c\xea\xa0F\x9c"D\x8d0\xbdg\xf6{\xa3ueef\x05#{\xd4K\xb1\x86\x80\xd5mow\'\xe2\xear\x98K\x96&gt;&lt;\xd6~.YiB\xac\x1b\x0f\xaf\xb5Otww}A\x1d\x0f\xac\x15\xdb\xca\xca\x8f\x01\x97\x1fR\xcd\xfa\x8dF\xbf\xd5b\xf1\xf9\xfa\x86\x86\xd4\xe0\xea\xea\xea\xeeiw\xa7w\xeb\xe5z\xa5\x92L\x96\xc2\x9a`\xd5\xeb\xa9\x1b\x0f\x81\xd53\xd1\xdd\xd5q\xa5c\x10[\xcdJ \x80y\x88\x87\x1fi\x8f\xd1\x83w[\xc0\xd67\xe8\xf5\xc2|\xc1 \xb0\xfa\'G\xd2\xf1z\xbd\xd2H\xe6\xf64\xc0:\xce5N\xeb\x10\xeb\x86{\xa0\xbfg\xa2\xab\xa3\xe3\xd3\xc1\xd1&gt;\x1f\x864\x15\t\xe1E\xbf\xc8\x07\x7f+\xb6F\x07\xaf\xe0 \xa2\x89=\xfd\x9d\x93#\xbb\xf5SP\x01\xcb\xf4\xe1\xb1\x8e\x93\xa7\xf1\xd8\xf5\xeb-\xac/\xaf\\\x01\x97\xd35\xebWG\x0f\xb2\xc1Cm\x8f\xd7Y\xa3\xcb\xe9t\xf6\x0ev|\x81s\x11\x1c\xef\x19h\x9f\x84\xbb6\x93\xc9\xdc\xb1\x16j\x1dR,,\xf07\xd2\x9d\x03\xfd\xfd\xc1\xcb\xbf\xbb\xf3\xe71\xab_\xc5\xa2I\x8a\xe7[\xf5\x07\x0e\xa4\xd59\xe6\x1c\xbcr\xf9\xbb\xef\x80\xd5\x8f\x1d\xd5}\x7f\xf3I.w|\xa8\x85\xb7\x8e\x0fs/6ww\x13\twgg\xe7\xc5\xaf\xffqrr\xb2\xf3x}}\xdd\xb8n\xa4f\xf7{0\xaa\x11\x12\x9e%`\x8d=\xde\xb9s\xf9kX\xb0\xa7\x87R\x8dL\xbf\xb8\x0b*-\xb0\x0e\x8e\xcfr\xc9\x17kk\xbb\xe9\x91\x91\xf4\xda\xd5\x9b\xdf.O//\xdf\xdb~s\xb2\xb8\xb3\xe3\xb3Z}&gt;\xabQ\xddm\xfe\xf9\xd3\xfa\xce\xce\xd4\xbf\x16O.\xfd\xfe\xe2\xc0W_\xf5\x0ftN\xba\xa7\x97\x9fh\x87u\x98K&gt;\xd9\xdc\\K\xc4R\xa9\xf8\xdaZ&lt;\xd3l\xe2\xae\x98\xdd\x9d~s\xf2\x89\xcf7\xea\x04\xdbc\xdc\xc6\xde\xbd;\xd9\xbe7\xb7}o\xfb\x1ej\xf8\xe2@\'\xc5\x9a{t7\xa9\t\x96\xe1\xe0\x90b\xbd\xd8\\\xc3\x8d5\x1b\xcff~\xc5\xa5\xf9\xf5\xeb_\xab\x99\xdd\xe9K\x9f\xff\xc1\xe9\x1cs\x8d\xed,\x9e\xbcYF\x16 &lt;\xeb\xa7\xf1\xcdiZWG^~\xf3ryn\xee\t\xd4:\xd3\xe0\xbf\x07\xc53`\xdd}\xb2\x19\xcff\xe3\xbb\xb8\x97\xa2~\xa0\xf5\xf7Xz\xf8\xb3\xde[\xb7\xd6\x7fz|\xe7\xd2\xf0\xf4\xbfi\xb5\xbf\x9f\xb4\xd24\x0e\xe0s\x05w$\\\x18r&amp;\xa6\x1c\x02N\xb5\x107.IuN\x01\x13\x03Y"\x90\xa2xs@\xaa\x17\xc5\x94\x80s\xb2\xc1\x1f@\xb2r\xd2\x15\x16\x11NKc-\x8a\x8d\xe89\xd8\xd4.\xdb\x8aL\x9d\xc5\xaa\xad\xc8\xa6I\x7f:\xa5\x8e5S\xb2M\xfd\x91\xa8I3\xa95\x93^L\xf69N\xe7?8{\xb8\xd4\x84\x8f\xcf\xfb\xe4\xfb&gt;\xef{\x1c[\xda]_Y_\xbf\x04\xdb\xd4\xd8B,\xba\x10\x8b\x05\xe2\x85\xa1\xdeA`\xfd\xf8\xff`\xbd\xf8\xe1\x0f\xd6\xd8B$\x02\xbdU\xf6z\x11\x8b+\xe1\xf1x,b\xa1V\xf1\xcf\xbf\xf6W\xa9\xdc#\xf3o\xd9g~\xf6\xe4YX\x08D\xa3\xb3\x81\x08\x1c\xff\xc3w\xee\xdc\xf9\xe5\xa1\x88}e\xcb\xe5\x1a~5\xf3\xc3\x8f,k9\x1a\x8dE,=\xde\xe1\xe1\x8d\xf2t\x8f\x05b\xcc3\xe2\x91\xf1\xda$\x9a\xe6~^\xa7gd\xc4\x93\x88G\x86\xca\x1b\x1b\xde\xa4=\x12\xb9\x15\x8f-@#:\xd8E\xbcv\xed\x97UQ\xc7\xcc\x8c\x88\xc3\x86\x17\x89:NX\xcblFD,\xf6\xc8\xc2\xcbw\xef\xde\xdd\x9f\rx\x12\t\xcf\x88\xebLS\x83\xa2\x02S;\x13\x89\xd1Q\xb7\xdb\x1d\x8f\r\xf6N\'\x93=\x08b\xb0;b\xb1H\x0cX\xd7^\xbdzzof\xaf\xfc\xf1!go\x81:V\x1f\xbe\x80\x11\x82]\xc3\t\x88\x88\xf8\xd8\xec\xd2\xa5\x95\xaf\xa1\x85\xeeG]T\xa3\xcb\x9dh=\xaf\x0f*\x9a\xce\xba\xddNg\xc6\xe5\n\xcc.\xdd\xbd\xfb\xeee4^\xb0\x1b,vG$\xc2\xb6\xfc\xf2\xf6\xf6\xd3\xd5=\xc6O\x8ds4u\xf1;n\xd8-\x1fW\xdf&lt;x\x15^\x8eA\x0fG\x02\xf3\xbb+\x97\xd6W\xfe\xf2\xb7\xddW;\x0e\xcaZ\xd9\xe8vN\xd2\xa4.\xedwQ*\xa9\xb5\xd5\x1d}\xb0\xbb\xfe\xed\xca\xca\xa5\xdbc\x9e\x82a\x08\\\x90p\xbd\xcb\xf7\xc7\x92\x1b\xb8\x8f\xc9\x14\xdep3\xde\xf0_|*\xf8\xad\xe5\xc1\xfb\x0f\x80\x05\xaa\xc8\xad\xf9\xdd\xa5\x07K\xeb++K;Ge\xea\xecy\xca=\n,=\xedwv\x9a\xda\x18j\xfa}x\xe9\xee\xbfV\xd6\xbf\xbd\xb4\x04,p\xd9\xed,k\xf6V\xbd\xae\xa1&gt;\xf3\xeb\xb3#NX\x90\xa4\xf6L\xa5\xc9t.\xf0\x12X\x0e\xbb\xdd\xe2\x9a\x7f;\xb6\xbc\xfdv\xf7\xed\xd8xYj2\xb5\x14\x80\xe5\xfb\x9d\xc5\xd3\x15\x8b\x1bGk\xb7\xd7\xbf^\xdf\xdd\xbe\xbd;O!\xd0b=\x06\xfb`\xefT\x14Uht\xaa\xc4\x93\xdc\xd1\x0c7\xac+O~\xddDj\xbc\x96\xed\xf02$\x03"\xb3\xb8=c\x81\x85@|().\x11\xff\xde\x905\x8e^\x9d\xf4\xe9t\xbeIgc\xcb\\\xaaTD\xa7c\x90\x13/\x1d\x81\xae\x91\x8c\n-{\xc5\x88}hj*6\x9c\xb2\x893\x99\xfd\xc3\x8b\xdc\x9c4:\xf6\x0e\xf6\x7fr#\xa8}\x02X\x06\x14U\xc9,\x16\x0bE!\xe5\r\x82\x98\xbbx\x11\xed\xbc:\xda\xda\xae\xd7m\xf9&amp;3\x8dL)5W*\x16\x91!G&lt;\x16w\xbb\xa9\x16\xabx\xd8&lt;\x8c\x1a\x86\xc6\xc3\x91\xe1\x8br\x15sv\xffC\x8a\x13\x16\xbfc\xef\xf0\xbf\xcf\x12\x05\x03\xb0\x06Y\x16"CZPq\xb1\x04\xa8T\xea\xe8\xf2\xb9J\xe7\xa8\x9f&amp;\x83[\xbe\xb3\xad\xcelq.E\x84\xc8\x90|\x03U\xa9d*\xab\xb4F.\xff\x83%\xf6"\x8c\x9e\xce\x7fX\\\xe5&amp;\x1e\xae\x1c\x1f&lt;\xf1;#\xb7&amp;\xc2\x8e\x88\xacE\x8c\x1aPuM\xa9\x14\x82\xb1\x06&gt;R\xc6\xeftf}}\xc1 \xd9Ne\xfc\xed\xa1T*5\x87\x11!\xa8\x19\xa0\xa4Ufy\x8d\xf4\x84\xb5 C(\xba\xcf\x97?^\xe4f\x11E\x8f\x815\xb9\xe9\x0eD\xd9\xdeB\x87\xc5\xa8U*g+\xc5\xaaBg\xb2\xadN\'\x83o\x01\xab\xd8I\xf9\xcf\xa6\xd9!,e\x9b#B!\x82\x90\xf3\x04\x82\x1a5\xfc!Ck\xe1\xb1FY\xa6\x9eei^p\xd3\xf2?\x07\xe9\xc9v\xea\x84\xe50\xa05\xf0\xc8\xcd\xd0UP\x96\x14\x91fZ[]\x99v\x9c\x04V:KuN\xd2\xb8\xed\xfa\xc9\x93\xb2a\x18!\x10\nxj\x141\x0c}\x9a\x9a\x8d;\x9f\xe0\xdd$}\xf8\x9f\x0en\xf6\xc3{6\x9a\xa6\xcf\x8d\x06\x16~gU\t\x85\x02\x0117g\x03U=\xcd^\'g\x18\x1f\xd9\xdd\xa7\xa7\xb3\x8d\xad\x95\xd0\xfc\xa9/.\xad\xd66W+\xac\x825\xb4O\xbf\x9e\x1as=\xa1\xfb\x82\x8b\xfa\xdc\x15nvE\xfeL*M\xea\xbf\xf1\'&amp;v\x96\x1dv\xb4FP[\xdb\xa6\x85\xaf\xd4ju\xa4\xfe\xfc$\xec6\x14\xb0\xfa\xfa\xf4\xe9\xac\x13\x9a\xab\x1e\xf6GV\xa5\xb8\xaeQ(l\x03B\xb9\x1a\xed\x19\x02V\xbc\x93\xee\xeb\xeb6\x06K\x1c\xa5&lt;$\x04n\x0c\xeai\xd7\xc4Z/\xb0x\x82\x01\xad\xb6\x1f\xc6d\x8c$I}\xfd9\xa7\xcb\x9dap\xa8\x16\xc9\xb2@\xd8\xd4\x17\xd4h\xae+\xd8k^\xf8%\xa5\\\x0c\xac\xf1\xf7S=R\xf2\xf9\xe7\xe3`\xb0\xc8\xd5\x91_\xb4G&lt;\xff\xfc\x81\xb6L\xacM9\xec-5\xc2\x01\xadB[\xd7\xadk"\x9bH\xb2Z\xe5*\xb8\xa9"\x19\\\x0c~a\xd5\xb3\'m\x8d\x06\x0e\x90\xac\x0bS\xd6\x00kz\xeduo\xf92\xf9\xdbo\xc7\xdd[\x0cG,&gt;\xb0\x8c\x9f?\xfb\x0c\xb1p\xd8aA`\x11\x07\xbe\xd364\xe8t\xec\x8d\xbcR\xd6\xda\xe9\xcc\xe2\xc1\xe6f\x96\x95\xa12\x95M\x92`ww\x90e\x19\xd9j\x85Lbth\xfc\xf5\xdar\xf9\xb2\xfe9\xb0p\xe61g\xd5*u\x1f\x7f\xf6\xc9\x16\x96Y\x96\xb4\xaav`@2\xc0\xbe\xb1\x90\xd4)\x88\xcel%\xd5\xa2\xabx\xfc\xb8\x19\xc3\x19\x7f\xb6\xb5\xb2\xcd\xb8\x18\xec\x0e.V\xb0w\x00,K*NB\xb1\xc2\x8e\xb2\x99&gt;&gt;&gt;\xc4|\xf9\x9f\xf9\\\xf5VQ\x7fx|p5\x0ey\xfa\xa5\xe5\xdb$\r\x12\t\xabB2\x8c\x8a\x12c\x9a\xbf\xff\xa3\xd9\x16\xb22L6Kh\x8c\x8b\x8buu\xc6/,\xa2\x06\xeda\x8b\x15\xd90\xd1\x87&gt;\x1c\xa3\xf1{\\\xcd\xa6{\x0cn\xca\xef?\xbb\xb5\x1d\x1e\xb4\'\xbdf!\xb0\xdap\t\xfb\xd5\x84,cU\x15\x10\xc2\x96\xd2h\xe7\xa4*\xa6\xc8P!\xd6\x03?3\x1a5l\xb1BR\x04X;\x13\x8e\xcbL\x9ef\xdas\x07\x04w\xac|\xbe\xa5S5z\xc2B\xbcr\x81\xb2\xadv\x00\xd3~WWQ\x81\xc9\\\x94\xa7\xab \x85\x18+!\xd0\xfbL\x96*\x01\xab\xaeN\x01*`\tCr)\x9a\\{=\x15\xb5{\xfdi]\xfb\xfe\xc1a\x8a\xab\xf7\xd6\xa2+\xb9|V&amp;\x97\xc5\xa3\xe1^;"\x1e\x96W)k!$\x14\xc6\n\x8d.\xe3It=\xea*\xa0^q\xe1\xe6\xa3G773\x99\x92\xa6\xb9b1\x08\xf1\xc0\x16\x0bX^`\xad-GeV\xb5\xd6\xc6\xec\x1f\xe4\xb8\xea\xf8\xafD7\x8a4%\xb3V:\x03S,\xcb+\xaf\x82u\xb4\xb1,\x85&gt;\xfb\xd3\xcd\x11OW\x97\xdb\xe5\xee\xeaJd2\x9b\x9e\xd1\x92\xb6\xa2B\x11\xacccK[+4\x9bY\xd6\xceD@v\x1a\'\x89b\xdeW\xe2\xec^\x97\xbf\x8a\xd2E\xeb\x85\xc9\xab\xf1\xa9)`I\xa1\\B\x1b\xcb26\xe8\xd3\x95\x14\x95q\xcfw\xc1IL\x95\xcfg77\xb3\xa4DS\xc1^\tB:\xd8X\xd60:\xfdig"R\xf4\xe1!\x8c&lt;\xcc\xedqv \x13\xcd\x1c\xa5\xc9\x1c^l-\x8cO\xd9\rb)\xbbU\x9fT+\xa8\xd3\xe3\xb8\xc9d\xb5\xa22\x19b&amp;\xd2\xc5b\x1a\'u\ru\xc6:\x89\x04\x83\xed\t\x13\n/\x9b\xbdI\x96\x95$s9rk\xeb\x90\xe0\xee\x12\x9c\xcf_\x15\xd3t\x9e\xc9\xaa\xc6\xc3\x0e`\x81\xcb,\xc4\xb0:-v\xc2R\xaby\x17/\xce\xd9\xfam!\x1elGM}\x10gu\x12\x0c\x03\x95R($\xe4\xe2$\xe4C\xaf4\x18\xcc\xe5r\x87\xa5\xc7\x1c\x9e\xf7\xe1HV\xcc3LI\xfci\xc7!C\xa5P/\xb3P\xd9\xd6\x80)\xab\xa1V\xea\x0b\xa7\xab\xfb\xfbm\xda\xfe~%\x0f\xc7\xf5MM:H4\x0c\xc3l\xb6\xea?U\t\x04\xc3b\xc8\x87\xf7\x9f`\xc0&amp;\xf0&lt;\xa8\xb8}\x9bx\xe3c\xb2\\\xfe\xf8\x1aX-bv\x14\x16*u:\xa5\xf2\x94\xe9\xb4\xfa\xc2\x99\xf3:\x05\xb4\xb7\xa6\x1f\x90\xf5xSSS\x03\x06\xb9\x86\xd9j\xabq^\x15\x8c\xa6=\xe3\xef\xdf&lt;}\xb8\xbawt\xb4\xc7\xf1\xffU\xf2\xf9\xa2\x99\xd5\x87\xab37v\x06-\x08\x8a\x8ak\xccD\xa8:$\x14\xf2\xfe\xacV\x9f&gt;\x8d\xeb\x14\xda \xa6\x95T\xe3\xdf\xd4\xd7\xeb\xf5\xa7\xda00\x03\x8b\x08U\xf1`\xeb\xe9\x19\x7f\xfa\xfd\xd3{"QG\x87\x88\xf3\xf7\xaf|\xf6\xc3_]\x1b\xb4\x18\x10\x142"\xc4\xe3\x99k\x85&lt;\x98\xd6M\xa64\x89I\xfa\xba\x17\xb5\xd8\xa9t}=\x0e\xacZ\xc1\xa9S\xcaZ!\x01s\xbc\xf8\x7f\xbc\x9coH\x1by\x1a\xc7}5\xbe\x0bF\xe9z\x03\xd9$\xcbLj&amp;S\xff\x10\xc5\x83ff\xe7^\x9cr^\x18\x9c1\xcd\xd1\x8c5fk\x8c\xc4\x04\xbc\x92\x84\xcd\xf9B\x8f4\xe44Q\xb14\xb5\xa9\x9atu\xab\xb2\xc7\x15Z\xa3t\xb5p\xb4\xa7\xc2\xe6\x12\xe9\x16\xea\xa9U\xa9\x9c\xe7q\xe7\x96V\xca\x15,m\x8f{~\xb1\xf7\xe2\xde\xed\xdev\xfa\x8c\x88(\x92\x0f\xcf\xf3\xfd=\xbf\xe7;\xf3K\xb4\xf8\xe4\xcb\xcd\xcd\xb5[h#\x94\xe9(D\xe9\x835\xc02C\x8f\xa00\x8c\x16\x9cN\x9a`a\x17\x9c\x9d]\x84E\x06\x8a\xb6E\xf4:\xb5\xbe\xba\x02x1\x98\xe4\x11\x95\x88\x03\xd6\xfc\xe6\x9a\x9c\xa7O\x0b\x1f\xec\x05Z,-f\xad\x06\x19\xad\x90\xf36q#\xbb\xba\xba\xb1\xba\xba\x9a]&lt;\xc8f\xb3\xb37\xa6\x1eu\xddnnnvb&lt;\x16\xd1QTP\x8b\xe3\xfe\xc9\xbd{\xb9\xafe&lt;\x91TP\x90\xc7\x82|i\x01KP*Yr\xe3h\xfd8\x8e\x8eV\xf3\x91\xbd\xf1\x08\xf6m\'mDj\x0fj\x10\xd6h\xee\xea\xda\xa6\x9cX\x85\xd39\x84\xd5\x02e\x04\xefS\x81\x99n&amp;\xd6\x8f Y\xd9,|A\xac\xae\x1e\x1d\x1dm4\xadt9\x05\x1e\xd3\x11\x1aD5\xe6_\xde\x9c\xdf\xdf\x94\xf5\xccb\xeb\xfcD\x18\xb0\xa0\xd5\xd3]\x15\xd5\x95\x86\xee\xa1\x9b7\xb3\xd9\xc5\xc5\xb9|,\x1e\x1cdW\x8f\x127gY\x85\x80\xe9h-\x18p3\x0e=~&gt;\xd7\'/V\xe9\xbd\xbep{4\n\xea\xa2\x15J\x9d\xd1\xa0R\xcd\xde\x98=X\x9c{\xfa\x144\xffx\x0e6\xc5\xd9\xec\xac\xcap\x12\xdah\x17\x01\xf5\xc3\xcd\xfe\xb1\xc9\xbd\xabk\x13\xf2b\x15\xde\x02\xf3\x83nkkihZe\x86\x1b\x06;\xbb25\xf7\xf4\xb7\x88\n\xd6\xe2\xd4\xca\xd4\x94\xdd\xde\x88\xc1\x00\xab$\xfc~\x00\x1b\x9b\x1c\xfdz&gt;01//Vk.\xd0\x1enio\x19\xa3\x94\x02f7\x18\x0c\x12\xc1\x1am\xb6\xa9/\xbf\x9c\xb2\xd9l\x91H\x04\xe3\xa7\xa6x^\xa7\xac\xe8\n\xfa\xcd~\xff\x18\xd4\xf0\xea^\xb8O^\xac\x82\xd2Mp\xd6\xed\xe1\xb0\x9f\x10h\xde`/[1\xf2\x84\x91\xaf\xe4\x1bW\x1a\xf9JL\xadV\xebl@\xc5\xab\x15`\x0f\xfd\xfd~\xbf\x7fr4\xb79\x01X\x05\xf2b]\xdd\x0b\xa0\x87=f\rE\xb0\x06\x89-;\xc9\xf3\x98Z_\x07\x11\xd1\xeb#j\x9b\xdaf3\xb2FL\x1d\xa1\xc6\x8e\xb1^\xce\xef\x0f\x86\xfb\xae\xca\x8d\x95\xdb\x0f\x84\xc3\xe1\x16\x915J&amp;QbO\xa2\xc7\x8agN\x9f\xba\x8b&lt;\xe1\xe9j\xf5/~\xca\xb3+,V\x89\x11x?*\xe1r.7\x1e\r\x8f\xca\x8d\xb5\xb9\x9c\xdb\x9f\x08\x04Z\x18\x89\x05,\xbb\xfd$l6@\x05f\xf5\xc4\x1f\x00\x0c\x1d\xbf+cy\x90\x98\x16\xef\xef\x87\x12\xeem\xf6\xdd\x89\xf6\xcb\x8e\x95\xfb\xe3\xda\xde~ \x90\x1f\xbbD\x93\xa9\xb6\x11\xb0\xea&gt;\xc9[{\x94\xaf:\xbd\xadq\x8a\xc7\xb0JB4\xf7\xf7O\x8e\xbe\xcc-\x0f\\\xb2|\x00\xac\xf1\xbf-\xef\x8d\x06\xc0]K"`\xd9y\xbd^\x7f\x06=\xb1\xfe%\xf8\x8aO\xce\xd4\xd5\xd9\xa6\x8c\xbc\x1a\xa3X\x1ca-\xef\xad\r\xf4ZZ\xfc2cA\x83\x18\xff\xea[\xb0}\xe8n\xa5\t\x82\xe51\xbd\xfe\xf4)t@\xe3\xc2\t\x94\xad:\x1bo\x84l\x11\x12P\xf5\x8f\x02\xd55\x8e4\x8f}\x00\xac\xf8\xce\xb7\xcb\xcb\xe1\xe8\x12cR\x99L\x06HMu\xf3\xa9\x13\xe8\x99\xfe;\xac\x93&lt;\x05\xae\x03\x92\x15\x18]^\x1e\xff\xfd%\x921\xcb\x9f\xad\xbd\xc1\xde\xf8\xce\xc0&gt;\xa4\xcbB\xa2G\xe9,\xf4\xa8f\xf0\x84W&gt;\xfd\xf4\x0bt&lt;*\xa2\xe6y\x82ET\xfd\x81\x89\xd1\xf1\xb4\xd7\x82\x8b\xa2\xecX\xd3kQ\xaf/\xbd3\x10\x08Gg\x96\x1c\x00\x06\xab.r\xfa\xe7\xa7\xbe\x00S\xd8\xdc|\xba\x0bZ\x17\xc6J"\x03\xb9\n\xb7\x8f\x0f\xa4\xafq@%\x9ae\xc6*}\xb0\x1f\xf5xz\xd3;\xd7\xee\x0c\xde\xf1,q\x16\x86%\xb0\x08X\xecf\'|)o+\x150\xbdK8ii\t\xb7\xdf\xb9\x96v\xa5g\x18Q\x12q\xb9\xb1\no\xf5E9\xce\xe3\xdb\xb9\xef\x8a\xf7z\xbd\x9e%Rb\t\xbaK\t~\x10\xbe\t]\x02\x9a\x93qr)\x1a\x1d\x04\xa8\x9d\xb4\x97\xd4jP\xee&amp;e\xce\xd6\x9f&amp;,C\x16\xce\x13\xdf\xe9\xect\xc5}^\xcf\x10#I\x9a\x18ES\x14\x05\xae\x96\x8eQ\xb0\x04\x97&lt;\x97\xee\xf4\x02\x94\xcb\xe5\xb3h\x83\x14+\x9a\xe4\xc6*\xb8\x17\xb0\x80\xa28o\xfa~ggg2\xee\xf3\x0c\x918\xaeA!\x89Z\x98FE\x9c\xf4x{}iW\xa7\x0bQ\xe1A\x9a\x82M\xeaC`\x91\x0cCr&gt;W\xe7}\xb8\x92\xbe\x84gi\x88dp\x08\x06\x1dz\x18Z\xf2\xfa\xe2qWg\x9e\x8a\x03*\x01\xb0p\xf9\xb1\xc2\x16\xd2\x04)\xe1z\xd1k\xa3\x8c\xad\xfb\x12\t\xaf\xe78\xbc\x88)\t\xbf\x85\x02\xa6\x11\x95 \x80\xd1\x90\x18\xb2\x7f^\xe6\xa19`a`p\x10I\x8b\x17q\xdd\xbf\x8f\xc0\x92\x10\xeb\xe8B?!V\x97+\x19\xf7\xa2\n*\x14\x11\x8c\x10\x01KV\xe7SPx/\xcc\x91&amp;\x18\x1e\xb4\x0c\xe7\x8d\xa7\xf3`\x88\x0ch\x92\xef\x90P\xf9\xd2 :R\x1b\x0b)\x14\n=\x06;\xba\xccX\xa5\xd3\xb9v\xb7\xc3\xc4\xb2lPK"\x15\xb9\\\x88\x0b\x91\xbd\x0b\x84\x14\xf7\xf9\x123\x88\xca\xa9T\xea0\xb0\xb0&amp;\xb2eoZ\xbew\xe7\x16\xb6\xfe+\xdc\xee\x1e6\xb1\x14\x16#\xb4ftd$\x9eNC+\x00)\xa1\x1c\xa5\xe3\xd7|\xde\x19\x14\x1c\x89\xa3\x1b\xd2\x80\x05M\x03\xb0,\x93W\xb6\xa7\xf3GFd8m]z\xe1h0\xean2\xb1`\x02\xe1\xd5\x80\xcb\xeb\x83\xe8\x85\xb8tif&amp;\xcaE\xc1\xd9\x9aI\x0bi\xb10`\x8d**\x14\x02h\x9e\x90L\x0eK\xcb\xab\xc3\xdd\xe7\x17\xb7\xa7[\xdf\xf3{\xc0\xd1\xc7\x19l\x1f\xfes\x1c\xb0TvJ\'\xa0[\xb5$\x07k\xcf\xeb\x99\xe1,`\x07\xc7\xc6\xb4ZM0\x08\xfe\x9e1\x93$\xce\xa2d\x85BJE%\xb4S\x07\x17]}a\xad\xdf:\xfc\xc7\xddo\x9e\xb4\xbeW\xa8\xc2\xd6\'\xcf3\xeb\xe3\x9e&lt;\x16\xec7\x02\x1d\x14I7t\x05\xcea\x1e\x0b\xc6b4M\x0b\xa1PH\x88i`\xe59pBP*\x9d\x0b\xcd]\x18\xcf\x1aTM\xeeK\x03\xeb\xaf_\xa4\xca\x1b\xac\x99\xc3+\xd3\xef\r\xaa\xf4\xc9\xf6\xef\xee\xeene\xd6\x07=n\x87\xaa\x8c\x12B\xe8f-\xc1\x0c\xb9\xdd\x1cG\x8a\x9a\xe0_B!\xa7s\x01\xae\x10\xadAG\xc9@Z\xce\x85\x85\xe6j\x1d\xc6\x97!,oo\xaf\xaf\xf3\xed\xdb\xd7/^\xbcx\xf5\xec\xbd\x08\x0cA\xfd{w\xab&gt;\x93\xe9\xc8${G\x00\xcb\xcew9a\x95\t\x94Dr\xee!\x07\x89k\x82\x08\n\x85S\x88i!Y\x0eF\xe3\\\xf8\xbc\xb9B\xa1\xc6\x8cy\xacD\xdc7\x92p\xfd\xfd\xe1\xc3\xb7\xaf\xb7\x9e\xb7\xbe\x07\xae\xc2\xd2\xe9\x8b\xbb[UU\xf5\xd6TU&amp;\x19O\x80\xe4%\x02\xf4\xect\x86(\x89qpM\x0e\x06\xb2E\x87\xf2X\xce\xe3":\x1c8\xbd\xf0yOEE5v\\\xc4\x11\x84\xe5\x1e\xd9\xf0\xed&lt;|\xfd\xd9\xe1\xb3\x1f\xfdI\x16 \xa9gs\x19k\xc7\xd9\x86\x86\xf2\xffb\xa9$\x02S\x80r\x9c\x02\x0b\x00\x0e\x12\xb0b\xe8\xd6\xe01UP#\x92\x9cC\x03\x7f\xee\xe9\xf9\x1f\xac\xc40\x8a\x8d\xad\x9a\xfa\xc3\xbb\xf9n\xf1c\xea\xb7\xfd\xf8U*\x95\xaai\xab\xaa*O5l%\x93\x1b\x80e`a)*\xa0\x01\xe8$U\x93\x03\xba&gt;R\xbcp\x1b\n+@\xe3\xd00n\x0e\x8f)+zzz\xaa\xabu\x95\xc6wX\x89\xc4p7\xc4\xc1g\xe5\xd6\x86\x8e\xc3\xe7\xcf\xa6\xff\xdf\x1e\x86Du\x05A\xa5\xac5mmg\x1bR\xe5[G\xc9\x8d\x91a\xc0\xe2)\x94/\xa5\x82\x12U\x0eTD"H=\xca\x1f{\xa0b0\x05:\x1c"\xa6\xec\x01\x8f]\xad\xc0*\x8d\xf6Z\x95\xc3\x9d\xf0\x8d\x8c\x0cw_\xbf^{X\xd3PS\\\\\xfc\x93\xc3\xb9\x8bOZ\x7fx\xe7G}\xea\xc9\xcf\x0eRy\xaa\x86\xe2\xb6\x92\xb6*\xab\xb5\xf8MrdxXUk7Vb:\xe0R`\xac\x89a\x18\x18\xd7\xb5\x92\xc4\xa2@\xf7%EF%\xe9*@X\xd50BW\x1a\xcbjU\xaa\xe1\x84\xcf=&lt;\xdc]{\xee\xdc_\x8b\xcf\x02U\xd1\xaf:\xac\x99\xdd\xbb\xdb\xad?(e\x88\xa9u\xfb\xf1A\xc6\x9a\x8f\xf2\xaa\xe2\x92\x92\x92\xb6\xf2T\xf1\x9b\xf5\x8d\xe1n\x95\xc9\xc0\xe6\xb9\xaa\x154!\x9a\x18\\\x82.\x1a$X;\x0c\xd01\xd0\x16\xce0\x1a\xa80p\xa1d\xb1vS-`%\x10\xd6\xb9\xc6\xdd_\x97\xa0(\xfa\xa8&gt;e\xad\xcf\x1c&gt;\xfef\xfa{\xb7}\x90\xf9\x83\xed\x0b\xdf\xbd\xcaX\xcb\xd1U\xde\xd0Q\xf5\xf1\xe5\xcb\x97\xdb\x90\xe6\xd7G\xf2Xv\xb0\xad\x18\xd4QA\xb3&amp;\x93\x08\x92\x87n\x8aQ\xd0Qi$yF\xa4\xf3T(W\x80e\xa8U5\x81\xb2\x9a\xba\xaf7\xfe\xe6\xcfE%\xe7\x8b\x8a\x8a\xce\x7fT\x0f\xd1\xd1\xb1u\xf8\x1d\xd4\xf2\xfbd\x0c\xa0\xb6\xaf,\xbe\xca\xc0\xbfY\xeb\x81\xa9\n\xa2\xe6\xe3\xf3\xe7\xcf\x974\xa4\x1aj\xde\x8ctw\xabT&amp;;J\x17\xa6\xd3)t\xbc\x08\xe3\x97&amp;\x08\x92\xcf\xf7x$yQ\xfc\x0f\xe1\xe6\x13\xda\xc8y\x86q/\xd6\xb83H\xe3\x99H\xb3\x93i\x9c\x99\xd61\x92\xc6\n\xb2\xa4\xd1\xd4656\x8bKD\xb4l\xeb\xb0H\xc381\x82\x91\n\x93K\xb4\xb3\x97\x8a\xec\x08\x81[\xd8=\xf4\xe0\x80h\x8e\xebB!\xecA\xc7^B\x0ee/\x06\xabda/-\xd4\xa5ktH\xb4YZ\x07\xb7\xd4\xec\xbfn\x9f\xf7\x1b\xb9\t\xa5i&gt;k\xd6\x1e\xb3\x1a\xfd\xf4&lt;\xcf\xfb~\xef\xac\xbd\x0b0\xb8l\x1a3\x85\x8cee\x19\xd6\x87\x08\xfc\xfeN\xe6Q(7\x13N\xb3\x99\xd0\x88\xea\xe8\xc8\xf3\xbc\xa3\xe3\xcb\x0f\xbe\xddK$\xea\xe4\xcb\x08\nT\x15`\xd9n\xd1N\xe2Z)\n\xd7\xe1\xa7\xa8\xa6W\x97s\x8d\xacUHc\xbd\xfe\xe3\xc6\x1a%\xfe\x97l^``\x0b\xb8\xd7\x80\xc1es\xa6P\xc8d2\xd9\xc62\xc3\xba\xba\xbf\xbc\xb52t\x9aN\x02K\xf1|\xdb\xf6tM\xd3\x82 \x18\rY\xc3\xf8\x9665\x1e\x1d\x1eB_R\xb9R\x85XH\xa8m\xab\x89f\xdf\xcd\xd7\x8b\xde\xa7\x10\xebUp\xe5(\xf6\xb3\xb3\xe9\xc2z\xee\xbb\xdf\xff\xde\xc2\xeb??\xc7"\xae\x19\xc4\x0eT\x19\xfa\x8d\xf9\x89Z\x1f\xdeX\xce\xae\x1c\x87\x8e\x93\x88\t\x82\xa0\xda\xd1\xf5\x99d~\xe5\xf0\xf1\xb5?\xff\xbfF\xf6\x9d\x07O\xce\xc2\xc0\x07\x95_\xaf3\x0fQ\xcd\xba\x96\xb4\xf5D\x82\\\xcc\'\x1f_%\xac\xb5\xb5\\.k!\xf5\x08\xf5\xfa\xdb\xb8\xefY\xbcF}\xff\xa7lS\\\xb0\xc0k\x1a\xa4Uv+\x93\xcdFX\xfb[+o\x9e\t\x89D\x0cX\x9cf\x13W\x9d\xe2E|\x87\x87\xa7_|\xfe\xd17p\xc1\xbf[\xe30\x14C\xbb\x92\xf7\xfd|\x1e%X\x05\x16I\xad\xebN,\xd1w\xebu\xf7\xe8\xf7\xfb\xe8CH\xfdr.\xcbl\x9c\xb1\xd6\x17\x16\x17\x8d\x9bKK\xef\xb0\xed\xe7\xda\xa2U0\xccY#\x93\xb1\xf0\x11a-\xdf\xf8\xe0\x83\xe5-\xf38\x84\x7f$\x16\xe7y\x9a\xaa\xaa\x9a\xe6y6\xf2\xc5\xa4{\xfc\xa7\x07/\x7f\x83\x7f\'#\x85\x17E\xde\xab\xb0\xa4\x83\x0b\xc9\xd2T\r`\xb6\x1c#\xb9\xeay\xfd\xcb\xfd\xe5\xb5\x89^\xeb\x05\n\xbd\x95\x05\x97q\xf3\x87K=\xda\xbf_\x9aY@\xea\xa0\x15)Ehd\xe2\xda\x8d\xab7vV\x1e\x91X\x02Q\x05\xc0R\x14\x05d:d\xb3!\x99\xad{\xa3\xf1\xff0\x12R=\x19B*\x91\xe7\x08+_tS6\xba\x83\xad\'uz\xe8Z\x0c6"]\xee\xd1\xfeNn\x8d\xb0\xe8\xdf\xdcf\xd2f\xba\x90m\xac\xaf[i\x9a\xfa\xdez\xe9-PEX\x05+\x93)\xc0H\x86\x854f6\x87\x82@\x06r\x9c\x82\x02\xb4u\x95\xb84\xcf\xa6\xe5\xf9\xbe\xc7\x05\xc3_\xfc\xf7/&lt;\xbf\xfc\xd1\xad\xf1(\x94$`\xc1y\n\x95\xdbJ\xd9\xd5J\xc5N\x81\nz\xe9\x8a $ W\x15r\xed -\x10+G6\x9ap\xb1\xd1x\xdb\xa2\x9f\xff\xc2\xd1E\x0b\xcb\x00\xd5\n\xda{\xc1\x80\x950\x11.\xe6\xac\x99\xe3\x10T\x1c\xc7s\x1c.\x07\xe3l\xc0%q\xe8\x1eQV&lt;NQGO\x1e|\xad"iG&gt;\x19\x05\x81\x14\x17y\xc2\n&amp;X\xb2\xe7\xa3\x14\xa1\x94.k\x9a*p1&amp;W\xf0\xc5\xce\x0e\xbdP\x8e\xaa\x11\xa9\xa7t5\xd00,\x08\xb4\x9e\xcd\xb2\xfe\x8f\xde\x00\xb5\x08\xcfb\x9d\xab\x91M\xffv\xc4\x91T&lt;\xcf\x87\x9aN\x1aQ\x8b`MB\xd7T]\xb7=\x85\x13\x94\xd1\xf8o_qa\xcc{\x11\x06a&lt;.\xf1\x14-Q=\xc7\xd25\xdb\xaf\x165UN\xa6t]\xe0 W\xb1\x9eO\r\xa9\xe8s\r: \xc8,U\xa3\x95\xa5\x85=\xd1\xcaP\xdeL\x03&amp;R\xff &gt;j\xf5V\xe1\xcd\xa1\xc2\x98\xf0\xbe\x11,\x84\x9d\xea\x88\x1e\xaa\x8c\xf4k\xfa\xe1\xb3\x90\x03u0\xfcWT\x91,\xeagb\x18\xc6\xe7$\x9e\x93\xe8 \xb5\xf2n\xab\x95\x82\xf5~\x11\\\xe0\xd3\x93*\x07\xb9Z\xd5|18\x86\x00\xd9-+\xbb\xb3\x83&amp;aF;r\x86\xf2\x8d\xceo\xce\xa2\x93\x96M\x9c\x17\xcc\xa5\xde\xd2,+V\xac!\xb9\x07&amp;^\x0c=\r\xe2\x83\x85e\xdeqP\x90\xaa\xf7\xec\xb3\x87\x01\x89\x19\x06\xa3\x7f&gt;\xa0\xe4#\xea/\x10)\x89\xa8xQ\xa2?\x82\nm\xcf\xae\x9b\x94!\xb7O\x1d\x15o\'\xa5\xf3\x90Kv\x01|\xf6&gt;+\xff\xccV\xa3a\xa5\xe9G\xc0\xa4\xca\n\xe9\x03\xac2\x06\xad%\x83Qu:\xbd\xf2,I6c\x0c\x15\x86\x84C\n\x90U\x85\x84\xe38!\x96`X\xda\xb3w\xa7\x81E--\x0c\x02f\xe4\xad\xf1Y\\\x84TsqzN\\\xe4\xf0DP\xe5\x8b\xa8EYF\n\x8a&gt;\xbe\x84\\\xa9\x00\\\xd8\x82\xf2\xd5\xd4p\xdb\xd8^1\x8c\xed\xadF\xc6,\xd70\x84\x96M\x9c\x83\xca0\xccZ\x84\xb5\x02\xaa\xc1\x80\xe4*\xa4g\xb6\x8fY\xe3a\x1e\x86\xc9$\xba\x8e\xa2\x08\xe8\x10\xa0\xa2b\xf4\x9e\xbe;\r\xac\x18\x96\xc0\x85!\x199u\x86H\x89\x12\xa8 \x99\x18\'\xac8oq\xb5\x13\x00\x00\x05\xcfIDATL\xac"\xeb\xae.\xa7H/\x1b=\xccM\xc2F\x11r\xc1\xc6\xaa\xab\x1e\x9b\xdbF\xb9f\x1a\x99-\xe3\x8d\x1a\r\xc7\x9b\x9b\x06-\x88\xd5\xeb\xb5\xdbK\x08W\xb9=\x18tz\xb5r\xdaJ\xcf\x0c\x03\x8ea\xc1\xc6\x10\xcd\xc6\xcfW\x93\xd4\x0eu\xbcmll\xfe\xd3\x1f\xdd!,\xd6i\x91@\xec\x92\'Sq\t\x1fsL,1&gt;\x17\xe7\x05\x11XU\x17\x91r1e!\x05\x11\x16\xb8R\x81(\xc4\x9c&gt;\xc6\xfaV\xf8\xc8\xd8\x06@\xb9\x901j\xedv\xbbW37M\xd30\x11\xac\xa5v\xbb\xd3\xee\x99F\xad\xd7\xc1\xaa\xc1\xc4\xf4"Z\x03Y\xc8\xc2Eu\xa7\xe1\xe2\xac+$\xa9\xbf\x9f\xde}mz\xfa\x0e\xc3\xc2\xa2\xcdI\tFSDE\x16Jda\\\xe2\x80uT/\x12V+\x99\x8cv\x1e\xdbum`\xc9z\xc8\xc5b\xb0\xb1ZL\x9d\xbd_ \xa0\x9aa\xd4\xf0\xea\xed\x9a\xf9\x86\t\xa8\xf2R\xb9\xd6\x8e\xce\xcb\xbdy\xe0\xd2tc\x1d\x07\xac\x049\xaa\xc4\x80.\xa9z\xb8\x84\xef\xe3Q\xa9\x9f&gt;\xff\xdd\x85\x0b\xaf\xec\xee\xee\x02\x8b-\xb4m%\x08\x80\x15gbMb/pRX\xa9\xb8Ej\x11\x18o\xd1\x18\xc0\x95d\x8b\xb8\x04\xb2\xb1Xu\xfb\xc3\xdf\xacl\xf6 \xcb\x9b\xc4Q\xea\xd5j\xb52\x0e|n#R\xe0\xa2\xff\xce\xb9Y\x83\xb5[D\x05$\xe4[\xe0Ul\x18h\xf0\x9a\x8d\x90T\xf2\xf5\xdb\xa7\xcf\xef\xef\xd2\xbap\x8e\xe50\xc1\x14`\x01\x86\xd4\x8aK\x12\x12&amp;)\x828\xaa`\xc4\xc2\xf3h\xe8N\x91^:&amp;fR\xceA\xea\xc9F\xdc\x06\xb5\xd4\xe1\xcafm\x1e\xf6\xd5\xcc\xdaFi\x1e\x81j\xcf\x97J\xa5\xda*a\r\xf0}P\x95\x91,\x83\xfa\x15G;a\x8c\xe3\xd5\x14\xeb\x9cE\xdb\xae\xa2\x05\xd5o\xdf~\xfe\xda\xee4\xad\xdd\xddW\x1e\xaa\x89\xc8C\n\xbe2E\x89\xa2\x15g\xaa\x89\x8a\x12\xfa\x15\xcfu]*?L\xdd\xa0Q\xd1\xf1R-@\xe23K}\xbf\xe5\xb6\xfa\xcap\xb3F0\xc8\xd2\xa0\xbd:\xdf\xd9\xb8x\xef\xde\xc5+\xf3\xf8jp\x00\xbd\x10\xb0w0\xe5\xdc\x1crL)r0\xae\xc8\x0e\xdb\x07\xed\xaa_\xc5\x1cP\xbf\xfd\x14TH\xfb\xf4\x9d\xdd\xdd\x1f&lt;Ti\x14cPXS\xf8\xebs\x13.\x1c\xa1\x8a\xad\xc7O\xba-Mw]\xd9\xa1R!,9\x95\x84\xa5\xaa"#\xf5B\xa2\x9f\x02V"\x1c#\xdc\xed\xf6\xc6A\xf7`\xa3\xbdZ\xbaG\xab3\xbf\xda\x1e\x1cL\xd6\xc7\x1f\xff\xfd/\xc3\xa8\xb3\x8b\xe4I\xe8\xc4\xa8+8\xaa^\xa4\xa9\xa9^\x7fz\x1fTw&amp;rQ\xe4\xd9\xdcC\x1b\xa70%\x9c\xcbEK\nT\xfe(oc\xdfI8:\xba\xbc\xa3\xe2\xfe\x89aQ\xbet\xd5\x91C\xd8\x08\xb9R\xfd\xa6"\x8e\xc9\xaf\x83\x83n\xf7\xa0\xb3Z\xba\x02\xaa+%\x88\xc5\x90\xf6\xf6\xf6\xba\x07\xff\xf8\xc3\x10#\x89(EF\xa0\x9a\xd0\xf8\x04\x05\x8a\xe9y\xba\xcd;\xfd\x8c\x84\x9a\x9ep\xdd=\x8a\n\x91\xb0\x98Z\xbc\x18u\x08\x1c\xa1\xa6\x04y_o\xf5c\x9c\xa0jh\xa7P\x0b-F\x95S\xd80t\xcc"MU\xe20y\xf5\xfb\xb8M\x10\xf8\xf1\xa0{\xe9R\x17X\x83\xf6\xfc|\xe9\n\xa8~V\xba\xdc\xa5\x05\xac\xbd\xcf\x7f=\x84J\xac\xce\xb1Dd\x8b\xb0\x04\x8c"r\x15X\xa7w\x91\xab\x89XX\xf7\x0fY\x00#\x0f#,\xe2\xa2w$\x05Z\xe8\xe7\xedT\xaa)\xf0\xbc\xa2\xa2m\xc1\xbd\x08\x0b\xb1\xc0\xdb\xe4\x04\'\x94H\xae&amp;\xf4\xe6Di|o\xef\x12\x10\xba\x83\x12\xfd.\xf1{\xef\xad\xce\x03\x14\x98\xdd\xbd[{{\x9f\xbc\x90&amp;B\x91\x0fl\xa3&amp;\xb5\x14\x1a\xe5\xf3uP\xed~\x055=\xfd\x93g4\x8d\xd1\x06\x84\x9a\x8dM\x11U$4\x92\xa5\x07a\xc5\xd7\xe5&gt;\xa88^\x81X\xaa\x96l\xc1EUv\x12\xf46\xa9\xccy\x91K4Q1\x1c\x9e\x16\xbe\xb8\x08(\xf8\xb5Q"\xb0Rg@\'\x91X\x1bg\xfc\xa4%2\xb1\xa2\xce\x85\xe1\xc5A\xbfp\x92\xb7A\xc5\xb4\xfa\x0f\xd9S\x85\xa4\x9a\xa0M\xb0X&amp;\xe3\x81\x1ez\xbe\x87\xbbK\x81r\xca!\xf1\xb2Fj)*\xd5\x10\xb0\xe8\xda\x8a\xc8S\x04\xa0\x15\xbd\xd4\x8bO(F\xdd\xeb\xf7\xaetJ\x9d\rhEg\xc4u\x02*,\x96\x8f\xb987\xe9\xa8\xbc\xa0\xa8\nD;zH\x06\xde\xf9\xba\\\x0fU\x86E\x01\x13\xb8s,\x12,\xf4\x82\xd0\xb65\xc4\x86c\x83\x91\xe0\xc8\xd4K5\x1aA\x1c\x85\x92\x88+\xc7\x9a\x8a\x10\xc3\x89H\xaf\x89\rk\xee\x84\\\xbc~\x1d\x89\x1f\\\xbe~\xe9\x12\x0b[\xf7W\xe3\x90m\x1aR\x84EC\xe9\xb9Z\x9a\xac*\xa3?\x12\xd2_#*\xea\xa7\x84\xa5\xfd\xbb\x893VQ\x18\n\xa2\xa8E\x02\x11}\xe4\x11\x1e!M\xfe\xc0\x05\x8b|@\xaa\x05a\xeb\xd7\'6b\xa5\xb56K&gt;\xc0j\xdb\xad\xfd\x8dm\xb7\xd8vam\x16\x0bQ\xc4Z\xb0\xd1{g\x8c8\x81\x14I\xf1N\xee\xdc\x19f\x9ax\xeeE}m\x10\xa6U\x8b\xf3Y&lt;\x1bf\xde\xfbn(\x0f#\xd8&gt;g\x01\xcadD\xb5P\xde\xf0\x15\n\xbd+\x87\xf2X\x13_/K\xa1)5\xe6\xf0\xd6\xdf\xb73|\xa9\x86\x8fu\xd2\xa2\xb3PIyb\xb7\xbf\'\x86\x8a\xf5\xaeX\xeb\xaf,\x95\xd56`\x16;D"Ul\xd2\x97\xaaW\x15\xa9\xf0J!`\xba\xce\x12\xc5\xc2\x00\xe2\xe5^[\x0b.\xa6\x10\xdf!\xad2\xf0\x8b\xfd[\xd9\xe0*\x9b\x15\xb0V\xcb\xc1\xff\xb6\xa5\xa2XQ #M$Z9\x9b\x8c_\x0f\xa7;\xd6\x93X\xeb]\x05\x03\x07\x02\x05,\x02\t\x95)F\xd8\\3\xa7\r\x8df\x08\x9d\xcd[,o\xd9\xbej_3\xfa\x8e\xdc\xda)$\x16\xfb\x1f\xfe\x01\xa5i\x00\xf5q&lt;\xcf\xee\t\x14*4\xe0\x88\xfbT\x08\xcd\xd1p\x8a\xe1\xe7\x14\xb6\x12\xac\x07\x15S:\xd9\xb0\xae\x10L\xe5\r\x13\x05\x80\xf8_Z\xc7:\x00\x00\x00\x00IEND\xaeB`\x82'</t>
        </is>
      </c>
      <c r="M181" s="3" t="n">
        <v>45492.678125</v>
      </c>
    </row>
    <row r="182">
      <c r="A182" t="n">
        <v>794139</v>
      </c>
      <c r="B182" t="n">
        <v>1999</v>
      </c>
      <c r="C182" t="inlineStr">
        <is>
          <t>Lucas Cunha</t>
        </is>
      </c>
      <c r="D182" t="inlineStr">
        <is>
          <t>L. Cunha</t>
        </is>
      </c>
      <c r="E182" t="inlineStr">
        <is>
          <t>ZAG</t>
        </is>
      </c>
      <c r="F182" t="inlineStr">
        <is>
          <t>ZAG</t>
        </is>
      </c>
      <c r="G182" t="inlineStr">
        <is>
          <t>ZAG</t>
        </is>
      </c>
      <c r="H182" t="n">
        <v>186</v>
      </c>
      <c r="I182" t="n">
        <v>4</v>
      </c>
      <c r="J182" s="2" t="n">
        <v>35452</v>
      </c>
      <c r="K182" t="inlineStr">
        <is>
          <t>Right</t>
        </is>
      </c>
      <c r="L182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8c9a67b-f0ce-43b1-9e07-3c98d94c6d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\xe1\xb0\xf3\x00\x00\x00&gt;tEXtComment\x00xr:d:DAEewil2SDw:3129,j:9030118292309124670,t:23082714\xb3\xea\x8f\xec\x00\x00\x00\tpHYs\x00\x00\x0e\xc4\x00\x00\x0e\xc4\x01\x95+\x0e\x1b\x00\x00\x03\x00PLTE\xff\xff\xff\xd9\xdd\xf4\xdd\xe4\xf9\x1a\x0f\n`&gt;1\xe0\xb8\xac\xec\xc5\xb4\xfe\xfe\xfe\x07\x03\x01\x0e\x06\x04\xea\xc1\xb7\xe7\xbf\xb5\xe7\xbb\xb0=-\'\xda\xe0\xf7\xe1\xe6\xf9pRH\xe3\xbb\xb0\xe6\xc4\xb7/"\x1e\x1f\x14\x0e%\x18\x12\xee\xc8\xb9\xf0\xcd\xc26)$\xd4\xaa\x9dmF&lt;B%\x1b\xec\xc4\xb9\xe0\xee\xfb\xda\xd9\xf1\xd6\xd3\xe92\x1b\x12)\x1c\x17\xf0\xc9\xbe\xd5\xda\xf0\x13\n\x06\xe2\xbf\xb3Z:1\xe8\xbe\xacoG5\x82]R\xcb\xd0\xe9\xe2\xb7\xa5\xd7\xad\xa1\xd0\xd4\xeb\xcc\xa0\x92\xfc\xfb\xfc\xe6\xc1\xb2iLBrF?\xea\xbc\xb2\xd7\xb2\xa4\xdd\xdc\xf5\xd6\xd6\xed\xf0\xd1\xc8\xd1\xa4\x98\xbc\x8d\x80\xdc\xb6\xa8\x85cY\xde\xe1\xf9aA7\xdc\xae\x9ag&gt;3\xe1\xb3\xa1\xe2\xea\xfb\xa4s_vLCrWM\xea\xc5\xb0\xc2\x96\x88\xc6\x9b\x8e\xd2\xd0\xe5\x84WD@2-$\x10\x08\x8af]a7.jA9\x89YJ\xe7\xb9\xabzQ&gt;\xe1\xbe\xac\xec\xc8\xbe\xb5\x87ypMBeF&lt;\xe3\xba\xa8\\8)O) P1\'\xc4\xc7\xe0V6,\xdd\xe1\xf4\xe5\xef\xfc\xb2}k\xf8\xf7\xf9\x93cP\xdc\xb1\xa8\x8bld,\x15\r\xe1\xb3\xa8\xf0\xc2\xb9\xd6\xdc\xf3\x8c_L\x96hU\xe9\xc7\xba7$\x1cG+!:\x1f\x15\xd9\xd8\xedeD2xRI\xea\xc1\xb0{WM\xee\xbf\xb4\xc7\xcb\xe4\xee7C\x81ga\xb9\x83qvK:\xbf\xc2\xda\x8e`U\xd7\xa8\x93\x80QE\xbe\x85y\xabzj\x97h]\xdc\xea\xfc\x82UL\xe8\xea\xf5\xdd\xb1\xa1\xcf\xa9\x99\xa3ui\xd1\xd7\xf2\xf3\xd5\xcc\xd6\x9f\x90U*$X0\'\xf0\xef\xf0\x9dn^G71\xa0kW\xe3\xe2\xf4\xe4/=\xdb\xde\xf1\xa7\xa8\xbc\xe0\xd6\xebx\\S\xb2\x81r\xdc&amp;6J1\'\xdb\xcd\xe4s\x04\x11N=5\xf8\xf3\xf3\xbc\xbd\xd4\xb0\xaf\xc4J$\x1b\xd6\xc4\xd9fXR\xdb\xb9\xad\xb2\xb4\xcb\xe3\xc0\xd6\xba\xb1\xaf\xabre\xe3\xa9\xbc\xab\x80r\xdcu\x8f\xf4\xe5\xe4\xe7\xd4\xe4\xd8\x9f\xb3}aYe\x04\r\xcf\x9a\x86\xc7\xc1\xc0\xea\xb5\xc4NFD\xf5\xd8\xd3\xcb\xab\x9f\xd4\xcb\xcc\xa3\x88\x82\x8drp]PI\x82\x02\x11\x9c\x99\xad\xdc\xd4\xd4\xe0\x97\xac\xda\xb4\xc8\xcf\xcb\xdf\xc4\x92|\xd2\xb0\xa8\xd4 2\xda\xbd\xd2\xf4CN\xea\xe8\xe9\xe8\xde\xed\xcc\x19,\xdde\x7f\xf8\xc4\xc0ZF?\xd0\x96\xac\xea\xb3\xa9\xb2\t \xe6\xe2\xe2\xefVb\xea\x88\x99\xb1\x8f\x84\xf7\xb9\xb2\xf3q|\xaf\xa4\xa1\xdf\xdb\xdc\xd8\x89\xa1\xc0\x12&amp;\xdf\xb1\xb0\xc5\xb5\xcbO\x1a\x18\xe5\xcb\xdd\xb7\xb8\xd0\x9fff\xd7\xa9\xc0\xc9\x8e\x89\xee\xa6\xb9\xaa\x93\x94neb\x95rh\xe9\xa6\x9e\x8f\x02\x15\xa3\x06\x1b\x98\x07\x1a\x8c\x83\x83\xf2\x9a\xab\x99{v\xc4\xa2\x9a\xdc\xdb\xe5\xd3\xba\xcf\x91\x8d\x94|tq\x9dVO\xc4KV\xc5\xa9\xbd\xee\xc3\xd1\xc1p\x87\xbb\x99\xb2\xc3\x7f\x97\x7f\'-\xbf\x8d\xa1\xd2\xb6\xb8\xb3ny\xc9\xc7\xd2\xe7\x9a\x91\xcfiue\x1d#\x9f&gt;C\xba&amp;:\xa0!2\xfbo\xa2\xc1\x00\x00 \x00IDATx\xda\xc4\x99\xdfK\x1b{\x1a\xc6\x0b\xa3\x8di;\xa0\xce\x8c\x8e\x8d\x17\x19\xc9\x0fCB~\xf4\x08\x9a\x94X\xf1\xd8\x04\'\xed\xb1\xd6\xa8\xad\x08\xd56.\xea(\xad]h\xa5\xb6J\x89b\x978\xbdj\t\x8c7)\xb8\xc8\x82(\xe9\x8f\x13\xf0\xa2\xbd\xf0&amp;\x17\x05A/\x97\xa5\xf1&amp;\xb4P\xff\x80\xbd\xdb\xe7\xfd\xc6r\xd8\xbd\xdd3\xf6\r\x89\x89\x08~x\x9e\xe7}\xbf\xefW\xcf\x9c\xf9\xff\xcab\xb1\x04\xc6\x02c\'\x15\x08X,g~v\x11\xd1zfow\x07u\xb0\x81:\xd89\xcc\x8c\x8d\x11\xd9\xcf\xa3\x03S\xe6pg\xe3K\xb9T(\x14\x8a\x86\x91\xcf\x1b\xbcQ*ol\xecf@\xf6\xd3\xb02\xbb\x1b\xdf\x8fs\x85\xbca\xf0\xaa\xac\xf2\x02/\xa0d9\x9f/\x95\xbf\xefd,?\xc7\xbe\xf5\xc3\x8d\xe3\x82\xa1\xeb\xba\xaa\xaa\xbc,\xeb\xba\x8cW\x06&amp;\xf0*\x9f/}?\xd8\xcd\x04N\x9b\xcd\x92\xd9)\xe7\x0c\x9e\x07\x01O\x12\t\xaa\xa1\xeaxO\x88@S\x04\x81\xd7\xf3\xe5\x8dS\x06\xb3\xac\xef\x1c\xe7\x01\x01\xa9dM\x01\x84\xcc\xeb@\xd2y^VeA\x91\x14AQ$IQ\xcb;{\xa7\x982\xcb\xdeA\xc9\xe0e\x9e\x95\xcc\x93\x89\xacxY\x12\x05"\x12\x01%\x89\xa2\xa4\xe8\xc7\x1b\xa7\x96\xb2\xc0\xe7\xef\x05\x9d\xe2\xc4\x0b\x08\x96 @ \x81\xa8\xc8@\x8eS\xa0\x1e\x80\x14\x89sp"\xa7\xa8\xc7\xef\xc7N\x05\xccrX.R\xbc!\x94\x8c,)\x12RNO$J\x96%\x87\xa8(2\xe3\x129`\x89\x9cT8\xd8;\x05\xae\xc0\xfb\xb2\xa12\xf7\x08\x05\x04\x9c\x88\x18Q\x0f\x02\xa1\xf2Q\x90%N\xd2\xec\x12\x070\x91s\x08\xc7\xbbcfS\xad\xef\x94t\xd6m\x1a\x04\x93$\x81D\x91\x14\xf2P\x90\xe0\x99 :\xe0#\xafI\xa2\x9d\xb8\x1cTV.\xbfa2\xd7\xd8\xfb\x92\xaa\t\xac\xd9\x88\x84\x84RD\xbc\x87\x9b\x82\x02m \x0e4\x92y\xbb(\nvItX\xe9a\xb5\xaa\xe6rY@%\x03\x8b\xba\x8c\xe6\x02\xf04^\x13*\xdd\x08\x13\x15\xca\xb9\xe8\x90\xb2\xb3\xf8\t)\x01\xb9\xac\x95*\xfc\xdb\xcc|\xed\x1dS\xac\x90l`\x89\xd0K\xd3x]\xa7\xc3G\xe6\xc9?Q\xe0\xacV\x11"\xc9\x1a\xbc\xa5\xc8;jjj\xac\xd6\x1a+\x97;4\x8f+p@\x93]C\xa0D\x05\xa6\xd1P\xd0\xd9\x01\x84a\x05\x0bi"Xk\x1c\xa2h\xe5\x98N\xf0\x13X\x80\x02\x98x\xfc\xd9b\xdah(\xa9PF\x81\x1e\xe0\x82\\\x18\xec8\xa85A\x138\x07\x88\x80\x04\x1a\xbc\x80\x05_\x81\x83\xbc[I/\x04_\xf8n\xd2`\xb5\x8c\x1d\x18z\x96\xa7\x19@3\tt&lt;\x9d\xd3\x02\x06\x81\x04&amp;\x06\xc2\x1cc\xce\xd1\xc7\x9a\x1aG\xe5\x0b\xb5\xa4\xb1\x130-Y*\x1d0\t\x02\x934:\ny\x8d&amp;\x04\xec"\x94\xff*\x07\xf9Gz\xd5Td\xe3\x94r\xc6\xa46,\xa8\xc0 \x07\xd1\x87\x9a\x8a\xb0\x17\r\x12\xcf\xc1\xa6\xc0\xff`\x11\x10\xb0\xc0\xcc\xb8\xf0\xa6dN\xba\xc6\x0e\x8a:Q\xe1\x18\x16\xd0\x81\x06v\x99\xa2\xa1kR\x82\x12tbZ\x05\x81\x95\xa32\x1d\x1cL6\xa8\xc5\xe9\xefM\xc1\xca\x94\x8b*\xa0\xc4\x84]S\r\xa3X\x84T\x9aMK\xa5\x12\x89\xc4\xc98gx\x1c\x9b\xa8\x9c\x83\xbd\xf91\xb7\xe8\x93\xbca\x06\x96\xe5\xf3\xb1\xa1%D)\x91HiYWq(\x14\n\xb9ff\xed)\xc6\x052\x8eK\xb0C\x10\x06\xdb\xed)\xac6"\xe3ez\xe1\xa5\xc6*\x95\xcc\xe8\xc5\xc0\xfb\x1c\x9duR"e\xb7\x8dFC\xa1\xc1\xdf\xee\xffv\xe5\xd6\xc8\x8c\xcdf\x9b\x9d\xb5SiT\xbc\x9a\xcd\xea\xd9\xec\x0c\xaf\xe1;D\xeb8\x99\x125\x0e\xd5\x8c\x91j\xd9\xc0B\x8a\xdf5;k\x1b\xa9\xba\xf8\xe0\xb9\xe7\xda\xd1\xca\xca\xd1\xd15\x8f\xc7\xf3\xb0\xb6\xb66\x14\xa2g(\xd4\xd3\xd3\xf3\xb0\xa7\xa764\x14\x1d\xcd\xceh\xf6\x14S\xac\x12:\xd5\x8c\xcc\x0760\xd0m\xda\xccH\xd5\xe0\xaf\xcf\x9f\xacm\xc6\x96?\xbdy\xd3\xf6\xee[&lt;\x16\x8f\xedW\xea\x03j\x7f?\xb9\xb9\xb9\xb9\xb2t\xcd\xf3\x80\xc8lvE\xfc\xd1\r\xb2)X\x07|\xd6\xc8f\xab&lt;\xc9X,\xee\xef\x88\xd47\xb67\xb6\x0f\xd4;\xab\xdfP}B\xbd[f\xe5\x8f\xc7\xc2\xc9\xcd\x95\xb5\'O\x1f\\\x8c\xba \x99t\xc2%\xec\x98\x81\xf5]\xd0\xa3\xf7\x07=\xe16g\xfd\xf4\xf4tc\xfb*\xaa\xbdq`\xba\x9e\xca\t\xb4\xb6Om(\x1f\xe3\xda\\\\\x9b\xea{\xde\x7fi\xa8\xca5\xfa\x83\x8b+\x9b\xb0\xde\xac\x97e5:8\x95l\xab\x07R#\xa3z\xfb\x96\xb8\x006=]\xeft:\xdfD"\xc4\xd5\xb4\x0c\xac\xd7\x8b\xddS\x93}\xbd\xf3\xadUU\xae\xac&amp;V\xe4\xcae\xcc8z\x04~hpe\xd9\t\xa5*T\xaboW\xdf\xfe\xd0\xeb\xbc\xd3YW\r\xac4S\xebc\x05\xab\xb7\xb7\xbf\xf5&gt;\xe4\xe2\x15:\xc7k\xac\xf9\xcf\x7f&gt;\xd6\xe7\x12\xb0\x1e\xec\xb7\xdd\x0c6\xb4\x00\xab\xbd\x9d\xa9\xb5\xba\n\xac`0\xe8\xac\x03U[\xa4\xcd\x97\xf65\xf9c\xc0\xba\x03\xac\xc9\xbe\xa7\xf3\x84\x95\xc5\xd5\x83\xb8\xcc\xc0\xda+\tz\xe8r\xac\xba\xfe\xea\xd9\x96\x96\xf6\xc6U\x80\xbd}{\xa2\x96\xb3\xa2\x15\xa4B-\xbc\xd8\xfe\xf8\x8c\xb0\xc6\'{\x19\x16\xe4\xc2\x8e\xe80K-\xcd\xa8=\xf2\xd7\x9d\xbdz\xb5"\x17\x99\x88\xd0\xa3\x1b\x83u\xa4\x957\xed\xf35uvv\x12\xd6\xe3;\x8b\xdd/\xa1\x16\\D\xb8\\Y,i\x18_\xf9C3\xb0\xf8\xe2\xc3M_\xdd\xd9\xb3s\x0c\xeb\xa4\x15\x91~`UW\x0f{\xbd\xe9\xce\x05`-0\xb5\x1e\xdf\xe9~9&gt;9Y\t\x97K\xa7\xf3\x81s\x98\x83\x05\x0f\xf7\xef^\x98\xbbJX\xed\xac\x19\xf1hli\x08\x06o\x00\xca\x9bN\x13\x13j{\xfb\xe3G\x865^\xc1B\xbat\x9e\xee\xb3&amp;\x98h\xd9;6j\xef\xedG.\xcc\xcd\xb9\xcf6T\xb0\xdaiR\x0c4\x07\xddD\xe5\xf5vuv20\xff\x1fX\xfd\xf3\xad\xf7\x89\xcbPq\x8f\xe4L\x89\xfcq\xf1\xd5Ql\x18T\xee\xab\r\x8d\'\xd5\xd0\xd0\x00SO\xb0\xbc]i\xc6\xb5\xbd\xbd]\xc1\x9a\xec\xebgTU\xd8\xcd\xe8\x0e`\x86\x89\x99r\xed\xb5\xcd\xf8\xb0\xdb\xed\x9e;\xdb\xd0\xd2\xc2\xa8Z\x00\x15t\xbb\xe1aW\x17\xa8\xa8\x98\x8f\x0ckj\x9c\x12\xcf\xb0\xaa\x0c\x9d\xee\xb7f`\x8d}\xd9:\xda\x8fG@\xc5\xb0\xfe\xe0\x9acX$V\x97\xb7\x82E\xad\x88q\n\xaa\xf9VFU\x0c\x15\xc9\xc6\x82\x19X\x07\x8f\xbe\xee\xfb#\xa0\x9a\x9b\x83w-,\xf2\xed\xb0\xf1\xdc\xdc/\xcc\xc5\xe1a\x96/\xcaV,|\xa7\xbb{\xaa\xb7\xff\x07V\xa8\'W\xd4U\xb9\xb0k\xc6bs\xefk\xac\xa9\x0e&amp;"\xf2\xa8\xca\x01\x84i\xda|\xee\x17\xf4\xe2\xc4\xc40\xf5#\xe4\xea\xec\x88\xc7\x92\x8bkk\x14-\x9c\x89\xb7\\U\xd1\xda\xad\xad\\^Ws\xa6`\xfd\xfe\xc1\x1f\xb9\xe0\xae\x84k\xba\xa12 V\xd1\x8a\xe7\xce\xd7\x9f\xc3\xe4\xaa\xc6sbb\x82\x0e\x9f\xf0\xeb\x95\xb5\xa9\xc9\'\xac\x11]\xb7\x80\xf5\xe8\xd1V\xc1\xd0\xcd\xc1\xfa\xba\xff.r\xe3\xc6I\xe6)Y\xedT\x8d\x03\xe7\xcf\xd7;\x19\xd6\xcdHdb\xa2\xa9\x83\xad[KKSO&lt;\xfd\x83\xad\xf7o\xb9\\P\xeb\xd1V\xaeh\xe4L\xb8\xfbXv&gt;\xc4\xdb\x86\xe1\x143\xb1&gt;\x88\xb5\x01\xab\xc4\xc0\xc0@s\x1d1E\xaa#7\xeb"w\xef\xfa:b\xaf\x8f.{&lt;\xbf^\xbc\x88\xedt\x14\x8d\xe8\xaa\x1a\x1a\xec\x81\x8b\xc5\xbc)X\xef\xf7\xe3m^\xaf{\x18\xa3\xeb\x82/\x1e\xc3\xa6\x1c\xa3\x9d\xf4\xcd\x1b\xda\xb2"\x11\x02#\xa8\xe4\x91\':2Bw\x0c\r\x9b\xbf-;\xea\x8a\x0e\x85j_m\xe5\n\x85\x9c\t\xebi`\xf7\xcb7\xc2r\x0f\xa7\xfd\xe1\xcd\x95#\xcfC\xcf\xbd\xa3{\xf7p\xcfH\xc6\xe2Mw\xefVW\xfb\xb0\x00\x86\x97\x1eFgp\xe7I\xa5\xe8&gt;\x96\xc0=I\x1b!\xac\x9eW=9S\xb0,\xbb\xdf\xbeuva\n,$W\x9e\\\xf6\xd4VE\xa3CQ,-\xae+\x97\x966cM\x08|\x07p\x97.\x8e\xd8R\xa0\xa1\xebd*eOI\x92bs\xe1Ni\x1a\xd6\x99\xc3o\xcb\xe9\xaeaogre\t\x970\xcf\xe5\xcb\x0f\xa2\xa3\xb7qK\xbc}\xe5\xe9R\xb2\xe3\xfc\xb9a\x7f\xb2\xfb\xc9\xc5\x11v\xa3M\xe1\xe26\x93\x1d\x19\xcd\xf2\x9a\xcc\x1bfbY&gt;\xbf[\xee\xec\xf2v\xc6\x93\xa8p,\x16\x0e/.=\xbft\xfd\xfa\xad\xeb\xad}\xdd\xe1tC\xb3\xdb\xbf\xd87\x7f\xcbFT\x14\xa9Q\xd7(\x9e\xbaQ\xa4\x0bx-\xae\x8f\xe6a\xf9\xa0\xd6r\xd3]\x9f\x0f\xf1\n\x87\x93\x7f\x1f\xef\xbfr\xa5\xbfw\xbc\xfbYG\xb0\xb1\xc5\xed\xef\xee\x1f\xb5!Vv\xd86884\xe4B\xf0G\\\xc5"\xddl\xc1U\x0b\xac\x80\tX\x9f\x96\xd3\xde\xe1\x9b\xc1s\xce\xeat,\xeco\xf2}K\xfe\xb3o\xbe\x15Z\xbd\x8e\xf9\xa6\x1b[n,\xdc\x99gT3\xae!\x1c5\x8a\xa2i\xb6\x19pQ\'R\xe6\xa1\x96\t\x7fp\xb6\xfc\x83\x99x\x13\x9b{\xb5\xff\xe3\x0b_\xec\xe8\x91k\xe4o\xd7\xe7\xe7{\xbb\x93\xf1\xb6`\xf3_\xba^&lt;&amp;,\xbb\xed\xf6H\xb1T\xc8KVG\x02ff\xb3\x06\xc6)\xc9\x15*\xe4\x0e\xd6M\xc0\xfa\xd4\x94\xee\xf2b\x8c:\xdb\xfc/\xfe\xb5\xd2\x93;V9\xbb\xeb\xd2|\xdf\xcb\xe4r$\xd8\xfc\xd7\x13\xacY\x9b-\xfa\xf5C^q8\xb8\x94f\xd7\xc8\xc7(\xc4\xaa`e\x02\x7f\xee\xbf\xb3-\x01`-cu\tNO;\xd3\x0b\xcf\xc6\xef\xfd\x9e\xcf\x8b\xff\xa1\xd5|^\xd3Z\xd38\xde\x85\x1aP\x17\xea\xccX\xa2gq\x11\xfc\x85!\xd1\x18Hb\xf0\x07FSd\xaa\x9e\x98\x1c\x8d"X\xaf\xf5\x10\xad\x12\xcd\x01\r\xfe$8\x01\xb5\xb9\xae\x94\xc0\x08r\x03\xb5%4$\x9d\xde\xc4E.\xa4\x8b.2\x13\n\x95v\x08\x82HhV\xe9&amp;\x03\xb3\x98\x86\xcef\x9e\xd7\x94\xf9\x0bN\x0e\xc9\xfe\xe3\xf7y\xce\xf3~\xbf\xcf{\xfe(\xde/n\xe4\xda\x0bS\xfc$\x85\xb0\x14\xe28Py\x13\xd7\x1fS\xbf\x88c~\x99,&amp;~\x16\x83\xee\xd7\xa3\xeeBX\x1f\x0e?\xbd\xa0\xef\xaaedb\xef\xed\x1e\x14\x11\xb0\\\x10\nU\x07\xed\xfe\xc7\xafu\x9f8\xa6\xb9\xde\xba\xb9\xc9\x97\x98|-E\x9e\x83Z\xadx&lt;\xe6\x9f\xccl\xbdz\xb55\xa7L8d\xb2\xbf\x8a\xc5&gt;\xff\n\x92\xcb\x02\\\xa9k^\x95\xd1\xa1\xcduM\xec\x91\xda\xb0\xf4\xb7,\x8c\xd3\xa4\xd5\xaa2dgF/\xde}\xfdX\xec\x17\xd2\xed\xc0`L\xaa\xc6q-\xc2Rx\xc5\x80Ed\x8a\xfd~?\xb39\xe9\x90\xf9};&gt;\x06\x9c\x8bn\xd4[\x9a\xbf\xfb\xfd\x95\xaa}\xf2\x05mXK]\xb2\x8b\x8f\x01\x96\xdc\n\x0f\x9c\x8bL\xe9\xb7w\x8f\x96\xd3\x81\x00P\xf19`P\xb5\xd4y9\xa0\xf0\xb6\xa0v\x8eD\xa6X\xccdr\x93\xc6ju\r\\3`\xe9\x87j\xc1\xd1]\xb5{{\x1d\xba\xc6D\x13\xff\xde=;S\x1b\x0c*yr\xc8%WA\xae\x9f\x19\xe4\x03\xf9\xc1\x0c\x9f\xcdN\xe2\xe7r\n/\xb7\x8d0\xf5wd\x8e\xf9\xd5\xe2\xf6\xf6\xd0\xca\xdb \x93\r\xed\xbcf\x88%c\x18+\xf1\xde&gt;]\x1b\x92\xe6\xf9\x7f\x07g\x0f\x85\xa5\x92g\x88\x05\x96K\xa5\xd2\x8d\xce\x8c\x8f\x8f\x8fN19\x18%\xc7q\x9c\xa4\xb2C\xac\xd8\x8a\xc2\x16,\x9a\x0b\x85F\x03\x8e\x83@\rmm\xa0\x8a0\xe65\x1a\x8d\xc8\xde\xea\xf5\xd6\xdf\xd3\xd4\xf1\xcd\xab\x7f\xe5I\x89\xd0dBX\x10\xc8X,\xb0\x82\xd0\xfb\x1c&gt;_*\x88JH\x08i8E\x19\x02\x8a\x8aX\xdc\xaa*\x9c\x11s;\xb0&lt;{\xba\xb0p\x9a\x1eb1\x18z8\x14yu\x1eQm\xb5z\xa2\x13\xda\xd4\xfa~EQX\ta\xb1\xacI+J\x87j\xb5\x90\xad\xe6\x0bX\xd8\x92\x84\xa4\xf0\xf3s\x8a4\xa4\x9dvq\x1c\xb0l\xc1Z\xa1\x01X\xa7\xa7\xf9\x80\xf9.+\x02V\xddR\xe7\xf9\xbdUo\xafz\xd9\xa4I-\xee\xd5y\x97\xe2\xc04\xf5\xb0X,+\xb8\xd3%\x8c\xc5a\xc3\x83a\x18\x843\x84\xa5\xa5L\xa7\xb5y\x9f\xd8\x0bE\x8c\x98\x0b\xe9t\xfa4\x0f\xb9,r\x97\xf7\xf5`\x04\xeb\x16M\xb5R\xad\xf4z_h\xaab\x93\xdd\xedvY\x1e\xd4[\x805t\xf2KQ\x0eWK\x02UT\xf2\x10K"\xb5\xa8\xf0Az\xd5\xd8B\xbd\xb5]\x08\xa4\xd3\xf9|\x1aBlp\xb8\xb4a\xac\x81\x9d\xafk|\xd5\xaa\xb7\xe2\xedm\xd2T\xc5\xe6R\xb7KR\x90\xb5&lt;I\x10k\xb8\xb1\x81d\xc1\xd5\x02\x15G \x91`\\\\\xcb\x86\xc9V\xceG&amp;}\xb1\xaaqs\xbb\xd0\x00&amp;\xf8+\x00\xd6\xc6\xda\x10+\x95\xaa\xcb\xe2-/\x92\xcbqH\xd3\xdc\x9a\xee\x9e\x91W\x07\xd9\x92))\xfc\xa1\xd6C!Fb\x12\x8c\xcd\xe1`B6~\xae\x95LsJ\xe5|P\x01&gt;\xde.\xcal5\x90Z\xf9\xa1Z\x8a5=\x18YK(d\x91\xc5\xe3\xde\n&lt;\x93ta\xbd\xbd\xc32\xa9\xe4\xd8\x8f*J\x96\xd8\x14\xc5\xe6h\xb9L\xae\x16\xc4\xa2\x1eNsK\xe5\xb4\xd3\xc1\x03#\xbd2\x19l\x07@,\xc0\xaa\xad\x82Zz\xb7\x9b\xa8wB\x16\x86\xbf\x05S\xbe\xda\x9b?\xa2iB\xbc=;\xa3\xae\xca\xc3\xb9\x05T\x18\xdaA`\x14\xa5\x85q\x15\x0e\xe38\x97\xd2Rlv8;\xe8\xcf\xcf\xef\x03\x97oe#\x02\\\x8dt\xa0\x1dq\xe6D\x10\xc8x\x96\x14\xc2\xd2W\x10VKI\xd7\xa9\x08X\xe7WWx),g\xdd-F$h,\x84!\xda\x97\xc2\x08\x89\x1b.\xc1\xd0ooN\xba\xddz\xbd\xdf\xe7]Y\x04\xae@\xa0m\x8e\xd86\x1cnp5\xf5T\'ea\x88\xaaPB{e\xee=mju\xaf\xae\xceY:\xb4u\xbbSK\x88\x0c\xd6A\xb9l\xe2\x90\xd4\x05\x04\xe9\xd9\xd9&lt;P\xf9\x90e\xde\x11\xc7*v[\xadPh\x9bk\xc1E\x85\x03\xc6\xa8e?\x14JY\x1c\xf6J\xa5W\xa9VC4b}\xff\xfe\x7f,\x16\x86\x1e\xad\xe9\xe0\xe0`&amp;\x89q\xc7\x1a9\xa3QY(d\x1c^t\x89\xf7\x14B\x8f\xaf\xaa\x08\x9a\x81*\xe2\\\x14\x89\xd6\xeb0\xb4R\xa9\x94\xc5]\xf1\xb6zP\xc7\xcesZ\xb1$L\x1d\x8e\x9a\x0bA\xb19|S\xf6\xa0\xcc\x94`\xe1\xc1\x8d\xb3\xbf\xbc0\xdb\x17y\xc5\xe8F\xec)\xb2\xcd&gt;\xbb-\x82\xc4\xb2m\x88\x08\x84\x05T\xa9\xba\xbb\xd5\xf2\xc2\x84\xb0\xd3\x855qWD!sJ\x87#\xb5X\x18\x8b\xcde\x96\x0ce\x03\xccx\xedL~0:\xba\xd0\xc8\x18\xfd\xbe\xd8O\x80\x15\x8fy\xbdU\xc6F\xd0lF\xef!`Y\xee\xb0\xf6\xdd\x95\xaa^\x06\xcdu\xdc\xa4K-\xf2\xac\xdb\xc5\xb5\xfc!\x16\x9a\x11\xc9$_g\xc8fUB\t&amp;!\xcf!\x9fme\xe6E&lt;\x06\x042T\xc4\x16`)\x9c5\xc0\xca)\x1c\x84\x85\xf7C-\x99\xdd\xc8\xd3{+\x9a\xa3\t\xba\xb0\xba\x14E\x92\x14G\xc7\xe4\x03\x93\x1a\xfd\xbbL\x86\xac\t\xdeJ\x12c\x0e\x1a\xdb\x11\xa7beMI\xac\xa1P\xfdgH&lt;&gt;\xbb\x11\xe4BX"\x94z\x86X&lt;?\x83A0*\xd5k\xba\xf2\xcf\xc8\x9e\x96$\xcf$\xe4\x10K\x9dT\xab\x93I\x84e\x90\xc3\x91M\xe2\xe3\x81\x1b\xa73g\\al*\tx\x15Q\xdb\xa3\x1bZ\x90\xab\x86:\x9e@Q\x1faidv\xbb\xdbnW\xd2\xb6N\x1ai.\x91\xa4\x84\x04a\x98|0[V+x-\x8f!\xabbal.^\x86Y\xee\\\xb5\x01\x97\xb3\xb8\x88\x16#\xe8m\x8c\x8b\xab\xc6\x8dZmuQ\xa4AX\xfb!h-\x91\xd1\x0e\xcf&amp;\x8daq\xe2\xed\xd2\x19\x14\x11\x0f\xeb\\Z\xd4\xf2\xc0\xe5)\x19@3\xdc0\x9e\xaf\xb5k\xb5b\xb0\x16t\x16\x0b\x19\xe3\xb0\x8aO\xa1\xbf\xc4+\x8aUs0\'\xd2h\x08\xc2\x02\xf3!\xd4\xa9;\x8cF#qI\xe3\xd5\xf0Hs\x9a\r\xa7byF\x07\x81\xcc:\xe4R\x19TI\xdcT\x06\xa7W\xab\xd5\xda\x81v:?\x9bo\x14\'\xfd\xb1X\xfc)\xdao\xfd\x143\xda\n\x11Pk\xb8\xdd\x02\xaa\x17G\xd7\xfb\x89\xd0\xa7\x0ft\xee!F\xf6\x96\x968?\x0b\xa2\x1c\xa6T\x00G5\xcb*7\x19\xe4\\\xd5A:\x00\'\x9f\xb9\xb1\x9c\x9f\x1d\xe4oo\x9d0\xc7\xd1n)\x16G\xfd\xe5_,l\xe7\x08\x02\xb0x\xf5P\xa7s\xf8\xa4yr\xf8\x81\xee/d\x9b{{{O\xf6\xa4.i4\x8a\xd4\x02\xac\xa4\'\x1b0\xb7a\x90.\xcf\x82\x89\xb9\xbd\xbdqN\xda\x11\xd6\xb3g\xcf\x86K.\xb1\xa2\xb0\x95#\x90Z\x9az(t|O\x1fp\xa1\xdf\xf9dZ\xca\x16\x08P\x19\x93\x86\xacg\xbcP\x0b\x9c\x8e/4\xfa\xfd\xadW\x8f~\xfb\xfa\xf1\xf8\xf8:\xf5\xeb\xaf\x7f\xfb\xe5\x0f\x7fB=\x1f\x17\x1b\x0b\xe6EB\x03\x91:1\xd7\xe9\\\xde\xcf\x07IwW\x19\xd3|\xbe:*\x10D\x85,C\xd6\x10\xa8\x99\x17\x1e\xe5\xfb\xb9\xc7\x9f\x0e\x0f\x8fNN\x8e\x0e\x0f_\\\x82\x7f\xd1\xc8v\x80\xc9\xcfX1\xbe2\'\x087`\xd5C_:\x9f\xee\x13\xebd\x97\x89\xb0XQ\xa1\';\xdeH7\x02\x8d\xd9\xfc\xf2\x7f\xbe\x1d\x9d|\xfe|rt\xf4\xed\xc5\xe5\xf1u\xff\xf1\xbcl\'\x16[S\xda\x16\x97\xb7\x13&lt;\xb7\x1b\xcd\x87/\xd7G\x13\xf7\x875\x02\xcd\xc5G\xdf=\xb0\xa2r\x83\x01\xe2ky\xec\x82\xf3\xe6\xe5\xeb\xd7\x17\x17\x17\xaf\xc7\xfe1&gt;\x18\xfc\xfb\xb6\x0f\xc6o\'\xb6\xe3\x0e\xaeF\x96\x83\t\x8d\xde\xad\xa9\xef\x87:\xc7\x9f\x1f\xdc\xe3\xd3\x8c\xea\\\x02\x90K-\xb0\x1aFu.\\\x1b\xe6\xf3\xd9o\xd8o^\xbe\xbc\xf8\xfd\x9f\xe5A&gt;\xdf.\xe6\xe6\xdd\xfe\xd8\x8e_a\xb3\x05\n\xab\t\xb7\xde\r\xa1\xa7\xf3\xe5\xf8\xc3}b=\x17\xe8\x98\xc3\xcfD\x04jU\xc9*p%=\xaa0_\xca\xe6_\x8c\xcd\x00\xd4m\xbb\x0f\'\xb6[\xb6\xe3\x931\xd6\x14\xc1\xd3m\xe5:\xd8\xf8u\xf0\x80\x9d\xcb\xf7\xf7\x895q\xb2\xabC\x01\x1fN\x1f\x97\xc9\x03\xc2YU\xaa0\xbaRA_\x8a\xf4\x8b\x99M\x02\xed\xea\xfd\x103\x18\x8a\xedBF\xc9sk\x12\xca94L\'\x1e\xdc\xab\\\xdf\xa6\xa6v\x05\x02\xa9\x8b\xe9\x92\xcb\xd5\xd1\xe1\xfd\xeb\xee\xcf\xa3\x8ff\x97\xb7\x8a\t\x02\xa0\xfc2\x06\xdah\xf9\x19\x8b\xdb\x11%O\xe3\xe6)\xe7\x1e?\x06\xac{\xa5z0r\xb2\xfbN\'\x95J]\xbb\x1eu\xd2\n\x93B(\xc4\x04\xfc\xa9\xf1\x869\xa2\\CB1\xdc"\x11\x8a\xf7k\x8b\xb6\x1c\x8fG\x10\xebss\x8fS\xa1\xeb\xa3\xfb\xc5z\xf0\\:\xf5n\x97\xefr\xb9&lt;.\xb5@\r\xad\x0f\x07\xb6\x9a\xf9\x97e\xc88+&gt;\x9foE4\xbf\xb8\xb1\xa1X\x13\x11\x04\x91\xe0\xf1\xd6\xd7\x95s\xff\xe3\xe5\xfcc\x9a\xbe\xd38&gt;I;\x92\xb6\xb1\x94?LZ\x8a\\\\\xa4-\x94\x1fk\xcb\x84\x02+\xd0\x1d\x85\xa4?(P\xdbBU\n\xe1l9\xe4jin\x945\xfdE\xe1\x14\x9b\x10 d4\xb45\x14\x05A\xf1\xc8\xb8-\x18\xc7\x8c\x91\xdc\xe2\xed$c1\xa8l\xd1,\x8aN\xce\xect\x1es&amp;z\xde\xf3|\xea\xfe\xb9\xdb]nw\x96\x87@\xe9\x7f\xaf\xbc\x9f\xe7\xf3\xfe~\x9e\xef\xf7\xf9|\x81\xab\xe5\xc3\xb1\x04c\xe5\xb5\x8d\xcf_\x18\x1f\'\\\xb5\xf8\xc1\xe3\xe9yTaeE\xb5\xcc\xd4\xde`\x92i\xab\xab\xb5Zm\x97V\x0b\xcda\x8a\xcd\x8e),\x86KO\xa2G\xf9\x93\xf7\x8c\xb3/\\\x90P\x11\x0b\xe8\xc6k\xf5\xd9\xd9z\xaaD\x01X\x06\xa3A\xddUm\x81\x00+\xc5\xbb\xb8D+%Q\xeb\xb5Dc}\xb0;0??/\x91R\xa9D\xacZ}Y6\xe8V\xf8\xaeY\xdb\xc5\xe7k\xab\xcd\xd6\xa0\xd5j\xf6q\xf0\xd6\x91@\xa0T"U\xb12\xe1Xy\xd3u\xec\xfb\xf3\xf3l\x89T\x1a\xc7\xe2\xe9A-j\xcf\xd9\x8aj\x8d\xd5l\xe9\x0e\x9aq\x9e\x8co2\xa5\x9c)F*%\xa9\xado\x12\xae\xd6\xf4\x0ei\xe1\xfd\x00pI\xc6\xa5B6[\xdaS\xf6\x1e\x1b&gt;\x8f\xb8\xcd\xd0\x82y\xac\x16(-\x1d\xdf\xd0\xde\xfe\xe6\x99bBE\xc0\x12\x9f\xc4\xe9_\xe57\xdfW\xcc\xb3\x85\x12i\xa0RQ\x99\x9b\xab\xa8\x84=We\x11\xec\'\xdc\x15AMu\x17\xc5`04\xa4\xa5\xed=\x03\xa5N\x98\xb6\x06\xab\xf3\x97\xac\xf9\xdc\xf9\xf9\x00[\x12\x18)*\xaa\xfc\xa4\xc8\x1dt\xd7\x8fT\x04\xad\x9e^\xab\xd9\xc5W5\x18\xd3\xda\xdf\x07\xac\xdf*\x01\x0b\x99\x04\x82\xc4c\xbd6\xdd\xf9:M*\x8ccMU\xbc{\xe0\x80\xdbj\xad\x18\x99\nZ,\xddf\x1c\x074\x90\xb9\xddC\xed)\xf8(\x1b\xb1\x04v{\xf1\xad-P\xebp]*U\xc2\x0e\xb0\x85\x80U\x11\x04\x16\x8d5X\xa1\xd1j]\xd58UcD\xa8C\xbfn\x80\xbd_\x8bG\tR\xd9\xb7\x06K|\x98\xdb\x96_+\x812\x0fLY-d`\xb2Zcq\xa1=\xf0\r\xfd\x868V{)T\x16\x88\x05P6\x9b]\xf9E\xe2\xb1\x18&lt;\xbcaC\x95\n\x85\x81z\x8bV\x83\xe3P|pu\xbe\x8c\xf2\x1b\x83!\xda\x1e\xc5\x86\xec\x17\xef\xbf\xa3l\xf9Z\xa9\x14\xd8m\xf6\x14\xb9\xbde\x0b\xb0\xf45\xdc];h\xbbk%\x92@\xa5\xb9\x0b\x82/\x93\xf1\xf9@e\xa0\x18\xb0\x1d;\x84\xf3\xd8\xa5\xc5XY8\x85\xad\xd3\x01\xd6\x89-\xc0\xe2\xd1`\xdb@\xcb\xa7\xc2%\xc7\xed\xe2\xf3\xc1\x0f\x0c|h\xe3\x8f\x9a\x0c\xfd\xd1\xf8\xa0z\xbb\xc9\xa6lA\xadt\xd0\xber\xe46\xe5\x89\xc4\xafD\x16\x8f\xfez\x1b\x97\x0b\xdb\x07*[\x11\xe4\xab\x8e\x1e5\xf6\xab\xa2\xc6~c\xfb\xd1hZ\x9a\x11\xc0\x1a8r4x\xa0\xda[ZZ\xca\xd1\xd9\x8a\xb7@-\x16O\xdc\xb9\xa3nW][j\xfe\xb8\xa4\xb2[\xd6o\x8c\xa6\x19\x8dQ#D4\xedP4\xda\xa0\xb6\xc1\xf5F\xd9]L\xa82Ka\xdb\xbc\x05%?F\xe7uvrw\xed\xaa\xab\x03\x9f\x90\x06F4D.\xa3\xb1\x1f\xffF\x8d*\x99\xbc\x1bgJ\x8a\x05\xd8#R23)j\xf9\x16\x18\x044?\xa0\x16\x9d\x0br\x81^\xb5Rv\x91U\xc4Qsd*\x99\x8c\xa2\x02&amp;\x9f\xcf\xe6\xc3m\x16\xd1\ngp2KS\xec\x82\xc4\xbb\xfcX\x1d\x8fA\xe3\xd2\xda\xea\xea@\xb1T*U\xaa\xa8\xaf\x07\x8fw\xb94r5G.GF\x1dr\xd9\x89V\xb0\x8bV\xeb\xb6\x02\xabi\x8f\x98\x87\x0f\xec\xc8S\x83\xb6|h6\xa4\xe0\x14\xf5\xee\xa0G \x17\x89d \x9aZg\x13\x08\xa0\xe9\x897A\x94\xd2-\xc1\xcaC,\x1a-\x95\xbb\x83\xd4=\xb6f\xb5\xe3\x92\x80\xa2h\xca#p\xc99j\x99\x0c\x1cAP,\xd0\x81X&amp;\x93IE\x91A\x9b\xb1\x05X\xbf\xe3\xf1h\xf4|\x1a\xc1\x824\xa6\x92\x93\x05\x12vn\xd1T\xb0[\x00\\ \x16\xa8e\xdbK\xa1d\xaaT\x99*0\x08\xc0J\xf8^&gt;oOM\x8d\x18\xaak\x07,\xc5\xba62-O\xceb\\\xc0!8\x8f\xc6\xa6\x93\xcbA-;\x88EQef\xaa2)\x1c\xb9]\xf0\xcd\xb1\xc4\'\xb1U/\x16\xe3\x13a\xcc!Dj*\x17\xb8X\xe3B\xa2\x97\x0f\nLn\xb3\xc99\xd8\xc9f\xaaL\x992,\xb5\x96/\x12\xca\x95\xdc\xf4hu\x95\xca\x10\x8b\xf1I5\x97\xe8\x85Pt&lt;_\x00\xf5\x05\xad\xb5\x06\xb8@.\x1dG\x86I\x844R\xd4\x9c\x14A\xb7\xed\xeb?\'\xf0\x98\xe9\xf4\xbd\xbf\xbe8\xf9\'=p\x11\xbd\xb8u/\x0f\xd4\xe0\x11\x11\xa9\x10\xb1@.p\t\x1d\x94~)\x1a\x99\x8aB\x91\xa9\xc1/t\xcf&gt;L\x98^\xc9\x1f,_Y\x9f\xfd\xb6Gz\x18\xb1`wC\xe3\xb6\xb5q\xe3Z\xb1\xc6\x7f\xc4\xb2\x01\x97\\-S\x97\xaae8\xd0\x0cj\xc1\nx\xe7\xd9\xe6\x93\x04\xdd\x1d\x19\xfbte\xe5\x9eh\xf3\x93l\xa8y:\xa4\x91N\'\x13\x07t:\x9e[aQ\x9b\xd9\x04K\x03\\\xe0\xa9\x10\xa0\x18x\xbfL-\xd2\xf9|)\xaa\xd9\xe7O\x12\xd2\xf1\x8f}~\xe5\xca\xcd\x1b\xbe\x03ee\xad\x80\x85\x91\xca\x85D\xe2?8\xa7\xdb,d+\xb0\xe65&gt;\x17`A\x88D \x17\xd2\xa1\xeb\x03Vh\xf3\xdb/o\xfd\xfe\x12\xbe*\xe5U&gt;1\xf8t\xe5\xca\xbd\xa5?x\xce\xf6H\xa85P\xf3\xf4\xddd@\x83hFg\xb1V\x9b\x85\x85\xb9\x95(\x17.F\x8e\x083\x89t\xc8\x05K\xf3M\xd5\xf5P(4\xbb\xe9\xbb\x15\x19\x1azzi\xec\x15%4o\xec\xf3\x95\x95\x9bK\xe5\x0fO\x1e)\xeb\xa9a\xe0J\x84\xca"X\xf0\x03I\\mnf\x17\x82\\\x15\x9en\x17z\x84\xcb\x87\xaa\xc9ED.\x91|\xaf\t\xb0f!D\x0f\x1e&lt;87tm\xe3XS\xde+Y\x82WV\xe6\x96\xca\x93N\x9c|\xaf\xac\'[\xcc`@\xeapKOC&gt;\x10\x8b\xda\nI\x04\xac\x03\x80\x05&lt;.\x9f\xc0B\xb2\x89Wn\x0eG\xae\xdb\xdb\x7f\x9dP\xcd&gt;\xbb\xfb\xe0\xee\x83s\xe7\x86\xd6\x9e.^\xfa\xff\xc0\x92\x93\xf3\x8e--\xaf&lt;\xda\x97\xc4\xf4&gt;D,\xbd\x98\xc1\x02\x14z\xdc$\xb8X]\xab/\xb1F\xdc\xbd`\xa9._7\x04r\x91D\x8a\xc0\\\xaf\xcf\xbe\xc4\xfa\x08\xd4\x82\x88Db\xe1\xa7\x1b\xff\xf3;,\x80)\xaf\xc9?\xf3\xe8\xe6D\t\xd3[\x9e\xfe\xf4\xc0\xd9\xb2\x1e\xf0\xd3|\xa0b\xb52@-|r\r\x8c\xcd\xcdBr\x07\xb5\xde]\x01\x96\xda\xed\xf1\xe0\xc4\xbc&amp;\xae\x97Z\xa4\xfe1\x87\xb3\xa1\x8f\x80\t\xd28\x14[\x0b\xaf\x85\x17/\x1d\x1bk\xc2\xf1\xca\x9f{\x05\x04&amp;\xff\xcc\xc7s\x13\xc3\x03I%Lf\xf9\xc6\xc8\xd9l)\x95A\x07,Z\'\x03\x17$\n\x86Y\xc4\x1b\xbbx4q\x04\xab\xde\xd3\xdb\x1b\x0cz\xac\x1aW\x97\x08B\xad.5\xce\x86\x08W\x08\xb0\x86\x00l\x08\xc4jt\x86c\xb1p\xf8i\xd5\xc6\xc6\xa5\xa6\x9f1\xf8\x99\x9c7\xe6\xf7\xfb7N\x9fZ\xbeX\xc0\xdc\xeeM\xf2\xa6\xa7\xcf\x14\x9d\xad\x91\x82J\xac|\xb2\x02\xe9\xe8\xaa\xb46\x1a:\x17b\xe5\x92s\x18\x9e`\xaf\x1b\x92\xe91\x83Z]\xa8\x97\xcc\xf0,\x84X\xa1\xd0\xc2\xe6\xdd\xa1\xa1\xa1\x97X\x8d\x8d\xb1Hx\r\xbeG\xc2\x8bU\x1b\x03\xfe\xff"\xa5\xf8\x06\xa4c~&amp;s\xdf\xe8\xf2\x1f\xcf\xdf(\xf12\x93J\n\xb6\'\r&lt;ZU\xe8\xf5\xa0\x16\x0b\x02|\x01j\x1f\xc4\x02\xaa\xddd\x88\x1f\xe4"\x07L{\xdd#Sn&lt;\x8fQ\xad\x85\xea\x82\xcd\xe1\xd1\xd0\xc2\x02\x82-,l\xde\x8a\xc4"\x04\xcb\xd9\xe8p\xacE\xc2\x0eg\x0c\x03\xbfel,\x8d\xfdG\xd5\x80\t\x92\xe7\x1f`n\x9fX^\x9e\x1c.I\xda7&lt;19\xf9\xd5\xdc\xdc\xcc\xc6\xfd@O+\x83\xc6\xc2\xe2\xa2\x8b\xe3K\x92\x86\x07\x01\xd1 \x02\xf1\xea\xeau\xd7\xc3F\xda]a\xb6\xf8\\Zm\x97\x88\xa3\n\xdd^ P\xb7\x17^&lt;^\x0b\xc7\x86\xceAi9\x1dYY\x8d\xb1\xb5\xac\x1c\xc7\xdaZ\xd8\xe9t\x86\xc3\xcek\x8b\x83\x83\xfe\x7f\xe7\xb6\xe4MQ\x08URR0y\xea\xfc\xc5\xd1\x82\xc1\x89\xc9\x9bs3\x83\xc3\xc3K\xfe\x81\'\x95o\x97\xd1q*6\x9f\xce`0XT1qy\xcc!\xbb0^\\S#\xf5EE\xc0\x05^\xa1q\xb9\xb4r\x91ls\xfd6B-\xdc^_\xff2\x12v\xc6 o\xb10`\xe5d\x85c\x8d9}\x8eH\xc4\x19~\xfc\xc3\x0f\x7f{|-\xa3\xef\xe0[~\xffO\xee]\xa6\xa7\x97\x06\x06\x07::\x06\xf7\r^\xbcz\xf5\xf4\xe5\xcb\x93\x93ss7\x98\xe9\xde\xa4\xedI\xcc\xe1\xe1\x0bG\xde\xa6\xb2\x80\x8a\x86sR\x0cH&amp;\x03\xcf\xd34K\x848[\xa9\x80,\xe28=Y\x92A\xb3\x06L\xb5\x8b\xbf\xb9\xbe\xbe\x80P@\xf5\xe2\x16\xe8\x82X \x90#\xa7\xaf\xcf\x11s\xe6\x1c&lt;\xfe\xdd\xf7k\xdf\x03Td1\xcb\x01\xac9Y?\xa1\xd4\xcc\xdc\xdc\xcd\xabW/V\x8df\x14\xec\x1c\xc5\xf8\xf8\xf4\xe4\x8d\x01/\x98\xc3~/\xe4r\xb0|c\xbe\xb0\xb5\x06\xb9@%\xa2\x17\x0b~\xc7q%\xa2\\\xa0\x17\x04\xd2\xc1Z\xb4Z\x10k\xf3\xc5\x9d\xdbq\xa9\xee\xdcy\xfe\xb0\xb1\xd1\t\xd7\x9f\xc8\x1a\x14SV\xdf\x1b}\xce\xb0#\xe3\xfc\xa9\xbf4&gt;~\xbc\x98\x15\x8f\xbe\xbe\xac\x7fM\x9f\x7f\xf8\xf8\x8d\xe3_M\x82J\xd7\xaa2:v\x1e\xdc9\xbc8Z\x90\xe4\xf52\xcb\xd3\xd3\xd3\x87\'f\x98\xde\xf4\xc5\xfbl\x16`\xed\xa6\xd3\x19\xe0\xab\x0c\x1c\xe2\xc2Ku\xf3K\xb9\x14\xb9\x8a\\r\x04\xc9c5wk\xaa]\xcf\t\x15Hu\xe7\xb3\xcf\xfe\xfe\x9d\xd3\xe1\x08GH\x0e\x11k\xdb6G\xd8y\xfc\xd4\xe4\xb6\xb7\xaa`]\x82|Hu\xb0\xef\x9f\xd7\x1e\x14\xd4\xce7:2:2F/^\xbe&lt;\xba\xb3#cp`x\xb1j[Ry\xb97}\x7f\xfa\xfe\x7f4m&gt;\xa1\x8d\xa3g\x18\xb7\x04\xeea\xbbHdo9X:|\x84\x82\x88\xe6\x14\x890\x88\xa5\xda\xcb\xe8\xb8\xb4\xbd\t\xb9L`\xd0\xf6\xa2Km\x8a\xe9%\x98`\x16ZV\xd1\n\x82\x0e\rbF\xac1\xf6\xc5\xb0\xb9\xec\xd8\xde\x89\x8dcp\xd3\x04\xc2:k\x9c\xba)\xcc\xce\x906\x86\x89\x93\x192L\xc3\x0e}^%[\xfa\x1drq,\xfd\xf2&lt;\xcf\xfbG\x10\xd5\xeb9`\x99;_\xafe\x97@EX\xd9\x05P\xad\xad=F!\x92Z\xf4?\xb2\xf4\x03X_}\xf1\xf03`\xfd\xf8~\xff%a\xbd\x00\xd5\xfe\xc5\xd8V\xee\xb0l\xc2r9e&lt;\x1f\x0e\x12\xc3\t*6\x81\x12\x96\xe0\xfe\xdf\xd4\xa3\xd2\xe3\x05\xd7\x93eK\xc6\xd1%M\xf3&lt;\xcf\x11\xf4N\xc7sLhe\xe6\xcb\xf5&lt;$[\xcf\x9b;\xcf\x80\xf5\x8b\xa5%Rk\xe1\x11a\xa5T\xa9\x89\x8b8\xabwX\x0f?{\xf5\xe3\xfbc\x88\xf5\xc3\x0f\x80:&gt;~?T\xa8\xfa\xa8\xc5\x97l[Q+\x8c\x9b]]\\\x8cB^\xf4\x03O\xb1KT\x9d\x95J\xe5\x7f\xde\xfd\t\xcd@t\x02/\xbc\xa3\xf2\x80%Q\xea\x1d\xb9c\xa9\x8eH\\\xb9z=O\\\xa6i&gt;}\x9b\xfd0\xfb\xe1\xd2\xa7\x0bP+KXd!\x89\xb5\xba\xb8\xbc\xb2\x8c\xa73L\xc7O~\xf7\xf0\xd5\xab\x8b\xad\xe3\x17/S\x03\x8f\x8f\xf7\xf6\xaeb\xa0\xa4X%\x12\x0b\x91\x8fn.\xae\xde\xc4\x9a\xef8N\xc0\xd4B)ULM\xbd\x83N\xbe/\x1a\x82\xe4\x85\x91\x1cYr\x14\xc5\x1d]\x02\x94\'\x01\xcb\x02\x96\xe4\x8b\xa0\xe9\'\xfd&lt;N\xce\x14s\xe5\xef\xde&gt;\xce.\xfcj)K/\t?\xca&gt;\xa2\xb7\x84\x177\xe0\xdf\xf2\xf2\xf2\xca\xb3\x95e\xda%\xfe\xfc\x8a\xa8\xf6\xf6_\xbc\xa4T\x01j\xf7fl!\xcf\'w\x16\x12\x16\x17\x8f\xa6\xe3\x13[\xc5\xdf\xef\x07Ict\xfdz&gt;\x1e\xcf\xc7\xb7B\x89`54\xc6\xa0TdYq{\x1a\xc3@\x1d\x92I\x0e/Y\x1dYg\x9c`\x9a\xe2\xe5\xa4\x9cb\xe5\xc9\xd1\xc9\xf2B\xfa\x92\xdd\x12\xad\xa6\xf7W\x16W\xef\xb0VV\xc8\xd0\xd5\x07\xbf\xf9\xed\x17\xaf.6A\xb5\xff\xe2\x05I\xb5\xbb\xbbu3\xab\xa8\x15\xf9\xdd\xf67_\xa2{\xdad\xa2\xaa[\xed\xe9k\x8c\x9e\x8a\xeb\xd7\x9b\x87\xa7\x91\x0c\x11,U\xcd\x90y\xbc\xc0\t\xe4\x18\xa8\xach\xd6hU#A\x90t\x8a\x97\xc3\xf3\xbae\xe9\x9e\xc7\x0c^\x9c4\xfb\xb9\x1ca\xe1G\xae\x7f\xda|\xda^\xf8\x94^\xb4\xa3\xf7\xcf\x97\x17\xd3H\xc1\xc2\xb5\xec\xfd\xc7\xc0\xfa\xc7\x1f\xbe\xba\xb8(n\xed\x1d\xef\xd3\xd9\x03\xd4\xe6`\xa6\xa0-u\x87\xff$,PQ\x8eT\xb5\xdb\xba\xbe~=\x8e\xbb\xd5V+)\x9b":x\xa0\t\x19Q\x14\x04\xcdu\r\xce\x03\x13\x94\x1a\xd5ZI`h\xc4({\x81\xc1\x0b\xaa%\xeb\xba*i\xde\xa4ZG\xdao\xb1r\xfe\xe5\xa5o\xf6\x9f.}\xff({\xdb\xe0\x89i#\xa5ZH\xa7\xe3\xb77\x17E\xa2:\xa6\xa4\xef\xedn\x81\xaa1\x9f\x8e\xc7\xe3\xce\xfc_\x7f\xbfzsu\x85\x8en+V\xa7\x9b\x84\xd6\xfc\xfaz\xd8h$\xa1\x88\xe3#\xfb\x8e\x93\xe1!\x8c\xacs\x01\xc4\x91\xad\xd9\xa8V\xab\x86\xa2\xc0\xa13X\xa9\x85\xb7XL\x97;\xedF\x82}\x8b\x12O\\\xfd\xcb\xbe_\xafO\x9a\xcf\x97\xbf\'\xb5\xd2\x8euoucq%\x8b\xa1\x9d]\xfb\xf8\xf3\x9b\x83"\x1c\x04\x16\xa0\xb6677{\xb5F{:\x1c6\xa6Q\xe9\x9b\xd7\xf3\xf9|x}\xfd\x06g4\x9a\x86\xcc\x1e\x8fg\x91\x17\xa0\xe6x\x13d@\xca\x18\x9a\x1c\x85\x12\xeek\xc9\xf1\xf0f\x80\xa9\xec\x00\xca\xb3R,\x83\xe7\x03Ye\xba\x1ac\x02%\x883\x93\x98\x00\x00\x04VIDAT\x01\x9a*\x9a\x16\xb2U._b\x14\x9c\x9d\x9d\x9e=\xaf\xb6?ZZ\xca.n`\x1a\xde\x83X\xb7\xbb\xc5/\xffs\xd0\xdb\xdc\xda\xdd\xdd\xa3\xb3KT\x07\xadHW\xe1\x06:\xe2\xc9v\tYWl;\x8e\xe3n\xdc\xae\xb5\xb9B\xa9\xc38\x8eC\xc0o\xf5\xe2X\x86\xa04\xd2&amp;j\xd4\x06-\x84J\x0b\xc3(\x8eg\xb1%s\x86!\x9e\xcff\x98&gt;\xc3\xd1\xb0\xab\t8\xeb\xd4\'|\xa8t\x06\xa6\xcb&gt;Ue\xb9\xff\xdd\xaf?\xff\xe3\xe2\xc6\x83o\x1f\xac.\xae,\xfc\xfc\x83\x8f~\xff\xfc\xe8\xa0\xb8\x05*pQ\xa6\x8a\xc5\xe2`\xea0UU\x19\xee\xae&lt;\xd9\xb61t\x14\xbb\xa3*\xba\xde\xad\xd5\x12\xbfb\xdb\xaa\xc0\xe13l\xe5"/r\x01\x97\x89$\x87\xd2m\xcd\x00\x15K\x9a`\x04,\x90\xa3x\xd6\x9e\xb7\xa3\xa0\x9e$\x8di\x1bqk4FC|j\x08|?i\x9d\x9d6\xcf.\xff\xe6\xa3*\xd1\xfb\xcd\xdc\xba\xdf&lt;x\xbe\xf3\xec\xdf\x0f\xeem||\x7f\xe1\x83\x9f\x01\xaa\x07\xaa-\xe4\t\x89\x82T\xc5\xdeQ\xd7\x05\x15\xa6\x8a+p\xf6\xf6\xb6\r&gt;\x05u\xa8[\xb3\x9bZ\xe2\x88Z\xa1\xa4\x08\x02\xf4\xe2\x04\xc30x\xc6X\x06\x9d \x04TkPkK\x9a\xcb!\xe3\x1c\xa3\xf0\xc7\xed\xee$\xacO\xc2\xee\x906\x1b\xf4\x8ci\x1a\x8dV\xeb\xb4\xda\x9c$\xf5\\Z\x93y\x12O\xac\xe3\xe9\xa3|\xbe\xf3\xf6\xebgkk\x7f%(\x98\x96"\xe1@\xa9\xe2\xc1\xe1Dr\x99\xa5\xba\x0c\xd7g\xa5\x9f\xb0\n\xba\xda\x06\x95&amp;\xac\xfb\xaam3\x037F\x1fB\xd4=\xbd\x9bA\x8e\xcec@Me\rT\xa0\x05\'5\n]\xf74\xcdq\xba\x84+1\xa1R\xd1\xa1a7I\xa2~n=\xac;\xeb4#\xf3H\x9a)\xf6\xcf\x8e\x9a~.W\xee\x9f\xef\xb4\x1f\x1d\xf5\x8a\xbd\xe2\x1dT\xf1\xf6\x1cUCA\xe3TE\xf5$\\^=\xd9~b3\x88g[\xd6\xf4\xa6\xd65\x02\xd4\x15#\xb9D\x81\xb08\x97\xb1x\x90\xd1\xe5n\xa3Vk\xc8\x9c\xe6j\x01D\x16\x82@O\xa3)1\xce\x80\x10\xa3I\xa0q\x9c\xe7\xa9\xba\xa4\xebz\x05\xe0\xeb~\xbd\x0c*\x1c\x13}\xd5\xf4O\x8fN}\xd1\xa4\x05\xc3\x84\x9d=\xd0l\xfeD\xd5#\xa9\x12\r\xb7\xf2\x14\x85\xb1\x00Z\x14\x9el\x9f\x14R\xacw\xc3\x9b\x91\xc5\x05\x8e\xc1\x9b\xaej\x178\xd1\x84`\xf8U.\xaa\x1dd\xba\xa3\xdaa;\xf2`+Zj\x10\x04\x1c\xc7\x80\xa5\xea\x1e\xae\xe2\x04\xd5j\x9d\xbeG\xfa\x82\t\\\x98Ia\x14\x98)\x16\x96\t\x91w\xaaGg}Q\xe0\xd3\xe3$\xa9\x83w9O\xa1NcM\xc0\x90\xd0\x15\x95q\x81\xc0\xbb\xf0\xb0dInE\x19\xbf\xb9\x9a\xca\x0c:h\x86\x08\xb9\n*\xd6\x01\xd1\xe1\x98\x14\x1e\x1e42\xb5Z\x1b\xf6I\x1a\xb9\xcaq\xe0\n\x08\x0b\xad\xcas%\xb9zV\xf7\x03|\x0b\xed\x0b\xbdL"6\x8c\'\xd97i\xfd\xc2\xaa\xba\xce{\xd5A\xeb|\x9d\xe7)\xaa\xbc\xc0\xba\x07d\xe1\xde.b\x0e\xa8\xde\xd1au\x12\xb8\x15\xd5\x15\x80E\x89\xe6\xf5\xbf\xc0C\xd5u\xad\xf9\xd5U[\xaaH\xb8-L\xe1]U\xb1\x18\x9f\xcf\xd3\xb2\x80+\xc6\x996\xecc.\x0e\xc7\xc1,\xd2K\xa7\xb1\xe3a$&amp;\xb5A"\x06\xe8r&lt;u8@K\x84%\xcb\x12\xc7\xa1\x83\x01\x8d\xe7\xc3\xc6\xa0\x15\x92V\xa8QQ4\xa4\xf6A\xaf\x87Nu\x8butVm\xd6\xbd\nt\x12\x04UaD%(\'\xdb\'6\xc4k\xdc\xbcy\'\xe9\xa8\x01\\W\xc3\xa4\xd1\x91=\x17Qp\x82dp\x18\x972\xdd\x8e\x1e\x04^\x80\xa2\xf4\xd8\xadZ\x00\x82\x87^\xa71\x184}\x1e\x03\x8a\xa7f\x9fbq.\xf6\n\xe6\xd2\xe4\xe6!\x953i\xd5\xaa&gt;\x9e\x8a\x1c\xfc\x06\xaei\xf8M\xd0\xd0\xa8\x81R\x08\xd5$9w\x95\x82\xaa# \xaa\n\x00\x9ew\xf1`X*H\xe7\xd3\xd1\xb4\xa3J\x0c2\n\xb8\'\x94g\xbab\xe9\x82\x99+\x9f\x1f\x1e&amp;\xe3\xedL\xa31\x1c\xb5\x1a\xed\xd8\xd2\x19\x1d\xec2$\x14\n\xa1v\x81\x9d1\x87\xc2L\xb1\x1c\xc3\x10\x1c\xed\xceJI\x82\xf8\x9a\xe0\xa2L\x13\x01\xba\x91\xcb\x10\xcb\t\xc3j\xaf\xb7\xbb\xbf\x97\xb6\xaaf\x984Cd\xd9\xc2\xd2&amp;0U\xd7\x08+\xf5PQ\xa7\xadX)(\xb8\xa3\xe6\xa4Xy\x11\xbb\x16:\x08\x9e\xc6\xea\x87\x97\xd1\xf6\x97\xff\x05\xa6\xa2\xfc\x9b\x1c\xa3Ax\x00\x00\x00\x00IEND\xaeB`\x82'</t>
        </is>
      </c>
      <c r="M182" s="3" t="n">
        <v>45492.67832175926</v>
      </c>
    </row>
    <row r="183">
      <c r="A183" t="n">
        <v>794312</v>
      </c>
      <c r="B183" t="n">
        <v>2020</v>
      </c>
      <c r="C183" t="inlineStr">
        <is>
          <t>Emmanuel Martínez</t>
        </is>
      </c>
      <c r="D183" t="inlineStr">
        <is>
          <t>E. Martinez</t>
        </is>
      </c>
      <c r="E183" t="inlineStr">
        <is>
          <t>MC</t>
        </is>
      </c>
      <c r="F183" t="inlineStr">
        <is>
          <t>MC</t>
        </is>
      </c>
      <c r="G183" t="inlineStr">
        <is>
          <t>MC/MEI</t>
        </is>
      </c>
      <c r="H183" t="n">
        <v>177</v>
      </c>
      <c r="I183" t="n">
        <v>8</v>
      </c>
      <c r="J183" s="2" t="n">
        <v>34488</v>
      </c>
      <c r="K183" t="inlineStr">
        <is>
          <t>Right</t>
        </is>
      </c>
      <c r="L18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9f981b6-2f6e-442d-b004-8996b33224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\x0cf\x06\x00\x00\x00\tpHYs\x00\x00\x0e\xc4\x00\x00\x0e\xc4\x01\x95+\x0e\x1b\x00\x00\x03\x00PLTE\xff\xff\xff\xe7\xec\xf3\x1b\x1b\x18\xe0\xac\x93\xed\xf0\xf6\xdf\xaa\x8f\xc8\x06%\xfe\xfe\xfe\xea\xee\xf5\x17\x17\x14\x12\x14\x10\x03&lt;\xc5\x0f\x11\r\xcd\x06&amp;\xd1\x06\'\xc4\x04#\xe0\xaf\x97\x02:\xc2\xe2\xb2\x9a\xd3\n*\xaewd\x027\xbe\xa8r`\xe8\xc4\xb7\xdb\xa5\x8e\xc2\x8d{\xd5\x9d\x84\x03=\xca\xb8~k\xe3\xb5\xa0\xe3\xaf\x95\xd7\x97t\xe4\xe8\xf1\xc6\x8dt\xbe\x04!\xbb\x89v\xdb\xab\x94\xbb\x8c~\xe0\x13/C1*\xe4\xb8\xa7\x99gZ\xdb\x0e-9+$\xfc\xfc\xfc\xdb\xa3\x87\xb6xf\xcd\x96|\x8agZ\xae{j\xd5\x92n\xdf\xa6\x8a\xa3n^\xba\x84r\xbf\x90\x84\xc2\x86r\xb4\x04\x1f\xcb\x8fy\xa5}k\xb2\x87vJ81\xda\x9bxpL@,% \x0b\x0c\n\xdc\xa1\x80S&gt;5\'\x1e\x18\xd3\x8bd\xd1\x9a\x7f\x95rh\xc4\x95\x87\xd8\n*\xd0\x90l\xde\xae\x9d\x9cla|I9 !\x1f\xe7\xc7\xbd\xd6\xa3\x89\xc2\x97\x8dgG;\xd3\xd9\xe8\xcc\x84\\\xa1hU\xe0\xe4\xef\xb3\x82o\x94fU\xa7mX\xbd\x80m\x80bWZD&lt;\x025\xb9\xc8\x9d\x92sUG\x8cT=\xe4\xbc\xac\x8eaR\x93Y@\x8a\x03\x13\xea\xc2\xb0\x81YKZ2\'\xa0bJ\xac\x03\x1c}RE\xc0\x95~\xcc\xcf\xe0y\\P\x98\x03\x16i;.\xa6tg\xe8\xb7\x9f\x9cwg\x92n^\xec(9\xe5\x1a2\xca\x8bg\xa0{q\x04!~K0&amp;\xba\x04!\x012\xb2\x02-\x9e\xd0\x174\xde\xb1\xa2sC3\xdf\xe0\xea5\x1f\x19\xd5\xa6\x90\xe9\xe8\xea\xc2\x80`\x04)\x90\xa3\x04\x1a\xf7\xf7\xf9z\x03\x0fB&amp; \xac\x80m\xb6\x8fx\xafq^\x99]D\xe9\xbd\xa8\x8enc\xc0\x08%\xd0\x9d\x8b\x11J\xc5^KC\xa9\x85v\x05B\xd0^;0\xd5\x1f=\xc8\x1a7\xb8vW\xc8\x94{\xcf\x98\x84hRJ\x96{p\xdb\x171\x8dXL\xe0\xb5\xa6\x97^O\xdb\xbf\xb6\xd4\xa9\x9a\xd2\xd1\xd1\x02/\xa9\x86bO\xe1\xde\xe1..+\xa7hL\xc0\x8cp\xcb\xa0\x86\xbb\x86h\xd8\xd7\xdb\xb8\x93\x86\xc6zS\xf1\xf1\xf1\xaf\x7fu\xbc\xc4\xdc\xc6\xbd\xc4\xd4\x9c{{wy\x86N:\xcb\xc4\xd6\xce\x96q\xd2\x97~\t&lt;\xa491/\x80l`\xb1oO\xd3n\x83\xe1#;\xdc\xc1\xca\xb4\xb2\xb1Ht\xce\xb4\x81b\x9bq[\xc7\x91\x82\x03\x1am\xc3\xb0\xb5\xc7\x9b\x81\xcf\xa5\x8fo[T*\\\xcb`\x04\x0e;=:\xcb\xa6\x9a\xceTli\x8b\xd8vdZ\xaf\x8c\x81\xe4\xd3\xd8\xd5\xb1\xa4\x8b\x89\x86dge\x9a\xae\xd9\xdd\xa9\xb8\xc1~\x88\xb4\xb5\xc9\xa8\x91\x92\xaa\xba\xe2\xb6\x1a6\xa4\xa2\xa1\xa1\x81y\xea\xd2\xcaHFD\xcb\xca\xc8\x86\x9f\xd9~\x92\xc2\xb4\xa1\xa7\xd9\x9a\xa7\xfa\xf2\xee\xca=X\xb8n~\xdb\x88\x99SUT\x91M?\xc3\x89\x9c\xc9\x9f\xb3\xe4&lt;O\x98\x94\x97V\x1d )I\x9c\xc5)E\xaf0H0V\xab\x1b6\x8e\xa8\x13*\x87\x14&amp;\xf4\xe5\xdei\x7f\xb8\xb4Pfr$G\xa3\xa2\xbaGk\xb2\x97Wdab\x9c\xdd\xc8\xc3\xb2\x00\x00 \x00IDATx\xda\xcc\x99\xffKZ\xfb\x1f\xc7\xc7\x19!G\xfc!\x86\xf4\x8d\xb5\x08\x13\x1b\xda*[\x8d\x99\xf3\x94\xb6\xc4\xe6Y\x1d\x8a\xf4&amp;\x1dK\xa6aH\xbb\x0b\x1c\xfe\x92X\x81\xd8V\x97h\x08\xdd[\xdc\xee6\xcc\xba\xd5\x84\xa94\xac\x1fB\xc7\xe7s\x03\x07\x1b\xcb_\x06\xddk\xf0\xe1\xfe\xd0\xe7\x87~\xdd\x8f\x9f\xd7\xeb\xad\xfb\xf0\xf9\x03\x8e\xed\xf3\xc2\x8e\xae\x1a&gt;x&gt;\x9f\xef\xe7\xfb\xed\xe9\xca\x15\x01F$R}\x1b\xd1\x95\xff\x8f\x11\xc1\xa8\x82\xb1Xl\x0e\'\x16T\xe17D\xdf\x1fJ\x15{}\x9aH\xe4r\xb9s\xf8J\\\x9c\xbe\xdd\x8d\xa9\xbe+\x18\xbcyp\xeem\xe2&lt;\xcb\x8a\xc54&lt;(\x9a\xa2X6\x9a=?9C\xb2\xef\x05\x85:\x9d#\x120!\x15K\xc1\xb0\x14M\xb3\xd1\xdc\xe9n\xf0{\x80\x01\x14\x08\x15\xa5\xc4b\x89\x84\x08\x05\x03|\xa0\x17M\xael\xfe\xe4\xf5\xe5s\x81R\xa7y\x80\x92 \x14\x91\np$]]]\x04\r\x85\xa3\xa9\xec\xc5\x9c\xea\xb2\xa9v\x13(\x94\x18H$\x04\x89"\x12\xd1\x12I\x17\x80~\xd3,\xb1y\xa9\x82\x89TGy\x9a\xd8\x87\x02I\x8a\xa9*\xe4\x8a\x04\x8d.\x8a\x96\xdbT]b\xac\xe6.\xa2\xf0\xee(\x0cbu\x15\xe5)\xaeE\x1221jH\xd1l"\xa6\xba4\xa9\xcer\xac\x98$\xa9(\x16@\x88Q0\xfa[\xf2\x81H"\x81\xae\xa0\xe8\xe8\xd1e\xf5\xfe\xdcQ\x96\xd8D\x92\x85z\x15\xc2E:\x8bB\xf7\x88L\xac\xa4\x0b.\x948{)\\``\xa2P\x9e$Y\x12|*\xa4\x9e\xa2\xc44\x93bQ.\xc4c\xa9.\xd4\x8b\xa6\xb3\xafK\xcf%\xba\xb2\x99\xa3\x90JB\x9a\x01\xbc\x83\\I\xa0\x15(\x03\x08E1Q\x96\x88\xc5\xe2\xc0OY\x06\xac\x85\xd8\x97\x9aK\x04T\x12B\x82W1\xc8\x84\x9a!\x95\x81a\x0c\x14\xc2\xd1\xa8\x11lA\xb8*)\x86%\xb1/1\x96h.\x07\x1c4%\x06\xdf\xd05\x89\x98\xd4\x93\xc1@\x1b\x18\xe0b\x98\x14\x03\x18\x0c%\xa6\x08\x17y\r\x98\'\xa5\xe5R\xc5N\xc0\x1a\xb2\xf2$4@\x80:0\x01\x83Ri\x08(\x15J\x1c\x86\x86\x9f\x80\x95`d\x14"\xc6\xa2\xab\xe2\xe8Q\xb0\x84\\\xa2\xe0\x05[\xc89\xbck\xc0\xe5\x0b\x05\x18\xc0Q\x86|&gt;_\xc8\xe7r\xb9|&gt;\xbd\x0f\x9d\xa4\xa2)\xd4(\x15\x8dFS\xd9(EK\xc4\xf9\xdd\xd2\xb5=T{T\\hp\x83!\x146\x87}!e@\tL\xae\xa9\xa9)\xbf\x9f\xf3s\xe1p\xd8\x170\x18(\x03\xc3\xe2)"\n\xa6\xe6\xb3\xb8qR\'%\x93\x8bPIH\x95\x1b\x02@\xe5\x0e\x87\nJ\x85\xfd\xc9\xa4\xc3\xe1X\\\xb4\xfb\xa7\n\\\x8c\x12\xa2\xce\x82R\x0c\xc3FSQ\xf8?%\xb3Q$z\x9d%kP"&amp;TI?8\x17\x0e\xbb|.\x7f\xd21\xb1uh\xdd\x9a\x000\xb3\x7f\xca\xa5\x08(\xb4JX\x01\xd9|*\x05\x162\x0cl\x08\xe2\xecY\x89\xe4R\x9d\xd0\x85j\xa0!H\xe6\xa4\x19\x81\xfc`\x9f\xd9\xbe\xb8u\xb8:\xbfzx\xb8\xbaz\xb8\x05\x8aA\xc6\x10+\x9aJ1\xb0D\xc5\x06\x03V\xaf8\x11,\r\xd5\xeb,\x9eB!(L\xd8o\xb6\'\xa7P%\xbb\xd9l\xb6;&amp;\x80\xea\xdb\xacN\xd8\xcd\x00\x16P\x82\x91\xc8\x14\xa0@-\xc0\xea\x82\xb2/\x05U\xf0\x84\x92\x90\xcd\x8f\xf2\x99\xedv{\x12x\x16\x1d\xf8\x0cb\xad\xae\xce{\xe7\xbd&amp;\x93\xd7\xa4\xf6\x0e\xce\xafn%\x11-\x14\n\x05\x02\x01pZi \x85R\x92R\x15\xedf\x0b\xe7PZ\x89Tv r8\xe0\xea(j\xe5\xf5z\xd5ju]\x9d\x1a\xe0\xbc\xa8\xda\xea\xd6b\xd2\x9cL&amp;\xed\xc90T*lUP\x12%X\x86\xa7t\xe1\x0cc\x08#\x0fa\xc2\xd57\x01T\x04\xcbdR\xdf\xabC,5N\x0f\xcc\xe0\x1b2\x87\x0e\x1f\xda)aKp\x94\x10\xc5r\xb89Kh\x83\xd2_\xc4\xfa72Ml\xa1\x83\xa0\x95\t\xb1`\xea@1\xa4#h\x83\x83\x88vhV(q\xdf\xce\xc5J\xd0Yl\x17\xee\xce\x94\xc1eF\x99\x1c\x8b\x8eEd\x825\x88\xc1\xf2\x82s\x88U\x87\x82\xdd#\xaa\x15\x04\xc3y\xb3\xe5\xf7\xc16)\x89\x9e\t]\xf5\xa2\xb9s\xdc\x9dQ\xac\xa9$\xc1r\xd8\x8bX\x87\x05\xb1\x8aXu\xff\xa3\xd57\xae7\xab\x8b~\xdc+\x05\xafz\x14\x0b\x8f2\xd0\xef&gt;\x7f\xd2Q\x98E4q\x8b$\x0b-\xf4\x16MD\xb5\xd4=E,\x84\x82\xc7\xa1#\xac\x84SZ~S`\xac\xe0\t\xf9@\x08\x9b]\x18&lt;\x04 B\xb58\xb1U\xc02\xa9MHV\xf4\x0f\xd4\xea\xe9)zX\xb4\x11\xe2\x05\xa9g\x84\x0e=x\x88\xe7\x19\xd8\xec\xc2\x84\n\xb0&amp;&amp;\x10\xab\x10-\x88;Y\x83u&amp;\x08WQ(\xf24H\xd8\xe6\xc1F\x94\x8b\xba\x10\xd4E\x91h3K\xb42(\x15S\x0e\xb2\xfc\xe0\x82X\x00\x95\x9e\xf7\xaa\xeb\xde\x81D\xfbP\r&amp;\xcc\x15\x11\xeb\xbf\xf1R#\xd7\xfc\x16\x07r\t\xdc\xa8"\xd1[&lt;\xb2\xc3\xc9@\xa1\xd7\rY\x87\xac\xcf\x9f[\x87\x90\xcezkg\xe7\xce\xddw\xf1xM7\xb1/\x0e\x17\xd0\x0c\xfe\xd1\x8ds\x8f\x84\x1f}\x9c\xb7\xba\xf5J\x8a&gt;\xdf\x14\x1e\x0b67\xa5\x96\x1b\x1f\x1a\xb2Z\x9fK\x81\x0b^H\xaf\xdf\xa9\xff\xf9\xfe\xfd\x9a\x9a&amp;\x98\xee\x9a\xeex\x1c{\xab\xbb\xad\xad\xed\x06\x0e\xe0\xddS\x9bzz\xbc\x83\x83\x87n\x94+%\xe8i\x10\xce4Q1\x06Kks\x13\xb1\xa4\x04\x0b\xa8d\xd5\xc6_\x96\x97k\xfa\xfb\xab\xca\xae\x96\x95\xb55\x81l\xf1\xee\xb6\xb2\x1b\xd7\x96\x96\x96~\xfc\xf1ZY\xf7=\x94\x0b\xdac\xd5\xc9\xe9\x19JX,R[\x14\x04K\xab\xb3\xb4W\x0fKoI\xa5V\xc0\xaa\x90\xb6\xcb\x8d\xa3\xa3\x7f,//\xf7W]-\x87)k\xaa\xaaj\xaa*\xaf\x1d\xab|XYY\xf9h\xac\xf6*\xfah\x02\xae\xf9q\x1d\xb8\x18\x15\xf6\xd6\x12l=\xe0\xa1Bkk\xe94\x1a\xabe\xd7\xa5\x15\xa0Y\x85\xb4\xb5so\x14\x07\xb8\xaa\x1a\xfa\xfa\xfaj\xfb\xaa\xaa\x1a\x1a\x1a6*\x1f&gt;\xfc\xeb!\xcc\xa3\xb1km\x100,\x0f\xaf\x95\xe7\x14\x82c\x05Oh\n,\x1c\xd1tvttT_o\xad\x00\xaa\x8a\n\xc0\x1a\x18\xfd@\xb8f\x01k\xa6q\x06\xd8\xfa6\xc6\x80\x8a`\xbd\x1c\xab-\x07.\xd2i\xe9\x08\xb8\x98\x15\xd8D\xd5\x11\xc3\x02V\xcb\x82L.\x97W\xb7\xb7\xde\x1e\x1a\xcaX\xc6\x9f&lt;\xfd\xf3\xd3\x97\xbd\xbd\x81=\xa3\x11\xb8\x1a\xfa\x1a766\x00\xab\xf2aa^\xbe\x1c\xdb(/k\xeb\xc6\x8d\xc9\xe4\xcd\xe8\xf4\x8c\xe05\xbf\x9be\xb4z\x9bG#\x97\x83Z2\xe9M\xcb\xb8G\xb7v\xfc\xf1\xe3\xc1\xc1\xc1\xfa\xfa\xfa\xd3\x17\xcf\x8c\xcb\xfd\r@\xb5\xf1\xea\xd5\xcc\xd8K\x98\xcf\x9f?\x7f\x80/X\x0e\xddu\x80\xb5\xefM;m\xca\x9c\xc0w\x07!\xf3J\x1b\xa7\x1bY\xe8\xe80\x1a\xe5\x9d\x0f\xdc\xbcn\xc5\x06\xb3b\xd3\xebm+k\x9e\x9f4\xc3\xb2\x9fgg66ff\x97GG?\x0c\xec}z\xf1\xe7\x0bx|\x92w\xca\x9a\xe3\xe0\xe2&gt;\xb8hK\t}\xb3K\x14L\xa48\x9e\x9f^\x90u\x18;d\x9a\x08\xaf\xe3\xf4Z\xad6\x85\xa3\xd0\xafxFZ\x9eh\x86\xff\t\\}\xbfO&gt;{\xaa\xe9\x1d\xf1\xc0\x8c\xc0\xb7\x9f\xf6N?\xde\xae\xf7z\xf7\xf7w"+\x8a\x13\xc1\xef\xc1\x9d\xea\xd7xg/`MVwN\xf36=|\xb4W\xe0\xc7\x08\xbc\xf5\xa0\xd4\xae\xac\xb5&lt;Y\x98\x9c\x9di\xec\xfb\xe3\xf7\xce\xdei\x0f2\xebmz\x1b\xdf2\xe2\x8cd\xd2;\x05,\xfd\xa9J\xe8\x93\xcd\xd9\x8a\x8e\x8fLw\x1a\xdfO\xca4-\xbc^\xaf\xf5)p\x80+\x80\\6\xde\xb2\xf0~v\xe3\xd1X\xdf\xe8\xb3\'\x1e\x02\xad\x85_\xd2\xaf\xe9l\x1co\x91\xee\xec\xc7\xb7-\xdc\xca?\x84&gt;\x06\x8a6\xd78&gt;\xd2\xf2\xcch4\xca4\xd3-N\x08\x17\xc7\xe9x\x9e\xd7A\xba`8\xce\x99\xa9^\x9e\xa9\xac\x1c{%\x7f\x00\x1e\xeb\x9c\x96\x07\x1a\xcd\xb4\x07^\xe9x]$\rX\xe3\xfc\xf1\x99\xf0g\xf9\x8f\x1c\xaa599)\xeb\xd4d\xc6\x9dN \xf3xx\xde\xc3s\xb0\x16`\x9c\x19\xd9\xf2\xb5\xb1\xca\xca\x99I\xd9pkk\xab\xb4uX&gt;0\xb0\xd7)\xd5H3\xceH\xba9\xbe\x9d\xe1?\n\xfc\xd9\x07\xff\xdet\xc2\xf1\x9e\xe9\xe1\xc9\xf7\x93\xd0\\\x1a\x8bS\xc7\xbbu6\xadR\t\x11\xb2\xf9\xf4:\xde9\xfe\x18\xb0\x96*+\x1bg\x97\x9b\xdb+\x90;\xd2\xfb\xe9\xc5B{\xfb\xceN\xba"]\x1f\xaf\x07,akK\xf5\xf7\xd7\x98\xea-\xef\x89d@\xad\x0eh.\xcd\xb8\xdb\xed\xb4i\xb5L\x94I\xe5W\xb4\x8a\x90V\x17\xb1,T/74&gt;Z\xaa-\xef\xdf\xbe\xc9\xb9\xf4Z\x85B{\xec\xc9H\xa5\xe9\xed\xed\xed\xf4N|?\xc3\x1f\xcc\t\x89\xa5\xfa\xeb\xd9\x93\x9f\xfeu\xe4\xe1#\x99\xf6\xeaj\x99\xcc\xd8\xf1x\xdc\xcd\xf9l\x07\xc7\xd9s\xea&lt;\x97X\x0b\x04Ba\xa7e\xb8\xfa\x97\x86\xda\xa5\xa5\xda\xb2\xbbC~\x9f\x0f\xd6b6\x9f?\xe6\xdc\xbfYw\xea\x9b\x9b\xeb\x11k=&amp;\xe4\xdf\xf3T\x03\xbf=\xff\xd5\xef\xbe\x19\x89d\x86e0\x03\xc6V\xcb\xafn\xce\xb3\x9e\xc8\xe7\xa3\xd9\xf3\x8b\x83P(\xcc\xb9-\xedw\x9a\xcbj\x1b\xaf\xddh\xaa\xb7\x9a]:~-\x1bM\x9c\x7fY\xe7\xfc\x13\xe9\xbb\xf7k\xe2\xf1\xfd\xb4\xe7\x8b*\xf8\xf5\xeb\xdf\x02U\x97J\xb5\x97|~kb\xa8\xf5\xa6\xf3v;\x1c\x1f\x86\xe5\xf2\xd6\xdb\x0f`z\xd7\x8f\xf3\xf9|\xe2\xcbq\xc8\xc5\xe9\xdc7\x7f\xb8s\xb7\xbf\xbc\xf6jY\xd3\xbb\xff\xd0j~\xa1ily\x1c/\xc8 \xfb&amp;CPG4E\x9c\x01\x858\x19\xb7\x8e\xe2\x0c\t\x046J\xa3\xd4\x84+&amp;\xba\xd8\xd5\xa2\tJ\x88\x8eP\xe9K\xc2M\x17B\xd5*\xa1!p\x9b\x15kSri\xcc\xa6Wn6$\x90\x0b[\xda\x90\xa4\xb0\x81\xe4\xd2\x0b%\xd0d\x17nK\xd9.t\x1f\xfbT\xf6{\xccv\x1f\xf6Y\x0f\xe6\x0fy\xfa\xf0\xfd\xfd\xce\xef|\xbf\'\xc7\x13\x9aIG\x1f\xfc\xfdo\xff\xfc\xe5\xe0\xd8y\xff\xe9F\xff\x96agg\xe7\xc5\xda\xe9\xe3c\x83\x9d\xfa\xac\xee\xd0\xcc:\xfe8\xc1\x88"\x93\x1dwX\x18\xd1\xe8\x08;\xb4NgVnI\x05L\xf3\xa8W\x18\xbc39\x96Ni#\x11\xf3.\xa5\x01\x96a\xd7\x18\x18L\x0c&gt;xprv0\xea0zvw\xedv\xa8\xb5\x91x\xb1su\xe0\xf6w\x95\xce\xccTu\xdf\xe3\x8f!fe\x7f%\x0c,\x8bh\x84\xdbrb9Z\xad\x96\xe4\xb7\xd9\xb0)\x97\'\x07\xd3u&gt;\xc2Gv\xa9\xde^\xca&gt;4d\x0e\xd5\xeb\xf5\xf1\xfci,\xe6c\xfa\xf5\x14\x1c\xf5\xc0\xd6\xd5\x8d\xd0\x0e\x8c\xf4o\x7f\xa2\xdew\x0ck\xca\rol\x19\xd7\xb6\xa9\xda\xc6\xd4Q\x0c\x17\xa5\xac\xd3O\xbalyy0\x15\xe2\xf92\xc1R]\x83\xa7\xf7\xf0S\xf7\x1b\x13\x0e\xd7\xea*1\xae\xf6!\xbb\x1d\x11r]\x1b\xcc\xd19\xeaY\'\xb1""\x03\xb5z\x88Ze\xe2\xe2\x1d\xe1\xb0h\t\x87\x1d\xd9\xd0x}\x10\x9d5^\xe6y\xdem\xa0T\x88\x17\x06\xc3\xae\x9b/\xf3\xee\x95\xd5G\xb3#,\x0c\x17r\xd0\x00\xb16T\xae\x02\xac\xde\xcea\x85\x8ce~?lCo\xadC-\xf8e@q\x0c\x83N\xd3\xda0\xc3\xd2\xe3=\xbc\x91\xe7=\x06\xaa\x17X\xa8\x99\xc1\xe3\xf1\xac\xb0\x8f\xe2\xf1Y\x8dJe\'\xf9\xec:\x0ek*y#w\xad\x93XSF\xa3(\x86_\x02\x8b\x18\xf9\x9e\x1e\x87h\xb10\xaeK\xac\xf1z=\xa1\x8d\x18\x8d\xbc\xd1cP!e\x00L\xa5\xd7\x1bV`s\xe2q\xab\xd5\x84\xb2B\xad\x9d\xeb\xc0\xd2]T:\x8a5a66\x1a\x0eg\x18\xd3\x14\xaa\x18\x01i\xe1\xdaa#\xeb\xb4\xa1\xebm\x80\xbe\xc4\xa25z\x8aRiFF\xd8 \x0bWoM&amp;+t/E\xb0\x88Z\x95\x1b\x95\xa1g\xb9\x8ea\xdd\xe7\xf9P \xa0\xd5\x8a\x19\xc6"FD\x8b(r._\xcc\xb7\xcf\x88\xe8.\xa7\xdf\x96\xc5_\x8dFw\x7f\x90\xd5@(\x95JC[gY=;\x8b\x93[g\xa5i\x92\x17\xaf^\xddy\xa1O\xea*\x03\x1d\xc4\n\xf1\xa1[\xdbuG\xd6\x91\x01\x17Z\x8a\x81TX.\x8e\x13\x8b\x8e\xac\xdf\xe6 \xb4\x11\xf7\x8a\x9e\xa5\x81E\xa9T\xb0\x12\xf1G\x08\x1b\xc8\x8bIk.\xd7k\x07\xd7N\xf9;*\x99\x1cx\x96\\\xe8\x14Vy\xe2\xd6\xc7\x8f=\x96\xac\x9f\xf3\x81\xc9\xb7\xdf\x86\xf2\xed\xc3K\xc8ER\xc6\xd6&gt;C\xe6\xed\x8a~\xc4\x84y\xaa\x82\\\x08e\xbax\x92`\xe9\x92\x95\nMQ[[\xb7\x9f\xfe4\x90K\x0e\xfc\xee\xa2\xafCS\xfe1\xfft{\xbb\x8e1\x0fw\xdal\xcb\xe4\xf2\x8d\x8e\xe2;\xc3\xb5 \x96\xdf/\xa3\x9c\x18!\xf3#\xb3\x8f\xac&amp;\rE\xa1\x88He\xba\xcb\x85\xf6\xca\xa1\xbd\xb6n\xbf\xb8&gt;\x94KR\x03\x9d:|\xd47"\x13\x81\xb9m\xa8%(.\x12W}m\xaaQR\xc5\x96\x84\x1af9\x97\x88\xb5\x8f\xbdg\xd5\xe9\x90\r5Vk\xfc\x86\xee\xc6W,p\x01k\xfd\xe1\xb5!\n\xbfu\x08\xeb\x8a\xfa\xe7\x88\xf1c`\xae\xc1Ik\x82&lt;z|\x1c\x1bm\xd7\x90\xe8\xc5\xb5\x88X\x8al\x11]1_l\x16=~q\x11\'X\x84\xe7\xab^\xa8bNe\xdf\xda82\r\x0c\xd1\xb9\x0eu&lt;\xd6g\xcem\x0cm\x07,rJ\x90\x88\\D*\xb2\\\x9c\xdc\xc6\xf2\xb78Pq\xaeU\x82\xa5\xd3\xe8Y\x95\xe9\x12\xeb\xc6\xd7"\xe6\xe8k\xfd\xe1U\xd5\xd5\x01\x15]\xe9\x14\x96z\xe1\xb8\x8716\xea\xc0\x9a\x16\xa4\xd1X,F\x98|D,\xb9\xa5\xf8mP+\x16\xe3z\xb4a\x06\x89,\xce\x0e\x0f\xebU&amp;\xb4;\xa1\xc2\'\xa9kc\x05\xd7%\xf6\xfa7\x03\xb9\xded\xc7\xa2b\xdf\x85e\xdf\'\x1a-\xad\x14\xf2\xe8\xe6\x7f\xb9\\X\\\xab\xe8\x1fO@-_+1\xb6\x9c\n?\x9cgYq\xfb\x96[\x0f\xbcx\xfb*\x82L\x08`\xd1\xd4aQ\xb6\xff\xf1\xba*\xd7{\xd1\xb9\x84\xf1~u1\xe6\x13-\xf2ZT\xc8/\x81\x0bP\xbeK,\xc9\x96H\xd8\xc0\x95\x98\xfc\xf67\x93\xce\x8d\x87\x06f\xee\xdf\x93\xf7\xfbMV\x0c\xf8vw\x01\xabb\xcd\xd1\xcd\xd2K\x8b\xe7\x9b\xa1\\\x07[\x0b\xeb\xaf\xb1\x18\xc31\xb2pS\xa8\x16N\x81\xe5j/\xee+\x96m&lt;=37S\x0f\xf1\x1bf7\x8c\xec\xd3\x15PY\xc9\xd8"+\x1e7\xd1l\xa6(dz)\x0cV]\'\x83\xf5\xddc\x9f\x85\xe1\xfc\xa9\x9b\xd3\x82\x17e\x1c\xdd\xbc\xc4\xb2\xa0\xe3\xc7\xc7q*\xd6S6\x87\x83x\x8b\x88!h\xf0\xf4\x8f\x80\ne\x04WR\x17\xb7\x9aL\xf4|Fzy\x84I\x91\xcb}\xeel\xf8\x19\xe5\\\x8e\x9bc7\xa3\x82w\xe9\xf4ts\xd3En\x948\x04U\xe2\xea!W\xdd\x96uhC\xf7\xa7\xccz}\x10\x1do2\x11\xac\xb6^\xf1G\xb34\xdb,\xbeTf\x93I\x9dU\xd7\xd9\xff\xaf,\\\x1c\x8f\x9e\x9e\xd5\xa6\x85\x9a\xb7\x00.\x0ei\x91\x1c=8\xa9\xb1\x00\x96\x80Kn\x84&amp;^x\x0c+\xbb8\xaci\x1a`\xc0J&amp;!\xd6\x08{\x94\x91\x84\xa5d\x05\x9b\xf2\xa2\xc3\xb7\x10}\x0bXO\xf6\xa2^/\xb8\x96Z2\xd7\xa6"\xb1&gt;\x8bS1\x91J\xcf!\x11F6\xdcf\xb3\xd1\xbck\x00\x98\xc9T\x89\'a\xb8L\x1av\xbeY\x92\x04\xa5\x82\xa5{\xdf\xe9K\x88\xf6=\xf8IT\x10\xbc\x8a\xb7P8%Xb8\\$v&gt;QO\x0f\xce\x05\x1a\xa1r$R\x8e\xb8C=\xf0\x12p[#\xc8\xb2\x15+\xda\x9d=:,Ikk\x8b\xd6\\\xf2s7\xfe\xbd\xaf\xfe\xf3\xab\xa8\x10\x15\xaa^\xa5\xd0\x96\x0b\xad\xe5\x17\xd6R\xe4bd.]\x9f0\x9a\xcd\xc02\xbb\xb1\x19\xdd\x0csx4o\xaa\xe4@5\x7f\xd4\xcc,I\'\xcf/.:\x16]\xff\xff\xaa\xf2\x97\xe9j\x95\x94\xb1Ph\x81J\x0e+\xd1\xe9\x9bcc\x88\x18\xa9\xba\x96w{\xcc\x11\xdem\xee\xf7\xb8\x11\x8f\x9cZ9\xc3\x9a\x08U\xf3\xf0PV\xf2\xaf\xefv\xefI\xf1\x0f\x7f\x99\xae\xd6\n\xde*\xb0\x8am,\xe1Oc\x83cc\xe9\x04f\x84\x16\xb5C\xb0\xf6\x98\x19\xc6CB\xaeS\x1bn\x9ah\rJ\xd8\xccH\xf9\xbdO\xdd{\xb6\xab\xee{\xfd\x8a(u\x8e/\x19\xe3A,\nc\x88\x88\x89T*=\x98N\x07\xfe\xd0\x98\x9a(\x87\xa6\x1a\xd8\x91e^t8\x8b\x99y\r\xad\x99o67\x97\xf2\']|\x93\xa4\xbe\xf2\xf6U\xb5p~^\xab\nU\x89\xa8U\x14\xa6\xc7n\xae\r\xce,ON\xce\xcc\xcc\x05\x02\x81z\xa3N^\x92\xe0g\x99\t\x873,M\xb3GG\x99M9\xbf\xf7\x8f\xee\xbdxS\xab\x7f|U\xad\x9d\x9f{\xa3Q\xef\xd2&amp;\x0c\xb3\x94_K#\xea\xdf\xb93\x19\xadF1\xcel\x9b\xb1M\xa1\x90\xbaw\x0f`\xc6\xf5\x87\x0f!\x16\xb0\x96$\xa5V\xfb\xbe\x9b\x0f\xb8\xbe?A\xc7\xd7j\x02\xb0\\\xaeRQ\x92^\xa6\x96\xef};y\xe7\xf7g\xbf\x9e\xfdzppv\xf0\xe3\xc1\xd9h!03\x89y\xb1q\xd8\xd4\xa0\x84\xa5RIR\xa4\xae\xbewS\xdf}]\xaba\'V\xd1a\x9b\x1cW\xccJ\x92mpl\x19M\xef=/\xb4Z\xad\x0f\xdc\x1b\xb2\xf8r\x19\x1f\xf3p\xb3=\xb22\x9b\xa5\xa5\xda\xdbn&gt;\x8aU\xff\xf0I\xa8V\xab8\x18q4b\xcaK\xc5\xa2?\x81T\xfd\xe5K6\xfb\xe1\xc3\x1b|\xfe\xf5\xee\xdd\xe2\x1b\x8c\x89\xdd-\x8fy\x98\xd5\xb0\xcd\x8c\x0c*\xa9\xf6\xbc\x9b\x8f\x03\xd5}\xcf\xab\xe7\x05\x05\x1d\x0f\xac\x12\x9a\xab\xe8\xf0;q\xf6|\xf1\xb7&gt;\xb4\xdaB\xad\xbc;\xdew\xbb=\x06\xfb5\xfbp\x90\x05U\xa9$\xa3\xb7\xaa\xdd}\xa3\xde\xf7\x04cK\xf1\x92\x9d\xb8$\xcb-\t\xe1\xd5\x89\xa3\xda\xd6\xb0\xd9\xfc\xd9,\x9f\xd5\xf6\xf0\x98]\xbb\x06;\xa5\xd1\xe8\x83\xec|\xa9\x94)\xc9\x12\xd4\xba\xdb\xd5\xa7\x94h."\x96 \xe4\x15E\x96%\x7f\xb6\xe8p\xf4h\x9d\xb6\x06\xfcC=\x80\xd15U&amp;R\x91\xa4HS\xc1`3C\x16Z\xeb\xd3\xc2\x95\xaeb\xfd\xf0\xbaZ@o\xe5\x85\xbcT\x94\x14!\xff?\xaeF\xa8\x91\x1e\x0b4\xca\xeea;\xa5\xea\xa5\xc9|\x9f\x0f6\x0f\t\x95\xec\xdd{\xbb\xd0]\xb5\xfa\xdeV\x95|\xde\x8bOQV\x04\xc1_l{\x9b\x1er\x89\xd33\x9e\xb6\x19=\xc3D(\x9a\xd6\x10\xaa\xf9\xf9C\x8c\x87\x92"\xecu\xf9\xb9\xb5Z}\x10\xc5\xe4\x12\x04E*r\x12L\x8e\x04.\xd1\xb8\xb1nf\x1e2\x16r\x0b\xc1\x12cJN\xe8`\xf3(\x08,l\x8b|u\xefq\xb7\xb1\x9e\x9cLG\xf3yE\x92Z\xf2R\x1ev\xa2\xcde\xc1D_Y\\\\&lt;Z\x9d\xb5\x92\xbb6r\x12\x1e6\x9b\x878\xa5K\x92\x94\xaf*]\xc6\xba\xd2\xf7\xb3\x17~^Q\x94\xff\xd0r\xfe1M\xdfi\x1c\xbfo\xda\xa6]\xfa\xc7\x15R\x1a\xc4"\xed\x81\xe9\xc8)-\xd7\xb2\nE\x12q\xb0\xdcA\xae\xeb\x17\n\xb4\x15\x08&amp;-\x936\xe5\xe0\x0f\xe0l\x842\x18\x01\\\xd8\x15\xc6\xb6Z\xa6\xa4\'\xc6\nx\xd7\n]\xb0\x92!\x1c\x14HT\x14\x83\xa0\xe8\x1f\xa0\x99&amp;\x98\xc9@\x13=\xcc\xeey&gt;E\xb7\xe4~y\x1e&lt;\xd0\x12L\x0c/\xde\xef\xe7\xf3|\x9e\xcf\xf7\xfb|IQ\xb5@\x92A\x96%\xe6%%\xed\x00\xad\x9c\xc1?\xb9\xdd\xeecx\t\xf0\x14\xec\x84e\xad\xc1`\xd99\xc0\xaaH\xa9\xd4\xb7\xfe~\x9b\xb1\xd87T\x16\x97\x05\xe5\xea\x80\x06G\xaf\xd7\xb7\xa5$%\xe1%/\xcf\x8es\x93n\xf7\xec\xb1c\xb3\xa7N\x1d\xfb\xddd\x7f\x7f\x99\xaa\xb5,\x18\xc4\rJ\x96\xa2\xdef,\xf6/n\xb4V\xa4\x15Y,\xfaL\xa8\x91z} \x94]x\xcb\xe5o@\xe5\x9e=ulv\xd6\xed\xbeR\xd8\xdfz]\xd5\x8aU\xab\x05V\xc8\xb9\xc8\xed\xc5\x82\xfe\xf2\xc6\xeeX\x19\x9c\xcb`\xff\xa9\x94Y,\x96@[EEUJ\xcb_U\xef\x15\xbag\xdd\x93\xc05\xeb\xbe2\t\xa7\xa4\x8e\x0e\xa8\xb7\xb0Z+*\x8bTq\xf5\xdb\x9a[\xe4\xe1,UR\xa2\xd1\xe0\x020\xe8\x97-3\xfaPk\xdf\xa1\xda]\xe8v\x17~P\x88C\x06\xe4\xc6~fWEGK\x8a*%S_Y\x1f\xbe\xadXl\x80\nX\x12u:\xc1\x11\r\x80\xb9\\.}`fjj&amp;\x00\x8dt\xc7\xf5\xc2+W\xde\xdb\x8d\x97M\x80\xea^U\xc7\xbd\xb6\xb6.X\x19\x95\x96\x8a\xc9p\x9ezv\x1b{S\xd1\xc8\x80+\xb5\x93\xaf\x13&amp;\x08\x8c\xe9\x86\xf6\xf6\xa2)\x97e\n\xe0\x80\x0b\xc0\xfa\x0b\x0bw\xb7~\xf0\xe1\x87\xfd\xfd\xd7\xab\xa0%\xcb\x0cX\xf42\xd0S\x16d\xf0\x18Q\x93}\xd4vM\x803\xfd7]\xe9\xcd&amp;\x81\x0e\xb9z\xd2S\r\xed.W;\x84\xcb\x05\x82\xcd\xe8\xab\xae_\xaf\xaa\xe8h\x05\xa9\xda\x02\x81\xb6\xc0\xcc\x8c\xc5R\xd4n\x90\x05\xe3X\x0c\xd6\x85\xb2\xfb\xbe&gt;Q\xd3v8\xd9D/\x0c\xa47\xdbk\x14:]B\x02_Q\xa2IM\x054\x00C6W\xfbT\xa0\x0b\xeaX[UW\x9b\x1e|\x9d\x01V\x80N\xd7\x07#y&lt;\x86\xfc\xc2\xa8\xac\xeb\xae\x8f\xd6n\xbdbl\x8eya\xa0\xc6no\xce\x15\x82Z|E|V\x91\x04\xef\x9f\xb7\x93\x89\x16x\x9b\x02\x89\xf4\x81\xc0T\x08\nIS\xd3{\xca"y\xe1,\x96|\x7f\xaf\xa5H\x7fo\xc4O\x8b\xb6z\xf2\x94}\xc6\xbcp3\x84\x15\xba\xa3\x98\x15\x7f\x04o\xec\x93\xb8\x08\xca\xb5\xbb\xa6\xa6\x88r@\x84\x83\x19\xf0\xd9\xa3\xca\x00\xb1\xe4ryLC\x9a&amp;\xcd\x92y{\xc4_\xb7\xb5\\\xec\xbf\xf8\xcc\x0b\xdf\xa7\x03V7\x8a%\x80^&amp;?\xdfh \xd3!\xf0\x06\\\x06\x83\x01m\xc5Y\x8dT\t\xa2\x1a\xc6bOD\xc51\x18,\xf9\xde\xfd\r\x9a\xf4N\x8d\xb1\xb2\xeb\xf6\x9fE[\xday\xb1\xbf]\x01,\x97\xfd\xa0\xfd$`%\x84\xb0\xe0\xdc\xaa\x91\xfc\xfa\xa2\x04\x1f\xa5!\xa3-8d \x01D\xfc\x17\x83,V\xaaV3X,\x86\xfc@L\x83\xa6\xa6&amp;]c\x94e\x8eh9[y\xd8\xd83\x7f\xd5\xef\xdd\x98\xb1\xbfc/\x16\xea\x12\xf8\xd8\xf9\xc5\xe7\x97\x94\x94\xc8z4\x12\xc9E|\xc6G\x82\x12\x85\xe0\xc0\\\x89\xa1\'\xa5L\x8d\xab\x90\xb5\x0b\xb1\x8ak\x9a\x9bk:\x8f\xc8\xee\xd7\x89\x98\xec-\xf4\xf0\xea\x9a\xcf\xbb1 y\xc7\x9e\x9d\x1021\x17\xb0zJP1\x03Q\x0b\xdcL\xadA.\xf8&amp;Uc\x1c\xcb\xf3D\xc5\xc5\xc5\xf1\x88\x8919\x97\x8ak\xec\xcd\xcd\x9dE\xb7\xfbD\xd4\x9e\xad\xdbu\xce\xbcX|\xec]\xf8\xbe\xfd\xa0\xbd\xb6\x00\xb1\x14\xa0VII~|\xbc\xac\xa7\xc4\xa8\xc1\x84\x92\xd4H\x9a\xe1\x85f\x15U\xe6\xe7\x0bb\x9dR5\x8f\xc7\xdb\x15\xc2:\x7f~\x10\xb94\x88\xb5e\xd9\xb5\xa7\xc9\xfbpq\xde\xbf\xb0\x11\xb0\xdb\xad\xdd\t\xc2\xc4W&amp;\x02W~\x8f\xb1(-\xad\x08G\x8f4i\xc6\x9e\xca18&lt;\xa6T\x94\xb78O\x9c\xa8\x0fg0\x10\xeb@LNN\xce\xa5Z\x1c.\xb9m\xa6(\xceV\xdd\xc6\xd8\xe3\x9d[Y|\xe1\x03\xb9\x0c\x07;\x8bs\x136\x97b\xc9\xc9\xfc\xf8,\x10\xad\x07\xe7|\xf2!\x04y\xadee*U^^^K,P\xc5A)e\x10\xac\xf7s\xde?\xff\xa9\xc9n7\xdd\xed\x13q\xb4M[R\xb1\xd8{\xe8\x97K\x8f\x17\xd7&amp;\xbc\x0b\x1b\x03vSq\xb7\x82\xcf\xc7\t\x8d,\x90\x0bN\x87\xc0e4\xe6\x8f\x95\'&amp;\x8ez\x9c\xe7\xa0!\x8d\xc5\xfe+\x08T\x90Y,\x88\x10V\xceY+$\xd7}\x9a\xe2h)\xf6\x16@\xb1\xa9\xb9\xf5\xa1e\xdf\xda\xb3y\xafw\xe1\xae\xa1\xb9\xf8d\xb7B@\xc0\xb2\xe2\xf3\xe3\x15\x8a\xf2\xac\xac\x12cI|yb\x9e\'\x18\x9c\x9c\x84\xfe=\x16\xbb\xe8\xa8\xb8\xc8\xb88\x06+\x12R\xeb\xc0\xfe\xdf\x00\xd6\xa5\xda\'O\xac\x80\xc5\x14\xd1\xff\xe7\xf3\xe9 \x14\xd3\xbc\xbc\xfa\xd46\xb4\xec\x7f\xf1\xc9\x0b?p\r4g\xc3\x99P!\x10\x94\xf3\xcb\xd1\xc9x\x05|\x05C\xc7\x04|\xc0:\x87T;b=@En\x0e\x83V`\xa2\x9c`\x9d\x05\xac\xb4\x89:\x8aC\x99\xcdL\xd8\xb5\xd9o\xaf\x14\xd3\xfb\xfciuu\xe3\xd0\xd0\xb2\xf9\xe1\'k\x13f\xb3w\xa3\xbd\xb3;7\x17\xb8\xca\xf9\x89|$\x02\xe5\xe0m,W\xc1\x1f\xed\x15\x03V\xd0)\x86c\x90Z\x1dI2\x0b\xd1\x88Z9\xe7K\xad&amp;\x93\xd1WG1)zb\xe1\x8e\xe8m/\xa5"\xd4\x8f\x005^]=4\xf4\xdc\xbc\xf2\xec\xd9\x8a\x19\xb8n\x9aN"\x16\xd0\xe0\xb9\x15\n+D\xae\xa2\x00\xd4\x12\xf6\x8a\xa3\xea\xebOH3\xa2\xa2p"\x1c\x8e\xb1&lt;\x16\x0e\xdd\xc8\x0f\x1c@\xacO\x01\xab\xcd\xac\xe50)\xed\x83\xc7\xd7./\xd1o\xd3\xe8\xb0\xd9MfT\n\xa8\xc6\xabmC/\xbd\x13k\xe0"p\x8d\x18j\xc1B\x01\xbc\xf8\x89B2\x08D\xa2@ \x00\xb52\xd4\xf5j\x88(8\xf0\xf3B\xcb\x10W"\xc9\xf9\xaf\x0e\x9bL\xa6{\xb4\x88\xc3\xe4P\xb7\x86\xbd\x97\x1d\x8ek^\xea\x7f\xbc\xcc\x0bI\x15\x82\xc2\x18\x1fo\xb4\xad{\xfd/&gt;Z\x9c0\xd3\xb4y\xa0\xb3\xfb8\xaa\xc4\x87#~Rl,\xe1\x02(\xf0\xd0#\x96\xaa#\x11*\x12\xaf\x8d\xfc\x84\x05.\xfe\xb6\xe1\xd2\xa0\xc9d\xbd\x0f\xa9\x05X7\xae\xde\x9as\x84E8.\xdfizs+!\x1b\x9b\xe8\xe7\xab\x8d\x8d\x8d\xd5\x8d\x84\n\xb2ku\xce?\xff\xec\xd9\xbc\x99\xae\xa3G\xd2\xb2\x0b\x00\x8b\x0flBXr;\x84\x82\x82\x82\x02\xc1qB\x15\x05P\xe8 N\x8e\x84\x93\xf2\x80&amp;\xca!\xb9\x1a\xce\xd6\x9a\xacG|Z\x82\xf5\xf1\xf0\xb0\xf92p\x01\x98\xf7M\xb7H\xacS\xcb\x08E"\xc4\xd5\xf8t\xd9&lt;\xb1\xf6\xd1\x9a\x9f\xae\xab\xa3\xbb\xb0\xd0\'@ \x96\xd3\xa9\x1c\x15\xe00\x10b936\xb5"\xb3\x10\x98\xf1\x80E:\x9b\x98\x06\xc8xk\xa6\x1f&lt;dr8\xd4\xa3\xefn,9\xb8a\x08v\x8d~\x13\'\xd9\xaf\x94jl\xb4A \x17b\xd9^\x12\x17\x1f\xd3uZ\xedH\xda\xa0\x00\xbb\x1ba\x82P\xa9\xdc\xe1L\xf6\x8c\x82rH%\x96\x02\x96\x9aL\xb3\xe0fH\xca\xc3\xae\x90\x8b1\r\x87M\xd6\xda\xdb4\xc1\xa28\x0f\xbe\xb8\xe5\x9d\xe6r\xb9a\x806\xbd\xa4\xfd/`\xf8\xb7C6\x95\xb2\xd9N\x1f=\x8dX\x8d\xe3\x04k\xf5\x0e\xbd\xb2o\xdfC\xbaN$\xea\xeb\xca\xee\x16\xc2AC8\xaaS\x8a\x93\xc5N\x8f\xa7W\xd8\xdb\xebq:a\rFb\xc4\xe1\xb5\xa4M\xaap\x90\x0b]l\x18\x04\x0f\xb1\x98"\x16\xf3\xc1\x17\x0f\xe8\xcb\x8e\x880\x02\xc6\x9d\x9e\x13\xfd\xa72\x06T\x04\xca\x86L\x10\xa7Q\xafj\x82\x05\x95\x8b\xf6\xad\xed[\xf3iE"\xd1\xc4\x91b\xbeR\t\x82\xe9\xc4N\xa9\xd3)\xf6\x88=\x1ep\x10\xa8\xa0ZE\xc6\x91\xc72Bj\xe1\xf57\xb2Y_\xf8*\xdbT+\xf3i\x89\x87\x1c\xc0z$\xba\xe68t(\x8c(\xc6\x85\x14\xfbw\x85\x7fS)$\x01\xa8C\x10GOC\xbc\xc6zi6?\xfc\xe3\xe2J\x9d\x88\xa2\xfa\xaa\x06K\x85\xc8\xa5S:\xa5R\xa7\x18#$\x96\x1a\x9f\xc5\x08\xed\xd0\xbc]\xa0\x16/::&lt;\x1c\x92~\xef7\x05\xb5\xd6\xec.\xacZ!\xb5\xbe\x1e\xa6\x96\x1ca\x87"\xb8;\x89^;!\xc5\xfe%X(\xd1_AED \x15*f\x0b\xadD\xdb\xd0\xfa\x1d\xfa\xf1\xe2gW\xfb\xb4\x14EM\x9c&lt;\\\xa0\x14+uJ\xd4H\x9a\x0cPbq\xb2T\x9a\x91\x81\x99\xc5"\xc1C,\xbc\xd9\x19\x1d\x0e\xaa\xed\x15\x1f\xb6\xd6fo\xa6\x16\xc4\xa3\xaf\x879s\x0en\x04b\x11\xbd\xb8\x8e\xe99\xea\x9f\x8a\x05@\x89\x96\xd6_+\x15\x81Z\x1d%t6\xac\xf2\xe0+\xba\xe8\xff\xeeW_\xde\xd2\x82\\g:\x0e\x97&amp;(\x95\x9e$%\xa4\xb9\xd4\x99\x8cr\x81X\x19D/l\x94Q-\xf40\xfa\x0f(\x17\x1c\xabu\x83\xd6ZH-\x11Q\x8b`Qw\xa6!\xb9vB@\xda\x03\xd7N\xa8b\xcc\x9f\xd7}l]\xb4\xd0% \x13Q\nh\x10\n\x13\x12\xb0\x80\xea\xe9\xea:\xbaH\xcf\x7f\xf6\xd9\xf0\x19\xc0\xa2|\xb9\xa5\x05\xa0\x15(\x06*\x01\x8e8\xd9\x99\xecD\xb9\xa2\xf6\xee\x8d\x94C\xdb\x80u\x81\xc1\x8b~7\x1a&gt;\xc3\xc3Y\xd2\xe3\xe0\xa1\xcc\x17R\x8b\x89XW?\xf6N;\xd0\xc4\x9f\xb8\xb8\x08\xf6Z0\xa0\x12\xcd\xbd\x1c\xb2a&amp;\x01TX\x04q\x10\xa0\xf0?\x1c\x82\xb5\xb8\xfa|y\xf9\xc7\xa7C\xebs\xb4\xef\x87_\xfe\xf0\xad\x08z\x80\xba\xfe\xd2\xd2\xe3`\xa1\x18^RiT\x94\xf4\x1b\xf8\x90\x12\xb1 \xe4\xa4.\xe0\xcc\xdb\xbb\x9bWR\xa5\xb9VH-?\x9c/\x08\x15\x13\xb1\xe8i,\xa8\\\xf2c\xb8!\xae\xcf\x1d\xd7\xcc\xaf\x8aE\x93\xf6gP\x11\x88\x05Z\x91_\xe3\xf3\x9daGO\xaf/ol\x0c\xfc\xfd\xc98l\xd74\xfd\x8f\xa6\xcd0\xa4\x91\xf4\x8c\xe3\t\xda\x17Af\xc6\xec\xd4\xa2q]r\x83\x0c2\xe0\xcaq+;r\x9fm\x83\xfd\x90"\xa4\xf4\x83\x07\x07\xe1\xe8\x940\xd7\x0f\t\x94\x81\xb1a\xa5\x83\x1f\xf6\xc3(H\xc2\x05\xe6&lt;7 \xfb!\xe5\xd0+\xc1-$\xa9 B#\x1b\xa9\x0b\x1b\\\xfd\xa2\xacDAeq\xbb\x86\x9ee\xaf\xff\xe7\x9d\xa8}\\M\x8c\xee\xe47\xff\xe7\xff\xfc\xdf7\x86)\xbb\xac\x8c\xa0\xee\nV\x1f\xfd\xfe\xf9}\x12\x0b\xa6\x82\xa3&amp;F\xc7G\xb9X\x88\xf9\x91\x91\xcf\xa8\x89\x0f\x1e\x90\xb18\xd6\xe4\xd07\xdf\x01\xebM2C\xf9@M&lt;\xf6\xea+S\x94\xf3\xa1P\xe8F0.Y\xf7m\x8a\x01\x8a3\x11T\xc8\xef\xe0t\x08H\x8b\x8b\x8b\xd0\xf5?\xfb{\x7f\xbb\xde\xde\xde~\xf7\x97\x17\xff^\x9dj\\\xb2f\x15\xbb\xf1\xce\xc8o\x9e\xa3\x8d\xe4\xa9\xf1Q\x84U,&lt;\xb1&gt;\xc1\xeb\x87p\x18X\xe0zp\xcf\xc7\x1a\\\x1a\x1e\x1c\xfa\xe4\xdb\xaf)\xb5n\xb00\x89\x17+q\xc2j7\x90\x9c\xdf\xe6\xea\xae\xf9\x9d|\xc1\x99\xc8\xe8\xbdm[Mw\x13\x13\xa8\x166\x8e\xf6\xde\\o\xcf\x11\xd6\x9f\xc8\xf4\xc92\xb3O\x91\xa8\xc1\xae\xea/\x9e?\x7f\xc8\xc5Z\x0f\xc7::\xfa\xc2\x13\xa4\x15\xc1\x85\xb9\\\xa0\xea\xa11\xbc78\xbc4\xd87\xf6\xd5\xd7\x7f\xfe\xe5\xdaT&lt;HLP\xab\xe1]\xec\xc67\xba\xfd\x0e\x92`\xdd\xbc\x93\xa1v\x8aa=\n\xf8J\xddQM\xf7\x02j`q\xa1\xb6s\xb4\xbfu\xf2\xbe5GT\xdb\xdb\x7f\x7f\x01w%\xcf\xb10\xbe}\xfb\xdf\xbd\xb5\xc2_\x9f\xfe\xee\xa9\x8f512\xd43\x14\x0bS\x13\'\xd6\xd7\xd7I-\xdal\x11TO\x0f\xddL\xc6\xee\xff\x01b\x95\xa6\xa8\xff&lt; \xdaX\x0b\x0b\x03\xbc\x83&lt;$|\xb0P;\xf6\x03\xff/\x15Q\x91T\x0b\x1b;\xfb\xc9b\xf5\xf4\xd2u\x12s&gt;\x17\xe4\xfa\xf0\xd3\xc7\xeb\x96yu\xb6\xb7\xb7V*m=|\xfa\xf0\x93\xf1q\x0c`\xb8\x8fv|1\xd2kt\x9ds\x91V\xfc\xad\x8c\x8e\x9f![\xef\xf5\xcc\xdf\xff\x16b%1\x88\x84\x05\xb0F\x85c\xed\xbc\xde\xd9\xa8\x91WB\xbe\xc7\xf8-\xef\xe5F\xe0N\xa9P\x9b\xaa\x06\xa6\xeai\xfd2g\xcbwX\xdb\xef\xdem\xe3\xae\xa3 #2X\x82\xaac\x0f\x1f\x8f\x8fo\x8e\x8e\xae\x87\xfb\xd0\xa9\xc1\xa1\'\xb1p\x1e\xce\x1f_\x1f\xe9\xa0\xb7|(\xae\xfa\x10\x17\x1d\x88\xfd\xf9\xb1\xef\xbez[\xc2\xae(\x13i7\x91c-\xfct^*\xad\xbe&gt;\xda\xa9-p\xc5n\x84#\xb0\xc0\x8dP\x9c\xaa7\xb4\xb0\xf1:Y=\xae\xe7$I\x90e\xd12\t\xeb\xa6Zs\t\xc7\x95.\x1bqd\xea\xec\xab\xc7\x8fG\xf3\xf9\xfcz&gt;\xdc79&lt;&lt;\xbc49\xf4d\x9e\x06\x12\xe2\xf1\xfea\xc9\x19\t\xd3\xee\xab\xefI\xb8\xff\xd1\xbfJ\xc5\xcc\xda\xc9\xc7\x93\xb3\xb5"V \x1f\xab\xf7\xba\xf5\xbeY/\x9f6JP\r\xfd\xf4g\x92\x07\x7fw\xa0\x8dD\xc10M\x1b\xc6d\xa3\xdc\xb4\x05&amp;19*3\x1dX\x89\x84I\x95\xa02M\xc3e\xf5*E}d\xb9\x7f&lt;\x9f\xe7OLX\xe0zBj\xe5i\x03\x01\xae\x9e\xbe0/\n\xb2|\xff\xe7\x88\xbb\xe2\x8f\xf8\xef\x89\xd6\xf5\xc77k\xa7\x95\x0b\x04\xc4\xf4uBg^\xc5\xcb5O\xceK\xfb;\xb5\x01&gt;i&gt;[\x80\xa7\x02O\x86^\xa4F\xf2\xbc\x9e\x93EY \xb1n\xb0\x1cC\xd7\r\xa7Mf\xb8\x92[.\x82\xabkv\xf9W\xf9\xd8|\x8c.\x01\\\x02\xd6\x0c\xb067n\x81\x92\x88\x00\x00\x05yIDAT7\xf3p\xda\xe4\xe0\xd2`G\xdf\x0f\x14\x16\xb1\xd8|~\xb3\xffe\x01\xaf,\x1a\x07\x86\xab\xb9&amp;&lt;\xd1j9\xf5\xea~\xed\xc5\xb5\xa9\xe3i4Yd\x07\xcd\xf2\xf9\xea\x11\x19\xcd\xe7\x1a\x08\x84B7]\xc4\xa6\xbfZ&gt;\xd0\x99(\xcbL\x91D\xed\x16\xcb\xb2t\xddq\x1c\xa0\x11\x16c\xb9c\x92\x0bz\xd1\xf5\x92C\xfc\x8a\xc9/\x97f&amp;\x9f\xcdo\xf6\x03\x0b\xdf\x0e\xce\xcct|FR\xc1o\xdf\x8c}\xfer\xa5\xf3\xfb\xceLY\xb1\xa2\xa9\x94`\x90-\x12\xe6\xfb\x7f~\xf8\xd02\rI\x10\xa3\x82 \x0bL\xb8\xacs\xc9\xda`\xc0\x82\xa9\x10\xb7\x03\xb5\xd7\xc9F\xd3r,!*\x0b\x8a\xc5\xa2\x9av\x83\xa5\x03\xcb0H33a0&amp; S9\xd7l\xd5\xbf\x8csfi\xe9\xcb\xe1\x99\x99I`\x8d\xcf\xd3\x03xhr\x08\xdd\x9b\x1f\xed\x1f\xfb\xf4\xd3\xadY\n\xd1\xea%\x13\xd4T*\xad\t\x96a8\xba\xa4\xb7\xae\r\xc7P\xe0`A\x10E\x01Z\xe4\xea\xc7\xa5U\x02\xbb\xc1\xc2ZS#\xa9\xb2\x82\xe1H\xf8=\xc9RdU\x8d\x8a\x12N-a\x02\xcb\xd2\x01e)\x8a\x91p\x18lg\x97i\xdfE\\\xcf\x86\x80@\xef\x8bq\xb5\xfa\xfb7\xe79\x15\xbd\x1f5IT\xf7\x7f\xfeGN\xd5\x19?e\xa2\x9a&amp;\xac\xa8(H\x06\xceN\xc1A!\x82LR\x89"\x13\xa3Z4\xd7&lt;\x03\x18q\x05\xfc\xcc\xd8\xd8/\x95\xb3\x1eZo\x08\xd4BK\xd0\x80%X\x0ea\x19\x84\x85O\xcbe\x96\xe9\xb88\x8apI\x1b\x1cl\xca#\xcb\xcf&amp;\xe9\x8aW\xe2x\xf5\xec\xe5\x17_\xbc|\xb5\xbc\xbcL\xd7s\x82\x13M\xfd\xed\xa3_oa\xf2\xbe\xef\xec\xda\xadK\x9aO\x15\x05\x83nHLR\xd0\x02\x05\xd6\x12\x18|\x03\xc9\xd0\x1f\x80\x9d\'\x8fj\x8b\x03\x81^\xda\x84\xed\xac\x9e7m/-8\xa6\x05\xa7K\x96\x14U\xd5v\x0fM\xc7\xb0,\x05P\x8a\xc2\x04\xcb4]\x99\xc1\xa7\xf5j\xa4\xad\xd7+\x02\xa9\xee\xa2V\xa82\xb3\xb7\xb5\xb2\xbb\xbb\xf6v+\xc3\xf7X\x91F\x8eq\xb1\x00\xc5\xb1,\x8e\xa53M\x05\x16\x0e(r.0_\x9e\x94\x8e\x16\x16\x03\x90\xaavt^\xce\xc9\xe9\xb4\xa7\x9b\x0e\xd348K\x00\x15\xf5\xd0\xe4sh)\xae+\xa1\x80\xe58\x16\x9c\'\xc9\xd4F\xd2+\x18\xdc\xe5\xe9J\x88\xd8Y\xf0\xa5\xa5\xf3\xae\xe2\x94\xec\xb8\rf\xcap\x16\xb04\xb2QTP\x0c]",KTU\x9c&amp;\x8d=\xb8 \x17\x04c?\x96v\x16\x03X\x1a_\x9f\xc1\x8e\xe9J\x9a\x99\xa6.{Q\x8c\xa1\x96\x06\x16\xef\xa1iP\xf7\xc0\xe4*\x8c1\x1d\xd2\tPS\x90\xb3\x8d\x8c\xdf\xc7`\x84\x17\xe7\nv\xf1\xeal\x93ue\xa6\xe2\x1c\xb3+R\xbd`\xbc\x87"&amp;FD"X\xba%I\x96\xae\x88\x9a*\xd2\xf9\x8a\x983\xb2\x97G]\xaa\x97v\x02\xd8z\x9d\x1d\xe0\x91J\xca\x83\xa1%\xcf\x13%\x05\'FX\xe8!\xd2\xc1U\xa0\x16qI\xcc%\xe7\xbb\x90K\xd1&lt;&gt;\x8d\x9c"r+\x96\xff\xd9\xd9\x16,\x98\xa1\xc5\x19\xdf\x93X\xb6\x08\xaa\x94&amp;PA1\x05\xc7\x81\x85\x11C*\xc4\x07)M\x02C\x88\xa9(\xbb\x9c\x0c\x1c\x81Jg\xb2\x9a\xaa\x90X\xa2\xa7\xf9b\x01Kr(&gt;\x15\xc2\xc2\tAj\x97\x82Bw\x05\x98\x8eyv\xfd\x96\x0b\x82\x05A\x96)\x14V\x8a\x85b\x1c\xb7\x19\xd2j*\xc9\xa9\x08\xab\x91\x95\xb5\x149K k\xa1_P\x8a\xdcE\x02\t\x08\t\xc8\xe4Ea}\xe2J\xa7U\xbb\x1e(\x95\x0f0b\x9e/\x16\xd3&lt;\x19b\xa5\tK$\xb1L\xddu]\x88\x85\x062\x1c\x8acax\\K\xf6\xbc\xfa\xee\x1d\x17\xa9UX+\x16\xd7\n\xc5\xcca\xb1X\xc4\xcb\xaeL2\xce5\xec\xa41\x94\xa3$VZ\xf4\xb1 \x0c\x0e\xe6\xc2\xea"\x8c\xc60_\xaaG\x93\x8f\x19\xe7\\i/P\xb7-\xd7v=\xee,ES=\xac;\x1a~\xa0j\xcc\xe0Q\x8a\xc5\x06:\xe1D\x04\xe6Z4\x90\x12"MT\x98\xe7\xd9\xf4z\xc3\xf7\x1251x\xf8\x8fBq\xeb\xb0P&lt;Dp\x10\xd5T\xb0\x8d\x15&lt;\xb5e\xa2JE\xc9Y\xbe\\h\xa3E\x140\x15\x1a\t\xa7\xe3\xa9e\xae\x17\xe5\xb8\x1c\xc8\xda\xbak\xebZ\xc530\x86j\x1a=d\xc4\xabF\x15g\x8e\x16\x1e&gt;\x830%\xc5\x1e|\x8f~\xd2\x982\x86\xd9\xa0\x9dj\xdb\xe5\xf4\xfc\x87\x87\x91\xcc\xd6!)vX\x08\xc6\xb1\xbd\xe2Xhg\xb5\t\x8f\xa0T\x01\xc7\x81\xb5\x04zz2&lt;\xf2\x8a\xa7\x02\xa8\xb0\x10{\x9e\xecc\x0bL\x0e\xd8\xb6\xce\x98!Tdd\x16&lt;\x15\x95\x14D\x05\xb0\xd0C`\x19h\xb0_\xb4H\x90\xc1$\x86\xb3S\xc9\x9e\xb2\x9d=\xcepA8W\xa4X\x8c\xc4A\xb4B\xde\x8aL\xf1\x16r\xb1v\xcb6\xa7J\xf3\x99\xa3b\xb4\x82A{\x89\x94#,\xdeA\x99\xc2\xc2\xff\x85h\xc0\xce\xe9\xb6\xeb\xb8\x1e\x05&lt;-8\x8a\x04\xa6tZ\xa3\x85\x07\xf1\xa0\xb0\x1b,\xd1?\x1ev&lt;\xb2\xa6\xd1\xa0\xe3\x04\x9b\x8d\x88?\x83]\xc18va\xf4\x17\n|\xa5\x7f\xc9L\xd0\xc7\xea\x9a=\xcdV8\x95\xca(\t\xb8V\x84\'\xd1 \xca"\x85;\xfc\xa4\x92\xa7UO\xe4\\\xb2\x16\xc8e\xf1q\x95\xcb]]\x1dd+\x95l\xce\xcd\xa6R\x95\x14\xee\\\xb5Z\xad\xab\x83\\.g\xe7\xa8\xb2T6\xee\xdb\xfc\x0e=\x84{\xf5*W\x84^\x0c\xc5\xa9"\xed\xcadx\xa6\x91X\x8d\x0b\xbfR\xd9\xdb\x83\xf0j\x1f\xc1\xaeP]\xa4*\xf6A\x0e\x00\xf4\x13\xdc\xfc\x0f1[\xbaG\x1f8\xb3&amp;\x00\x00\x00\x00IEND\xaeB`\x82'</t>
        </is>
      </c>
      <c r="M183" s="3" t="n">
        <v>45492.67858796296</v>
      </c>
    </row>
    <row r="184">
      <c r="A184" t="n">
        <v>794640</v>
      </c>
      <c r="B184" t="n">
        <v>1980</v>
      </c>
      <c r="C184" t="inlineStr">
        <is>
          <t>Rodrigo Sam</t>
        </is>
      </c>
      <c r="D184" t="inlineStr">
        <is>
          <t>R. Sam</t>
        </is>
      </c>
      <c r="E184" t="inlineStr">
        <is>
          <t>ZAG</t>
        </is>
      </c>
      <c r="F184" t="inlineStr">
        <is>
          <t>ZAG</t>
        </is>
      </c>
      <c r="G184" t="inlineStr">
        <is>
          <t>ZAG</t>
        </is>
      </c>
      <c r="H184" t="n">
        <v>185</v>
      </c>
      <c r="I184" t="n">
        <v>34</v>
      </c>
      <c r="J184" s="2" t="n">
        <v>34903</v>
      </c>
      <c r="K184" t="inlineStr">
        <is>
          <t>Right</t>
        </is>
      </c>
      <c r="L18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5a0bdfe-26b7-4a4d-ae2a-f512978e81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d^\xc3\x00\x00\x03\x00PLTE\xff\xff\xff\x0c\x04\x01%&amp;\' !!\xfc\xfd\xfc\t\n\n\r\r\r\xfe\xff\xfe\x05\x06\x06\x04\x03\x02\x0f\x10\x11\x13\x14\x14\x17\n\x05.\x15\x0b\xd0\x97\x82\x17\x18\x19hXV\xd4\x94\x84\x03\xa7\x85/02\xd8\x99\x88++,\x17\x11\x0f\x1c\x1c\x1dABD\x02\x94w|O&gt;89&lt;\x01\xba\x97 \x16\x13E:8\xbf\x90\x92/$!\x1e\x0e\x08\x01\xab\x8cF(\x1d\x02\xc4\xa1\x01\x8cq\x82`V\x064"\xa4zq&amp;\x11\x08\x04kQ\xcc\x90}\xa1\x80yxXN\xc9\x93\x86\x04\xa2\x81\xbc\x82o\xbf\x94\x86\x8bom\x01\xb6\x94s_]\xbe\xae\xaf\x01\xb1\x901\x1b\x14\x82li\xb4\x91\x87JIK9\x1b\x0f\xca\x89vpQI855%\x1b\x18\xab\x87{\x02\x85k\x98\x83}&lt;#\x1a\xa3k\\RQQkL@c3 \x04\xc2\x8f\xa7sb\xb5\xa5\xa5\x9atf\xcc\x9f\x95_A6\xc6\x83o\xc4\x9a\x8b\xcc\x96\x8f\xc4\xb5\xb6\xd1\xe1\xe6\xb2}z\xbaxg\xc3\x96\x98\xcd\xa7\x9d\xe2\xef\xef\xf8\xf9\xf8wF6lF5:,)\x06\xb2\x87R&lt;6\x9bhU\xd3\x9c\x89\x01]I\xbeu]\xa5\x84\x83\xa1\x8c\x84\xf4\xf4\xf3\x8cQ&gt;KAA\xc6\xd7\xdf\xac\x8a\x87|dah@/fa_\x02\xbd\x9cl8&amp;\x94`N\x90l^\x8d[H\xb1\x83o\x8d\x80{\x02\x9b~\xdd\xe8\xeb\x82UI`PL\x8cwq\xb9\x87\x83M.!\xbf\x8a\x8aa8.\x01B,\xb3\x8c{\x96zp\x81zv\xcc\xad\xa6\xb1tm\x1auY\xa5\x92\x90\x05\xc9\x94\xc4\x8e~\x96yxY6(\xbe\x8bz\x19\xa3|\xb4\x98\x91\x03\xba\x8b\x02~d\xc8\xbd\xbe\xca\x9f\xa3\xb6\x9d\x9b\x02K8vje\r\x91p\x13\x89i\n\xa0z\xd3\x92{C2.VGE\xea\xe9\xe7\x9eYD`F?\xb2\x82\x84\x05\'\x1b\xa5bN\x95\x8a\x85\x84H4\xb2p_\x02\xd1\x99G"\x13w@,Y-\x1d\xec\xf2\xf1\xad\x99\x99\x17\x80b\x87fb\xbe\x82|\x8bdX\x03\xc9\xa5\xc0\xa5\x9e\x08T@\xaflW}rnZXY\x04v]\xb5\x89\x8e\xbb\xcf\xdd\x1c`H\x11\x99v\x96ml\x14\xab\x81\xb0ze\xca\xc4\xc5\x00|O\xc7}c\xba\xbb\xba\xcf\xcc\xcd\xd1\xb3\xb0S&amp;\x18O4*\xdd\xe0\xdeB\xa0\x8d\xad\xae\xaf\x00`8\x1aE3\'\x9by\x01\xc1\x9b!\x90p\x84\x88\x85\xc5\x8a\x85\xd7\xba\xb8&amp;\xa9\x83\x1b\xb7\x8d\xd4\xaa\xac\x99\x99\x97r\xca\xbd\xa5\xa1\xa2\xdc\xa2\x93mpl\x0f\xd5\x9f{:D\x01\x9bf\xd5\xd5\xd5\xab\xcd\xcb\x07\xdd\xb4\x01\x17\x0e\x03\xcf\xabo\x89\xa0\x00\x90X\xe1\xcb\xc3*zd\x7f\xdb\xce\x87\xad\xb3\xdb\xaa\xa4\xa2\xbb\xd2\x92KY\x9b\xe5\xd6`\xb1\xa3J\x11\x04\x02\xb1u^w\x8e\x05\xb3\x9e\x8b-\x19pvw\x9eI0\xc1n\x83B]d\x92\xc8\xbd\xc4iM_\x90y\xd1\x8e\xa3\xaeYD-\xc6\xa4&lt;\x86o\xac\\m=\xcc\xaf\\li\xed\xdb\xd3\x92\xaa\xca\xb7\xe9\xe1\x01\xba}r%\x14&gt;\xb4\x9e\x01\xd1O\xab\x00\x00 \x00IDATx\xda\xc4\x98\xddKb\xdd\x1e\xc7\x9f\xf6\xab\xee\x9dla\xb3\xdd\xa2\x94\x86\x10\x06y\xe8\x88\x91\xa3c\x0e\xa9E\x85p\xc2\x19\xc8B\xe1\xe4\x0b\x93Q\xd33\xa0\xf9\xc2\x18\x12\x93\xc3@\x13\xdd\xa8S\xcc\x14\xbdH\xc6\xa1\x91.b\x82:\x15]971t1\xffD\xe7\xdc\x1e\xe6\xee\xfc\xd6\xde=\x87\xe7\xfeh\xf3#E\xbb\xf1\xc3\xf7\xfb]\xdf\xb5\xd6\xfe\xed\xb7\xffs\xe8\xff\r\x01\x13\xad\\_W\xa2\xf0\x81\xa6\x7f\xfb\x85#\xe1D\'\xa3\xd1\xe8\xe4\xe4A\xa5rs\xe7\x13p\xed\xdd\xed\xc5A\xf4\x17\x82\x01R\xe5\xbc1\xe7p\xf8|&gt;\x87C?8\xc8*\xd0\x90\xacP\xbf\xbf\xad\xd0\xbf\x08\x0c~\xf7\xa2\xce*H\x18\x8e%\x15J\x85R\xa9\x94\xb0HR\xa1\xa0\xe6\xae+\xc4/ \x03\xf3*\x17u\nA1,E*H\xa5L%\x91\xc1\xb0\x8e\xc6\xf9\x01\xf1\xc8X\x04q\xf0\xbd\xf1\x13\x93\x95!I\x8aQ \xb9\xe0\xb3\xc4\x86^\xa4\x82\x11\xef~&lt;*\x17MG/\xea"\xc7\x81J,#Y\xc61\x0c\'K\x85\xb8d3\x15$S\x8f\xd2\x8f\xea_\x03#\x01ID\x10\x14\x04\x9d\xa48\xf4]\xa1`$.\x84EI\xb47\x8f&amp;\x17MO\xfe\xb8\xe7 O\x0c\x8bd\xa1\x180\x90B\xa2\xb1\x14|\x90\xb1\xc0B\x16-\x06\xee\xee\xfa\x91RO\x13\x93\xdf\xf5\x1c\xc3\x89\x1c)\x99\xc5@\xae@(\x08\x19\xd2G\x1e%\x85)D\x9c\x129\xa1qq\xf0(\\4]\xb9\xe59\x96a\xa0\x12\xd0\xfa\x83\x001\x0c\xc9\xb2\x0c\x85\xa2/\x0b\x85\xb4"9A\xc4p\xde\xd7h\\?\x86\x8f\xc4u\x1dg%\xdf\x18\xf0\x89\xe5(\xa8\x07\x06&lt;d\x11\x96\xdcZ`\xac\x12\x98q\x11\xe7y^_\xbf}\x04.z\xf2\x16\xe31\x16\xc5\x19|\x83\xf5\xc7 ;A/\x06\xfd\x0bQIV\xa2\x82 YL\xeb\xe0E\xbc~\xdf\xf2\x9a\x90\xd6 .\xb2\x0c\xfa}H\x14T\x04\x03\xe9g)\x96\x02L\x84%\xb2\x8a?\n\x02\xb0\xb4\x83\x18+h[\xee#M\x9cky\x0c\xe38T\xee,\xc4\nR\x86\xc2\xc50\x14\x0c"b\xa4\xb6\x87\xdaP*8\xde\xa1\xe5\xf5\x0e\xad\xe3\xfef\x92nq\xb2|&lt;\xc6p\xa8&lt;A,\x00b9\x9ce\xf1\x0e\\#\x02 \xa7P\x92\x1c\xf5P\\J%#\xe8a\x03\xbf\xaf\xd7\xf5\xbe\xf3\x96\xd6*Q\xb9\xc7p\x1c\x17D\xe4\x19\xa5\xe9\xc0\x8dF\xe3\xb4\xc7\x94\xb9\xcaLw\x1aEN\x84\xfeb\xc9\x87B\x052\x0e\xd7\xfa\xf4\x8e\x9fwZ}\xfd&amp;\xda:\x1fi\x08\x16t\x11/p\xb0\xf64nc\xc9\x1f\xf2\'\x12\xb9\\\x02\xde\x8a\x9e\x01\xb7\xbb]Ci4\xed\xedm\x0fh\x10zA\xef\xd3\xdf\xd5}Z\xfd\x05\xd1*.\x9a\xb8\xd1\xe3\xa2(\x08"#\x82J\x804\xb5\xb77??\x02\x7f##\xfb\xbb&amp;OOWW;\x8c\xa6\xbd\xab\xab\xa3\xab\xbd\r\x8aBdIL\x0f\xc9\xe7\x85\xb9\x96\xc5\x9e\xbe\xfe)H\xf5\xce\xb9C\x9b\xc3:]l{O"B\xb3\x7f\xb9\xbb\xebT\xa9zd\xae\xae\xae\x1e\t\xb1\xa3]\xe4\xa1i9\x9c\xc7D\xc7\x05\xd1"\x0bo\x05\x9cQ\x88|\xc7\xb4\xeb(\xbc\xb0\x18\xdb\xdeF\\\x00\xb6\xbf\x7f\tT2\x16\x0c\x88\xa5\x1a\x80\xe9\xe9\xea\x19\xd0\xfa`\x85\x92\x0c\x87a\xac\xef\x80nQ7\xa0&amp;\xc5\xa7\xfd\xc9\xb0\xf7\xd3G\x98\x7fm\xef\xedI6\x8e\\\xc2\xec:\x9d2\x16L\x87j\x00\xbe9\x9d\x19OG;l\x9d\x14\xce\x0b8~\xd6\x02\x1b\xe1\x88\xb5\xccs\x9c(\xc4\x93\xe1\xe3\xe3c\t+\x86\xb0\xe0\x85\xf4\x02\xc5v\x9d=h\xba\xd0\x9b\xca\x03\xf2]\xee\'FJqw\x1b\xcb`\x02\xce1\xb7\xad\xc0"~8\xf48\x86\r\xba$\xaaO\x1f?\xc1|\x94\x8c|H\xd8\xfe%\xa8%\x8f[5\xb0\x0b\xb6\x8e\xec\xcd\'\xfc\xa5\xce\x01\r\x88\x85\xb1\x94\xa3\x05\xe5EO6\xf4z-&amp;l.~:\xf6\x02\xd8\xce\xce\xce\xdfA\xb3\x18\x80\x81`\xb0\x1a\xe7\xe7\x91\\\xaa\x1e\x15DL\xa5r\xee\x03\xe8\xde\xa2.\xe8\xf7_e\x8c\xbc\x1e\x13\x19\x12\xab\xd0\xcd\xf7\xf0\x87V\xaf\xd5\xf3\xf1\xa4w\xe7\xeb\xce\xf1Na\xe7y\xad\xf6\x1cT\x8b\xc9\xc9G\\P\x12\x08\x08a9M\xc5\\0\xb6\xb8\x10\xeeNN]\x8el\x0e\n\xb0"I\xec\x9ahAg\t\xb0\x19\xf2\xa9\xf0q\xa1p\xbc\xf3\xbc\xaf\xaf\x96\xad\x05\n;\xc7\x92^A\xa9\xbe\x00\xcb)c9=\x99bB\xb78n\xce\x9b_\x1dM%\x0e\xe3Z\x1cvM\xb1\xf9\'\tb\xf2\x1e\x83\xc3\x93v\xd6[(\x8c\xee\x14\x02\xb5\xda\xb7l6\x9d.\x8c\x82\\1\x1dp\xc9\xdd\xe5|\xb0\xd0\x99\xc9M%_\xf5\xceDz\xc7\x8ftS\x96\xf2\x1c\x0e\'\x1f\xaa\xd1\xec\x1d\x9b&amp;\xae\xb5\xb8\x88\xe9\xcb\xb3\xa3\x85\xc2N\xa1V\xab\xa5\xb3\x12\x96w\x01\n,\xb6\x1d\x0c\xce\xff\xd1\xa8\x12\x96\'\xe3\xb7$Og"+\xbd\xf9\xf1\xbce\xca_6\xc2\xc6Ni+M\x96\x0b&lt;\xc4a7\xd4\xab\x0f\xc7\x0b0\xff\xc9\x1a\xb2\xe9\x13\xc0\n\x14\xc2\xc0\xa5\xd3\x05\xc1F(\xaf\x07*\x88}&amp;\xe7\xb2\x80Z\xbd\xbd\xf9\xde\xc8x\xb7+5\xad\x81\xcd\x1d;o6\xd6\xe4=+\x8a\x83Z\x9b\x84\xf5\xef\x0f/^\x9c\x9c\xa4\r\xe9\xad@\x00\xe4Z\x88m\xeb\xf6\x10\x96$\x96\xd4Z\x03&amp;\xff\xb0\xa5\xfb\xf4t&lt;\xdf\xdbk~\xd9\xebJ\x95\xdc\x1a\r\xc9,O67\xf4DE\xcb\xb0\x98\xde\xa7&gt;4\x17\n\xcf\xbf\xfd\x13\xb8\x0c\xd9\x93t P\x18\r/J\xe1\x02\x1b\xf7\xff\x84\xe5\x01,W\xf7\xe1*`\xcd&lt;\x99y5\xdcit\xbb5\xcdn.\x9a8\x83]g\xd0W\xb7\x9d\x02V\xcd\xf0\xe1\xc3\x0b\x83\xe1dkk+0\xea\r/\x00\x15r11\xf2g\xb5\x8a\xfeMWw\xb75\xbf:\xb3\xbe\xfe2\xdf].\x95\xc0G\xbe\xb9\xe1\xa2\x89\x06P\xc5\xebj;`\xf5\xd5^ \xac\x13p\xd0\\\x18\xf5z\x17\xb6Qu\xe9\x82\x89\x11y[D\x95\xaa2]\xf9A/\xf01?\xf3\xfe\xfd\x93\xd3\xbc:\xb4\t\\\xdcy\x93\xb1\xe6X&gt;^\x9e\xb3\xaf\x9a\xcd\x81ZV\xc6\n\x98\xcd\xa3@%\x9b\xb8\x17D\\&amp;\xc4\x05`\x03\x03\xa6\x9c\xdf\xbf9\x0c6\xe6g\xaa\xd5\xf7\xd6\xa1\xa5\xd9T*d\xd44\x9a\x8b\x15\xd5\xe2\xf19\xb5\r\xb0\x02\xb5\xb4\x01\xb0\x90X\x85\x82\x17M\x0cq\xed\xed\x05\x01\x0b\xce\x82N\xb9\xb82\xc5)\xbf?\xe1\xb2\x1c\xe6_V\xfb\xc7V&gt;\x0f\xd9gg-!\xf7]S\x9b\x8b\xb8\xe6;\xcb2U:\x9d}\x01y7@7\x8cJ\x16\xa2\x86\x80\xbd\x0f\xd4B\'\xaf\x8c\xc9\x84\xceZ\x9e\xe2\xe6\xf0\xf0\x14`Y\xac/\xd7\xfb\xfb\xfb\xc7"CV\xfbR\xaaT\x8f6s)\x12g\x83e\xdb\x86\xdd\xba\x8a\xa8\x0cP\x0e[\x81Z\x00\xadC\xd0+\x8cN\x84\xc0\x84\xd4\xca\xe5\x8a\x19\x93\x07a\x95B\xa1M\x7fN\xa7\xd3\x1d\xe5\x11V\xffMd\xe8u~\xb6\xec\xab4\x15\xeb\xc61g\xb3Y\xad\xcf\x00\n\x06V`\xad\x16\x90\xc6\xec\x1d\x0f\xcbjAC\xc0]\xa3X\xbc2M\xc3e\xc38]*]%\x00+9\xbe\xb2\xde?1\xd1_\x8dD\x86\x96\xd4M\xc5\xa2\xe9\xdb\x94\xcdf\xb7\x9b\xd3\xef\x00\x0b&lt;\x84\x80\xa5\x03[3/gNNN\xad\x87\xdd0S\xd0\xf4\x08\x0b\xe4\x9a6j4\x0c\xba\xdej\x8c!\xcb\xd1\xd1\xabg\xd51p\x11|\x8c\x0c\xd9S?\x88\xa6\xf6\x83\xdan\xb7\xf6\xbe\xc9JT\x90+\xb3yu\xd5:\xab\x86\xbc\x95C\xe5\x94\xcb\x95\x0c\xea\x92A\xb8\x99\xe5\xfc!\x8f\xb1\x83\x92\x9fr\x91\xac\x18\xb7\r\xf5&gt;\xab\xae\x03T\x7f\x7fuhhi\xee\xa2\x99\x91\x8f6l@\x15xc\xc8"\xaa\xad\xc0\xa9-\xa5.\x0fb\xee\xc1\xce\xce\xcexi\xba4\x9cL\x02V\xa2\x98+\xe6B\xc6\x0e\x8d\xf4\xe4\x06=R\xe2\x04\x87\xfa\xf3\x93\xf7cc\xfd\x13\xe7\x13H\xae\x8d\xb3&amp;b\xd1\x07\xcb6{\xfe\xd9\x9b4\x1cf\x0c\xd9\xc0\xa1-\x1ewt\n"\\\xa31a:&gt;]*\x83W\x8bI\x1dZ\x87\x19\x8f[C&gt;&lt;\x03W\x90\x14\xee\xab/\xaf"\xac\xb5\xb3\x89\xfe\x95\xc8\xd2F3\xfb\x948X\x9e\xb5\x02\xd6\xdbo\xdf\xb2\x86\xc0\xa9Z]\xf7\xc5\x07y\x0c\xefp\x1b\x8d\xa5Rg\xc8u\x84\xf6 ].\xe3t:\x07\xba4mm\xed\x1ai\xdc\xeeR9\xa5\xfe\xb2R\x1d[\x9b8\xbb\x98X\x89\x0c}i&amp;\x16]\xf9r\x987\xbfy\xf7\x14\xd4\xda2\xdb_/\x7f\xd9\xb0\xa9S\xa9\xcdM(\'K\xb7\xcbr4\x1a(x\xc3\xba\xa2I\xbe\xbe\xc2\xf5\xd0c2AQx\xae6\xd5\x1b\xcb\xcb\x9f#\xebH\xae\xb51\x90\xab\xa9\xbbOe\xf9p\xdc\xfc\xae\xf6\x14\xd4\x9a\xb1\xdbW\xaa\xb0\x9f\x98_-B\xa0\x82\xba\xc5\xb0w\xf4\xeb\xbb\xb7\xb5\xafa\xdd\xbe\xb3\xa7\xbd\xad\xad\r\xa8\x9c\x08\xcb\xe4q\x9a\xfc\x96\xd5\xef\xdfo?\xaf@\xb8\xc0\xc6\x95\xc8\xeb\xa6\xaau\xbdq8\xfe{_\xdf\xd3Zm\xcbn\x85\xdf\xf8\xc7_\x7f_\x08&amp;\x12#\x90\xa5\xa9\xc5\xf0q\xdf\xdb\xbf\xfc\xad6\x1a\xdbW!\xaa6\xb8T\x1b3\x19\x8fJ5\x00{\x90k\xa9\n\\\xd5\xb1\x89\x89\xb5\xb5\xb5\xea\x7fY5\xbb\x97D\xf7-\x8e\x9f^\xa6vgr\x8fq\x1a\x1b\x82\xc7\x17\x041Ji$\xb1&amp;\xcdA=\x85\xce\xd3\xd3#=J&amp;\x16\xda\x185\xa1\x96`/FoHM\x08*sae\xa1I\xb5%#j3\x17\xa18\xbd\x0c]\x9d\x82"\x87\xcd\xdcl\xba\x90\r]\xb4\xbb\x08\xba9s1\x9c\xf5\xb3\x99\xf3\x0f\xe8O\xe4\xb9\xf0\xe6\xc3w\xad\xdfZ\xdf\xb5\x1e\xfb\x14yU\xeb\xf3\x10\xc2\xa2\x88x\xe7B\xa3E&lt;\xab[LXe\x07\xaa\xe1\xee\xe3f\x0e\xe7d\xb8\x87\x12\xe2z\xbc\xde\xbaQ^\x00e\x01\xb8\x8c\xed\xab\xef\xb9\xcd\xdc\x13\x13[\xd2\xce\xab\xd3$5\x1aT!\xb4\xbe\x98\xc7)\xce\xabZ\xe0J\x13\x14E\x10\xf5\xfc5\xbf\x1f\x9fOT\x0b&lt;u;\xd9\xa8\x95\x97+\rja:\xa3\xff\x89UV&amp;\xef_6\x191\x0e\xcd\xc4s2i\xab"\x8f\xd6\xa7A`\xf0\xe8\x9b\xbe\xcao\x10y\x8e\x84\x99\xa2\xa8\xfaE\xd2\xef\x17R\x9b\xb2\x01\x85\x82g\xc2 h\x88kg\xbe7\x83S\xeb?\xb1\xd8l\xec)z2\x98\x8a\xcb\xa5f\x81B\xe3\xf3!\xb1\xb2X\x91\xfc\xdeD\xde\x9b\x84\xd9L\x99\xebkq=Yo\x15X,c\xcc"\xf4\x12\x03qqd\xf5\xc1\xb40\xba\xbeA\xc3\xb2\\O\xb0/\x7fW!\xac"\xe3\x7f.\x8d\x13\xa2\x98\xd8\x07MQ,\xd6j\x14\xd3\xf9\xdcC\x14\x03\x96*jN\x99\xcd\x04\xae\xf7\xcf\xabv\x06\x0eL\xcf\xff\xfe\xf3\xbfO~)(\xaf)\xaf\xa1MF\xa5\x15D\xd8\xb6\xb1\xd1\xca~\x94\xeb\xf7\xc2\x12\x00~u\xf9\x8aA\x8f\x18\'\xebbI\xdfO\xac\xd3\xbc\xaa5\xc3\xebAX\xa9\xf9\xd9\x0b\xdd\xb8e\x81\xc75:O\xff|\xf1\xa4\x80C\xa3\x95sL\xae\xbd\x14\x11\xb5n5o9\xf6K\x10V\x01\x9b\x81nd\xff\xe8\xb2\x91\xdd\xbfo\x12x\x0e\x0f}b\xadx6\xa6\x98\xcek\x81\xf8\xcd\x99\xc5J\xa5\x84G\xb3`\x97\x0fN\xb8.\x8b\xf8\xb2\x08\xf2\xaa\x86\xc3\x91\xb4\xab\xcc)*l\xdd\xdahs\xd4\x19\xb3\xcbo\xf8\x01\xea\x04\xad}\xdf\x13\x81\xae\xd9Z\'\xf6\xf9\xb4 X`:\xaf\xe5\xb4\xf4m\x04a\x99SRHx\xdd\xc7\xb5\xba\x85\x85\x03\xd1\xc2\xd8\xa8R\x82\x0c2\xd7E\xa5R\xd4\x9e\xb5\xed\xf8\x1d\xbfI\xc4DzA\xbeq\xcai\x13\rNO\xc4\xf3\xc1$;\x88\x01\x16\xa4\x97wz:\x99\xb7\x17S\xa5\xa5\xa5]\x11\xc1#\x96\x0e\xcd\x16\xe8\xb0\x021\xcbN\xf7{\xa8\xe4\x92\xc9\xb09E\xc4\x13V\xdb\x96\x8d\x0f\xb3\xd7(\xf6X\xbc\xcak\x94\xed\rNg\xe3\xb6L\xb6\x1d\xd3B\x10\xb5Z\xef\xf4\xd8a\xbe^_\x97\x16w\x15wy\x04\xf6=\xc0\x9a\xd7\xf9\xddn\xf7Gd\xba\xfc\xac\xce\x9ej\x98X\xb9\xdd\xf6zB*\x95Rv\xdb\x96\x81\x9f\x9d\tM\x8c\x822T\xee9\xca%\xe6\xd2I\xab\xc0\xe5\xb0\x88\x93H\xae\xd8\x98\xe2sqq&gt;\xa6\x8c\xd2\xd2\xcf\xde:\xcfaD\x96\xc5\x12\xeat\xe30\xb4\x82X`\xba\xd4\xc3\x06\x9b\xcd`\xeft\xd7\xd6\xd6J\x899\xc0\xaa\xe6{\x03\x81&gt;\x91\xc0$A]\x08\xa5W\r\xad\x99\xdb\xedzc\xd1hQ\x18\x03\xd3}\x9fN\x9d\nmq\xeeR\xad\xbc\xac\x9f\xb3W\xf3d\xc3f(\x0f\xc2\xc7\x89G\r3\x8fZe\xb7Z\xad\xa1\xbd8IV\x00\x15e\x0em\xb6U\xab\xa6\xbc^\xcf\xc2\xaaR\x89e\xb9\x90\x99\xa0mLZ\xf9\x16T\xba\xa0\'*\x14\'\x13.~\xe0:\xd7\xbc/^\xc1\x1f\xac\xf1x4jGXq\xd2\xcd\x1a\x87a\x07mMCV\xf8\x84\xa3\xf5n\xc0\xaa \xa0\xa4\x857\xdb6{\xa6\xa6\x9ab\x9eV\t\xd8\x9b\xc7\x9e\rjm\xb4\r\xbf\xe1[\x02p\x19}\x01\x8feg\xa7\xe9\xc0v\xf7-W\xac\xc3\xd4m\xa8\x92\x14J{\x00\x8b\x1a\'Y,\xf7\\\x14Ae\xb9\xf6\xa2T\xfc\x0c\xc7+\x83D*e\xde[\xdf2\xf4\x8cL\x8d\xebb\x83\xd9\x18Bnq\xd0\xb6r\xcb\xd6\x93\xe0\xd7\rh\x92\xbe\xa4\x06R\xef\xe5\xee\xf1\xcdm:\xc7\xbc\xef\xf2\xdd\xdf\xce\xa53\xbd\xc2\x84\x1d\xb0\xceH\xf7\x9a;^\x8fV\xb9\x88,\xbc\x17U\xcd\x9d\xe1\x99\n(\x10\xa9\x14T\x08\x9b]\xa5R\xbf\xf16\xca\x0b\xd0]|L\xad-\xdbz\x8fzdj \x96L&amp;\xc1\x11\xed\xea\xbf\xcannS9F\xb1\xeb\xfc\xfe\xf6\xac\xf2:]I\r\x83\x818\x13\x8e\x0f\xe8\xce\xe2f\xf3\x8f\x05\xf8^4JII2\x1aMI!\xbbB6\x9b]mw\xbds\xf1\x1e\xc5B5\x82\xb6a3\x0c#\xac\xa6\x00\xc2\xd2\xcc\xce\xee\x9d\xf3nn\xcd9&amp;}\xf1\xf5\xfd\xfaY\xfa:\x13$\x1e\xb1H\x1dIJ\t\xe0B\x1b\xf0=\x8a\x82\xaf\x94\x90\xd6\xe2\x17\x17\x17\xee\xf0\xe6\xa6E\xe3\x99\xe69\xd4\xa6\x82\x1f\\5\xca\x89w\xd5vub\xc4\x1b\x10\x03\x96\'0;u\xd7\xcb\x07\xb5r\xad\x11\xdf@\xad\xf4y:\x98r%(BH\xe28N\xce\x13)\xca\x1c\x05\x97CE\xa3\xe1\x10U\x91\xb9@\xe7\x88T\x19\\\x01\xf1\xa9ga `\xc1\n\xb2\x95\xab\x9c\xa6\xdc@X#S\xbbZ\xdfa\xd2\xd7\xd7\xa1W\x87RS7\xb7\xd2\x9c\'D\xe9-\x959\xcf\x04\xcd\xd5j3A\xea/.\xf4\xb8PJ\x10\x04\x15\x8f\xc7\xa9h\xd8\x1a:\x83_q\x92$q\xa1\xca\xb0\x13\xf0(\x14\x83;^-\xf3g\x14i\'\xdd\xc3\xaa\x91&amp;1\x0c&gt;_}Z\xe7\xe2b\x87\xea^\xf8\xfd6\x9d+VW\xfa6\x9a9O\xdf\xdfu\x03V\x05`]\xe8\xf5\xa4\x10F\rw\xbc\x13\xa8\xd6Ux&amp;\xadZ]\xe5M\x91\xf3=\x06\xbbW1\xda\x82\x1d\xab\xd6\xfa\xcb\xb2r!\xac\xd6m\xfek\x8d\xef\x10\x8eX36\xf2\xddj}\xd0\x7f\xbf\xbb\xce\xd9j\x9d\xdf=\\\xa4S\x0f\xa1\xee\x9eG\xac\xa3\xf3\xa3\x8b\x0b\x925\xee\x1e\x9f\x0b\x0fo\xae\xcf\x91\x95\xd41\xb8\x88\xd1\xd7\x89a\x83j\x10\x03\x07v\x13v0\xb27\x11aM\xc8xu\x1e\xed\xd7\xaf\x87I\xb1\xd83\xb8\xd8vs|\xa7_\xbf_\xc9\xb9\xfb|\xbb\x7f\xc8\x04\xef\xef\xcc\xad\x0eJ\x1a\xec\xcd\\\x9c\x03\xd7\xac_\xb76\x1eW\x856m\xf6\xb8\x9f\xa4\x0c\x93;\x9d,\x96\xda\xe0\xf0\xd2\xd9\x98\\\xf2^\xf6\xd8\xacQ\x95\xaf\x99h\xdd\xee\xbbJ~=\x84\xcc\xdau6\xe2\xd577\xdf\xf1\xbb`W\xee\xeb\x87\xe0\x03\x12\x8b\xe8\x16$\xa4\xc1\xcat\xe6\xe8\x1c\xe4\xf2\xa3\x1ed_o\xdbT\xa1\xed\xee\xda\x1a\xd8\n\x16_\xd0j22\x99\r\xcb\xf2\xac\x15,CT\xe55\xdcV\x91\xe2\xf4\x10\xb0|\xda\xc0\xcc\xd8K;`\t\xef2yX\xdbd\x1e*\xef\xefBA\x81LM\x04\x83\xbd\xac\x00p\xf9\x11\x96\xda\xbai\xb3\xce\xe9\xfc~?x\x1cQ\xc3\xa0lU\xc9\x81\xf9\xbee\x89)/\xf8?\x17G\xd90\xe6\xf9\x94L\xa2F\xdd7\xa4\x18\x7f\x83\xb0\x1e\xaes\xa7*\xfe\xf6P\x01X\xb5\xbc\xe57\x844\xf8\xebk\xcf\xec\xd1\xb9_\xe7\x1e\xefT\xad\x1b\\=\x9dn\x16\xeb\xe3\xc2\xe02[\x0e\xd1\xc3\x18\xff|ZU\xc8\xee7\xca\x19e?&lt;\x17G)s\xc6&gt;\x81Tb\x9f\xc6\xf9\xc5\xf3\xf2\x1d`\xcd\xef\xad\xe4\xc1o\xad\x98\xa5\xf7\xb7\xa1\x91m\xa6cD\x1a\x0c\n\xbd\xb3GG\x80\xb5\xd6\xe9p\xb9\x1c\xfc\xce\xce5\xcb6\x9d\t\xde\xfd\x97\x02\x06\xc6@\xff\x1ca&lt;\xefg\x1a\x19`k\xb2\\\\\x99\xe2\xea\x93v\x17L\xa0g\xe6K\x9f\xa8\x99v\xf3\xfd,\xd1\x95\x07\xac\xb7B"u\xb7\x1e\x16\x19\xe9\xfc\xc5\xda\xa0\xb0\xc3\x0f\xa9\x05\xb9\xc4\xdf\xde&gt;\x80#\xda\x96-3\x8d\x00\x04\x0cr\xac\x10\xb0\x9e\x16\x16=/\xc4\x18\x98\xbc\x08u\xeb%z\xe4T\xec\xdd\x15k4\xce\xa1\xa1\xbe\xf6\x9b\x8dc\xd5\xf8b&gt;6\x82\xc5\xe7\xe64a\x0e9ZF\x1d\xfc\xf9_\x7f%q\xc8&amp;\x88\\\x9dhpp[\xd4 [6-1\xd9r\tWR\xc3Qr\xb9XyIUK\xcb\xf3\xaag\x18C\xfe\x9c]R\xc0a\xee_^\x81T\x9a\x98g\xe6\xd5\xfev\xdb:5\xa2\x0fe\xf2b\x9b\xbf\x11\xa9`\x85\xb9\xe7E\x7fCcS\x07\xd9\x8b\xeb\xc10{\x07\x16\xe8t\xd9\xa8l\xd5d\xa27\x0c\x82]\xe7\xb9\xba\'\'\'\x94\x12\x0c\xc3\xaa\n\x0b\x8b\x9e\x95006\xb3\xb0\x0c[\x9e\xb9\x02\xa54\xb1\xc8\xfe\x87\xdf\x87\xa67\xc3\xb80\x14\xba\xce\x07\xd5?\xde\xa6\x1f\xa8t\xe5\xe2\xbf_\xd1\xe9\x96\xa6\x8e^\x1cG\xd3\x8fep\x94\xbe\xb4\xb4\x04\x05a\xa1\xce\xb2\xb6v\xf0\xd7_\x82?\xb6$@%g\xb3\xff\xc5\xc0\x8a09\xa3\x88\xdd\xff\x0c\x1brj&gt;\x89\xbd\xb1\xc8\x8cs\x7fh\xbfI-\x9c\xb5\xdfJW\xf2\x82U|-\xad\xef\xad|\tX\r\x8d\x0b\x03\x1d$\x0c\xd6\x81\x811:\xd3d\x92\x18\x97E\x164\x07!\xac?&amp;\xd1J^n4V1\x18 TaI\xe1\x8b\xfe\x96\xa7\xf4K\xcd\xd5UD\xb1\xff!\xf2?\xde\xcd\xf0\xa5\x8d&lt;\x8d\xe3v&amp;&amp;6\xe99\xe3\x8d\x93\x84\x86L"\x85\x9e\x87c0\xc3,fru\x12\xd2\x1d\xd9\xdaZ\xdd\x13m\xb84-\x9bx\xc3\x0c\x03\xd75\xac\x13W1\x11r\xa6\x92\x85\x93Yh\xe2\xc5%K\x8fV\xa4\xc8%\xf4\x85l\xc1\xb5\x15\xdfl[\xb8\xae\xb5\xe2\xed\x1b\xb9\x83\xed\xbeZ\xe4`\xb9\xebQ\xee\xc5=\xbf\xf4\xc5\xfd\x03\xce\xfdL^\xc5\x17\x1f\xbe\xcf\xf7\xf7\xfc~\xcf\xcc\xf3\x18Z\xbe\x14\x1c\t\xfe\xf1\xcf\xcf\xe3\'\x82\xd5\xb2\xf2\xb2\xa7\xbd}\xa9!\xf1\xbc\x1a\n)\x02\xc2*\x92`\xf4\xb2\x9f\x19\xd8\xec~\xd3\xdd\xcdn~?}0w\x1b=\x00\xfce\x7f\xc4\tX\x14\x8d\xe1\x0e\xdc/R\xe4\x8bB-\x13\xaa\x1b\xf5t}?/@\x05\xf0\xd1\xc4I\xbd\xdf\x8f\x1f\xdd\xb9\xf0\xd1\x12\x19&amp;\x81\x8a\x8f\x15\x95\xf1q\x85\xd3\x19\x84uq\xf8\xe0\xe0\xa0wz=\xb6\x9eJ\xad\xcf\x91|\xb5\xbf\xcb\x8b\x92\xfb\xa9S\x0e\x1ar\x18\x8d\xfb\xf5L\xbe\x96\xaf\xe7\xf3\x99X\xa6\xae^\xfe\xdd\x8d\xbe\xc0\xd1\x89=\x99\x9f|y\xe7\xeah\xaf\x04be\xb9\xac\x9aR\x04\xb6\xa8\x8br\xd9\x1f9\xd3\xd5\x9f\xe4\xf7\xd6\x86\x0e\xd7\xb6\xa0\xd2\xda\xdb{\xf1##E /\x9cF]ov\x82\xc2D-\x9f\xa9\xd5\xea\xf9L\xa1\x9e\xd9\x1f\xf8m4\xb8p4yrOl\xdevv\xde\x9c\xae\x18Y\x8e\x03\xacX:\x9b\xe5tY\xf6C\xd5\xd5\xe5\xdc\xdf\xdd9&lt;\xfcd\xeb\xeb\xad\xdd\xbd\xdd\xdd\x17\xbb\xda\xd3\x86\xb5y\xf6X\xedV\xbb\x87\xa25\xa0\x02\xbf\xd7\xd2\x99l~\xf0\xcb\xa9\x89\xa3\x13l\xd1\xb0\xc5\xdf\xbe\xec\xeb\x95I\xaeXTU5[\x0c\xf1!\x12\xc4\x82\x9c9w\x80\x1e\xc7\x1c~\xf2\x08a!2-\xaf\x9d9\xe3u\x9e:\xd5\nr\xe1\x18C\x1a\xb5\x17y#\x83\xe0\x9e\xe6s\x1bo\xe3-\'\xb9,\x93\x87\xbb\x92\x0eX\xe0.\xb5X\x1c\xc8\x86t\x19\xceA}\xf3\xfb7o\x8e\x8fW\x97S\x85B\x8c\xe3\x8a\xdc\xfa\xf0\xe0\xdc\x9c\x9a%\xfd\xae6\xa7\x15\xbc%iY\x08a\xbd\x16\xabe3\xf9\x9dx\xfc\xc4;v-+\x9a\xceq\xb1b6\xc4s1\x95cCI\x7f$\xd2\xfbp\xec\xf8x\xf6\xf8\xf8\xcd\x1bH\x10\xf09\x98\x9b;\x98f\x97k5\r\xb3\xbb\xecv\x9c\x96\xb5l\xde\xc8\xd735\xf8{:iBW\xbf\x05\xbd\x8e\xe2BE\x0e\x8e\x1c6\xc4\xc5\xc8$S~2\xa0\x8c\xfb~\x82\x05`M\xac{\x8f\xefM\xa7\x96\xd7\xd6\xf64\xbf\xcbE\x10\xce\x88\xc4\x1bu#\x96\xa9\xc5\xd6\xf2\xc6\x0bS\xba\xf0l{2\xafr\xa0V*\x97U\xd5\x18O\x92\xe5d/;\xfe\x07\xa0\xfa\xcbO\x08\x0b\xd6\xe3?\xcdqkCC\xef\x15\xea\x12\xe6\xb0b.\xb0\x96\x01\xee\n\x01X]\xdb2\xa57\xd0\xf2\xb5\x9b\x07\xd3\xe7r\xa9X\x08\xbd\x89Ue\x7f\xf5\xfc\xe6\xc3\xf1\t\x04\xf6\x0e\xeb\xf1\xaf\x9e\xa8\xb1\xc2\xd0P!C2\x04\xe1\xc0)\x91\xcc\x1bd&amp;\x9d\x81\xbce\xfcx\xdf\x9c\x96\xc5\xfb\x9a\xae\xc3&gt;\xcc\x81`\xaa\xa1sF\xc2\xafs\xec\xea\xea\xcc\xacov\x16a\xcd}\xda\xff\xb3\'\xfaz\x91\xcb\x16\xe1hr\xb9p\x91vku\x92\xac\xd5I\xe0\xda\xdf2\xa7\x93\xd2f\xd9ct\xb0\x17\x90e!?\xf0:\xe3\'\xd5M\xb8x\xa1\x97\xafp\x95(_\x8cx\xbb"\x89du\x90\xcb\xc4H\x1aw\xe1\x18%J\r\xc8\xa7$Y\x07\xdf\xef\x98\xd4\xdfi9\x94t\x95\x84\x9c\x05g\x90\\\xd1D\x91\xa9\xac\xa3\xcb\xc3\x03`\x82{\xb2\xd3\x8a\xfa\xd4)1\t\x11\x0e1^\x9c\xa61\x8cq{\xb4L\xde\xa8h\xf5\xfd\xa7f\xb5\x0f\xdb\xe2O+|\x05N\xa0\xbaJ2Z\x98\xa2E\x86\xe4\xc6f\xc6\xc7\xceW\xcb~\xa7\xd5\xde\xea"p\xb0\x93\\!\r\x12#P\x03\x13\x16\x96\xc2\xbaV\xcfj\x1a\t1l1iY\xb6\x18\x92\x0c\x85\x0c\x9el\x84\xc3n\x8af\x98\nW\\\xf5\xcdvo\xf6V/z\xbdN\xc2\xe1\xf2F\x12eF\xae0\x04\x86\xb9(\x9c\x0e\x87%M\xe2\xb3y\x88\xe1\x8aYT-\xb6\x15\xa9B\xf2\x86\xce7\xc2b\xd8\x8d\xd1\x10FRU\xa0\xbe\x9ea\x01,\xe1\x87\xbb_\xc4\x0bI6\xc1\xd0\xa0\x1b\x8d\xfe\xc9\x03XF\xde0\xf6MlMG\r\xb1r\xa5\x82^\t\xbb\xc3n\xda\xe3\xa1)\xd1(F\xa333\xab\x9b\x9b\xe7\x07\x92\t\xbf\xd7\xdb\xd5\xe5\xf5\xfai\x02\x12&lt;\xfc\x18v3\rM\xd2H]\xcb\xef\x98\x16C\xe4\xae}\xd1-\xcaZ\xa3\x01:\xa0\xbeJ\x1c\x1d\xdf\x1c;V\xec\xbeu~`\xb8\xdc\x1f\xf1wu9\x13\x14\x86\xe3\x18\xc4Ot7\xe0\x82\x1anT4c\xc8\xd4~y\xdb.\xe5\x11\xe5\x86,\x03\x15\xe5\x0e\xa3\xaf\xa1\xf2\xdc:\xb7\xce7\xb7#\x14\x18\x11/\x0eT\x14MIa\x04\xeffdH^\x85G\xe6N\x17\xec\xe84\xedq\xbbA(HJ\xe0\x9c\x86\xd4\xd0\xa1\xf4QI(\x81\xca`{\x1cCu\x0f\xee\xa1&lt;a\t\x02-\xb9\xdd\x12\xc8\x9a\xd9xk.\xd6dn\x80\xa6h\x0f\x86c\x18\x06x\x9a\xe4\x96\x1a$\xc9\xf3d%\x89\xfa2\x9cN/\\gh\xc0\x82-HQn(\x19\x81-3\xb4\xbdb*\x96mr\xbe\xbbBy&lt;\xe0\x1d\x0c,\xef\x01A\xc2a\xa6B\x92\x95\x04\xc3D\x9cVT\xed[qP\xd2\xe3\x96D\x1a\xa5y\xb7\xd6\x08-\x7fh2V\xcb\xe4\xfc\xd5UR\x84\xb2\x86\xa0&lt;4h\x82\xc0&lt;z\x85\x91\x13~$\x96\xd5j\x87D\xdf\xfc\x01\x84\xc2\x1d\x90O%\xad\xf0\xe1\xf3\xed\x95\x16\x93\xd5\xba\xfa,Jb4\x8a"|\x9a\x1e\xf2\xc8L\x82)\xa3g6V\x87\xd5A\xc0\t\r{AtS(\xd0a\xa9\xbe\xb6\x01X\xf7[\xccVk1\xa8\xf0"\x9a_\x81\x1d\x87y&lt;\x92\x04\xbb-\x81\xc4\xc2q4r\xd7j\xa7]\x94\x07\xa7q\xc2\x81a\xa2\x94)m\xbc\xb7\xfd|{\xd2d\xb5\xa6\xae\xf6\x8c\x8e\xa4B\x0c\x8e\xbbh8\xf8\xc0E\xa0\x0c\xec\x02\xcc\xebt\xb9\xac\xadh\x84\x8b 0\x1c\xee\xa6\x0e\xd8\xb2r\xb6\xb4\xbc\xb1\xb1`6V\x0b\xc2\xba2\x1eT8\x19#0\xb8\xba4\xc7\xd70\xf4,\xc4aG\x03oP\x87\x81\xbb\xec.\x9c\x80\x8d\x1a6b\xa5\xd2\xc6\xf2\xc2\xf6\xf6\xf3\xf8\xffA\xad+&gt;\x9f\xc0\xf22\x8d\xb29\x1a\xb2\xc0\x1c\xb8\x03\x98\\Vk\xdb\xe9V+\xb2\xbd\xcb\x81\x89\x10\xc0\xb4 4\xd5\x02,s\x13\xc4J\x13k\xdc\'\xa4\x94\x18\x8a$A#\x8b\x11\x04\xd0\x80Vm\xef\x86\x15[\xad\x04!Jd6\x96VJ\xcb\x08k\xe1\xc8\\\xb5Z\x9aX\xa3\xa3\xe3&gt;EQRY\x9ea \x8c\x04\x9a\x91B4\xadmm\x0e\xd4\x7f\xeet\x89\xba^\xcf\xc5bl\x1a\xa95\xb1\xb0}d\xbaZ\x17\xee\x8c\x8e\x06\x9a\\)\x16\xaa3]f\xb0\xa6\xad\xac\xad\x88\xc8\x05_L\x94yP\n\x16\x9b.\x01\xd6\x82\xc9X6\x8b\x05\xb0::\x80+x\xc5\xa7\xac\xa6XXY\x8e\x94\x19HZv4.\xd9j\xb7\x12\xa2\x0eP\x88\n\xbe%\xb0\xfc;,\x13\xb5\x8a\xef&lt;\xdaBX\xc05\x1a\x18\xf1\xad\xa6\xa2\x8a\x12M\x15\xd9\x1c\xa7\xc2\xf5\x01\xae\xf3\xd6V\'\x05T\xa1P,VH\xb3\xb1\\JAX\xe6\x06\xd1f\xfb\xf5\xbf\xf0D\x1f\xc2\n\x00\xd73A\x808*\xa9TJQXn`pp\x18\x12=\\\xb6\xe4\x04\x99\xc9\xa5\xd3\x85t:\xcaF\xe7\x05\xb0\x96\xc9X\xd7\xfe\xfd\x8b6\x7f\xdf\x85\x9e\x8e\x9b\xcd0&gt;\x0b\n\xc2\xaa\x00[R\x89*\x9b\xb9\xf5\xf3\xc3\xd5\'\x17\xfb\xfb\xcb\x95\x84\x9e\xcd\xc1\x16,\x95\x146\x1a\x15JM\xac\xe7q\xb3.\xa7\xb6\xf8\xb7\x9f}\xd1V\xee\xbbp\xa7\xe3fgg \x10\x18\r\x06\x83\xc2C\x10lUP\xd8\xd4\xe5\xe9\xb3\x83\xc3\xe7.\x96\x93\xd5jo\xa8X\x84\x84\x95\x16\x10V\x10a-,\xe7\xcd\x9a\xca\xb5\xbc\xbe{\xfd\x8b\xc8\x83\xbe\x1e\x08\xe2M\x88c \x10\x1c\r\xfa\x04\x90\x8b]\x9d\x89&gt;\xec\xfexz\xf0\xf6\xb9sI\xd4#\x7f+\xc7\xce\x0b\x08\na\x8d\\Y\x98X(8&lt;+\x163|e\xf9\xcf\xab\xbb\xd7\xf1\xe9\xf7\x11Vg\xe7;\xae\xc5@\xd0\x07dPc(\xa5\xb1\x1bg\x7fs\xfb\\\xb5\x8aF\nr`\xaay`B\xde\n\x8e\x8c\x80\\iG\xeb\xdf\xe3&amp;LjY^\xbf\xba{\xf7\xe7\xc9\x1b\x97\x00\xab\x13VG{\xa0=\x80"\x19\x08\x06fA2a\xe6\xd2\xd9\xb9\xb9\xe4p\x15\xa9uyjj^P\x9ab!\xb5&amp;\x16&amp;J\xc4\xe9o\xfef9i\xa6\xf8\xb5o_\x01\xd6\xf5\xde\xf7/\xbdS\xab\xa3\xb3\xa3\xa3\xa7\xbd\x07\x91-.\x82\xc7\x82#\xbe\xb1\xe9{\x9f\x0eW\x07\x07\x07{\x1f\\\xee\x06,\x01\xa9%\x94FF\x10\xd7\x06\xd9\xf6\xf9w\xaf-\'K\xf5\xd7\x1f\xfe\xf9\xc1]X\x9f\xa9\x97\xbe\xea[l\xaa\x05X\x1d\x1d\xedM\xc9\x82\x8bKK\x8b\xc1\x91\xa5\x8f\xef\xdd\x1e\x18Dm\xbb\xb7.wwG\xa3\xf3Qv\x13Yk\xe4\n\xc2\x8a\xfa?\xff\x0e\xb8l\'\xc6t\xed\x1f?|\xf3\xc1\xef\x9bX\x1f\x18_M\xf5-\xb6w\xfc\x0f\xab\xbd\xbd\x07\t\xb6\x04`S\xffe\xe5\x0cC\xdb\xb8\xcf0^\xd8\xd6\x8clU\x96[\x06=q+\xe5|\xe7\x0b\xa7$\'s\xd9\x99P\x9bZsf$\x8c\x92a\xb2hQ/\xf6A74\x14aY;{\xc1X.\xe5&amp;ak:\x98*\xc9c\x0cQ\xea\x0f\x9e\xba\\\xee\xc3a\xa92\xf9dD%\xeb\x83\xc4\xcc\xea\x0fn\x9c \x9b\x12\xd3\xf8\x8b\x83\xc1&amp;\xa1\x19\xd9\xfb\x9e\x1d\xc6\xc6\xba\xb5]\xff\x98\xe0|0\xf9\xe5y\x9e\xf7\xf9\xbf\x98;M\xd8X\xfe^\x1b\xeb4\xf4?\xa0]\xb8p\xa4\xd6\x85\xeb\xe5\x8f\xd7\xd6\x1e|-\xbf;E\xa8\xcdg\x82.{\xbdT\x02\xb0\x12\x1f\xb9\xdd\xb1$\x86\xebo\x87`@\xe5\xc2\xe4\x03\xd6\xec\x92\xb3c\xd2\x7f\xddo\x9b8xzp\xd0\xa6\x9a\x86h\xa1Zo\xff\xec|smmm\x7f\xf3\x8f_\xc33R\x81\xa7\xab\xfb\x86J\xf3r\xda\x9bF\xac\xf9\x03\xb7\xfb/I\xc7\xa9\xe7\xe7H/\x14k6\xe6sv\xf4//\xfb!\xf1\x80\xf5\xd6\xe0\x07\x83\xf6\x1c\xa2\x89X\\\xb7\xdf\xf1\x02V\x82y\xb6\x15\xf8\x7f~\xaf\x8b\x0f\xde=x,J\x06C\x8a|^N\xcbi\xc4\xaa\xc7\x92\xb3\xc9svA@\xeaO\xcd9\xe6\x90+\x99\x9c\x05\x15/:\'\xbb\xedW\xb4\xceF\xa3\x83\xd1\xf7!\xf7}]]\x87\xd1B\xac\'H\xe5m\x19\xd9\xea\xd3c_\x15\x0c~n\xe1\xc1c\x86\xa2\xa9\r\x8a\xa5\xf8\xac,\xcb\xe9\x04\xe8\x95\xbe\tX\xae\x91#\xad\x80kn\x0e}\x04\xb9\xdcK\xc3\xce\x99\xfe\x97\xfa\x97\x07\xcev"U\xe7\xad\xe8\xe0\x11\xd6U4\xf1\xf6\xc1\xdaZ\xcb&gt;|jo}\xfc\xab|\xc0\rD\n\xa0"\x0cE\xd0\x8c!\x924\xab\xcb\x04!\'\xe0\xcc\x1f\x00\x96\xc3aKuj\x0e\xbeN\x82`P\x14Iwli\xd4\x19\xee\xe8G\xac[\xd1hg\'b\xc5\xa6\xbb\x92\x97\xedl]}\xfb\xdd\x14H\xd5\xaa\xa4\x9a\xb2\xa9Zl};\xf4e\xc3\x8f9\x7f\xb0\x1f\xa1\x18Q\x10@,\x9a\x14h\x9e \x04\xda\x8bX\x953\xc9\xe49\xc7\xc9\xe7\x1d17\xe7\xb2\xe5r\x81Z\xa3\xd8\xf2\xafMB?D\xdf?\xdb\x8b\xb9\xb7\xeb\x01M\xbc}\xf5GO\x80\xaa\x92j\xd4\x9b\x958\xab[\xa4\xa5U\xd7\x17\xbe\x8cb8|\x00%2\x12I\xd2\x86A\xab$\xc9\xf0\xf9\xbc@\xa4\x13\x08\xb6w\xce\xc6B\x1f\xe1\x02r\xb9\x90\xcb\xe5r\xf4\x80\x89c\xc1\xa9I|\x89\xf3V\xb4\x13\xc7\x11jb\x1aM\xb4/\x9fw\x0f\x12r\xaaQl\x97+\x15\x8e\xd4\x15\x96\xe4M\xab\xba\xfe\x85?\xf4\xc0V\x8a\xa2D\x91\x11Y\x8f\xbabP\x82\xc0Z\x11\x9e\x14\xf2y\xc2\x0b\xed\x95H\xf5\x9ds8F\x9e7\x97\xc3\xd5\xd3\xd3\x03\x92\xb9\x00kt\xc2\x19^\xee\xe8\xf0\x9f\xed\xec&lt;;`\'\xec\xf4\xf4l\xf2\xa8\xb6\x9eTZ\xa9\x86VjW*\xa9\x82\xca\x9b\n\xab\xf2\xf1\x8c\x0e\x8a}\x91\xcf\x9d:R*"\x8a\x86\xc8\xea*e04!\t\xfa\x8e\x87WIU\x80\x9a\x00\xb0\xbd.\x87}F\xecB\x05\xaaK\xf8\xd0\xa9\xdb\xed\x03,p\xb1c\xa6\x17\xa0\xfc\xfe\x81\xce\x0f\x00\xeb\xc2Q?\xfc\xb6(\x97sZ\xad\xd6H\xb5r\x05\x82W\xe2\x8a \xf0\x1cg\xea\xd5G\x0b\xff\xeb\xf3\x18p\xfa\xf6\xa9\x15Q\x94D\x83ayR\xda`DZeu\xdeRK\xd92\x99\'\x00\xcb\x9b\xa8\xbc\tH\x90\xfa\x11\xf0p\x0e\xc5\xc2\x87\xb9\xdcn\xf7\xc5Q\xe7\xb5\xf0\x0cT\x97\xdf\xef_\xbe\xfe\'\xb8\xaf\xe1\xc2\x9e\xc5Y\x04\xb5\x9e\xd4\xeb\r\xad\xc6\x95\xea\xa9\x96\x15\'\xe2@\xa4K\xaa\xc2\x158\xc5S}\x14\xf8\xaf\x8a\x1d\xfb\xf9\xd3\xc7\xa0\x14\x85T\x06P\xd1\x91\x08\xc1z\xe0\xe8\n\xb9UT\xb3 \x17P%\xe6\xf7~\x8aX`$\x0e!B\xb9/\xb9\xaf\xc4\x96\x86\'\xaea\xb6\xba\xfb\x97\xafOv@\xab\xe2\x15ds\x01\xd6\x9f\xdb\xcdv\xa9v\xa2\xd6nV\xd2f\x86,\xe8\x99\x82)P\x1e\x93+\x142\x16i\x83}\xfeJ\xbci0\x0c\xf8\'J\x91\rZ\x07\xf3T\x16\x0e\xa9J\x92\xda\x1e\xba\xa7f\xb3\x88\x05\\\xf2\xafGF\x90\xcbq\x12G\xd0\x86r_Y\x02\xb1\x82 V\xf7K\xdd\xfd\xfd\xfd\x88\xd5\x19\xf5\xc1\x1e1\x8b\x15q\xfb\xa3F\xa3\xc4\x1d?\x01\x1eV\xf2\x05\xcd\xc3\xe9&lt;\x97\xd1%I7\x0b\x05\x14\x8cm~\x9eb(\x15P\xad@\xd8i\x9a\xa1T\x92\xf5\xb0$I\xaa\x84@P+D.\xb4^Vsd\x1e*5\xe1\xf5\xd6\xbb\x0e\xb1\x1c\'\xf1\x99a\xf7\x95+KKK\xbe\xe11\x1b\x0b\x96y\x10\x0c.G\x8c\xfc bA\xba~\xd7n\x94\n\xc7\x8fsZ\xb9\xd2b3\xb4\x92\xe1\x95\x8c\xc2\xb3+*\xa8V\xe0\xe2\x19\x9e-c\xc6\x8e\xfd\xa7\xa83\xc6\n\x88\x05\x16\x12\x90\'\xb0\x8ee\x05B\x92\xc0FU\x94\x9a\xeb\xe3U"\x9b+\xc30\xc2I\xef\x1da9p\x02\xddK&gt;|\xd3t\xd4\xc6Z\xeex\xad\xbb\xbb\xa3c\xf2z\x10\x0b\xc2\xb7th\xe2\x8d\xb6\xc6\xdd\xfd\x0eg\x16+\xb2W!\x858\x08\x04\xc9\xb0`\xd6\xc98r\xc5\x15\x0f\x99\xad\xae\xff[\xc1\xc2\x96\x07\x17\rheDV9\t\x97O\x00\x00\x06\xcaIDATD\x01t\xd2\x81\x89U\t\t\x94Su\xf8o\xd1\xcfB\xe3\xeb)\xa1\x98\xcb\xa2\x8dio\nl\xb4o\xc3C\xb5\xde\xbb8&lt;&lt;&lt;:1\x10\x0c\xfb\xfd3\x93\x93\x1d\x930\x8eA\x8c\xd6\xa0\x0fz\xbe\xab\xebfI\xab\x9d8\xc1\xd5@\xac\x952/\x99\x05\x8e\x17$Q\xd1Y\x8b\'T\x0e\xe5B\xed\xc8\xf2\xf6\xd0\xbf\x80}\xf3\xe9\xaaa\x80VFD\xa2\x05\x90IG&amp;\x82\xa6i\xf8\x83\x80\xeeS\xf4\xea\xf8\xd0\xc26\x9d\xe5seX%\xe04\xfa\xec\xd0\xe3m\xd8cc\x8d\xa1X\xc1`\x18\xdf\x9a\x04\xb2\x19\x8c\x16.]\xb1\xd9\xd9\xcb?\xfeA\xa9V(\xd4J\xa5v\xaa\xe5=X\xe5\x0b\\\xc6\x93f(N\xd1y\xd3C\xb0q\xf8\xbbb\x9a \x18\x99z\x14\xf8\'W`s\x83A\xad\x18Z\x02\x12\x089$\x8a\xa6\x05\x92dIB\xa2hB\xf5X\xd5Ph(\xd4\x94sZQH\x03\x987\xbd\x1bs`\xee\xf1\x81t\xf7\x15\x1f886q-\x1c\x0e\xda\x07\x12\xb6\x1c\xb4\xdb4\x06\x99\x9f~\xf3\xfb\xb5\x1aW\x03*\r\xda!\xb5\xb5\x05\xea(d\xda\xd8\x01\x91\xb8\xb8\t*e\x90\x0b\x8eE\xaa\xa4}#\x1dba\xd4\rF\x94hI\x92@\x1d\x01\xae?B \xd1I\x98\xc2\x08\xb3\xb1\xb1"m\x87\x16C\x0b\x8f$Y\xd34BF\xb9\xf2\xafL\x8f\xd8\xf3\x88.\xbe\x07\x0e:A\xac\x99`\xd0\x89\xdfLMN\rt\x02\xd6\xf44P\x9dy\x15\x98\x10Jk\xa4do\xf5\x93].cZr\x9aQ\x0b\x1cW\x88C\xd3\xd3\x04\x0f5\xa1\xf0\n\x18\t\x17\xdd\xf6\xd0\xd1Lb\xd4%:B\xc1A\xbdh\x01\xc6\x10\x02\x86\\\xaa\x04T\x1foDVC W`\xdb+k%\xeb\x90\x8b\xf7\'m\xbd\x1c\xc9Kx\x1b:\xa1J\xa7\xc2\xe1k\x13c\xf6[\x8aaX\x05\xa3\xd0\xf1}}7_-\x98&amp;@\x15\x8b\xb9z\xca\x9b\xdfz\xf2p\xd7Tx\xd8F&lt;\x05(\xad8|ODD\x16\xf0L0\x92\xd7a\xf8\xeb\xab\x87e\xc1\xec?\xde\xa1w""\x15\x014\xd9nP\xd2\xce\xbd\x87\xa4)\xf06\xc20\xab\xe3C\xa1\xd0x\xa8\x95\x10\x8a%\xab\\\x81\xe5K\xae\xf5v\xd9z\xb9zf\xdd&gt;\x0c\xd6\xcc\xccT\xd096\x8co)\xceL\xd9X}\xd3\xbfz\xe7\xf5\xe3%\x80j\xe7\xb2\xb9z\xb3%\xef\xdd\xdb\xddz\xa8(w\xe4\x84\x17\x8a\x9e\x03\x13\x95\x8cNPj&amp;\x1e\xe7\x15\xdbH\xf8\xa7=\x873\xb99\xb4\xb9\x03\x07\t`\xc3\xf2X\x1et\x0f\x02\x06\x87@[\t\x8aZ\r\x0c\x85\x86\x86\x02\xab\x89D^3\xb52,_r\xee\xf5[\xb0\xb2\xd8\\\xee\x8bc\xd7\xa6 \xe8S\xc1\x89a\x9fo\xf8\x97a\x98C\\\xb7\xce\xbc\xf5\xbd\x1f\xbehjZ1\xd7(\xe7\x1a\xcd\xd6~\xe3\xe1\xee\xbd\xcf\xb6x\xfe~z\xde\xfb!\x17\x07\xac\x8c\x99\x81\xc6\xc8\xdc-\xc4\xa1\xc9&lt;\x96e\xa1`\x9e,lc/,\x046w"\x91\x08c\x18\xcc\n\xdc\xcb\x96\xceB\xbe\x08\x19:+/\xc0Q\x05)\xb2\x1a\x08\x85\x16\xc6\xc7\xc7\x9f%\xa8l)\xa3e\x05\x81\x90\xcd\x97\xf7\xfe\xfa\xfb\xdb\x97/\x8f\xb8@\xad\xe0\xcc$\x94\xc2\xc4\xf0R,\xe6\x1b\x0b\x87\x07\x10+\xda\xfb\x87\xef\xbe\xc8\x15\xb5b\xb9.\x94\xb3\xa9f\xab\xb9\xbb\xbb\xfb\xd9\xe2\'\xda\x9d\xfb\x7f\xb7\xb12\xe8\x9d\x99\xb1T\xe5\xdbw\xe3\xbc\xee\xb1\x14\xa5\xb1\xd5\xe6=P\x9b\x8d\xd5\x17\x02\x87X\x11\x0c~:\x8fX*\xa4_D\x9d\xa0 \xa0\xe6Ec3\x00\x91_\x18\x0f,\xb6\x12t\xb1dj\xd9\xb2 \x97\xcd|\xb3\xd2lV\xab{{{7~\xf3\xca\x1bo\xcc\x0c\xdc\xf2\xc5\xd0\xd1\xa0\xbf\xf7\xfc\xf9\x1b?y\xf9\x1bPV\xc5\\\xae\x0c7\x8em\xe1\x01\x8a\xb5\xb8\x98\xbb\x7f\xff\xd3\xf9y\xc0\xfa\xd0\xc4H)\x96Jg\xbeU0-\x92\xb5,m}q\xab\x8d\x82yl,\xd8\xb0(H\xb7\xe1\xfd\xd4sG\'\xed"\xb5\x9b\x0b\x8e$FV6\xc7C\xa1\xc0/\x16\x86\x16\x1ey)\xa2\x08a\xc9\x91\x82\xcc\xd7\xca)\xb9\xd2\x94\x9b\xcdT=\xd5\xc8\x15\xb5\xdd\x7f\xd4\\\xc7\xae\x89Cq\x1c\xc0\xfb7d\x132\x15ExK\x06\xa1{o\x12\xbaeq\xc9\xd0\xe1 \x8b[\xdf\xd8I\xba\x04\x1d\xc2\xcb\x1b\xe5\xa0\x83d(\x0e\x92\x04!\xdb\x05O=hA\xb8\x12\xd4\x1a$\x84\x93x\xcb\x95\x1b\\\xae\xd2\xfb\xfe\x9e=\x87 \xa8\xf0\xe1\xfb\xfb\xbd\xdf\xfb\xf9\xe3\xea\xd3\x97\xef\x7f\x0e\xdb\xc3\x9c\x16\x86\x10\'p;\x17\xd2\xd1\x0c\xb0\x9e\x9ed\xaeXo\xd3,;6\x15\x8b!\xaek6\xaaiZ}\xdd\x1f2t\x8f\x97\x07&lt;\xd8t\x10\x98b5p\xe9\x80\xf52\xd32t\x9d\xa6F\x05\x91\xb0P\xd0IX -b\xf1\xd6N\xbf\x88F\xc3\x90\xf2\x12\xf5P\xa2\xfb\x1f\x1d\xa8\x1czD\xfev:\x87\x0f\xaf\x8eB\x85\x1d\'\x8aPp\xe9\x89\xa8\xdb\xdd\x15\xbf\xf7`\x99I\x9a\x95\xc7;b\xc5\x93\xba;al\x94\x1e\xd3\xf5\xba\xef\xb2^o\xb4)l\x13\xb0\xe9\r\xb10\x1b\xf0\xd7\x0b\xa3\xe0\xce\xca\xe28\xc5eHc\xec\xbcA\xb7\xe4\xaf\x0b}\xb6\xe0\xf8\xf2\xe0s\xcb\xe6|\xb9\xd8%&gt;c=!\x8d\xb0~iX\x8f\xe3\xf1\xe3\xd8\x19C5\x95~\'\xf2&lt;oK*FS\xa1\x83]\xdb\x91\xb2"|\xcf\xe9&amp;v\xbe\xdf\x10\xeb=\xcd\xd2\xe6\x89\x15Sd#\x16\xa7Gw\xbd\xae\xbbx\xbb/\x02\xde\xc2\xb9\xcf\xcfx\xeb\'\xeeB\xabQ]\xadV\xd52fq&amp;\xad\x06\xbd\xf4\xf6lV\xd5\x91\\\x83\x06\x04X\x03\x13\xbf\xa1\x1f-\xf3]2\xbf\xf1\xfaa\xa4\x91\x8aXpi\xb5\x91\x14\x80\xa1\xcb;a\xc8\xd0\xeb\x17RJQ\x13\x9e/\x0c\xdc\xf6\xf9F\xa5\xb5CZ\xcf\xaa\x88q\xe6*\\\xac\xe2\x82\xeb\x9a%\xc5\xd2l\xe1\xdc\x07g\x9c\x13\xab\xab\x13\xeb\xa1\x8c\'\x8cXz\xbb\x8aS\x80\x1ab\xc06\x88\x85\xf9\x80\xb8\x02\x9b&amp;\x98i~5M\xfb\xbd\xe2~\xf3\xa4!!+5\xc7\x19\x8f5\xbf\'\x85\xf0T\r1\x15\x84\xb0\x0c9M\x92d\x97\xe7\xaf\xcb\x80\xdb\x7f\xf7\x8a\xb5\x00\xeb\xeeY\xb1\xd2\xf8\xc4\xca\xca\xe6pMSbr(\n\xbb5\xe0\xe6\x07K\xef\xea/`\xdd\x13\xab\'\xad\x19\xa6\x05\x96\x1c\x1d\xfb\x17z^\xff\xcf\x1a\xf0\x80\x0f\xe8=T\xc1\xe2\xbc\xc2\xd04\x98"8\xae\x12\x89\x19\xbe\x0f\x16&lt;\xa8\xa4\xfa\xa0RKpk\xd9v\x10\xd0\xb3(\xc0*N\xac\xfbg\x05J\xd3[\x94\x8e\xe2j~\xc4\xb5-\x8aSE\xc0zk7gV\xfb\x81\xd2:\x82u\xa9\xa9\xe1Ne\xa4\x1dZ\xd7\xbb\x8a\x85*\xa2\x8c6J\xaf`\xf6\xd2\xa8\xd5p\xb7W\xd0\xfdpQ\x13\xf9""\x92\x10\xd8\xfc\x05v\xa3\xcb^\x12,ID\x01\x03\xb7Q\xacW\x99b@\xa4\xaa\x88%\xeb\x9f\xaaX6o\x11W\xdd\xdd\x16\x01\xe2\x82\xeb\x1f\xb9\xfb\xe0\xb6]j\xb3\xb7\x00\x00\x00\x00IEND\xaeB`\x82'</t>
        </is>
      </c>
      <c r="M184" s="3" t="n">
        <v>45492.67597222222</v>
      </c>
    </row>
    <row r="185">
      <c r="A185" t="n">
        <v>794928</v>
      </c>
      <c r="B185" t="n">
        <v>1999</v>
      </c>
      <c r="C185" t="inlineStr">
        <is>
          <t>Lincoln</t>
        </is>
      </c>
      <c r="D185" t="inlineStr">
        <is>
          <t>Lincoln</t>
        </is>
      </c>
      <c r="E185" t="inlineStr">
        <is>
          <t>MEI</t>
        </is>
      </c>
      <c r="F185" t="inlineStr">
        <is>
          <t>MC</t>
        </is>
      </c>
      <c r="G185" t="inlineStr">
        <is>
          <t>MEI/MC</t>
        </is>
      </c>
      <c r="H185" t="n">
        <v>177</v>
      </c>
      <c r="I185" t="n">
        <v>10</v>
      </c>
      <c r="J185" s="2" t="n">
        <v>36105</v>
      </c>
      <c r="K185" t="inlineStr">
        <is>
          <t>Left</t>
        </is>
      </c>
      <c r="L185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e3f46c2c-160b-409c-9b7b-1eb73a060e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\xdc\xfao\x00\x00\x03\x00PLTE\xff\xff\xffrD/d&lt;*_A4yL9%"\x1ee@/\xff\xfe\xff\x1f\x1d\x1a\xf6\xf6\xfb\x8d]HW7(wI5\xfd\xfd\xfd}N8\xf3\xf1\xf9R5)\xf4\xf4\xfa\xe4\xe4\xf1a8&amp;W;/mC0\xf0QP\xf9\xf9\xfduG3\xed\xed\xf4\xe4\xe8\xf4a=.G1\'o@,S9.}TB\x91bM;+$pE30*%~P=rH6zP&lt;\x80S&lt;\xf7\xf6\xf7iA/\x89YD\xe8\xe8\xf2\xfb\xf9\xfacE9\x82TB3&amp;\x1fM2\'dB5\xef\xef\xf5\xef\xed\xf8j&gt;*\\:-iC2zK5zVF\x86U&gt;]9\'sL:\x86WC+&amp;"@1)\xeb\xea\xf3,"\x1b\x82YH[6$\xe5\xe2\xed\xe8\xe5\xf1\x82Q:\xe7\xe7\xef5.*\xdf\xe0\xed\xf3\xf3\xf4lH;\xf1\xef\xeflF5tZOC,!L7-\xe1\xde\xe9;&amp;\x1d\x97gP[=1N.\x1f\xdf\xe4\xf1&amp;\x1d\x18\xea\xed\xfacI&gt;sTGZA6\x9amY[D&lt;\x88eU\x83`R\xf4LK\x95|r\xe3\xd1\xdc\xeb\xe5\xf4\x8a`M\xe6\xe5\xf6\x88\\IwN?\xe9LL;3/T1#N;4iNC\xda\xdf\xe9\xe8\xe8\xf7\xf8\xf3\xfaF6/h:\'}\\M\x87g[\x8etl\xf6QO\x91od\xee\xf1\xfbz`UT&gt;6\xf0JF\xea\xd8\xe4\xdf\xd8\xe35 \x17\xe1\xe5\xee\x94\x83}\xe8\xc0\xc9oPC\x1a\x19\x17\x82N6vF0\xa3\x90\x89\xf1\xe9\xf2\xe6\xaf\xb7\xf4\xdc\xe1\xe5\xe1\xe5\xd9\xa2\xac\xd7\x98\xa2\x8ffT\x9e\x83w\x96vh\xed\xe0\xed\xf5\xe6\xecK)\x1d[2!\xf4EC\xeb\xe7\xefjUM\xa7\x8d\x82\xe7\xb7\xbf\xdd\xbd\xc8\x8fX@\xe8\xe6\xe9\xf4\xec\xf9\xea\xd6\xdb\xf8\xeb\xef\xed\xde\xe7\xdd\xda\xda\x88mb\xaa\x94\x8b\xcf\x9c\xa6\xb3\xa1\x9a\xe5ED\x91l]\xdf=?\x7ff\\\xa2r`\xa4\x80n\xf3\xd5\xdc\xd8\xad\xb8\xee\xcd\xd7\xe2\xea\xf8\xe7\xca\xd1\xdc\xb4\xc0\x8bR9\xee\xea\xeb\xf9\xf0\xf4\x98\x8d\x89\xa2zg\xf5\xe1\xe8\xd5\x8c\x97\x87~z`ME\xda~\x85\xcf\xa5\xb2\x9a`I\xbb\xb6\xb5\xcf\xc8\xc9\xe7\x99\x9f\xe0\xc5\xce\xa2kV\xa0\x88\x7f~I2\xa8\x83x\x83sm\xae\x99\x91B;6\x96XB\xc8\xbc\xbepd`\xc7\x8d\x98\xe7SV\xc8t\x80\xe2\xdf\xdf\xbe~\x86o\\U\xf1\xc1\xc7\xd1FBKA=\xd9\xca\xd4\xb7\x90\x81\x89FE\xae\x89x\xe8\xa6\xac\x9aTU\xf2\xca\xcf\xe0]bB$\x19+\x1a\x13}le\xd9\xd3\xd3\xce\xbb\xae\xdeLJ\xb1\x80i\xa0]^\xce\x80\x8c\xbb\xad\xa7\x8eQO\xaf\xa9\xa7[VR\x9c\x97\x96\xe1\x8a\x8fQLH\x9dK=\xbdB&lt;\xdepu\xc9\xab\x9f\xacde\xdd\xd1\xc1\xbc\x99\x8c\xd5\xc6\xb6xA.\x8d\x88\x86\xaeK?\xc0\xa5\x92\x84@:\xa16-&gt;\x12\x0btqp\xb6nt\x86%(W\x10\x0f\xf2\x81\x85\xf5`^g\x16\x14\xf49:\xe9\x00\x00 \x00IDATx\xda\xc4\x99OHb}\x17\xc7G\xad\x94L\x11,\x10\xbaVwt\xb4\xa4\xfc\x039\xa6\xe5\xa5\x82\x90\xc6\xc9\x8b\x19QN\x85\x10\r7[\x98F\xd4B\xa2\xa6\x16A\r\x14L\xf0\xb6)\x89\x98\xe7Y\x0e=`\x0b\x83\xb7\x97\x92q\x11A\xdb\xa6yx6\x19\xad\x1e\x1eb\x16\xed\xde\xef\xb9\x16\xc3\xbb~\xbb\xcd\xb1\xeb\x1f\\\xf8\xe1{\xbe\xe7\xfc\xce\xb9\xbdx\xf1\xff\x87\xb2\xb9\xb7\x19\xcf\xca\xd2\x1f=\xbd\xf8\xc5\xa1$\x9c\xe6\x7f~\xfc\xfd\xa5w\xe7\xacqu;\xb8\x93\xcb\x9d\x05\xbf4\xffZ0e\xe3\xf6v\xb0\xf1\x9f\xdf\xff\xfa=\x96-\xdc\xdf\xdc\xdf\xdf\x15.nO~\xfc\xf8;\xa8\xf9\x85`\xca`\xee\xbep\x97\xfb\xa3\xbf\xbf\xd6\xe17\x99\x02&amp;!\x1f0\xf9\xf9\xfe\xbf~\xfc\xb9\xdd\xac\xfc\x15`\xf8Q\x8d\xa6\xf1\xfa\xd6Tn\x1a\xb1\xfe\xab\xdd\xa1*\xa7\x08\x10\x16c\xf9\xf7\x1f\x9f\xb3\xb9\xedF\xcd\xb3\xbb\x0c\x86\xda\xb9\xbe\xb9.\xfa\x81\xc3X\xfb\xdfv\xaa\xf0F\xa5\xf2C3\x93\x89\x89\xf2\xacP\xcc\xe6V\xb7\x1b\x95\xcf\xec\xa9\xa3\xbbb^\xc8\x9b\x88&amp;lip\x0e\xe2up\x89&gt;\xf9\xfd\xe5\x9d\x9d\xe5\xfe\x80\x90/"\xc1;\xcf\x9a\xcb\xde\xdc\xad\x1f\xe2\xa8\x96\x96\x802\xa8\xab\xfe\xa6*\x17?\x03\xcb\x14\xf0\x8b\xf9\xf4\x9b\x02\x82pq\xb3\xfa%\xf8\\\\J\xcd\xd1\xad\x8a\x80\xe8R\x95\xab\xca\x07K\xce*\xa7\x17\x18\xdf\xff\x80\x15\x08\x08\xb7\xd9\xfb\x9b/\xcf\x96\xc2l\xf9\x92\x8a\x90T%\xacR\xf8\xfd"\x8d\xc9a\xf2\xe3-a\x91\xd1\xf2\xc5\xdc3u1\xcd\xf7b\x89F\xc4\x1aDtvv\xa6q\x99J\x01\x1cB*\x81!\x91\xcd\x1a\xcd3@\x05\xbf\x16\x02K$\xd1\x03\x15\xfe\x1c\x0e\x07\xa8\x1c,\xeb`\x03\x01\xf6\x01\rT\x02^ns\x8d\xbd\xcd\x92si\xbe\xec\x9d\xb3\xe5\xaa\xff\xd1\xca\xc1rl:\xcdr\x0c\xc7\xb2\\\x82\x05\x9d#\xe0\xf0\x83J\x10L\x81\xdb\x83\xeb\x83\xaf\xbdRc5\xfe\xf9\xb9n\x10nW\x11Z\'4\x83J\xe1p\x88\t\x87\x9c|\x1d\x9eC\\(\xc1\x83\x8e\x15-/\x08\xe8\x14B\xa0\x98\x93\xba\x83\xad\xc6Z\xc2\xa8\xc0%\x11\xa8\x13\xd9\x03B(\x14r\xea\xaa#n\xb5N\xe7\x04\\$Z\xc7\xf3\x1c\x1b`\t\x0c\x97\xc9/\x14v$\xc5R\xeed\xe7\xd3\x83b\x01\x8a^\n1\x8cSW\xa7v\xbbkk+\xc4\xa8U\xb4\xbcY\\|3\x14\xe5\x19\x8e\xe3\x04\xd2K\x08\xf8\xf3\xf7\xab\x92b\x05\xef\x04\xff l\x05?\x85\xc1\xc4\xd7U\xbb\x89\xa7\xa9\xa9\xa9\x86\xe2-\xa2\xfd}\xbd\xa5\xadm\xf1\x8db\xbe\x8eO$\x12\xf1&lt;\xb8\xf2w\xd26\xd5\x9d\xa2\x9f\x1aT\'\xf9[\xa7\x8e(\x14\xae\xd7M\xaf\x81d4\xcad\xb2\x9a\x9a\x97/_\xbdj\xb7X,\xf5m\x88\xc5\xa1\x96\xf9\xba\xf9\xf9x"!\xe4\xef\xbf+%\xcdaQ\xa4r0u\xd5\x11\x85\xabB\x14\n4\xb2\x87x\t\xae\xf6\xf7\x16s}}}\x17\xc0\x86A644\xcf\xc7\xd1S%\x1c\xc0\xe8\xd4A\xffv8\x98j\x85\x0b:\x11U\r\xa5\x0f8\x8f`\xaf\xca\x88\xca\xde\x062\xd2lx\xb8oqh\xe4\xe2\xe2@\xc2,*{o\xf2\x84\x05\xaa\x8a\x8a\xd7M\xc0\x92\x13\x94\xb1\x068@Z\x96\xc9\x0c\x86*`\x91Z\xd0\x0b\x0f\x80%\xe7\xfa\xa6\xe6\x13\x85#\t\x8f\xa0\xd5{\xa2b\xf9H\x85\xa8T\x85\xbcB\xc4\x92\x89X\xcb\x0fXe\x8f`]m\xa2\xc7\x92\xa3s\x87\x17\xb7\xd7\xd2u.\x1c\x868\x85\x1d\x9c\xae\x1a\xe5\'\x97\x83\x8a\xb0\xc4\xe4\x19\x0c\x86e\\UU\x84Uf\xb1\x88\xbe\xa7G[2\x99\xda=?\xbc\xbd\xe9\x95\nK\xd9\x9c\xcbc\xfed\x99:w\xad\xbcV.o\x05\x19\xd5\xe02\x02@\x86\x92T%,\xf3{\x8bh\xaed29\xb6\x1b;9\xbf\xcd\xaeJ5\x10*\x83w\x18\x0bX\x8e\xafv\x97\xb8\x10\xd4\x19\x96\x97\xab&lt;U\x9e\xb2\xaa\x07\xa9\x10Z\xad\xc5l\xa9\x7fO\tL\x8d\xa5&gt;\xae\xc7\n\xc5\xe2W\x89\xcc\xa5T\x9e\x15@\xc5\xa2a\xa9}\x844=-o\x85V\x06\x8fGk6k\xcd\xda2\x8f\x16o)\xf0\xc9l\xb6\xa0\xab\x8e\xed"b\xeb\x0b\'\x85\xe2MP\xc2\xf6\x80\x14\xea\x08\x0b\\\xad\x14FY\x95\xd6l\xef\xe8\xb0\xdb\xedV\xb3\xb6\x84\xe5)#\xb42\xcb\xfb\xb6dj\xe6\xe3\xccL\xec\xf8x\xe1\xe4\xfc\xe4L"\xb5\x9a\xaf\x03\xa6\x00\xeb,a\xe9\xe5\x8fTv{\x87\xad\xc3f\xeb .\xc2\xf2TUy\x10e\xf0\xfc\xd8\xec\xfa:\xb0\xd6W\x8e\x17\n\x85\xaf\xd2\x0c]\xca\xc6\x1bLu\x1c\xb0\x9cj_7\xb0\x8c\xc6V\xa3\xc1l\xb6OL\x8cOL\xd8:\x10V\xad\xb6\xe7\x03\xe9\xe5\xf9\x0fau\xa5&gt;\x1e\x1f\xc7\xa0Vf%vu~\xd3(\x8d\xe9\x83\xf7\x81\x00\x87\x89A79\xd9]\xc2\x82Xf{\xd7\xc48Eee\xe5D\x87\xd5\xea\xed\xd1j\xad=b\x12\xbbP\x83\x0b\x0b\xc0Z9]A1\x9e\xecH\x81\xa5Tn\x17\x02\x1cNh$Q\xc4"\xb7\x1b\xaaD\xb1\xd6\xd6\xd6\x1a\x1a\xfa\x1b*m^\xaf\xb7\xa7\xa7\xc7L\x97\x19b\xcd\xacC,\xc2:]Y\xb8*Hr.jpN\x0b\x1c\x1br\xaa\xd5\xea\xeenx^&amp;6O\xf8}b\xbc\xa1\x14\xc0\xb2\x82\xe8\x03.\xab\xd5\xde5\x96\x9a\x89\xc5b3\xbb\xb1\xcc\xde\xde\xe9A\xf6\xea\xa6Q\x92\xfe\xf0\xf5VH0N`u\xab\xbb}\xfaVPQ\x7f\xb2\xdbm\x95\r\xe3x4TV\xdal^\xd1[ZP\xd9\xbb\x88\xeb\xe3\xec\xecn\xec\x14X\x90\xeb\xee\x8b\x14I\xd4\\_\x08d-\xf8\x1d\xa1o}i\x10\xdb\'y\xbe\x92\x02\xb6\xb7\x91\\\x1f\xa8\x1e\xadV\xf4\xf8\xb1\xb1Tj\x7f_\xc4\xda\xcb\x1cg\xef\xce$\xf1\xd6M\x9ec\xc4^\n.\xbd\xbe\x15C\xcc\xabW\x06j\xa6^[\x89\x0bT\x1dd.\xd4\xa3\x97\xd4J\x8e\x8d\x8e\x8e\xa6JX{+\x0b\xd9#)\xcc\x15\xcc&amp;8\xca\xa1\x8f\xb06\xf5\xd32\xc3\x03\x96\x15X\xa2\xb3&amp;\x90E[G\x0f\x19\xdek\xeb \xac\xd4~*\x95\x8a\x11\xd5\xde\xe9BV\x82\xfdZ\xa9\xdc)$\x12\x8f9\xdc\xdc\xdc\xd4\xd7\xe0lF"=f\x12\x8b\xea\xb0\x92D\x83b\xd0\xcb\xdbQ9\x0eo\x8d\xa5vwG?\x97\xb0 \x97\x14X8z8\xee\'V\xb7\xdch0\xa0\x18\xa9\x14\xa1U\xff\xbb\xfe\x86\x06\xc2\x03\x98\xb7\xc7K\xfaM\x8c\x8f\xa6D\xb5f2{\x99S\xea\x11\xd7\xbdJ)\n\x91\xe3x\xec\x83n\xb5hy\xb9\x91\x06,\x0f\xa8\x80\xd0\xff\xee\x1dq=\xb6\t\xaf\r\x84\xc0\x1a\x9d\x9d\x85\xbbf\xb7NWV2\x99\x95\x85\x9b\xa7/E\x9c\x88\x17\x1c\xc3\xeb\xb0\x82\x89}\x8b\x86\x07\x19u\xd3.\xb4\x86\xfe\xfeG\xae~\xc2\xb2\x11\xd68\x9a\xec\xe8\xe8\xda\xda~jv\x1du\x88\x03({\xb0\xfd\xf4X\xbd\x07\x17\t\x14b\t\xcb\'oj2b/l\xaf\xc7\xd1\xb3\xf6N\x8c\xdf~#&lt;Q-\x9bm\x82\xb4Z\x1b\x05\xdb\xfe\xfel,s\xbau\x9c\xc9,\x1c\xacJ0\x03f\xb1\xf1Q\x0e\xdd4na;\x94\xfb\xdc\nE\xcb\xe20\xda\xc0\xfe&gt;a\xbd\xeb\xa7\x00\x16:|W\x1b\xbeHb\xf1I\xa6f?\xaeo\x9df\xa0\x16\xb0\x94O\xeex\xea\x0f&lt;\xd6\xe8\x88[\x1d\xc1\xdaS\xe1\x9et:y\x9e\x8f\xcf\xc7\xe3#S`#\xcd@5\xdePioo_\x1c\xaac\x18&gt;\x8eoG\x0e\xfbv\xd73\xa7\x99\xad\x15`\x9d\xbd\x90\x04K\xdcZ\xddn,\xae\xbe\xc9\x81\x10\x83]\x9e\xee1\xb0X\xb1\xe7\x87\xda&amp;\xc4&amp;\x81J\xb4\xbcu)\xea8\x87\xc3A7\xba\xb8D\xfc\xf0jK\xc4B\x9b\x97\x04+\xc1\xd7a\xbfw+Z\\\xb5\xea\x8dP(\xc4\xc4y\x8eu\xb0\x0eG8\xcc\xf2\xaev;M\x83\xe8ZU\xafku!\xd6\xd1I7\t\x07;Y.\xfeifk\x8b\xb0\x9e\xde[?\xb1"\xb5.\x17\xec\xb51\xe0tF\x86\xa6\x14\xba\xcb0\x02\x8c\xea\x9a2\xb3\xd5k\xf5,/\x1b\xe5\xdd\x03\xa10\x90\xbe}K\x03\x98e\xe2\x87\'\xeb[\x92X\xfe1\x89QED\xe1r\x0f &amp;}\xb5o\x87\x93mo\x14\xd5:\'\x10\'}M/\xab\xb0c\xc8Z[\xa7\xf5\xdd\x93\xa1p:\x9d\x0e\x87\x18\xba\xdf5\xcf\xc7\xa7vE\xac\xb3\xa7\xee\xa5\x84\x95g\x12\xc0R\xb8\x14j@Mv\xfbj+\xde\xb4\r\xbb"\xd5:\x9dH)\xa7\xed\xbaU?\xad\xd7o\xc2xa\xa2\x1a\x18p\xea\xa2SsS##}\xeb\xa5J\x14\xff\xb1\xf7dR!z\xef\xe2HbT\xe1j\x89`\x10\xc4/\xe37#CQ&amp;\x14\x0em\x0c\x0cl\x0cl\xeai\xb8\x07\x13\xbe\xda(i\xe5\x04\xaf3:\xd57\xd77\x95\x14\xb1\xb6\x95\x9a\xe6\xa7\x9b"\x9a\xcf\x8e\xce\x82\xbd\x07q\x86\x9f\x8f\x92\xdf\xdd&gt;\xf5\xe4\xc6%L\xc5\n\x02\x19(}\xb9\xb1\x01\xaei\xe3\xb2L\xae\xd7w\x0f\\\xa6\xd3\xdf\xbe\xb1h\x0e#&lt;\x13\xed\x9b\xe9\x1b\xea\xeb\x1b+a5\xee\xe4\xbe?\xd5\x8c\xaa\xf9\x1e\xeb\xbb:=\xfa\x89\xe5\xf3Mn@\x0e\xf6\xc2\xe4\xbfXR]$\x88k`rSo\xf4h\r5\xedo\x9c\x80J\xa3L\x03ya\xb0\x93\x1b\xf9|55&lt;\xb7\xbb\xbe\x05\xac\xef\xb9\xec\xd5\xc2\xf7\xa7Y\xcc4\xbd\xa7\x11\xb5kj\xee\x13\xcf\xf0\xd1\x91(\xb0`\xe9\x8d\xcbt\xf8S\xb6X\xaeZ\x12\xb2\'C\x1b\x97D\xa57Zmv{\xb2%\x9c\xfe\x16\x9aw\x0e]\xe5/\xf2K\x8e\xf3C&amp;\xfa\xe9\xbf\xbc\x9b\xedKb\xfb\x16\xc7gf;\nj!\xa8\x10h\xf60Z\x19i\n\xf9\x94\x165\x10\x97\xd9\xe3\x03\xa6\x84\xdb\'\x84Hn\xed\x17\xa5\xb2\xb1\x17Cx4\xb8\x07\xa6\r\x0e(x\xb8\xa01\x88\xf9\xae\xe1\xf8"p\x0eTvN\xcd\x85\xb9\x03\x83\x13AOL\xe8\xe1\xc2\x85\x1e\xa6KC\x9cWw\xfd\xec\xde\xff@\xcf\x8f^\xb4!\xe8\xc3\xfa\xad\xdfo\xad\xef\xda\xdf\x1d\xcd\xd1\x08k\xef4\x15\x8dz\xdf6\xa7\x8f`\xbd\x0b$\x93|\xb3\x11\xe3\xa9$n\xafB\x811\xf9\xcf\xdf\xccCn)\n\xa7\x0b\x13\xc3\x9fv"\xfe\x98F\xc3\xe4\x83\x985\xb0\x07\'\xf5\x1c \x968\xa2\xe9\xda\xa7\x99\x1f~X\xd8\t\x90nW\x94\n \xac\x1c\x19\xb5\x88\x17\x9b\xd4u\xb1\xde\xad@\xd3\xd7\xd9\x0b\\\x127P\x89\x98\x90@|\xfe\xe8sQ\x8c$\xbd\xcbpwi\xb4Z\xa1\x1ce|\x9cm\x9a\xf3\xe1\x12\xb8h1?\x9d^\xf9&lt;\xd1c\xc9Y\n\x91\x1c4\xce;\xe9\xf4J\xa0P ^me\xdb\x9aT\xa4W\xe5KK\xb7\x8f\xcdf\x8d@\xa1p\x03\x96\\\xd8\t\xd7\x00\x9f\x89\xc7\x88\x94\xcb-\xe09\xdf\xc8\x85O\x96\x96F:\xe3\x83\x869\x9a\na\xce$OM\x12\x85\x94M\x829H$\x16)\xc0Z]\x0b\x14"Q\xeb\x7f^6\xabwX\x97uv\xee\xeaF\x98j\x0c\x82\x85\x89\xb4\xda^\xb8\x9f\xa0\x11\x14\xa9\xc9\x94kY\xe2t\x8e\xca\xe5\xb0\x85\x9d\x89\xa9\xcc\xe0\xa0\xa7H\x87]*\x8c\xd0\x93.\xb7\x84\xc7Q\x87\x02kkk4\x8a\xd6Z8|G-\xbfo\xd2\x05\xc1\x1a\xa8\x05\xb9\x9d:\xdd\xc8(\x86\xb9\x10\x96\x1c\xba\xf8^!\\Q\xcf\xe7y\xe8\xbd\x05G$7\x0bG:\x13\xbb\xf1\xcd\xcd\x0c\xdbS,\xd2!5G\xa4\x85z\xad\x9a\xe7\x98\xfd\x81\xb5"\x9d\x87\x94O\x07\xfc\x95s*u\xd6\xa4\xfb\x14\xba\xf8P\xb0\x83\x9bXz#\xfa?VB\x87fl23S\xe3@#g\xb3\x8c\x91@\xb3\x9b\xf8f\x06aU*\xf9\x90\x11A;\x93\xc9y\xa6&gt;_*\xd14\xbd\xb6\x93\xa6q\xdf\x1du\xfa\xaeY\xf7)\xebc\xc4\xc8\x8d\xc7oGD\n\x17p1\x85\x8fu\r\xe1,\xed\xd2\x07\x83F\x99\x8c\xa14\xb5\xdf\xde\xde\xeeB\xb42\xfb\xdd\x08\xab\x98\x9f\xed\xea}\xc2\x87"\xe5\xe4\x1b}T\xa9\xb4Q\x82h\xd1\x9ad\x98Zm\xde\xdc\xe6\xc5[\xa2#S\xceH\xcd\x08K\xad}\x9cx\x982\xf4K\x83F\x86\xae\xdd\xc4f\x1bv\x81\xea!X\xe5\xe9\x8db\xb1Xz=7\'5\x9a\x99O\x9e\x98\x83s\xaf\xa1\x9f.",\xd1\xbd:r\xd0\xc4\x9a\x98\x8d\xf4\xed\x97\xcbl\x1c\xb0\xbcj!lW\x03K\xda\xce\x90\x82 \xecf\x9b\xe2\x89\xdb\xdd8\x8a\xd5\xfe~y\xdaS\x02\xac\xfc\x9c\xc1`0u\xa1a\x80\xa9\xdbS*U\x0eQ\xb4\xee9\x91\xb3\xe6a\xb5\r\xfc:\xb9\xbf\xbf\xcdnDK\xdb\x9b\x00,\x90\xa8\xfdS\xfd\xa6\x86\xc8\x07\x81\x1fG;\xb8\x89\xa8\xca\xe5\xed\x87p)\xa7\xa6L&amp;\x93\x12$7\xec\xeba\xb5\xba\x9e\xa64\xf7\x9a\x95f\x0e\xb9X\xb5\xd0~\xa6l\x90\x99]\xa4\xc2,K\xc0\x99C\xca\xf9A\xe27&amp;5\xbb\x08\xab\x01\x05T\x1b\x90J\xc5\x8d\xd9~\xd0\xd6H/v\xbf.\x1dVon\xd6\xd7\xc2\x9a{\xc7\xea\x8f\xcdll\xcerS\xdf3e\xa5LA\xe2fY\x87\x0e\x85\xc6\x90\xe9\x9e\x86\x1d\xf3 \xad3\xb5\xbb\x89\x82\xf5@\xf5\xf5+(\xb3\r\xcf\xec\xe0`&amp;\x03G`\xda\xb3Q\x01\xaajz\xcd\x9f\xbc\xc7\xde\xbek"\x16\xeb\xe5\x1a\xe3\xf6v\x7f:\xa8p\xe1\xe6\xde\x84\x0e%w\xa6&lt;\xdd=\xbd\xbd\xedA\x02\xac\x1d\x1e3lx\xda\x00\xaaj\xf5\xabg\xda3\xdb\xd7o@X\xd3\xdb\x1b\xa5\xea\xdd\xe5\xcda\x85\xc6\xee\x8f\x89\xda\x8bfN*\x07jz\xee\xedm\x07$\x17\xaem`m",\xe0\x98\xee6)\x95\x8c~6R\xae\xdb\xdb\x10\xa8\xed\r\xc8\xa3\xaf\xa5\xaf\xc5\xbe\xce\xddM\xf8\xb32\x9c\x80\xea\xe5\xe5M1\xe0O\xce\x13Tm\xa8\xb9s\x91ho\x87\xaeC\xae&amp;I\xad\xf0qG\x03\x8b\r\n\xbf\x1b:\x19\x93\x92\xdb\xc1\xe0\x1a\xd8h\x07\xb7\xcb\xfbe\x10\xb2\xa5\x8d\xe2\xe1,\xbf3\x1e\x9f\xca\xc01&lt;\xbc\xb9\xbc\xac\x96h\xbfZO\xe5\xde7U\xc0B\x17\xa1\xe8\xe5\xf6\x99A\xeb\xa8\x81K\x17\x8f\x1b2\x8dC(\x95*\x07\x07\xfb\xf8\xc9\xe3\xe4\xd2\xee\x14Dg3\x1eW\x86\x08\x8c\x83\x85\xf4\xfc%\xf8\xbb)\xf6\xb4\xe7\xf0\xe6\xee\xe6\xb0D\xe5\xc2\xe1\xdcJ\xb6\xa9\xde)\xd6\xc0{\x0b.\x142\x11\x96\\+\x84\xa3\x187\x18\x94J)\xb7\x83\xdb\x0e\xf2P\xf6\xc6\xe9\xe4\xc8G\x1a\xb5R\xa8\x16\xd8ON\x8e\xd5F-pqu\x06\xa8F\xd5\xeaa\x91\xa6\xc2\xd1p\xa4\xd6lC\xc4\xbbU\xc2\xd8+W\x03\x16\x93\te9\x91\xd01\xe0y\xe41w7\x0e\x17A\x97Q\xa1V`\x9aQh\xf2\x9d\xc7\xa0/\xac\x02\\\x1fd\xbe\xe1\xcb{\x19\xcaYT\xbc\x8bt\x80*\x84w\xb2\xcd~\x93\xd1\x96\r\x10}}\xc1\x18\tE\xb11D\x122GG\x9f\x08\xa1:\xc6\xe3\xf1v\x06\x03G]\x0fhmhM\x17\xbc.4/\xf1\xe1\x1c\x90irY\xd7l&gt;\x9f\x87ZMS\x91Z\xd3_\r\xb3\x86~\x89X\xf4D,\x06\xed\xa9\x86?\x02\xdd\xe8\xfc\xbcH-cH\xa5RF\xaf\\$\x92\x88U6\x81@ \xb1\x82\xee\xf7\xa6\n\xe1|\x9e\xf2\x8b\xe6\xa1\x85\x10\x99\xf5~\xbf\x8f\x8a\x14r\x81\xd5\xb3\xa1GM_\x03\xd9\xda\xfa\xcf+\x9f\xbc\x98\x83\x03-\xe0s\'O\x80^\xa4\xe3\xb8\x02\xe3\x89\xad=\xc8\xbfb\xb5\xb9\xdd\xb6\x9e\xe1\xe1\xf1\x85-K4LS1\x9e\xf5\xf8\xd8\xa9\xc1\xf5z\x1f\xb5\xb3\xf2s-;\xd0\x92\xc1\xfc\xd0\xc0@v\xcf\x85\t8\x1c\xbe(\xe9\x94\x88\xc5*\x89Me\x03\x01\xdb\xf0#\x8d\x8f[Un\x81\xb8gx\xec\x19\x80\xb9,\x85Bja\xdcj\xb7\xab\xd4\x84\xde\x1f9x\xf9b\xa85\xa6\x03\xe4\xbf\x1d\xf8\x17\x89\tx\x1c&gt;\'\t\xff\xbf\xa7\xb1\x1a&amp;)\xe4\x8d\x10[\xc5&lt;\x89\xcan\x9f\x18\x1b{6\xbe\xb0\xbc\xb5\xb5\xb58\xfe\x97\x1e\xbb\xd5A\x84B\x81\xb3V:QYm\xbf\x93\n\xc0\x12q\xac\xf6\x89\xa7O\xc7\x1a\xc3\xa2\t\xe4\xff\xe9\xb1\t$&lt;\xe7\xbcC\xe0\xb4#?\xd0\xf8\xf8"\xc8Dd\xfc\x19\xb6\x0b\x08\x8be\xe5c+\xbd\x8b,\xd6\xef\xa9\xffa!\x07\xd0\xd3\x99\x99\xa7@\x86&amp;3\x12W,\x86C\xaa\xa95&lt;1rq-\xfe\x06P\xcf\x80\xbc\x81\x15]\xfd\xa9\xa5n\x96\xb6\xf7)\x85\x83\xc7\xd1h\xc4\x08\xab\xe1)\x9b\x98\xb0\x8by\x0eE\x8c\x80\x16\x1a\xa88 :\xc4\xb6\xe5\x85\xcf\x9f\xff\xfal\x0c\xc8\x11\x16Q\xa8\xb5\xd4X\xc6b\x1d|\x02,\x9e\xc6\xa1\xb2\xcf\xcc\x8c\rO\x9c\xcc\x0c\xdb\xc7\xc5\x12L\xa4\xc6I\x1c\xc7E\xc8\xc3%\x11\xa8l\x0b\xcb\x8051\xd3\xc0r[,\xb9\x83\x96\xda\xf0X\x8f\xceN\xbd\x0e\xd8E\x01O\x0cw\xb9\xcd\xf6\xead\xd1\xfb\xe1S$M\xd1\xe9@.\x12&amp;]\xd1\x02i\xc9\x91\xa9\x94\xadgb\xe6d\x02\x9dJ\xab\x82\xb0\x04~i\xad\xad\x8c\xf5q\x0fa5\xb8\xa0\xc2\x189\xaaTd}\xfd\xee\xdb\xf9\xe5\xb7Z\xed\xfa|u\xe7\xfc|\xfdW\xf8Y\xdd\x1a&gt;y%V\x89\xe16\x13\xbbb\xd1\xd5\x8f-\xc5jc\xfd\x84\xb0@-;\x04\x0e\x0c\xd7w\x19\xf1\xa0\xaf\x98\xbe;??\xff\xf6\xed\xfao\xd7\xe7\xdf\xae\xaf\xe1\x17`\xb3\xb8$\x18\xe8j\x9bm\xd1\r\xb2\x7f\xbd\xd5^\xdd\x97?7\xb0x\x1a\x8d\x1a\x0fN\x9a\x94A\xc6\x97z\x9d\xaeV\xef\x80\xe8\xef\xd7@\x85\xb8.o*\x14\x15\xf6\xfb-.\xaf\xdbM\xc6,\xb9\xb7/Z\x8b\xd56T\xdb\x12\xa0\xe4\xe2\xa0`M\xce\x99\x18\\\xe9\x97/\xf5\xa3\xa3\xabJ\x05\xba\xbd\xbbKX\xd5j\x05z\x99\n\x9d\xf7\x85b\xa4\xcbE\xc6\xa2{\x07-6\x9eB\xc5N-CI\x86+\x02\xc3\x8d]ss]\x8c\xef\x08\xeb\xe2\xe2\xe8\xe8\xe2\x8a\xba\xb8\xd8\xb8\xba\xba\xb8\xfa\xe3\x9f\xff\x80x\xf9|!"F\xc6\x08"\xba\x92m\xb1\x11\x9c\xc5\xca\xee!,\xa8\x8b\x98\x02\xef2\xcd\x99\xa4q\xe0\x02\xa4?\x80\x07\xad\xa3\x0b\xf4PI\xafQ\x10-\x82\x8c\xc5\x08K\xe1\xed\xc0\xa3\x16/\x16$\xd7\x03\x96\x03S\x1b\'\xe7&amp;\x95R%\x84\xab~q\x05X\x80tt\xf4\xef\xa3z\x9d\xa2i:\x9f\x9f\x85M$\xa0\xf2\x9c\x1e\xb4\xfc\xd3\x0ch\x9fS\x08K \x11\xb8QvM*\xfb\xa4JS\xbd\x8e\x88\xea_\x1eV\xbd\xee\xcbST\xfe\xb5?\x16K\x01\x95e\xe5\xc7\x96\x9b\xf9!\xb9&gt;\xb8\x05\x12\tG"p\xb8\x15\xc1\xc9\xc9\xc9\xbe`\x9f\xd2d\xaa7\xa8\xbe\x7f\xf9\xfe=(\xedRN\xfa\xf2\xf9\xb0O\x1f#R@\x15}\xdf\xfa\x8f\x1fXm\xd9S\xd7\xb2\x04-h\x03\xf1 \xe8\xb1&gt;\x99\x11\xea\x0e\xd4i\xcc\xa1\xd1\x08\xd0\xcd\x11\xd3\xfb\xf2\x8d\x84GT\x96\xbd\xb3?\xe1\xf3\x1aV\xf6\xd4\xeb]~\xc0rC\xd6\x03\x97Q\x0b\xca"i\x15\x8f\xdb\x87\xedV\xbb\x95\x87\x91!\xdfk\x9f?\x84\x98,\xd1\xc2J\xf6\xcf\xf8\xea\'\xfb\xe1\xbf\xbc\x9bmP\x93W\x16\xc7\x85&lt;&amp;\xc6$\x84$\x84$\x04B\x9b%\x84H\x82\x10H\xa0\x04\xc9B\x18\x0c\x90B\xda\x88JD \x80QPT\x04\x07BZ\xebN}C,*2f\x1c@\x97\xda\x81J%+Ze\x1dit\xd1]J5H\xb3c\xa7\xbe\x8dN\xbb\x9d:\xe2\xfa\xa9S\x9c\x82\xba\xe7&lt;\xc1\x9d\xdd\xd9i\xb7/\xc2\x1d\'|s~\xf3?\xe7\x9e{\xees\xcf\xdf:\xc3%\t\xc1"\x11\x97\x16)\xa3j\xaa\x0e\x84\x17\xa4\xe3\x13^~~\xb0*\xa5\xb6\x04\xfa\xf7\x06\x92\xaa\xe1\xd8\x8eks0\xc6O\xbbvG\x12\x02\\\x8d\xd5\x8d\x12\xe8gt8e\x13i\xd7\x99\xc4\x16K8N\xa8\x07[L\xb0\x112\x80\xab\xa7\xa1\x01\xc5\xaa\xbbrd.\\\x0f{.\x87\x04\x87X\x91\xabZbU\xc1\xdd\xc7\xffeP\x97k\xb2@{\xaa\xc9\xb5GB\xd9\xc8(Y\xbd\xa5\x07\xa9\x00\xeb\xfd\xbc9\xa0\x9aw\xe4\x9c\x85\xc1\x904\x82`\xd5\x05\xd6\x95:\x1d\xdc\x14\x83\xf0SV\x1a\x8af\xcfX\xb3\xa6\xa2\xe2?\xa8^\xef\xa9\xfbf.&lt;5\xb4S\xdb\xac!\x9a\x90\xe0\x02\x00\xab\xae\xb6\xe6\xe6\xea\x88\xa0\xa0(\x9c\xb3Y\x98\x86#f\xaf\xb4\xb4\xb4@bm9\xd6066\xd6\xde&gt;\xd6syn\xb0\xf2N[5b\x8a%8^R\xdc\x18\x1e\x1e\xa2\xca\xd5\xe14z\xdc\xa2Ei\xe4\xc40\x0e@\xac\xde\x02Z\r\x0e\xb6\xb7\x0f\xaeG\xac\x9c9\xc0b\xe5\x9dVi\xc4\xf8`\x1d\\P\x9d\xbe8]\xa2RA\xc1Rm\xaf\xcd\x88\xc4\xf2\xa5+\x82\xa3\x19\xc2\xd7&gt;X\x8d\x0f\x8a\xeds\x855\x8f\xc4\n\xa4j\xb5b\t\\\xa1\xf1\xe5\xde\n7\xfdFh`T\x16\x0b\xd42\xabup\x10\xf2nS\xfa&amp;\xb8+\xb6\x8f\xdd9w!g\xde\x9c\x04Q%\xa6R\x15R\xa9)!$|1\xdc}~\x87W\xd8t|*\x0f\x0f\x7f\x95\xbc\x8c\xa5\xaf[\xb74}\xdd\xa6\xc6\xe2\xc1\xf6O/\x9f\xbb\x103on\xd4\xc2G2\xa9T\x96\xab\xd5\xe4\xe3\xe5f\t\xde\xcb\xc8;,\xde\xf4a-\x81{\xf5\xd2\xf4M\xc5+\x11k\xdb\xc8\x1c`\xd1\xfcj)\xd0\xde\xa0\x93Q\x0b\x16#\x17\xba\x91fL[\xcb\xe7/\x99\xbf\x84\xb4\xb8\xa5W\x17\x17\xcf\x11\x16\xed\x05\x16\x88\xc5$\x08\x99\x16\xc3\xb8\x80\xb4\x04\xfa\xfdw\xa4\xd7fF\xacj\xbfZ\x97Fbf\xbb\xaf\xa1\xcdS*\xf3v\xa8P,\xa1\x90 \x08)\x95L\xaf\xf9\xe8T\xfc\x03\xe9VD\xef$Z\x13\xff\xba\xa9\x00\xb0\xd6\xb7\x7fZ\xb7\xef\x8fC\xb3\xdb\xd8\xd0X\xfb\xdd\xa3\xcd\xae:\xc4\x92\tqFD\xc8\x0fd\xe0\x87\xa4\xe5\x0b^`\xf9\xa9&gt;/\xfe\xbc\xba@b]98v\xa7\xac\xac\xc4\xde\xdd9\x9b\\\xac\xdd\xde\xa9\xa9\x89\xc7\xf6\x04R-&amp;\xceT\x07(\xc4\x1aI|\xfe\x1bo-G\xb2\x05\xb0-\x97\xa6\xa7CV\r\xc2\xb6\x94X\xa1&gt;\x1c+\xdbV4\xfd\xfd\xde\x81\xd9\xe3Rvx\xa7\x9eOM&gt;4Q\x120\xe3\x99\xc9Q\xd1A\xc2\x08*U\xaca \xd8\xefo\xdf\xbe\xfd\x16d\x14\xac\xe2\xc1bI&lt;\x9c\x02\xeb\xdb\xe1H\xdcW\xfbd\xfa\xe1\xae\xd92\xc1\xd2X]\xa3S\xd3\xd3S\xdf\x13*+\xa6\xbc\x8c\x89N\x10\x82O:\xc7R\xe3\xc3\xf3\x81\xec\x8d\xfcxh\xc2\xac\xc5+\x8b\x1b\xe1l\xb2\xa8\xd6\x17A\x03q\xe9\xbd\xaa\'\xcf\x1f_\x9f\x1d.\x1a\xed\x94\xe7\x9fUOni\xa0;\xa6\x88\xa9Z&gt;\x9c\x83QQ\xd1\xb0\x19I.M0\xf4\xa7\xb7\x96I\xe0\xc2\r=\xab\xca*\x89\x0f\x86\xd4\x82kOO\xdd\xb6K=\x07\x9eL&gt;\x9a\x15.\x1a+\xcf\xd7\xf1u\xf8\xad`k\xb1\x8ab\x01,\x13b\xc9\xa3\xa2e|\x85\x16\xce!\x8d&amp;3\xb3j\x19\x03\xa8$\x16\x8a\x8a\x12\x12\x1f\x1f\x1cB\x81\xdbX{\xc3\xe5\xb2\xe1}EO\x9e\x8f?\xfd\xf2\xa5s\xd1h1\xd7\\\xfd\xad\xdf\xbeZ\xa5\xb1X)\xb0\xe0D\x94\x11\xd1ry\x9c\x9c\x90*\x80\x0b\xe4J\xcddT\xe1;?\xe0\xa8(\xe4_\xd5\xfa\x94\xda\xd7\x1b\x8e\x95\r\xdf\xd8\xca\x98\x9ex\xf6\xf4z\xe7\xcbm\x9ei\xca.\xf7yOW\xf9\xe9p\x8d\xd8bM\xa0\xa0\xa9Ma\x92\x11A\xd0\x95\xca\x99\n\xe0\x02,\xf2!\x7f\x19\xe0\xc0\xb5\xd6\x82X\x94\xdc\xedE\xd0w\xd5\x95\r\x0f\x7f\xb8}z"\xf4\xd9\xd3/v\xbf\xb4\xe9a\x1aK9\xb0\xdb\xd5}\xdef\xe0f}+\xa1R\x81)\x81\x82F;\xadTF\xf6\x7f\xd1R&gt;_\xa1\x08\xe4\xa5"\xd6\x81\xf8`\x86\x05v&amp;\xe8\xc6@\xac\xda\x96\x0f\xb6\xee\xdb7&lt;\x9c\xf2|\xa2\xfe\xd9\xb3g\x18\xc8\x97\xc2$`\xef&lt;\xd1\xd7\xdd\xe7\xea\xd8\xc3-\xac\xf9\x86\xc2WP\x13\x12\xa8(\x96\x16\xb1\x08\x02\xd2\x8b\x10J\xa5|\xe0\xca\xc4I\xb3*\x06\xf4b\xc0\xc5`h\x00+\xa5\x04\xb0&gt;\x1c\xbeq#cj\xbc\x1e\xd6\xcd\xa7\'~\xf3\xc7y\x1aM@Wg\x1b&gt;j\x1eu9\xcdF\x03\x97\x1bva;_\xaa\x85\xb4Jx\xa1\x16\x94\x88 "\x99)d\n\xf9I\x81\x998\xa7\xc4H\x85c\x9c\x9a\xea\xc7\xb2\xa7\x94\xac\xf6c\xfdc\xf2^=\xc9\xf5\x852/\xe7\xb7(\x06BqD\xe5\x86k\x9e\xd1Q\x8fyC!\xb7\xb22,v\xa4A&amp;4i\x11\x0b\xd3\x1c\xf6"`\x01\x14\xd4{\x82\x80c\x88\x97\n\x0b6\xa96\x10\xd2_#N@\xac\x92\x0f\xde;\x03X\x0f\'\xd6\x86\xd6\x97\x96\x96~\xf6\xa03\xe6\xc8\xa9\x18\xd6\xaf\x86\xa2\xab\xf5\x95F\xb3\xcd\xed\x1d\xed7\x17"\x15\x97\x1b\xeb;&amp;\x13\xcaL\x08F.\x19\xf4\xf0\xe8h\x0b\x10&amp;\'\'\xa3`&lt;^\xaa\x98\xf4\xe2\xa5fb[\xedW\xab\xf7\xcc\x8d\xbf\xdf\x7f8\x1e\x1a\xba\xd6\xe1p\xac\xfd\xf3n\xa5\xfa\xc8\xa1_\'\x18M\x19\xa3\xd6s\x8dN\x9b\xa7\xfb*he$\xb5\xe2\x86U\xee\xb9\xa4#\xa0\xc9B0d\xe3\xa3\xebA&amp;\x93\xe2$x2\xf3\xdd\x80$\xd4K\x1c\x08\xbf\x99\x80\x07X:\xc8\xadU\x80u\xe3\xe2\xe4\xf1\xd0z\x87\xa3\xcd\xb1\xf6\xc1\xfe\x18\xba\xc8\x90\xad\xfe\xe5\xbet\x9a \xe7\x90\xc1`p\x1e\xedo\xf6\xfe\xb0\xf7\xa3\xd6\xd6\xd6\xae\xae\xae\xd6\x8f[\x9bZ\x9b\xaeDF\xebtL\x99\x0c\x1d\xc1&amp;-\xfe\xc8t2Hx\x92\x0b\xb0\x90\x8bG\x06\x13\xa8\xb4\xb9\xf6\x8c\n\xc4\xba\x7f\xff\xbb\x89\xd0\xfazG[[\xdbg\x9fl\xe4\xd0!c\xb3E\x9c_$\x18\xd4\x83\x9dG\x0cfX\xb6\xc3g\x1f_\xdd\xe5\xf1\xb8\xfa\xba\xf7\xfaWs\xb7wM\x14i\xf4\x93\xf9\x153\x99\xa4~\xac\x08&gt;_&amp;\x8d@\x99p\x92&gt;\x90\xc4\xa2\xe2\xd4zEK\xef\x19\xc4\xba\x07\x99\xd5\xd6\xe68~\xf30\x9dM\xdf\xc8I\x8c\xd5\x8b8\x02\xc1\xcf\xac\xfa4\x1ak\xa0\xc3\xe3\xb1\xed1\x9b\x9d\x9e\xe6\xabW\xbd\xa3\xdd\xdd\xe7_\xac&gt;\xb7\xdb\xe5\xde\x1a\x85&gt;M\x08$\x80A I\xc72\xd4\xad\x88\xa4$\x05l\xc5\x83\x07\x0f"\x15\x19K\xb1Vg\'\xb1z\x81j|mhi)\xc4\xf0\xde\xa3\x13\x1c6\x9d\xceNd\'\xaa\xd9\x1c\xba\x80\xf5s\xaa\x05+f`?l\xbcf\xb7k\xc8\xb5\xeb\xab\x1f\xce\xbec\xeb\xf7x&lt;\xce\xac\x9a\x9a\x1a}M\xcd\x8aD\xf5\xce\xa6+\xb5p\xe2\x00\x16A\xe8\x10\x87\xcf\x97B\xce\x07\x04D\xa0\xfb\x8e\x07P \x16\x041P\xccC\xb1\xec\x91i\x15o\xae\xea\xbd\x7fq\x022\xab\x14R\xab\xed\xde\'\x9d\x9c\x1c\x0e=Q\x9f\xc8f\xb39\xc0%\x10\xfc_0\xda@\xbfk\xc4\xedr\xf5\x812\xa3?xwu\x98\x8dF\xb3\xd9\xf86\xb7\xb2\x1c2\x1e\x97\xde&lt;\xb25\x05\xb0\xec(\x19!\x85\xe8\x01\x96\x10\xb1`%\xe1\xb8 \x8f\x178\xb3\xa8&amp;Yt\xdc\x9a\x967W\x9d\xe9\xfdn\xbc\xb4\xde\x8fu\xf3K%\x87\xad\xa6\xb3\xf5\x10\xc4D\xe4\xa2\xd3\x7f\x1a\x8c\xc6\x8a\xe9\xf2\x9d\x1f\x19\xb29\x9bl\xbe\xbe\xaf\xae\xee\xedwn\x80e\x04\xac\xb7\xc3\xca\xcb\x01+\xfb\xd0N\xa7\xad\xe9\xfd\x86\xb4\xd7\xe4\x91\x91r(\xee\x00$\r@\'n\x00r\x81b\x9bg\x88\xf0/\x1e\x99\x18\xc3\x8b\xbd\x17\xa1f\xf9\xa9\x1c\xc7\x1f\xec\x17\x08\xd4j\x01[\x14Kr\xa1d?\xc9ES\x9e\xf2\x8d \xd4\xd1\xa3P\x15\xbc\xa3\xef\x9c0#\x95s\x83\xb1\xb0\xb0\xf0$.nV\xab\xcd\xd6\x9a8T\x17\tXr\xb4H\x12\x18&gt;fr\xf2\xbb\x11\xa45\x1e#\x19\x88\xa3\x9f\x9b!\xd1\x14\xe8F\x07\xacU@5\t\xf9\x8e\t\xdf\xe6\xb8yx\x80N\xd7\xab\x05\x1cu,\xc9\x95\xe8\xcf0\xe5\x8f\x81)\xf3:\x86\x86\xee:78\x9dN\x9f{\xd4{\xbe\t\x82g\x04,`3\xfa\xb1*\xcb[}\xae\xa6\xc4\x15\xfa\xafkA*\xf9kr?\x9709(\x88\x19\x81N\xc5\x08R-\x1e\xba\xb8\xc8\x9c\xf3\'\xfc\xaa\x8b\x7f\x9b\x1cG*\xb2:&lt;\xf8x#]\x1d\xcb\x863M\x1f\x9b\xa5\x17\x01\x97H\xa4fo\xfc\x91H\xb2\x06l&gt;\x9f\x13\xa0\x8e\xde\xb5\x01T\xb7\xcbl\xdc\x00PF#\xf9c0pO\x86\x81T.\x9f\x93{\xf2\xe4\x8ak;\x8a\xa2\xa3\xe5h*\x95G%\xc3\xb9\x03\xf5\x1dS+)i3,\x1e\xef \x88\x85\xce};~\xbbY\xf8\nR9J\xfdX\xa57\x0f\xc7\x086\x8a\xb29p\xaa\xe9\xf5Y \x17\xb9\xd4\xa8\x18\xfd\x7f\xb80~&gt;H$\xb3\xd3fs\x8dz\xcf\xbaI\xa9\xcc/\xa8 \xb9\n\xb9YM.\xb7\xcd\x90\x1d\x16V\xb3b\xc5\xddm\xdb\x01\x0bG\xef\xe2\x82H\xb9\x08L+r\xc1^\xc4y^&amp;\x01T)q\x19\x19\x15\x0b\xff49^\x8aT\xa5\xa4X\x90Y\xecl=]\xc0V\x8bD\xc85\x03\x06\x8a\x91\xd5\x82\xf6_Ua\xcf\x90\xcf\t\xe5\xd3i\xeb\xef\xf3z\xfblf\xa8\xf0\x80d4\xcf\xa4&lt;D\xd1\xd0\xe4\xeekj\r\x0b+\x0c+\x07._\x9d=\x0eg\xdc@/\xb4\xdf\x12QR\xa0B0\x12jsD\x00Abe\xac\xa9X\xf4\x17\x88 \x1c\xd0\x0e2\xb3\x1e]\x8f\xa1\x83X"\x01\x8b\xa3V\x8b\xf4\xb1\xd9\xb1\xf0\x9f\x01\x13\xfc\x83$S\xe7\x0ctv\x0e\xfc\xfbH\xfaW\xd3\xe6\x13\xdaF~\xc5q%\x18\x8a\x83\x1b!\x95\xd8\x8c\xa08\x94\xd4Q&lt;\xc6\x07)\xd0\x9a\x18\x06w&amp;b\xa7\xea\xc1\x04\x8c\x0fa\xb3\xd5\xf8\xdf\xc5\x16)\x9b\x15D\xc6\xcca\x99\x19\xc9i5\xd0\xa1\xe3zd\x05\xbci\x0f\xa3\xb1\x14\x0bF\xa0@\xe4\x92=l\xb0\x15\xa3\xc5\x14\xadr\xd8\x18\xd4\x1eL\x9aB\x0fK\x0b{\xea\xf7\xfdd\xd3&gt;[\x92e\x13\xcf\x87\xf7\xbe\xef\xfb\xde/x\xb4\xd4\xcb\x13\\}\xfdiJ\xad\xb7v+\xb9YB\xda\x98\x9b\x837\x90\xb8\x88o6U\xde\xca\xc2$\xf6"\xbc\xb2\xb6\xb7\xc7\xbf\xfetf\x81\xdd\xfe4}\x03%\x1c\x98\x1cz\x08[\xb8\xcd\xeaH\x1dym`\x19\xfe\xfe\xe0\xc9\xf5\xf1\x7f\xff\xe7\xeb\x95O(\x98\xde;;\xc8\x13/\xc5\xb0\xc3q1!\x81\xe0\xe7\xe7\x01\xc4q\xb0Dn\xdfo\xe7\xf3\xdd\xdaE\xcaN^\x9e\xa0h\xab\xab)\xbb\xd7\xd2\xb3\xa2\xc8r\x15\x9e\x0b\xcfA_\x1f\xb1J\xe6R\xe5j\x89\x8f\xec\xad\x91yA\xfd\xf3\xe6\xbb\xcf\xe8n\xd7\'\xd7\xafL\x0e\x0c\r\x8dM\x0f\xdc\xbe\xfc\x90\xdd\x9f{\xe9\xf3\x9f]\x1d\xbavkyyyr\xe1O\xf7\xaf\x13\x15\x92\x85\x01\re\xad4\xdc\x89\x89\x11N\xe2C\xc0\x8a\xc59\x86\x05\x8f\xa6\xe0b\x9aV\xec4z\xb6!_\x94\xf2\xe4)\n\xb8\xba\x9e\xd2[=\xb5$\x86\xb1\xed\x85\xe1\t\xfdg*\xe0\x9cx\xf2\xa2\x9aKD\xe6\xf6"\x8b{{\xc0\x8ah\xfe\xd6?\xbf\xa4;\xb1\x9e,,\xdd\x1c\x18\xba3\xb3|\x19\xa5\xa3;\xe4oN--\x8d\xdd\xfa\xc9\xe8\xf2\xe8\xd2\x13P}w\n]\xa1\x84\x88\xdf\xaf|h\xd7FF\xd2\x96$\x0c\xfep\x10~\x85l\xf1\xbcb\xc1%\x1c\'.X\xbe}\xd6\xd0\xddZ:t\xd1\x93\xeb\xab\x90\x15\x96\x85V\xdd+\x85\xc3\x1b\xe0\t\xa3\x84\x04\x86\xa4}4\'\x96\xb6v\xabH\xa2D.\xbfG\xbb\xa0R:\xa8\xba\xdf~\xf1\xd9\xc7\x0b\x0bKP\xd7\xc0\xf2\xcc\xcfo\xfd\xe8\xe1\xa5WX\xeb\xaf\xdc\xbbw}\xec\xf6\x9d\xd1\x1b\x93W\xee}\xc56\xbfG\x9f\x0c3{_A\t\' x\xcb\xe2F\xe0\x0f\x0c+\xc1\x0bV\x82\x8be\xe2\x9a\xe6vZg\xdd\x1d\xc7\t\xa6\xd3\xcc,~\x10 \xd3L\xa9\x87\xc7y\xb7\x10\xde\x90\xc2aQ\x92\x00!\x85#\x1b\xb3\xb3bx\xa3d3\xaa0\x06\xa3\xa2\xac\xad\xf1\xbc\x95\xdd\xda\xcaj\\\xee\xddo\x1f\xcc\xd0\x8d\x9bc\xa3\x0bK\xbf\xfc\xc5\xc3\x1f\xbf\xba;5~\xef\xfe\xfd\xf1\xa1K\xf0\xdai@AV\x8f\x1e\r\xb3d\xc1\x1b\x9a\x06JH\x1b\x8d\x8c\x97`0.H\x84\xc5%\xf6\xe6c\x9a\xdf\xae\xf7:\x06\\,\x98\xa1qD`\x81\xd9\xd5\xa7\xdf\x96{\xc7\xd5\x12\x89\n\x89\x83MP\xc0XSo\xde\xe4\x8av\xdd6J\xd9\xec\xf9\xb7\xd7\xd7\xb3\x95j\xd9\xcb"\xdcw_\xfe\xfd\xaf7\xc6\xae\xde\x18]ZX\xbe|\xf9\xda\xd0\xcdq$\xeb\xca\x8dKCSS\xcf\xbf\xa2\x9da\x98\xb0\xe0X+\x8f\xb1+\xbb(\xe1 \xb9;\xa45\x18\xc2f\x03\xacD&lt;.\xccs\x9aa7\x1a\xb6\x16\xe7\xe2\xb1L&amp;s&gt;\'\x03\xf0\x85\xdd\xe3]\xaf \xd2\xf4c\\\xeb\xa9\x93\xad\xd7\xafi`\x1f\xa8\x9b\xadM=\x9f\xdf\xdc&lt;&lt;&lt;\xac\xef"\xca\x9b\xf5zss\x13\x1bX&gt;\xdf\xfb\xfe\x9b\xc9;w\xc6\xc6F\x97f\xae]\xfe\xd5\xc0\xdd\xf1\xf1\x85\xa5\xd1\xa1\xcf\xafN\x01\xeatxx\xf81j8L\xe9Z9:\xebF\xa3\x94$G\xe0pMl6\x82$I\t!3/h\xfbF\xa7U\xd5\xa2\x8b{\x00\x00\x05YIDAT\xef\x9aB\\`\xc6J\x01\xae\x00|\xfd\xb0\\,\x15\x94\xbe\xd276$\xc9*\x88\xb9l6U\xb1!\xb8\xdd\xfe\xaa\xb5\xa5\xaa\x95b\xd1S\xf5\xb2j\xab\xaaJo+\x15u\xeb_\xdf\xcc\xfc\x06v&gt;=p\xed\xa7\x03w\xa7\xa6`\xb0\xaf^\xbd\x07\xd4)r\xc5\x82\xd9\xc3Q\xc3\x8b\x0eR\x8e\x82i\'6\xc2\xb2\x06*\xc9"Y\x99n\xb3\xb5\xe9Z\x96F\xde\x8aAt\xce\x15(\xe3\x0cQ\x121b\xfa\xfd\x17fO\x11I\xdc6\xd4\xcd\xe3M/\x8b}\xb9P\xb0,\x0b\x9a\xb7\xb2\'YMA\xf3(\xf1\xb8\x13\x8fg8\xbf\xf3\xfd\xf1\xaf?\x9e\x99\x9c\xbe;\xc4\xfe\xfaz\xea\xf9\xf3\xf7\xdf\xfd\x03L+\xc0z\xc4\xb8\xa0\xf9\xa3F\xb7\x86\x954\n\xaet0=21A\xc9\xe2\x19\x16gv\xcfZ\x1d\xc3\x82f\xfbX\xc1\xf3m\'p\x9c/\x16\x80\x84\x02\xce\xcd\xd1\xf1\x86\xc5\xa2$\x16\xcb\xbdC;\x0b\xf1c\xf6\xf0|\x02\x07\x8cB6%b\x1b\xa4\x8f\xf9\xf95\xc7\xe1|\xbd\xd1\xf4\x0e\xbe\xf8\xf4\xc1\xf4\x14\x1d\xafoN\xfd\x11P_\x9f&gt;{\xf6\x0cr\x1a\xbe\x88\xa3\x0f\xbaa\xd6\xd25Y\x8e\xc9\xb2\x1c\x9d\x98\x98\x08\xc5)YaA\x8e\xed\xb7\xe1\x0b\x86\xa5\xf0\x11`\x9dsE\x19\x96\r\xb3\x82%\\\xb8UX\x92\xe0\x9aR\xc1\xdb&lt;\xce{\x05\xe4-A\xc9\x8b\x00\xcc\x02\xd5\xfcE W\x9a\x01*\xc3Ik/\xff\xf0dfz\nB\'\xa8?#\x88\xeb"[Go\x1bM]\xafz\xfe\xceN2\x99\x8c\xc5\xd2h\xc8 \xd3\xbb\xe4\xd4v\xda\x8dF\xbb Y\xb00\x81Mn\x1a\x8e}\xac\x92\xb8A\x8abA\xaf\xecDXR\xeb\xbdjN\x14\x17\x15%\x02R\x80\xf2Rn]\xe4\xf9\x0b*&lt;J\x1dt\xb5\x16\xcb\x04C\xc5\xbf\xfd\xee\xca{bbP\x8c\xab\xaf\xadGHU\xc7\xf5\x8d\xa2\xaa\xebv\xc555.\x19\x8dFC\x82(nl\xe4\xac8\xa8\xea\xdd\x82$&amp;D\xb2|\x8b\xf2\xc5DO\x9d\x88+3\xab\x8c\xa0\x8e\xf81\xa8\x94\x82\xa1\xc3\\\x0b\xc0%,\x16\x8b\x8a8[P\x04A\x83\'3*\xce\xe84t\xdfA\xf3\xc43\x8e\xf9\xee/\xffcbT+\x17\xa9j\xef\xe0\x04\x96\xae\x99\xc6\xc1\x8b\xbc\xde\xf6\xfctT\xe6\xb6s\xb9\xdc\xea\xec\xb6ITf\xa1\xf4\x86\xceY\xc8\x01\xc8,\x0b\x85\xa6t\x05\xd6\xe0\xdc\x8bk\xb82R\x95\x90\xf8\xf0\xdc\x06\n\xd8\xc2\xf1P\x91h1]d\xcc\xf0Q\x11n\x8a/\xa0\xf6L\x86\x8bkn\x93\xa8\xe2\x19L\xb4\xf9y\xc7h\x91\xa2\xfe\x8f\xea\xe8\x88\xa0\x90\xaa\x1a\xeby\x98w\xcdtU\xbb\xaa\xab\x86i\x14]\x17\xad\xe4v\x1a\xcd\xaeo\x96r\xb3\xa0\xccmo\xe3\x13\xb1\x9fL\xcaQ9\x1a\x88\x80KQxa\r\xe6N\x05\x14\xb3(\xa0\x9eU\xd0+h\x04b\xc2\x82\x0b\xac\x08\x9e0\x10#\x11\xd4\x0f\r\xd4l\xd8~,\x06\xc4\x0c\xde\x0bn\xa3\x8f\xf5\xec\x9c\x8a\xb8\xde~hv1\xe4B\xd4\\\x18*\xd1PH\xee\xa3\x95\x11/\xb6\xda\xcd\xc6\x99\xce\xcc\x06\xc1\xfc\xc6\xf3\x8a\xaeaB\x82rR\x0e\x80\x10\xb9SPJ\x88&gt;\xac\x14\x8az\xaf\xa7\x160g"\x11(-\xc1\xa8(X\xce@\x86^\x14\xfcn\x1d\xd5\xd1\x80\xc4\xa8\xe2\x9a\xfd\x96\xd1\xd0\'\xe21\xa8\x08j\'\x9dN\x07\x83\x19\xc2\n\rBT\xc9$\xb6\xd3\x9d\xd4\xc1\x01,\xb0\xdd\xac\xdbv\x1eN]g\'\xe3:l\x9a\x0e\xc8e\xd55\x08-\x90\xcd\x16\x8b\xc5T\x11\x03\x06\xa3%\x07\xad\xe3\xd0S@\xda\x16!6jK\x8a5\x05K\xcd\x1a\xad[\xfc\xde\x9a\xc2\x97\xda\xf5\xba\xe78\x0eQ9N\x8cs\xcc\xe6)\x89\xbc\xaf(@\x9d\xa2|]?\ts\x94\x81\x95\t\x05\x99^B1\x99\x9e5S\xb3\xb6\xdbgM\xafV3}\x9f\xaen\xb8\x88b\xe5`\x0b\x1f\x15U\xcf\x97\x0f\xfc\x00\x8d\x16L\x15\x80\xef\x96+\x15\xbd\xd5jz\xa5\x1c,\x14Y\xa4\x91-\xf1\xc0\xe2\x15\n\xc1\xdaGX\x05\xdfn\xd4\xbd\x1a\x11\xd1\xc3\xd1\x921\xff\xec\xdc\xd6i\xdaP\xf9\xce\xdafP\xce\x04\x83r\x8c\xe6\x1c\xb8\x18\x16\x06\xf1HT\xb6\xacBA\xad7\x8dh\x1a\xff\x98\xc3A\x8f\xc7\xc2\x85\xe9\xc8.\x02\xd3p\xb7\xcaU?\xa0\xaa]\xcf\xabtQ]\xb5\xad\xf7Z\xad\x1e\xa6]\xb9\xac\xdb\xb6^\xb5\xa9\xdc\x14\x9e\xd7Um\xe8\x15m\xbe\x95\xa5\xc9\xaa{n\xa9\xe4\xfb\xa6\xa9\xc5\x9d\x1d\xcd1&gt;&lt;[9\xea\xf7\x1e15uW\x83/\xa2Ec\x84E\xea\x02U\x1a\xa5\xc4\xe0\xc1\xfeg\xd8u\x1d-\x19\xc5J\xcfc3\x11b\xb4\xda\xd3\xfe\xc5\x0b\xe9\x91\x11y\xbfd\xd6\x02\\\x92\x8b\x0b\x8a\xe6\xc4\xf7\rPu\xdajU\xa7\xccQ\xfe\xce\xff\x03\x82\xde\xec\xf6\x13\x9a\xcfW=\xbd\xd7\x80\x060&amp;\x91\xf1T*\x9b5J\xa6\xf7\x81T\xber\x8a\xe2\xc1&lt;m\xd5\xd7b\xb4sf\xa8k\x83\x90;\xb0\x00\x16\x94i0\n\x89\x12\xa8 \xbb\xa8,\x03QR\x14M\x06\x16\xad_8 \xa7\xc1\xbd\xbd\r\xc9\x87\xa2\xacY\xd2\xc1\xa4aW\xdd\x9dZ:\x8dU\xbf\x1f(|*\xe5\xa5*Ph\xc9\xd4\xce\xbfi\xd8\xb6a"\xf6\xf7\xf105M3\xf75\xa3\xd3d\xd1A\xff\xfb\xae\x81\xdf1\xd8\x9f\xb8,0\x041\x9fG&amp;\x06\xa3\xf4\x12\x92}\xd5\xaba\x04M`H\xcar\x7f\xdaDi0\xe1\xcb4\x961\xf4at\xe2\xbf\xe1l4\xf0\xee\'\xe3\xbf\x00\x00\x00\x00IEND\xaeB`\x82'</t>
        </is>
      </c>
      <c r="M185" s="3" t="n">
        <v>45492.67642361111</v>
      </c>
    </row>
    <row r="186">
      <c r="A186" t="n">
        <v>794930</v>
      </c>
      <c r="B186" t="n">
        <v>2020</v>
      </c>
      <c r="C186" t="inlineStr">
        <is>
          <t>Pedro Rocha</t>
        </is>
      </c>
      <c r="D186" t="inlineStr">
        <is>
          <t>Pedro Rocha</t>
        </is>
      </c>
      <c r="E186" t="inlineStr">
        <is>
          <t>PE</t>
        </is>
      </c>
      <c r="F186" t="inlineStr">
        <is>
          <t>ATA</t>
        </is>
      </c>
      <c r="G186" t="inlineStr">
        <is>
          <t>PE/CA</t>
        </is>
      </c>
      <c r="H186" t="n">
        <v>178</v>
      </c>
      <c r="I186" t="n">
        <v>32</v>
      </c>
      <c r="J186" s="2" t="n">
        <v>34607</v>
      </c>
      <c r="K186" t="inlineStr">
        <is>
          <t>Right</t>
        </is>
      </c>
      <c r="L186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6c1db38-6ee1-4390-a740-2cd1c26f72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08\x1dx\x00\x00\x03\x00PLTE\xff\xff\xff\xba\x00\r\xb7\x00\x0c\xf3\xf2\xf8\xfd\xfd\xfd\x0c\x0b\x0b\xf1\xef\xf6\x03\x02\x02\xff\xfe\xff\x07\x06\x05\xc4\x01\x11\xa5_A\xf7\xf6\xf9\x81D,\xb0\x00\t\xa1\\&gt;\xb4\x00\x0b\xc0\x01\x0fg3\x1d\xbd\x00\x0e\x9cX:\xc8\x01\x13\xb4oM\xab\x00\x08\x97T6\xb7rS\xa9bA_.\x19\x035\xafo7!\xed\xec\xf4\x87F-\x022\xa5\xc0zQ\x92P4{?(\xadfD\xc3\x80^\xa8bG\x84H1\xbezWt:$|E/\x038\xb5\x9e_FV\'\x12\x01:\xbc`2 \xf9\xf9\xfb\xa3X9\x8cV@\x8bK/\xaefJ\x93S:\xc5\x7fW\\)\x13\x13\n\x07\x8eN3\x81A\'\x87O;M#\x11\x96V?\x97N1\x88M5uE5\xb0jNm4\x1b\x8dQ:\x81I7\xcd\x02\x16c8)\xeb\xe8\xf0v@)\xa3cI\xbcuT\x82SCQ)\x19\x96[EX-\x1d\xb0jE\x92J.o@0\xcd\x83\\\xca\x87c\xbbuN|;!\xb8oK\x9c[@\xc3zY\xf5\xf2\xf1\xee\xec\xebB!\x13\x94aNk:(d,\x13-\x1a\x134\x16\t\x05&gt;\xc2\xe1\xe1\xeb\x13\x12\x11\xa9gJ\xb5iD\x8bZII\x1d\x0b \x10\n\xaclM{L:6\x1f\x16v7\x1d\x8eF+\x9dT6\xa9]&lt;\xafpT\x87A&amp;\xe8\xe5\xe4g?0\xb9wW)\x13\nY6*\xd5\x8fi\xd5\x03\x1b\xd4\xd1\xd6\x9fhP\xe1\xd4\xce\xb2u\\\xe5\xe6\xf1\xdf\xd7\xe0H*\x1fi/\x15nE7N2\'=&amp;\x1d\xd6\x95s\xc1\x87k\xa8hR?\x17\t\xca\x89v\xd1\x8ac\xa1td\xe1\xdd\xdb\xcb|S\xafb=\xbdy_\xd7\xdb\xea\x9dP2\x99jY\xa5\x01\x07\xb6\x194\x1a\x1a\x19\xdd\x03!\xb5|e\xa7mY\xcc\xc9\xc9\xd0\xd2\xe3\xd7\xc5\xbc\xbe\xbd\xc2\xd0\xb8\xaf\xc5vM\xc3yi\xc7\x1a(\x0b5\x99\xed\xdf\xe8\xbfpJ\x8bf]B=;uM@\xc6\xa5\xa0\xb5\xab\xcd{{z\xa6\x88~\xb0\x8f\x86\xc6\x97\x87\xe8\xc4\xd0###\x83\x97\xd3\xb6\xb1\xb3bXV\xcc\xa2\xb6\xd5x\x8c\xb7\x99\x8eRPR\xc3\xcb\xe2\x9c\xa8\xd4\xdd\xa7\xb6EHG\xae,U\x99\x91\x8f\xba\t\x18\xc5\xc4\xd4\xf6\xea\xe1./-\xc3\x0b\x1c\xf2\xe1\xd4\xf0\xd2\xbaY\x1b\x0b!P\xc4\xc9\x89\x9f\xb5\x83pLl\xb7ifc\xd4^o\x8b\x8a\x91\xdc\x90\xa1\xacIx\xae\xbb\xdcnop\x1bF\xb0p\x88\xcf{YP\x9e\x9d\xa15Y\xb0\xc80&lt;\xd38H\xe8\xbd\x9fNr\xcf\xb9fY+H\x97\x90wp\xd4\x96\x82\xaad\x90\xf59`\xaa\xa3\xbd\xd5\x15*\xb2\x10\x1c\x88\x83\x81\xd3lz\x07"o\xc5DP\xaf|\xa6\xd4P`YB&lt;\xb3\x9e\x9c\xcd\xb6\xcb\xf3Hk\xa9\x1a$\x9f &lt;\x92X\x90:c\xc7\xae\x8b\xb5zjg?)+\x06+\x84\xc3s~\xf2c\x81FZ\x89\xde\xa3\x8e\x9c/W}\x88\xbaf}\xae\xbc]g\x7f\x0c/\xefu\x90\x88\x01\x06\x1d\x15MW\x1aX?%p/\xee\x97u\x00\x00 \x00IDATx\xda\xcc\x97MOZ\xfb\x16\xc6\x9b\x1cv\xd8;HH\x081\x08\xe1\x1a\x15\xb4\x10\x08\xa0(\xa0\x80\x8a\r\xc1\xf2\xa2\xd6\x17\x14TH\xf0\x05\xa1\x8a\x82h4M*XOkM\x1bM\xc8-\xb9\x9e\x99zC\x9b\x10M\xae\x03\xd2\x01\xb3\x1b\xe3\xc0D\x87\xde\x91#;&lt;~\x84\xbb\xd6\x7f\xdb\x9e\xf3\x01\xdc\xb6\xab\xba\xe3\xcb\xc0_\x9f\xf5\xacg\xad\xfd\xe4\xc9\x83\x14}_Oh\xfc\xfa\xc9\xafQ\xb4a\xad\x902\xf0x&lt;\x03\xa2\xf1\xe8_\x02\x0c8\xd6\xca\xa5\xd3\xe3\xfd\xfdB*\xb5S\xd8\xdf\xdf\xf9\x05\xc0@\x1d\xc3\xda\x19\xc5P\xa5J\xb9rzZ&gt;+W\xca_\x0bc\x86\xdf\x0c?\x11\x8d\xa6\xabv\xf6\xbf\x1eR|\x86a(\x8aOQL\x94b\x98h\xa5X(\x14\x82\x06\xfa\xe7)\xb5_.Q\x0c\x9f\x0f\\|\xf8G\xc1W\xf8-uxV\xbc*T\xd1?\x87\xca\xb0s|\x18E\x1e&gt;\x95/\xe5\x91\t\xf8(\xe4B\xc9\xca\xc7\xff\xe0\xfd\x0c\xab\xaf\x15\x0fA*\xc4\xa2J%\xc0"b\xf1\xa1\x8fD=\x86\xbaX\x1b{|\xa8\xe0\xfei\x94a\x88B|$!\xf6\x02\xa9\xe0\x93\x88\xc60\x87\x85T\xd5#\xf7\x8f\x0e\x82\xd3\x19\xac{mX{Q\xd1h\x94m"v\xf6\xb4\xb8\xff\x98\xfe\x82\x01\\\xbb)1\xc4G\xc4J\x14\x19\xc0&lt;\xe2Pl\'Y\x9f\xe5\x0f\xafR\x86\xc7K\xf5\xe0U\x19\xac\x84\x81@\xe5I\xff\xa2y\x8a\xc2N\xb2P\x04\x8b\x81a\x88\xe6K\x17k\xbc\xc7\xa2:&gt;)EQ%h \xb4\x8d\xcd\x07\x86\xf5\x19\xf3\x03\x0b\x93\x02~\x19\xbdH=\xd6\x04\x96)\x02\xc5\xfa\x8au8\xff\xbe\x88\xc1\xf8T\xfeG+\x99\xf2\x0e\xfd(\xbeJ\x9dP\xac\xa1\xee\x83\nM\xce0\xac\xbf\xc8\x0cF\xc1Td6)\xd4\xb2rlx\x8c\x0e\xae\x15\xf3\x8c\x85\x0c\xda\xbd@T\x9ep\x81B\x7f\xd9\x1d9\xd99e\xf2\xe7A\x9a\xfb\x0e\x16\xce\x8byK\xf4&gt;\x10\xee\xfb\xf6\xbd\x85\xec\x1a"R\xf2YEQ\xb0\xc3}\xce\xb7\xa3a\xacxZ\xa1(\x0b\xc3\xff\xdb\xd4\xe1\x9fg\x9f\x98\xa5\xd1h\x1e\x8c\x0e\x0f\xec*|R\xd1\x9b1\x8e\xb1\xe8\xdfR\xc4\xee\xcc\x0f\x8f\x03\x89\xe5{!\x92\x05\xbe\xa5\x18\x86\x9dSp\x1d\x16\xb8\x8b[.^\xf0\xb8\xc4\xa0V\x0ci\x94\xc5\x12\x8be\x12\xe1\xbf*\x12N$2\xf0\xb3X\x0c1\xd1Yd\x13\x94\xd7x4\xb7\xd9pJ1\x16\x0b\xf1\x130EB6\x9bN\x8e\xa5\xc7\x87X,\xd7\xeb\xf5~\x9b\xd7\xeb\xf7\xdaB\x11\x02G\xfe\x07\xd4\xd9\x0e\x87\\4o\xec\n\xa60\x86X\xb1L\xe4\xed\xac\xce&lt;\xb9\xe1t:_:\xd9R(\xe0C\xa1v\x8a\x9d\xe2\xc9\r\xb1\xdcf\x0b\xbd\x8d\xc4,(l\xb4\x98\xe2\x8c\x0b\xd6\xf3M\x89M\x00\x0b@\x11*\xc4z\xf9\xbd\x86\xe1c\xf8\xa5\xba\xa1A\xadP\x887&amp;\xcd:\xb3\xd9&lt;\x1b\xb1\xe0\x80Fo8K\t\xdap\x9eg\xbdn\xc9\xbce\xa966\x9c\nd\x19^\x1a\xc6\xe7p\xfb\xd2R;T\x03\x92AK\xe5f\xb3\\\x17!{)\x7f\xc5\x91\xedi\xbaPa\xd8%\x0cT\xb3\xb3\x88\x85R!\xce\xd2\x8f\x9a_\x9a\x9f\xaf\xad\xad\x1564\xb8\x15b\xc02\x9b\xbd\x19b\xfb\x0b\xaeR\x82w\x1ee\x93\xc1\x12\xf9N\x05P\xed\xed\x00\x82\xd5?\xef\xe8\xefw8\xa4\xf0\x040\xa1P\x08\x82\xc1\x1c\x98u\xa1\x18\xc5\xaeFN\xb8\xe8\xaa\x0b6\xda\xd1X\xb6Y\x1bP\xa9\x87\tU?\x16\xf0,,HD\x02Q  \x91\xb4\xb6655i\xd0br9`a\xe3\xf3\xfb\xdc`\xf1\xc6\xce\xc8n\xb1d2\x91Y\x0c\x06\xa0z9&lt;?\x0f4R\xa9\xc3\xe1\xd8E*\x89\x08J\xab\r\x04\xec\xad\x9dM\xc4`0\x91a\x0b\xde\xd5\xe7\xdc\xcc"m(\xe2\xb6\x81\xb4\x82\x1e\xdat\xe6\rpU{\xadc\xc1x_\xc9\xa4\xd1(\x10\t\x1a\x1b\x05\x8dS@f\xb7w\n\xc9H\xcau\t\xdcU\xcci\x90\x13\xb9x\x7f\xc3\xb2\x11c\xb5\xd7\xd6\xd6/\x18eJ\x99L\x96\x94%?$\x93J\x99\xa0\xd1\xd4\xd8\xd8\xdd=\xd58\x15\xb0\xdb\x9b\xee\xb9\xd8.\x96\xb8\xe9"/x\xca\xf60\x12\x01\xbb\x9b7\x9c\xa0\x95\xb5^\x9aT\xf6\xf5)e&amp;\x93R9=RSm2u\x9b\x1aM&amp;\xd3\xef\xbd\xbdZ\xbb\xb5\xa5\x96py3\xc4\\W\xdcxk\xa7\xccb\xb1\x91%V\x0ccD\xcdc\x17E"\x81L\xd97\xf2\xfc)b\x01\xd7T#Pi\x03v+\xda\xcb)\xf6\x87\x11+\xfa\x95\x93\xa3\x9e\xb7VA*X\x84h-9\xec\x194\x17\xa6C\xbfta\x01\xac\xa54\xd5t\x03Uw7@\xf5\x12\xd7\xf7t\n\xd5jX\x94!b.n\x92\x8b\xb7v\xc8\xb0X\xb3\x88%v:\xd5\r\xc3D\xb1\xa5y\xc7.\x9a^f\x92\t\x04"\x89\xc4\x0e\xd5\xda\nP\x9d8\x8db\xbd\xdeK\xccU\xde\xe1B.\xde~\tO\x99\xcc\xdb\xd9\x104Q.V \x15\xe6\x16\x08\x061\xba\x904*M2\xe3\x82\xa3\x7f\x9e\xe4|\xad\x10\xa2\xab\tBU,\xd6\xfb\x89\xb9*\x05\x9a\x8b|\xb8\xa2\x88XoQ,\xb3\x18\x9a\xd8\x80J\x01\xc0|\x0b\xa4)t1)3\xee:\x80ii\x89`\x01\x97P#lP\x88\xf5^b\xae&lt;\x17\xd7 o\xec\x06\x8f,\xc4\xb2\xd9\x88\xe5\xd5\xb0y\x96jA\xaa\xfa\xfaz0&gt;\xa6\x04\x88\x85U\xef\x90\xb6\xd6\xb7\xb0ji !\xf4\trx\x9dW=|\x17\r\xc13\xbc8\xf1\xf4\xd3\xe9\xee\x9b\x88\xa6Z\xd8\xed\xdf\x855\xb8\xcb\xc6\xea.\x86\xfd\x02$}@\x02\xde\x02,XA\xc4\xf3\x88U\x1c{x,^\xea\x04\xa0`\xf1\x84\xfc~\x00\x93#\x15\xb4\xeeC\xdf\x07\x8cw#\xcc\xe2.8\xac\x1fdK\xcad&amp;%\x84=\xac\x1fX\x8c\x1a\xd2\xc5\x0cr]\x049P+u\x027z8\x11\xf2\x02\x96\xcd,V\xb7\xd7\xf6K\x8d\xb2\xbe\x91\xa1\x91\x91\xe9\xe9\x0fI\\&gt;8\x8f\xc9\xe9\x91\x91\xea\xe7\xcf!Y\xb5\xad\x9d\xd0C8p\xf4\xc0\x95\x803\xe2\x8c\x03,\xde\xcei8\x11\xde\xf4\xfb\xfd:\xdc\xd3\x8a\xf6\x16\xab\x142\xb4ohh\xa8\xae\xae\x8e\xb0A}\x98\x1e\xa9\x1b}\xfatT\xa5Z\xae\xe9n\x0cX\xf1 \x84\x84\x80\x0b?la\xb8\xc0z\xb2s\xb2\xb9\x99K\xbb\xe0\x15\x02&amp;Q\xac\x16Z[\x03\x82\xa9\xb9j\xc2\xd0\xd6\xd66Z74::T7\xfabpP\xa5Rm\xa9&gt;~\\\x9c\xeb\xb57\xc19H\xb0\xf4\x9b1\x8a\x8b&amp;\xd2\xa9\x93\\.{\x94vym\xb3^\xaf^/\x1e\xd0h:z|s5OU\x83l\xad\xae\x0e\x0en\xaf\xae\xae\xbey\xf7\xe6\xdd\xbb\xad\xad\x8f\xaf\x96\x17\xb5=M\x1a\xf7\x04\xbe\x10\xc9\xbd\xdc`\x81Z\xb9\xdbKOV\x0f\xefZX\xafs\xb9\x9c+\x9d\x8d7\x8f/\xaa\x00l{p\xf5\xcd\x8f\x02\xaa\xff\xbe\xfa\xb4&gt;&gt;\xee{\xa6q\xbb\'\xf4r1`\x85-\x1ca\xdd^\x1ex\xba\\^x\xcd\xcaD\x12\x9b\x89\x044\x15*\xeb\x19\x9f[\x1e\xdc\xde~\xf3?B\xb4\xa5\xdaz\xb5\xb77&gt;s\x94\xbd]YI\xa7\xd3.\x97\x0b\xb4\x02\xacD\xb4\xc8\x05V\xea\xfa\xe8\x80\xc5\x8aDP+\xe0\n\x87\x11-\x1do\x9eSA\xfb\x88P\x1f\xd7\xd7\xd7g\xb2++\xb9\xdc\xdd\xe6\xe6\xdd\n\x94\xdf\x8fT~\x98\xc5"\'\xde\xba\xbe&lt;88r\xad\x00\x96M?\x10\xf7\xc4\xb3\xe9\xdck@K\xe4\x06\xba|\xd5m/\xb6\t\xd6\xa2\xaf9\x9e\x85\x1fo\xc2/6s\x88\xb5\xa2\xf7\xeb\xfc\x80\xb5\x19\xe6\x04+\xf8\xf9\xe0\xe0 \x9b^Y\xf1z\':\xb5s\xcb\xcb\x8b\x8b\xeb\xcd\xf1\x01\x97\xde5\xa0\xe9\x94\x8d\xd4\xbdX}\xb3\xba\xba]\xe3\xeb\xf0\x00.T.\xed\xd9\xdb\xdb\x9b\x89\x0f\x80^~\xbd\xdf\x1b\n\x9f\xa58\xc1\xba&gt;\xb8L\x83\xcb\' \x1cDsC\xcb\xd5\xd5\x8b\xaf^\xad7k\xdc\x9a\xa6Nir\xba\r\xa7p\xf0\xe9\x94\xcf\xd7\xdc\x11\xef\x8a7k\x17\xff\xb9\xf5n\xeb\xe3b@\xa3\xf7B\x04s\x84\xc5\x0b~\xb9&gt;\xf0\xb8\\G\x1e\x8dPh\r\xc8\xa6z\xb5&gt;\xed88\xc9\xd7\x01\xd3\xd6\xde\xff\xa1\x0e\xfc58T-\x08\x04|&gt;\x9fV;5W\xa3\xda\xdaR-W+EV\xb1\x17\xd2\x8eC\xac\xac+\x1d\x8f\xc3Y\xd0\xd2\xe2vk\xba\xba\x8e&lt;3\xe3\xbe\xe6\xe6N\xb7\xd3\xb9d\x1c\x19j\xdb\x1e\x9d\x16H\xec\x01\x90\x0b.\xc0\x1e\x80\xfb\xbd\xa6\x06^;$\xb5r/\xa8\x95\xf8\x93\x13o}\x81\x1eBP=#7\x94\x1c,\x1c\x0b\xdf\xe5\x8ef \r:\x9d\x93/\xa5\xca\x91\xba\xb6\xba&gt;\x11\xdc\xa6\xc0\xa4\x19\x98\x98\x18\xf0\xcct\xf4\xd8\x052\x91\xa4E\xe1\xd7{C\x9b\xd7\x0f\x8fE\xf3\xc6\xfe\x83X]q\x8d\xbbA\xae\xf3G\xc2\xd1R\xa5T&gt;\xbc\xbe\xf4\xec}\x1aWOn,-\xc8`/\xcaD\x01m\xab\xb5\xd3\xbd\x82\xd0\x90\x1d\x1aa\x93T"mq\xa3\xe5C_\x1f\xfc\xb0\xa1\x01\xeb\xdb\xe5Q\xb6\xcb\xa3\xd1\xb8\x15\xb6H,|{\x17.\xe5\xef.\xfe\xf5\xed@3\xaeU\x9b\'\x87w\x93\xa6n\x91Q\xa2\xed\xb56\xb9\x8fnN\x0eK\x95\xbc%\xfcz\xc2\xed\xb6\xd6[\x85\x13\xa8\xd6\xb7\x07&gt;\x03i\xba*UU\xf5o\xc0\x82\xbeh\xd4\xf2\x88%\x16\xba]\xc9d2\x877_\xde\x8fwh\x84\x93\x80\xe50\x9a\xba\x8d\x0e\xa9\xd4\xde\xa3\x99\xf9\xfcG\xf1.\x96\x8fUN\x13\x11\xbd[\x08o\x1bn\xc4z\xe0\xa3\x99\xe6\xa5&gt;g\xff,|;:\x82\x14\x05\xb1\xe4pCxa\xe8\xf5i\xcf\xfb\xf7\x9f\xf6&gt;=\x13\xcb\t\x96\xb2\xdb\xd8\x0f\xe7\xb2P\xad\xe98\xb8|\x1d\x0eGn\xff\xcf\xbb\xd9\xb4&amp;\xb2fq|\x16.\x84\xeaB\x10),\x83H\x97\xefRM\xda*+A\x8d\xaf%\xa2&amp;&amp;j__\xd2\xad2\x0b5\xa3c|I\x9c^\x18!\xf6\x9d\x8eIl\rq\xa3\x83\xa3Y\xd8t\xa0\x93\xc5\x1d\xc8ZH\x84|\x84\xd0\x90/0\x9f\xa0\xf7s\x1e\xe7\x0e\xf7\x0bT\xe6\xa0\x82\xb5\xf1\xc79\xe7\xf9\x9fs\x9e\xe7\xf1_\xc7\x7f\xf9\xdb\x1b\x13\x97t\xf8\xa08\x1c\xffS$\x12\x0b\xb8\x11!~u\xe3\x96n\x1c\x7f\xfc\xf6\xed\xd0\xed6\xe9\x03h\xbc0\xaa\xf5h\xb15\xbb\xa3Q\xd3\'\x85!\xbb~y\xa9\xb0T\x9d\x11\x8a\xe3y;\xcf\xf8\xdc\xdf&gt;\x1dF3+o\xf66\x8c.\x87\xc3\x94\xd9\xfe\xf0\xeb?D\xbb\x07B\xa6\xd7\xfb\xcdS\xa5w\xb1\xf7\xe9\x9b\xdb\r\x8anR\x83D\xa8\xac\x8ed\x12M\x84\xe10o\x94\xae\xb7\xe3\xd0\xd6W5X%\x12\xe1\xe0\t\x0f\xcfG\xa3t\xd8!\xa7X\x95\x9e\xe7]\x01\x84\xf5\xdb\xd1\xf7\xcd\xef\x07B\xedD\x88\xc5_2{\xeb\xde\xf6\x06`E3 \xe9\x1c\x8c:V\x8a\x82\xe9\x86s\xd0A^\xadlg\xcb64\xc2*0h\xe8Y\x8e\xa6\x1d&lt;\x1f\xee\xb4Z\xb5"&amp;\x93,%\x03y\xeb\xc37\xc6\x16\xcfN\x84J0\xf1\x9f\x8e2\x8bE6\xa0,m\x82\x1a\x99x\xf8%\x0c\x19\xcc7XNG\xc5\xcb\xe5v\xd6\x1b\x87)\xa8\x02\xed|%\xb2\xef\x94\xe8\x8a\x1dT\x03\x82A\x1d\x86i&lt;\x1e\x89\x83\x87\xa6kc#^\x91\xd4\xdbwB-G\xb1\x18ay\xc3\x854`\x05\\2\x0c:\xf8\x1d\x8dB\xa1\xd1h,:\xcaf+\xb7\xdb\xd9v\x19\xb8"\xcb!\x11\xc6!\xccB^\xd4\xc0H\x92\x0c\x19R\x86\x1d\x8c\x03\xac\xadm\xb9N\xee\x8c\\\xbf\x15\t\xe6-\xe9b\xdd\x8b3\x83\x82;c\xa2$\x9a|~\xe7\xbf\xa6\x90\xe3ju\x1c\x9c\x95m\xb7\xcb\xf5z=\x02\x83~$\x12\xa9`:\x8f\xa7\xd6j4.\xb4)C*\xb5\xf6\x8b\x823\x01\x96RV\xd9\xaf\x98\x85\xc3\x12\x1f\xf9\x17\xf0\xc3\x81A\xda\x1d0\xc91M&gt;\x01\x8e\x82&lt;\x92\xb3j#`!\xae\xb67\x0eS\xec\xe5e\x04aA\x14=\x1d].g\xf1\x90!\xb0\xd7\xa1\x1d\x89&gt;\xb3\xbam\xb4V\x9d\xb2\xeaD(,\x91\xf8\x8b\x1fR\xde\xebM\x7f-\x05\x96\xde\x82\x91\x15\x93YUj\xb5ME\xc9\xe5\x912\xc4\xb0\\\xbf\xacV\xfb\xfd\xcb\xe5&amp;*`yt\x18$\x96\xce\xa2\xd1$PM\xe2\xa0\xfcH\xe5y\'\xa6\x9b\x88\x04\xf3\xd6\x81\xfbt\x1d\x8f\xb7\x0b\x83\x82\t\xa7d\x90T\xa8\xfc\xaa\xe3\xaaH\x05\xe6\xc2j&lt;\x9b-\x97\xe3\xfb\x97\xd5\xfctZ\x05,3A\x12\x90U\x1e\x9d\x0e\x81\xe9&lt;\x89\xc4\x0eF\x01\x96\xd2\xdc\xbf\x0c\xea\xc6\x82\t\xaah7\xbd\xd7\xc6\xbd\xd9\xcdn\xda\xa4\xa7d\x98B!\x8b\xd4U\xaa\x889?\x9bN\xf3\xf5uX\x87\xf1z\xe4\xb2?\x8d\x9dO\xcdl\x9d\xb2\xc0\xe8\x98J\x85\x08\x0bZ\x17\x04A",\xf5\xea\xb6\x1a\x9c)\x97\x1c\t\x86\x05*\xbf0B\x93\x00X&gt;\xbdU&amp;\x93Q\xaa\xe5fn\xbe\xd7\xeb%\xac\xd9u\x10-\xb4\x1b\xd1\xfb\xfc\xf3\xe9s\x9eR\xe1\x94E3K\xc5\xcec\xbf\xcc\x12\x16\x85\xc7\x82\x96\xad\x15_\xdd\xc6\xf3\x06I$(\xdc\xa9\x81\xe8\xed$k\xcc.\xbc\xbe\xee\xc0\xaew\x81\x96\xb2\xe0\xaa\n\xc4\xac\xd7\x9b\x9a\xcbY\xa5J\x0e*F\xc4\x80\xea\xe9gJ!\x93[%\xe6\xea\xacw~\x1e[K\x85\x12\x1e\r\xa6\xb1\xc0\x92]]\xa1\x88\xb3\xda\xfe\xa3pGRb\xd1\x91Q\xb9\xd8\xcb\x9a\x06\xdd\x82\x9e\xb5Z\xad,\xcb:\x97T\xb1\x9e3\x9b\xb5\xc9r$f&amp;\xd6`\xf4y\xfe\x1c\x0b\x11\x1e\x89\xa4j\xeeOQk\x7f\x1eK%4\x98B#\xa1l+~l\xe7\xdd\x85\xf3V\xc0\xa2(:(x\x17\xa7\xd9\xc0\x00\xba\x18\x97\x8bU\xb1,$\xfb\xac\xf7?,\xacX\xc3\xe4\x8a\xd7\xaf_C\xe0\xd6^k\xb5\x04\xa6\xe9\xf7g1\xc4\x05\xdf\xf3\nX \x94z%\xa0\xd8\xf9E\x9b\x9c\x08\xd8\xdc\x88\xde\x7f7\xee\xfdyO\x99\x06,\xb4\xc3\xa7b\x9d\x15p\xd6\x14\xb0\xccq\xaf\x92\xb7\x07\xa0&amp;\x11\x06\r\xb1f \xc9\x0b\xad\xc7\x92\xc8\xcf \x8a\x08\xab\x07X\x12\x88\xabzU\xaf\xe8\xf7\x1b\x9d#\x01\xcf\x0cD\xbb7\xa6\x95\xd3\xd3=\xc8yF\x0f\x83\x0f\x1b1\x9b\xfb\xb0\nc\xb1\x04h*\x0b\xfd\x01\xaa\x95M\x06f1\x97\xc9\x14.j\xb5\xd3)0\xc7\x10\xd64_5\xcbA\xe3VyE\xe5R7\x9c\x0b\xd8\xd8\x88\xdf^\xa3\x83\xe8\xd3C\xc0r\x01\x17KU`\x1d\xcez\xb1\x10\x04\xc8\x8cI\xe4\xae@\x80i\xa6\x0b\xcd\x11\x03CE\xed\xdd\xbbXj\x06\x99w\xbe\xc4Jh$rV\x1fXu`\xf5\x08\xf6(l;?\xf6\xef)\x03\xeb\x99\xee\xe0w,\'J\xae\xd8\x1a\x08SE\x0ef\xd5\xeb\x83\'`\x9f[\xcd\x1ai\x08\xa5R\xa9\x04\xa4\xde\xef\xde\xea\x9b\x9d*&lt;\xe0w\xd9\xca\xf2\xe4\xb5\xa0\xc7d\xe2\x83\xc2\xbaT\xda6\x02\x96\xdde\xd2[\xe5\xd4~\x05\xd4\x13\x86@\x19\xab\xd7\x9b\x02\xd2\x8c\x89\x19\x9d\x0c\xa1S-0t0\xe7\t\x85\x12\xc8\x99`\xbd\x19\x04\xd1\x89\xab\x8d+^\xdc\xc5\xa7\xc7\x82\x1eG\x89\xde\xde(\xbdRof0(\xd8\xf5\x80E\x81B\xf4\xd7\xb4\x96\xa2\x04\x97noml|\xd8\xf2\x97\x06\xad\x11s\x989tC\x18\x83\x16\x82 \x12\xa9s\xa0\x9a\xce\xc0Y\x11\x9bZ\x99q\xe4\x18\xd3@\xe0\x03~\xf1\x9d\x17\xba\xaaU\x10.\xbb\xcf\xa5W\x81r\xc9\xf3k\x8db\xd1\xb4\xf5ack;\x1a01\xcd\x1a\x1d\x86\x0e&gt;Z\x8a\xfa\xfd&gt;\x9e.\x16s\xc4\xbb\xf3\xb5\xe9,\x0f\r\xeb&gt;`\x05\x88\x1d\xda~\xf3V\xe0A\xf1\xae\xbdx\xb3XA\xc2e\xb7\x83B\xe0*YBK\xd4\x98\xed\x0f\xab&gt;G\x92\xa6s9\xa2A\xb6ZC\xb4W\xe2\x8e\xba\xfdQ&amp;\x18\xcc\xa5\xce\xd7f\x89~\xc5\x19Q\xa9mRS\x88,6\x85\x8d!4\x11\x13\xe3bo/\xd3\x05o\xd9}\xb8\r4B\x122\x14\x19\xffv\x94\xa1\xe90\xea\x8f\xe9Nm\xf8\xf88\x1c\xb6j\x90a\xeem\xbf\x9bI\x17\xb5\xa9|\xbe\xbft\x16.\r\x90\x17\xc5\xe6\x91\xb0X"\xf1n\xd7\xdb\xf6\xea\xff\xc0\xc2%\x86\x1a\x13\xf5G7\x19\xc6\x0e\xd9D\x07;\x9dQ\x0b\xa0F\x1d\xb0Qs\xf3\xf0\xd7\x8f%\xba\xa1\x85*}\xb9__b\xe5H\x9d\xd0X\xa8,vy\xd6\xd5\x85 \xfa|\xa0\xf3x\x1d3\xd0\xee\xc3\xd2\xe6f\xc9\x07O|K\xb0\x11@\x81\xeb\xc2a\x07\x93.|:&gt;.\xe5\xb4\x84\xd9\xec\x84\x1e\xc8\x86KyX\xa1\xa3\x03\xc1\xcf\x85E\xf3\xc9\xf5\xf5\x1d\xe8\xe9\x92\xcb\x86c5\xfba\xa9PrG\x99\xe1\xd5\xc5\xd5\xd5\xd9\xed\xed\xf2}5l\r\xc3\xbe\x80\xbbP\xf8\xf8\xd7\xc3p\x83\x94\xc9\x9c6\x96\xc5q/M&amp;-\xb7\xc2\xdfB\x15\x8bE"\xd1\xf8q\xb0\\\x8a\xe0\xaed\x91)\xa57!\xbd\x9b?\x9f\xa1\xa3y\xba\xbf\x7fx\x98\xdf?=&lt;&lt;=\xdc\x8e\x98\xcc\xb6\xdf\xffw?S\x0c\xc9\xe4\x11\x9b\x15j\x8f\xb2y2\xbc\x9e\xbf\xc0\x9d\x03\xf4\xc7\x81\xfb\x9bn\x01\x04\x15\xdc\xa5v\x14\x9bM\x98\xd0\xa2\x83\x13`z\x00\xa4\xf9\xfd\xfd|\xfe\x00p\x0fO\x93\xdb\xaf\xc7[\xfe\x8f~_0$\xa1(\x15\xbcl_\xc7\xf7\xf3W/t+I&lt;\xbf\x1dB\x14\xedv\x88"Wl\xb5\xe8p\xe9S\x17\xb0\x10\xcc\x1clw~?\xbfG_\xc6\xdf\xfd~\x08p\xb8\x18\xc2\xe4\x94\n\xbce\xbb\xdb\x15\xbd\xd8U)\xd1\xee\xf5\xe3\x08\xdce\xf7\xe9\xd5\x1cah\x04Q\xa2\x85\x87\'\x93\xf1d|\x7f\x7f\x04L\xe3\xa3\xa3\xf1xr}\x93\xf6\xd9\x9b\x8c\xbdC\x92\xb4\x83b9\x8au\x8d_\xf0^\x99\xe8\xd5\xe4\xb1\x9bF[\xa3z\\F\xbe\xd3\xe6\x1c\xf6MH5\x8e\x1euZggg\xb7\xd7\xb7?\x1e\xcfZ?ta\x87\x83\t7\xc3\\KKH8+TPU\xfa\xcb\x0b^!\x06\x99\x00\xac4\xc3\xf0.^Bj\r9\x9a\xf7!\xd5Jb\x16\xcb\x0f\xb0\xab\x0b\xf4\xf9C\x07*\xe1\x08\x07\xe9\xe0\x85\xb6(\xe3\xac\x9c\xcc\x8a\x7f\xdf}\xc9\x9b\xcd\xe2\x83\x9b\xee\x00q1|\x90l\x18,\x12\x87\xdd\xc7\x84\xe9\x0e(\x04\xb23d\xc0\x86\xd4+\x98\xd3A;\xa8\xe3\x00\x8bc\xed\x93\x17\xbd\xb3(z\x7f\x87\xb0\xc2\x0c\xc3\xd1\x04\x9aP\x93\xe0\xaep\xa7\x85\x80\xce\xcf\x9e\x9f\x9f\x7f\xfe|&gt;\xbb\x02,:\x99#\x88\x86\x96\xa4\x01\x8b\xb2\xe2\x83\xf7\xff\',\x9e\xd3y\x8a\xb9\\\x90s\xb9\x00\xeb\x0fo\xdd"w\xb5\x82\x0e\xbaH\x90\x8dF\xce\xc19 \xe1M\xff~\xd9\x7f\xd7@S?H\x17\ni\x86\xe7]\x8e`P\x17\xa4e\x1c\xc7\xd1\xb9\xda\xc5\xc9\xd5\xc9\xc9\x19\xf2\xd7\xf3\xf3\xd9\xf0?\xbc\x9ckL\x93i\x16\xc7\'\x91\x90&amp;\xa5\xfb\xee6M\xb7\x17\xdab[ZZZ\xcbR\xb0\x96\xcb\xf6\x02)\xbd@MA-\x88\x15\xb6[\xb9\x9a\xb5\xb1\xd0I\x19[,$\x98\x8d\x19\xfa\xc1\x89\xd2\xe0\xee\xba\x8a\xd7\x9d\x15\x18\x85\x99h\xe3|!\xb8$\xea\x88~\x19\xb31\xba\x98\xe8f\xbe8\x1a\x92\x19?l\xb2\xff\xf3\xc2\xce|\xd9\x9d\x9d\x0b\xf8\x16\x02$$\xfc\xf8?\xff\xe7\xbc\xe7&lt;\xef9\x1d\x0b\x1az\xe9\x10Il\xa8\x03\x96\x95\xe7;\xbe\xd9X\x97\xbb\xba|]\x14#l\x95\xc1\xa0\x87\x1b\x0c2L\x10\x89\x8dg(\x8a\xb4\x06\x172\xe7\x93c\x86\x88P\xec\xf5b\x91+mXD\xb3\xee\xfe\xdew\xde\xd9d,_\x97\x0f\x17B*\x84\x08\x06\x83\x02\xc9N\xa10B\rHC\xfb\xf6\xd1\xc7)\xe4\x10\xd1\x92\x12@\x89\xa3A\x9b\r\xb2\xf2\xf8\xf77y\x82\x85\xd3v\xa5k\x9f\x8fM\x1bX\xaeZ\x91H\xb2s\x8fw\xebV/r\xc0\xa1!\xd8\xee\xc8\xa9S\x03\x91\x92\xed\xad\xe0rx\x10\xd3\xea\xb4\xfa\x90\xe9\xdcf\x0f\xd6\xb4]\xc1\x12~\xcbUi\x15I\xf6\xec\xd9\xb5u{ssK\xcb@4zjh\xbc\xa5\xb8\x18\x85\x0faE\x0c\xd5\xf5u\xd5\xf5!W\xe8\xd1&amp;\xb7\x80C-\x1f\xb8\xfa\xec}}\x00\xb3\xd5Y\xcd\x84\x85\x9a\x90\xad\xec\xc7\xc7\x8b\xc7[\xde}\xf7\xf7-\xcdP\x0bb\x95\xd7\xd7\xdb\xea\xdd\xa6P\xe8r\xc1&amp;\x8f\x89\xb4]\xf3\xf5\xc1]\xf6&gt;\xbb\xbd\x0f\x7fT\xabU\x1eR\xef9{\xf6\x0f\x90\xab\x19:\x01j\xed@d\xbb7\xe2i\xaa\xae\xd7\xeb\xdd.\x97^\xb7\xd9X\x1c`\x01\xc8\xd7\x97N\x07\x88K\xcb\xb3r\xd5\xd4-r\xf6\xc0\xd9\xd6\xd6bp5\xb7\x10\x95\xb7U\xe81\x94\xd7\xeb\xed\x01\x97\xc9\xadu\xbf\x05\xb5\xba\x02!\x80\xd9\x03,\x17\xfb8X\xfd\xfe\xa1\xf7\xd5\xea=\xad\xc5\xcd\x7f$\xb4\xe6bPy=\xb8\xa1\xa3&lt;s\xb9\xdc\xdaz\xd5\x95\xcdW\xab\xcb\x1e\n\x85\xec\xf4\x98%`\xb7\xeb\xf5\xf56\x81Dr\xe8\xfd\x03\x07\xbc\xc5-x\x01\xccKg\xf1\x0eCS\xb5\xddn\'*-O\xf76\xb0\xfa\x02R\x13\x04K\xb3`\x01\x94\xd8\\\xc9\xaf`0ok\xeb\x00,? \xae\xa8\xa0\xf0^\x8eR\xd6\x1er\x05\xb4\xc8\x81do\x01\xcb\xd7g\x97\x1a\xa5.H\x95\x8e\xa5\xd3\xf8\xaa\x15q\x05\xcc\xce]^\xef\x80#:.\x16Wh*\xc4\x0e\xf8\xaa/\x8d\x15\x04\x95\xcd\xc6s^{\x0b\xde\xb2\x07LF\xa3\xd1\x14\x8a\x05\xd2\xe9X\x1c\x7f\xda&amp;\x10\t\xa0P\xc9xt,\x1a\x89:z\x1dc\x86r_\xcc\x15\x8b\xb9\x02\xf5uuV+\x8f\x7f\xad`\xf3f\x0b\xd8*\xa3\xed\xda&gt;\xbbK\n\xac\x1a\x8b\xc9\x15H\xbb\x1a\xe3q\x7fH_\x17\xd4\xf4\x96\x8c\x8f\x0f\x1c\x89z\xc6\x06\xa2CM&gt;{lx\x84J\x0c\x04\\\xa5Y\xc5\xbf\xbc\xb7\xa0l\x13\x1e\xeas\xd81e\x9aK\xa6\x00a\xb2X\x88\xcbhr\xc5\\\xc3#\xc3\xa8q\xec\xe5\x06\x8f\x18\xc6\x1a?\xb9o\xe8\xe4)\xdf\xf9tlx4\xee\n\x11Um\xa5B\xb7\xff\xe5\xe4d.\xbc\xe15"p\xca\xf6\x1e&gt;\x9ex/\x91\x98\xb8\xec\x0b\x98h\xc8\x02\\5~\x93\xcb\xdf\xdf\xdf\x0ea\x02\xd5\xc8d \xd6P_\xd7PS:\xee\x1a\xee\x18\x8d\x07X*\x81\x92\x07\xac\xc7w\x97\x1e\xcf\xc97\xf0y0\'\xafl\xcb\xde\xd4\xc4\xf4\x8b\xe5\x1b\xecu\xce\x17\xe0[,\x16)+\x98\xdf\xe4\xa7v\xa9\xf6\xe18\xe9\x15\x1d\xdaW\x8e\xea\xff\xfc\xc8p\x7fO?K\x85\x04Cd\xe5\xb9\xa5/\x97\xa6&gt;\xb9\xfb8\xbbe\xc3\xb8\xf2\xda\xc2\x89\xc4\xe4\xe4\xf4\xf2\xd3K/\x9f\x82\xea\xd1\xf9\xf3!\x9a\xb0\xd8\xcf\x07\x18\xf4\xf2\x0f\x8f\x8eR\xbb\xd4H\xa0\xaf\x1c\xb7\xf0t,\x16\x1f\xee\xe8\x18d\xa9Pyh\x18\x81R\xa1\xe2\xcf\\\xff\xeb\xadO\x96r\xe1\r{\xf0Z\x90Jd\xb3s\xb9\xe9\xe5\x973\xd7_\xde\xb8q\xe9y&lt;f\x92\x12\x15\x8d\r\x80\xab\xb1\x91\xc6\x8c\x06\x07\xfb\x87]\xe94uN\x81\xb2g\xb0\x1dT\xd5\xb5\xb5\x8cF\x13\x14(\xcd&lt;~\xfc\xd6o?\xb8u7\x97\xcd\xdf\xa0$5\xefp"\x8bWnzifj\xea\xf6\xd3\xa7\xcf\x07\x87\xfd~\x12\xcb\xe9t\xaeqQ\xabQ?\xe4\x19%\xf3\xd3\xa0VOG\xffH\x88\xd5\nbq\x19\x16\xab\xb1c\xc7\x8e\x0ff&amp;\xb3\xe1\x8d\x89\x13\x9c\xb2\xe3\xa9L6\x9b\xcb=\xbe45:u\xfb\xd2L\xff`{\x8d\xd1"\xdd\xcf\xa7\xe9\'\x1dq\x19\xfdR\x93\xc9\xdfH\r\x83\xa0\xeb\x81l\xf1\x80\x1e\xf7\xa4\xca \x8d?0\x8c@d\xe6\xc9\x1a\xdb\x07w\xec\xb8&gt;\x99\xcdl\xd9\x10\xb98\x05\x89T\x18X\x17\x97o\x7f9:533:8\xd8\xde]c\x91\xf2\x9d\x80\xa2\xd6M\xcbz\x1b\xb1\xdb\xad\xd3\x85\\\xf1x\xdc\x15\xa0\xf3.="\x19Qq\xb9AT\xd4*\x19T\xed\x01V&amp;\x9b\xda\x18w\xb5M\x00k.\xf7x\xe9z\xff\x97SS\xfd\x9d\x83\x9d555k\xfd\xcct$\xb8\xce%\xd3k\xeb\x90A7\xd5\x96\xd3\x85\x84\x14\xc6\xd2\xe0RC.Q%\xb0\xfcFc\'aer\x1b\xc2\xc5\xd9\xbb\x8eui\n\xdb\xad\xb3s\x1d\x8b\xef\x84V\n\x85\xc2\xacu\xd3\x80\x11_\xa7\xb7\x05=cQj2\xa0\x93\xc0:[]\xadA\x13\x89\xa8+\xe8)-\xd4\xd2\xe1&amp;zl\xc7L\x0eX\x17\xfe\xbc\x11\xcbHX\x99\xb9I\x88\xd5\x81\xb8\xd9~\xac\xb3\x93\x9a\xd2\x8f\xcat\xbb\xab\x14f\xabRI\\\xb4\x86\xb6`\xe4\xc8\x91\xb11\x1av04\xd5"`yhV\xa4B\xcd\x15\xb0X&amp;`\xf5\\\xcaf2\xd9\x85\x0b\xc9\x9f\xfcF\x11\x9c\xbc\xc3\x13\x89p8\xbb4\x83]\xd6\xde^S\xd3\r,j\x95w\xcaT&lt;\x9aZ\x11)\xb5:&gt;_\xe6\xd6\xa3\x96\x8d\x1e\x19\x83b\x11\x8f\xa1\x16\x95\xb4GCP\xb4\x11EVE\x95\x9b\xef\x97vv,g\xc2\x99\xcc\xc2\xeb\x8b\xf3\xc9\xb2\x9fv\xd4\x95W\xf6\x1e\xb0\x92\x99\xa5\xe7\xc0\xaai4Z\x8c\xc7:\xbb\x8d\xac\xe1\xb1\x86V\x91\x00\xdbL\x85=\xe9\xe6\xd9*\r\xbd\xd1ho/\xa8\x0c\x88\x0c\x9e\n\x87\x10\\\xac\xb5\xac\n\x05O&amp;5\xf6LM\x86\x93\xe1\xcc\x857\x17\x17\x17\xe7\x11\xef\x7f\xf4\xfb~\xd0\xdb\x05\\\x98H\xa4\x92\xc9\xc9\x99\x91\xc6\xc6F\xa3\xf4\xe8\xfen`\xadmC\x9eB)\x120\x02+\x8f\xbe\xd7Z+\x830S\xaf\xa37\xd2\xeb1x4\x1a\x87\x90\xb0\xb8\\\x81\x12\x19\x84\x19\xb7\x9f\xee\x9e\xdb\x89$\xb0fO\xcc^-*z\xf0\xd9\x1d\xf9\x8f\xeb\x99\xc2\xbdP\x9e{\xf1\x1aX\xe1\x86\xf0R\x1cXR\xe7Ag\xcd1\x18\x1eZ\xa9\xaa\xa8\x03\xe2w\x0c#R\xe8t\n\xabU\xc4h*\x84\xe2\x81b\xa4\x81\xbd\x11\xecA\xfc \xac\xe02\\\x01=&gt;SjU\xfcc\x1d7\xf0\xff%\x81\xb5p\xe7^QQ\xe1\xbdEv-\x7f\xf0\r\xba |qu\xf5\xef\xcfN\x13VC\xee~\xa3\xdf\xcf?\xb8\xfb\xa0\xf1X\xb7\xd4\t*\x1ea\xfd\x1aX\x02kU\x95\x19\xb2\xa9w\xee\xa2\xc2\x87\xba\xe4\x91\x9e:\x1cb\xb1PC\xb1\x94\x14U\x9a\xf5\xb2\xce\xa9\xe9\xb0\x1cr\xcd\x9ex=\xf7\x00X\x85\x85\xf7\x1e\xccg\xf2a2\xce\x0f\x81\xca\xcc\xaf\xae\xfck\xf5\xca\x17\x7f\x01V\xb2!9\x1d\x93\xd2\x14\xd4\xee\xfd\xdd\xdd\x16\x99[U\xa5\xe0)\xccp&lt;\xc3e\x94\x88\x13\xd4\x0c$De\xdd\xd2R\\2 \xac\xc0&amp;\x14\n\x85\x15\x08\xa7H[\xd98\xaf\x95u\xbeL$Y\xac\'\xaf\xb3\x8b,Vaa\xd1\xbd\xabs\xf2\xef\xfd\xe62y\x9c\xb2\xb9\xaf\x1e\x9cy\xb5\xb2\xb2\xba\xf0\xe4\x19\x99\xab!\x99\xba\x11\x92a\xf7\xf1\x9c\xdd5R\x99\xaa\x8a\x07\x1b\x03K\xc0\x950\x95f\x85U \xd9\xb9\x0b\x05\x7f\x0b\x8a\xc4\x92\x12\xa1Z\xa3ag\xa3"\\&amp;(`h\x1eI\xa9\x90\x8d.\xa7\x92ry2\xbcp\x93\xb0\nKKK\xc1U\xca\xae\xe5\xf7\x02\xe3p\n2_}~\xa6\xa8\xa8\xe8\xd5\xca\xea\xec\x89/.\xb0\xab\x98\xcc\x9dc#\xe8A\xa3Q\n\x8b\x9b\xe9R\n\x18\x89\x84+0+\x94\x8c\xe4\x00aA\xad\x96\xed^!\x8d\xb69\xd6\xbc\x05(\x0f\x05\t3\xff\xf9dXNX\x1f\xdd\xfc(\x03\xacm\xdb~\xb3\x8d\xc0\nK\xd7L\xc6\xf9\xbfF\x0f_e\xa1\x8a\n\xcf\xac\xacN\xbe\xf9\xe5\x1bZEyCx\xda\xa7\xd2\xf1\x14U\x16#\xcd\x86X\x95V3\xe2\x03\r\xb4qEf\xa8E\xa7#\xec\xf1\xc8v\xaf\x18B\ta-\x076"\xee\x8a\x11\x88&amp;\xb0\x9a\x1e\xa5\xe4\xf9\x84\xf5\xb7_,dY\xac\xff\x80\xe1\xf3\xc1|\xf8;3}\x98J~\xe7\xc1\x1a\x14^+\x9f_\\xr\xe24a\xc9\x1b2\x97\xf5X\xbc\xaa\xa3F\xbe\x8a\x8d\xeff2:\xc3U#\x90+i\x11\x81EW\t\x80\xa8\xefG\x8c\xc0EX\x9aH\xaf\x84\xcb(b\xd3\r\xf9[\xf2\xe5\r\xa9g\x9f\xcef\xd7\xd5\xc2\xb5\xceU\xb4x\xe7;21Pe\xbf&gt;CTk\x8e\\y\xb5\xfc\xcfg?{\x9d\n\x87\x1b\xc0\x95x\x04,\x15_\xeaT\x81J\xa4\xa4E\xe4r\xd7\x9a\x93\x98o\xb0\xd8\xd36T\x8c\x04\x07\xcfk"\x14\xc0$\x8c\xee\\*\x7f\x0b\xb0\xe4\x1f&gt;\xfc\xd3\xc7\xd8\x89\xebj\x01\x8d&lt;V\n\xf3\x7f\x16\xfe_\x91\x1fR\xcd\xafIE\\\xf8\xfdW+_O\xbc\xfe\xf9\xc3\xd3\xc0\x02Wr\xb2K\xc5C\x8a%S\x99)\xbc[\xad\xf0\x16\xb5\xe3\xa9\x19\x86f\x13\xa9\xa1yk\xeb\xf6V\xaf\xb7\xa4\xa4\x04\\,\x95\x9a\xe2\x97C\xa2\xb4C\xac\x02R\xeb\xe3O\x1f~\xf8-\x16\xe9\xb5\x8d\xe5*,\\\xbc\xf3_kIN\xde\x96\xb9\xc5o\xa0\x08\xab\x14\x9e\xcf\xcd\x9e\xb8\xf9\x0f\n\x11pF\xf8\x85\x8f\'s:e&lt;3\xcd\x03\x8b \x99@\xa2\x16\xeeT\xff\xbbl\xf3\x0bm#\xbd\xa2\xb8f\xb4\x0cf\xa2\x1df:;R\x12\xbcb\r1\x08\x0c\xc1O\x81\xdd\xe7\xaab\xdd\x07\xd3V,\x91\xa0\x0f^\xfa\xe2\xb7E\xf8a\xbc\x8a\xf5\x16\xd8\xd4\x0f\x02\t\x99D\x18\xe4\xa1`\x91F\xb8H\xd4\x16B-Zj\xa5\x08\xc9\xd8%6\xc1E\xfe\x83k\x8b\xf5\x7f\x9a\x1a\x9cl\x92\xdd\xf6\xdc\xfbIN\x96\xde\xc8\xc1J4\xf3\xfd\xbes\xcf=3q\xa4\x9b\xd7n\x8ez\xe9go\xa8\x91\x80\xa0\x1a!o\xd1G(\'&amp;\xbc\xe3_?\xfeSb\xf2\xb0X\x08\xf9C%\xab\x93XY\xed_%\xa5\xc6\x98\x8b:\xc9s\xb9\xba\x90\xfc\xbf\x8bx\xdf\x07\x1f\xf4\xac~Eu\xfb\x93\x17s\xdb\x93\xdfK\xe92\xb0\x14E\xf1\'\x1e\xff\xfccD\xfcg\x9f"\xa7\xe0(\xba\xf8\xdc\x04\x8fwt\xd4\x1b\x0e\xf3\xa7\x90\x02h#\xean p\xc3;\x0e\xe7{\'\x02\x81{O\xb3~\xbf\x13*\x9f\xa4\xffsX\xe8\x04K_.!H\x17\x9e/\x8f1\xd6\x10\x831\xd7\xd0\xb3\x15\xe5\xa7\xe9\xda\xd7\xe7^\xe9J%\x98\xf0X~\xbe\xb6\xf9\xe2\xd5d1g\xee\xc7a.p)\x89\xc7\xbf\xc2\xdd\xf2\x87\x08\x048\xea\xfau\x81\x15\xfeB0\x91Z\xe4\xae\xbb\x04\x86&amp;R\xdd\x08\x0c\xce\xcc\xc7&lt;JHq\xf6\x82A\xe9\xf8d7W\x9eZ\xeb\xdf\xfc\xbeY\\!\xb2\xdb]0\x12\x01\x8b\xae\xae-\xbe\xe70J\x85\x97\xefI5DL\x0b\xf9b\xfd\xcf/6\xf3\x89\xbdj\xad\xe4\x84\xfcp\xac\x93x\xf8\xcf_\xfc\xec\xe3\x0f\xaf\x93\xa5\x88\xeb\xa3\x8f\xae\x8dr\xef\x98\x89\xcc5\x00\xa9\xee\xa2\x91_\x8d\xf3\x1b\xf1\x06\x07\x9ff#0\x95\xe2o\xe6\x82A\xcb\xf4\xa5N\x8a\x8bg\xfd?j\xd5\xdc~\xa9\x98g\xcd\xc0EQ1\xc4p\xcf\x16\xa6\xba`}\xc2\xeasWL\xb7\xc1\xb4]\xdf\xdb\xcf\xed\xfe\xed_s\xaf\x1ee\xd7\x8d\xf5r(\x14/\x17\x0f\x0f\'\'\xbf\xfb\xc7o?\xbb~\r^\x1a\xa5\xf7\x19\xa1\x9b_\x0c\xfc\xa4\xc2#\xec\xf9\xf1\xcf\xbd#\x13\x01\xa2\x82\xd5Q\x85u+h\x19\xa6$\xfb\x8e\xff\xb09\xf7Z\xd3%S\xcdm\xec\xd5\x05\xd9\xd8\x98h$j\xf5\xefto\xd1\x07\xa9&lt;\x8b\xafzP\x80^&gt;[\xdbn6\xd6\r]K\xa5\xde\xfe@r5sV\xa7\\_\xafu\n\x89\x84\xa3$\xfe\xf8\xcbO\xe9cv^J\x06\\}\xbc\xac\xd2\x9d;=\xacp\x98\xde\x00\x0b\xcf\x07\x98\xca\xcdTNCU-U\x92uM\xd3}\xaf\x7fLi\xba.K\xa6$\xd5\xd6\xf7\xca\xf9\xabn\x0e\t\xf7\xac-z\x80u\x95\xea\xc2O\xe7\xa5\xce\x86mY\xaa!kZ\x8a\xe5J\x94r\xfaq\xca\xb4w\x9a\x8e\xf3eH\xf1?|\xfc\xf9\xa8\xd7Ko\xf8\xa38\xf5\x86\x91\xee\x14Y\xdcC\xa8\x15\xa6\x8f\xba\x05&amp;H\xab\x99Y?A)\xeerN\xb5,S\x07\x95\x0f\x95J\xf9\x80\xa7K\x92i\x18Fm\xa3Q\xcf/1\x19ur\x08\xca-/L\xb9\xbaV\xefg\x9d\xf2\xf5\xc6zP5T\x03\x0fS\x96\xf5\xb7?\xcc\xcd\xbd\x9c\xac\x1f\xfb4]\xb53\x1be\xc7\ta&amp;c\xf3\xf7h\xf4\xd0\xc6k\xc0\xc2\xb5\xf0\xc1\xaf\x05\x19\xd8\xe0\xfd\xc0 n$\x02LE\x03\x8c*\xec\x1b\xaa\xaaJ\x9a&amp;\xb0|\x8c%S\x01\xcd4r\xeb\x8df~\xe1\x0c\x0e\x83\xc1\xb8\xa1\xcf]\x9b\xc2\xe8\xab`*\x966r\xc0Aa\x178\x8fa\x92\\\x9b\x97\xc7)M2,\xdb\xb6;\x05`Q\x84e\x9fz\xc3\x03\xde[\xfc\xfe\xcd\xc0\x9d\xdf&lt;x\x80\x8b!S\rP\x0f!\x16\xddz\xcd\xcc\xe3\xeaLT\xce^\rgSe\x9fOc\xa5\x00\xa6a\xcf\x02K\xa2\xe5\xe0\xb3Rqi\xedl\x8c\xd2\x8c\xa6\xc0ELh\xde\xd2a\xb3CL\xf4B\xda\x01\xbc\x80N\x9ao\xff\xfd\xdf\xd7t&amp;YR\x83\xb6\x1d\xdcK\x84\x98\xcb\x1d\x7f2\x11\x18@\x94"\xb2F\x06\xf9\x7f\x08\x98kb$|c\x84&gt;\x18\x08\xaa{\xdf\xd1=\x03\xe5]9\x17\xb4\xb0I\xbd\x87\x85B\x07y%\x89-\x06\x19T+\xd7(\x1fB2\xae\xdb\xc0\xea?\xd7\x14\r\xe9\x00\x00\x03\xeaIDAT[\xc8\xc3\xe45C\xd2i#dK]6i\x7f\xaa\x01\xdf\xd3\xde\xb03\x89PsM\x96\x0b\x8bM\xcf\xcf\xdc\x80\xbf0\x92a`\xdc\xc7-\xcd}Q\xdf&lt;\xa1\xba\x7f\x9f\xb4\x12iW\xd8\xc7\x86T\xd5\xd4q\x1eFb\xa5H,\xa9+\x18\xc0\xb0\x98\x05\xc9z`\xaeO\x9e-\x1cR\xf3LB\xd7\xe9@\x1c\xad\xf3\xa4`\x0b\x84&amp;c\x8f\xc4\x86-\x1a=.\xbf\x12\x9a\xbd7:~\xeb\xd6\xe8\xf8\xcc7O\xe6gg\xb3q\xaai\'\x16\x8b\xa2b\xd3\xf1\x87\xac\x15\xb8\x9c\x06\xdao\x99\xd8\xb4\xde\xed\x1b\x96\x92{P\xb2\x90\x0c\xae\xa1\xe5\xec\x8d\xe6_\xd6(1\\k\xf9\x12\x84B\xa2\xc8D\x85]h&gt;aHl\xc0\n\xa20\x94,\xa3\x86?\xb1T\x8a0\xbf_p\xfd\xfew_=}2\x1b\x8fE"\x11\xcf\xb0\xe7]\r\xa3\x14\xba\xbd"\xadB\xa5\x9dL\xc6VY\x12\xf6\x11\x99\x97|"T2\xc57&amp;\x08\xc0\x15\xb4w:\xc5\xa5\xe7\xc0*\xef\xc3P\xd8\x07)\xa4i\xfc\xe0i\x81\x9d\x8c.\x17rP\x17&gt;E\x1f\xf7\x0b=.\xff\xc3\xf9lL\x01\x84`r\xd3\xc3\xdd\xa3\xa2\xdb+\xaer\xce\xce\xd8\xd8\x1a\x89a\xb1\xfa\xa6\xd4Cb\xa5hq\xa8\xc52`={g\xefpm\xd9\x95S%b\xe9bi\x8cE\xda\x90\xa1\xb8\x8f\xcc%\x89\xbf\xd3$\xd5\xea\xd0\x9d\x80P\x02\xdew\xbb\xdf\x89DD\x02K\xe1d@`)\x85\rPAq\xcb\xean\x91N\xc6~\xd1\xa9\x89\xb4*%&gt;&lt;$\xa6\x8c^\xb6Q^rqn\x82@\xbcH\xa4\x8a\xf8B/e\x9e\x11\xda%Y\x83"\xd0\xb4j\x8d\x04[\xd9M\x97:\xff\x15\x96;\x1a\x8dx\xa2\xb1(}\xaf\xe0\x12*\xb8\x9cF&amp;CX\xcc\xd4\xc5"\x1bw\xed%\x8c\x0f C\x12jZ\x9cL\xb9\x92\x8bR\x8et\x11\x96\'\xc7\xd3\xf0\xa5D\xec\x91\xcbU!\x98j\xca$\xa2n\x80\xab\xc02q\x80+\xd4\xb8(\xcc\x1e\xcf\xc6a\xf4x\xdc\xcfT\x8a\xa0\n5\xc9Xt\xf8I\xa5RI\xa3j\x16\x075&amp;\x00H\xf4\x0bK\xabd\x13\xea\x0b\x16a\xb3\x99;.\x95\xdaEI\x85\xa7\xdcH_\xafR\x8c\xd5\xd5+hU\xd3\xbb\xd4I\x9c$\x08.\xf7{\\\x9e\xe9\xd9\xe9X6\x8b\xaf\xd80\x9e\xbe\xf3\x15Z\x98\x11X\xe9\xd3z\xbd\x98\xcf\xe7\x0fZ\x95t\xf5\x9dV&lt;\xf1\x065\xc3`8\x89FR\xd2\r\xdb%#\xdf8\x93(\xdfe\xb9k0\xea \x07\x16\x12\x8c\xe5\r\xd6Z\xc5vM\x95u\x1a\xe3`#\xd1\x93\x8b\xaex\x9e\xd8l&lt;\x1a\x07V&lt;\xfe\xd7\xe9\x88\'\xc4\xfd%\xb5\x9c\x8eha\xba\xd2\xae\x17\xbe\xa5q\r\x95\x1b\xad\xd6\x89\xce\xd7\x11\x93\xb5\xe2M\x1b\xb4y\xe3\xf8\xf2\x84\xc2R\x92U\xdb\x05Ih\xc0xF\xa8\x98\x8e\xe1\xc4`\xf2DB\xa1\xda\xe9\xca)N\xdfN\x03\x11\xd3\xe2\x90\xb9\xe0(\xf4P\xf1D\xe2\x91\xe1iDWt:\xfe\xad\'\xd4SR\x89R6\x00\xab\xd2.]\x1c]\\\xbci:\xc3\xc3\x85\xa3\xad\xa3\xd6\x89\xbc\xbb[E\x19\x06~#\xcb\xd1\xa2j\xf5t\xf1&lt;\x8d\xe0\x95\xa5`\xc6\xa5\xf9da6\xab\x96N\x93\x01j\xd0\xdc\xa8\xe28I\xde=\xde%\x95\xab\xe9\n\xb4\xc7A\xed\xc9\xe4v\x1ag\xb1\xed\x9d\x92#\xa6\x90\xd1\xdcQ\xcfp$\x1aU\xe0\xf6H(\xa4\xf4\xda[f*\xbbrpqqt\xb4\xb5uQ\x88x\x9c7[[\xc4u\xba}~p\xd0\xbel\x1d\x9c\x1f\xb4\xd2\x90\xf3\xb2\xd5\xc6\n+/\x81pyl\xd8\x19\x97O6!\x05\x9e\xb6\xda\xe7\xc5fi\xaf\xd4\xca\xd9\x95\xd3\xf6\x01\\\x80\x83\xce\xdb\x95j\xba\x95\x7f\x94L\x9e\xbf\x9cZY\x9c:\xb8\xacZ\x82\xab\xe9\xf0\xe2\x9cT4\x92~2\x14\xfe\x99;E\xb9\xc0%\x8c\x95\xc9\xb5\xdf\x1c\xa1@\x05\xad.\xb6\xa8\x80\x95_Iz\x92K\xc9\xe4\xe2br\xbbryN?(&lt;8M\xe6O\xf3\x8f\x96Np\xb3\xf2?\x06\xa1\xbe\xaeQ\x05\x1e\xaa\x00\x00\x00\x00IEND\xaeB`\x82'</t>
        </is>
      </c>
      <c r="M186" s="3" t="n">
        <v>45492.67643518518</v>
      </c>
    </row>
    <row r="187">
      <c r="A187" t="n">
        <v>795020</v>
      </c>
      <c r="B187" t="n">
        <v>1962</v>
      </c>
      <c r="C187" t="inlineStr">
        <is>
          <t>Iury Castilho</t>
        </is>
      </c>
      <c r="D187" t="inlineStr">
        <is>
          <t>Iury Castilho</t>
        </is>
      </c>
      <c r="E187" t="inlineStr">
        <is>
          <t>PE</t>
        </is>
      </c>
      <c r="F187" t="inlineStr">
        <is>
          <t>ATA</t>
        </is>
      </c>
      <c r="G187" t="inlineStr">
        <is>
          <t>PE/CA</t>
        </is>
      </c>
      <c r="H187" t="n">
        <v>185</v>
      </c>
      <c r="I187" t="n">
        <v>7</v>
      </c>
      <c r="J187" s="2" t="n">
        <v>34947</v>
      </c>
      <c r="K187" t="inlineStr">
        <is>
          <t>Right</t>
        </is>
      </c>
      <c r="L18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20d5231-739d-426b-bbb3-587a71487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\xdb\x8c6\x00\x00\x03\x00PLTE\xff\xff\xff\xff\xfe\xfe\x1b\x1d\x1b**/!"$\x15\x17\x16\x16\x19\x17%$\'#"&amp;\x18\x1c\x18%\'+\x1f\x1f!\x1e \x1d\x1d\x1c\x1e! #\x14\x15\x14$&amp;)(&amp;(\xb8\x7f^\xacsS\'*-\xae\x80d\xb1xX)(,#"#327\xafvU\xbf\x89i-,1\x13\x13\x13\xbe\x8fs\xfd\xfc\xfc\xbc\x8cn\xb1\x82f\x98eH\xc4\x89g\xb6\x86j#!\x1f\xb2\x85j\x9ejL\x9cgI\x1c\x19\x19\xb2{Z\xc2\x8en\x92]?\xb7\x89n\xd7\xaa\x8e\xbe\x86e\xb5{Z-+,\xa2jK\xa2rU\xa1nP\xba\x82b\xab~b\xc2\x93v\xc8\x93s\xbb\x85e\x80S9//4\xdb\xae\x91\x8dY&lt;\x93`D\x9brV\x12\x12\x12)%"\xd1\xa0\x81\xc1\x85c\xce\x9c}\xb5~^)))\xf8\xf8\xf7\x97bE\xcc\x99z\xa8qQ\xab{^\xa5mN!\x1c\x1bf&gt;(xK2\xc6\x90o\xa7tV\xcb\x90m\xa8x[\xc7\x8cj\xbb\x89j\x88X=968\xaey[\xa6z^1115,\'\xf5B=\x91lQsF.\x8cfK\x92eJXA0\xbd\x81_3&amp; \x86^D\xc7\x97xF."{P6\xa4vZ\xf0?;\xf8IDO&gt;0\x98hLdM;\x80K0\xe3\xb3\x96\xfcOJ\xa8oO\xfdUQ\xb0}`\x92Y;\xcc\x95v\xf2;5mA+\xd0\xa3\x87\xb6\x82c\x8c^D\x7f^F\xe0\xb0\x92\x96lP\x85dL0)%\x93rY\xd2\xa7\x8bG7+\x8aR7A3*\x9clQ\x89jQ\xc2\x97}\x99w^\xabwX}aL\xf3\xf2\xf0P7%:2-Y6"cG4\xe2\xe1\xe0a9$lS@\x84U:*!\x1d\xd1\x95s\xd6\xa6\x87\xcc(%\x9fw\\\x84O2~G,\xc6\x9b\x81\xdc1-&lt;&gt;=[G8&lt;/%\xb9\x8cr\x82Y?v\\I\x11\x10\x10sR=\xeb61rWCkN:Y;)\xec\xeb\xeb\xa0~eyW@rL5\xd9\xa1\x80\xb8\x91xuxv\xdc\xa6\x85\x9fcEzE*\xde\xab\x8b\xd6\x9d{\xca\x9e\x82lE0\xd5+\'\xba\x96}F&lt;9\xb0\x8bs\xcb\xa1\x85\xd4\x99w?$\x1b+./\xd7\xd7\xd6BEC\xe9\xb5\x96\xc1\xc2\xc1eig\xe4/*\x88\x8a\x87\xa9\xaa\xa8\xc5($\xb4\xb6\xb5\xbb)%\x8e)$\xe9\xba\x9d\xa9\x82iP.\x1c\xb7ec[_\\HMJ5\x1c\x17\x1c\x10\x0cz$!285\xcd\xcd\xccI\x1d\x15\x9d\x9e\x9c\x0f\n\x08W!\x19\xa8\x86n\x8a@:\x92\x95\x93\x99^@\xbdzp\xf0\xe7\xe1RWT\xbfki\x9e\'#(\x15\x0f\xbf95\xae+\'u9(\xe3KG\x88n\\\xa9]Wk!\x1c`- \xf2MI\xb9\xa6\x96\x9d4.QFA\xe1\xca\xbc\xb1:4\xc5so\xd5\xb4\xa1\xda\xc4\xb3\xe8\xd7\xcc\xe5=9\xce@&lt;\xa5\x8f\x82|gX\xc6\xb5\xa8\x9eKG\x94}n\xd2\xc5\xbf\xe8\xba\xad\xe8\x85|2A\xf0&lt;\x00\x00 \x00IDATx\xda\xcc\x98\xd1K\x1b\xe9\x1a\xc6\xeb\x873\xe7\x0c\xf9\xd2\xd1\xa6\x91`\x89i\x82\x93\xa8M\xd86\xb19\xbb\x85\xd8\xf1\xa2I0&amp;\x12\x82\x92*\xc7\xadd\x9b\n\xbaB\xb1 u\xe9q\xd1v\xadk\xb6\x8dk.\x1a\x0f\xae\xd9M/L{h\xa8\xd0R\n\xab\xa2\x18\xbc8E/"\x1e\x8a\x82\x7f\xcay\xde\xd9\xfd\x13\xc6v\xdf\xcc$j\x82\xf3\xf3y\x9f\xefy\xbf\xf1\xcc\x19\x1d\xaa\xc6f\xab\xc13\x8e\x9a3\x7f\x99\ne\x0f*[Y[v\xa3T*\xcd\xdb\xfe*T5[\'\xcb\xd5\x93J\xe5d\x7f\xbb\xbc\xbd\xb3\x15:sf~#\xf4\xb9\xa1l\xa1\x83=\xcej\xf7w\xf6%\x81\xd5\x057\xcb[\xf3\x1b\xe5\xbd\xec\xe7\x13)T\x9a/m\x946\x8e\x96\xb9$[\x83\xd5:I\x95E\xc6\x83{\xe5e~R\x02\xef\xe7ig\xe9pg\xb7\xbc\xbfw\xd2/\x89\x92\xac\x8a\x92$\xaa\xb2\x95q\x89q\xc67\x0f \xe2\xee\xa7\xf6\x19\xd6[hcg\xbd\x7f\x7f]bL\x12dQVeY\x14\xd4\xa2U\x14D\xceEVW\xde:\xdc\xec\xdf9\xb0}\xda\xf6\xcdg\x8f\xf6\x83\x82 Q\t\x92(\xc8\xb2l\xb5\x8a\xaaj\x95E\xf4Q\x90\xb8\xa5\xdf\xc2-\xd5\xa3O\xea\xfc\x8d\xa3\xf2\xc9:\x93\xac\x82H%\xa3\x7f\x82l-\x02\xca*\x0b"\x98\x04vV\x92\x05n\xe1{\xd9O\x19e\x95\xaa$1\xb0\x88\xda\x01\x85\x98\x00\x9d\xa8\x87P\r\x12\x8a\x8c\tV+i\x06\xb9l\xd9\xf9O\xc2US\xdaY\x07\x16\xa4\x92$\x99\xdc.\x08\x82\xb5h\x15d\xb5X$\xfdH0\x89\x1a*q\xbew\x90\xdd\xdd&gt;\xfc\x04)\x16\xcanT\x96\x99$B\x8d?z\xa8\xe2E.\xca\x82U\xc5C&amp;\rEY\xb3\x1b\x94\x94jO\xf6\xfb\xcfWO?\xc5jv\xf76\xfb\xe9\xd2\xd2\x1fF\x92E\xc8d%\xaf\xabEj$pE\xf8\x0c\xbd\x14DFzJ\xec\xef\x86\xea\xd6\xa97\xb0\x1c\x14\x99$\xcb\x92\x88\x13D\x02\xbc\xa5\xaa\x88\x07\xf5\x7f\xc5\xa2*\xa3\x93*\x13\x85b\x11\xd0d&lt;\xf4\x93!\xc8vN\xd1]5\xb6Pvw\xa7\xcap1\x99$\x91\xa9\x91h!\xac\x0e\xaf\x0b\x1a\x96\xcc\x98U\x128q\x89\x82\x80\x8f\n\x92\x911\xbe\xb7qz\x01V\x93\xdd\xd9\xaf\xd62\x8a*\xab\x8a\xcei\xf1\xa9\xc2b*E\x83\xb5\x88\xc27\x90KeL&amp;,\xacP\x89\x0c\xc8-\xc1\xed\xad\xd0i\tf\xdb]\xa7\x84\xa2\xb2\xaa\x9a\xaf\xd0&lt;\xf0\xe0T5*\x99\x16\xa5\x88\xf7HNZ\x98\xaa`\x10\xd5\xa2`\xc4\xa0\xdc\xaedO\x89\xcbv\x88y\x87&lt;\x07\x10\x96?\x82\x00a\xa5\xa9E\xfe\x06\xa9\xd0\xda\x8a\x9f\t4\x85H)\xb4X\x969\x13U\xcc\'\xc6k\xab\xdb\x07\xa7\x13\x13\xa1\xa3Z\x88Ey\xa0u\x90P\xac"k\x8d\xe6\xa2\xd1\\.\x85g\x05\x8fV\xaa\xa81\xcaZ55%\x03\xfe\x10\xa6\xd5\xf9\xf2\xc6\xa9Xk\x9e\xb0DM-A\x9b;\xbc5\xf7p%\x95J\xe3L\xe1\x8b\xdcTJ\xab\\4\xd5\x99\xeb\xccE1\x91\xb0\xa30\xca\x02Ms\xabh\xa8VN\xc1\xf7\xa1\x83\xcav-\xd9]&amp;\xbd$1\xaaL\xa5~O\x0fe\xd2\x99\x0c\x9e\xd2\xe9\x91\x95\xdc\xcatz:\x9dI\x034\x95Z\x01f\xb4Ub\xad\xad\x88V\xfc1\x023\xf0m\xddS\xb5&amp;T\xd9\x0cr\x9a\x84\xe4)\x89)\xa9\x87@Y\x8d\xc5\x16b\xb1\xd8\xdb\xd5\xd5\'\xabO\xd3\x99\x85\xd8\xd0\xd3\'\x0b\xab\x1f2\x0bO&gt;\xa4W\xc17\xa5D9\xda\' \xe8\xb0\xdb\x11\x96wC\xba\xfb\n\xd3\x19\xcbKs\xb3\x10\x1d\x80B\x99\xcc\xea\xe0\xe0\xd8\xda\xd2X_\xfe\xda\xe2\xb5k=o\t\xf0m\xcf\xe0\xc4\xc4\xe0\xe0\xda\xe0\xc2\xc4\x04\xd8 \x99"\t\xad\x08\x15\x0e\x85\xebt\x97+\xbb\xc95\x93k\x93X\x19\xc8@\x9fX\xcf\xd8\xccL 0s\xef\x9e\xdb\xed\x0e\xf4]#\xa0\x9e\x9e\xb1\xb1%\x1cTk\x13\xb1\x85\x85\xcc\xefZ/9\xc0D\x89\x07\x8fJ5\xfa&amp;\xe9&amp;\xdaGZ\xa1\xa2\x03\xe9\xcc\x93\xd5\x89\xb1&lt;\x88\xb4r\xbb\xef\xb9\x03\x8bw\xee\x0c\x12\x15A\xad\xe1\xd0\xce\x89\x85L&amp;\x9dke\x06\xc5x\x16\xbf\x80\xedo\xd9tu\xd6a\x90\xa8$\x9a\xbd\xd1Tfuab\x10T3\xf7\xdc\x7fr\x81lr\x12\xad\xcc\x8fi\\k ".R,\x16\xfb\x90c\xf0\xbb\xd1\x80N.o\xe8\xaaV\xa8,\x11\x12\x9a(\xf1T&amp;\x06OiT\x84\x85\x0ev\x84\xc3a\x87\xe3\xd6d\xdf\xccL&gt;\x0f\xb2\xb55M\xac\xa5%\x12nm0\xb6\xd2i40#\xc3\xf6\xab\xba[\xd2Q.\xdb|\x99\xd1\xee\x18\x96g\x9d\xa0\xea\x19\xcb\xe7g\x02@:&gt;&gt;v\xa0F]\xaev\xd7\xe8\xad\xc9\x8e@&gt;\xbf\x98\x1f[\xea!\x83\x8di\x88xY\x8aer\x8a\xc2\x8cH\xfb\xda\xbd\xca\xbc\x8e\xce\xda\xda\xa7\xfb\x1b\x8c\x15II\xc7\xfe\x94\xea\x98\xaa\xa5\xc5\xdb\xeeB\xb5\xb8\\\x8fF;:\xdc3\x8b\xf9&lt;\xb5r\tL3Tx\xc9\x8f\r\xa6s\x16f\xc0\x08b\xfde\xfd\xb0l[\xd8%\x93\xd9\x11\xa6\xa9\xe9\xc1;$U\xe0\xf85\x95\xb7\xfbn\xbbV.\x1f\xce\x16w\xdf\xe2\x9d\xc5\x99\xc0\x8c\x06Erv`\xa9\x06f\xc62\xa9\xa8\x91\x191\xb2\x91\x115\xfa\xa9ux^\x13\x0bXS\x99\x9ek\x8b}\x81{n\x82\xea\xeej\x9c\x8b\'\x12\x89x&lt;\xe1\x1b\x8e\x13\xd8\xa8o\xd2\x1d\x00\n\x19\xef\xf8\xb57\xec\x08;@\x96_X\x89*\n\xe7g9\xb3\x94K\xba\r\xc3\xc3\x13\x8bD{s\x18~j\xb5\xa7/\xe0v\xe3\x92^\xef]\x93\xa9m|\xdc\xec\xb4\xdb\xfd\x11\xc0\xf9\xd0K\xc7\xa8#\x1cF\x8c\x11\xd4k\xef\xdd\xeev\x9f\xcf\xe5p\xf7\xbdM\xa7(\xeek\xb1/\xec\xdf\xd5\xab\x87\x07\xcb\\K-\x8c\x9e\xe8\xca\xd3k\x93\xeepKK\xf7\xdd\xae.\x93\xa919n7;\x9d\x1e\xa7\xd9\xafq9Z\\\xe0rS\x90AK\x93)\xe9\xbf\x19\x89{[:\xee\xac\xae(X\x88\x16\x03\x97N\xf4\xdaG\xd8v\xab4\x06\x19m\x7f;\xa7\xff\xd37\xe9vhJ\x99\x1a\x1b\x1b\x1b\x92\xa0\xb2\xdb\x9dN\xa7\x1fd&gt;rY\x0b\xa9\x15\xe8\x08ww\x99\x92\xe3f\xbb=\xd2\xde\xfe\xe8W\x84\x04\xbax\x96+uG:%\x04n\x0bk%R\n\xd1e\x98\x1ay\xfe\xeb$4\xe9&amp;\xa9\x88\xeb\x06\xa9E\'\xe0\xec\x91x\x1c\xbeG\x17\x03nG\xb8\xdb\xd4\x90D\x8b\xcd\x89\xb8\xcf\xf7\xf5\xdbi\xc5\xc2\r\xb8\xff\xd7m\\\x87\x0e\xabDDXF\xcb\xc0\xd0\xf3o:\x1c\x0eWw\xf7]\xc2JB\x0f\xbf\x1f\xeeB#\x9b\x9d\x9a^.G\xb8\xa3\xa3C#\'\xac\x889\xe1\x1f\x1e\xbe\xfe|\xba\x13\\\n\xb7\xac\xef\x1c\xe8\x13\x11\xa1\xca:\x97\xb4\x9b{\xc6\x95\x9f\x08\x0b\x17\xf5z\xbb\xd1\xc1\xb6d$\x11\x89\x80\xcblv6;\xc9\xf8&gt;WK\x0b\xcc\x15\xc6\'\xba\x1a\x89:\xe2\xc7\'"\xd7_NO)\x16\x0b\x16#_/\xeb3\xaeqkXGP"\x06\x9b\xf2\xd3\xc8\xf3on\xddr E\xbd\xa6\x86\xb6\xcbmss\x91\x9b\x11\xbb\x19`v\xbb9\x92\x88C\xabp\x98\x86\x11a\xb5\xb5%\xe7\xe2\xc3\xc3\x89\x88\xff\xfa\xcb\x91\x81\xce+\xf5\xdcb\xe1\xfd\x95\x1a\xbd\xba\xb8Or\x91X\x9d\x1a\x96\xc3\xd1\x025L\rT\xa6\xb9\xe1D"\x02.\xbb\x1f\xd2u\xb5S\x0b\xc3$\x162\xcdt\xe3~\x12\xc6\x1a\xf6\x9b\x9f}74=PoQ\x0c\x8c\xef\xeb\xb5\x12K\xe5~\x03\xed\x960&lt;:\x1f\x0e\xbd\xfczt\x94\xe6\xa0\xf7.\x9a\x88\xbao\x8e\x90\x1e~s$\x92\x9c\x9b\xebr\xd1{\x10\xb3\x1b\x8b\xa2A\xc3J\xdc\xbc\xe9\xfc\xef\xbf\x9e\x8e\x0cX\xd0E\xfd\xb0B\x95*m|\xb9\xc1\xc8\x91\x0fC\xdf=x0\x8a\xeb\xba\xba\x1a\x1b\x1a\xce\xa1\x80\xe5#,\xbf?\x82L\x8d\xb7{\xbd\xd4a0_\xbeq\xee\x06\xba8\x17\xf1\x9b\xdf\x7f|\xf1\xe3/?]Q`\xae\xe0\xa6&gt;[.\xdb\xd6\xa6D\xa1\x85\x83[\xa6\x1e~\xfb\xcf\xeb\x0fFG\x89\xaa\xed\xf2\xb9\xaf\xbe\xb8p\xe1B\xaf=b\xd6\x8a\x9c\x7fs8\x1e\xefj\xefj\xbc|\x15o}q\xf5\xfe\\\x1c\x83\xc9\xfc\xfe\xd5\xc7\x17\xbf=\x0c\xd6\xd7+\xf5\xbc\xae\xac\xcb\xfd\xb5m\x17\xce\xd2\xb0\x98\xc520\xfd\xdb\xf7\xcf\xae\x8f\x92Xsh\xd1\xa5/QM\x17{=\x08\xd4f\xca\x08O\xc1\x89u7&gt;~\xe3\xdc\x85K\x97.]\xa0\x1e"`\x13\xceW\xef\xde?\x1e\xb9\x82\x8c\xb0\xfc-x\xa4\xcfB\x0cm\xe1F\x0cXF\xce;\xa7\xbf\xfd\xfe1\xb0\xe0\x9e\xee\xf8\\\xf2F\xef\x97\xb7o\xdf\x9emj\xba\xd8\xdc\xdc\\\xf0\x14\x9a\n\x85\x82\xc7\x1f1\xdb\xef\x7f\xd5KXW\xc7\xdbi\xc7\xe3\xf2\x99\x0b\xb3\xef&gt;\xfe&lt;\x10\x84\xb9\x94\xe5\x03\xbdF\xf5\xc6\x1e\xa7\xff\x061\xc3\xd4/?&gt;~\xf1\x8c\xbc\xe5r\xa1;\xc9\xe6\xa6\xdbo\xde\xfc{v\xb6\xa9\xe0A\x15\nMM\x1e\x12\xce\xd3{\xf1\xe2\xc5K\x97z\xc7\xe3\x8f\xc8\x85\xed\xf1q\xcf\xabW\xaf\x1e\x8ftv"\xb8\xb6\xf5\xdaA\x9c\xb1U\xe8\xff\xdc\\R\x06~\xfe\xe11\xa8\xb0\xce\xe2\xf1\xe1\x88\xb9\xb9\xd04\xfb\xe6\xcd\xec?\xc0\x05\x1cO\x13\xd15#X=\x9e^Oa\x16\x1a\x9a\x9f=\xb8\xee\x9b\x8b\'\x93\xe6\xc2\xabw/\x80U\xafX\x8el:c1e\xfa\x87\xff\xb3j\xee/m\xa5i\x1c\xaf\x03\xcb\xfe\xe22\xdb\x84\x1c$\xd9\xa6I\x13\xa3\x9eT\x93\xc9\xc5\\\xb0\xcd\x9a\x9ccMLc\xcc\xc5\x9a\x914\x97\xe6"\xc4T\x82\x86j\xae\x8eF\xc7x]m\rie\xbc\x11\x12G\xd3Vk\x95\xd6QvY\x992\xa0e:\x85ii\xa1\xb8P(\x05\x19\xba\xd0\x1dh\x87\x99a\x9f3\x7f\xc3y\x7f\t\x9c\x1c\xc8\x87\xef\xfb\x9c\xe7\xfd~\x9f\x13\x95\xca\xee\xa8\xd4\xa5\xcd\xd9\xd5\x91\x97; \xc1\x03XL.\xa1\x15\x0f\xd4\xe2\xd2h\xdd`)j\x89\xa3\xfbpd$1\xba&lt;\x1a\xf58lV+\x97[}g5\x98\x84\xe3\xfa\xb3\xefH\xb3\x81\x17\x1e}\x0eTPZ\xf3\xc3\xaa\xb8\xa33\xdd\xad\x8a./\x7f\xfc\xf8\xf1-\xb1\xfaGl6(\'6\xf8.^\x939MM\xa7\x87\x1c\x89\xe5\xc2| 5\xd1&gt;\xf1\xf0a \x98\xefg\xca\x98\xf0&lt;\x1c\xce\xb4\'\xe1\xec!\xcbn\x11\xc7\xcf&gt;\x91\x8b\xcb\x92\xc1a\xbb\xdd\xd9\xc4\xb6/\x07\xe7\xdf=\xbcti\xa2=\xf9\xd9\x04\xfcn".\x96\xa4\xd3\xe96\xe8R:\xbdD\x12)\xae\xa4\xae\x800\xe5\xf5\xf5\xc9\xcf\x1f\xce\xe7w\xe0\xa1`\xb2\xd9\x873\xa9+U\xe5\r\xe4a\x9d8\r\xd6\xe6\x93\xb2\x86\x89\xfc\xb0\xdd\xd1\xc1\xeb_\x0b\xba\x06&amp;&amp;\x92\xc9zX\xe5\xf5W|\xae\x9c\xb3B\x17\x82\xc3\x88N\xa7\xeat\x92\xd6\xe6\x15\xdf\x1f\xa3\x9b\x85Tj \x10\xcc\xf2l\xd9C\x19\x98\x9f\xd1T\xaa\xfc\xcf_\x918\xdd=\xfd\xbc\xa1\xb4\xb4\xbcaay\xd8a\xcff\xed\xd1\xfcL!8\x1f\x9cr\xb9\\\x01\x9f\xcf79U\x8cT\x10N\xb5\xad\rE\xd0\xb48\xe2\xdf6\xac\xb8\xc6\x03\xae\xa9\xa9B.\xe7\xb0A\xd7ZdV\xd3h\xc3\x03\xed\xe5e\xff!s\x0c\xf1\x1d`\x95\x02\x96\x03\xb0T\xaa\xac\xca\x9eX\xca\xe5\xf2\xf9Ba\xaaX,67\xfb[%\x08\x9dpW8E\x80\x0f\x9dW^3\xac\x8c\x8f\xbb\x82\xb9"\xb1\x96l\x8b[\xbds\xd0\xcf\x86\x03\x0b\xf5e\xfb\xe4\x05\xb2\x13%\xe0\xe6K\xcbN\xa6\xf2\t\xc0\xe2\xd5\xaa\x9c\x1e\xcf\x92\xc7\xd1o\x8f\x16\xb7\xb7\xfd\x1eg\xe4\xdc\xb93\x84\x8bij\xc2\x05\x16\xab\xe4\xfa\xf4\xe4\xe3\xc7S\xf9\xd1Dbmm\xcdcO\x14\xc5L\xf5\xa6\x8cf\xf3\x00V\x03\x99\xa3\xb7\x92\xb1\xfdO\x00ka&amp;\xe1P\xb1ip(\xc6\xe3\xd7\xfd\xfe\xe8Z\xd10=mh\x06\xffu\xb6Q\x04i\x83\xd6\x94\x16h\xbd\x1d\xcd\x93\x93+\x85B~f~ \xe5s\xf9\xed\x87\x87\xadfm\x06\xe36E]\x13\xede\xa4\xbe8\xf8\xfa\xfb\xd2\xd2\x93\xf5\xa9\\b8\xcb\x16\xc7\xe3\xd9\xb8\xb2UY\x08\xa6\x16|\xbe\xf1I\x83\xd2\xe9&lt;\xdb\x18Bp\xb0\xedTA\xa6nq{\xd20Sp\r$\xab\xfev\xea\xefU\xa9\xfc\xea\x03\x9eY\x96Q[\xcd\t\xb8\xd6\xf0#\x99Xcw\xa1\xe4\xdb\x07r\x0e(\xe0&amp;\x95c)\n\x99\xe1\xe2\xa7w\xffr\xeab\xfb\xc2c\xc3\x92\xf3\\\xa5T\x80\x9a;:EBuln{\xb2\x90\x0f\xbc\xbb\xfb$\xf9\xed\xc5\xaaw\xcf\x97\x0b/\xefp\x99j5\xcb\xecp\x05\x92OH\x1dp\x9d~\xf4\xd7\xf2\xfa\xf6\x815\x87\x9dV\xcdV%\xa2\x85\xbd\xfd\x7f\xbf;\xd5\xf0\xa7\xaa\x7f\xdd}\xe7[)z\xae\xa7\xf9\n\xaa\xa4\xf3\xfc\x19:V7W\x9c\xcc\x8f\xcf?\x7f\xb4\x7f\xe3i\xd5\x0f\x1f.\xfc\xe6ZY\xdd\x01,\x99\xcd\xb12P\xbf?v\x9aD\xae\x92\x7f~U\x9e\x9c\x00\xac8\x9bKS%V~\xf0}\xf8\xe5\xfb\x8bUU\'\xef~x\x1btM)o\xb6\tP}\xa5\xf3\xdcY\x91b\x8b\xb94=\xbe\x97\xff\xf5\xc3\xb7\x97n\xbc\xbe\xf2\xeb/;\xd7\x1e\xe7V\x99\x98\xda[\xeb\x98\n\xd4O|\xfc\xe9k\x12\xd5\xfa\xc7\x93\xd2d\n\xb0T4\xb69Rt\x15\xd6\x94\xceD\xe0a*0S0\xac\xac\x8c\xfb\x95\x15\x88NDL\x1b6\xf0\xb9\xc5\xb8ar&lt;8\x93\xcf\x07\x03\xbe\xc7\x86mG\xf5KxN\xbc\x98\x97\xed\xc8\xf9\xf6\x8e\xcfK\xe6H{\xcdR\xf2\xe3\xcb\x82\xefF \x10\xb5w\xd0h\x1dNG\xff\xce\x83\x8e\xd6b\xfe\xed\xc7|a{{;\xb7\xe6\x8ft\x86\xa8!\x11\xc4\xe9\r\x84\xb9H\xf3\\\x83\xce0:\xba&lt;e\xb8\xac\xcc~\xd3\xf5\r\x97\xc6\x92k\xb5\\\xa7\xf2x\xbaQ{/rD\x16\xd5\x91=\xa2\x1f\x84\xce\x1d\x8dw\xb0i\x10Q\xc5\xbc;L\xb13&gt;\x92X\xf3_3@\xe7Z\xaa\x84PH\rU6n\x88P\x86\xcc\xda\x02\xbd\xb6X\xf4/yZ\xcf\xb4\xc9z{e\xd6&gt;+_\xabe\r\xc5+[\xd4\xc6\x9b\x83?\x93\xa4\xd6\xe9\xdfn\xddjCD=E\x8f\xaa\xa9\x1b|pE\xe7\x90x\xa8\xb3\xb1\xf5z\xf3\xe5b.\x1a\xf5x\xa0k\xa1B:\xc8\xb5A\xa5\xc8e\x8ct\x85\x07\xe4R\xfa\x95\xad\xe7\xf5(W\xd1\xd7\xd7\xa7\xe0{1\x99\xad\xa6+\x13\xfb\xbd\xed\xea\xffH\xc2*\xf9\xa9\'\xc40\x1a\xfb\xae{\xc4\xe6n\x940\t\x12I\x85\xd3\x19\x898\xfbGV\xfb\x9d\xceJ\x1dB\xd1\xb8\x11\xaa~\xa3\x92*\x08k\x8dRzE$\xe1p8!~\xebP\xbc\x8f\xc0\xb2\x1a\xb5\xb2\xdaXWW\xd7\xef\x8c[\xef\xc9j\xf4\x0f68\xb3Fuo\xc4\xd1\xd1\xdd\xdd\xa6\xd3\x8bu\xba\x96\xb4\xd9l;\xdc\xd9yy\x98\x85\x9c\x83\xb85\x1c\xb7\x90\xae\x13m\x84\xdcrL\xceg\xa0\x15\xce\xb8J5$\x11\x83\xdb\xc1\xa5\xb0\x18F\xad\x97\x8dmrn\xc7\xe6\xee}A\x12\xd6\x05f\xc88\xbb\x8ei=v[7\x8a\xe8\xf4!\xa0\x02\x17\xca\xdb\x81E3#B!Pq\xdc\x08\x9d\nXBNX\xab5r\x84\xfa\n\x95X\x0c~?\x8d\xe2\x10&amp;\xa5\x16\xb8Zm\r\xbf\x12\xee\xbe\xbf\xf7\xe5\x18I\'"\x8b\xaa5\xcd\x9a\x18Kv\x1b\r\'\\\x15\x82\xb4\xb5\xa5\xcd\xb5\xb4C\x1e\xadMHdX\x8d\xc6M\x11\n\xa9z=U\x08\xbb\x88aa\rJ\x95H \xe7\x13\xf9\x08\xee\xd0X\xc2\x18\xc6\xec\xa6\xf7l\xb8\xbf|\x83\x1f\x91\x13\xc9\x8e\xacB\xb5\xc6dB\xa3\xf6,\xbb\x0fG\x85R\x85\x14&gt;@\x8a\x16q\x0bh%\x14Be\xb9\xdd\x1aB/\xc4\xcd\tcjLk\x92\xd2\xf5\xa2\n\x89\xa4\x85\x8e\xa0\x14\xb7\xc62\xbb\xab\xc6\xbc\xb5|\xa1\x9e.z\x13"\x07\xeb\xc4\x91B*wk4\xba\xa8\xca\xc6\xb5Jq\n\x87\xc3\x10(\xa0\xf4\xf5"=\x15\x15\x82\xd3\xe2s\x04\xb0\x8f\x1a\nEH\xe1\x98\xc2\x99\x9a\x8c\xd6(\x10RED\xe8\x07\xcf\nZ\xcd\xde\xbf\xbd\xde\xbbE\xeb\xd1Q\xe9\x1bo\xf4$5\xae#\x85\x02\xea\x87\xc3\x8a\xaaj\xb9\n\x00\xb0\x18\xf9\x0c\x01\x0e\rA\x1f\n\x11\xd3$\x01\xe4g\nh\xa2!\xbe3\xc9\xbduuj\xc0BB"\xb8\x81J\x14\x9e\t\xa86k0\xf6\xf1\xf1-=\xf2\x86F\x92\x13&lt;ba:\x8a\xc5\x92\x8e\xaaxV\x16C\xa0\xb1X@.\nB\x8cOC\x08\x82\xe3F\x85D\x84J9&amp;\xb9\x9c\xc3\x99\xdd5\xe9\x145\x19\xb9\x80\x82B\xc7\xd0\x87\xe8\x14\xb7\xc5b\xba\xbf\xbeYW\xa3f\xbfx\xf6\xe2\xa6\xa6\x87\xac\'q\xcc\xcb\xa0\xcc\x9a(\xaf\xa2*.\x8bo4\x12T\x0c\x81\x14%\xc6[(\x8e\xf7Y\x15i\x11Ua4\x85k0\x0bgws\x9dAwk\xf9\n\xd8Q:p#\x805\xbb\xbb\x1e\x8bumf\x00\xeb\xd9\xf1+\x84\xb4.\xff\x9e.\xc7\xdc\xf4\r\x8f\x8a\xc7bz\xc3r\xd8D&gt;\x83\xa1\x90\xe28.\x85h\xaaP0\x18|y8\xac\xfdBk\xb1\xdc&gt;\xd8\\W\xab\xf9\xdd}\xa0\x16\x8a\xc3\xde\xbb5\xa6\xd9\xdb\xb1\xd8AW,\xc3&gt;~\xf6\xec\xc5=&amp;Y\x7fP*\xf9/*\xd7 T*8\x01\xa6W\xad\xc6\xc2a\xb9\x1c\xc0\xa4}V\xab\x82U\xcdU`\x98\x91\xc5\xb0\xf2\x19F\x0b\xc7\x98\xc9\xc8\x19\xfc\x9a\xbaJ=\x14\x1dE\xea\x16@a\xcdb\x99\xae\xae\x83\xae\xba^\xe65\xc0z##\xcdA\x1c\xb1\x84T\xa1\x86\xef\xb0\xb3YZ\xc0\x82\xbe$7\x1a\xf9,\x16\x93U\xcddre[\xfa\xcb\x865U7\x8a\n\xddru\xadko\x9a\xbeyv\x90\x0e\xdd]!\xe0\x98Lr,S\xd7u\x00XX5\xa1\xd6\xe0{\xd2^X\x8f\xcd\x856B\x1cy|\xd8\xb6\xe8\xc5\xb6\xd4j\xb56l\x94{eLb-V\xcbXW_?}\xba\xe7\x17\x8bD\xf4\xbe\xa9\xa7O_\x1b\xf4\xbb\xca{-\xb8\x80!`\xc8\xb5\xf7og6c\x07\x80U\xe3e\x1e\x1f_m\xcc\xfcL\x9a\xdd\x82\xe2\x1a\xec\xa1r\xb2\xc3Y\xae\xcc\xbb\x85\x01\x96\x1c\xb0\xfe\xa0b\xb2x\\|\x10\xb2NQ\x19\xeftv\x88\xb7\xc7\xf7\xa6\xcf\xd3-\x97\x9b[p\xa9\x80a\x0c\x13\xad\x01*\xeb \x16\xcb\xfc\x9fv\xf3\xfdi\x1b\xbf\xe3x\xf3h\x0fnO\xb8*\x13+\x12\xd8\xad\tmS\xa7e)v@)Q"8\x9arw\xa5c\x01L\xe4\x86HI\x17)\xb8\xe8D\xd1LC\\\'Ml\x9fi\x94\x9e{\x8b\xa2E\r!B\xc95p\x91N[\xaa\x84\xac\xbaj\xd2\xee\xc9!\xa4\xbb\x07\xd3\t4\x18:\t\xd1\x07\x88\x8a\x82\xd6\x9f\xd3&gt;\xee\xf6\'\xe0\xaf\xa28y\xf6\xd2\xe7\xf3\xfe~\xbe\xef\x8f\xfdqs\xe5\x0f\xdb\'~k=BwzH\x9e\xf8\xe6\xd6\x08.H \xae\x1e\xa8\xe2~\xa7\xe5\xff\xd1\xca\xe5\xb0\xe9\x13\x97\xe3f\xf3\xc58\x150\x07\xcc\x14e\xb6}|\xe1\xb3\x9b\'\'?\xbc\xd0\xf1?\xac\x99\t\xb0\x0e3V\x07^\xef\xbfu\xeaw/\xfa\x8e\xf0\xc9\x1d\xd1y\xe17\xae2\'\xe9UqU\x9c\xa4\xc52@\x02\x16\xd9\x8c\xb8\x9a&gt;&lt;\xdev\r\xa3\xc2tZOP\xf1\xb1@9\xd3\xdb{\x1c\xaa?\x1c\x95\xe7\x9b\xa6\xfe\xfa\xf5\x9fg&amp;\xac\xd6\t\xab)\xa3\xc7\xebF\x8b\xf3\xe0\x08\xfb\xd7\xd9j\xd3\xa9S\x03\x06\xc1F \xfe\x1e\'\x04L\xbdiJ\x82\xe8]MM\x1d\xbd\xbf\xba\x16\x08\x84i\xdaf\x0b\x87=&gt;\x9a\xa8\x92F\xe3\xf9\x0f{\xc19t\x9c\x9f\xfa\xda\xe1\xb0\x82\xcd\x9a0E2\x06\xb4N\xb2\xdf\x1f\x1ea\xe7\xd3g\xea\xf9\x8b\xd3\xb2B\xa7)\xc4\xef\x04mA\x91\x80x\x19\x8d\xae\xe9\xce\xce\x8e\xb3W\xccaO($\xd0\xf4m\xcf\xfcb\xa8T2\xb8:;\x01\x0b\nD\xd3\x94#\x05\xfbpbf\xc6\x1a\x11\r\xa7\x9d,\xfb\xfd\xe6\xd1Q\xe9\xfa\x0e\xd4\xba\xb0\xc2\xa5\t\xd0|O\x8a\x85?\xb0\x19\x9b\x9a\\\x9d\x1d\x1dg?\x8f{\x16\x17\x92\x85\x90gl\xde\xd3\xb5\x94\xcc\xe7\x05\xdb`\xef\xfb5\r)O\x99\xd4\x9aeU\x93\xb8}\xd64\xf1\xfc(\xe7YZ\x0e\xfdN\xc7@XH\x138`9\xd8\x1e\xa7sj\xaa\xa9\x13b5=i\x0e\x87\x92\xf7\xbc\xde\xc5\xaey\xdf|xQ\xbd\xbb\xe4-z\x02\xfa\xc9\xc9\xe9\x8e\x0e#\tX\x10-\xa02\xb1h\xc8\\y~\xb4S6}/\xfc\x03\x17\xe6eI\x8f5\x93P\xe8\x9d 0cg\x07@\r\x86}\x0b\xea]\xa3\xc7\xbe\x07]\xbf\xbf\xee\x1b\x9a_`\xb2\xc1{\xdeE\xbaT\xa2\xa6\x11#Y1\xc1\x9a0\x99"l}\xf9\xfe\xe6Q\xcf^C\x1as\xd4[A\xd2\x1b\xb0f\xbf\x13\xf4e\xb14A\xa8\xfamt(\xf9U0X\xf4\xc4\xcd\x17\xd5A\x88\x93\xe3f\xb3\xef\xb17\xe8-r\x02Ma\xa4XOYMl$\x02l\x95\xaa\x06\xd3n\xba\x96\xd9G\xb3om\xa8\x01\xc7\x9b\xfd$\xe9\xf7[\x9a\xcecDZ\xa5J.\xf8(}`|\x8c\x0e\xdb\xc2\xf4\x98\r\xc5)_\x91a\x98\x02O\xe9\xc5\x0c\x1b\x81\xfc\xd5#\xac)"\xbe\xd0b\x9aR\xa7\xd3\xf5\xbd\xe4\xf5\x18\x8e!j\xc1rZ\\\x18\x95\x16\xe4$\xb3@c\x06s\x1cJ\xfcm\xdfm\x9a\xe6\xc3a\x1bJ\x1a&lt;J\x92Q\xf8RN\x848\xb1\x11\x08\x17H\xfe@\xa3\x99E\xdd.O\xe0.\x17\xd2\x8c\xe3\xa4\x93t\xe9\xd3\x92\xac\x14\x17J\xcdh\x1c\xda\xafx\xf7\xd0\xd0\xd0\xb8-\x1e\x8f\xdb\xe2\x84XY\x96\xb3\xd9\x82T\xce\x98\xac\x11R\xacB\x16#\xe2\xa1V\xa3\x94\x7f\xe3\t\x0cAp&lt;g@\xfc$F\xf1B\xa1\xc8\x95\xaa\x14\xf4\xb1\xf1\xf1\xee\x9b7\xd7\xd7\xbb/w_:y:N\xe9s\xd6\x8c\x90U\x84e\x11\xc4^\xc9\xb0\x90\xc8Hf\xf3\x98F\xeb\xbe\x94F\x11\xd5\xcf``hp\x82\xcf3!\t\x8f_\xbd:t\xee\xdc\xdd\xf5\x9b\x7fZ_\xff\xe7\xadK7\xef\x9e;\r\t\rT\x96\xf3\x8a\\\xca\xa8\x82\xaf\xd4g \x95u\xad\xe6\xd3u\xb3/%\xc2\x05\xa6\xc1\x08\x89$\x11\x82O*%\xa9\xeb\x8b/\xae^\xba\xbb\xbe\xbe\xbe\xbd\xbd\xbd\xfe~\xbd\xf9\xe6\xf2\xd0\xf5O\x8by._\xe0\xebV\x08V%c\x85"\x1f\xd1l:\xbde\x97&amp;\x0c\xa0x\x17\x82\x93$B\tYY*&gt;\xb9\xb1\xf0l\x15\xd6\xb37o\xde\xac\xbfy\xf6\xfe\xf7\xea\xa0\x94\xbc\x91,\x86\x16\x84\x8c)R\x17\xeb,(L&lt;\xd0l\xdcZ\xf7-OA\x16U}\x81\x7f \x84$\xc7)_=\x8e\xafnm\xedo\xc1Z]\xddR\x7f\xeeo\xad^\xf4,u\xf9\xe6=\x1cWV\xeb(P\xcdD\xaa\x87\xdaa=zk\xeb7\xe0\x98\x0b\xd0T,E\xa6in~\xec\xda\xc8\xc6\xc6\xfe\xc6T\xcf\xfe\xea\xfe\xd4\xfe\xd6\xfe\x1f\x1d\x19\xbd/\x8ca\x14\xb5"\x95Y\xd8\x83\x118\x12\xeb\xd5\xfb\xdaa\xf5\xbd\x94\x03z\x0c*\x97\x1a.\x03\xb7\x00}\xb6\x9e0\xc7\xfb76T\xb0-5\x7f[\xfbS,I\xe8\xc9\x1e\xf0=++\x15\xa8[\xea\x81h\x12w5|#\xa3\xe5;\xd9\xd6\x8fb(\xf4\x16\xa4\x88\xdbB\x9e\x00\x06\xfb\xb2\x7f\x90P\xb9\xb6V\x9f\xc1Z\xdd \x9b\xc9\xba)bu\xf4d\xf0\x1c\xab\x1e;\xd6\x08\xcbVw\xfb4\xc4z\xa7\xd0\x01\x02SY\xc0\x99\xd2!\x1b\x8a\x18-~H)\xaar\r\xaaX\x93\xb8\xc8\x82\x19\x9d\xb0\xa6R,\x9c=\x005\x03\xc5A\\\xdb\xd5\xf2\x05\x83o\x0b\x9c\x8d2\xe0\x88\xba\xf0\xb4\xcf\x86\x19-F\xbf\x9f\xb4\x18\xb1\xc9\xc1\xf8\xc9\xb6\x8b\xd7\xda\x02\xd3\xa4\xc34\x03yKE"\x99:\\\x81\x90-/K\xaf5\xa4\xd2\xdd\x97\x15\xc1\x06\xf2B\\.\x17\x9e\x0e\xd1\xd3.\xc4e4\x0e\x0c \xd8`\xfc\xc1\xd2\xa2\x0f6\x80\x19\x05\x93\x95JERl&amp;SW\x835\x13\xa9,\xaf\x95\x0e\x8ei\xc8\xb5)1\xc0E\xa18\x06+\x1d\xf2P(\\\x01\x11%\xe2\xb7\x97\x92J~a\xd1\x17\xee\xc7T\xa7\xc8:\xc4\xd2J\x05\xf4&gt;ce\xab\xcb\xa5\xdcs\r\xb1\x8e\xcd\xae\x85\x98\xbc\xca\x85a\x06\x94W\x94\x10E\xa8\xcf\xa9G\xcc\xe3\xea\xc3\xcdb\xb1\xb8\xd45f\x1et\x01\x96#\xb3\xb2\xc3\x97\xd5\xda`\xaa\xac\xf1\x02\xa9e\xb4\x8e\x81\xb7)deA"\x08\xb4D\xc9ss\x8c\xc7\xd6?9y\xe2\xcax7`=N&amp;\x97|\xdd\xa7?\xef4:\x9d\xf5\x0c.\xf1;e8\xa5#\x99j\x89\xab:\xb5\x8c\x96\xae\xa5\xca\x0b^&amp;\xcfI\x12\xcfKr4\x91\xcdr\xfd##\xc7?k;\xd9=tu)\xf9\xe9\xf5\x07\xddm\xc7;\x8d~g\xa6\xca\x17\x98W\xd5r\x156a\x89+\xb1\xfe\xe7Z\xbeH\xd6\xb2k\xb3\xc9^F\x91y^\x90\x95\x84{.\xaa\xd0\xe6\x91+\x1f\xb7\xa9S\xba\xf3]\xf3c\xe3m\xd7z\x8d\xce\x9e\xba()\xc1\xbd|y\xadT\xae\xf2r~\xb9\xa2)\x96\x0e\xb0\xa8\xb4\xa2rqr\x9eq\xdb\xdd\xee`(\xdc?y\xf6\xec4\x86\x1b\xde\x0f/\xa2\x9d\xd0\x1c:\xc459\x1b\xab\xfd\xeb\xad\xc4\xaf\x95\x84|\tL\xb6\xa6\x92o\xd9\r\x10z&gt;\x1b\x04\xab^\xc8g\x13v\xbb;(\xabN\x1ai\x16E1W.C\x0b\x82\xb9H\x91\\\x96\xe4\xbd\xda\xf0\xde\xabWy\xa1\xc0p\x19\xd1o\xd1V[\xaf\xd3\x84&gt;-G\xa3\xc1l\x96\t\xc6\x1a\x1b\xed\xd1bA2`\xb9\\\xb5l0\xac\xadPD@\x8f\x12i\x89\x96\x83\xb5\xe1\xc4\xd3\xfc\xab\x9d\x9d\x02\xb3\\\xc9\xf8\x9d\x07Z\xbe=\xd9\xf2\x9a\x82TI\xca\\-\x18\xdc\xdb\xab\xd9\x1b[cA&amp;\x0f\xf2/\xad-\xaf\xf0\xb0\x0fh\x9a\x168\xb9\x98\xcd&amp;\x12\x89\xe1Z&gt;/sJ\xa9\x1e\x11\x1d=/\xfa4\xc5\n\x18p\x03%\x04\x13\x89Zm\xafv\xa7\x01\xd4\x95\x08*LH\xe0x&gt;\xc4q\\H\x96\x19&amp;\xab\xc4\xa2\xee\xc4p\xa2\xc60\xf9\xac\\.\x8b\x95TO}\xb6E\xa7Y\xc0\x00\x0bEPCZN\x8c\x8e&amp;jO\xdb\xed\xad\r\xf6;\x89Z\x8ca\x84\x1d9_H\x16\x0by&amp;\n\xc4\xf0q\xbbGkYH\xb5 \xa2\xac)\xe5\xc0\xff\xfe\xdd\xbbG-Zq\xbd\xa6\xd0f\x0cGmLl41&lt;\xda\xde\xd8\xd8\xd8\xd0\xeevG\xb3AE\xc9\x16\x93Ih\x0f\xa3\xb1D{\xe2\xe1\xc3\xe1\x87\xa3Ok\xa0@\xa9,\x92\xf5z\xca\x81=\xf9\xf9\x87{;\xef4\x01\xd3\xf5\xedR\x98\xd1\x88\x18\x08.\x1b\x8d\xba\xdb\x1b&gt;hmh\xf8\xa8\x1d2\x1a\xf3f\x83Q/|y\xa3\x89\xf6\xf6\x87\xbf\x06.\xfbp\xcc\x0b=\xd9\n\x9e\xa9\xb0)\x07\xf2\xe4\xc7\x1f\x7f\xfea\xfb?\x1a\xb4\xd6-\x9b/\xb9\x80\x0b1"\xea\xdc\xad76\xe7\xfe\xe8\x97g ^\xbf\xf8\xd2\r\x01\x0b\xce\xcd\xcd\xc5bsQ\xb7\xbd\xb5}t\xb4\xbd}\xb4\x1d\xb0B4\x95\xf3;LVS\x8a\xbc\xf1\xd3O\xc0\xf5\xef\xc3\xa3\xe6\xd2\xe96\xb7\xfe\xf1\x98B,F\x84\x08\x04\xf8\x85`\xcc\xed\xfe\xe4\xcc\x07\x8d\xadg\xec\t\xfb\x1dw,\xe6\xfe\xf2\x8e\xdb~\xa7\xf5\x93\x86\xff\xb2r\xfe1M\xe7g\x1c\xb7\xb6\xe6\xf3M\xbb\xd6~\xdb\xa6\xbf\xa3;j\x07\xb4\xde\xfa\x836\xa1e\xb0`i\xf9\xd9\x16*P\xd6\x8b\x15\xd1QP6\xd2\xf3\x9a\x1e\x1c\xc6\xc5\xd3d\xce\xbb*\xa7\xd8\xcc+1\\\xc2\xee&lt;et\xb6\x91\xdc\x05\x90\xfac\x15\\\x83\x80\xbf.3\x99\x03\xf1\x12L\xcc\xcc\x12\xfdo\xb7\xe7\xf9\xc2\xdd\x92\xe5\xb6\xb8\xe9\x03mi\n|^\xbc\x9f\xe7y\x7f\xbf_x&gt;\x94k\xe5&amp;\x17t\xc3G\xef\xed8\xf0\xa3M\xcc\xf9\xd7\xe9\xea\x0f\xeeC\xcc?\xfb\xe6/\xac\xd7\xecY\x7f\xfbzf\xfe\xf8\xf6\xa6\xfaz\xbdj\xbf\xaev\xc7\xf9]\x87\x0e\x9f*\xe4k\xb5|m\xb9[\xab\x05\xa4\xf2S\x07\xe5r\xb7\xd6\xa4%\xbc\x00\xad\xfd\xf0\x17\xef\xed&lt;b)\xda_]\x01\xa77\xc9\x8a\x0b\x88u\x7f\xf1\xedo^\xa7S\xb06\x9f\xfb\xfb\xd7\xcfW\xee_B\xacz\x95\xca\xd0St\xe07\xc7w\x1d\xde\xadu\x17\xba\xddZ\xdc\x94\xa8u\xbb\xdd\xe5r7&gt;\xfb\x01`\x9e\xfd\xf4W\x07\x8e\x14u\x155UW\xfc\xa4\xbb/\x95\xce\xcf\xcd\x03\xd6\xc2\xde\xb7\xff\xf1\xfa\xca\xbe\xf2\xc4\xbd\xd9g\xcf\x13w\'\x86\x18,\xbd\xc1j\xeb\xd9~`\xe7\xf9\xe3\x1f\x1c:U\xe8.,\xdc\xb0qC\xe1\x06d+,g\xf6M\xba\xdf\xda\xf7\xc9\xe7_\x16\x15\x955\xd76\x15o\xeb\xeb\xeeN\xa5[\x82\xb9\xa5\xf9\xfb+\x9d{\xffz\xef\xc4\xab\x83\xb1\xa0\xa66\x9fx0\xc5n\x8f\'\xa6\xefF\xf7\xd4\xaa\xf4\xc5\xf5\x8d*\xe0\xb2\xbd\xd1\xb1gh\xe8\xd3}gw\xbb\x0b\xd7\x03\xd6\xc6\xf9\xd5\xad\x9c\xee\xc2Sg\xf7\xfd\xee\xd7\x9f\x7f\xfc\xf3\xfd\x16\x8b\xa5EU}\xba\xfbfw\xdf\x88\xeddtbni%\xd1\xf9\xe8\x8b\xd9\x1b\xe7^\xd1ZY\x95w\x1e\x8c^\x9d\x9at\x91\x85\xb1\xc4b4\xd4\xdb\xa2\xaa\x8f`\x16mV\xab\xb5\xa7\xe3HG\xc7\xce\xa1\x0b\x9f\xb5\xe3\x1e\xd3\xc2\x8d\x80\xe4&gt;\xb5\xbb}\xd7\';\xfe\xf4\xe5\xc7\xefn\xd3+\xe1\x8c\xa7\xa5)r\xba\xaf;\xd37\xa2\xfa\xc3o\xfb\xefN,\x8c\r?\xfabpjp\xf4\xca+\x90\xb16_\x1e\xbdMse.\x9a\x94/\xc6\xc7f\xbcC\xbd-8\xc8\x0cr\xd9l6\xab\x13\xee\xde\xf8Y\xc7\x81V\xbb\xa7}n\x1ecin"f\xffi\xc7\x9b\xbf\x87\x8b\x8b\n\x95\xb2\xae\xa0F\xa7\xaaN\xf5e2\xdd\xc9\x88\xb84\x98\xcb-\xc4\x13/\x0e\x01\x161\xcd\xde9W\xf9\xff\x80\xb1*\x8f]\xbew\x8bG\xb9h\x9a\x10y\xfbt&lt;\xfb8\xd4\xdc\nX\x91\xe2z\r\x93E\x9bJ\xa5\x02k\xadm\xc8o\x8e\xe6\xe6\x96\x80ji"\x16\xca\xdb\xfe\xe6\xa6w\xe1\xca\xa2\xba\xe7\xa8\xb9N\xe9TmKug2\x99TZT\x15\xcc\xc5\x16\xb2\x89\x17\x87\xfd\x83S~\x81`\xea\xe1\xe8\x8d\x13\xffc[\xb2X\x95WF\x1f\xde\x96\x08\xf9\x04\xb5"\x9c\x85l|9\xea\xb5\xb7\xd6\xaaV\xb1l\x06\xab\xd5\xa0\xd2\xeb\x9b\xb6\xfcpKKQAi0617\x07Zy\xcb\xc2=\xfaj\xc4\xaa\x90\x86\xcd5R[\xfd\x08`\xdd\xcc\xa4FT\xe6`\xac\x7f&amp;&gt;\x96\xfdP\xe1\x1f\x1ct\xf1(\x05E \x99//\x19k\xdd\xe6s\x7f\x9c\x9d$B\x89\x84\xf0M&amp;\x19M\xe4\x13\xcb\xd9\xec\xcc\xc5\xa0\xb7\xb7\xb6\xa9\x1e\x93\xa81\x18\x0c6\x1bp\x81\x89\xa9\x9c-\xe1\xbc\xe6P\xf4\xb3X\xec\x92\xbdJ\xac\xd3\x17WT\x9c\xfeq\xaaX$V*E\x8d\x91\x91\xbe\xcc\xcd\x9b\x99\xbe\xa4\xc6\xec\xe9\xf7\x00\xd6\xf2[\x01\xc0\n\x08\x04\xa6\x00\x87#,\x99}py\xf3K\x91A\xe7\xdd{8)\x14r\xb9\x12\t\x8fg\x9a\x04\xae\xf2\x99\xe9\xec\xe2c\xaf7z\xa1\xc3\xa6\xff\x16\xcb`\x83\x9bJ\xaf\xb2\x8a\x9cG\xbbZ\xbb\xf6\x9c\x0f\x85N\x96\xd5IE\x06}\xf5\xb6d2\x19\xc1?g[\x01\x8bQ+\x93\xf4Y\xfa=\xd1\xc5x|\xf9 b)\xe4&lt;\x12pq8\x94\x90;u\xfd\xcaK\xfc\xc2\x1e\xa0nI\x84B\x89\x8c-3\xc9\x00K\rX\x07\x97\x13\x89\x95\x1c`\xc5\xf6\xf4\xc0E4`9\x80\xca\x8al`\xad\xc6\x1aK^WW\xeb\xce\x9d\xbd\x05b\xa3\xa8\xcdQ?&gt;\x92L\x8eT\x1b\x9c\x80\xe8\x8b\xa4\x93\x8c\\\xa9\xe2\xd6X\x7ft9\x1e\x9f\xa1\x03~\xbf?\x00X\n\x13`q("T\\\xbd\xf2\xdf\xa7\xf3\xe0z\xfe\xc1\x14\x97\xcb\x15\x12.WFL29\xcf\x04Yt\x01\xd6\xb5\x85\xa5h\x08\xaa\xa3H\x0f\xa1Qi\x1c\xd66+\xeez\x002\xab\xb3\xa6\xc0\x82\xd7&gt;\x16\xa9\xc6\x813"i\x10+\x1dQY\xdb4\x8eF_zU\xadT\x85=\xe6\xb98\x1d\x8f/\xb8\x02\n\xc0\x12\x00\x96\x9aCQ\x1c\x0e\x87\x08\xb9\x93\xb37\xfec\x91AM\x01\x94\x04\xd3\'\xa4\x85\x94@ \x9b\xa4\xf9.\xc4r\xcd$\xae-.\xf5\xdb\xbd\xfd\xb1\x90\r\xa8\x0c\x0e\xc0\xb2\x8aD\xf0\xa8\x01*\x9d\x14\xc7\xac\x1b\x1at\x06\x90\xd1\xe1\x1b\x18\x1f\x19I\xa6\xab\x1b5\xf0\xa4&gt;2\x8e\x06\x91\xc9\xf4Uxb\x9e3\xd9x\xf6\tm\x02,5\x8fG\x05\x14\x14M\xb8\x14\x11@&amp;%%\x0fo\x1c\xfb^0V\xe5\xe5\xebS\x12\x94J($\x84\x08\xd6\x0b\xa0\x0b\xd7\x13\xa4\xa2\x9f\x8c%\xe2wcv/T\xed\x11\xb0\x05k[\x9b\x88\t\xdc\nb\x15I\xa5JqC\x83\xa5 l\x05\x12\x8do \x8dX\xe3\xbeF\x87\xa3\xb1\x1e\x92\x98\x82\xa3O\xa6oS\x0e+&gt;&gt;\xdd\x0e\'=\xfe\x00\xcd\xe7\x11\x7f\x80"\x84-\x93\x11Ba!\x97\xe0\x85\x0e#\x00\x00\t\x0eIDAT\\\xfd\x9e\x7f\xc8\xc3\xaa&lt;q}M)\x8a\xc1\xe2\xf0\xf9\x02\x19\x9b\xc7s\x81C\xb8vO\'\x123\x13\xde\xd0%\x8f\xc7\xdbc30\x13HF\xa7\xc8\n\xf5\x05\x1f\xeb\xc0\xcf\xcd\xf9e\xef\x14(E\xf0\x9ao\x1c\xb0\xd2\xe3\x03&gt;\x87C\xd38\x80\xf35)\xc8c\xdf\x8e\\\x7f\xf0)V&lt;P)\x14\x14\x9frM\x99\x00\x88\xc2%\t\xac)cK\x98\x1a\xfb\xb7\xee\xbb&gt;\xc8\x95\xa0PB!\xc5\x95\xa8K\xd4j\x06\x89\xe6\x13\x17:\xc4\x02\xca\x15\xb5{\xa3\xd1hk\x0f\xe4\xcfi4*\x8dF\x94\xcb\xd1f\x94\x8a\xc5\xe6\xaa\xb2\xd2\xf7\xab\xea\xa48\xfd3\x90N\x8f\x03\x95\xaf\xb1\xd1\xe7[\x95.\x95\xe9\xde\x12\xcbAi\x8d\x8d\xcd\x98\xa0\xb4\x14\x01&gt;\x9fC\xfc@\xc5\xa1\x04\x1c\xc2\x04(\xc6fO^\xbd\xf3]\xed\xb30}\x83\x12\x14\x8a\xcb\xd8\x02\xbb\x04z\xc5\xaf(\xc1^\xe4\xf3i\xf4\xd3\xf6l"\xb1\x10\x0b1{\xcd\x8f8E8\x14\x02rIuN\xe8&lt;\x11p\x85-y\xcd\xefo5\xe3\xa8\x14\xd4\x16C\xb5\xca50\x8er%\xf7{r1\xcf\x9f\x13\x89\xb1\x15\xc4\xf2\x9b\xf8&lt;8\xb5\xe6q(9E8\x18\x14\x04\xa1`q\xc5\xe8\x9a\x8f\xb1\x8e\xdd\x19\x1ddcQ\xe1\x8d\xad.)Q\xc0\x17*\x14\x80E\xd3\\\x0e\x9f\x83G\x9f\xf2\x99\xb1\xc4\xf4W\xc1P(\x18\xf4\xda\xf3uNf\xc2\xc6\xc8Lo\x89\x8c:e\xb8.\xbf\xaa\xb4tkA\x9d\xd8\x08\xcd70&gt;\xb0\x86\xe5`\xb28\x12\xe9\xf2\xc4\xc0\x1e\x9eu\x0eg\xdb\xb1\xe0\x15\x84/\'\x01(,6\x94\x96\x90 \x13G\x00\xcaaSJ\x06\xaf\xe3\x99\xcf\xb1+Wo\x83B\x12`\x92\xb0!{\n$R\xa0V`\x11\xb4\x8b\xf0!\x8d\x90\xc5\\\x1c\xe5\xb2\xdbC^pM\x8bN\xaa\x04.\xa5\x94\x19v\x13I\xb1\xb6\xaa\xb6n-+\x08+E\x80\xb5\x96\xc2F\xe8E\xccb\xb2\xb8\xb9\xbf\x1f\xa8.\xbe\xd8;\x0c\x1e\x8fb\xf1x\x1c\x81\x9f\xf0\x88P\x06k\xe2\xdaB\xceZ@\xba\xb8\xb7\xee\x9d[7;\t*I\xf0\x1d\x92\xa7X\x8d\x92\x125\x1b\xf4c\xcb\\\xc4E\xad\x17\x80\\\xf2\xf2\xa7\t\x90+\x04\\\xf6\x93\'\x9b-Gq/\xa7R\xccpA+\x8a\xc3\xf9\x80Ue\x0eKE\x90E\xc0\x02"&amp;\x10\xab\x1a\xa8\xfa=\x9e\xe8\xd3\xe7{;\x1f\xab\xb1\xb4\x04&lt;\x81\x80\xa8\xc1\xb3@/\x19\xac\x0b\x8b\xa1f\x8c\xbb\x82\xbdr\x85\x0f\xd7}+\x14\xd4\x1b\xa6\x8fA\xc27\x99Dfb\xd3\x02\x17\rr!\x17\x9c\x07\x8e\xcdx\x86\x9aO\xda\x9bKK\x9b\xbb\x98\xcd\xafx\x93\x1a\xad\x06\xabH\xd7\x90\x9fWVe6+\x99\x91\xbb\x01\x1f\x18\x85\x06\xd00\xa1\x91V\x0fD4z\xe6Qg\xe7\x8b\xc3j\x05\xf8\x02\x98\x161\xd1\x00\x01p\x98HX\x1d\x1eeL\x0bPx@\xe22X\x10j\x0c6r\xb3AF\xc2\x95\xc9\x18G!\x84&amp; \x17\xdccue\xbf\n\xf5\xf66o\x05\xac\xd2&lt;1\x13\xb8\tV\x07&gt;\xa1\x03\xdb\xc2=\x9cR\x11\xd8)P\xb5\xe1x%\x18D$\xa2o\x8db\x04\x83O\x13\x9d\xc3\xd0\x87\x01\xf0,&gt;\x87\x92\x99(\xa6\xd4!\x8f\xc0\xb4\xb6:Sg\x024\x8d5,\xe4Y\xb5Rx\x81pV\x8f\nP\x8641\xb9\xc0\xc0\xa0\xe8\xa9\th\xefEOokYY\x19\xfe\x0b\x88\xaa\x1a`\xaa\t\x87\xc3b\xb1\xd4)\xd2\x1d\xb5\x14T\xe5\xad\x95&lt;PA\x83\x82Z\xa0WOo\x10\xc3\xeb=\x13\x1f\x1e~tV\r\xd7\x90&lt;&gt;|c\x17a\xba\x0fW\x01\r\xfe\x05\xc6]\x95\xec;,\x84\xe2\x82{\xc0\xa7\x13\xf8\x19\x18\xa3\xa3\xf8\xa06M\xbb\xddrB\xcby\x0bp\xb2\xb4\x12j-\xc8C\xb0\xd2\xd2w\xf2\xccu8h\x17\xae\xc1\xa8\xc3\xcd\xb8y\xe6\x1a\x1c\x06D\xb7\xc5\x99@\x8dJ\x99gg\xa0\x82\xde_&gt;K\\\x1b{\x82b\t\xd6\xf3\x89\xc9\xf4\xcf\x1a\xce \xa4\x91;\n\xe3!I\x9d!\xd3\x0cN\x15&amp;\x16O)AG\x84\xae\xa6\'C\xb2\x84\x82xX\t\xb2\x90\x85:\xb4k#\xea\x0c\x16\x86\xb0\xcc!\x0b\x15\x8a\x96\xb2\x94.K\x02\xf6 \x14\xc1\x81B\xef\x95=\xb8\xa7@\xd0[\x08\x08a\xe9%\x8d\x04$\x04r\xd1C/\xfd\xbe7\xfaO\x8c1d\xc6\xdf\xbc\xf7}\xef\xbd\x1133\x93(\xa2\t%$S\xd5\x84\x80\xe5B0pEH3\xcd\xec\x82\r\xb7\x0f\x1f\x18\xd3\x9c\xac\x99\x9ci \x91;\xfd\xab\x06\xb9$\\\xef^\xce\xed\xcf\xef\xa7\xc9\x95\xcf\xa7\x97\x97\x9f\xc9\x1d\x82G}\xc8C\xf4S\x9f\x7f\x86\xc6\xb4\xf0\xe4\xfb/\xbf\xf8za\xae\\\x02Q\xa9\xb4[\xaa\x7f\x84\x93G\xa8\xf0\xdf(QK\xc5\xdeLE\x10\xc0\x808\xe8:\x1d\x18c\x11\x0f\xc1\x12\x918\r\x80\xc8\x08\xd2\x83\x15_\xcc&lt;.\x80\x15\xfb\xd5\xe1\xa8\x9dR\x94\x0c\x86\xb8\xe3\xdb\xd3,?\x9d\x0f.\x94\xf5|\x1e\x89\xe3J/\xe6\xeb+\xb0h~\xed\x998aj\xe1\xc9\xc2\xd4\\yew\x17\xce\xc5\xaa\xbf\x1a\xc3\xc8l\x87K\xeb\xed\x8a\xa1/\xc5\xd0\xa2\x01\x10\x9bM\xb0\xc0\x8b\tU\x05\xd6\x9f\x86\xdb@\x96\x88\xe8\x1a\x17\x1f\xd9\xc9MA\xa6%\x19\xac\xdc,JW\xd7q]\xaf\x7f\x9dI1\\\'\xbdwG\xd9l\x96W[\xd8/@\xfa\xe5\xfc"?\x84\xbb\xb6\xc8\xab\x8d|[\xaa/\xce/\xcf\x91\x13-\x92L4-Vm\xf1?\x1cQ\xc7\xc08\xb2su\x7f\xff\xb1bR\xac\x93\xb1\x18~\x17\xa7(\xea\x89"\xc3b\xd0\x90\xb9\xc8$Q5-\xf9\xb8\xf0\x94\xfe\xc0\xbbMT\xe08X\x02\xdf\xb7\xddA\xa7\xa1g:\x12\xae\xe7\xcf\xf7\xb2{\x1b\x1b\xd94\x84\x8f\x1aZ(\xd7\xcb\x85Z\xb9\xbe\xcb\xc6\x04\x10@\x00\xb3^"\xe4~:\xbd\xb6V(\xa4\xff\xc1\xa0\xd5\xab\xa4\x1a\xdd\xd1\xa0\xea\xb9\x83\xab\nI\xc0\x10\xcb\xe5L`\xf1F\xabq(T\xa4\x01F\x18\xb3\xe9ifYa\x8eu-\xf9\x88\x08\xb9+\xa9n\xdf\t\xfc\xc0\xb7\x9d\xe1\xf8z\xbd}s|\xde\xfb\xed\xf5\x9b7?\xfe\xfc\xcb\xefO\xf9_\xf3\x85\xf4\xfeQ!_G\x06Q\xff)\xa4\x95zy\xb1\xc0\xd8\x95vO_~\xb5\x91=\x9a\xdf?\x9aK\x8f[\xad\xcb\x9d\xc6m\x7f\xe8\xd9\x8e\xed7[\xbd\nB\xc3\xf2\x80B\x84\xeair\x96R\x193\x81\xc3\x8a\xc4X\x1c\x1eT\xceg\xd4!\xde\xa3Y\x13VRkt.\x8fO$Zv\xe0\x0cF\xd7\xb78/\xeb"\x9dE\xa3xp\xf0\xc7O[o\xcf\xb6\x8f\xf6\xb2G\xe9Z\xb9LmQE\xe5B:](#\x81\xdb\xdf=\xe5\xe7\x19k\xb5Z\xe1\xd5e\xeb\xb2\xd3\x1d\x0f=\xcf\x85 &lt;\xfb\xfc\xa6\x8d\t\x82A\x90\x86\xa3\xd0\xfe\xac\x17\xe1\x8f\xba\xae\xea\x11p"j\xa6\x19\xa2=\xb6\x1e\x83A\xb3\xac\x8b\xcb\xe3\xf3f\x93\\\xb6\xed;\xf6\xa0\xdf\xc2\xc4\xd4N\xe9)\xd5@\xe5\x87 3\xc5\xcd\xc3\xad\x1f\xce\xfe\xda\xc6:==\xe5\xb7\xed\xd7go\x7f=\xdc\xdc\xdc&lt;\xc0j\x14\x1b\x8d\xc6\x05\xcePZ\xad;\xa4\xcfv\xabU\xd7o\x9e\xdfT(h\x96\xf9\x87\x05e\x93\x07]\t}\th\xc4\x92\x94\x8a\xde\x10,\xa2\x01\x0b\xe27\r\xf5\xe2\xe4\xa4\xc9\x15\x04\x04s\x91\x01\xdb9\xb9jg\x90j\x9d\x1d\x00\xb3\x18\xf0 \xc7\xd4\xc1\xc1\xa6\x90\x14\x8b\x9f&amp;\xb5\x14\xce\x00\x96\x0cc\x15s-\x8e\xcd\xea\xb6N\xee\x1c\x01\xf2\xbd\xaa\x1b4\x81\xd5@\x8d\xb6P\xedC\xc3\t#\xd1H\x04@5\x1e\xc9MC\xd8\xaad\x96p\x8c\\\xc2Pf\xc3\xf2p8p\x9c \x08\x9a\x81\xc0\xf9\x0eL\x89,\x0c\xc6\xb7\xdd\xf6\xba\x95\xd4\xb9QJ\x95\x0e\xa5\xeaZ\x86\x7f\x1aD\xf5\x05\x8e\x91\x8a+\xc6\xd2\xea\xea\xba\xf5\xefu\xa7\x7f\xe7\x80\n@r`\xdc\xd9yo]\xbc\x85\x9b\x14\xd38\r\xa0\xaa\xe1\xd4%\xcf#39\xce{\xd2\xbd\xe3\xe1kJ\\SP&amp;\x98\xd0\xf74\x8e\xeb\x08[\x</t>
        </is>
      </c>
      <c r="M187" s="3" t="n">
        <v>45492.6765625</v>
      </c>
    </row>
    <row r="188">
      <c r="A188" t="n">
        <v>795266</v>
      </c>
      <c r="B188" t="n">
        <v>1962</v>
      </c>
      <c r="C188" t="inlineStr">
        <is>
          <t>Matheuzinho</t>
        </is>
      </c>
      <c r="D188" t="inlineStr">
        <is>
          <t>Matheuzinho</t>
        </is>
      </c>
      <c r="E188" t="inlineStr">
        <is>
          <t>PD</t>
        </is>
      </c>
      <c r="F188" t="inlineStr">
        <is>
          <t>ATA</t>
        </is>
      </c>
      <c r="G188" t="inlineStr">
        <is>
          <t>PD/MEI</t>
        </is>
      </c>
      <c r="H188" t="n">
        <v>165</v>
      </c>
      <c r="I188" t="n">
        <v>30</v>
      </c>
      <c r="J188" s="2" t="n">
        <v>35720</v>
      </c>
      <c r="K188" t="inlineStr">
        <is>
          <t>Left</t>
        </is>
      </c>
      <c r="L188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027ce65-9f48-4d38-962e-6583ed6c78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16\xaf\x9e\x00\x00\x03\x00PLTE\xff\xff\xff\'%)\x1b\x1a\x1a(\'+\x11\x11\x10\xff\xfe\xfe\x14\x14\x13\x13\x12\x12\x17\x17\x16\x15\x15\x15%$\'\x19\x19\x18#"$*(,$#&amp;" "\x0f\x0f\x0f\x1e\x1d\x1d\x1c\x1b\x1d\x1f\x1e\x1f\xfd\xc9\xaa\xf7\xc0\xa4\xc1\x87r,*.\xf6\xbd\xa0\xfd\xc7\xa7\xd6\x99~\xdd\xa3\x8a\xe1\xab\x93\xfb\xc3\xa4\x1a\x17\x1a\xe6\xb1\x99\xc4\x8at\xfe\xcb\xac\xd8\xa7\x91\xd1\xa1\x8b \x1d \xda\x9b\x80\xe1\xa7\x90\xfc\xfb\xfb\xe4\xae\x95\xe7\xa5\x88\xdf\xae\x98\xd9\xa1\x89\xfe\xce\xb0\xd6\xa2\x8c\xf3\xb7\x99\xd7\x9e\x85\xe9\xb4\x9b\xfa\xc0\xa1\xe1\xb1\x9b\xdd\xa8\x91\xf3\xba\x9d\xef\xaf\x91\xdc\xab\x95\xd4\x9d\x85\xec\xab\x8d\r\x0c\x0c\xee\xb6\x9b\xdd\xa5\x8e\xfa\xc5\xa8\xfe\xd6\xbe\xd1\x9d\x85\xb7}f\xcc\x9b\x86\xe7\xa9\x8e\xdd\xa0\x86\xc4\x95\x80D2*\xcc\x92{\xf8\xf7\xf6\xe9\xb0\x97\x93kV\xf1\xbb\xa10.0\xc9\x8dv\xc2\x92|\xe4\xa2\x86\xe2\x9e\x813\'%\xaf\x82k\xc5\x8ew\xb9\x8br\xf6\xba\x9c313\xb2\x88q|ZJ\x8deR\xe4\xb4\x9d\xbe\x8fw\xfe\xd2\xb5\xd2\x99\x81\xc8\x94|\xe8\xb7\x9f\xaboW\xc8\x98\x83\x9clW\xf2\xb3\x95\xd5\x95{\xd2\x95|jPD\xb3w_\xbd\x82ktVG:-*\xa9\x7fi\xcd\x9e\x89\xfdMLvP?\xab\x8f\x80656\xe2\xa4\x8b\xd3\xa6\x91\xcc\x9a\x81\xcc\x97~\x84bP\xaft[\xee\xb3\x97\x9cfR\x87\\H%\x1a\x18\xba\x9a\x8aqJ9\xfbHG\xaezc\xfdVS\x94p]\xd1\x91w\xe5\xe4\xe4\x94cO\xfe\xdc\xc9]E:\xa4s]\x9ds]\xa5yc\xeb\xeb\xeb\xcc\x8bo)$%P&lt;3\xf8DC\xf1\xf1\xf1\xe9\xb9\xa4\xc8\x9a\x86\xd9\x91q\xf5\xc4\xaa) \x1f\xc5\x80c\xf2?&gt;\xbf|`\xa5lW1 \x1c\xbe\x8erOPO\xc8\x84g\xce\x8fu\xe4-+\xb8\x86o\x86i[\xa3\x89{\xb9x]\xc4\x93xI81dI&lt;&lt;(!X?3B@@\xa9\\R\xd0\xaa\x98\xd7\xac\x99\xf9\xf0\xec\xec66\x81\x84\x83O2+\xb7\x8ey\xca\xa6\x94\xb2\x94\x85\xc6\x87m\x9cxd\xd1++FFF\x85PATB:\x91ug;?;+/+\x9f\x82qeA3\xbf\xbf\xbe\xdc\xdc\xdcUXU\xc4\xa0\x8f\xd5\x89j&gt;9;\xfdc\\\x8d\x8e\x8ciK=\xa8\xa8\xa7\xdb\xb1\x9d_^\\\xde\x97x\x93=8\xb1\xb2\xb1%)%\xa1\xa1\xa0xzx\xdf98\xc8\xc8\xc6\xb4fV\xf0\xbf\xa8\x95ZJ\xd4\xd4\xd3\xcewz\xdb+*\x8a*+\xfc\xcf\xb6\xecGF\xd4\x81\x86\xf9\xca\xaf\xc8+*\xc1wn\xcf\x88h\xce\xce\xceI!!\xb9**\x96\x98\x97pro\x99\x7fzdgejmj\xf0\xe7\xe2\xb8\x94\x81\xbfgit\\U\xafOAf#$\xf3\xdd\xd4\xea\xa9\x98\xa1))\xa864\xd4KFu$&amp;\xe9\xc2\xb6\xc0?=s64\xc4aR\xe1\xcc\xc1\xf1\xd5\xc7\x9cOG\xe8\x97\x94\xc2\xac\xa7\xcd\xbc\xb6\xd9\x91\x83\x84tq\xa7\x97\x8f\xe4\xd9\xd3\xe7\x8a\x88\x18\x01\xd9\x15\x00\x00 \x00IDATx\xda\xccX\xdfK[[\x1a\xb5\xbb\'\xfb\xec\xe3&gt;\xf6\x9c}\x0eX\xc8C\xf1\xc1\x12|\xbaO\x971O2C\x12\xc4L\xeb\xb4H\xfbP\x10G\x1b\xaf\x0f\xe2@\r*r\xc1\x94)\x93*\x81\xa2\xa87\x11\x06i\xd5\xa7\xf8 \xd8\x92`\x12\n\xa9X\x8cA\xb8&gt;WP\xf4\x0f\x99\xf5\xed\xd8\xff\xe0\xd8\xce\xa7\xe7$\xda\x1fYY\xdf\xfa\xd6\xb7v\xda\xda\x02\xacD.\xd2\xf6\x7fQ\xa1P$B\xf7\xb6H\xa2-t\xde\xbc\xba\xc8\xdd\xfc\xfe\'"\xcad\xb2\x89\\\xe5\xe2\xe4,\x97\xcb\xd5\x8f\xb3\xa7;v\xe3\xeeE\x06\x7f\x14\xa9f~\x16m\xa1D\xe6\xa2vyZ\xb9\x9e*]\xd6ON\xf2\xb5\xfa\x91\x92R\x0c]\x9f\x86"\xa7\xf5\xe6q\xa2-\xf2\x13(\x0be3\xd5\x8b|\xe9\xb29\xe4+\xbbQ\x1ej4\x06\x1cKp\xceT\xa9\x92i\x96J\x97\x95\xd3\xe3\xe3j\xe8\xc7\xc3\xaa4\x8bW\xe5R\xc9\x17\x96%\x98\xe4\x960A\x96kX,\x9f\xb7\x19+\x0f\r\xec\x17\xcf\xaa\xe7\x89P[(\x12\xfa\x11\xf0"\x89l&amp;\x93\xc8\x1e\xe6\x1bS\xca\x02\x14\xcb\x92\x167qc\xbeo\x08\xd7\x94\x9c\x0bK\x08K\x96\x8f\xae\x8fN\x12\xb9\xc3\xe3L\xe2\x07(=wV\xcc\xd7\x8a\xcd\xeb2c\x02\xaf.\xb8ir\xc3\xe4 M\x01\xa6i\xa0\\\xc34M\xc9\x1a\xe5r\xadRlL5\xb3\xa1\xdb\xf6\x83j\xe5$?TVv\xd9\x07Q\xc0\x03@\xa6i\xe1\x06\x88\xcc\xe2Bp\x83\x13(\x83K\xa6\x94\xdd1\xe0\xd8\xa5\xfai\xe66q\x85"\xd9\xf3"\x14%=\xb0d\x98\x90\x93\xe9\xba@`rn\x99`H0\x93\xba\x07\x94\xaei\xa0\xb7B\r\xdc\xf7=V\xce\x97\x8e\xceo\x11W(W\xa9\xefL\xd9L\x10\x1b\xaeiY \xcb\x002\x82\xe1\x12=\xbe`\x9e\x14\\\xab\x0b\xe8\xb8\xf0\x1d\x94}\xaf|U\xcf\xdd"Y\xd5\xe2\xbeR\xe8\x13^\x13\x94`\xea\x0c\xd7\x85\x92,3J\x8f\xa0\xc7B\x1f=8\x85\xc7 :\xc9,K9\x00\xea\xf9\x03\xc5J\xe4\xd6\xb8:/\x1e5$^\xd0\xe2$s\x93\xe80\xa2.\x17@g\xde\xe8\x9eAd\xbe\x92\xdc\xb7d;S\x9e\xc5\xda\x05\xf4\x86&gt;\x1e\x9d\xdd\x12\xac\xec\xf1\xf5~\x83@\xd1\xf0\x81+\xd3\x95\x80\xe5\x9a\x8cY`\n}\xb4\x98g\x18B\x1a\x12\xda79\xbb\xe3C\xf4\xf7\xefk\xbd\xb5\xdf\xed\xb8\xce\x85\x82\xf7\xafP"[\xbf\xac\xe1\x85\x98$I\x81+N\x82"\xc6\x80\x10\xbd\x8c\x9a\x96j\xef\xc0\xcf\xc4\x9c\x12\xc0b{L\xfa\x8eo\x1a\xf0\x11\xe5\xdb\xfb\'\x95\xf3\xc0\x05\x969&lt;\xa9\x95\x07\xa4\x84\xa3\x0b\x01N\xd0B\xe6b\x02[\xe2r]\xce\x95RL\xb8&lt;\x8a!\xc4\x90\x9aP\xbe)\xa4\xeaP&amp;\x9aH\x1a\xf3\xcb;\xf9\xcb\x93\\\xa0\xaa\xaa\x1e7ke\xd9\xea\xa0\xb4HX\x80\x02o2\x8903j\x98D\xa3p\xa3Q\xf21X*\xc6\x81\xc35\x04slR\x9b\xf4}\x05\x9fk4\xae\xabA\xc2\xaa\x1c^\xed\x94\x19\xfc\x13\xea\x15$x\xb2r\xd0 \x89, \xc4\xaf1\x85&lt;\x1a\xc5^\xe4\x12\x1d\xd5]\xc6\xe6\x16\xea.L\x83\x91\xb3vc\x02J\xc7\xd5jp\x13\x99\xb8\xa8\x95\x1a\x12\xa8\x08\x93\xa9=\\\xb3\xa4A\x11,\xcd\x11M%X\xb3\xf0\xd0\xdaEp\\\t\x92\xf0^&lt;\xe6H\xe5\xf9\xfeT\xb1\xde&lt;\x0f\xae\x87\x17\xa5\x06\xb8\xc226\xc1\x00\'&lt;$\xaf\x96\xd0]Z6D\x1e`\xa1\xc8\xf2a\xa3\x00\xed\xe1oI\xe6\xf8\x18K\xa2\xcb\xf6l\xc5\xec\x9dZ%\xa8\x1c\x968/\x96i+C\xc5\x86\xd0|\xd1\xca!\xb6@\x0f0\x91\xaa\x0c\x17\x12\x8f\x82\'j\xb0):\x04d\x0f\x16\x91\xbf\x18\x0c\xc4\xc1\xddv\xb0\x02T\xf9\xe84\xa8\xe4Zm\xee`\xe1prp\n1\xd0\x96e\x90=\x18F\x94\x1a\xca\x11\x1b\x88&amp;\x08\x1e&amp;\xc1\xb0\x86`\xf7\xc2\xd0\x03jJ\x8fy\x1eC\x00c`M\xb2{\x8d\xd2\xe5Y(\x18\xc7:\xbf\x9eRR\xe8\xc9\xb2$\xd7\xca\xc27\x9e\x19\xb8 onEo\xca\x92Jq\x17//\xa4I=\xc600\xb4Q\x81b\x06\xeb\x87a4\xf6\xeb\x99@2_\xe2\xec\xb0X\xa2hE\xa8h\xba(\xcc\x90\xd3[\x94\x11\x18\xcd$mD\x97:(Hx\xae\x96\x1f\t\x90Cx\x00\xaa&lt;$W\xdba\xd8\x8d\xfe\xdd\xdaE\x10!\'R=\xbd&lt;*\xd94\xff\x82\x0c\x9d\xeb\xd5\xa3\x175\xd7\xe1\n\x90\xa8\x83Q\xedY\x18\x04\xf4\x8e{\x94r\x1c\t\xf4\x06\\\xd6\xc7?\xa6\xee\xb7cY*\xbbv\x15D\x13#\x87WS\n\x99\th\x00\x07}\xd4\x9c\xdd\xcc"\x12\x0e(\x8a\x12O\x00\xe7\x12?P\x92a)"\x14j\x04}\x08;&gt;\xf3\x15\xe7\xe4\x1d\x9e\xc3\xec\xdae\x10\x0e\x119\xac\x95\x94C\xdd\x83\xac\x08\x12\xc82Zrv\xb5E\xd0\x92\x86\xdci\x00\x81\x94k\x8b\xa5.ca\xfb\xe8\x9d\x05a\t\xcf\xd71\xc7C\xaa\xb6\x11\xa3\x83\x80\x95\xb9\x9c\xd2\xc7\x08\xda:\x98B\xea":h\xd2\x18j;5\xb4_\x18\x08\x11f\x0b\x8fly-\x97\xd2\xf7\xe0t\x14\xbc&lt;\xdbV\xc0\xc7\x84\xa7|g\xa7\x12\n\xc0I3\xc5\x01l3\x8a\x9a\x180F\xf0L\x13\xf9\x80b\xb2\xa1\xcd\x93\xd4-\x1e \x92\xc2p\xd9\x03P)u~\x00\x98n\xa4\r|\xe1T\xeb@\xf443\xbe\xe7\xa9R1\x1b\x80;\x9c5\xcbx\xd3\xb4\x06\xf1\x1f\x13o\xf4\x04@l\n\xf2\xd8\xc5(\xa5\x16\x97\xe7\x96\x07\x07\x97\x97\'\x06\xe7`\xe8\x8b\x8e\x85U$\xd0{\xda\x950,\xd5n[\x94\xb1!2O5\xf2\x99 \x9ax\x91\xf7q\xa2\xd0~\xa0\xcf6\x86V\x91yGY|np0\x16\xdb\xda\x8a\xc5\x96b\xb8\xc5vq\xc7\xe3Vlbny}}N\xc1.\xe4\x03\xbc\x15\x0f\x0b\x08F\x82\xc1%\xf9\xfb\xa5\xe3\x00F1q\x08X\x8c\xa1\x85P\x16]\xdc\xd5\x9a\x87g\xad\xefn\x1fL\xceONNN\xcf&gt;\xfb\xf8\x8c\x9e\xcd\xd3\xd7\xfc\xfc\x01\xd5nl}\x8eJy\xe4.\x96A\xd3bw#\x17\x96O\x82p\x88\xd3K\x18!\x1d\xe6\xe1\xd2h#\x8d\x1c\x943\xb7\xb5{0?\xfbzmmxm\xe6\xf5\xc8\x7fF\xde\xbc\x99\xe9\x9f\x19Y\xa3\x1a\x1e\x1e\xde\xdc\xdcL\xa5\xd6f\xe7\x0fvwcs\x0c\x16gA\x01\xd0\x15\xebn\xbf\xa7J\xa7Al\x9fl\xb3A\x87\n\xabu\xe0\xe1\x94\xa3\x96\xd7c\xf33k\xe9\xf40\xd5\xda\xcc\xcc\xda\xda\x0c\x1eG\xd6\x86[\xb5\xb9\xb9Z(\xac\x14\n\x85\xd5&gt;@\xdb\x9d\x83\xa5E\xf1V\x98\x07\x15\xfa6\xcb\x07\xf2\x89I\xe4p\x9fQR\xa6\x11\xe4p\xa9\x07\xeb[\x07\xb3\xc3D\xc7f*=\x0chktK\xeb+\x95nQ\xb5\xba\xb2R\xf8\xf6\xed\x1b\x90\x8d\'\xfbcs\x14\xaai}\xf9\xb6\xf2\x9c\xf6\xa3``U\xae|A\xed\xa3\x194\xcc\xb9\xad\xf9\xd7\xe9\xd4\xe6\xea*}\x03[z\x98HJ\xa7\xf0,MW:\rT\xab+\x05\x8d\x0b\xc8VR\x93\xbb\x12\x8eay\x9e\xdd\x8d|s\xdf\xbe\xce\x04\x93 N\x1a$+Kg\x19\x19\xfb\x98^\xa5\x17^]Y]\xa1\x87\xcd\xcd4\xe1I\xf5\xfd\x9e\xd2\x95\xd6\\\x11\xa2\xcf\xa8w\x9f\xbf\x15\xfe&lt;\xd8R\xf0.\xe5\xd9\x08\x13\xddC\xed\xc5\xa0\xf2V\x89\x82/mB\x93/o\x0f\xaf\x12\xa6V\x15VV\xc6\xfb\xfa\xfa\x00\xaauO\xa54S\x05\r\x89P\xa1&gt;\x0f\x7f\xdc\x1et&lt;\xa5\x9c{R\xb1vg\xe80 X\x89\xa2O1\x9er\x83\x18\x9cLm\x12\x1e\xaa\xbd\xbd\xb7{{{\xe3\xba\xfaZ5\xde7^\xd8\x03\xaaw7\xf5\x15W\xfa\xcf\xc9\xf7\x83\xcb\x8b\xdd\xb6\xe48g\xf8A,\x9f\x1b\x8f\xd8\xa7\x83\xb2\xb0\x98\\\x8e=\xef#=\x17\xde\xdeT2\xd9\xd5IE\xc0\x80\x0eHQ\xefF\xdf}E\xe9\xdb\xd7\xaf+3\xf3\xdb[X\x01\x0e\xac\xd4\xe9\xb6\xf3\x81\x9d\xfa\x13u\x07\x81\x13\xe7*?\xb6=\xd2\x07Tx\xe9\x8d\x05\xaa\xf8F&lt;\xf9\xe4Ig\x0bYg\xd7^Wr\x03\xb50\xfa\xf5\xf1\xe3\xc7t\xd1\xc3Fz\xf6`\x17\xd6?\xe88\xc0u\xe7*\xb0\x13l\xe8\x90\x0e&gt;\x88\xe3\x13\xef\xb7G\xba\xf6\x80jacalttll,\x0eX\xe0\xab\xab\xabS\xdf\x93\xc9\x85\x85\x8d\xf8\xd8C\xc2\xf3\xa8\xa7\xa7\xe7\x11n\xa3\xe9\xd7\xf3\x1f\x96\xbe,\xc5&amp;\x96m\xc7\xbe\xdb\x0c\xec\x13\xcb\xd0yIzX"\x1d\xb1\xd8\xc1?\xe2o\x17\x16FQa\x8d\xeaU&lt;Nlu\x11Y\x9d]O\xba\x92\xf1\x05\xb0\xa5a\xf5\xf4\xf4\xf6\xd2\xf5\xb7\xf1\x91\xd9\xc9\xf9\x97\xff\x8e}\x9a\xb8o\xb7O]\x04x~-\xaa;\xf7\x94\x03\xb2&amp;\x9f\xc6\x01j\x0c\x98\xc2\x0f\xc3\xe1x\xfc\x95\xc6\xf5\xe4\x86,\xb0\x95\xa4\xfe\x86\tW\xcf\xa3\xbf\xf6\xa2\xfe\xd9\xd3\xf9\xfb\xeb\xe7\xcf\'?l/M,;v-\xb0\xe3+\xe8:\x1b@\x82\x1b|\xbf\xb4\xfd\xeci&lt;\x1c\x0e\x8f\x85u\x8d\x8d\x01T2I\xa8:5\xaa\xef\xb0F\t\x16\x1a\xd8\xdb\xd3\xfb\xeb\xaf\x1a\xd6\xf4o_\xb6\x97\xb6\x07\x17\x07\xea\x01~\xea\x1c\xca\xee#WN\xc4b\x1f\xa6\xffx\x15~8\x1a~\xf8\x10|\x8d\x86!-\xc0\xea\xfa\x8e\x8an\xb0\x8c\x8d\xef\xa8P\x80\xf5\xafd\xdfL\x7f\xff\xf3\xff~\xf9\xf0ebq\xe08\xc8\xcf\xb8"M\xc7Y|\xff\xe9\xd3\x97\xe7O_\xfc\x82\xee\x85G\xa9\x93\xe1\x17\xa0\x0b\x04i\xa2Z\xd8\x80\xea\xad&amp;K\x83\xeayD\xb0\xe2\x7f\xbc\xe9\xef\x9f\xfemz\xfa\xe5\xfb\x89\xfd@?\x14\x8c\x1cw\xd8\x13\x9f&gt;-\xbd\xec\xff\xfb_^\xfc\x02P\xffc\xd5\xec~\xd2\xca\xd38\xde\x1b\xefv\xf7\n\xdc\xa3`\xb4\x1a\x8e\xbc\xc89U8B\xe4\xfd \xad\x8e`y\x19^\x14\x1c9\xc2\x8a\x18;\x08*\xb4\r\xc1"j\x8dY+3iK\xc7@\x83/}KJ[\x135qf\xb6m\xea\xb4u3\xcd\xd4N2&amp;\xde4\xa9I\x1b\x1b\xb3\x9b\x98\xed4i\xeb$\xfb\x1c\xba\xfb\x1f\x9c\xe7\x06\xee\xf8\xe4\xfb&lt;\xbf\xef\xef\xf9\x9e\x03MV\xee\xa6\xfb8\xd7\xd6v\xaf(T\xe9g\xb1\xe8\xd1\x02\xa9\xe8\xa2\x07\x9e\xa2t\x86\x88y\xc2&lt;\xe1L8\x02\xfe\xe6+\xe7\x98\xc4*\xf9\xe5\xcb?A\x0f\xa7\xfdN\xa3\xac8V&lt;\x1e\xaf\xf8\xe9\xf6\x19\xe6\xe6\xc0R\xff\xafV[q\xb0&gt;{C\xbb@G\x10\x186\xc2\xd1\x1a\'\xed\xc1\xe5\xe5\x80c\xa1\xf9\xc9y&amp;\xb1\x8e\x9c\xbf\xf2\x97\xbe\xe6\xe9\x94\xdfi\xc5e8\x8e\x03\x14\x8f\x1e|\xdc\r\xe5\xa3\xbd\xcbh\xb4\xd0\x86j\x80\x13\n\xd6\xa0+Z\x96NNPRD\xda\xd4\xd0o4\x06[\x821Gj\xfa\x15\xb3X\xb5\xcf\xfe\xdc&lt;?\x9d\xdap\x1aE\xb8\xe8\x7fX\xe52\x19|\xc5q\x99;\xe2\xf1\xe8\xf5FK\x95\xc5\xe0v\xf3L!0\x06\x1d`\x99t\xc4\x08&amp;e#\xect\xda\xa5.\x98\x83\x13\x93\x8e\xd4+f\x1f\x9f\xd6&gt;\xfa\x02F+\xe5(\x88\x81\xa4\xc8\x05&lt;\xa2\xcf%V\xab\xbb\xbb/\\\xb8\xa0\xd7w\xabE\x1c\x05\xca\xe7\xf3u!\x13Irt\x04\x85\xd9\x10\xb6Ryt;\xdd\xa8\r.\xaf\r\xf9\x9f1\x8bU\xf2\xcf/\xe7\xa7Ws\xc1\x1a\xb1L\x86\x8b8E\xc9p\x91\x98#\x02\x8e\xea\xea\xc1~\xad\xb6_\xdb\xad\xed\x17K\xb8\xdc\xca\xcaJ\xa1DA\x82\x94\x1c&gt;\xcc\x96\x14\xb8X\xca\x9dVaay=\x11x\xc4\xec[\x83\x92\x1f\xaf\xcd/9\x82y\xb5H&amp;\xe3(Dx\x8d\x1aJ,\xae\x86\x92\x00\x96\xd6\xa3\xef\x06\xc5j\xc4\x92Fa\x83\xab\xe1\xe6\x8d\xc1\x0b\x85B\xc1X\x83\xea\x88&amp;\xa4\xa2\xbe\x02aK\xbb\xacv{\xc2\xf1\x13\xb3\x8f\xe6K\xce\xffc:\x90\xb0g\xd4j\xb7L$Rk\xf5\x85\xc2\x99\xfbw\xee\x0c\x0e\xd2`5ZK\xa9\xc5h4z\xc2E\xd0\x1b\xf7\xef\x9eZ_\xcb\xe5rkW\xdf\xf4s\x8fal%\xdb\x86H[\xfb\xed\x85\xe5\xdc\x0f\x0c\xbf1(y6\xedHX3au$\xac\xd6\xdb\x97\xe9\x1f]\xbbz\xf5\xd4\x9b3\x17\xb4\xda\xee\xe2\xa5XUe\xf1D\xb4z\xfb:\x8c\xd0\x82?um\xd5\x1f\xd8;\\\xbb;\xd8\x84(\x95\x88\x94j\xaa.\x14\xec\xb9_\x99\xc6z\xb4\xba\x00X\x11\x8b\'\\\x00%\xf6\xfc{{{O\xf6\xfc\x81\\"\x11,tTU\xf5\xd2\xb6e\xe9\xb0\'\x02\xa9\xf9\xbe\x93\'\xbf\xf8k_\xf3j\xca\xbf\x97\xdb=S=\x82@IG$\xdd\x85`\xee\xdc\x11\x86\xb1~X]X\xa6\xb1\xf2\xf6\xb5\xb5\x9c?\xb5:\xfd\xf0\xe1\xc3\xaf\xfb\xbe\x9e\x9f^p,[\x01\xab\x17.j\x8b\xd9\xe9\x9fo^&lt;y\xb2\xaf\xafo:\x15\x18Z{s\xf7\xcc\xc7\x1bB)\x82\xd9l\xd2\xcap\xc1~\x8a\xe9\xd7+%\xe7\x9elLd2\x9e\xbc}}}m/\xe0\xf0\xaf\xc2\xbeI\xd7\xe2\xfc\x82\xc3\\J7\xd1P\x1e\xb1;\x8ba\x7fc`h-h7\xaa\x85[;\xaa\xb1\x83\xadV\x04\xa30\xc02\xda?\xd42\xfc&gt;\xaa\xe4\xf8\xabT"\x93\xc9g\xeco\xee\xdf\xb9\x7f\xa6\xc3\xbe\xbe\x9c\x18r\xd0\x10\x8eX\x8b9O/\x80&lt;\x92\xe3\xf6d\x93\xb1d2\xe9\x1d\x0f\x9aK\xdbd\\\xc0R\xa9\xb6\x954\x16V\x19\xe90\x7f,\xa9}\xfdwf\xb9~\xa6\xb12\x1d\xfd\x8f]\x8f\x1fk;2v\xf3\xa47\xe9\x8c\xc5bN\xaf\xd9\x121X\xda|\xa4.\x84[\x80\xcaK\xd7x\\s\xcf\x87\xa6\xb7\xb7\xd3J\x16\x8b-\xa5(\xeaD\xde\x18&lt;\xfcy}\xd8\xfd\x9e9.\xd0\xfeW\x7f\x0e\xb0&lt;\xe2\xc1\x9b7\x07=\xd9\xf8D\xcb\x10\xad\xd5@,\x96\x8c\x97\x1adp\xeb\xe8\xe4\xa4!\xba\x92L\xc6\x06\x066\x16\x02\x01\xe7d6\xe3\xee\xdaJ\xb3\xd9,\xb6\r\xa3\x08\xae\'\xbf\xdc&lt;\xf0|\x16\xdb:\xce\x10WI\xed\xef\x1f~9\x7f8d\x85\x99\x0fG"\xe1\x8e\xf1\x96!\x87?5?\xff\xfd\xf7g\x07V^D5\x11\x11\xae&amp;\x89\x11\x9d/\xb9\xb220\x00\x9b\xc2\xe5\xbeo.\xdfv\x16\xfa5U\'\xc0 *\xd86\x8a\xd0\xb5\x894+\xcf\x9f"\x0fx\xb7\x98\xd2\xeau\xefW\xc9\xab\x7f8\xad\xd6|8\x92\xcf\xc7c\t\xc7\xea\xc9\xd3\xd7N\x9f\xee\x9b&gt;\xbb\x12{\xf1B\x83\x8b`\x9f\x90c\x08\xdf{v\xc5\x19\xdb8\xf4\xbf|\xf2\xcd\xe2\xeeGG\xac\xa3\xa3\rmb\x97\x95!\x94\\W\x8e\xcd~k\xda\xe9\xf9\xd7S\xa6\xb0\x8e\xbcv\xcf]\x84\xcd\x97\xc6\n\xe7\xe3+\x8e\xa5\xd4O{\x97\xaf\x9c\xbe\xfc\xe4pc%\xea\x8dV\xe1\xbc\xd1\xb6)\x1e\xa6dgW&amp;\x92\x8e\xdd\x0f\xbb\xb7\x17\x17_\xee\xee\x1f8c\xa52\xd1\xb1\x9d\xce\xbazJ.\xd0)\tyE\xdd\xb7\xcca\x95\xdc\xca\xaa\xf1\xb9\xb6\xac\x99V+s)\xb6\x14\xb8\xfbao\xf1\xf2b\xf3\xe1\xd5\xdd\\\xcb\xf8\xb0\x81\xe4A&gt;|J\xd4#x4\xb9\x92\x98&lt;\xf5\x87\xff\xf6\xcb\xa5\x0f\x07\x06\xe3`\r\x7f&amp;\xad\x1a\xeb\xac\xc0\xe4&amp;\xa2Ni\xc3TS\xffngL\xad\xe3\x91\xbf\xc98h\xb7=\x13Q\x87-\x9a\xf8\xe4D\xf0\xfe\xdd\xa5\xdbK\x0bN0\x83h\xfc\x9e\x8f$}\xa3=\xedT\xbd-\x94}\xe1\xbdt\xc9\xebmq\x0c\xb4\xc4{\xab\x0f\xb6\xb6\xd2\xdb\xaa\xb1\xb1:%&amp;\x17`,\xf0\t\xd5\xa7\xb7\x04cX\xb5\xd5\x17\xdb\xcaOTg3a\xb8\x8a\xc5\xean}a\xd2\xebt.\xb7x\x93\xd1\xc9\xb8f\xaa\x9c\x0c\xc1~o\xc2*l\xbaQo\xf4R\x14\xfa\x1a\x8d^\xea\xadq\xa5\x01k\xa7S\xa5\xaa+\xb3\x01\x96\x8dP\xee\xa8&gt;\xbd\xdbbn\xb9\x99\xb9\x08{\xbb\xc8\xda\xd1/lh\x10V\xd7\xf4\x1b\xad\xe3\xe3^o4\xf9"y)\x0e\x8e\x85\xa2\xbc\x9eO\x02\xa4\xac\x9e\x12\xf8\xc6\x01)z\xfd+Mi\x95\x9b\x0f\xfe\xb0\xb3\xd3\xd9\xd9\t\xed\x93\x0b(\xf9\xb7\xb3re\xe8\xc1&gt;s\xb6\xb5?\xc79\x86\x1b\xac\xf9\x1a\xa1\x90\xdb(\x14\xab=\xbd\x9aaZ\x15\xef\xb8\xa6\xaa\x9c\x17B9\x80%GXp\xe2\x08&lt;\x1b\x1f\x1e\x1f\x1e\xd6\x94N\x81\xc16\xb5n\x81\x9f\xd6\x1d-\xb3\x11&amp;\xe2\xc1\xdb\xe7\xb3\xf2\x11\xc1q\x06\xaf\x1e\xa1\x82\x9c\xeb\x05\xacF.\x97+l\x14\xf9\xdaz5q\xb39\x9b\xcd\xb6\xf5\xf0\xc8P\x88\x1c\x1d\xed\x11P\xf5e\x156\x0c\xf2jo\xb6\x18\x82zH\x9d\xfc\x04l\xa7\x15,\x1aK\x80=\xdf\xbc~q\xb6\xf5\x80\xc9\xcb\xe7=\xb7g\xce\x02X\xd5\\\x89\x02\x95\x88d&gt;\x83\x056?\xbd\'\xc2#I4D\xf2z\x00\x8b\xc0\xd8e\xf56Jnr\x1b&lt;\x06\x1f\x80\xf2 \xefS\xb6\xfa\xfa2\x16}\x12\xeb\xdb\x7f\xdb\xbc\xfe\xa0u\x9f\xc9\x1b\xf1\x96\x0b\xa2=`I$\x12\x0e\x87#\xe2\xf9\xdc\x91p8\xac\x96\xd1R\x85H\xc8A=&lt;\x01A#\xd8(J\xd0\xce+\x87\xcb\x08\xaa\xbd\x88Uq\x14\xd4\x92\x9bX;\x9b\x9b\xd7g\xd3\xb7\x98\xbc\xa9k\x0f\x14\xee\xb05\x0f\x19\x02\xb0H\x92\x84\x84\xa8V\xcbp\x9a\x8ac"\x81`\xb4\x1c\xd4\x02,\xd8\x16\xe4\xc0\xc5\xa3#n\x91\x8a\xcd\xaa\xa3gK\xde\xbe\xad\xda\xdc|\xce\xdbf\xf6\x1fy\xef\xf9\x8a\xc6\x8e\xbc\xb8\x91\xc6\xa2\xf5\x12\xe1\x90\x81p2\x84*B@I\x87Y\x13\x81!\xf5\x10\'(Bn*r\xb5\x9b\xe4\x84\x8d\xad\xacS\xa9:i\xac\xbam\xc0\x12\xbcg6\xfb\xec\xa3\xe5\x12=\x8c&lt;\x1cE\x14U@A$#9\x1cT\x81\xe2\xe50_&lt;\x19O@\xd9`\xe01%F\xd01\xb1\xd8B\x98\xb6\xa3\xb4\x9dv\xb2\x10PK\xf1\xdb\xe6;\xe9&gt;\xa3TGnU\xce\xe2\xdd\xe0[.\x97K\xc8\x05*\xc8\x8a$\x84D\x0e\xca\x19\xe5A[E\n\x8en\x04\xb1\x11\xed&amp;\x84=\xa2\xd3\x99Ld\xbb\x89\x16KIS\x8d\xa9\x8e"r2\xfdv\xf3\xad\xa9\xf55\xb3X\xb5[\xb3S\x9e\x8c\xba\xc15\xd3\xd5U\tP\x80\xc2\x81\x08\x8d\xa2p\x12\xf9|\xaepFx\x82\xbd\xbd\x8d\xd0\x81\x15\xb0B\x02\xfa\x11\x04E}\xa6\x1aS\xb1\xc0 \xa66\xdf&gt;5u1\xfdg\xcf\xdf\xf1\xefz35BWW\xd7\x8c\x8b\xcbU\xd0BA;\xb9\xfc\x99\xae\x99\xf4N\x97\xeb`\xa6i\x07~\x7f[\xa5BB(p\xe9t\xc4\x88\x14\xa9+RA\x13199\xfb\xee\x01\xf6\xf4=\xd3\x89l_\xf6\x9d\xc6\xaan\xa4\xb1f\\|\tJ\x97\x82\x8bVJ\xc4t\x90\x96\x88%\xc7\xd2u\x9d[\x1c\x1d\x9bE\xe24\x18\x1c\x006\xeb3\x95\n\xb0\x08\xd2F\xb0\x119\xc3=\x84\xe1rq,\x80\xd5\x00T3]\x95Bp{\x14mD\x15"\xcd\xe6\x7f\xbc\xfa\x9a\xff\xf2r\xfe?i\xe4i\x1c\xef/\xfcv\xbf\\\xce1\xb0\xc0Q\x99\x14\x11:\x8a\xf2e\x0cp\x08Ee\xe6d\xc3H\xc3\x97)\xb0\xe0\x15;\x8c\x81(P\x96b\x1a\xb2\x86/\xbd\x9a\xeai\xb2\xb5\xc9F\x89RSkR5&amp;j\x82\xb9\xf8\x8b\xb7\x97\xdd\\\xeeZ\xcf\xdc\xad\x1b\x93\xfd\xc1lkr\xf5~hz\xb6n{\xed\xde3\xed\xee\xfd\x05\x1d\x1f\x98\xe1\xd7\x17\xcf\xf3|\x9ey?3\xcfg\x92]\xb8\x92\xc4F\xbe\xfb\xd7\xc3&amp;\xe1\xb9\x16\xf1\xa0\xad=#D\xbe\xfd\xf6\xffX}\xfa\x0b\xcdBi\xdf\xc4\x87\x8e\xa1\xa0\xf1\x19)s\'\xe5m\x9c\xbbB\x1a?8L\xabUi\xc5\xea\x9e\xfa\x8e\xec\x9a\xe7NG\x8f\xf2\x91\xe1\xf6\xce\xfe\xef\xda\x9b&gt;\x1a\x04,}Fh\x06\xed\x00L`\xe7\xa5z\xc5G\xfa\x8b\x17\xf5/&gt;\xfcx\xe0\xb1J\xe6\x81\n\xe1\x87\xa4\x87\xb4\x0f)\xe1\xe2x\xa4\x18\x14_\xfe\x02\xd7\x1a\x86\xec\x1d\xbd\x90g2\xc9`S\xd3\xb9\x8fm6\xc8\xf7\x0cR\xc7a\x01\xd4\xa5\xf3\r\xadz\xf1\xef\xa1\xca\xea\x16\xcf|p{!\xd1Rw\x92\x18pA\x1c\x01\x0b\xd6\x9f\x02j&lt;\x08S\xb1\x01E\xed\xf5]\xa8\xbcM\xe6\xb055\x81\xa7\xf4\xed\xfa&gt;(\xef\xef\xb0.5\xd4\x89Z\xdb\xcf}\x8e\xf45?\xe5a\xfa\xf4iK\x80\xf2\x04q\x93J\xc9a\xf9e\x12\x89X\x0c\xd7C(\x13\x18\x1a\xb6OO\xd7OC#\xadP\xdal\xed\xfa\x0c4`\xcd\x08\x17D\x08\xe0y\x91\x14\xd1ez\x1f\xda\xfe\xf9\x1b\x1eF\xc1\x05\x8b\x18N\x97\xe9\x14n\x92pY\xafq@\x91\x10C\x10\xd5\xb8\xd5\xe9a\xf3\xbeH\xc4\x17\'JTRmR:\x8c\xc6\xe6f\x9dT\xc4a\x81\xaf\xa4B\xa3R\xc9R\x86\x17\x8b|L6w?\x93\x8d\x97)w\xca\xa2UAzid\n\xb5\t*\x97\x18w\x16}\x84w;\xee\xf3y\xb7\x19&amp;\xcd\xd2I\x93D\xe60\xea\x84R.\x88\x97\xceCO\xad3:\x1c\x9e\xcf\xbay\x9a\x1f\xbe1\xb6\xc4\xd2\xee\xd9\x14\xae\x85\xe5(S\x8a\xc5\xb0\x16-I\x9a%\x18_4\xea\xf5\x11\xf1\xe1*\x03?\xd0\x1f9\xad\x06\r\t\xaa\xf4\x1d\x15I*%\x0eM\xed\x16oC\xe0\xddokn\xf7\xf4lR-i\x93\xc9\x14&amp;960@\xb1\x84\x8f\xc8\x96#\x9fF\x8aehx"\xc4\x88\x8f\xc8\x13\xf9U6,\'\xeb\x1a\x80\xcaL\xc2?p\xe8\x14\x1b\xdd\xbca\tn\xd4f\x9de*h1I\x94J-j\xa7\xd8U"\xef\xf3Q\xce\x01k\xcf\xd9\xfa\x9e\xae\xae\x00\x8a9\x8b%"\xcdx\xbd\xe9\xa5\x01X\x8a\rf$\xa4\xc5$&amp;\xa3\xa4\xc2\xe3N\x96\x1b\x95`\xd8\xcdNs\\Z\xeb\x93\x8d\r/\x04\xcd3\x8eu\xd5\xef\xffl=\xb8\xcco\'\xaa\x85m&amp;\xed\xf1\x9b\xcf\xd7I\xcd!\x0c\x03wa?\xf08\xc8\xdf\xf8\x86NN\xb3eO\x103\xa1\x947\x1a\x9dg|KC]\xfd\xf7\xde\xdb\xc3w\xb6\x1f\xf0\xdf\xf7U\x0b\xd1h\xdeI\x9a\xa5R\xd2\x8f\x9aH\x99&lt;|\xcc\'\xd6_&lt;\xc1$]\x8e\xb8\x93\x16\x0f3::ZX}b\xef\xfftgg\xe7\xe5\xcb\x97\xf7~\xb6\x87\xfdAO|\xb3Z\xf0z\xfc\x08\xa2\x13[\xe52\x8dL;\xf0\xf8\x0c\x8f\xf6\xf5j\xd02\xeb\x8e\xb0t\xd87Z\xa8\x16\x98|qgmm\xed+\xb0\xb5\xe7_\xdd\x03\xb6\xc3\xc3\xfd\xfeO\xd6\x9eo\x0eoW\xa3D\x9b\xd1\xa8$C\x06?ir.w\xf3\xb9\x1b\xe3\xef\x1bv&lt;\x19\xa6|Egz4\xba\x1d\x8fo&gt;\x7f\xbes\xfb\x90\xb3\x87\xe0\xa6\xc3\xc3\xdd\x1fO\x8eN^wt\\/\x8e\xc4\x87\xb3V\x90d\x1a\xd2\xe0\x1f\xb3z^\xf1\xba\xa7\xe6\xd6\x06\x95LZ=\xc5\xf4j~~\x1e\x8az\xf1\xf6\xbd\xc3\xfd\xdd\xf7\x06P\xbb\'GGcGGG2S\x0fEd\x89\x81T\xafZ\xa15\xc8\xe5\xf6%^c\x089\x9fw\xdf\x99u\x97\xabL\xa9\xda\xc9\x94\xa7S\x96\xc0\xe5\xd7rlow\x8f\xfb\xee\xfdxb\x1c\xd3\x18I\xd2\xa8\x1cl\tR\xacs:\xd8kA\xe5*\xb93\xd7\xcd\xab\xb7\x04\x7fL\xfb(\xdaM0\xa5rt&gt;\xed\x0e\x06p\x0c\xc3\x0c\xa6\xbd\x9f\xec\x04\xbcu\x94\xe1\x1e\x0e\x183\x1a\x83\xc7\x1d4\xa14*\xc7\x9c\xec\xab3\xfcZ\xe3\x7f\x99H\xb9D\x10\xe5R\xb4\xcaZq\xdc\x82\xa9\x03]]{\x10\xc3\xfd\xfd\xdd\xbd\xd7 \xa4\x95\x1a#\x18\x89\x90~\'e\xc5\xdc\xd3\xa8\x96fk&lt;o\xd7:#\xf8\xd3\xba\x0f\xcax\xbeX\x8coR\xd0V\xe38\x86\xa7\xae\\\xbfzog\x87\xbb\xa5\x95Rk%\x8e\xf7X\xc8\x98\xb3D\xa5hj\xd6]"\xde\xf0\xbeY\xf1\xd6\xf7\xd1\x19\xaf7\x9e\xf6e\xbdn+\xa6V\xe3-\x96\xde\xe9b$\x9b\xcd2\xbe\xc8\xf5\xb3j\xc5;,\rI"*\xba\\\xbeC{&lt;%\x82\xf9\x1b\xdfT\x02\xc1\xd7s\x85B\x1a\xb0\xd2%\xcf\x00\n\r?\x9e\x0c\xd6O\x97\xe1J\x98\x8dP\xbd-\n\x87\xc3\xa1\xc98\xb8\xbc\xf7;\xcb\xa5\x12U\x8ex\xe3\x9e\xa7\xbc\xefP\x14\xdc\xfa~n=\xedM\x13qo\x99\xb6Z\x02\x90^\xa9T\x90\xae\xef\x18\x19)\xd6\xa7Zl\x19\xd0V\x19\x07\xe8-\xb2m|\xa9Tb}\xccv)\xf4\x98\xff\x8d\x93\x82\xcf\xfe\xdc\xd9\x19\xcdf\x0b\xa3\xdbe\xb7%\x10\x08\xe0p\n\x06\xaf\xdc\xbez\xa5\'\xd0\xa2\xc882\xc6f\x9dN\'\x0c\xd9Yb8\rT\xc1f\xe4\xf1\x19\xfe\xad\xf1M!6\x17\xf52\x9b^\x96\xc6\xf0\x00\xfe\xfeQ\xba\xa5\xb7\xfel\x0f\x0e\x9d\x98#\xa3C\x84Br\xe2\x91\x9cb\xd2\xde\xd1j\x98lE\x16O\x01\xeb\xcc\x0f3\xa37;\x0bU&amp;O\xd9\xad(\x06m\xbfB\xa2\xc60\x0b\x14\x8a\x16\xb1\xc2\xc6\r\x19\xb4\n5\xfe\xa1\xf1r\xb4\xda\x99\x1e@\xa4\xa7\x84\xf5\xaa2\xb3&gt;\xe7r\xcd1l\xd8= \x17\xabA;\x9bL\xa8\xc5\x9aJ\xe2\x80e\x14"f\x84\x0c\x8d\xb3\xf9\xea\xdc\x03"i\x94J[\'N\x03K\xf0\xaa\xb2R\x99\xe9\x9c\xbc\x19c(\xd6\x8e\xc9\xe5\x18\x8a\xa1(:n\xa7{\xc3\x16\xb5BC"\xe6\x891{\xde\x1b\xed\x9c+)u\xad\xa0\xb9N\x07\xeb\xb8\x96K\xfc\xc4E\xac\xdaQ\xab\xdd9n\xb7\xdbi7u\xddM\'1\x95&lt;\x14R\x01\xd5\xfa\xdc\x1c\xa15B[V\':\x15\xac\xc6\xb7O\x86r\x95\n\x13\xbb\xf9\x8b\x18hP\x8aeY\xcf*\xcb\x96J%h\x13)w\xd8\x19\x0e/A\x00c\xf3DP\xa9CD\x80u:\xb9\xf5\xd6\x8e.,sq\xbc\xf9+Wl=\x9a\x9e\xc9\xfb\x984\xe1\xf5z\xa1M\xf4\xfaV\xf3&gt;"=\x1f\xeb,\x94\x83\xb8\xd2\x88\x88\xea\xea\xa4\xa7\x84\x95H$Vr[\tf.\xe6\x9a\xbc\xc9\r*\x15\n U\x0b\xf3\xa3\xa3\xeb\xa0Y\x1f\xcc?p\xc5\xe6\xf3\x9e\xd9\xae\x16\x07\xd7\xc4\x9e\x96\xb7&gt;K\xa0\x86\xdc\xcaJ\xae2\x93\x8e\xc6~9\xf9\xdbX\xccu\xd755\xe5r\xc1ir\xea\xda\x94k\xb2s\xc6iP\xb7\\P8\x9a/\x9aE\xa2S\xc2z\x0cXC\xb9\xdcB\xaeV[\xdd\x8eMN^\x83\xef\xb5k\xdc\xf1k8\xa6\xee&gt;(\xb0!\x84t($\xb6\xf6\xbeVQ]\xc3ia\xd5j\xb9\x81\xad\xdc\xf2\x93D\xe2\x89\x87"\n\xa3\xae) \x037MM\xba\\\xf3\xd9 \x1dV\n\xcd\x88\xceqaP\x0fX\xa2\x06\x11\xf9\xf8t\xb0*\x95\xdc\xf2\xca\xd6J\xa2\x92\x18\x0f\xd3T\xde\x1b\xdf\xee\xbc;5\x05~\xda\xcc^\xfd\xe2\x9c\x984CB5\x8b/\xb4\xf7q\xa9Ug\xbe\x7f\xcc\xbf\xb0\x11\x08\x8e\x97\x12\x95Jek\xa1vp\x90\x1b\x1a\x92\xa3a\xaa42&lt;\x7f\xf7\xeew\x0f\x86w\xfa\xeb/\x0f\x1a\x11`\x11r\xf7\xb9\x9a\xb9\x18\xd6\x85\x96\xbf\xe4\xfb\x1d\x07\x8d\x8b7\xdez\xe8Z\xe2\xa0\x92XIl\x1c\xac,\xab\x0c\x18\x96\xa4\xa9R\x96\x1b\x8a\x18\x01\xaa\x0b\xb6f\xa8\nf]\x06\x94\x84\xb0U\xd4\xd00\xb1p\xdfv\xcc\xeb;!\x04\x8b\xbbk#\xc5\xbc}`\xa5\xb2\x95H,\xacT\x12[\x06\x95V\x8e\xe1I\xa7\xa7\\,^\xef\xe8m\x11\xc3\xb5\x1a\xb0\xa4Bn\xfe\x8e{\x94\x08X\x1a\xfd\xc7\xc7\xdd\xfc\x81\t\xbaO\xfe=|;\x92wB\xb2\xe7*\x07\xf0\xa9\xe4\x16\xdaT*\xad\x1aG\xc3N\xdan\xb1\xa8M ! \xa1D\x88\x10\x91^\x14J\xcd\x8f&amp;\xc6&amp;B\xad\xcdM\xe7\xf6\x9f\xf1\xb6k\xbf\xfb\xe8\x9b\x7f|\xd2\x1f\xc9\xd7*\xcb\xe0\xac\x03\x88$\x94\t\x95J"\xd1b\xa8\xd5I\x871\xb5X\xa1t\xe8`\xf5\x89\xccRD\xd8*\x15\x99\xc7\xee\x7fiFZ/\xea\x9b\xfe\xf0\x9f\x13^\xeeQ\x82,\xdd\xfa\xe6\xafk\x9fw\x94Vk\x89\xdc\xc2\xfd\x1c\xd8\xc22`\xb5\xa9$\x10GK\xf0N\x10\xc7L\x12P\x81\x80UgF\xfe\xc7\xca\xf9\xc74y\xe7q\xfc\x1e\x9eU\xe0\xbb\xe7\xc7\xfa\x14y@K\xbb\xb6O\xb4\xa9\xb8\x01%\xf5\x02(D6\x19=\x13t\xab\t"\xca\xed\xa2\x9e\x96\xd0t\xb7\xd3\xd3@\xefX\x82\xb2\xda\xa5\xd341\xdc\xd0,\xcb\xd2\xd1\xa0\xabZ\xb6\xbb\xec\x9c\x0c\x8c\x18\r\xab\xbb-pd$\x03\x13/fp\xe1G\xd0\xc4\xdc_w\xef\xcfS\xb6x\xbf\x16\xcf\xf9M1\x02i\xfbz\xde\xef\xf7\xf7\xf3\xf9&lt;\xf4i\x8b\x8a\x8a\n\x8b\xfe\x9cL\x8e\xe4a\xb4y\x15\\\x0b\xff\xf8\xdb\x93&gt;\x012\x18\xde\xea\xbcv\xe5\xc6D\xfa\xcb\x8b\xfb\x8f\xed\xd8qw\xf0h_\x1f\xea\xfcH_2\xe1\x02\x97\xc7\x0e\xaa\xfd\xf9\xcd\xaf\xad[SWAE\xa1\nX\xd0\xac\xbelp\x04\xcd\xba\xa8\x14z\xfd\xf4~h\xf8\xef_u?\xc9\x0fDY\xdb9z\xa7g(0\x1fK\x7f\xf0\xe6\x9b\x97v\xd4\x04\x1dG\x8f\x8e$\x93}\x89\xc1\xbe\x04\xa8\\.;\xce\xca\xaa\xcf&lt;\xdb\xbc\xa9\x12m\x10\xbb\xafje\x06\xab\xb1\xefd\xa1\x8eU\xfa\xca\xab\x9fM\x0c?\xe8\xb9sn\xf4\xd3\'\xa4\x99a\xed\xb58\xef\xc3\xba\xd1\x9f\x9e\xb9\xf8\xbb\xfcK;\xda\x06\x07/\xf4\xa1a\xb7\x1dM\xf6\x95\x95\x95y&lt;\xebkjw\x9eyyk\xf3&amp;\xb7\xb5\xbc\xa0\xaa\x18\x1e\x16\xe8X\xbbO\xe6\x15\xd2\x0c\x01\x1fK\xdf\x9e\x18\xbe?0\x10\xf7\x05\xaevn\xf9\xf1\x9a\xc1\xbf\xab\xaa\xa0zUU\xbd\xd7\x9f^\xca_\xb5j\xc7\'\x9f\xb4%\x13\xc1$\xe6\x88\xc1d\x82^\xf7t\xd9i\'\xee\xdc\xba\xd5\xefv\x96\x14T\xd9\xaaN\xd2N\x04\x98\xcd\x86\xca\x8a\xaeX\x08\xb0\xb7c\xa1\x05`\ry\xc5\x81\xeb\x9f\xdf\xfcqn\x02\xeaZ\x8f\xc8d^\xc4:\x9f\xee\x9d\xac\xfe\xc5\xe6\r\xb5\x1f\x82\xa8/\x99\xc4t\xd37R\xd6X\xd6\xd8\xe8\xb1\xfbkw\xee\xdcY[\xe3\xb6\xd6\xd3U\xb9\x05\xf5\x08&gt;x\xf2\x88\xcbf\xb3\x15"o\x9fEB\x0b\xf1x|\xc8\'\xa9C&amp;!~\xee\xab\xc7\x063\xfc\xa4\xfbv\x9cSyN\xe0x\x80\x1d\x98\x1eK}\xf1\xce\xe6u\xcfo\x88b\xb0I$\xdb.$\x815RF\x17\xb8\x04\xfd\x18\x9c\xa3\x0e`U!\xef\x05\x18\xb4PJ\xf3\xf4\x9b\xad\xd8\x86\x1ed[h\x0f\xcd\xd0\xe5\x97\xa2\xa4\x068\x8eg\xea\xf5\x9b\xdd\x8fs\x05#\x94\x1a\x1d`\x12\x88\x98\x89\xc3\xe2\xc3scc3\xfb7\xac^\xbd\xda\xed\xf1_h;\x8ah%t\xa8\xb22\xbb\xdd\xe1\x8fF\xa3\x0e{Y\xfdJ\xac\xf2z\x8a|^\xb1M_\xc0*nr.\xb4\x86n\x0c\r\xf9|L\xe0\x02\xa2 \x0b\x12\x13\x1fC2\x83a\xcb\xcd+\xbc\xc4d\x19b\x19%\xe2\xe2fSc\xd3\xd5/\xae\xa6\xd7\x82=\xd1\xbbm\xba\x87\xd8\x88\x94z`\xd5\xb4\xd48\xecV\xc2*(\xc7\xb9"\x92U\x9c\x11\x8b\xd6_~\x9fnm\xbd7\x14\xf0\xf1\x82\xc4\xfb\x98f\x12@\xc68\xdf\x9d\xcbo\xfd?`\x86\xb5\xb7\xee\xa8L\x92p\x7f\x89\x93\xb3$\x8e1\xc65L\xa7&amp;\xbf\xc8\x07\x96\xd3\xe9\xf4x\x82\x08&lt;Q\xb9F\x08+\xe8\xf7\xd7\xe0l\xd6Z_\x8fS\xfd\x8a\xf2R\xa4\xc9\x96Q\x0bPMM\x95\xef\xf6\xb7\xa7\xdf\x0b\xf8T&amp;\x08|@\xd0\xa0\x16}\xc4\x8d\xc4y\xaf\\\xeb~T0\x83\xe1\xd3\xcf\x03\x00a\xb2&amp;i\x9a \x9bd@1\x16\x1eO\xa5f\xf6=\x0f(g]\x89\xd5\x15\x0cz \xd4\x88\xcb\xe3r\xe9jE\xa1\x96sw}\xf9s\x15\x15\xd4y\n\x97-\x04TSI\xf5B,\xb2\x14\x08x\xa1\xbf\xc4\x0f\x81G\xd3\xf0?\x81\x1eW\xed\xb9\xdd\xf9H\xb5\xcc\xd0=\x1a\xe7\x18\\C\x00$E\x919Y\x13\x08\x8b\x9b\x9aLM\xee\xd9n\xa6\xbf\x16\x95\x94X\xcb2\xcb\xe5\xf1@,GMKK\xb4f\xbd\xbb\xa4\xa4\xe2\x90\x8eUT\xf8\x9d\x83MM\'\xab\xf7\xa5c\xb1q\x9fW\xe5 \x11\x17g2gRH,A\x10\x98\xc4\xf8\x81\xdb\x8fPd\xb7\xdc\xba.\x82\x8a@H/%\x8b\xe7L\x14Q\x89\x85\xe7R\x933gvY\xeb*\x80\x054\xab\xb5\x11r\x01+AX\xb5\xb5-\x8eJ\xb3\xd5ZWW\xf1\n\xc9\x95\x97\x89US\xd3\xd7\xdb\xf7\xdc\xef\x8f\xa4\xcf{E^\x905\xa6\xc6y\xe8dT4\x99\xb0\x88\x8c\xe3\x07\xaev\xfe\xb0\x95\x86\xee\xab\xd8\xc0\x8c\xc4b \x91L+L\x9c\x8a0HX\xc2\xecdj\xba\xe3es\ta\x91`\x8dVR\xcb\xee\t\x02+Z\x8b\xcc\xafw\x93\xc3\x0fcA\xab\xed{~\x9d\x8eD\xe6\xbd^\x15\x81\xd2\xf8\xa1\x80\xc0\x10\x0c\x05\\2\x8c\xa4\x84a\r\x8c\xfeP\xc6\xb6\\\xbe"\xf2\xdc2\x94\xc48m\x85\x05[\x993\x99\xe8\xee\x02\x85~f[\xb3\x15ZYu.D\x1eZ\xc1CJ|\x8d\x1fX\xe65t"V\n\xac\xe5\xb4\xd7?\xdb\xd5q?\xd6\x0e\xb1\xbc^N\xd381.ZdA0\x99\x14\x13\x0e\x96\x92"\xd0\xf13\xd6s\xf3\x7f\xbd\xe8h\xe8&gt;\xe7C\x9d\x92t,\x1c\x85([\xb2\x05fd\xa2`\x84\xd8\xb8\xefb*5\xdd\xb5mS\xc9\xf2\x02\x96\x19X\xe4a\x9e"\x19\xd9\x00\x00\x05sIDAT\x8d\xdf\xef\x08\x06\xd7\xdb+\xd7\x983X\xe0\x02T\xb1\xb3\xba\xebx\x07\x02?\xefU\xbd&gt;\xef\xe9\xf1Y\xef\x80\xac(\x88\x94l\xd24M\xd6\x1d\xd1\xc98\x89\xbb~\xeb\xbfE\xcc`\xf8\xe6\n\xcf\x93\x81\xbc\x08,\xd4v\xc9\x92m\xe1y\xa3\xc4#\xf5\x12a\x91\\\x0f\x0eV\xdbw\x13\x13\x96\xd3\x89i\x0b\x1e\xfa\xa3-\xd1\xa8\xdf\xe1 \xac\xbaC\xc0\xa2y\xcb\x86=h\xee\xe8:\xbe\rbM\x9c\xf7y}\xbe\x03\xe3\xe9\xf4|X\xd1\xb2\x8c\xb0O\xd6L&amp;M\xdf\xe3z\xc0\xe0\rS\xcf\xfdg\xc4\x0c[F\x03"O\xa9\x12\x01\x87(\xf1\x92\x92\x93k\x81\xcc&amp;I\xe5L8\xaapX"\xb9\x0ew\x9c1\x978\xad:\x96\xd5\xecv\xbb\xedH\x16q\x91\x8b\xeb\x90\xbc\xf2\x02]-\x88U\xd1\xf5\xf3\xe3\x1d\xd5\x0bHV \xe0\xf36,\x8e\xf5\xc7\x96r4\xa3\xa2\x18\x05\x8e\xb84\x8d\x89\xaa\xfed\x82\x9e^.~\xf3\xdf_\xf1\xe8\xfc\xabJ8\xe86tc\x9c\xc8\x94\x9c\x1c\x8b\xc2\x0bL\xd1xU\xc4\x03q,\x0c\xb9R\xf3\xc7;\xf2\xdd\xd6e.\xb3\xd9\xec\xc1x\xaa\xef\xc4\xda\xe6\x96M\x1b\xd6@\xac\x02p\x95\xe65m\xfc\xba\xe3pWG\xc7\xbb\x10\xebOh&lt;\xef\x8f\xa7{c\xb1Y\x8b\xa2\x99h\x1b2\x19\xc1\xd7$\x8e\xc6\x13\xa8!\xd0\xc6g\x9c\xf7_&gt;\xb2\x08\x06\xf6@$\x1e\xbd\x8f\xd4\xa2\x1e\xc8\xc9\x96\x9c\x1cE\xe2\x99l\x81\xb1\xaa\xa4p"\x97\x91\xeb\x01Nr\xd6\xb9\xcd\xce\x8c\x8d\xa8\xf8f\x0f\xcd6[k\xe9=H\x95\x87\xb0\x0f\x0b\xf0e\xdb\xb8q\xd3\x97\xa0\xa2\xc0/\r\xc5\x87\xa6\xe6b\xbd\xfd\xb1\x89)\xa3\x96\xa9\x0e\xb4\x0b\x05\x93,\xf1*\xc0\xe8)\xc9ON\xf4\x0e&lt;l\xe0\xb5?\xf2\xf4+\x90aX\xa0\x89\x81\x97\x8c9\xb9\xb9\x1a\'\xf1YY&lt;\n*\x8f\xba\n\xae\x869\xb2\xb1:\xff\xc5]\x1bP\xa4\xf4\x84\xb9\\\xce:\xe7\xfa\x16\x9a\xb8Z\xa2\xfe\xca\nzO\x08f\x88\xe2\xa6\x93\x87\xdf\x00\xd6\xbe\x85\xf6\xd6\x1b\x03\'\x16\'\xfb\xfb\xe1ahJ\xd1\x14%\xcb\x02\x9d\x98\x0e\xc6\x18\xa9\x01\xb9h\xa7\x81@\xf5=\xbc\x03\xbdp\x90g\x9cNE\xff\xa0 +\xb9\xd9\xd0\x89\x93,\xb2\x96\x9b#\xcb\xe7\xc7g\x1bh\xecB\xa9\x9f\xdf\xb3?\x7f\xfb\xcf~\xb5k\xb5\x19&amp;:]\xce\x92\xf2\x02w3\xa4\xa2?\xf2\x9a\xeb\xc0\xf4\\yyi^\xb1\xf9\xa37\x8e\x1f\xec\xd8\x93n\x9d\xb8wo~\xa2=\xd6\x0b\xb5\x86g\x15M\xb3(\x16X\t#\x04\xbdL3\x1d\x90,\xc4\xf3\xab\xde\xef\x87\xf5o\xae\xab\x90\x08?\x14\xf5\x05,Ue\x9a\xe5\xa9\x15\x98\x1fP\x99e\x0b\xb0\xa6&amp;{\xd3\xe3\xef\x87Et\xc6\xb1\xc9\x19z\x1f\xf5\xfe\x8b\xef\xac\xda\x8c1\xc7\xec\xacXY\xe5l\xa6\x9d\xe8\x08\xda\xcd\xd6\n4\xebCt\xedO\xe5G\xbfy\xfd\x97\'fc\x91\x89\x85\xd0ph\x19k\x8e\x98h\xa1\xdbb\x87\xe9\x95^\xd6?\x9c\x8e\xe9\x00\xaa\xfa\xbd\x81\x03\xc4\x92Q\n?\x16y\xd1\xeb\x13\xa5\xac\xecl\xbd\xbe0I\xb3X\xb2\xe0\xc1X\xef\xd8\xe4\xf8\xe2\xd4\x14\xe6\xae\xd4\x07\xc7~\xfb\xd2K\xc7\x0e\x9e\xc1Hj\xf74\xd6W\x15[_s\x04\x13\xc1\xa0\x1d\x8d\x9b\xfaO]\xfd\xca\xdd5g\xcf\x1f8u\xe4\xc8b\x7fhxx8\x14j\xcd`-}\x87e\x91e\tY\xc7\x84C\xd1\xc77\x8c\x1c\x84&gt;\xcb\'\x80\xe7|z\xe2\x10\'x\xa7k\x85&gt;\xc1k\xb9O\xe5\xe2\x08d\x86:\x81\xc7\x18\xef\xc5\x83\xf6\xf6Fb\xe9\xa5\xe9\xb1\xb1\xb19\xd2-\x1cnh8\xf0\xde\xc7{_\xbf\xf4a\xd0\xde\\\x13L$\xfa\x12##\x89\x91\x84\xddq\xf7\xd2^z#\xd2\xa9#\xa7\x17\'[\x87\xc1\x15j]Vk\xe2\xb41\xebi\x1d\xcb\x88\xed\'\x8a\xbaV\x98t`\'L\n \xfd\xbaT\x97{\x08\x85\xd3m\x85V\x94?\xd5+\x8a\xd2\xd3\xcfd\x1b%\x99 \xd1\xberr\xe6z{c\x11l\xa5H{k+\x9e!=~:\x1c\xd6\x85%\xfbQ\xd1\x0e\xbc\xf0\xf1\xdeo\xcf\xfe\x01\xeb\xec\xb7{O\xbc\xd0\x10\x86\xeca\xed\xf4\xecR\xa85\x14"\xac\xf6\xf6\x08\xf4\x86rS\x10\xdf\x92\x95\xa5(\x16\xec!\xa3@6\x02\x8c:\x1d\xc7{\xe3&gt;R\x8b\x1a\xb3\x98\xa1\xca\x18K\x95\x14x\xaa\xa8e?\x83n(\xe1w\x18"rs\x8eL\x8f\xf5G"\x11\xc2jo\xc5-\x12I-N\x9d\xe2\xbct$*\xe1\xf1\x92F-\x97W}\xffl\xb1\x0cR\x10\x04\xc2(\xcc8!XN\xa6\x1bw\xb3\x12\xbaK\x9b6\xdeb`\xd6\x81t\x00q\x19\x84\xe0\rZ\xd6\x05\xea\x00\xb5J\xdce\'0\xb0\x0b\xf4\xde\xd8/\xba\xf2\x877\xcf\xe7\xf7\xff\x16\x95\xe7X\x17\xca-D\xc1&amp;Ceh\xc2\xa9\x9e\xcd\x1e\x99\xa7*fK\x87\x98#n#\x8c\x96S\xf3\xb5\xb6pk\xfdp\xb0\x92\xff\x075\t\xc6K\xaa\xb9^\xf9\x18\xd1"UK\x11\xfbA\xbc\xeb\x1b\xa8\xaaN\x94E\xbf\x8c\xe9\xee\xe7\xa1}\xe1\xdf$\x0ey @\x04\x04A,\xad\xc5v\x8c\xfa\x8e{\x16e\xc1`\xd7\xde4\xe6\xd6\xc2,\x10B\'\xa1\xce\xe4&lt;[$\xe4{\xe8\xd8\xb4\xb9\xd4t\xeb\x9d\xa7bJ\x95R\xd3\x07t\xf1\x02O\xa3`\xe5a\xeb\x92\n\xef\xebY\xe2\x1d{\x08\xaa\xaa\xc3$\x8b\x979t\xa8\xb1-y\x12\xc7&lt;L\x08\x05\x1e\x82\x8e\x18\x7f\xb8?\x7fU\xac\xc2\xb5\x15\x945h\xcf\xa5&gt;\xc1\xaf\x14q\xcf\x04\xb3\x05\x83%\x95\xad\xe9\xd6\x0ftL\xb4\x00\x06\x16\x88\\\x00\x00\x00\x00IEND\xaeB`\x82'</t>
        </is>
      </c>
      <c r="M188" s="3" t="n">
        <v>45492.67699074074</v>
      </c>
    </row>
    <row r="189">
      <c r="A189" t="n">
        <v>795291</v>
      </c>
      <c r="B189" t="n">
        <v>5981</v>
      </c>
      <c r="C189" t="inlineStr">
        <is>
          <t>Bruno Henrique</t>
        </is>
      </c>
      <c r="D189" t="inlineStr">
        <is>
          <t>Bruno Henrique</t>
        </is>
      </c>
      <c r="E189" t="inlineStr">
        <is>
          <t>PE</t>
        </is>
      </c>
      <c r="F189" t="inlineStr">
        <is>
          <t>ATA</t>
        </is>
      </c>
      <c r="G189" t="inlineStr">
        <is>
          <t>PE/CA</t>
        </is>
      </c>
      <c r="H189" t="n">
        <v>184</v>
      </c>
      <c r="I189" t="n">
        <v>27</v>
      </c>
      <c r="J189" s="2" t="n">
        <v>33236</v>
      </c>
      <c r="K189" t="inlineStr">
        <is>
          <t>Right</t>
        </is>
      </c>
      <c r="L1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555408d0-8bfa-4a71-808a-f7ed350a12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j\xe0\xee\x00\x00\x03\x00PLTE\xfd\xfd\xfd  \x1f\x1b\x1a\x19$$#\x1d\x1c\x1a"! \x1f\x1c\x1a\xfe\xfe\xfe\xff\xff\xff \x1e\x1c"#"\x1c\x1c\x1b%"!o9!\x1d\x1e\x1c\xfd\xfc\xfcj5\x1d($$\x1e\x1e\x1el1\x19\x7fH0$\x1d\x1cd7$j:$$ \x1e\xfa\xf8\xf8\x7fC%q2\x17t:\x1eo6\x1br&gt;&amp;\x90O+],\x1a\x1b\x19\x1bxA(\x7f=\x1d\x89N3|?"z9\x1a\x84K2\xf6\xf4\xf3v6\x19\x8fQ6)\x1a\x18^3 \x89L,\xf3\xee\xed\x83G)xG,f5\x1f,\x1c\x17\x9c_?WI?\x89I%0!\x1d\x96W9a/\x1aW*\x192\x1d\x13e,\x15,\x1f\x1c\x8dO/\x85K,eXC\x85A\x1d~G*\x85E#4\'"\x1b\x19\x17\x8dL(X2\x1f{n[l/\x15rB+m?*rE3\x95\x88lg/\x19\x83O7\x8bT8:"\x16\x90W:\x96^&gt;\xb0+&amp;vjUM%\x17w&gt;#\xa6hG\x90bQb;+l_L\x9a\x8c|\x98V1\x90S2R*\x1a\xb90+\x7fO;\xa0b@h&gt;,\xb0\x97\x95\x9a,(rePPC7S#\x12\x9bZ5E\'\x1a\x8a}mS/\x1f\x87YJS\x18\x15}M5Y\x11\x0f^\'\x12\x82vd^QA\x9d]:B \x15:&amp;\x1eI \x10wJ6 \x19\x17[1\x1bc\x13\x11jC6+\x17\x11\x9dgQ\x88\'%$\x17\x10\x8b\x1d\x1agYO\xa5\x87\x82\xab\x8e\x8b{C/\x8d]G&gt;\x14\x0ea\x1d\x1a\x91,(\x95R,\xa90-9-(\xeb\xe7\xe5r\x1e\x1c\xb152\xa0.,\x7fTB\x82u[\xe4\xdf\xddD6.\x88W@\x8bE \xa8(&amp;\x9edG\x95k\\:\x1c\x16h*\x10\xa4\x95\x7f\x86Q&gt;\x98#!4\x16\x14L+\x1co\x15\x13$\x1a\x19\x8fXBaSM{:!I&lt;6uL?\x90\x80zuRI\x86cZ\x8dfZ\xc32.F\x15\x13\\7%re_\xa386\x93J#\xdf\xd8\xd5\x80^V|\x18\x15\xa6c&gt;}!\x1e\xa0\x8f\x89\xa1\\5\xba96B-$K0$\xda\xd1\xcc\xac\x9c\x88{XO\xb6\xa3\x94\x9d~x\xb9\xa6\x9f\x96_G\x85T8\x8b~b\x8djcnaUP\x0f\r&lt;1.\xc6\xbc\xb7\x9bug\xbc\xb1\xb0{mg\xac@=\xafvU\xa3\x95\x91\x8dqk\xc3\x12\x0f\xcb\xb3\xa9U7-lLC\x93\x87\x87\x9do_\xb3\x1e\x1b\xa4o[\xacpN|(&amp;\xcf\xc3\xbb\xbe\xaf\xa2\x8e&lt;3\xb2\x90\x81\x849/d0"\x94tml\'%\x99;7\xa6\x83x\xa3{m\xa2#!\xd0\x1f\x19\xb9GF\xbab`\xc5\x1b\x18\xcaml\xc6\xa7\x9c\xa8\xa2\xa0\xf2\xe6\xe5\xd0\xc9\xc8\xdb\xc8\xc3\x81vr\xc1RQ\xa8SNa@7\xd8\xa6\xa6\xed\xd7\xd7\xe0\xba\xb5\xbb\x99\x8c\xea\xcb\xcb\xd5\x96\x95\xcb\x81\x81\xcd82\xb4\x82v\xf2\xb7\xb0\xe5\xa4\xa5\xbaqL\r\x17iN\x00\x00 \x00IDATx\xda\xb4\x98Ml\xd3h\x1a\xc7}\xb3/\x95\x91\xca\x16\xa5eF\xa8\x1f4L\xda\xd0F\xc6KKi\xb6\x8d\x14\x17\x08P$\x17\xa9\x8e\xa8\x10\xa3\x18\xd5\x19U\xb5ET!\x90*\x8ffO\xc9\x81$\\ \x87j7\x84\xc0H\xb5T\x0e\x91\xd2fJ5\x99(U#\x05Qrj\xb5b\xf6\xbc\xa5S\x89\xc3^\xf7y\x1d\xc7\xb1\x93~\xa5\xbb\xfb\x14\xe7Ml\xc7\xfc\xf2\x7f\x9e\xf7y\xff6\x86a8\xa6\x06^\x19\xf5\xa1~\x8f\xf1\xbc\xfdC\xfb\x9a\xba\xed\xfb5\xf3p\xf0up\x027\x05a\x1a\xf6\xdfS\t\x8c\xb4X,$Ib\xfa\x0e\x8c\x84\x7f\xe5\x1d\xfb\x7f\xed\xe0\x8b\x99.\x8c\xe1\x84\n\x07\'\xd6\xfe:\xf4]\x02\xaf\xd5\xafr"A`\x16{d\t"\x12\xb2#88\x81$-V{(d\xb7ZI\xfd&lt;\xb8\xbe\xfe5\xedb\x06IM\x02\x1d/\x1bG\x9cd\t\xadl}\xdc^\xcddV\xd7\xd6W"\x88%\xb4\xb4\xbeSJ&amp;K\xc5\x9d\xb5\xf5\x88\x05?\xf4\xbaG&amp;\xf1dAZ\x97T\xa8X,\x06[fu{}c\xad\xb4\xa7\xc4)\x9e\x8a\xcb9e\xaf\xb8\x15\xb2\xd4\\\x1c;F\xf6\xf4$\xd6\x88\x87\x1b\x92\x88\xebC\xdd\t\xa45\xb2\xbe\xadRe21\x8f\xc7\xe3\x8dyE.NQ\x88\nB\xce\x15\x92k+!\x0b~\xc8\xe5\xff\x0f\x01T[\xdbk\xaaV1\x8f\x18\xcez\x84\xb0O\xa2\x9cN).s\x1c\x97C\x1b#x\xb7#Pc\'Nb%\x97zJ\ro\xcc\x9f\xf5\xc3\x16\x9d\xca#\xb2lX\xc8\xb2N\xc9\xc9\xf98\xce\x07\x1bz\xf5\xb1&gt;\x96\x11\xd6\x96\xac\x86J\xc1\xb0\xda$\x1a\xd5\xd3\x8e\x1b\x1a\x84\t\x8b\xa8TA\x15\x0b\xc7j\x12O\x86v\xb7WW\x11\x96\x87\xe1|aA\xf49\x9d\x1c\xcb\xf8\x9c\xac\x0f\x111a1\xcc\xb00x\xb6\x81\x0b?\x1c\x0b\xc7*\xd7\xd7\xb0*\xd3\xb5\xf1\xda\xb2\xae\x00U\x06Q\xb1\x1c\xc7d\x81\n\xa0\x80\x8as\xfa\xd8p6\xeb\xf1d\x19P\x8beD\xef\xda\x8a\x9d&lt;Im\xe1\x04Q\xfe\x01\xfa\xa0v+\xf5Wi\x1b\xec!\xf4\xe3h\xb4D\xb6\xbfGPP\xe6&gt;\x10K\x04\x8d\x18\xc8\xa5\x13"\x1cFPY\xc6\xc7\xa1O&gt;\xd0\x0b\xb8j\xfb\xe8\xfe\x1d\xb6^F\x0c\xaf$\xb7\xfaQ\xfbE\x9a\xc8\xc6\xdfI\x86\xd6\x8b\xc5T\xc6\xeb\xf5B\n9Fd|\xac(0,\'\x01\x150\xa9ZqN\x89\x92\x9cl\xd8\x9b\xf9\xb8d%+\x17\xc2\xaa\xed\xf4\xb8\xb3\xa0^\xd6\x03\x84&amp;\xad+;\xa9\x14t\x04\xaf7\xebs\xfa\x18\xa4\x95\x00biTYO6\xcc\xf8$&gt;\xcaS\x1c\xcc\xc6\xd8\xeaV\xc4\xd2\xf8T\xaf&amp;g\xffE\x8b\xa8\xdbc\x89l\x14S\xc0\x94\xf4\x08\x0c*&amp;D\x05\x92Aw\x08\x03\x11\x90\x85Y\x1f\'Q\t\xde\t"z\xbd\xb1\xcc:\xf4\x89\xda\xff\xe6\xe85\x1176\n\xd3\n\x88\x99\x04\xd7\x06\xd2\xbe\xbb\x83\xb0\x92\x9e\xa4\xc0B\xa9+\xd0\xa1DF`y\x89\xcdjT\x1c\x14\x96\x94\xa0\xa0\xe0\x04A\x88yb\xdb+!\x00\xc3\x1b\xe9[G\xa5\xac\xee4kd#UQ\x8b\x93rh\xbe1&gt;QtR\\\x16\xb0\xa0\xe1{\xa09@\xc5K\x1c\x88\x05\\Pl\xb1\xcc\xc7\xca\x84&lt;&gt;Me\xb1"\xf4\xfa6ML\xcdE\xe0e+\x80c\xf6\xddbI\xc5\xf2\nb\\\x92\x15q\x8f\xe1d\x91E\xf5\x8d\xb4\xf2z\x04hZ@\x05U\'\x02\x95(\xc2\x1c\x80%\xf3\x0f;I\x18\x93H\xd47D\xac:\x1e\xa8\x96\xa1\xcf\x98t\x87i\x98\xf2\xaaX1\x81\x85U\xb9\xb0\xa7\xc8\x92\xcc\xca\xa0\x9b\xaf\xac\x95\x0fu0\xc8"\xc70B2\xb9\xc70,\x03z\xfd\xeb\x8fr\xc3\'\x8e\xd9\xb7\xf4\xeeA\xec\xdbLjK\xde\x12Y/\x96\x93\xe8edJ\x86\xba\x92)\xca)\xc90\x0fY\x80\xca\xa2v\xef\x93$\x8e\x03,\xd1\x9b\x14\n\x058\xc4\xbc\xcf\xac~\x8c\x90\x8d\xd9@BmT\xa8\x8f"sG\x94\xbb\x94\xdeUa_e\x0f\xfa\x8d\xd6\xa5\x8d" \x15`\x921\x8a\xac$\x85\x1c\xcfS\xbc\x14\xe7%\xa7\x98\r\xb3N\x9ew:\x813\'\xa3y(\x14\x14E\x89\xc3\x1a\xfe\xe1\x1f\xff\x06\xb9\xe0\xebF\xb3\x89\xe35S\xaa\xda#\xeb\'\x05^g\xcaM\x07\xacKk\xa9$H$\x8b \x84R\x10\x14h\x9b\xe0fx^b\xc2\x1c\xc5G\xa3&lt;\x04PQ\x94\x9c\x83\xc9\xa0\xc8\xb2LI9\xe1G\xe8_v\xfc\x7f\xea\xe5M\x07\xac\xbb\xdf{\x85\x9c\x04\xbd2\'\n\x8a\x02)\x02\x8f\x95\x80\xe6\x99\x13\x9d\xd1t \xe0J\x03\x99\x9c\x93\x12|\\Vr99.\xf1\xbc\\H\xa62\xab[\xa1#\xb2g*y5\x89\xfb\xdc\x9a\xa8^^\xdd\xab\x9br4\x86\xd6\x92\x05\x99\x8f&amp;\x12\tj\xaf\x10\x97e\xb0\xa3\xd1\xa0\xcb\x15\x8c\x8b\xb94=H\xd3O\x1d\x81h\x82\xa2\xa2y\x1eL!\x08\x07\xce\x90\x8a+\x82\x17\xb0\xbe\xe0\xc7\xbd\x7fj\xdc\xfem\x14\xe2T"\x18\x04\x92\xa8\x0c\xc9\xa3\x12\x0054\xe4\x8a*J\xc2\xe1\xb0\xd1\xf4\xfc\xbc#\x18\x8d\x06\xe9\xa1(\x05G\x82\xf9(D\x02\xb82\xdb[_\x1a\xec[\r8\xf8\xddB"\x9aw\xb9\\4B\tF\x13A\xf4\xc6\xe5p\xf19\x1e\x88\xe6\x1d\x0e\xf4B;l\xf3\xf3CA\x1a\x8e\xd1.\x9av\x05\x13\x94\x92\xd9Z\xf9\x82\x1f\xbd\xe2\x98\x1d\xc4A~Kk\xa5x\xe5\x88\xbd\x98\x00&amp;W @\xd3\x0e\x07\xa4.H;\x9e\xc2\xe8\xa0\xa3T\xd06o\xb3\x81`O\xe7\xb5\xb0\xd9\x86\x86l(\x80-*\xa7VBv\xc3\xed\xdc\xd1}\xeb\xd0\x16b&gt;Hn)\xc1!\x07\x1dH\x07\xc6\x03\x83\x83\x81\xc08\x04\xbc\x9d\x1e\x1f\x9f\xdeL\x0f\x0e\x0e\xbe\x18\x1f\x7f\x01\xc3\xe0S\x95\r\x88\x81\xc9\xf67\x1b\xed\xca\xc7\x8bKV\xebQ%oPK\xf3}\x84n\xff\x08\xdc\xf0\xb6&lt;\x10\xe5\xb7\x04\x1e*%\xa0\x90h@\x99.\xc7\xc4\x82\x1f\xc5\xd4\xd4\x94\x7fa\xfa\xd1\xa3G\xb0\xeb\x11\nD\xf6\x14\xf8\x1cH\xad?\r\xb9\xf2\xf2Z\xc8b)\x9bfS\xdf\xae\xfc7hS\xb5\xac\xae\x83\xb8\xc1kkkb\xf5A\x82&gt;!\x91X\xeb9T*\x81\xe9i\xa0q/.\xf6@\xb4\xf4\xf4|\xee\xef\xbf|\xf9\xf1\xc0\xd4\xc4\xc4\x04\xda&amp;&amp;\x16\x00n\xfc\xc5\xf8\x8b\x17\x83\x0e\xc4E\x03Vn\xc3N\x92z\xd3\xac\xf6\xad\x1ao\x8e\x9b\x1e~\x1c\xd0 j\xbc&lt;f-%\x82.\xda\x95\xf6\xfb{Z\xce\x94\xe3T\x7f\xffM5.\x9f;7\x00\xf1P\xe5\x9a\x9aXX@\xea!\xae!\x1b*\xfa\xf8\xb6vov\\/\x8f\x9b\xbd&lt;^M`]\x83]Q\x82\xa8\xde\xd3\x0b\xee\x963\xdf\xa2hjj:\xd5\xac\x06p\x01\xd8\xec\xc0\xc3\x87\x13\xf07\x85\x02\xc0\x10\x96\xc3\xe6\x00,~\xc7\x8eU/F\x1c\xf3\xae\xba\xe2\xe5M:\xd6\xda@r\x87\n\xa2Y8\xbd\xd0\xa3a!\xae\xa62\xd6\x95\x9bW fg\x1f\xa2\x18\x18@\\\xfe\t\xa81\xc4\x05S6_\xb2\x1bl \xae_\xdb\xb4\xea\xe1\r\xd8\xc3j\xa89\x0c\x04\x02\xcbH\xac\xf6\xf6\xf6k\xed\xed\x08\xec\x9b\xe6\xe6\x7f\xb6\x8d\x95\xb1\x80kvv`\x16\xa5S\xc3Bi\x84F\x12L\x86\x1a\xb2\xa5\x06cF\xd4\xac\x89D\x8d\xb1\x89\x14\xf2\xc1@ \x9d^^\x04\xac\x9fP\xf4\xb5\xb7\xdf={\xf6\x9b\xb6\xb6\xe6\xb1\xb1\xb1\x97/_\x96\xb1f\x07\xce\xa9\x8565\xf1\x08\xb5\x0b\x07\xaa\xad\xfc\xdeRc^\xbeZ\x84\xf8~O\x03\r\xc2\xee\xca\xf94\xc4\xf2\xf2\xe4\x83k}\xa7!\xbaa\x1b\xe9zu\xf6\xc2\x85\xb6\xb6\xb16D\x86\x04C\xd5o\xc0\x1a\xa7\xe9\x00`\x15v\xb1\x13y\xf9#\xc3\xb2\x11\x8f\xaaT\xfe\xc9\xeb*\x15\x8a\x91\x91\xd6\xaeW\xaf\xce_\x002\xc4\x86\xa8\xa0\xf8/W\xb9\xa0\xdf\x06\x02\xc1|^Yo\xd8\xcb\xd7\xdd\x08\x19;\x99n\xef\xc9"\x15]\x86\xf0\xbb\x1f\xdc\x98Q\xb5\x1a\x19ioo\xbd\xd8\xfa\n\xe2\xbcJ6VVK\xa3r\x0fL@g\x05\xaat&gt;\x9f\x88oT\xbc_\xc5\xc3`\xd5\x87\x0fz\xb3\xc4\xb5\x9b\xdc\x83\xfbV\x9d\r\xb4\x94\xa8\xcd\xcdM\xff\xe2$P\xdd\xba\xd5\rT?\xb5\xdf\xbd\xdb\xda\xda\xd5\xa5q\x95\xd5\x82\xf2:\xa7\x85\x1b\xf4\x82\xbe\x9fN\x83\x0f\x8a\xef\x90\xff\xd5\xd3\xc0\xfd\xeff\x91\x8bO\x02\x16\x82\x9a\x03\xaa[\x9d\x9d\x9d\xdd\xa7\xa1\xe0\xbb\x00\xab\xab\xa3\xa3\xe3&lt;\xe2\x1a\xbby\xf3\xca\xec\x15\x15\xcb]\xfes\xbb\xfd\xcb\x88\x8a\x02,\xbcq/\xaf\xaf1\x84a\r\xa8zy\xf4\xd1\xbeG}\xfd\xfa\x04\xa0\xee#\xad:;\xbfS\xb9\x00\xab\x03au \xac\xe6f\xa4\x97\x9aD\x88\x1e\xb7\xbbgqrrsS}n\xb9c1\xcc\x1f\xfd&amp;\xcfl\xedM\x1f\x0f{p^M"\x19\xda\x93&gt;\xbd\xbeqcnn\xa6\x1bE\'\xd2\x0b*\x1e\xb0:Z+\\c*\xd6\x15\xc4\xf5\xb8\xe7\xf1cX2\'\'\xbf~\xfa$\xc3\x9d\xc6\x8e\xe5\x84\xcf\xe5\xb1\xc3\x9f\xb9F\xf6&gt;\xbdy6\x87R\x88\x88\x86;\xd5\xd7\xe1\x8b\xa3\xa3\x9aZ\x1d\xa8\xba\x00L\x9d\x8a*\x98\x8a\xf5\xe4\xd3/\xef\x94B\xa1\xb0c\xc1\x8f\xe9\xe5k\xfaV\x9d\r$p\xfd\xf1&lt;\xa8\x15\x11\xde\xfc\xf2l\x0e\x15V7\xaa+\x98\x8a\xc0\xd5\xdb\xdb{i\xb4\xb5,\x97V_\xcd\xa7&gt;\x97\xb1\xce\xf5|niy\xf0\xe4\xcd\xbb\xdf&gt;$\x93\x85\x1dk#K\xf5\xf1m|$\xf9\xee\xdd\xb3\x99\x99\xd3\xdd\xdd\xc3\xc3\xc3#}}\xa7g~\xbd}\xe7\xce\xed\xabW\x87GGG\xff\xd2\x01/\x88\xec\xec\xd9\xa63-PU\xee\xc7 \x16`M\x02\xd6\xef\xefK\xa5=\r\xeb\x04}Ko\xf6\xb5\xcfqU\xb3\xb5\x94|\xfb\xf6\xd9}Pixdd\xe4\xdb\xfe3\xd7o\xcc\xfc\xfa\xfc\xaf\x7f\xbfs\x1b\x14\xeb\x1d\x1d\xbd\xd4\xdb{\xb1\xb5\xb5\xb5\xfd\xda\xf5\x167\x18\xae\x85\x05?rcH\xad\xb7\xbf\xff\x98*%7\xf4\xa7\xbb\xba\x0f0&lt;N6-1\xea)\xc4AX\xe6\xac\x83Z\xbf\xfd\xfc\xc3\xfd\xee\xd3\x17GF\xfa\xae]\x1f\xf0\xfb7\'\'\x9f\xbc~\xf6\xfc\xf9\xed\xef\xee\xdd\xbbz\xa9\xf7\xde\x9f;\x87\xfb\xae=X\\\x9e\x1eG\xc6y|\xda\xbf\x88\xa8^\xbfy\xfb&gt;UL\x956\xca%OT\xba\xe7\xe1X\xc7~\xa4\x0bX\x1f~\xfe\xe1\x96\x8a\xd5t}nr9\xfd\x1f\xda\xcd/$\xd1=\x8d\xe3\xde\xbd\xdd\x88B\xa2hj\xe1\xe4da\xa9\xfb2\xa3\xce\xc18\x0e\x8c\xa4\xa2\xa6\x90\xbe\xedjh\xc2\xc9\xa1w%\xd6\x8e"\x8d\x17\x9b\x1a\xc4z\x11\xb3\rz\x06!\x88vv\x12\x826\xa4\xd8\x89f2f\xa1\x829\xc34#\xc6,\xee\x04u7\xec9\x17]t30\xfb\xfc\xde\xd7\xd2\xacfsv\xf6\x87\x91\x89\xe8\x87\xe7\xf7\xfc\x9e\xdf\xf7\xf9\x13R\xf4\xcf\xf6\x86#[6\xb5\xda\xa3\xeb\xee\xb2o)\x87\x97\xe6\xfa\x7f\x03B\x1e\x14s\xff\xf8\xc0\xd2\xf0\xb0\xc9\x8c\xb0\xe2?\xff\xfcn\x97U\xe9\x00}eI\x17\xab-\xe96a\x15y\x8f1\x00+Cf;:\x90\xb5\x82\xc4\xc6q\xc5*?.\x19\xb7\x1cj\x8f\xa7\xbb\xddj\xe4\x8e\xf6\xdf\x81\xdc\x02\x98\xee?\xdb[\x02c!\xaa\r\xc0\xf2#\xac\xbaR\xcb\xd5\x15\xdd\xa6j\xeb\n;\xbb\x0c\x19\xb5%\xdd\xaa\xc5X\xa9\xdf\x1dd\x88,\n\n\xed\xf6B\x8c\x98\x99X\x82\x08\x0e\tP\xbf!\xe8\x00\xae\xee^\x89\xca0\xd7Oo\x9f\x9c;l6\x9bM\\^dfc\xe5\xe5$\x8dU[\xce\xc5.-z\xd4\xfd\xbe\\\xcb\xd7\x85S\xd9\xea\xeb\x0c1k\x83\x98`O\xa7\xd3\x85\xe4\x96\xd2h\x1e\x1e\\\x1a\x9d\x8b*\x1d\xb8\xc3\xd3\xab\x17G\r\xa3\xe0\xe9\x86%\xae\x8a\xcd\x16+a\x19M3\xe4\xca\xca\xebI?`m\xcbR5\x15\xc1\xeb\xe7\x89\x17k\xae5OY=\x0fS\xfe\x83\x1d\x02N^\x97\x07(\xf0\x82\xc3*\x115S\xdf\x1e\xdcr\xa4q\x8fB\xaf\xe4\xf1L&amp;\xa3Q\xcc\x14\x89\x9a\x99b\xa5Q,IDHbq\x11a\xbd[\xdd\xde^\xdd\xed\xf9\xe2\x9d\xc8\xb8\xae\x0c\xac\xb6:d\xbb\xafWW\x0f2\x99\xc2\xbc\x1a-\x8f\xddao\x97\x08\xfb\x1e\xf7\x89\x9cz\x9b#\x9dvx\x14\x02\xbd\x92^b&amp;\x1bYK\xcc\x14\'\xbc$\x91\x83\xf8\xe0\xf7\xffu\xf5\xdd\xdb\xbd\xd7\x0fY\xdfX\x06\xca\xfco!\x00e2D\x01\xfc\x08\x1c\xa9\xddfU2-p\xfd}g\x11v;p\x9fZ\'p\x82\xb4g\xf2\xc0\\&lt;9\x88-\x88\xa5\x1f\x98\x08k\xf1%x\xbc\xff\xe0\xe9\xde\xd0\xe0\x8b\x9e\x06\xc2i\xd3iv]\xbf\x89\xb5\x87\x92\xff~eb\x82\xac`yz\x9d\x12e\xd0,G\xe9\x8dvlL\xea\xf1\xa8\xd5\n\x08\xefL\xb6F.\x1f\x9e\x98\xd8\xbb\xff\xd3\xf8\x9c\xc1\xd0\xf6\xc1\xe8\x9d!I\x84\x15\x7fy&lt;$7\x1f\xf2\xaf\xd8DF}\xe3\xebb\x91\xf5B\xdc\xa2^a\xa5v\xbc^2S$\x92v\xb0\x95^b\x1a4&lt;\xeb\x7fp\xe7\xfe\xdcx8,\xeaU(\x14N\x11\x1bD\xfc\x10\xa8\xc4\xbd\xe3\x1fn?\xb8\r\xa9\xb7a\x90\xeb\xcdf\xc9\xdc\x0b\xbf?\xbe81a2\x1d\xf0\x1b(\xe9\x9e/I\xd7Y\xab\xe94\xce\xf4\xbc\xb0f\xe73\xc5L\xd2\xee\xd1)$\xaa\xe8\x93\x95\xdf\xfe\xe5\xc1\xdf\xff\xf8C\xffT\xd8\x02\x17ug3\xc8R\xadv`\xe0\xfe\xdc\xd3\xd7\xff\xf8\xd3\xed?\xef\x1d\xcf\x8d\x0fq\xcd\xc1\xa07\x07\xae\x15\xcf=If\xdbr\xb2\x06e`\xa5\xa2\x8b\x1e\x950vZ,\xa1_\xc50Y&lt;\x0b\xd1\n\xb0l\xban\x81P\x13\x9d9\xf8C\xff\x83\x1f\xdf\x1e\x8fO\x855\xce\x9b\x9d\x90\xf4\xa0\xd45&lt;5&gt;0\xf8v\xef\xce\x83\xfeg\xa3C\x06\x03\xd7dLDr\xe0Z\x9392\x96\x1d#!B4Q\x05~:v\xd1Ud\xfa\xbb\xae/,\xce\xbdG\xf6|^\rX\xb1y\x9b\xee\xae\xa0\x97\x13\x89&lt;9\xbe\xff\x13\xec\xe1\xd4\xd4\x88Ft\xf3F\x0b\x95#\x8e\x84\xc3\x03\x06\xee\xd2P8&lt;:8\x0c\xcb\xc4\x13\x1b)\xac\xc3\x1c1\xcf\xf9\xb0\xd8\xc3\xfa\xd6\x9d}\xfevL\xed\x00,\xbb\xae\xb5\xf5\x9e\xcec\xb3z#\\\xed\xc8@8&lt;\xd2f\xe9\xbc{\xb7\x13d)Xk``H\xab\x91k\xda4&lt;8\x90h1\xc5\x11\xb4\x89G\xc4|;\xc7x\xc0\xbfV\xdc\xaa\xd6tj\n\xb8\xd5\xf9\x89s%]V\xea\x13\xae\x8e\x95\x00\xcb3==\xedV\xdbm\xbdb6\xaa8h\xd8\xc2\x1b\xb7\x1e-@\xd6\x03\xf9\xf4\x88V\xdb\xa6\x81T\xd1\xc2\xa4\xeb\x13\xa7X;piu\x90q\xd6\xd7\xcb@\xec\xaab\xee\xa7\x10\x8d5\xedv\xbb\x03!\x1f\x04P!\x93m\x11\t\x17n&lt;zt\xef{\xf0\xae\xb1\xc7\x00\xa6\xd1X\x1eC~-\x12:\x85\xb0\x80.\x98+o\xfas\t\xc1\xbf:r\x9b\xac\x06j\x10u\x1d\xa1\xa6jNY\x93\xbeB\xe2Ca\xa5\x11\xd6Z\xc8\x97w\xf9 |)\x04R\xd0\xf2\x8f`}\xdf\xd9\xf2\x98*B\x80\xa5\xfaZZD"!\xe4iR\xa7S,\xf1\x02V\x9cLH\x17\x12\xb9]\x06\xdd\x129;m5\xaa\x10\xc3jZ\xe7_\xd0[u\xa3E\xac\xd4\x11\x8e\x03VW\xebt \xefr\xb9\xf6]8\x12Y\xba\xe9\xd6\xe5\xe5e\xe0\xbaIa=\xeeknnni\xe9\xec\x84\xfc\x11\xb4\xaa^ Qf3\xe5\x8f\x93$G"b\xe6\xb6\xbf\xbd\x96g\xa5J\xedv\xc0\xf2\xb4N\xaf\xb9\xf6_\xed\xef\xbb|\xa1\x80Z\x1d\nL/S\x0b\xed"2W\x05kA\xa0P\xdcR\x804\xe3\xccfN\xdeL\x12^\xe6\x98*\xb3\xceb|\xeb\xc5\xea):\x05\x85RL\r{\x08X\xaf^\x01\x97\x0f\xf7\xf9\x024\xd52\x98\x0b\xb8\xfa\x90\xb9`\x13;oJ\x15\x90\xac\xf5\xea9\xd6\xe4\x0e`\xe5\xccm#\xf2\x17)FCwb\xcdp\xc8i\xe1\xbc\xbe\xb3\x8f1dG\xcc\xe6Y\xc0rW\xb1p\x9f+OcM/\xdf\xbbAs\x81\xb5\xfa\x10\x97T\xd1\xdd\r\x19R\xc7\x16q\xf4\xfc\xcd\xe4"\xf7\xf7#\x13\xcf\xf9\x95\xfe~]\xfe|\xf9I\xbb\xdc\xb7.\xec?\xff\xb9y,\x81\xb0\xc0\xb5\xf6\x11\x97+\rX&gt;7l"\x9c\xcd\xe9\xe5G7\x84\xe0^}"\x1a\x0bY\x0b\xb88\x1d\xb3\xc4\xe1\xe6?\'7\xb4#\xdc\x97\xbf|UI\xf7\\Q\xb0\xe9\xbc\x1a\x84\x07\x7f\x9d\xf8NR*\xe1\x81\x00m-0\x17\x88T&lt;\xe4^\x9e^\xcb\xe7\xd7\xdc\xadp\'\xf5QX-\x94\xb5\x04\xc8\\\x1c\xeb|\xe6ps3\xfe6\xcc%\xfd=\x8de\xd5\xd89\x15X\xed\xa4\xd4\x1cW4W\xd3s\x98\xe0\x94^\xf9\x00+Oq\x95\xf6\x01\xcb\x07\xe6Zs}\xfe\xfc9\xbf\x16\xd2)\xa4\x0bB\xca\xe5\x91oQX\x1d\xd9d\xa6\x8c\xb0\x86\x9e\xecl\xb3\xbeMg\xbf\xee\x15\xd9Ia\xbe\xf4\xca\x15BX.d\xad\x12\x98\x0b\xfe\x0c\xe5\xf3\xfb\x80\xe5\xbe%\xd5C(\x07%\rT\x0b\x0b4\x96u\x96(\x02\xd6\xea\xd3\xc1\x19\xff\xc3\x06\xe73j\xb5&lt;\xa5 \xce\xcf\xd80\xe8\x19\x1b\x8c\x7f\x92\x9c/\x96(,\xe4]\xfb%0V\xda\x05\xcf\xd5\x82\xeeP\xde\xdd-\x1a\xd389\xed\x1d\xce\xe6\xbe\xce\x05\xa9T \x00\xe7\xea\xdd\x9a%v\x90\x80x:\xb8\xb1)\xa3v\xa22\xf0\xd4\xc4\xa8\xf6O\x18\x18\xa3\xa6\x1ax\x1a\xbfk\xb5|]\x8f\xe3,U\xa3f\xb6\xfc$Y,\xc5p\n\x0b\xc2)\xac\xb4\xcb\x95\xf7\xb5[\xc2#\x02\xb5\xce9\x02b\xc2\xe2t\n\x91\xb1(,\x05\x9cC\xc0\x82t\x0c\xac\xb5\xb2{e!\t\xfb\x9f\xb4=\xebM\x86\xa0\xb1\xd6`\x1b\xf3h\x07\xe1$\x86t\xa2\xb16\x95\xb3Wj\x19\x192\xb4i\xe0\x8e\xecD\x9e\x05\\\n\x05\xa7\xc3\x9aM\x02V&lt;\xbe\xf1d\xb2\xb1XJ\xb7\xf2\x9bjV\xa5zDk\xb3\x9aW\xb0T\x99\xc8\x9cb\xe5}&gt;_\xda\x87\xe3xH\'MX\xbdA\xbd\x93\xad\xe2\xca\xa3\x1a\x15\xd3)\xec\x84 \x0f\xd6J\xe8\x15\x14\xd6\x0b\xe0ZY\xdc\x96a\x8cjm\x8a\x92\x82\xd4\xc7W\xbf\x8dq\xaa=\x19\xd8\xd5\xd5\xc0K\x9c\x90\xb5\xee?\x02\xac\x10`\xad\x85B!\xdc\x07?8\xee\xb0\x05a)\xc5l\xf9\x92!*\xe7\xf2\x98H9, s\xe9\xe1\xea\xb1\x12\x08ks\xf7l\x98\x05kT\xcbc\xffEe7a\xfc\xd4f\x91\xc6\n\x04B\xf0\xc0}\xb8\xc3a\xb7F \xad\x07\xc5\'\x07\x99\x1c\x95\xabTl&amp;S\xe8t:%z\x89\xe4\x14k;\xc5o|J\x97n*\xd2\xba\xba\xaa\xe5\xe9\xea\x04V\xd1\xf2t\xb1\x85\xfff\x07\xb0\x02\x81\x00(.w(\x04Tv\x9b5\x18\x01*.`i\x87F\rQ\xd8G\x00s".\x89^\x0fA\x1ea\xbd\xef\xa1?\xbe\t\xbblJ\x17\xab\xe93~\x95\xf7\xb3*XnZ\t\xc2\x06n\x01U\xc4(ViTlM\x9b6\x8a\x96A.\xe7\x89%\x14\x16\n\xf2G\x87\x93\xf1_d\xff\x97)\xdd\xb3\x88\xf2\xfe(\x06^Nc\xf9p;@ya\x05\xf5b6\x9b)R\xa9\xb8\\\xae\x1c\x15(UL\xd4&lt;Srh\xac\xb8\x7f\x9d\xff\xa5A\xc0\xab\xb5|\x9d\xcbcWMR\xfe\xfa)Vp\x00\x96Z\xad\x06SY\x83\xa8LI\xc4\n\xf3\xd6\x04S\xd4lQ\x99\xccJ\xd8O9x\x18S\x99\x90$8\x1c\xb8{\x8e\xc0\xe3Q\xed\x01k\xc8\xe5\xafj\xae\\\xbe\xd6\xcb\xb14\xee\x08\xa1\xea\x08n\xe3(\x83\xc1\xd9d\x01\xd6\xbc\x95#\xb6X\xc6\xda&gt;\xf0Lb1\xe2\xd20\x13\x1c\xc0\nf\x93E0\xd6n\xea\xe2\x1c\xd6u\xc7\xca\xaa\xe3\xb0g\xf2\x0b\xabm\xb0\xd3-\xc5\x93b\xac\x80\xe3j\xbb]m\xe7\x18\x8d\xca\xadY\x9b\xb5\x83\x134B\x9ec\xb1\xa8x\xc3\\\xaa\xa9&gt;\x1a\xd5\xb0%\xc8ZA/\xb1\x03X\xef{.\x99\xf5=\xd7\xea\xba \x15\xea\x07&amp;.\x99\xd6\xa8y\xfa\xef\x8fE0\x17\xc2\xea\xb2\x19UQ\x1e\xaa\x1a\x19\xbd\xb3d\x92$I"S,\xe6f"\x90\xbc\x8e\x0f\x9dbe\t\xf0x\xff\xba\xac\xfa!\xd7\x1c\xcf\xb8\xc8Q\x8fU\xeb[28\x8a\x80\xe5\xb0\xdbm6\xb1v*\x1c5z\x93\xc4Q\xf9\xe4c\xb9\\&gt;9)\x97\x8f\x08r0\x8c\x12m\xb6D"\x01\x8f\'\x11\xd6\xe6C~\xc3X\xf5%\xdd\xfa2 V3\xa6\x81a\xac_\x0fc\xb0\x8b\x90\xbcv\xd9\x94p7\x87\xcdd\xb1x\xf4\xa9\xfc\x11\x90\xca\x9f\x8aD62\xa1E\x896:\x8a\t\xb8\x12I\x14\x1fv{\xae\x1fG+o\xaa\xa9\xf9\x9d/\xb8b\x8c\xf3\xff\xa0@\xbf\x8f\xf57\xe4\\juW\x17`i\xc3\xff\xa1\xe5\xdcc\x9a\xce\xb28\x0e\xbeZgiZy\x14\n-R,\xb4\x80&lt;\x8a\n\xea\xc2\x04\x14\xc8\x00\x91\nF\x84d\xb0\x15\x9bq\x0c \x9b\xf5\x01\x16\xac\x8d\x02\xad]i\x1b\x97t5\x01-\x8c"8\xb8\xac4\xdd \x86!c\x08\xa8\xd3\x84\xa8\xf3\x0f3D\x1e\xbb\x04bD\x04\xc5U\xb2\xd9\xec9\xb7\xbfBA\xe4\xb5\xb3\x17\x05T\xd2|\xfc\x9es\xcf\xef\x9c{\xcf\xe9\xc1]\x9ee\xb2\xb2\xb2\x13\xd5W\xaff\xe5gU\x971\xfa\xfb\xfd\x8e\x1d\xdb\xe5\'\x163|A-\xa1\x0c\xb0:\xa8\xa8\xb5\x92\x11\x11\xda\nv"\xf9\x81\xb0_\xedX\xc1\xeeb?O\x06\xa3L\xd8\xd7\xd7\xf7\x82\xac\x9b\xbd\\\xdf~??\xbf~\xb1\xa7\x98\x85Xi\x80\xf5\xb8\xe3\xe2\x03\xd1\n\xb6\xa0\xa3\x11\xe9\xb4\xb9\r\x8a\xf4\xb9\xc7\xf3t\xfb\x17\xb4\xe2?\xb3\xea\x82ccc\x83\x83\x85\xfe\x8cx\xc1\x97\xc2\xbe\xe0\xc9\xc9\xc9\xa1\xa1&gt;BW\x9d\x0c!\x82\xc1\xf2\x14\x8b}\xfd#\xdce\x86\xac;\x03\xff8z\x8f\xe3P\xad\xd3?o\xc8\xb9\xddn\xf6\x1e\xe89\xd6\xa3\xd1\x1d\x0bq\x87\xea\xfb\xca\x0fW\xeb\xd2\x05\xa1\xb19\xc1\x02\xf7\xf8\xd0\xe8m\xd1\xc1u\xe7F)\xae\x17\xd5\xd5\xee\xeeex\x82*\x86\xc8ZTd\xc8o\xbc3p\x11\xb1\x1c\xf6\xd0\xa7\xad\xd6\xbf\xc1\t\x89\x13\xe7\x97\xc7\xe5U\x82\xd0Pp.\x81 \'\xfa\x08d\x83\xe7\xceMF\xf7\xf5\xc5\x81\x15\xcb\xf0\xae\xdf?\x13"*;\x05\xa9Z\xf0&lt;\xf7\xe2=\xce*\x8c\xb8\xc8!\xe5\xcc\xc5\xb0\xc3?8]\xfe\x01\xb0\xbe\x14\x04K$\x92\xe0\xe8\x93G\x0e\x1d\x82 _-\xbc\xc9\xe5\x061\x18\xbe\xbe\x99xI\x86X\xb9\xf5H\x056\xbcp\x91\x18\xf1\xd3\xee\x8f\xe5\xb6g8-\xde\x9eA}\xe1\x8c?\xae\xc2\xbbjI\xb5$=\x1a\n\xd8\xbf\xa4\x83\x93\xb1HW\xd2\xef\xf71\x02lX[\xef\x964\x00Tg\xe7\xe3\x8e\x8e\x0bD-\xda*[\xad\x97\xbd.\x1f5\x9c\x10B\xf1P\x05\\\x80uh[\xba\xc0\xdd\x1f\x94\x82\xb4\x14\x13\xf8p\xefL_\xf6\xd6\xbb\xcf\xdb\x1b;q=\xa6\xb0Vh\xc4\xd9\nu\xa6/c\xe1\xab\xa8\x99\xa7W\xd8\xafY\xb2\xb4\xeaj\xc0\xaa\x96dl;\x02Y}F\xb4D\x18\x11\x1f\x8f\xe5\xfd\x8e\x1d{\xbc3\x19\xec\xbb\xd9\xcf[zzz:A\xaf\x81\x19\xb5h\x0b\xab\xb5\xf0\x05\xd5\xd2F\x9c\xf7saO\xef\xe4\x9f\x00,\x83L\x86ra\xb5\x01I\x8e\x90`%\x12,\x16\xfb\xee\xdb\x86\x9f\x06z\x1a[\xc0\xe7\x07\x16T\xeb\x7f\xed\xd2\xa5\x7f\x92\xc0\x89\x1ee\xe5W\xa7U\xe5\xe7\x1bd\x0f\xd33N\x1e!T\x10-\xfc\xb1\x90\xde\xb3#\xdc\x9b+f\xbf}\xde\xd2\xd9\xd3\xd2\xdenh\xbf\xd3s\xe1\x1egU\x13wsry\xa7\xd9g\xa9\xc3\x91.\xdd^~c\x1f\xff\xa3\xac\xf2\xaa4H\x1b\xf2\x11+\xc3Vg&lt;\x8c\xf7\xe7r}33\xa1\xde\xf1g\xe0\xbdycc{C}\xbd\xa1\xbd\xa5\x87\xa85\xf3\xf2\xff\xafa-&amp;\xe7\x97\xac:\xc8\xe1e\x06\x83\xe1aU\x06\xac\x1f3\xea0\x0fd0\xa0\xfc\x81\xe0\x9e\x9c\x92\x8b\xbd\x0f\xed\xf5\xb0\x0c\x86\x96\xce\x8e\x07\x9c\xe5\x87\xc5\xc5sy\xa7E\xfe\x88X\xa4\xe0\x91\xc9\x0cU\xe5\xe5?\x96\xe3z\xe8\x9e\x8cT\xb9)\xc9@\x05X\r\r%\xa9\xa9\xa9E\xf5\xf5\xed\x88\xb5\xe0\x8b~\xb6\xef\xd4iU\x13w\xcc\xf1\xac\xba:\x89DX\x96Z\x04\\U\x84\xaaJ\x06"yB\x14eg\xe3*\x81\x05p\xc9\xa9x\x81~\xfb\x01g\x15SQ\xcb\x98Q\x9a\xd7\xd7&lt;\x8ejI\x84\x904#\x18,\xa8}\x8a\x80\n\xca\x9e\xa4\xbc\xbc\xbc\xa4\xa4\xbb\x84-\xd7\x13\xac\tQ\xf5\xf6k\xd1\xf2^\xdeQ\xad\x99+\xa7\x99c\xc0y-\xbas7%\xa6\x82\x0f\x10\x0b\xfb\x91\x92SR\xc0PPS\x83\xe1\xb0\x14;\x9bw\xf8\xc6\xc1\x83\xe4\xb6\x1a\x17\xd8\x14\xcc\xd9\xd2\xf3ZD\xa7;N~-\xdc9@M\xa2\xd2f\x86Qh\x8eE\xc5\xcc\x91\xaeC~\xe1\xd84\x01&gt;\x8fjA\xbe%\x10F${\xa2\xd1\xd8\xd9\x84\x89\xf4\xe9\x1e?u\xfcF\xdeV6[\xdc/\xeeG.p\xfe\x9eG"\x07\x7f\xa1\xcf\xeb\xc9\xa5-\xd4!E\xfb\xecD\xac\xc35\xe7\xbc&lt;\x91C\xb0 \xb1A\xbd\xd0pPH\'\xed:|\x18\xef\xa5\xce\x9c9e\xa3"\xcb\x93\x8dX\x03O\xc2V\xe5[\xf4\x05\x12\xf7\x05\x06\x98gwb9Q\xcb\xc6\x95\xc2&gt;\x8b\xb7\x9b\x07\xcf\x10(X\x87\x91\x8a\x85\xcb\x93R\xeb\xe8\x15\xce\n\\\x97\xca\xe5\x1dS\xf5\xb9O\xc8O\x87\xb5\xc8waO\xcb\tU,`\t\xdd#\x92\xc5;\x01\x8bb:v\x0c\xca\x0b\xd0\x8a`A \xcb-\x81\x08q\xe1\x89\xc3p\xdbjs\xf9\xa5\xfa\'D\x0f.\xd6\x05\xa7\xdb\xb0 gv\x8f\x80\xec\xea,\xf6X\xc3\xc7\xb1]\x7f\xf0\xdb\x89\xe6\x9b\x83\xd5q\xfb\xd5=\xce\nG\xc3h\xd4q\x91\xe3\x14\xa8\xd3b\xe3G\xafo\xe7W\x05\x13\xb5b\x05\xa1\x88\x15\x01\x9e/\xde\x89\xadd\xb8\xf6\xed\xb41\x11.O\xd2\xf93\xd0\xf3\xdd\xcf\xf8\\tZ\xe2\x998\xdb\xe09\xaf\xecZr\xe2\x8e)z\xfd\xe6m\xbe\x84\xc2\xc2\xeb\x13\xf7\xf8x\xc8\xdf\xc9\x9d&amp;\x8b\x87,\xfb\xecPP\x16\x11\xac\x96\x9e\x9f\xfe\xf8\xcd\xed\xd7W.\x8b\x98\xcc\xdf:\r\xc4\xa9wX\x97\x9f\xfc\xf5V\x89A\x80T99\x80\x05\\\xd8\x8e\x17\xee\x1d\x90\x99\xc9\xe5\xb9\xb9\xb1Xn,\xfcL\x19\x91A:\x92:[\xb6ww\x7f\xf7\xe6\xe7G\xf7\xae\x84q\x98\xcb\xce\x02\xa93V:m\xf6|\xdc!\x05\xc4\xbf\xe4\x88\xc6&gt;&lt;=\xfa\xf7W\xaf\xdel\xefnK\x95!V\xac\x1d\x0b\x04\xc3\x944  \xd0\x07;\xd4\x91\xca\x8d\x12\x8b\x01\xe1\xb6\xa8\x1e\x9e\xda\xdf\xec\xdd\xb4\xa9\xbb\xbb{{\xe3\xbf\xc6\xc78L\'\xea\x9d\x02\xe6\xa5t4\xa7\xf9\xc3t\x8b:!\x13\x98&gt;\xbe\x1c\x19\xea\xef\xbeu\xab\xfbO{\xdbR\xd3\x04(\x15\xfc\xa2\xb8\xc2\xc3\tW`\x10\x12\xf1(*"\x16#%\x19\xe5j\xf8s\x94\xcb\xda\xb5k]b\x8e\x97MN\x8f\x13\xc5V;q7\xf3\xd6\n\xa2\xa9\xff\xbc\x9ch\xd55\x0f6E\xc1\xffy\xd3\xdegEi\x02d\xca\xd9\xbcysbb(R\xc5\x03\x95w\x00\xd7\xc76h`\xc3\x02W\x03,_\xf2\xb4~~\xdf\xc3\xf9\x8b\xf5\xae^\x91\x15\x05\x96\xe6\x89\x8fS8s\xbat\x06A\xb7\xf7\xe4\xce\x8fR\xf8\xd6\n(Tk\xb3\xdcb\xaa\xb8\x1e\xb3\t\xb1\xda\x8a\x84PTo\xb6-\xc8\x92\xc3\xf7@\xb1\xe3\x1dp\x93\xeb\xe3\xf3\x95\x8d\xcb\x8d\xc7\xe3\xa1TPu\xf8\xfa\xa2\\oO\x17opu]W\\Z\xa16\x995\xd6\xd1wc\xcbp\xb1\xcf\x9e\xcb3\x99c\xef\xa7\'Z[uz\x95\xd92x-\xc6\xc5\x05\xb0\xa2\xdaR\x85\xa13X\x89$y\xc7n\xeb@\xec\x84\xc5vX\n\n~s\xe1\xc3\x17\x1e\xe6\xf5\xcfb\x8a\xd7\xfd\x8e_[\\\xda4\xa8T\x99U\xfa\x91\x97\xef\xa68L\xe6\xea\x12\x1b\xe6\x98\xcdz\x1a\xb3\xb9\xc6hT6\x85x\xb9\x00X\xcc\xfd\x14\xa1\x80\xc2\xba\x04\\\x80\xb5\x07\xfd\x1d;t\xc9\xfa\xca\x87G\xc0l\x9f\xc1\xebKJN\xd7\x16\xaf\xe1\xbb\xf2\x8bK\xcf\xf4\xca\xf55*\xb3\xb2\xd9::\xfd~\x8c\xe3\xb4h\xf9:\x9b\xcb;\xb4Zs\x88KI\xb5\x9aJ\x93E.\x95j\t\xd6z\x17\x97\x98\xd3\xd92\xa1\r\xeb\xd2f\x82\x85V\xdcB\xfa\xe5\xb1e\xde\x07\xbb\rx \x16\x8f\xc5\xe3\xb1\xb0\xff\xad\xe4YTqB\x02\x9f\xcf\xaf-\xad\x18T\xea\x8d\xc0e\x91k\xad#\xa3\xd3\xef&gt;\x8cqV\x14\xc38\xe0R\x13#\xd6!\xa5\xd9\xac\xaa\xd1\xea\x00\xae\xe0z\x88\xd7zX^QmEi\xa1\xb1\x89\x94\x15c\x89\\{\xe2l\xad\xc3\xa4\x97\xdf\'\x88\xcb\x05"[p\x85\xa7u\xf6\xe9\x90\x84\x84\x845|\xfe\xf9\xd2\x8a\xae\xc2J\r\x11\xcc\xac\xd4\xe8\x9bGF_\x82h\xccEv\xa2cR\xcf\xe4L\xa1\x9f[5\xbd\x83\x95\x96\x9a\x03R]\xb3R\xdd\xd5t-\xd2\x03\xa8\x9cA\xae\\\xc0B\xa4\xbf%R\xde\x85dqq\xf6\xae\xe6 \xc4\xc2\xf0\x05\xb1\x82!fg\xb7E\x16#\xd6\x1ap-uaE\x97\x9a\x08VYY\t`Z\xadubz\\4\x9bF\xcd\xbd\xbbw8\xbc\xc5\xee\xc4\xf7\xd3\x93 \x94\xc5d2\xcb\xb5:\xebPo\xa5Ba\xb2\xa8+"Q\xae\xb5.Q7"`+^B\xc7J\xb4c\xd9$\x8b#\xdd\xe9A\x81\x81\x88\x05!\x8c\xc5c\xb0\xd8y\xd7j\x11j\xcd\x9a\x90\n\xb5Re*\x04\xc1\x94r9\nf6\x99\xcd\x16e\x1flL\xe6\x92\xe7\xf2L\xd1\x87\x8f\xa3C\xbd\x83j\xb5\t\x94jmmV\x0e\x16t)TF\xad\xb2\xe0\xba\x87\xb3\xb3\xf3\x17.1\xfb\xd9B\xc4\xb2q\xd9\xb1HG\x0b\x85\x85F$\xa1\x95\xc7\x10o=\x15R\xcc_\x03`\t\xa5M\xbdr\xe3\xb0J\xd1\xd5\xa5\xb6\xc8\x8d\xf0\x9d\xd9\xa4P(\xd4\x95\xbd\x18b\x99\x8bb1\xc3&gt;\xbc\x9b\x9e\x0477\x99U\xa8T\xb3\xa6WQ\xa8\xb0\xd4\xe8\xa4:eS$`\xb9:\xaf\xf7\xda}&lt;Y\x92\xf3\xf5\xd7\x04+\x91\x84\x08\xa4B0\x9b\x83QXd\'\xb2o\xec\xae\xe5\xaf\x03\xac\x84\x84\xf3\xd7\xd5\xc0e\xac1+\n\x0bM`A\xbd\\\xa3T\xe1\xd24\x8f~\xfc0\x1f\xcc\x9e\xc9`D\x07\xa8\x97\x13V\x8d\xc5\\3,\x95Ju\xfa\x17\x83\x05\x85\n\xf3\xb0\xf4{\xa9Q\xa9\xbe\x1e\xe2\xe1\xea\xea\xea\xec\xbc1d\x7f\x9e,=\x1a\xb9\xecXhA\x10\x8b\xa8\x15x\xf3&amp;\x17\x9f\xdan&lt;(\xb3=\x93\xf6\x9f\'b\xd9\xb8\n*k\x8c\x07\x00\xccTX\xa8\xeeU\xca\xf5\xda\x03\xb8\x8c\xc3r\x04\x1b\xe3,8\xde@\xa0FZ\xb5r\xd4I\xa7\xd3\xca\x95\x95\xa8\x94\\\xf7\xbd\xf4\x80\x1cvbi\xedF\xa4r\xde\xe8\x11\xb2?\xfba\xc6\xb7\xdfR\\6\x87\xc7E\xa8\xb6@\xc0\xc7f\x08\x1e\x8f\x9b\xe9\x9b}\x1fL\xc8G\xcfB4\xd8\x8aj\x0b8\xba^c1\xc1K\x83\xd3k\xe4r\xb9\x1et\xab\x19\xd6N||?5+\x99=~2\xc3\xa6\x00\xcaj\x95\xd7\x18!\xae\x13\xa1\xba\nM*#\xaa\x86P\x911\xb5\x1bq\x01\x97\xb3G\xcc\xfe\\\xc9I;\x17`\xc5\xd9\xb8\x08\xd5\x96\x80\x00.\x86Rnf\x80\x7f.\xecB&gt;b\x91O\t\xc5\xe7\x01\xac\xa0W#7\x1e\x18V\x99\xc0\xc9\n\xd4~\xfd\xfd\x83\xa0\x9bV\xab\x97\xeb\'\xff\xfdn\xca\xf6V\x1btJ-\x0e\x81j\xd5ik\xe4Vk\xb3^\xa3\x84\x1d\xd3\xa5\xb0\xe8\xa5\xa8\x94\xa5\xb0\xa2\xb4v\x8330m@,/\xd7\xf5.\xc8\x857e\xc4\xbfv\xe0\x1e\xa4\xe4\xda\xb2\x05\x1f\xdaA`\xc0L\xff\x88\x94\xa4\xdd$\x8e\x12,&gt;\x7f\xc3\xba\x84\xff6nF\xa1M\xdcq\x1c\xcf%w\x07\x97\xbb\x1d$\x90\xed\x902\xe9d\x03\xc9\x1e\xba8;(A\xa6S\x87\x1bLg\xc0\x97\xd9\xc5\x81\x0fnp\x13fa\xb1\x94Z\x1c&amp;\xb5#\xe9\xcb\x0c\xe6!\xa1a\x08\xd3\xdc\xc8@\x84&gt;)\xeeA\x10|h\xf7\x10(\xa8\xcc\xb8\xaeU_\xa6s\x1b.n\xec\xfb\xfb\xfd\xffwIS7\xf6\xd34M*\xdc\xa7\xdf\xdf\xf7\xf7\xfd\xfd\xaf\xd2\x9d\xb9$\xc0\x8a\xccA\x92\x8d\xe32\xb8Pq\xb2\xddnB\xb2\xd2\xeacV\x8cmN\'\x97\xc7\xab+7J3\xe5\xf2\xfc\x8d&amp;\xe9t\r\x96\xaaf\x1a\x8d\x06\x05i\xbe\x96J&amp;H)]g\xb1\x14\x85\xb8\xd0\xc7c\xc7\x88k\xe3VF:\xc3\x1fw\xd0*\x82\xe77\x1fxyh\xcf\xee}9\xa2\x1a4\x07e!\xbcr\xf5\xfaD\xcd+L\x1e^.\x93\xab\xaa\xd5)\n\r\xf7\xce\xed\x9b\xcdRfyyv\xf5\xc1o\xf4{\x9f\xd4\xbd\xc5?\x1f\xae\xccg\xca\xb3M(\xd5^:\xeaR\xdbgK\xf3\xd9l\xa6:w-\x0f\xab\'\x98\xca\xd0U\x89\x15\xceV\x07\xd3\x00\x00\x06\x17IDAT\xa5\x98\xf8\xf6\xfb-\x1fA\xaf\xd3\xa7wq\x0b) \xde\xdcA\t\xb6\xe9\x95\x81\xcd\x10\xeb\x9d\xdd\xfb\x92\x08w\x93\xb1\xe2\xf8\xa3\x86\t\x0bt\xb9\x135o\x1c&amp;\xcb\x88*O\x179\xcd\xda\xb3\xcdfs\xba\xfd\x08`!to\xf5\xd1J)\x93\xc96J\xcd\xf6\xcd;\x05i(\xac\xc1\xc3K\x05\xafVK\xa6\x93\x82*\xd1\xc5\x82\\V\x8a\xb8\xe8?b\tk\x13Q\x9d9\x83\x1c\xc3+Rk`\x00C\x98\xccq\x8ev\xc5\xca!\xef\xc3\xa6i\xe2\x8cS\xcb{\x85;\xb0\xd9l&amp;K\xdf&gt;\xa5\x06I\xd6\x9e-\xcd4\x1f=\x08!\x11Vf\x96gJ\xb0y\x13\xd4H\x94\x99,\x9a\x97\xc5\xb7\xe0z\x10Jw\x1cP)\xca\x1a\xb5\x14\x8d\x96\xf6\xbe\xe3\xdbF\x91\x13\x07\xd1\xc5M\xd0i\xd7\xae\xef6\x9e&gt;xdt\xeb\x86\x03\x03\x03\xcf\xbd\xb6{\xdfDN\xcc \xb8\xe2\x90\x8c\xa4"\xac\xb0\x19\x8f\x9b\xaaQO\xa2\x99n\xe1\xd2$\x06\xa0\x95)\x1ff;cP\xa1X\xf3Fh\x15Je\xb3\xb0\x14\t5&gt;\xc7\x86bGy\x95J:\xedh\x88O\xd2J\xd3\x0c\xc3\x11pd{M\x8b\x92^\xc7\x87F\xdf8rd\x14\'\xe6\r;\xc0\xb5\xf1\xe0\x91c[F\xb7m\x7f\xe9\xc5\x17\x8e\x7f86\x91S\x07MY\x92/\x97SU\xbc\xb2mU\xd5u\xbd\x9eL\xd6j\x84\x86\xe3\x0e\xf5\xb2\x8a\xe9D\xa0\xdd\xb9\xddn\x86J\xf0\xd0&lt;\xd6r\xd1u\xb1\xddK\x8dN#;35\xeeVF\xd28^\xd1\x91AS\x1cqt0\x82R\xe8u4\xea\xa4\xc6^\x1d\xda\xbb\x7f\xff\xfb\x9f\x0e\xed\xd934\xb4\xfd\xbd\xbd\xfb\xaf^=\xf5\xd5\xa1\xcf\xdf\xa5\xdf\x14\x199\xa1\x9bA\x85\xfdRE\xe9~\xd5\xeb\xf5T\xcd\xa35Yf\x97]\x02\x18:\x16j\x80\xa9}\xbb\x00\x9bOq\xf7J\xc8\x03/?\x92\x02\x95\x16\xd5\x82R\x18-PK\xda~d\xec\xf9C\xa7\xce\x9e\xbdp\xfe\xfc\xf9\x0bg\xaf_\xff\xe9\xee\xdd[\xb7\xbe8y\xe5\xca\'o\xbf&gt;|"\xa7\xfe\x0b\x96\xdeSq=\x91\x03X\xc5s\x8b\xd3\x1c\xfa\xac\xd9x\x08PK\x05\xf7Za\t\x19\xd5i\x94\xaaEw\xac\x02&amp;\x18\xca\x91X\x92\x05n\xb2,G\t\xb0\xa8\x8d\xc9\x91o\xee\xfeq\xf9\x81\xa8\xc5\xc5\xc5\xdf\xa9\x16\x17\x1f\\\xfe\xe5\\}\xa7\xeac\xc5\xff\x03K\r\x1b\x86\n\x7f\xd4S\x15\x17\x99\x04\xc9\xb2\x99\xd9\xc9b\xe8&amp;\xaf\xbd*+53Y\x00\x14\x1c\xe5\xf4\xc8d\x1b\xf4\xa4\x1b\xf4\x1e\x81\x19\xbe\xed\x15\xc5r\xd2\xe7&gt;`\x96\xbf\xfc\xfa\x1b\xf5\xe4\xc9\xc9\xafc\xb9p\x80e\x87y ya\xaf\xc5R\xe12[\xb1\xe3\xbc\xd1Rd\xb3\xe2\xf4\x0c\xc0\xca!\xd7\xbbV\x9c\xce\x90R\x99\xa99\xb72\xccPQ.\xdc\xdaE\xa2\x02\xc6\x02\x94"L\x06\xc5\x94\xee&lt;\x0e\x7f\xf6\xe3\xd3\xa7\xf7\xef\xdf_E=D\xad\xac\xac\xdcxt\xf3\xd7/\x13\x83\x83\x02K\xec\xc3\xb0\xbf\x16}s\t&lt;\x15\\6\x8e%T\x86\x82\xe1\xac\xe5]\x8a\x82l\xe8h\x11\xbb\x18\x81p\xf8\x12\x94b\x9f; \xd2\xa2\x8a\xc4\xc2\x93e\x05\xfds\x08\x92\x1c\x1f\xc4\xd7[?\xdcn\x96\xe6\xe7)|2\x99\x16\xd5\xf2da,i =Q\xdd\xee\xf9xk\xb0\xc0\xa5\x1b|,a4[\x80\x15\x96\xa6C\xd3\xd9N\xa7CP\x1e\x94r\xe8\xe6\xc6\xf2\xb1\xe8\xd9P\x98\x8e\xd10\x8c\x8aD\xd2\x82XMW\xc6\xab\xad{\xa2\x16\xee-,,\xb4\x96/\xba\xb5z\x1c!\x87\nxv\xf6\x8db\xb7\x95\x86BTJ\x9c\xf0l=WO\xa6Rc\x85P\xa3\xd3\x99\x9fe(\x08\xe2S\x11\x10\xfe):o\xda\xb8t,\x86{\x9eH,\xc20&gt;Q\\\x0ce\xa2\xe6\xcdU[\x0b\xddjM\x8d\xd7 V\xdc\xe8\xa1\n\xef\xecK\x08\xbd\xc7`\x86\xc1=\xa4\xb2!\x1e6]\xba\x12\xeat`\xf4\xb1\xe1\xe1\xe1\xb4%mDL\x14Kp\xbbIT \x8a ,\xa8\xa1\xfe\x180\x165\xd5\xb6\r\xe2Z\x96HP\xacU\x9d\xf3\x92\xd4\x19\xb8\xa6\xaf\x85\xe6:\xa5\x02\xb0\x9eJP\x85\xe6q\x98\xaa\x0c\xc7bi\xab\x0f\x8b\xec\xce=\xc3m\x05{L\xbc\xafu\xf5b,;\x91\xae\xb9\x17[\xf7~\xe6\xba\xd7Z.z\x13:\x1b\xa5\x0f\x8b\xec\xff\x7f\xb8\x04\xd6\x92\x0b\xa9p\x13o\xf5aE\xfc\xc2\x8b\x88d\xa2GO\x1b\x15\xa22\xf5D2\x7ft\xaa%\xb1\xca\x97`,\xc3\xc7\xc2\xce1\x9f\x89\xb56\xbbT}\x1d\x96GR\x81\n\xbe\xf2[\xa4\xc9\x19\xc4\x83&gt;a,\x11\x15\xbeZ\x12\x8c.\r\xf7\x19\x13y\xd8^\x885u\xb4\x96\xb0\xc5\xc4\xb3\\2\xe3e\x82\xf9Lk\xb2Kg\xca&gt;,@\xf1\xa49\x08%\x06STE\x93T\x9a\x00\x8cH&gt;\x06\x93\x1f$\x14\x97\xa9\x83k\n}\x04U\xa1\x924d\x10\xe1\xebf_=\xab\x85\xf2\xad&gt;\xac\x98\xc0r\x12~\xb4\xd3=\x97FXVo+\xfd~Fe\xd4\xa2\x020:&gt;\x11W\x0bC\xe8%i\xe0\x99\x89\xbe\xaa\xab\xea:( \xe8\xe2\xac\xebc\xd1c=V\xcc\xa2\x1e\x06X\xaa\xd1]=\x16\xf3E\x88=*|\xcf\x0e\x93[@\xa1&amp;\x8a\x9e\x90\xbfpk\x9a\xe7{I!\x15=\xe8\xb2\xeb\xa8\xec\x1e(\xbd\xcb\xda\x8f\x95&amp;\xbf\xfbX\n\xff\xd5\xfc\t\x14\x1d\x14\x92F}\x8b)\xc4\x8575E\x06\x8e\xaa\xd6S\xf9\xc2\xd2\xb8\x97\xaa;\xec;v\x96\xc0\xf2\xc1z\xe2\xdd6\xe4\xf8u\xa9\xd4\xb5)\x11\xa2\x1f\xa5Eb\xb4[,\xca\'\xcb\x00b\x84\xa1\xa2\x96\xe8/Jv:PLP\xc5\x84\x03-+\xa6\xe1\xc4\x91\xaa|L\x91\xac\x91\xae1\x9c\x1aY2\x1c\xa8\xf4\xa0\x91\xaa\xc9;\x90J^}\xed&amp;\xd2{\xb1"\xdcF\xecb\xbe\x10?G\xa4V|\xe5\x98(\xa6\x8b\xf8; *\xde\xe7AU\xe8Ta\xc0\x9b\xf0\xa7H5\xda\xe7&gt;\x16\x95-4\xea\x96\xbc\xb8\xdd\x87\xa5\xf7c\xc5\x1c\xc3\xe2g\xcd\xa2\xa1\xe3\x08\x03C\xc4\x12l\x82&lt;\x12\x93\xcb;\x1a\x91\xb4\x14s8\x98%p\xc6L\xe0\x93:\xd9\x82\\\xeaXt\x03`\xc4u=\x97\xa3&amp;\xd2\xf5\xe9\xac\x1c\x94\xba\xc6W\xc1p\x06X\xff\x00\xda\xef\x86&lt;\xc6\xbc%\xa1\x00\x00\x00\x00IEND\xaeB`\x82'</t>
        </is>
      </c>
      <c r="M189" s="3" t="n">
        <v>45492.67702546297</v>
      </c>
    </row>
    <row r="190">
      <c r="A190" t="n">
        <v>795773</v>
      </c>
      <c r="B190" t="n">
        <v>1961</v>
      </c>
      <c r="C190" t="inlineStr">
        <is>
          <t>Samuel Xavier</t>
        </is>
      </c>
      <c r="D190" t="inlineStr">
        <is>
          <t>S. Xavier</t>
        </is>
      </c>
      <c r="E190" t="inlineStr">
        <is>
          <t>LD</t>
        </is>
      </c>
      <c r="F190" t="inlineStr">
        <is>
          <t>LAT</t>
        </is>
      </c>
      <c r="G190" t="inlineStr">
        <is>
          <t>LD</t>
        </is>
      </c>
      <c r="H190" t="n">
        <v>166</v>
      </c>
      <c r="I190" t="n">
        <v>2</v>
      </c>
      <c r="J190" s="2" t="n">
        <v>33029</v>
      </c>
      <c r="K190" t="inlineStr">
        <is>
          <t>Right</t>
        </is>
      </c>
      <c r="L19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2f2a0b3-3fad-4720-8e17-1825feb420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d\xdb^\x8c\x00\x00\x03\x00PLTE\xff\xff\xff"!%\xbf\x98}5/1$$,\xc7\xa3\x8c\xfd\xfd\xfd\xff\xfe\xfe\x1e\x1e$\xc5\xa1\x89*\'+\xb0uW\xee\xef\xf8835\xadv\\\xe9\xe8\xea/+/\x1b\x1b!\x8d&gt;B\xa9nR\x93kP !)\x8fiN\xbb\x90u\xb3xZ\x86bH\x90nX\xfa\xf9\xfa2YY\xbd\x98\x81=79((1\xc4\x9f\x85\xc3\x9c\x81\x8dkV\xadqT\xb8\x8dq\xaaqZ\xaf\x83m\xa4xe\x88eO&amp;#\'\xb6\x89m\x9cm[\x81-&lt;\x94q[\xc0\x9b\x85\xa3nX\x95mT\xe3\xde\xde\xa6sZ\xaezaC66\xed\xec\xed\xbe\x95x1TWC:&lt;\xc2\x9e\x88\xa9wb5]^\x81]D\xb3\x88q\xba\x93|=12\xa4\x7flUID\x9etX\xaa\x86t,KM\x9apT\xa7}_--6YLIeVR\x9diP\xaa{h\x87&lt;A\x88iVmUM\xbc\x81d\x8fo^QCA\x93wfKDF\xaf}g\xa08P\xad\x81c\xe6\xe5\xe5\x82TD\xf3\xf4\xfaK??\xbe\x88q\xa9\x81m\x94hY\x9a~n\x98t]gPH\x8beJ\xb2\x85g\xaf\x89w\xa3r`\x9crb\xa3y\\_PM\x87[L\xf8\xf7\xf7\xbf\x86h_JD-PS\xb5\x90z\xc8\xa7\x90\x92`H\xf1\xf0\xf0\x92@C\x8dbSn\\Wy.=|2B\xb7{[\xb9\x83lt`Y{Q@J;9sUE|YI\xb9\x80^\x9axi\x993K\xe6\xe7\xf2\x95DG\xb4\x80f|\\S\x9dwdD@C1VPeIA\xc3\x8ds:eb\x8cZC\x87,:\x8dqe!8:\xb4|a\xd9\xd3\xd3[E?\x9ccI\x825C8++\xc3\x90|q+&lt;S@&lt;\x80(8\xc4\x8ak\x81`M/&amp;\'\xca\x98{OIK\xf5\xf3\xf4\x80h^|cZ\xc8\x97\x86u\\O\xa1\x84u\xab\x8d{\x95bP54;7OG\xa4hM\xd3\xa6\x8d\xb2\x8d\x80\x84aU3OQw!5&gt;[Y\x96pd*IC\xc8\xab\xaf}yzoL@1FD\xc2\xc4\xc5\x880BwTL\'=@\xb5\x96\x84\xe0\xdf\xeb\x89h_&gt;UK\xaf\xaf\xae\xd4\xab\x95\xa5\xa6\xa7fC7\xd8\xb1\x9ca_^\xd9\xc9\xc8\xcb\xcb\xca\x902H\xce\x9e\x82\x91-=\x93\x90\x90\xca\xba\xb7yF4\xc9\xaa\x98\xe3\xd6\xd3\xcf\xd0\xd2\xcf\xb4\xa1\xd9\xd6\xdf\xb0rlT;4\x88\x85\x84\x86ph\xbc\xba\xba\x9f\x9b\x9aURTrpo\xc7\x93u\xce\xc3\xc5Qb[|mfF[R\xba\x8af\x92zrf)9lhf\xa9kp\xb3|x\xd7\xc1\xbb\x95V`\xb3\x9f\x98\xbc\xa8\xa2Xoi\xbe\x90\x90\xef\xe6\xe3H3-\xbf\x96\x9f\xba\x9d\x8d\x9d\x88\x82\x8aDN_vu\xb9\xaf\xb1\xa0ac\xb1\xbc\xc1uEB\xb3\x81\x8b\xac\x92\x8d\xaawuLhhq\x84\x82\xda\xb9\xa7\xcb\x9f\x91\x82\x96\x92\x95MX\xa5q\x82\x90\xa0\xa3\x9cwr\x9davfG\xa8\x1a\x00\x00 \x00IDATx\xda\xc4\x98\xdfk\x1ak\x1e\xc6KC\x95"1\x07\x1a\xaa(\x95\xdd\x18\xb5D\x8cF\x93e*\x9b\xc6\x89\xb4\xcc$h\xd4\x91\xe6\xa0\xc6H\xd4L\x8d4\r\x19h$\xe7\xc4\x0b\x8d4,\x839eC9i\x8d\xc6x\x0e=\xf1" \x84\x10\xc4\r\x84P\x84\x90-\xe4\x97\x85B\t{\x9d\x8bs\xdd\x9be\xbf\xefk\xbb\x7f\xc1$\xfd\xa23Fs\xf1\xe1y\x9e\xf7\x99y\xe7\xc6\r\x01F\x0c#R*\x95\xb1\xb5X,\xa6\x14\x8bD"\xf8\xe2\xc6w\x9fX_\xcf\xd1v\xadv\xbawV\xab\xd5\xb6\x8f\x96GGgD\xdf\x19K\xac\xec[\xae\xd5+\x17\xe7L\xee&lt;\x93\xc91\xcc\xf9\xfe~\xa5R\xaf}\xe8[S\x8a\xbe\x17\x93H\xd9\xf3g\xfd"\x97!T\xad*\x95\xaa\xb5\xa5\x15\x06\x9d2\xb9\x8bF\xfd\xa0\xed\xfbh&amp;\x8a\xf5\x1d\x1c\xef\xe7\x08\x15\xc6!\x88&amp;\x97\n\xbd\xe1\xc0\\\xec-\xaf\x89\xae;dbel\xe6\xa8~\x91imj\xd4\xa2Ra\x18\x95\x8a\xc0\\\xad\xbf\xab\x88\\\xa36\x1a\xbbV\xc5\xc0\xbe\xb6\xa3\xb3\x06\x93\x01\x98\x96\x16\x90\xa9\xa5\xb5\xe5\x07$\x94\x8a\xf0!\xf1TM\xcdr\xc7\xcb\xd7\xc9%V\xae\xb5\xd5\x8e)\x86a\x08\x15A\xf4\xf6\xaaZ\x06\xe0\xd5K\xf8|\x84\xdb\x87x\xe0[\x10\x90 2\xd7\xca%\xea;:\xdb\xa7(\x96\xa4\xdc&gt;\xb7{\xbe\xb7\x97p\xbb{}n\x1f\xfcM\xa2\xa3\xcf\r\x9f\x08H\x1bA\x1d\x1f]W[\x88Ek\xdb\x15\x8aeY\x9a\xa5(7\x85\xd0H\x8at\x93,`Rn7\x9d\xe0\xe0\'\x8e\xa3|\x8c\x0f~i\x9c\xb6\x89\xae\xc7\xc0\xd1\x83:\rL\xac\x93\x0e\xa1\x89\x87\x8aEg(\x1e\xa7i\x92|=\xcf&amp;NN\xf2\x85\xc2\xa7\x04@\xd2,\xe9v_\x00\xd7\x95/H\xb1\xb2\xed\xa0\xbe\xcfq\xb4\xd3\xe9,\xa4\x9d!\xa7\x13\x7fH#.\xc4\xe8\xcc\x9f|\xfe\x1c\xfc\x9c\xff\x94\xa0):\xcf\x01=}\xb1\xd7w\xd5Xb\xe5\xccA\xfd\x9cM$\x12\\\xba\\-\xa7\x8b\xe9tz\'\x9d.\x97wB/C;;;eWr\xa3T*\x05\xf9|\xfeS\xe1\xd3I\x01\xfe1A\xd3g=\xb1+\xe5\x82^\xd8&gt;\xa6\xe9B\xbe\x90\xaf\xba\xc6\xd0\xe8\xc7\xc6f\xd1y\x16fl\xf6\xfe\xb8.\x10\xbe\xbc\xbc,\x05\x01,\xb8\x11\xe4y\xcf\t\x9f\xa7\xd9\xcaALtu\t\x13\xc7\x96\xf7.(\xa0\xca\xbb\\\xd1\xa8&gt;\xaaG\x13\x89D\x8c\xc6!#\x8c\xd9&lt;\xa9\xed\xd7&gt;\xbbu8}\x0b\xb8\x82\xa5\xdd\xd2\xc6\x06\x9c\x83y\x8e\xaa\x1c\xcc(\xafL0\xe5r\x85\xa1\n&lt;\xcf\xbb\xb6\xa2\xd1hD\xaf7F\x80\xc5l57\xc7j\xb5&lt;\x99\xf0v&gt;\xb85==}\xb9\xbb{y8}Y\xda\x00\xcd&lt;\'\x05\xaaqzeE!\xea9\xceP\xf9-\xcf\x16\x0cV\xaa)\x91Y*\x95j\xa4p\xb4X,^\xaf\xb7\xeba\xf7\x83\xdb\xd3\x87\xffFs\xb8k\x07*\x98\x04\x89\x17\xe4U8(\x9e9\xcb\x91\xf9\xadd\x12Q\x01\x96Qo\x1c\x04,\xa3Y#\xd5\xe0\x17\xc2J\xa5&amp;:\x1f&gt;\xec\x9e\xfe\xcauY\xb2!,\x9eO\x90\xfbg\xa3\xca\xab(\xd1\x99\xd3}w\x01QE\xb7p\xac\x9aZ\x19\x8d\x1a\xa4\x96\xc6\x8cN\x96l\nqu\xca\xeeu\xdfF\\\x87\xb7J\xb6\xa4\x07O\xc2w~\xd6&amp;\xbc\\\xa2\xd8\xe9&gt;CW\x93\xc9h\x149\x18\xf9\xe6\xa0Y\x83\xa5\xd2\xa8\xa5r)\x1e\x8b%\xd5\xd5\x89\x8d\x9c\x9e\xbe}/l[\x1c\x1f\xf7$\x83A\x0f\xed\xbb8\x8d\t_X\xcb\r\x82\x02\xb1\x16\xa3h\x80\x0b\x84\xc2LF\r\x1e\xa9T.\x070\x89Z#\x91f\'\xbad7o\xfe\xf5/\x0f\xee=\xb3\xdb\xc6\r\x06\x03\xe2\xe2)\x12zB`\xbdD\xa3u\xc6\xc7m-.&amp;1U$\x02\xcb\x0e\x8b\x83\x90\xee\xdc\xd1H%\x12\xe0\x02*\xf5\x9d;j\xb54\xf5\xe4\xc9DW\x7fg\xbf6\xa03(\x0c\x06\xacW\x81d\x8f\x97\x05\x8e\xd7Z\xed\x9c\xa0\xaa\x8b\xc9E\xa4\x16T\x95\xd5b\xb1\xa2\x85gi\x92I4j\x89\\*\x97H$\xc0\x88F\xaa\x01\x7f\'\'\'\x1fO\x9aL\n\x05\xe6\xf28I\xfa\xacO\xd8U8ZQe\x90X\x08K\x87\xb4\xf2\xa22H\xa5\xbc\xb0\xfc\xa0\x1e\xd4j\x89T"GX\xea;H04CC\xaf\x86\x86\x1e\r&gt;j\x070\xc3\xa2\'\xe9)P\xbe\xc6\xb2\xa0e\xaf&lt;=\'\xc8\xa2+\xba\xa8\xd3\xc1Kg\x05\x0b\x11\x956\x95\x9aC\x8aI P\xe0a\x16\xb8\x80\x07\x93\xbd\x03\xaaW\xbf\xbd\x1a2\x99\xee\x9a\xc0G\xc8\xfd\xa2\xabH\xd2{\x02\xb6\x17\x94C\x9d\xc8P\x05\x84\xb5\x08\x0e",\x0c\x86lL\xa5\xb28e\x90\xf8lV.\xc7R!\xacW\xaf@\xac\xf6\xa1\xf6\xbb\x80\x05T\x90{\x90\xcb\xbd_\x9b\x11\xecvB,:\xd8\'|\xdf\xb0\xa2\x11+\x96k\xd8k\xc5\xcdnAT\x10x\xe4\xa2\\\xf2\xd5A\x845\x84\xa6\xfdn\xfbW,\x83+\xcf\xba}\x17\xdb\xc2]\x1c\xd7\xce\x18\xc6\xed\xacn!\x03a Z\xd6a\xc4cmV\x03PI$@\x04\\\xeao\xc9jb=\x1aj\x87ha*\x97\xc1U\xa6\xdd\xbe}\xe1\xee\xbeD\xcb\r\x86$\xb9j\xd2\xd6\xe4B\x91\xc7.ZqkIP\xd2\xf1\x1b\xa9\x85\x1b\xe2\xffX&amp;\xd0j\xbc\x89\xe5r\x14\x9c\xa4\x9b\x03\x17\x85z\xcapz\x0e\x1b\x87\x04\x9f\xc4y\xd7Y\xb1\\f\xb4\x1aQ9@ii\xd4\x08\x0b\x8f\x1a%\x1e\xa8 \xf3p\xbf3\xf4\x08\xa9\x85\xc8\x14\n\x97\xa3\xe8\xa4H\xea\xb8G(\xb5\x90\x87\x14[\xa8zt6[\xd3\xc6ak\x04U\x04\xb8h\x84.\xfd\xaa\x16\xa6\xc2\x03&amp;\x1a\xdf\xbd3\x9b\x07\x07M&amp;\xec"P!\xac\x10I\x92\xf4\xa9P\xe1\xea\xa9d`\xfb\x95\x00\x13\xed\x01pP7\x0c\x03K\xd0\xebm\xca\x85\xa2\xd5\x94\x0b\x99\x88\xd1\xf0Zx\xf2\xd8&lt;\x88\\DT\x1d\nWG\xd9\x19\x07,\xealM\xa0\xd2:8gh\x9a-x\xecv\x84\x05Zy\xb5Z\xadw\xae\xabkn.\x95\xcdJ\xf1\x02D8\xf2\x17/\xe4\xb8T\xa1+R\x13\x13\xa9\'\x8f\x01\x0bq\x99\x14\x1d\x1d\nG\xd9\xc9\xc6a\xebV\x17(\\\xb1Z.\xc7\xd1\\2\x1c\xb6\x07\x02\xc3\xc3\x01-\x9e\xae\xceN\xbf\xcc\xef\xc7d\xcd~WK\x16\x16\xe4\xcd\x91f\xa1\xcd\xa09\xcc\x8f\x90\\\n\x93\xa1\xc3\xa1p\xac"\xb5X\xaa\xd2#\x08\x968Vc(.\xc1\x97\x10U \xd0\xdf\x0fJi\xe7\x10\x94\xeco7e\xb2o`H\xa8\x91\x11\xf9\x0b\xf8\x0c\nf\xb3f\xa3T:iF6\x82X\xe3\x86\x0e\x85\xc2\x91\x0e\x91\xb0\x15\xa7\xb7\x05\xb9\x00\x89f\xf6r\x14\xc7\xdb\x9bZ\xc1&amp;\xc2\x8b\x8e]\x9d\x00u\xaf\xbb\xfb\xe1C\x99lnnndddaaajjadjd$\x9b\xcdZ\xb2R\xa9Y\xf2X:99hR\xb4+P\xba\\\xc0\x15\'Y\x92\xfcS\x90\xdb\x08QO\x85a\x13\xc10$\xcb\xae\x0b\xf4k\x9b\x81\x072\xf8\xa6\xb4\xb9\xb9\xf9\xac{\xc5\xef\xf7O\xf9\x81gj\xc9\x0f\xaf9\xb8R\xa6\x90\x83\xe8\x16b\x12\xc7K\x01\xe1\x82q8\xe3,E\xee\xc5\x04\xb9\xf2|\xa80\xf4\xc9F8\xbc\xf9,\x0c\x16\x82b\xc3:\xb8E\xe5=&lt;l\x17\xf9dpc\xf7\x1e(\xb6\xb4\xb445\xe2__\xf1\xaf\xac\x80\xads^k$\xa2\xc7\xfd\x0ec@P\x0e4\xab!\x96b\xea3\x02mx\x18\xdac\xdf\xdc\xdd\x0cC\xd2\x03\x01m\xc0U\x80\r,\xc7q,\xd4\x06\xcd\xe5\xff\x1b\xfe\x8fle\x05\x88\xa6\xfc_\xd6\xfd\x80\xd6\xa5\xd5\xea\xf4c\xb0\xe7.\xa6\xcb\x0eGG\x93\x0b&gt;\x00\x174\xaa\xfb\xb8O\x88\xcc+{\x1a\x0c\xcd\x97vw\xc3(\xf1\xc3\x01\x9b\xab\x08H\xd0\x189\xf4\xd4\xcd\xc7r|2\x19\x90\xad\xdc^_\x9aZ\xfa\xf2e\xc9\xbf"\xeb\x1a\xd6\xb9\xd2\xce\xb8{~\x9e\x8c\x87\x9c\xc52\xb4\x03\x04\x1e\xb0::\xd2N\x9a&lt;\x16\xe4^P\x0c\xd9\xa2y\x10+\x10\xb0\x05l6\x1b\x8f\x1e,p\x08\n=\xfe\xf3Q\x89j\xb5:6\xbc\xb2\xfe\x16\xb0\xd6\xd7A\xb2\xb9\x94\xceQ\x04\xa8\xd6\x1f\xde\x0c\xf4\xce\xbf\xfe%T,:\\.\xe4\xa3B\xb1\xeat\x92\x95QaLld\xe8\xcf`!\x12+`K\xf2\'\'y\x8e\xa6rL\x86 \x087j\xffj\xf9\xe9Xj\t2\x85\x036\x92\xb2t\xec\x84~\xf1\x11\xaa\x967oZZ\x06z_\xc7CM.G\x87\xab\\,\x92\ra\xb0&gt;4\x18.\xb8\x1b\xb6\xdb\xf0$\x93\x9e*~\x12\xc3\xa1gH\xc5j\x95\x87\xed\xac^oYz\xbb\xe4\x87\x8585\xb2`\xd1\xaf\xfe\x1c\x02\xb5z\x07\xfe\t300\xff:\xeeD\\`\xa3\xcb\x91N\xb0BE\xbe\x92\xe3\x82\x9b\xf6\x00\x86\xb2\xd9`\xfb\xce{\x82\xc1dtkklvvL\xbf\x08\xd7o\xabe\xea\xe3\xfb\xf7o?\xfe\n\xfd\x955\x9bV\x7f\xfe\xe9\xa7\xd0\xcb\x97q\x188\xe2\xe7^i\x87\x0bL\x84\x9b\x9b&lt;\'\xccEQ4Z\x01\xb5J_\xc5\xda(]^n\xda\xed\xe8B\x04=\xf1\xdb\xf3\x7f&lt;7\xc1\x9e\xd1\x92\xfa\xf8\xc7\xbf\xfex\xff\xf1\xd7)\xa0\x1az\xfe\xf4\xc7\x1f\xff\xfe\xf4\xe9}\xf4ti\xf6\xfe\xaa\xa3\x9a/b\xb9\xd0\x14\n\xdc\xde\x9a\x10+Q&lt;sv\x9e\xd8@X\x81\x00\xd4\xc4\xe1\xe1\xe1\xffX5\xff\x97\xb4\xd76\x8e\xef\x14\x16&gt;\xb1NP\x98m8\xfab\xe6\xe9C\xda\xd9&lt;\x911\xb5\x15\xc52\xca\xd5\x89\xf8\x90\xd9*\xab\x99\xc3\xecq`\x99\xd6\x0f\x15(\x12\x9dB\x89\xca\xaduL\xf0\xcb\x0f\xb1\xc9\x83D&lt;&gt;\xb6\x1ed\xb3\xe8\xe0\xda\xd9q\xc4b,N\x90,\x18\xc4\x06\xf5\xcbx\xae\xeb\xd3\xfe\x83\xe7s\r\xfc\xa1\xfd\xf2\xe2\xba\xef\xfb\xba\xdf\xef\xf7\xe7\x16K%:\xa9\xae\xb6\xa4\xcc\xa01\x99H\xbbG.\xcf,\x8dnm\x85\xa3\x8bZmo\xa6\xdcc\'IR\xa3R\x11\x04\xa1R\xb1\x0c\x86\xc2{\x13\xadM\xbfO!T\xeb\x0c\xac\xff\x9b\xeb\xf4\xdc\x89\x9f\xdf\x8eb\xb7\x80J\'\xde\xd9\xdba0\x05R]g\xff\xe6L \x14\x0cF\x82&amp;\xd2#\xbf\x99\x1b\x06,\x97\xd68\xd9\x0e\xcd\xbam2iT\xe8rU\x80\x85\xc3\xa1l\xba\xac\xc9\xd2t\x89\xf5\xe8\x03mw\xe2\xdbG\x87\xb5\x80\xa5\xd6q\x18;@\xc5\xe4tN\xdf\x83yj\xb5F\xa0b&amp;\xbbG\xc8\xf5m\xf9\xa26cF&amp;h\x99\x1e2H\xaa\xd6q\xe7i,f\x0b\xbf\xf0\x1a\x1cA\x9c[\xd7\x10ke\xf4\xe07z\x84\xcd\xf0\x9f\x8f\x1b\x00\xab\x93\xa7\xe3\x08\x18CL1\xa7vz}s\xb4\xa1\xe3\xc6\r\x87#\x8e\\\xa4\x87\x18\x89\xfa\\\x8b\np\x89\xc2\xba\x9c\xbc`0\xb0\xfem}3d\xb5\xce\xc5\xad\xe6\xdf\x97\xf8|&gt;\xf6\x0c\x04jk\xeb\xca(M\xc2\xe6\xca\x937/\x1af\xdc\xdf\xb1\x18\x02n\x89\xaa\xc9\xdc\xfc\xfa\xe5\xdb\x17o\x97\x97\x1f&lt;E,\x15\xd1\x96\xa0\xa8\xd0\x1c\xb2\xc8\x88\xe5\xdef`\xaa\xe1q\xa5cYtwn\xae\xdb\xb2\xf4\x1d\x0b\xac\xf5\xcc\xe8\xeb\x1f\xe9\x11\xf3\x83\xffz\xf1`\xdf]\xcb\xe3\xe9R8\x0cFJ\x9bP\x15\x89\x9f\xbe{\xf3\xa2R\xb6\xec\xf8p\x1a\x88\x9c\xe9\t\xe1dbq&lt;\x03\xec\x8e\x1e\xca\x14\xb1L\x05\xa7\xfe|\xfe\xd7\xdb\xe5\xab\x1f^&gt;J\xc6\xadAXJX\xcbk0Wf\x1e\xbd\xa4)\xae\x84\xc1\xd5\x80X\x12.\x08,\x8e\xa4\x8a #\xc1o\xcf\xde\xbc\xee\x10%\x17\xf6\x0f\xa7\xce\xce4D\xd5\xc8\xa2\xc2\x88\x86\x07\x06\x86\xde\x14\x8c\xc4\x83_^=\xbf\xe1X\x1e{\xfe\xf9\xd4\x9aLF\xcc\xb0\x90p#\x96uu\xed\x8f\xfe\x87.\x8b1\xfc\x12\x85\r`I\xa5RI\tA\x05\xdf\xfd\x13\x87\x07+!\x93\x05&amp;\x84\x81\xb8\xd9\xa6\xd5j\x8d \x9b\xbd\xf3v\xbb=\x0f\xb8\xa6\xd6\xdd\xfbs\xc9d\xfc\xe0t\xc6\x9at\xc0\x0e3#\xd9\xb5\x89\xae\xfd\x83\xff\xd2f\xc8\xfe\xfdb\xdf-\xf9\x8e\xd5X\xd2\xc8Soptj\xff\x97o\x06\xd2tvFz\xaa&amp;\x15\xda\xc5E#\x18\x8c\xecy=p\xc1\xd4\xd2\x18\x02\x86\x809h5[,\xf0\x1b\x89X\xa9\x85\xbc\xd6\xe5&gt;xN\x9bOL\xff\xe3\xf9~\xad\x84\xc7\xcd\x85\xe2J\xda\xdax\x12\x8eX\x00\x80*\x8d\xe9,H\x1a\x84\xb7\x80\xca\x06\xab\x88X\x14\x17\xcc-\x00\xd3h`\xd6\xf3\xcb\xca\n\xf9K!s\x10\xba\xd5\x84X/\x9f\xd0f\xf6\xaf\x7f&gt;\x04\t\x08X\xdcR\tZ\x0c\x1e\xfc4\xf6y4$\xae`\xdf\xadI\xe8\x15\\;\n#\x1cE\xd8\xf2\xd8/\x0bI\x95\xa6\xa7\xb0\xac\xacii\xc9\xb2\x84S\x82_8\xe1^\xa1mk]I\xbf\xf2\xdb)`a\xe8\x88H\xf0\x8f\xd7X\xd2\x07{LN`~\x8a\xcd\x02*\xe4*\x82\xbd\x05Xz\x0ft\x8b4\xc5b\xa6\x98\xc9r\xdbb\xc1F\x81\xf9\xe1\x17Nw\x1d|\xa6+\xe0J\x1b\xde&gt;\xa6\x0e\xa2D\xd2\x86\x91H#X\x1f\x90\xeaB9&amp;\xcd\xc5Ba\xf1, \x19\xc7A&lt;(2\x10\x0bN\xa3\xc7\x83\x93\xc2N\x9a\xa0,\xb7\x97p&lt;P9\xc4\xfd\xae\xd3?h\xc2J;\xd9QwV#\x16\x17\xb1\xa8\xb8\x06\xe3x\xa1P\x98-\xcc\xc6\x88yV\xab`\xb3\x01k\\1^\x84\xbd\x82\xf2\\\x82\xe9\xedy\xd07M!:2\xccm\xee\xbb\xdf=\xa1\'\xa6L\x1f&lt;\xe2\xa4H\xc1|!\x16\xaf\r\xac\x18@y\xe7\xbd^/\x15\xdd\xce\x8e(m\xb6\xc5q\xe3\xb8v\x11\xad"\x1b\'\x17\x95\xd5\xccS\x85h9\x9d:]g\xc94z\xa0\xe9\xb5\xedaz\xf4C\xfa\xc9\xd0\xe4\x88X\xa0\x96\xe8r\xb9\xdcR\xb0\xf8\xa5\xe0\xa23\xa9\x14+\x03\xfadC\x03\xc66*`w\x810\xc5MoG\xa9\x83\xc1\x1b\x80{\xf1\xa77\x7f\x87\x91\xdb\xdb^\x0f`\xd3\xd5k\xc7\xbb\x83\xf4`\x8d\xfc\xb3xoG\xad\xd6\x81\xb9\xcf\xb5%\x12\t\xe8\x8ev\x1c\xa6\x148hP\xca\n\x98\xa1\xdeq\x18\x10\x14\x16\xbbH\xae\x87}N\xce\x17Q\x99\x12\xb0\x17\xb1\xdfW$r\xdf\xf7\xb6\xb7\xd7\xd7LWO\xdc\xafQo_\xa7\x05kr\xfe\xe2\x08\xb1\xa4)\x15\x15\xae\x14\x97+\x81\x08PJ\'\x18\x9d\x8cyoQ6{1\x01\x7f\xc6\x191\xce\xce\x96\xebQ\x06\xce\x17\xb1300a\x1b\xc7\xdfS\x05\\\x03\x03\xd5\xd5\x03u\xf2\x8d\x93\xff\x7f\xd3\xa7\xa7\x9d(\x15\xbep\x14\xb0RR\n\\P\xd8\xafE\xad\xcd\x06P\xab\xca\xa2y\xaf\xc2fK\xb8\xa2&gt;\x10\\8\xbd\xb4\xbd7ac\xe9\xed1{v\x861\x03Z\x8a\xf5\x9d\xab\x1e\xb0\xea\xec\xb1\x9a\xdd4\x1a\xba\xb5\xabT\x02\xcc\x9aZ\nT\x05Q\x17E\xe6Z\xbd\xb8\xb8Xu*\x90\xca\x05*\x1e\xb4\xe9\xd69b-\x16\x08\xb8\x93\x93\xbd\xb7\xe41\xe4b\xe3R\xbf\xbf\xe4j\x87U\x1c\xa8\xaf\xd6\xc7b\x1ez\xb0FF\x94.\x9f\xdf/\xc8\xcf\x8fF}Q08Q\xdf\xd6\xd6^\x18\xa9\xbc^\x85\xd3wt\xb4\x85\x15v-\xc2X\xb5\xc1\xb1(\xcd\xe5\xde$c1=\xe6pT\xbfp!\x81\xaa\xbe\xbez\xc0C\xc6\x08\x1at vkV\x11\r\xaf\xf9\x05L\x86\x0f\x0b\xd8\xb6\xce\x81\xca\xa6\xc8\xf0z\xd96\xa7o+,\xe5IR\xe0?\x10\x8b]\x97w\xbb\xa7\xa6^\x08X\xa4&lt;\x03c/\xe02\x1a\xb9\x15\xa5\x805P_\xe3\xb1\xc7\xaa\x7f\xa1e\xcb;3\x95\xe1\x1d\xf7\x9a\x98\x11\xc6\x020\xb4\x13@\xc5\xce\xf6f\xcf*\x9d.g_0b\x0eTW$\xb4\xe3\ncO0\x0e\xfa\xca\xae\x07,XF\x84\xc2vMr\x05\xd2\xd2\x81\x81\x9a\x01\xec\xd6\'Z&gt;\xdf\r3\x8b\x9d\xe1\x0b\xf7\x9a\x80\x11\xbe\\,\x1f\xc0]8\xb5@5\x9f\r\xd3\xd4\xa9$\xce\x82\xcdS\x01Uc\xa6P\x9e\x17\x89/\xc4\xe3qP\x10&amp;l\x17\xae"\xb6\xeb\xbdT\xcc)\xad\xaf\xa9\xa9\xa9/\x8f\x91Gt\\?\xe9\x83{\x99N\x97\xadvM\xc0\x1c\xda:??\xdf\xc2~\xf9\\\xca\xd9\xa2y\xfd|1\x85\xd5\x1fB\xdb\xbc\xb9\x0eB\'\x12O\xc6\xe3\xa0\xde\r\x06\x12.D{6\x06\xa9\x80\xd5+\x95\xeax\x03\x80\xd5\xde\x1f3\xec\xd2\xe2^\xafo\xf3\\\tc\xd5\x1a\'\x9f\xc2:\xc7]\x1fu\x8e\xb0\xb3\xf5vyU\xdbH[\x9f*\xb4 \x12\x8d-4\x07\x0c\x86\xd0\\&lt;\xe9\x90%\x17\xac!JB\x98\xf4\xc2\xcb\xb8~\x12\x94\x10X\xb5\xba\xba\xfb5\xe4\xc4\t=w\xf5\x89`5j\x14"Vx\x0f\xba\xe5\xc3!a\x1b)\xf6\xd8=}\x8d%\xaa\xa9\x90\xb5\xa32\xf5\x1f\xa9\xa2\xb1\xb9\x90*07\x06\xbe\xc3\xe1\x90\x89\xe6@\x98\x82| \xe5\xd4\x17\x8e[\xedT\x18\x9e\x93\xc3bi\xd6h\n\xc0\x9f\xec9}\xab\xd5n\x0e\xf5\xbc\xe1&lt;\x8c\x11\x88\x13\xa8H\xcd\xe6f \xf4pnA&amp;\xab\xbc\x91\x95\x95\xeaHZ\x03SV\x91c\x99*\x07&amp;[\x91`\xd0$\xc7O\xc6\x99\xf5H\xc5b\xb1zX\x86czt`z\xda\xaem5\xec\x9f\xd8\x103\x99CC;C\xcc\x82\x84M\xd9\xe61\x99\xf1\x19RGG\x8b(\x15\xb0d7\xa0[AK\xc8l\x85vQX\x18!\xc9\xe2s\xf1\xa0\x07uYMM]\x0e\xab\xa7\x87\xcf\xca\xb9\xf7\x8e&amp;\xd1\x9c&gt;|1k\xab]\xf1\x0b\xc4\x02\xe8\x183\xbf\xc0UQJX\x82\xcd\x0f\xc7\x16\xc6D\x1dwZZ\xee&lt;l\xde&lt;\xfc\xd6O\xc8=\x1e\xb9\xca\xa31[\x17\x16.\xb3-\xc7\xb2L&amp;2{\xf0\xcbpN9+/o\x89_fp\x9f\xd0\x85\x95\xb6\x9b;\xa2\x1em\xdd\xf8\xc4\x01\x9f\xc8\xc9g\x14T4\x06\x9a\x1f\xb6T\xcaD\xa2\xca\xbbO7g\xbe}U\xfb\xfd\xfe\x8fU \r\xe5^\xb9\\N\x94\x975Mu\x8f\xe1r:R\x1dqMNyyOONO\xdem\xcbR!\xff\x98\xb6w\xb2\xa0\x04\x99\xfe\x86\x86\xae\r\x01g\x03\xc8\x18\x05\\\xa2\xf9N\x87\x08\x1fN\xde\xdd\xffB\x05\xd0\x1f?~l\xc4ni\xf4\x1a\x8d\xde`\xc8!\xfa\xfb\x03\xdd\xb2\xe5\x9f\xb2d\xa9\x8e \xab&lt;\x87\x9f\x07\xbd2[\x9b5]?\xd3\xf8\xd4fp\xf7\xb8\xe1\xf1\xa3\x89\xb5\r\x81\x80#`rxS-\x1d\x95WS\xaf\xa6\xde=\xdc\xf07\xf6\x11\x04~4\xeb#\x80J\x83~\x07O \x18\xb2\xa6n\xd9O\xcbYYY\xf1\xa5\xc2B&gt;\x7f\xc9b~x\xa7\xbb\xe9\xd9 \x9d\xdf\xf6\xd3~\xfe\xeb\xf1\xdd\xd1\x99\xae\x8d\r\x81\x98!\xe8l\xee\xf8\x15\xdf\x97\x8e\xad\xb8\tRS]\xf2\xf5\xd3\xa7\x8fj\xf5W\xc2\xa3"\x08\x83F\xa5\xb1L\x81\xdf\x8f\x04\xcd\x0b\x8e\x1f~X\xceJ\x9a\x01j\xc9\xdc\xdd\xdd\xd2\xd1\xf0\xe5\x17Z\xdf\x8d\xa4\xfd\xf8\xfa\xc1\xe3\x07\r\xa3\xadn\x1dG,V7?\xfe5\x15\x8e\xda\x02\xf8e\xd3\xcc\xab\xa3W\xbfm\xef\xbc\xda~\xf6\xc9\xff\xf7\xf1\xb1\xdf\xff\xf7\x9a\xfb\xcb\xd3\xff\xd1r~!m\xe5Y\x1c7\xcd\xad\x89\x97\xc9z\xb3L\xb6hHb\x0b[\xbd+\xa6\x8d\x8dC"\x9ah\xc3n\xea\x88b\x8cT\x8cUS\xd4Z\t\x16\x89;\xe8$"l58\x0fR\xc3\xea\x06\x94hk\xdb&lt;\xe8C\xd1R\xa4S\xc4\xa5\xfa\xd00Z\xdb\x8e\xb5H\xa1\xd4\xbfH\xbb.\x16\xaa\x0f\x0bK\xd9\xef\xf9e\xa6\xcb&gt;\xceN\xf2Kr#\xad\x92O\xbe\xe7\xfc\xce9\xbf{\xcf\xef\x06G\xc5\xd1w\xef\x86p\xe4\x815\xe1\x9f\xf0\x14\x17\xbb\\\xaf\x07\xe3\xdb-E\xe7u\x9dNgI\xc7x\xbdm\xd2l+q\x99@5*\x91\x0c\x95\x1c\xee.\x0c\x0e\x1a\x0c[\x83\xd5\x83\xd1\xe9\xf5\xf5\xe8\xf4Atwg\xf7\xcd\xf8\x90R\xa9\x1c}\xe7\xb3\n\x82\xd1?R\xee\xf18|.\x93\xf3\xe5X|\x9bl\x92\x97_\x05\x80\xd5r\xa1e\xfc\xc77w\xea[\x8c\xc6\xa1!\x9fU\x94\x9bf\x0e\x1e,\x0f.\x18\x96\x16\x0c\xa9K\x0b[\x83\x0b\x0b\xd1\xe8btg\xe7\xcd\x8cU)\x0e=\x0f\x86LRk\xc8\xd3\xef)v\x99\xb4Zmx.\xce=6\xc9+/@\xe5t\x99\\%]]\x03\x95n\x93\x95L\xd8\xff\xdc13\xb7\xb3;=\xbd\x1e\x85\x1dq\x80X;;\x07\x87\xf5\x957\xbb\x9e?\xff{\x7f\x7f0\xe4C\x1e\n\x06\x1d&gt;\xcc[\xab\xc29\x17\xe7\xc6\xc5\xe4\xbc\'\xce\x00\xbbp\xe1\xb8P\xdc1\xde\xe2"\xb5fQ&amp;x\x9b\xef\x1d\x1d\x1d\xbe?\x9c\x8e\xee2\xa2\xfd\xfdO\x9f\xea\xbc\x94\xa6gg\xbb\xef#\x87\x1b}\xc8OF\x85T\x8a)\x12^\x8d;\xd6|8\x10\x0e\x07\xa8\x7f\xda\xe4,iq\xb8\xac\xd6\xd0l\xf6]\xef\xdd\xa6gG\x1b\x1b\x1b\x1f\xf0\xda&lt;\xda8\xda\xf8\xc0\x06\x9d\xcd\xbd:5\xe2\x07\x90\xd1\x83t\x00(APh\xd7\x16\xe3\xdc\xbf\xa5\xce\x9b\x0bk\x03\x01\x93\x82\xed"@\xbeq\x18\x8d\xa1rjN\xba4\xb97\x89`\xba\xb9\xb1\xf1\x8c\x1e4J\x8f\x8e\x9a\xeb\xbc\x08V\x13\x1e\x8f\xcf\xe7q\x07\xa5&lt;\ri\xe0\xf1\x83x\xfbV\xfb\xdc\x9a6\xb6w\x00_\xdb\xc4\xfa\xbeC\xee\xa9\xd2\xc2\xc2\xc9=\x8c\xf7\xd3\xef?nn\x82\x88^\xcf6\'\'\x8brr\x1a\xd2\xb3\xfc\x9e\x90\xd1W\xec1\xf2\xc2\xa8\xc0\x0b\xd2\xc0\xdb\x07qn\xc3\x93\x8d=x\x1c\xb1\xdb\x05\xea\xd7\x17\x14(\x1b0\\\xe5\x8fN[\xf4f\xac\xcc\x805\xbd\x07\xae\xcd\x98X\x9b6[Q__\xc3\xa9\x117R\xb6\xd5\xe7\xc2\x9f\xf0\xa0R\x04^-\xc7Y-Y+\xb0"\x11\x01&gt;\x82O\xd0\xa2\x921Z\x8d\xee\x8aB\x8b\xf9\xda\xd3\xa7\xff\xc2Bvo\x8f1Q/\xd0\x99\xa6\xd2Kt*$\xab\x1bU\x8eT\xca\xfc\x8aG\x12R\x04^\x18\xe2\xed\xf2\xad\xab\x0c\xcbN\x1f E\x8eV\x00\xccCj\xa12|\x9ab\x06\xd8pmmg\xd5\xef\xe9\xfcR\xd3\x9f2\x8b2\xfbr&gt;SIc\xbe\x05\xacx\xb7x\xc2\x88o#v2\xa3\x10Q(LN\x93\xc9\xa55\x15\xf7f\x16j\xae\xfd\xf0\x83\xb9\xb1q\xb2\xb1\xf1\x12;C\xe8\xf5\xd2%\x8b\x1cp\xa5w{\x8cV\xd2\x16_C\x88a\xc5\xe7J\xe2\xff\xa8\xb5&lt;\xa3\x05\x96Ng\xa7\x8d&lt;\x01\xb6\t\xc3\xe4.\xcb\xb4h\x86\xdb.\xf55\xdf+\x9b\xea\x9d\xea\xc6\x18\xc1\xeb\xea)`\xf5\xa5\x8f\x00\x8b\x17\x05)Y^Tq\xbc\x10\x9e\x8b{\xe3)\x02\xd7\x9a\xddn\xd7q:A@\x1a!\x87\x91Z\x1d\xee\xba\xd3\xb5\xb5\xf0\xa4\xe6\xba\xa9\xde\xde^\x7f\xf7Uo]\xdd\xdd\xbbg\xcfgf^9\xff\xbb\xd9\xa0Q\xcaKx\xfaU^\x149A\xf1x1)\xeeC\xbd8\x13\x01\x94N\x07k\xd0t\x14D\x11\xe9\xae\xb7\xa9\xb6\xf6\xc4\xf0-KiS\x13\x954\xd4J\x9c{&amp;7??\xffJvV\x7f\x88\xb0D\x81Y\x10\xc6\x8c\xbc]\x8e;\x95L]\xfd"\x02*\x8eSq\x10M\x14E\x89D\x1c\x95\x06\xbdUt\x9a\x0b\xfe\xde\x99\x7f\xa6\tK\x1c\xea_&lt;w\xae\xea\\\xee\xd9nDx)/J@$2.\xed\x0bC\xfc\xb1(+r\x9cN\xa5\xe2tv;\'\x97K0D\xa9o6\xbb\x8a\xb0n\xdd\xa2^\x91\xce\xce\xeb\xd7o\xdc8w\xfd\xfa\xf5\xfc\xb3W\xcb\x8d\xccx@\xe2\xe8;p\xd2\xf0|{\xfc\x8d(\x1b\x9b_##\x92\x1dq\x90\x88\x1c\xb8\x04$\xc6\xba\xd2\xe1\x98^\xdf\xd5\xd6~\xd7y\x83\xc4\xbax.\xd7\xeb\xf7X\x89\x06\xfcx\x83h:\xc5\xe3\xe5\x04t\xcc\xcb\x92\x11PI)&amp;\x98\x0eP\xa2\x9c\xfc\x19zA\xa5\x13\xc3\x9d\x9d\xd4\x00\xd4\xf9\x9b\xafi\x03\xc4\x97\xde\xee\xa0U\x10\x01%W*E\x8e\x13\xe0\xfa\x91\x17\thLO\x92%U?\t\xdb\xed\xb1\xd9\xa8\xd3\xa9\xe4*\x89R\x8e\xa0d\x0c\xcez\xb33m\x97JK\xab:k;o\xe4\xfe\xf1.\xaa\x87\xfb\xfd!\xaa]!\x15\xc0\xe4\xa2\xce\xceI\xf8\xf0\xdcXB\xb6=\xb0\xfc\xc3\xb8\x00\xa6\x82\x0e\xb0\x0f\xbc\xd9\xeas\xf7&gt;\xea\xf9D\xcd\xea\xa5\xf9X\x05yg\xfb=A\x9f\x95\x97H\x98X*\x9dJB\x93\xc44\xf3 1\xdbj\x92S\xe7\xd7\x10P\xed\xa4\x15\xc7\xb0T*x\x98hu\x94O\xf4&gt;z4Uv\x8a6\xd6\xd4\x8d\xb8\x83&gt;\xa3tT\xa4Y\xa1T\xaaT:\xf8\xa1`\xb7G^-\xaa\x93\x122\xb0\xce\x08D(\xd2\x83KE\xd6\xe10$\x12\xde\xea\xf2x\xca{\xcb\'&amp;&amp;zg{\'\xdc(\x94\x11\xd4\x80\xc5\xc1\xb1\xf0{"\x8f?\xb0\x07\x9e\x18\x12\xb4\xd5\'yl&gt;\xcc\xac\xc81\xa7\xc7\x81\xa38\x86\xf9\x88\xba\xb0\xc5\xe1p\x85\x82-\x9e\x90\xcfH\xce\x0e\x0b*9\xbc0\xe4&lt;\x12&lt;\xc4\xcaK\x10\x96\x8c\xd6??a\xb19\x89w(&amp;\x17\x05\xa3I\xebr\xd1\x0eJ\x97\x91R \x8f\xd9\x00#\x13\x15\x99\x12\x81^\x1a~\xb9\x92\xb0\x1d[2\xc3~\x87\x93Y\x11\xd6\x8by\x18\x00\xe1\xf8\x9f\xeb\x17JJ\x88\xea\xa4\x92\x9c\xe6!\xa6\x05O\xe9:0\xb3\xda\x9e\xb0\xedZ\xb2\xa5\x87\x95\xc4\xc5\x84\x92\xe3Av\xc4\xa0\x8c\'\xc5\x13\x91\x93\xc7?\xf0\x1c\xa0\xe8)\'c\x023\x12x\xb5Z\x9d\xb8Md\xc9K\x0f\x8b\x06:\xb4v\xe6X*\xa5\x92IF\x82\xc1\xad\xa1\x93\x8e&amp;\'\xe9\xc8\xd1\x0frN\xa2\x84\x87aJ\x08kO\x16\xab[\x93\x12\x87\xb5\xf0\xd0\xd63\xeeT\xd89\xca\xd8r\xb9\xdd\x8e\x19\x89\x18\x00W\x92 \x92sr\x16\xa8\x08\x0bxdB\xc2\x12y\xed\x13\x83:\x81;\xee\x92\xd4\x0b\x0f\xdbl\x03-\xe1\x80\x9d\xb08\x15}&gt;\x85&amp;D|y,L\x91\xed8\xa2\xc2\xc0\x8f\xcc\x86R\xe7|B\xf7\'\xca\x92\xb7,mm\xb6\x1f\xe1^\xb0"\xd9\x8eLI\x9f\x0f\xcd\xe4L*ru\x12\x0f\xcc*\x02\xe5D,\xdfJ\x0e\xd4\t\xdd6\xa9\xde\xb2X4\x96\xa2\x9b\x17\x88\x8bU9:U\x0c\x89\xc5M\x15\x03c\xaa\xe1\xff\x98_A+\x9fg&lt;\xaaN$\x95\xac\x95\xb0\xc05Pb\xb2\x0b\xa8\xecI\x12\x8a\x04p$%E\x0bfDv\xe0\xecT\xf7\xf0\x02/5:\xca+\x12\x8b\x95\xd4\x1a%,\xbd\xa6\xad\xbe\xc3\x89UFD\xf7\x93&gt;\xcc`\xb0\'\xd3\x8a\x91\xa9":TY\x08\xa3F\xa4\xa5\xca\xc4b%/\xfd\xa3\rX\x1a\xb3YS\xdf\xd5\x12v\x06td\xc0X\xe4\xa4\xb9\x19+bT\x14\x1c\xe4\x91\x08\x8a\x0bA\xeb\x0bN\x8cLUF\x138\rej\xc3\xce\x1d\xc2:\xa6OIi\xab\xbfY\x12\x0eDX\xdc\xa4I\xc8\x89*\t\x02\x05\xe2\x17/a\x05\xb5\xd4Ig\x05\x82n\x7f\xf7HVN4\xfe3Q\x96Lw\xecP\xab\xc7R\x17\x0e\xeb\xef\xb4A\xacc\x1as\x8aYs{\xa0\x84\x05\n\x9e\xd7\xb1j\x9d\xd8(\xac\xb2\xc2\x0f\xe5t@\xab0\x06\xfd\xac\xb7&amp;\xfdp0\xde;r\xe9\xb6\x01\xd5\xdf\x7f\xbf\xb2\xb8\xbas\xbb\xe7\xf6\x9d6\xbd^3\xac\xd7X\xf4)\x9a\xb6\xca\x8e\x0bN\x97\xcb\xa5\xc0\x02\x1bk.\x942XQ\x8cJ\xa9\xfcC\x0eb\xdd\xcc\xfe\x914\xd6\xf1S\xb9\xbf;\x18\xb7\xdbi\xd0E\x10Yk\xcd\xca\xc1\xfc\xfc\xcb\xfd7=\x18\xb6;t\x9e\x99\x9c\x9e.\xb4\xd8\x1euu\xdd\x1c\xef(..v\xd0\t&amp;:\xc7d\xb5ZGGq4\xfa\x82\xc1~\xbf\xbf;--\x8daU\xbe\xde_h\x1f\x83bq\xb8\xb0\x92\x8c\x8c\xd1:V\xb3\xfe\xfa\xe6@EE\xc5\xbd\x9e\xbe"[#\xb0R\xf4\xfa\x0c=D\xd3\xb45\xda\xea\x8bl\x95]\x1d\x1d\xc5t\xa3\x03v\xca+\xe4\xf3\x85B\x1eO\x10N\xe5\xf7\x17\x14\xa4]\xce\x02WYN\xfd\xc0\xc4\xbe\xa1\x1d\xa35\xf9W\xae~d\xeaTC{MM\x8dz\xb5c\xaa!;\xbb\xb9\xb99\x86\xa57\x9b\xcd\x0c\xcbb\xb1\xb456"\xeaW\x8e\x97\x97O\xcc\xba\xa1O\x7f\x10\x0fw?!u\x8f\x14t\x17\x90T\xd0\xab\xac\xa2\xa7\xa7l|=//\xaf\xda`\xc8S\xff\x1a\xc5\xd4y\x0b\xeb\x86/@\xa5^\x1e8O\x9b{23Km\x8d\x8d\x16\x8d&gt;#%#\xc3\x9c\x91\xa1G\x1e\xa2(\x86\xf0j\xebkH\xcf\x1a\x01\xcb\xfd\xfb\xfe\xfbD4R\x10\x1b\x10\x8b\xb0\xb2\xd2\xfb\xfa\x1a\xca\x0eR\xf3\xda\xf3\xaa\xd7w\xa6\x97\xfe\xaf\xca\x8b\xbe\x8czi\xfa\xe3\xbf\x07kH,u\xf5afi&gt;\xed\x0b9]\x08,\xbd&gt;\xe5x\n\x91\x9d&lt;f\xb1|u\x8cv\xde\xea\x8f\x15^&lt;\x7f\xf6rZA\xac[\x0b\x1a\xa5\xa5\xc5\xa8\xd2\xc8\x88\xe0Jo\xe8k8\xb5S\r\xb9\xf2\x0c\xbb\xdb\x1f&gt;n\x8d\xfdb\'C@h]z\xbf\xfd\xcf\xbfn\xaf\x80\xaaU]\xf3E\xb4\xe8t)ks+$\xd72\xa7\\KIaXld\x9c\xcc\xc88v\xe2\xe2\x95\xf3_\x12\xca\xb7\xdf2\x98\x9f\xc5bj\x91\xcf\xe744T\xc4\xb0R\x07?\xfe\xf6/\xdb{K\xbf\xc8\xc9\xe8\xbeB\xed\x83\xef\xb7\xbf\xf9\xdb7\x7f\xde^\xf9\x82\x19\xb1\xc6\xf0\xf0t\x15\x98h\x90k\x1d\xbfv\xfc\xf8\x7f\xb9\xf0~\xf2\xe4W\x7f\xb8\x98{\xf6\xf2\xcf,i\x9f\xc1H)&lt;O1\xac\xdd\xeaT&amp;\xd7\xd6\x87\xff4r\xbe!m\xa5Y\x18\x97\x82[\x84@ \x84Hm\nZ\xa4,\x12\xbb\xde\x96$\x88\xdb\xb2\xd8(3\x90\x9d\x0f\x1djpY\xa6S\x17,e\xd2b\xd8\x04\xfaaY\x93\x99\x9d\x94LV\x02\x81\x90/\xeb@[6\xd0\x8d\x173\x93\xa46D\x84j\xc8\x94Q\xbaLk\x8bih\xc7\xd56J\xa6I\x8dN\x13\xd0J\xf79\xe7\xbd\xd1\xed\xb0\xbb\xcc\xc9\xf5/)\xf7\xe7\xf3&lt;\xe7\xdc\xd7\xfa\xdeh4\x8e\x8d\x98D/\'\xf3\xb34\x03\x13C\x05\x9dN\xa7\xcb\xf5\x96\xb1\x06I\xae3\xc7x\xaf\xdb\xa9\xcbt\x1b7a1\x18s\xb56\xb5\xe1\x93\xe6\xa1\xfe^\xed\x85\x0b_\xfc\xfa\x0b2\xee\xd0\xbe\x89\xf8\x82\xffw\xf0|g\xe7=\xb5\xda\x080IZ\xd384V\xcf?\xbf\x9d7^\xfa\x19\xaf\xa7\x84\'\x1c^\x9f][\xb5\x06\x83.\x17\xb0\xde\x08,pI?\x1c\xeb\xe0\xcd\x9d\x97/\xe3\xba\xd3\xd8x\x85\xc0\x18\xcb\x84h\x91\x8b\xa6\xf6\x81a\xfec\xf4\xa1\x0bT\xfbX\xf8\xd6\x05\xda\x9b\xde\xd9\xf2\xe7%\xb5\x9a\xc0$)\xe6\xd1X\xad\x1a\x87gc+\x16X\xa7\xbe\xfc?d\x04%\xc5\xde S\xa0\n\x06\t+\xe5f\x17\x07\x07UK\x97;\x9aM\xcd\x18\x08\xc0\x12b\x01\xab\xed\x80\xc9\x04\xac\xb6\xe3M\xc0jF\xea\xfb\xba\x08L\xa7#\xaaC\x8aV:]\x1d\xebF@\xcd%I+;\x1a\r\xb04\x1aMi\xf5uqE\xba\xf4\xbf\x15;\x88\x81P\\\xde)YY\xab\xa0\xcb\x10\x0c\x02\xcb\xad\xd8\xe8\x8e\x9dj\x06\x02&amp;\x15\xd4jb\xb5\xd8D\xa6j\xa3\x98\x81\xab\x7f\xb8W\xd9T \xe2E\xc2\xe9D\xb5tvv&gt;\x97\x98\xca&amp;\xd9fW\xad\xa4\x16\xd0\xf0\xa1\xb4\xb3\xbcuo\xfd\xbf_1\x7f1\xceBY\t*\xe8rR\xb4\x82\xc9\xb7\xf7\t\x8b}\x1c\x94\x9e\x9f:\x8d \xe1\xb2\xc3\x1e^iljd\x18\x1a\x10m8\xda\x8e\x98\xdai\xdb\x18m+\xd0\t\x1b/\xecS\xd1\xae\xf4\x8f\x96l62Q\xc1\x82\x87P\xcbJ\xe5)\x95^\xc7~\xf2j$\x07E\xa2\x8a\x1b\xc1 3q\xaeBx\x04\x83\xc0"\x1b\x19L\x15\xb8\xd3~\x80n\xb0\xeb\xbe\xc2\xd5\xb87#Lt\xd0\xbb},\x9d \xabS\x1d%\xb9\x8e\xfehc,xh\x0bl\x04\t\xcbA6\x12\xda\xea\xc6\x8eg9\xc6^\x1e\xdc\xa3\x1a\x9f\'\xa1v\xden-\x97\x14\xad\xc0\x15\x9a\x08\xb9v\x96\xdc,\x17q\xa9T\xb3\xb7\x9a\xb1\xa0\xe9~\x07\xabU\xc4\xcbd\xa2~\xe8\x18:\xd9\x7f\x82\xe2\xa5\xd3\xea\xb4\x0c\xa7\xbc\x07\xd8\xd1\xa3g\x97\xd4\x8a\x87\x92m~\x19jQ9P\x1e\x8fcm~emy\xe3\xf5\xb7\xf3\x97\xeaX\x87\xd7W\x8ao\xdel\x15\xef\x05$c\xacDQ\'\x03q\x84B!\xd7+\xb7"\x97\nX\xee{\xb70\x1dh&lt;(T\x8cE\xcdhj\xa6=\xd8\xed\x1dC\xfd\'N\xf4\xf5i\xa9h7\x8d\x96\xe8\xb4L\xa5\xd3\x1eU\x92\xa5\x0e\x04l6\xe95\xb0\x18\xcc\xc1\x19{\xbd`3J\xb3\xb1\xb5\xb5\xd8\xbcbe\xacX\x8c\xcdJR\xea\xfeB\xa2\xf2\xcdf\x88\x8a\xc1\xb8\x90\xf9\xd4&gt;W\xea\x05\xcf\xd2F\x91x\x14\xcdQ\x0e{s{;\x89E\xbb\xd9N\xd0\xae#*\xed^\x91j-\x1f\xcd1\x94\xd16=\x07\xac-\x8a\x94\x12-\xea\xc7\xc7\xdb3\x89\xfb\xf0wv\x96F\x19\xc8b\x01\xa3zaz\xbbV.T\xe5G\xa1gT\xc4epQ\xca(\\?\xe1\xea&amp;\x99\xa8\rE+bb\x01\xab\x9d\xf6\xc8v\x0c\r\r\x0c\x9c\x1c\x1e\xee\xfdUoo\x98}\xc1\xc2\x00\x00\x05\xbfIDATo\x9dL\xc7GWK\xcb\x0b\x9b\xc0J|\x07,\xdb\x1a\x06\x97\xc6C\x16\x02\xca\xe3\xf1\\\x94}\x05"K\xa9\xd7\xd7\xd7i\xb9\xa8JU\xb6\xcb&gt;\xb3\xc5b7\xdb?\x84s\x02,\xc4r\x05W)\\\xf7\x13n\x05K\x15\xf8\x81\xc6V\x13\xa1\xe1\x8d\xe6)\x8b\xd5^\xc7\xfa\x94v%\xd2-\x9c\nX\x9d\xab\xabK\x99YF\xdb\xe2\xdd\x04\x92\x1f\xdb\x11H\x1e\xeaF\x8dg\xe7\xb6\xac\xf7\xca\xd5rm{\xb7\x92\x08\xa8\xc7\x0f7\xec\xd6\xaa=fs\xd4\x12\x8d\x9a-\x9f\xbb\x9c"\xeeL\x06\xacR\x8c\xb0v+{\xf1Z\xb8s\xba\x9bc\x85\x8c\xf1\x1e \xd4\x81\xe6\x0e.\x88\xf5\xe9\xd0\xc0\xc9\xfe\xe1\xfe~jH\xa2\xea\xd3R\xc4t]-\xbf]\x84Xn\xb5\xdb\xb8P\xce?\x04\xd6\xca\xaaF\xa3t!\xb2\xe5\xf0\x94\xdeKG"iY\xdf\xe3\x03\xdb\xe2\xdcx\x83O\xaf\x97\xf5\x10\x8b*\xe2J&amp;3\x99LP\x90A2\xc3\x16\x06jj\xb7,\xb8P\xee%p\x91\x7f\xddXt55\n,S\xbb\x82E50\xc0\xdbK\x85`]]|\x0f\xba\xf6z\xbePIA+\xa3m7\x9d\x9e\x01V`U\xc9\x96\xe8F\x8fc\xf3\xe2\xdd|:\xed\xe5\xca\x15\xb6\x1b\xccf;\x89\x85\x8a\xda\xe3\xaed\xe6\x1cj4\x93L:C\xe0\n\xd1@uO\xcb\xe5D\x9d+\xb5x\xf6\x0fG\xba\xf9\x82\xd8\n&lt;1"\xc8\xc0}\xae!\x81%\xb8\xe8\xa1\xbd\xfe7\xaf\xb7\x9a\x00\x95*Q\x88\xa4\xb7\xb1\x8e\x90\x94\t!\xc2\xa5qd\x9d\x9bO\xbf+D\xbc\xde\x1eh$\xcbr\x03\x03\xc1B\x90\xd9\xe3\xa1df\xf4\x1c\xd7h2I\x9a\x95\x1e"\xf1\x95\x9c\xa5,\xf2\xa5rW\xaa\x91?\xfe\x06F^\xa9\'\x1fFR\xe4\x87X0d\x8c\xf0h\xdb+\x81\r\x9f\xef\xeb\xed\xeb\xed\xfa\x13\xabP[\xc0R\xeb\x9bt:]\x93\xf0\xc9\xbf\xc0\x82\xa8{\x1c\x9c.G\xd6\xef\xfa\xec\xe5b9\x92\xce\xe7rr\x1d\xcb\x12\x15zM=\x0b\x1b\xf6\xb8 \x99\xc1\x89ED*\xb5P\xb0D\xcb\x15\xe6\xaa\x94{\xcc\x96G\x1f\x1d\xd9\x0b=sq\xba\x08\x89\xee\xd5@\xf8\x99\x0b\x19#\xc9\xcew]\xcf\x03\xca\xe2\x95ks\xeaJ!\x9d\x8e\x14\xc07\xb2\xe6Q&amp;)\x0e\xc2\xd2X7\xbf|&gt;]\xcb\xe5\xf29\x8c\x04\x9f\xc0\xb2X\xc0599\xf5lb\x02z)`\xe7\xcee2\xfe\xd5\x05\xfc\x86X\x9b\xb4X\xaa3)hU\xf6\xf9|zK\xfa\xc9-\x1a\xab$\x97\x18_\x8c\xc5\xc3KL{\xc6\xa2\xfaK\xaf\xeez^\xcf\x89\xd1\xfb\xca\xbb\xb5|:\x9f\xce%F\x8c#1\x8fG\x11\x8b\\\xcc\xfa\xb3I\xe7\xd7O_=\xdc.\xe4r\xd5\x82\x8f\xb0\xecv\x0e\x16\xb8\xc6\x9eM\x84B\x86=#I2\\\x7fR\xa9\x99\xe8d&lt;.o/\xccT\xbd\xe8\x95\x9e\x1e{\xf4\xee\x8d#\xdc\x91b\x81\xd3jR\x90LT\xcdtm\xec\xa7\xe4\xff~\xa0\xf7\x97\xef\xd7\xa9z|&gt;9\x07\xac|~\x1aX+;\x02\x8bZ\xd1\xef\xf7[\xfdY\x83\xf3\xb3\xc5\x04\x86U!_(\xf8\x1a\xec\\f\x8a\xfd\xe4\xdf\x815\xc1\x82\x81\xe8\x9c\x80\x8b\xa9\xdc\xeeDu\n\x15/\xf8\xccv;s\x99-\xf9\'g8\xf9B.\x1a\xf4D\xc4\x8bht\x00\x05\x7f\xe8\xd8\x00\xa8.\xcaL\xa5\xd7\xfb|=\xde\x08\x86\x00\xfam\x17X\xf3\x1b|\xa5N&amp;\x93~C\xd8`\x00\x99\xdf\xe9z2=77\xbd\xfd\x186\xfe\x07V\xd4\xf2yh\xc2\xe9\x04W\x98\x9d\x14f\x16\x81u\xbf&lt;6F`Q=\xfaV\xdf\x83\xd2\x9b\xa3\xb9\x077\x8f\x8b\xb5s\x93X\x0f\x12\x15\xcf\x0b\xce\xd7)H\xd6\xfb\x8fGz=C\xf50U|2\x8elE\xb6\xd5##\xb6e\x8d\x03D\xe01\x84\xa9\x98k\xf3\xe9\xab\xb9\xc0\xdc\xf4\xe3\\\xb9A0qY&gt;t\x19Pa\x02\xf3g\x14\xae-\xa3\xca\x9d\xaaMM1W&lt;J\xcfc\xb0\x1e\xbd\x9c{r\xf38e\xbf\x95\x16\xa7\x07\x14*^S\xd0\xdc\x1f\xea?\x7f5o\x06\x16C\xf9d\xf0\xc4\'#\xe9x&lt;R\xb3\x8d\x8c\xa8\xb7\x0c\\P\xcb\x19\x0e\x1b\x80\x95\xcd\xfaC\xb7_\xbe\x08HR\xa5\x96k\xa0\xf3\x10\x19\xde\xec\xefa^%\r\x06\x12L\x80\xa1\x96%L\xf7\xdd\xf8\x14\xe95\xc6`z\x9c\x0b\xa7\x02\x1c\xc0n\x9cnkmR\x16\xf5\xf4\x1b\xa3\x18d\xb4\x9c\xe8\xff2\'\x8bg\xfa\xf6\xa8\x80\x05\x1b\xcb\x81\x11\xa3z\x0b\xd69\x99,L.\x1a\x80\x95um~\xfct: \xd9\x125\xc62\xb3\x91\xd1\xe8E\x8cx&amp;\xe3\x88\x85\xb3\x04\xf6vv|P5\x13\x1d\xe3"\xc1,f&gt;\x99^h\x96\xfb\xfe\xe9\xcd#l#S\x89\x15&gt;\xc2\x7f\xe6\xafwe\xa1\xd4\x1eUd\x12\x0f\xaf\x17\x13"\xa12\xaa\xd7\x0c\xef\x14\xcb\x95\xdc\xbcv\xf5\xab\x19,5\x16\x1a\xf0\xb3\x13\x15\xfa1\x1a\xbf6J\x91\xca\xd0\xc0\x12\x82e\xd1\x8a1`U\xa2Su\xae\xb1x$\xca&gt;\n,\xf6\xf2\xc6\x9dnq\x1djb,S\xfb\x8d\x07\x04\xc5\xe4\x04\xe5\xcbG\xe2\xf1IL \xc8\x15\xf1\xc6\xf3\xb8\x96\x19\x8bI\xbf\x1f:\x85\x85^\x142\xc8\x15\xdc\xfc\xe0\xfd\'?.\xa9m\rt\x02\xa6\xb2\xe3J=\xca\xe5\xc1\x8c\x0f3W6\x9b)\x15\xc7\x0f\x0f&amp;\x14\xb5\x04Y&lt;\x1a\x15\x8a)` {\xfc\xf2&amp;\xad\xa7\xa9\x05\xba/\x9f\xfd&gt;\'+z2\x94\x0c\xff\x80\xa5T$\x9e\x9eq\x0f\x8e\x14\x93Y?e\xdd\xe0\x17\\\x8c\xa5\xb1~\xfd\xc9\xc7W_\xce\x1a\x1b\xf4\xfa\xba\x89\x96\xdf\x05\xc1\x94a\xb2\x0c\xfe\r\xb8 Wf\x0bX\x0b\xf2\xd8\xd8;`\xef\x92\xe1\xa3\\\x85\x9b\xb4D\xbc\xf3UA\xe6o\x91\xa4\xbe\xaaO\xef%\xa6\xbaXT\xf1\xc8njp&lt;\xe6\xf4\x13V=[avq\xb4\xb4y\xfb\xda\x07\x9f&lt;X\xfa7d\xa9\xc4iL\xff\x0f&gt;\x00\x00\x00\x00IEND\xaeB`\x82'</t>
        </is>
      </c>
      <c r="M190" s="3" t="n">
        <v>45492.67771990741</v>
      </c>
    </row>
    <row r="191">
      <c r="A191" t="n">
        <v>796925</v>
      </c>
      <c r="B191" t="n">
        <v>1984</v>
      </c>
      <c r="C191" t="inlineStr">
        <is>
          <t>Allano</t>
        </is>
      </c>
      <c r="D191" t="inlineStr">
        <is>
          <t>Allano</t>
        </is>
      </c>
      <c r="E191" t="inlineStr">
        <is>
          <t>PD</t>
        </is>
      </c>
      <c r="F191" t="inlineStr">
        <is>
          <t>ATA</t>
        </is>
      </c>
      <c r="G191" t="inlineStr">
        <is>
          <t>PD/PE</t>
        </is>
      </c>
      <c r="H191" t="n">
        <v>182</v>
      </c>
      <c r="I191" t="n">
        <v>2</v>
      </c>
      <c r="J191" s="2" t="n">
        <v>34812</v>
      </c>
      <c r="K191" t="inlineStr">
        <is>
          <t>Left</t>
        </is>
      </c>
      <c r="L19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a0a024f1-53ba-41b1-81a8-7f5a65ccb3f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9dy\xe3\x00\x00\x00\tpHYs\x00\x00\x0e\xc4\x00\x00\x0e\xc4\x01\x95+\x0e\x1b\x00\x00\x03\x00PLTE\xff\xff\xff\x1e\x1f\x17H4\x13))#\xfe\xfe\xfd\x1c\x1c\x14\x1a\x19\x0f\xff\xfe\xfe\x16\x16\x11\x19\x1a\x15+,&amp;$$\x1d\x13\x14\x0eG/\x14B2\x10\x15\x15\n  \x1c""\x19W&lt;\x1a\xfe\xdc?+,"&lt;-\x13\xfe\xd5?\xfd\xd1=K5\x1cP8 WE3WB)U;#L1\x17=*\x0eT8\x19UB0\xf1\xbc1))\x1eaL:C,\x13A.\x16N4\x18\xfd\xd8AZE.Y?$G2\x1b\x12\x11\x07P5\x1d&amp;&amp;!8)\x14`F+&gt;*\x14_G2\\C*!\x1c\x10fL9\xf8\xc75\xfc\xce:\xf9\xca7U=(4&amp;\x11&amp;!\x14L:\x1eD-\x0e8&amp;\r@+\x07C-\x040/$P&lt;"\xf6\xc44_B\'0 \neL1=/\x1aQ&gt;+-.)U9\x1f\xfc\xfc\xfcjUAG6!\xfc\xd1:\xf6\xbf1[F6T&gt;#aL4J9$/#\x12\xfb\xc86\x1a\x15\x08hJ+lR;3\'\x1b\\&gt;\x16( \x0ecF/\\K9[I3B6&amp;*$\x19\xee\xb90/*\x1fE:-\xfc\xcb8\xf3\xc13bP?A3!iM2B2\x1asP6pWB\x1f\x18\nN9\'\xf7\xc21lM7\\;\x1eL1\x11[&gt;(\xfa\xc44\xf6\xf5\xf0rW;;1$X=\x10t]K\xe7\xad(\x8bt`E/\x07zV7fR9|^JvcRI2\t\xfa\xce4M7\x0c\xeb\xb5-\x80fS\xef\xb3+\xe9\xb1*\x83qb7,\x1f\xf1\xf0\xee\xf6\xbb.uXD64)\xf0\xb7.VH8\xfc\xddElWG_&gt;#O:\x15gC(M&gt;0\xfc\xd5&lt;\xf1\xc0*PD5nP2\x87nX\x89yitQ,\xea\xea\xe9\xf3\xb9-\'\x1a\t\xf9\xf8\xf8l\\M\xfe\xe1L\xf4\xd6:U9\x12\xd3\xd2\xd2]O@\xda\xd9\xd9\xb2\xad\xa8\x81lZdVGx^C\x84^AiO@\x93]3\xf9\xe1u\x91zg\xfb\xda6zhZ\xe1\xe0\xdd[C\x197:;\xe6\xe5\xe3\xf6\xc7:\xf9\xd8HNPR\x87U,\xf6\xc8,\xa6\x9a\x8c\x95\x8a~\x84k*02/\x98\x9a\x9b\xcc\xc6\xc0\x80cLbE\x16\xe3\xa6$\x93\x81oc;\x15\x7fN$sF `bc\x92u$\x94qX\xd2\xcd\xc6gB\x1f\xc0\xb8\xaf\x9aiA\x8fhJ\xa0\x82#\xc8\xc1\xb7\xfa\xe09wz|EII\xb4\xb6\xb6PJ@\xed\xb9&amp;\xa0\x91\x82\x87\x80x\x82\x85\x89\xa3\xa4\xa3\x8c\x8f\x92\xdb\xd0\xb0gO\x14\xde\xb8,BB=\xf7\xf4\xd9\xe9\xca:\xf5\xdf\x88\xb4\xa8\x98\xa6\x9f\x97\xe5\xc30snhYZT\xba\xbc\xbdeip\xe6\xc7i\xf2\xe8\xb5\xe9\xd7\xa4\xee\xc5O\xbd\x9f)w^\x17\xfb\xdf]\xf9\xea\x9b\xf4\xd1T\xe6\xce\x8a\xc1\xc4\xc6\xb2\x94$\xf8\xf0\xc6\xa1\x83j\xd9\xbaE\xd4\xaf(\xc7\x9e#\xa4wR\xc9\xb00\xa9\x99&gt;\xc6\xb3\x8d\xe2\xe1\xd1O\\$9\x00\x00 \x00IDATx\xda\xcc\x98\xddK\x1b\xf9\x1e\xc6\xad\x8c\xb5]O\xbae\xd8\xc2L\xdeA\x13&amp;9\xd9\xbc\xe9Eb\x12mHb\x98D0\x1aj\x12\xe3\x0b\rh|\t\xc6`L0\xc6\x84 $\xc5R\x92(TC\xd1@\xdaU\xd3\xc2\xa2YaA/Z\x11\xceE+\x8b\xb0\x88\xbd)\xbdp\xd9\xf3o\x9c\xefob\xcb\xf9\x03:v\x1ff\xa2\xe4\xea\xc3\xf3&lt;\xf3\xfd}\'\r\r\xdfB\xcd\r\r\xd8\xb5\x1a\xfe)\xaa\xe3\xcc\x1f\x1e\x80\x0e\xe7\xff!l\x00\xe1\x98?x\xbbs\x9c\xda\x03\xed_\xee\xbc}\xe1\xf8\xee`\xc8\x9a\xc3\x9d\xec8oRx\xaf\xaeI*ut\xf0}\x1d\x03\xa3\x9e\xbc=\x1e\x1f`x\x1aAu2C\xf2\xf8\xe5\xfcw\xe3b\xa0J\x88\x89\xf3\x95\x0b\x91\xa1{\xe4\xf2\x97\xed\xef\x02\xd6\x8ca\xdb\x00\x85\xb2{\xf0\x7fT\x8c2p;\xafP\xc7\xbe\x03\xd5\xe1\xe5\x08\xd0\x18\xef\t\x85\xc2\xafV]\xdf\xc5L\xb1\xe8\xda}{\xe3\x86A~g\xd5"\x00t\xdd\xeb\xfa\xea\x15\x01_\x18\x10W\x11\x04`\xb6\xa3\'\x0e\xecF\xadr\x1c\x9c\xe2\x99L\xf1K\xc9\xaf\xcd\x92J\x8b\xf5\x7f\x8au2\xbc\x04\r\xbb\xc1\xaeo\xbfOe2\xd0\xa04\xd4\x9d\xc3\xb9n\x14\x87\x01CBLE\x11\xdc\x95woo\x8e\x0b\xdb&gt;\xb3\x01Uz\x0e8\xe6@\x08\x89#\xa8K**\x8a\x90\x10\x97\xa8\x82g\xa2\xe77\xd4\xaffl~g\xb0\x82\xb0\x80kN*\x05\xac9\xb0L \x05\xa6\xba\x80\n\x17\xe1H1_,z\xeeh\xbe\x11\xaa\xed3U,\x06X\x8cY\xd29F\xe0\x93\x02a)\xa4\x8cW\x08)\x8c\xe3\x95\x9a\xef$\x16}\x7f\x13\xbd\xc7\x1c\xe7\xb6/TsL\x88R\xe9\x97\x00\xa5\n\x84\x85\xd7\xb1j5\xe6\xe3$\xf6\xee\x97\x1b\xe0j~\x99\xcc\xc4*\x99F\xa6R\x8d\xd29\x94\x1ab"\x18*\x05\x13!-\n\xe3u\xd5j\xbeO\'\x8b/\xd8\xeeW\xb3\xe3 [\x01\xaf\xd2\x1c\xa3\x91\x01\x13H\x99N1V\x11@\xc5\\4\x92\xe8\x9a\xeb\xe4\xe4\xd3%\xdbs\x15{r\x99\xa9T\xd2\xe9F\xa3\x11\xe6A\xbd\xe4\x02\xc6/\xc5W\x914\xcd\xe73d$\xee\xc2\xc3\xb5\x93O\x9f\xae\xd8\x1d\x13\x18v\x86\xa3G\xd0x\x0f\xb08\x8d\x82FA\xbdW\x04!e\x80H\xc4C\x92f\xbe\xac\xceE\xa3\x9a\xf9NN\xd8\xad=\x86\x1dL\xa7\x81*a4\x1aa\x90\xca\x99\xf1\t\xd1\x11\x04A*H\xb3Ng\xd6\xf1x\x11\xb8\x19\xb9\xf84\xa9@X\x90\xe3\xe2!\x9bX\xdb\xc7\xc8\xab4C\xd5\xd6\xc6\xe108$\x89\xb0B:\x8a\xa7\xe3Q\x1aM\x7f\x7f\xbfF\xa3\xa1\x80K\xe7"i\x12\xb8`L\xd4vX\x8c\x11{?\x92\xbe\xa6j\x930P.\x97\x99D\x16\x99\x81\x8a\xa2F\xfa\xfb;\x92\xce\xa4gz5\xc9\x80\xe9\xf8\xb2z\x8c\xbe\x93\xea\x01k\xad\xc7\x1cG\xe9D\x02"\x04\xa3$r\x820\x9b\x81\x05\\\x01\x04\x8aGQ\x88)\x99t\xc6A\xfb\xa9\xbc\xb3\x03\xbe\xd6j#\xcc\x13\t\\G\xac\xb5\xcbq\x98\xeaN$\x18*\x80\x02,\xd2\xc5\x03\x1c\x88\xac\x7f\x04\x8cjmu\xe6\xf3\xa9\x95\xc5\xd3l\xa9T\xdaM9;\xfa5#TDF3\x87\x90\xafz\x885\xb35\xdfI\x06K\x82\xac"\x0c\x06\x83\x99G\xf5\'\xfbQ\x9b \xc0d\x7f\xab3\xb5\xb9X:\xbe&lt;\xfe\x98\xddO\x95\xc7[[\x87G(\xd4|\x1c\xcel\xdf\x87+\x96\xecr\xcc_vu\x83\x84\xf0\x0c\xca\rf\x97\x0b\x05\xd7\x01LI\xf0\x85\xd2$\xc1\xadx\x16\x9c\xda\xcf\x8f\x0f\xf7\x8d\x80\x00\x8b\xcb\x85\x07\x81FX\xb1\x95Cv\xda\x85\xbdHuw\x81\x8c\x90\xa1\xc1lv\xf1\\@\xc6\x93\xf1\xb4*-(\xa2\x05@g\xde\x99\xd4\xf0\x15|\x9e\x96\xa2\xb8\\\x80\xea\xe3r\xb9:RT\x81\x82\xd9\xceY\xb1\x0b\xc3\xde\xe3\x80\x95x\x00\xdd\x92\x13\x06\x02]HhB\xc0y\xc3\x97\xa9xZ\xad\xc5R(X,*\xbf\x86\'\x16\x8b\xb9\xe2&gt;\xc0\x12\xdb\xc9\xfaNq9\xcf\x0e\xd6Q\x02y%\x14\xaa\xd5\x93\xf2\xde\xafX$\x1fN\x1b\xa0\x8ahy2\xd5`\xd0\xaf\xf2\xfbm6(\\\xeb\xf0\xb3&gt;\x10\xc2"\x99\xc5p\x93\x95\x91\x8amg\x13(Dx\xd1y\x00X\xbd\x06\x03B\xe2\x93p\xd0\xf0e2\xadJ\x05Y\xaa\x82\x1bA[0\xe9tB\x9a\xce\xf1\xd6a\x94!\xd7n\xae\xdb5\xf8\x12c\xe5\xe0I&amp;\x8c\xd7X\x92:\x17\x0c\x88H\x04`\xc0\x1e\x9b-hS\xa9lS\xd5\xaa\xc79\x1d\x8f\x97\xf3N\xf4$\xa2\x0c\x91[\xcc&gt;\x11c\xa3\\P-\x1e\xc2\x12"\xac\x9eI\xb9\x9c\xa9\xbdN\xeb\x87\xb1\xd5\xe1A\n\xfa\xfd\xd1\xcd_7\xe3\xf9\x95\xddT\xb9\x9c*3\x13\x95g\xb7#\xb7p\xd8\xa2cl\x94\x0b\xc3\xce]\xe9\xee\xee/XP-3\xcf\xc5Su\xa0\xc9\xee\x99\x8e\xc2\x15\rzV~-\xed\xc7\xf7\xb3H\x8b0R\xe3\xd3\x1e\x9bVg7\xd3\x0cVe\xf1\x89\x83\x05\xac\xab"`u\xd7\xbbE\x90\xa4K\xeb\xb7%=\xb3\x1d\x9e\xe9\xe9ju\xb9\xea\xf1\xacF\xdf-fS\xf1\xfdR)[:=-\x95NK\xd9\x95\xb8\xc7\xaf\x85\xc1U\x7f\xdfx\xf7\x82\x8dr\x1d\x15\x13\xa8\xf3\x80%\x91\x932\x8b?\xb8\xb1\xe1\xf1\xd8\xfc\xc1h\xb4\xba\xba\xb29m\xf3,ofS\xf9\xf2n)\x9b\xdd\xdf\xcf\xee\xc2\x07\x04\xd9\xaf\xd5\xfa#u\xacJ\x94\x85\xe3\x1as\x1cg\x12\xd7\\\x92FR\x8bZ\xee\xf7k\xc4:YpppvysY\xeb_\xdd\xdc\x8d\xe7\xa1Y\xbb\xa9W\xcf\x9e?\xbb\xb8\xb8x~\xf1|\xdd\xae\x8bDdxET\xa9\xc4jg,`m\x97\xd2\xdd\x89n\x84\xd5\xc6\x11\xc8\x07\xec\xf6\xf5\xd1\x89\xd1\x85\x9cWO\xd0\x02EpyZ\xc7\x9f\x85\xae\xe7\xf3\xab\xf9\xd6\xc0\xe3\xce\xce\xb1\xc7?\xfc\xf4\xf0i`4\x10\x82\x11\xc2`\xf9\xf0\x1d\xb6\xb0\x90[\xb0/\xcb\'\x17\x16r\x8f[\xee\xb7\xb4\xdco\xbamm3\xa9i\xbf\x9f\xa4\x83\xef6\xe3\xe3}\x1a\xf1\x84\xb7\xf3v\xfb\xed;w[~z\xfc4\x10\x08\x0c\x90\xfc0\x0ef\xf9bWl`\x9d^c\xc1f\xd3\xd3\x93\xf3v\xb6\xdfm\xba\xdfr\xeb\xf6\xa3\x19\xabU\xdfF\x9a\xe5\xa4jys\x9a\x1b\xb2\x0f(\xbd\xee\xce\xce\xdbM\x9d\xb9@`\xfd\xf3z\xa0WN\xa2\xc2\x03\xd6\x11+\xdd\x82\x1d\x10m\x10\t\xe3\x03\xa5W\xef\x1d\x03\xb0\xce[M\xed3[[[V5,\x15\xa4eu\xa5C\x1c\xea\x9dT+\x95\xee\xa1\xb1\xdc\xa8\xb8uo\xef\xd5\xb3\xc0\xe8\x04\xe1\xf2\xc5\xc0-\x1f\x0bX\r\x8e\xe3\xc6D:\x8d\xa8\x8c\x12\xa5\xd7\x9b\x9b\x08\xf5\xf6\xc0_\xaf\xdbm\xdd\xb2ZM\xc26R\x15OuP:\xb9ZB\x00[oH\xdb\xe1Lew\xf3}\xf6\x1e\x89\xa1\xe6\xf3\xb1\xe3\x16\x0c\x88F\xb4\x04&amp;\x12]&amp;\x89\\2i\x873\x87\x12\x8b\x9f\xaf\x87&amp;\xd4&amp;+pI \xc4\xec\xealD\xa1\x88\xa8\xa8P\x8fR\xd9\xd3\x1b\x12;W\xa3A\x0b\xa1\xe6\x84O`of\xc3-4Na\x8f\x07\xb3LV\xa1\x94\xb6D\xf8\xfc\xd0\xc4\xe8z 0\xd1Kr\xda\x84&amp;\xb5\x9c\xb6L\xef\xae\xceZ\xf8\x05\xbff\xc0=\x94[\xf0\xe6\x16^\xad\xcb\x15\x85\xb5\x02-\x80m\xdew\x82\xb3\x82unHd\xa0\xf5F\xab\x89#\xa59zw\xce;\xd4\xf9x\xe1\xe2bA\xafFj\xa3-S\xcb\x1e-\xe0\x8aG\xb7f\xda\xc7\xda\x7f\xbcs\xeb\xe7\x87n\xbdZT\x08\x8b\xe0\xa5\xccW\xab\xfc\xc5\x06\xd6{s"\x03nu\x99\x84\x02\x81ik\xe6\xd1\xa3\x7f\xff\xeb\xb7\xdf.~\x7f\xfa\xf9\xb3\xdb\xad\x17\x9a\xda\xc2kK\xaf7\n\xb4b`\xd4=\xd4&gt;\xb6\xder\xf7\xe7\xdf\xef\x7f~\xb8\xa5\x17\x8a\xc2&gt;_\xb8\xe6\xab\xc5X\xc2\xea\xce@\xe3apqL3\x8ffrc\xb7\xee\xfc\xf9\xe7\x7fw\xfe~\xf890d\xd5[\x85\xa2\xc2\xd4\xeb\x8d\xb0B\x11\xb2/,x\xa9\xa8\xbe\xe9\xee\x0f-\x1f\x8fs3j\x01\x1e\x060\xc0bcna/\xed]\x19\x04\xd5m\x14Zgf&amp;\xaa\x93\xed\xedM?\xa6\xce\xae\xca\xee@\x0e:/\xc4?L\xbd\x9e\n\x0b\x08\xfe\xf0^9\xa4\xda\xa4f\x1e\x8e\x05.OCC\x13$]\x08\xe3(\xc4+\xec[o\\\x18`\xf1\xc0-4\xe3ao\xd6\xbb\'76\xf4CC\xde\xd3\xd3\xd4\xde\xa8\xb2\xc7m\xb5r\nkS\xaf\x97\nRA\xa8\xef\xf9z\xaf\x9c\xa2\x94\x0b\xeb\xe5\x94FAp\xc5:h\x1c\xee\xabe\xfe\xfa\xc6X\x18\xb6=?\xff2\xd0\x85\xb08\n\xa9@j\x9e$#~\xb3^\x1f\x1a\x86\x899&lt;\xaat\xebM\x8a\xb5\xb5\xa5?\x96\xd6h\x81\x9c[\xde\xe3\x12j\xb9\xae\xb5\\\x1e\xd7X\xd6\xa6\x9co\xdeh\x18\xac\xd3\xb3\x9do\xb9\xdb`\xd8\x93\xa3\xbd\xbf?zM\x99n#\x87\x90\xc9d\x16\x0b\xad\xa0\x15\xe8W-\xfb\xf8\xde\xb0\xb8G\xafW\xaa\xe9\xc1\xff,\xfd\xf1z-L\x13\x03}{{}b\x1d\x9fz\x93\xf7\xccNM-U\xab\xab\xb3\x85\xb0\xaf\xd6h_\xe7\x96\xbe\xe1r\x83m\x1fM\xb6)\xa1\xd5i\xc0"\xb5\xaa\xc1\xc1\xc1\x0f\x85p\x18\xc7\x0b~x\x97\x18\xe9U*\x95\xea\xff\xd1jv\xafiek\x18\x1f;\xbaI\x88\xbb6\x03\x82&amp;\xc6H\xb3-\xc9\xd6\xe3\xd7\xf6B\xb7\xb5T\xfc\x08m\x84\xa4\x11\x8dU\xebF!1~\xa0\x91F\x8a\xe3\x98\xc3 \xc4`\t\x15\x85h-\xb60\xd3&amp;\xad\t\xd2B/B\x02\xd3\x0c\xf9\x18R\x9bp8\x9c\xd2\xdcw\xe89\xffA.\n\xc3y\x97\xe9\xfc\x07\xbaB\xc0\xcb\x1f\xcf\xf3\xaeg\xbf\xefZ\x8b\x10\xd5j\x8dc\xc0J$\xe4\xb1\xc9\xd9\x89H$[M\xa77\xf6\x1a\x99F#\x9b\r\x9b\x13\x89\xdf\x87\xa7|\x12\xfbn\xc7|d\xb3_\xac\xd6\x15$\xa9 \xfe\xf9\xe3e|J\xe9\xaa\xd5j\xe8\xbfV\xcb,F"ZC;\xb5\xf0Dm{\xeb\xb4q\xd4*\x16\x8bI\x9d\xfa\xa7H6\x97\xfe\xb4s^m4\x1a\xa7\x8d\x0c`\xddm\xc1x\xa4\xb0&lt;\xff\xb5cr\xb1?\xe4\x9dQ\x15\xe9\x11\xa3\xd3\x1a\xe1\xd8\x05R-\x03kqqF3D\xe0\x84\x8aX88&lt;\xdc\xda\xda&gt;l\x95J%o\xc9;\xf3\n\xb0\x9a\xe7\xe7\xc7\xa7\xb0\x1aaW1q\xd0\xfaAt\xcbR\x0fv\xac\xe9b?\xfdTw\xd6\t\xfc\xc2D\xc1T\xe9o\xacp%\x14R\x8e\x89\xe4$A\\_h\x01\xd6\xc9\xd6\xe1\x11\xc2\n\xc5#\xd9\xbd\\5\xddl\x02\xd6\xf17\xac\xdf\x7f\x96\xdf2\xd6\xf3\xbb\x9d:\x80c\xdf?\x8b:\x1d\x84\xb8\x0eX\x97/_2\xb5\\m\xa9j\xe1\x8aKi.*\xcdS8\x88\xf5\xcb\xd1\xe1\xe16\x92\xeb\xa8d\xf6\xc6\x0b{{\xb9\\\x15\xb8\x8e\x8f\x8f/\xd4\x82&lt;\xfdY*W\xd5\x1d\x8fW:%\xd7\xca\x993j\x14\x1b\xa3FP\x0b\xb8\xc0\xc5\x0c\xfa\x0b\xbbJJ\xb3+d\x9d"\xc4\xd7\x17\x0e\x8e\x10\xd5\xd6\xf66\xc8\xa5\x8cg\x81ic\x03\xb0\xd2\x88+\x13/\xa1\x98\xbf\xa4\'I7\xf5\xe5I\x87\x0e\xba\xd8\x80U\'\x16,Q\x0b:\xcc\xbdd0\x03V\xa6\x06b\xc1p\xe1\xaa,ZI#q\xfd\x82\xea\xeb\xd7\x93-\xe0R\xce\xe4\xd2\xb0\r\xab\xd5f\x13\xc9\xb5\x17\xf6\xc2\xbe=\xb8+e\x04B?\xf5G\xa7.\x0f\xd8Ow\xa3\x0e\\\\wz\xae\xffx\x1d\xbfd\xd0 \xacL8\x03X%Wx\xf1\x0e\xc9\xc7\x17\x0e\xb6ON\xb6\xbe\xfe\xf5\xd79\x94W\xcb\\\xa8\xa6\x91\x83\xd5\xe6\xfe&gt;\xc8\xb5\x17\xbf\xc0R\xd0\x02\xd1\x9c\xe7K\xc7Ld\xaf\xbb\xf5\x84\xc5\xc9\x8b\x8aA-\\ 2\xbb\xa0\xd6+\x95\nhUY\x0c\r\x92\xf8\xc2/\xad\xd3\xf3\x93\x93\xaf\x9f\xdf\x7f\xfe\x8a\xca+\xdb\xdco\xa6A.\xa8\xf9\x8dl\xb6\xa0EXw\x87=\xcc\xb8\xd6\xee\xe8\\\xc9\xb3\xdf\xf9\x15C\x96\xe87,\xe8\xb6Df\xa57\x04\x16V\xc2\x95\x8aU@\\K\xb4\xda\x1e\x9e|\xfa\xb0s\x02\xdbq;\x93\xde\x07.(/\x98\x1c\x1fD6\xb5\x9a\x044\x11$\xcd\x94_\x8f\xe7;\xd7\xdd\xb0\xdf|T\x90\xa0\x96S\x0fc\x0f:\xf8\x96\x8b\x92\x1ak\xc8\n\x03u-4\x06I\xdaj]\xd4\xd6\xc9\xd7\x93\xed\xed\x93\xe3\xad\xed\x06p\xa5sh=\xdb\xdc\xdc\xd4\xaa\x93\xf0MP\xf4S\xa9/\x93\xc1\x0e\x0e\x8b\xf7\x97\xa4d\xdd)\xe3yn\xdc\xb8A\xe0\xa4P(\x9c2[\xdbs~E9$^\xb8\x0bXm.\x10\xaa\x9d^\xdb\x99\x8d\xe5\xfdf\x15\xa8\xb2\x91\x11\xadV\xeb5\x17\x8b\xc3\x0e\x0eF?\xf7\xad\xbe\xef\x1c\xd6\xed3;Y\xe79yu1`I\xa5\x02\x81ij\x10\xb0\xac\x95J\xa8\x88\xdfX\xb8;l4\xa2\x84@\xb1\x95\x10\x1b\xe5G\x87\x99\xea\xc6\xe3f\xba\x8d\xa5\xd5\x8e\xa8\xad^sb\xc8\x03\xa3\xe3\xf4\xc0\xcb\x95\xce\x99\xc8\xfes\x1a\xd4\xe2\xf1\xa2F\xc0"\xa4\xa4\xc0d\x9a\x82\xe2\x82\xba\x8f\x8b\xc47\x16\xae)\x9c2Y\xfd\xdaA\xeb\xa8\xa4s_\xa1\xeaC\xad\xbd\xf4\xc6F3\xbd\x91\x83\xca\xd2\xdeQ+A\xad\x1f\xf8\x14F9b\x9a\xd7\x9d;Lb\xb3\xd7cC\xaa:\x8f\xe7\xac\x1b\xc5bB\x8a\x0b\x0c\xa6)\x8d\xd7k\r\xc5\x17\xad8\x81\x0f\xc9\xa5\x8e\xa8\xb3\xae\x1a\x92\xeb&amp;\x9fO\xeaD\tos?\xbd\xb1\x8c\x0e\x92\x1eL\xa8\xd1A\xaf\xb9(p`\x9c@P\xad\xf9\xd4\xc1\xc6\x86\xfd!&amp;\xc7\x1d\x98L\x869`NE\xd7\x05B\x13\xf4\x03Vk\xbcP\xb0&amp;\xe5b\xa3\xd1\xa2\xb7\xcd\xd9c\x93\x13\x13#\xba\x98@\xf8\xea\xfc\xbc\x99^^\x06\xac\xc8\xa6Z\x93\x04*\xd1\x1c\x8c\xff\x8c\xdf4\xbd\xdeI\xacw\xd3$\xae\xc7x2.\x05\xf3\xb3\xb4\xcd%B\\P\xf4\xe1p\xfc\x96\xcabQ\xc5|\x8f\x96r\xd9\xc2L\xdck\x0e\x1f\x9f\x9f\x9f\xa7A\xad\xd7\x0f&amp;\xa0\xdc\x91X&amp;7\x85aT~\xde\xff\xa1\x93Xo\xca\x96KF\x8c+\xe3b\x1e\xbd\n\xc9E\x92\xc2\xa9\xb1\xa4\x17\x9aOX\xa1\xa2\x00\xc6\xec\x91\xd7\xcbK\x13\xb3\xb3Zk\xb8\x01m\xc3q\x1a\xa8\x96\x10V\xd2\xecU\x8e\xc5\x18\xac\x97\xd3\x1f\x94\x8c\xbe\xeb$\xd6\xd3%|\x08a\xf10\xcc!\x96B\xd1Cz\xc9\xc7\x94\x17X\x95RBN\xda\xc7\'\x96\x96\x1e\xf9Ff}w\xaca\xe8H\x1b\xd54\xc2\xd2z\xbd\xc9\xb1dRd\xa31\xd8\x88\xe5\xc9G\xbfvp(c\xdf~|\r\xf78{@\xae\x1e\xca\xa1PI\xa5*\x10L\xa4\xf1\x86\x00\xca\xe5*\x1a\x0cv\xbbdv\xe9\xd9\xe6\x80\xef\xf9\x9ao\xe4N\x08p\x0b\xb9\x8d\xb6\x87\x9adrLd\x00\x0f9tj\xed\xd9\xe7N\x9e6\xb3o\xef\x08\xe7\x83\x0f\xa3&lt;\x1e\x8f\x8b\xd1\x0e\x85\x14\xedG\x12\x9d\xea\x86\xac\xd0\x07\x9a\x0csnw&gt;U\x9e\x95\xd8\xf2y\xb7\x7f\xcdwO\xed\xf5zg@=T\xf0:QR4\xc7\xb08\xd4\xf3\x0f\xef\xdfvt"c\xb3\x9f\xac\xaf\xbf\xdf\xd1s{x`\xa3G/V\xf1\xf9*\\`\x1aTk\xa6L\x86\xe9\xe9y\x87\xd3\x11\x93\xd8l\x1e\x8b]2&gt;\x1e+\xa3+\xa8Q\xf5\xa3g\x13Z\xb5F\'\xd2\xc5\xf2\xee&gt;\x16\'\x8az\x87\x8e\x8f\xaf\xb7\xd9;\x1e\x0c\xe4\xeaA6*\x14|\xb4\x1b\x07\x07M\x06\xd3t*@;l\xea\xc2\xdebq\xb8\x02\x1d\xcd\x9ez.\xb8\xb6\xba:)\x19\x98\x9d\x1dQ\xeb\x84\xa6\xf19\xe6\xeaU\x08\xd3\xb3.\x9c\xcb\xa3L\xcdCr\xf1z0\x8cv+\x8cF\xbet\xde`2\x19\xec6\x07\xcd\xe45q\xaf&amp;\xf4\xea\xf4\xb4\xba\xb4\xf4 \x9b\x9d\x91\xa4\x00l@\xe2\xf3\x8d\x8c\x8aD1\x7f\xbe\xaf\x9f\xc5\xe20\xbfu\xe5\x8a\xec\xbb\xb7/1.\x0fa\xc1WDoT\xf0\xf9vX6\x0f\xe5\x1e\xb7V\xccc\t\xa1(\xbe\x17\xd1F\n\x85B.\'q\xdf\x0c\xaeI&amp;W\x07t\xbaX,\x15\xe8gq8\x9c\xc0\x7f\xbas\xa1\xb8\xf2\x05j\xbe\x87\x03XP\xf6\x0e=\x9f??osxh\xff\xbd\x90\xd2\x9c(\x9a\xc7D"\xb5Z\x1d\x8f\x14f\xb4\x85l9\x10H\x95W\x07\x06$\xb1\xb9\xd4\xcd\xab\xfd\xfd\x1c\x8cz\xf8kwn_W\xcex2\xe0BzQ\x94\xc7\xa1W@\x8dG\xe9\xd4\xa8f\x0c\xdd(\xde\x02\xbb\x06\x93\xea\xf8L8\x1e\xb7\xcel\x96\xddL\xa0\xbc6 \x99\xce\xdf\xfc\xbe\x1f\xb0(\xea\xbfo\xba\x83u\xfb\x7f\xdf\xf3\xda\xb5\x85V\xd4\xe3p8h\x8a\xf1\xc7\x04\xa4T\x01\xbf!"\xf2\xa9|\xca\xef\x8f\xc5b\xba\xc1\x01_0\xc0\xa4\xca\xe5\xf1\x14\xd3\xf7\x8f\xb6\x87\xf4\x97\']\xbaC\x7f\xf1\x91\xf77\x15\xc6\x8b\xd2\x14E\xd1\xf9i\xbb\xdeC3\x0c\xe3v\xbbS\xa9\x80;\x90\xca\xc3/w\xde_^M1L*\xe8\x87\xba\xea\xeb\xe3`\x1c\x8a\xfe\xf7Jw\xb0\xc0E(.\xee\x05\x18\x0f\x8c\x84-\xe8\xb7\xa7\x02\x81\xbc\xcd\x1e\xd3\xe9\xd0\x15p\xb9\\\x96H\xca\xe5`\x10\xb0\xca\x01\x9a\t\xfa\x19\x16X\x08j\xf5?\xec\xda{\x16\xf6\xbf\xfc\x18r\x91\x0b\xb1*\xc3 \x89@\xac\xf1\xa0\xdfn\x17h\xb4\x17k\xb3\xbdF&amp;%\x10\\k~\x86N\xb9i\x88\x06\xc4\xc5&lt;{\xd3\xb5g#+\xcb\x94\x13}\x80\xb8\x10\x142\x14\x14)\xfb\xbc\xdd$\x84\x16\xfa\xd5^\xa1\x90\x85\xf9&gt;\xfd\xf8\xf1\xeb\x07\x8fF$\xa3\x12\x89$\xc8\xd0\x01\xa6\xaf\xaf\xff\n\x8b\xc3\xe2\xa4\xd6\xbb\xf6\x9a\x05%\xea\x05\x15\x17r\x15\\\xa4\x14\xf3R&gt;98zo\xf4\'\x18\x07a*\xdc\xdf\xdd=\x83\xbe!\xe2\xf5\x8e\x0e@\xb83L?`\x81\x85,\xd6\xc7\xee=\x95b\xb3\xdf\x071\'`A+\x01\x1fG\n&gt;\xda\xf3$N\x0c\x89\x94\xa1P&lt;&gt;\x93[^\xde\xf9\xf3\xb7\xdd\xe5\xa5B\xd8U\xba\xe3\x1b\xcf\x07\x024\xab\xef\n\x82b\xd1/W\xba\xf8R\xea\xfe\xae\'\xca\x03\xa5\xc0\xc36\x96\r\xa8\x08|a\xb8X*\xa1\xb9\x1f\x04K\xe7\xb2\x19W\xc9\x9cT\xfb$\xf9\xc0U\x8as\x85\xd3\xdb\x0b`}g]}\xef\xf6b\x156\xa3L\xc6\xe5\xb5]\xa4\xdd6)A\x100\xd2\xe2\x84\xcab4B\xa3\x8f\x0f\x17\xcdEsR#\x91\xf8S7i(\xaa^\x16\xab\x97u\xf5\xec\xedw]\\H.\xec\x1b\x16\xb7\x17\xc2\xc8\xcd\x87\xd6\x0b\x96\xd1C\xc1`\x04\xb1\xe1Q\xfc\x9f\x97\xb3\x8di*K\xe3\xf8\x94\xd2\xda\xf6\x02\xde;\xdb&amp;P\x90mz\xad{\x0b\xdeRl?\xd0"\xbb4\xd4\xf6B\x9b\xf4\x85\xf8\x92\xdaB )6\x03!1\xea\xb8\xd9\x85\x99\xd9l\xb2\x18\x1bd2\xb3\xb2\x99\x18\xc7\xdd\x05\xdc\xd95\xc61\x18\xc9\x8c\xc2\xb8\xbb\x1f0\xc6\x04\xd7\x97YE\x04ue`\x98\xb7\x98q\x8cn\xb2/\xff\xe7T?l\xb2\xbb\xf3f\xe7\xa6\x18\x0c)\xfe\xfc?\xff\xf3\x9c\xf3\x9c\x9e\xe7T\x95\xd5\xed\xdc Y\xda::h\x86\xd6\xeb\xf4\x1a\xbd\xe6\xdaX^\xcfR\x16\xb6\x8c\\\xdbLHxt\x1a\x8dVh\x1f\xa0}S\x88\xe5H\x1c\x06d{k\xa0\xc7Wa\xaf\x93\xcc\x9dj\xb5\xa0Q\xf1*\xbd\x1er\xa9\x96N\xe5\xf9\x84\xe7\x9bG\xf7@.6\x1a\xf5z\x1d\xf2\x91\xc3Ij\x15\x17;1Gv\x85\x83\x96\xba\xba\x8a\x8a\x8a`\x9b\x95\xe7y\x10\x91X*\x95\xf0\xc1\xa1\x96\xe7\xf2\xccu\xdd\x8b\x1c\x01\xc1t:\x80\xe95^\x8f\xb3\xd2I\xe7\xdf\xaa\xba^7[\xcc\x16ig]\x1dR\x16\x9c\x8etE\xc6\xc2|\xe8\xba\xbc/\xdfX\x85\x17\x1ba\xfa\xa2jP\x15\xe9 \x86\xb6}\x9b\xc3a\xab\n\xf7X"C/\x1d9r$\x14\x89\x98\x87\x1bU:&lt;,\x80\xf4\xe5\xbd\xbe/\xdf\xc7\x9aW\xed\x1b\xa6L\x0f\xc73,\x9d^\xe8\x18\xe8\x8a\xd7\xf9\x82\x96\xc1\xa1\x97^z\xfb\x17G\x86F\x87\xb3\x88\x1f~D\tK\xabQ\t\xd6\xae3y\xc7z\xae\xe5H\x82\xe5-\x1d\x13\x0b/n\xa03\x18\x0c\xc61;\x0f\x8eB\xae\xb7\xaee\x15NE? 0\xad\x86\x13:\x82\xf99R\xf6\x9fa|\xdbCr\x91\xebuL\x13\xce\x9a\xdd\xb3\xa7k`\xa0\x13\xeb\x87\xe1k\xa0\xb2\xca\x1a=A#\x85\xf0X@x\xdb\xca\xdf\xcd?\xd6\xaa?WR\x92Z\xcd&lt;O\xb6\xc7H\x13\xda\xdb;\xac\xb4\x06l\xccvvZU\x9c\x86iEnG\x12\xe9\x08J\xf7\xf2\xde\x92QX\xf8\xb7\x02\x87\x0b\x89\x93\x05\x10\xa2\xe4\xac-X\xadX\x0b\xa2\xf2\xb2\xb2$\xaa\xa1\xfc\x8e\x9f\xd0JkO\xb0\xf6bK\xfe\xb1.\x16\x98Z]Z\xad\x9e\xd9\x1aXz"\x83d\x9c\xe0\x15\xb0b\xe0h\xc2Af\xcf\x05X\xc0\xd29\xd5\x97\xffF\x91\xc2\xe7.\x15\x98\x1c\x89n\xadFW\xc4\x92=a\x15\xe9\x91\xcfy\x8c&lt;\r\xcf\xabHG=\x8b!\x857;\x9c\xac\xddz)\xff\x8e/\xbcT\x8f\x9a\x02\\Z\xddS\xac\xa2\xa7\x83\x12\xe95\xa7\x9dNCdP0\x8bz\xb16\xf4^\xfe\xbb1\n/D\xa9\xd4\xe9\xde\x8c8\x92\xaf\xc8\xf7\xd5\x84\xc5lF#\x10p\x90\x0f\x7f\n\\G\xf6u\x8bY\xfc\x0e\xb0\xe8He\xc6\xe4 w=\xd5\x8b\x04z\xf2&lt;\xfd\x9b\x1eX\x1a\xa1\xdd\n\xb1"\x11\xf7\x0b\xef\xb5\xe4]\xadU\x87~g\x0b8\x1c\xdb\xbctFK\x0f\xa1\x90\x9e4&lt;\x0b\'\x89\xa5\xcf\xc1\xe1[\xad\xb7#\xdb9\x98L\xa6\t+\xffY~\xdf\x1b%\x90\xcb\xd3\xda\xea\xda\xac\xa5\xa0\x15Q\x1a\x00\x1f\x1c\xc5\x98t\xcc\xf0Zm;\xa4\x1a\x8e\x88\xe2\xa8\xb8\xfb;\xc2\n\x98\xc0\xe5i=\x9c\x1b\x8f:\xca\x08\xb4\xd0y\xea\x7f\xa6\x95\xb0\x07\xc5\xfe`\xfaX2)\x92Z\xf9N\x11\xc0\xdah\x02\x96\xc3\xefO$(\xafj\x91\x9fX\xee,\xcae\x0c\xd2J\xa7\xf1v \x80\x83"\xaaFQ\x0c]\xca7\x16u\xbc\xbeQb2eL\xa6\x06\x8f\xc7\x93pu\x93\xf55Z\x1d\xf0\x08\x89\x16\xad\x1a-\xabl\xcd\x83bz\xe8XZ\x14S\xd2\xcf\xcf\xbcq/\x8f\xbdQ\x85\x85\xbb\xc6.\\\xdc\xfd\x13\x93\xc9\x06.GC\x83\xbf5\xe1bOngB\xafryQ\x1cz\xbd\xc8\xedf\xd6\x05\x11\xa2-\xc1\rM\xcd\xce\x863\xbb\xf2W\xbf\xee\xfb\xeb\xce5k_~\xd9\x06.\x9b\xc9\xe3X\xeb\x84b\xad\x89D\xc2\xab\x85F.\xe0l\x1b@y8\x80\x15\x98$\x1e\xa3-\xb8\xa1\xb4\xe8\x8e\xd54\xd9\xeb\x1b\xe2s\xf9jQ\xc74\xbd\xde\xe9\xf7\x97\x940,\x9b\xc9as6\xd0\x03\x97\x1dN\xd0\x96W \x10\x8e\x0f\x0c\x0c\xb4u\x06\xa5Z\xa2\xda\xbb7$\x8an\xa8eo\xae\xf2\xff\xe3\xee\xc3\xbct\xa8\xafj\xb9\xbd\xfbpww\x03\xb0\x88\xab*\x13\xc8\xa0\xe6\xa9\xacl\xc8\xb15l\\\x17\x8dV\xc4\xbb:;{\x82R\xac\x17T\xfd\xfd/@,`\xd9\xed\xcd\xeb\x0e\x9f?}w\xf6\xc6\x83S\xcf\xb8\xcf\rf\x7f\xb8\xf2\xb3\xea\xeaD%a\xd9\xd8\xe1\xf4\xd2\xb2\xd25\xc5\x1b7V\xb2\x1e\x8d\x8dk\xecv{y8n1K\xe5\xdb{\xf7\xff\xbe\xbf\xbf\x7f\xff\xb1t\x9aaE\xa3\xeb\xfdgO\x1f_^\x98\\\x9a=\xd4\xf2L\x8f%\xb5\xdc^\x99\x7f\xb1\xba\xdb\x0f,\x13a\xb1\x8e\x87\x8a\xe65\xc5\xc5\x05\xc5\xecY\xb3\xbe\xb9\xa2\xae\xc7R[\xbb}{\xefO\xfb\xcf\x9d;\xd7\xbf\x1f\x8e\x8f\xd52,\x9f\xff\xfc\xe9\xe3#\x13F\xa3\xf2\xc1\xd83\x8b$]\x19p\xef\x9f\x8f\xe6oU\xbb\xfc\x95k\x11B:3_VVA\x9f\x9c\xac[\xb7\xae\xa0\x94u(\x82\xaa.(\xb9{{{\xf7\xff\xe1\x1c\xc4\xea\x1f\n\xb9\xddI\x86U\xe7keX\x86\xc6Fyz\xe4\xd9p\xd1\xe5\nW\xaf(\xef&gt;\x9a\xff\xac\xba\xdbSI\xa3\x10\x99+\x0c\xac\xba\x8a\xb2\xfa\xd2\xe2\x92\x92\x82\xd2\xf5\xcd\xdfon\xb2K\x92\xc4\x9a\r^\xd8\xdb\xbfw\x88\xd2\x83[\xcc5\xfb\x94G\xfd3\x07\xee\x8e\\Q\x1b\x8d\xb2\xf5\xca\x8d\x91}\xdf\xda\xfct\xe5\xc3\xa9)E\xc5\xdd[\x99?\x8b 6\xe4\xb0\x02\x99p8\xde\x13\x0fg\xaaJK\x0bJ\xeb\xeb}\xd1\x9d\x1b\xca\xcb-\xe6dZL\xd3\xdd\x10o\x8d\xe2\xc1\xf7b\xc4L\x9df\xbe\xc33\x07\xee?X\xb0\x1a\x8d\x82Z1,\\~p\xea[\x81\x11\xd4\xa1\xab\xd3(\x91\xf9\xd9\x95\xf9\x99\xee\xcd\x9e\x06\x96\x1d\x02\x81@WW8\x0e4_Y\xb3\xdd\xfe&lt;\xf5n\x95\x97K\xa9\xa4\x98\x0e\rQ]\x96&amp;\xac\xd1d\x845\x8a\x94[\xc2\xfe/\x0e\xdc_\x1e7\x1a\x0c\x82lPd^\x99&gt;:\xf6\xcd\xc1\xc8TSKY\x95\xd6\xe5\xe2g?\x9f\xff\xfb\x8f\xaa[\x81EY&gt;\x03\xac\xb6x&lt;\xe8\xf3UU\xd5\xdbkj6D\xcb\xa5X\xac/\x94\x0e\x1d\xd9;\x04\xb1B\xa1P:98H=5\x16\x8b$\xd9^~t\xe0\xa3\xd9I\x83\xa2\x08\xb2\xd2\x88P\xf2\x93\x137\xc7\xbe\xd1-\x08`z\xf3\xe4\xd4\x84Ae\x150\xef\xe9o\xce\xcd\xc3\xf3\t\x04\xd1\xc4\x82Hju\xc6)\x8cU\x90j\x03i\x15\x8b\xa5\x92\x18}\xe9Q\xbcF\x93\xa2\xc8\xb8\xe0\xaeZ\xc9\xf6\xd9\x9d_?\xbc\xa96(\x08\xa2\xc1\xc8\xa9\r2\xcf\x01\x8c.\xb4(\xfc\xfaJ\x1d\xbd\xc2\t&lt;\xea\x1a\xda\xf3\x9e\xbe\xf0\xe8\xe0\xccf\x97\'\xe7-\x13E\xb1\xab\xad\rX\xf5\xa5\xa5\xbe\xfahMyy\xdf\xeeM\xb1P\xa8OdP@\xc23l\x8eD\xcc\x11\xd1\xbc\xf6\x8b\x13\xc7\x0f}(+\x8a\xac\x02\x1b\xcf\x83\x8b\xe3\x8c\xca\xc2M\xba\xd0\xa2\xf0\xeb\xcd\x80W\xa7\xd5\x02G[\xb2\xf4I\xcf\xea\xf1\xe5\x95\xc5\xc7%\x9b1\xe581O3\xae6`\xc5\xab\xeaK\xcb\xec&gt;_\xcd\x06i\xd3\xd6\x1d}}}\xf0\xf9(V\xa5\x90*e\x1efXIw\xf0\x8f\x8b\xbf\xbc?\xb2\x00\xb7\xcb\xb0\xbc\xc21.YV7*\x13\xf7\xbeN\x1eC\xfcF&gt;\xc8\xd2\xf6\xb5J\x85*\x0b\\\x1aajnq\xf1|\xb7\xc7\xf6$\x8a\x01\xc6E\xb6\xa7\xd6N_\x14\x06\xabA\x14S)\x12*\x85)ZJQ\xd7\x1d\x1eQ\xac:\x7f\xe2\xc0\xc3\x07\x93FX\x8b3d\x1b\x81\x858B0\xd9\xd0\xd8\x89\xc4\xff\x15\xc1\x00uhj\xbc\x1d\xef&amp;(\x14\xca:,\x11\x8a\xa6\xc7V\x0e&gt;.i\xb5\xd9\xaaLO\xb8(\x8a\xe10kt\xf3E\x9b\xe1\xfb\x98T\x9b\x8a\x89\xb9\xeeN,\xb4,\xa0B\xce\x88\xf4\xfc\xf61bH\xd6Rkdu\xd6(\xe37\xf32\xe3\xb26f\xc7\xa7\x97\xbf\xca\x8d\x16\xb4\xd6[^B\x81\xcc\xe7\xb4\xd2\xa88\x05\xa5\xa9VY\x9e\xbb\xf3\xce\x8c\xff\x89\xb7\x9e\xb8\x8b\xa8|\xf5\xbe\xb2h\xf4\xf9\xa6\xa6-;\xb6\xfcj\x93{\xab\xdb\x8d\xaf\x949%I\x18\x85\xe6\x889\xe8\x9c\xf9\xcb\xf7&gt;\x1a\xbb\xc2)\n\xaf\xc3@\x94\xd5\xe0R\x11\x97\x9a\t\x96]\xb8\xfe\xe5\x97\xb9\xd0\x01\xe6\xcb\x8a\xca*\xe3\x9d\x80\xe25:\xc3\xcd\xabW\xa8\x8e\xb8&lt;\xf6\xf9\xc1\xc5[\t\xa7-`\xb39\x1dNG \x93\xc9\xc4{|\x15\x15Q:\xbb\xfbj\xd3k[\xe8\xbc\xd9\x8e^0!\xbd\x83\x08\xc9\x81\x9a\xee\x9c\x9f-\x9e8\xbekJ0(\x86\xf1\t\xc50\x89\x00\xaa9\x95\x8a\xcbqY!X\xf6\xda\xd4\x97\\\xe6\x02\xab\xcf.\x08\x1c\x8b \xcf\xc9\xbc\xaeZ\x99\x9a[9\xeb\x82^\xca\xd5\x7f}\xf2\xce\xa7?l@6\xc5b\x1e/\x96\xea}\xd4\nh\x7f\x15T\xaf\xd5l\xd9\xb2cS\xcd\xa6\xad\xbd1s*e1\x07\x83\x16\xfa\xa83\xf3\xe2\xe3\x13\xa7\x1f\x8e-q\x8a\xc1z\xfd\xe4\xd1\x05\xabZ\x96a}\x14\xdd\x1c\xec\xaf\xe6d\xd9\x08\xb0\x89\xd9\xff\x93,\x98\xd5\'i\xe7\x05:\xa9\x04^\xa7\x1f\xbf\xbc&lt;\xf7\xe8\xfdOM\xe0Z=}\xf2\xe3\x83\x8b3~\xc8\x85R\xd1\xe1q {\xc5{z|eO\xf4j\xb2\xd7l\xd9\x8e\x11)\xc5\xc4H$\x99\xb2\x00+\x12\xec\xc9l\xfc\xe2\xc4\x0f\xee\xef\xbaa0\x1a\x8d\xf1GwoCy\x9e\x03\x1a\'\x08\xf0?\xb8d\xd9\xaa\x06W\xe7\xf5\xffu7\t\\urjA\xa6\xf7\xf0\x14&gt;\xbd&lt;q\xf3\xe2\xc7+\x8f\xff\xf4\xe3\xf9[^AP\xc9S\xa7&gt;98\x7f\xcb\xbf\xd6\x96\t8=\xf4\x11?a\xc5\xc3\xf5&gt;\xea\x0b\x04ZSMS\xcd\xa6Z)\xe6v\x8bf\x0b\xb4\x8a\xd4\x06\xc3\x95\xe7\x7f\x83\x10^\x1dW+\x8d\xea\xb3\xaf\xbcr\xfc\xa3\x07\x97\xc7yLAj\x0c%\x9a\x89\x0cF5\xfeE\x12l\xe9\xe8\x7f\x1d\x93(!\x96\x97\xf0?\x81\xad\xd8\x06\xf6\xe4\x87\xb3s+w\xde\xff7\x19\xe7\x1f\xd3\xc6y\xc6q\x98\x95*\xd8[d\xcb\x17\x1f\x04\xba\xe5\xbcd\x07Q\x08\x0b\xe3\xeehX$s\x99\x03\x88\xde\x15\x98\x15\xb7\x03\x94c\xbe\xce\x89\x97K\x15\x83\x16K\xb0\xe8\xe4\xf94\x9c8^\xb3\xdd5\xd3\xb0T\x10%RZ!\x960C-\x01S\xad\xa9\xa0*\x121\xa4\x96\x08?\x82QYB\xf8\x19\x08Q\x12\xe5\x8f=/\x8e\xa6h{\x85\x0c\x7f\xc0\xab\xcf=\xdf\xef\xf3K\xb6H&amp;\xe3\xf1\xb9\xa1\x9f\x99L\xc6]\x93\xdd\xe0\xfa\xb5\x1f\x1e\x81\x19\xf0 \xac\x8aG\xde?y\xb2\xae\xe2\\]]\x19\x1c\x84\x05\xa7\xb8\x1e\xb0\xaa\xbf\x00\xac\xfdP\x1a\xde;w|\x1d\xa8\xe6\xbb\x07\xa1 \x18\xf6\xbcT\xe5\x98\xf0x\xe5\xceD\x7f\xa6\x01hL\xe0/\xd0\x11YL\x87\x02ve\xa2\xfb\xff\x1c\x06\xa0=\x13\xc3\x06\x90\x1a\xa8\x0cY\xbb\xfb\xa7\xeel=\x8fkbTL\xfa\xe2\xc2\xda\xf1\xccc\x90\x96S\x1d[Zj\xec\x17\x07\xcf\xc0\xcc\x0c\xfb\xc5;{\x01\xeb/u\xa8a\xe7\xe4U\xc1\xc4\x95WPS\x8e\xde\x14nh&lt;\nf\x7f\xaf\xa1\xe2\x1d\xb0\xfb\xc6\xfc?\x96\n\xa1\x11\x1e\x1b\xdb\x0c\xcb\xde\xa4\xa2l.\xdc\x9d\x1a\xce\xb2V\xea\x90\xc1@G\x04\xa6\xdb\t\xd8\xb7#\xff\xb3\xb9\xc1\xa4p\x7f\xd2ZX\x88\xde\x02\x84P\xf5O\xdd\xddZ\x15|Z\x94\x15\x93~\xbf\x8f\x10\xd7\xdf\x02/\x98\x86\x1f\xddz\x1c[\x9c=\x0e\x95\xe1\x10\xfa\xa0\xfc\xde\xdf\x9c\xdb\xdf\x98\x7f\x0e|_p\xa1\xea\xf0\xa1\xec\xbc\x0b9eu\x15\x8dhXn\xb8\xda\xf0\xe3}\'g\xe7\x12\xe1g\x1dSP\x060\xdbXjc\x83vhJ2&amp;\xafn\xddX\xd2C\xc0\xd2:\x02\x17`AY\xbbb\xfb\xf5\xbf\xff\xd9\xfcf\xa4\x9a\x9f\x8e\xda@&gt;\xe02\xee2\xf6O\x00\x94\x96T\x04J\x14\x05\xc1/\x08\x04\xf5rO\x16z\x8f~\xb4g&amp;%\xaf\xfd\x1cv\x9c\xbaC\xb0\xf9\x1c9SZ\xebt\xd6\x96\x96WUU\x1d~\xfb\x07\xd9y99\xe5\x15\x15\xb5\xd5\x1e(\x12W?,y\xf7\xda+sx\xb9yd\x18\xc6R\xdbP\x8a\xdb\xdc\xa0cRR\x119.\xb9\xbar\xe3!\xcaB\x93\x01q\xe9\xc1a 3\xd4\xb0+\x9f|\xf7\xc6\xa8\xd0=\xdd\x7f\xda\xa63X\x0bMY\xe9H\xc5$Q\t\xb1\x10,\xc2\xe7\xd3xQ\x14\xc7~\x0b\x99c\xca\x9c\xee\xd8\x8a\xc9\xe3\x07\xde\xad\xa8\xa8\xc99\xf4\xd3#{s\xec\xce/\xdaJ.\x00\xcf\xe1\xb7\xb3\xd1?\xab(/\xcdG\x9f\xe3\xff\xf0j\x833\xf7\xdaZ"\xfc\x04\xec\x8e\xd9l\xfa\xa2\xe7\xa4\xca\x88\xac\x16\xe4\x93\x1ag\xc15\xa5wfd\xb0\xd0\x08\xf2\xe8^\xeb\xa8G\\6\xdb\x95\xffNz=S\x93\xd6&amp;+b\xff\xbeqp\x04\xa0\x14\xb0\x94_\x89\xb24M\xc4}&gt;%D\xf8\xfd/~\x07T\x85\xa6\xe1{\x1d\x9b\xb1\xae\xf1\x03\xe5\xf9\xf9E\x05?9x0\xa7\xdes\xb1\xdaS\x92_Z\x9ew\x01\xac\x95[ZS\xda\xf8\xa7\x8b7=\x8d\x9f4\x16\x7f\xb0\x96H&lt;i~\xf4\x00\xa8\xacg\xd6$\x89\r\x065&gt;\x14b\x19\\U5\x82\x13\x1e\xcf\x8cLfeB\xcb\xd6\xebw\xec\xa5\xd7a\xfaJ\x9b\xedu\xa5\xea\x99~\x805\xa1"g\xc8\xaa\x1c\xbd?\xb3\xb0\x9a\xd4\x08\x86\x15\x15\x82\x8b\xb2\x81x\\Q|\xf0\x95\x14\xc6\x7feB\xf90\xd9\xfdl\xb3/\xb5~\xa0&lt;\xaf\xb8\xa8 \xfbLN\xfde\xf4\xdf\x16\xaa\x1bjK\x9c\xf6\xa3Ga\xbe\xd9\xff\xd9\xa7\x1e\xa7;\xb7"\xf7\x83\xedDb\xa1\xf9\xe9$\xb2\xfb\xfb\xe3\x1a/I\x94\x14\t\x04\x02\x11\x8a\xb4\xe0,O\x12&gt;\xb1wf\xaa?\x13\xd2\x10C\x91\x82I\x0c\x83i\xbfrG\xbe\x9e\x91o1k\x93\x0e5\x9b\xca\xa5{+\xbd\x032%\xf8\xa3\x0c\xc5*,I\x07|&gt;\x9f_Q\x14\xbf\x1f\xd2q\xf64`\xe9\x0c\x13\x1d\xcb]}\x8b\xb3\x07\xb3\xab&gt;\xfa\xa8\xaa\xac,\x1f6\x8a\x8b\x97.}z\xe9\xf7\x97=mE\x80\xb5\xaf\xe13\xfb\xf5\xeb\xf5\'\xbe\xda\xeeJ\xa0\xd2`\x00\xaa\xa6!%Hq\x16\x9a\x8f\xf8\xe2J(@w\xaa\x1c\xc5\xf1\xf1@l`\xeb\xce\x92\x1e=!_{\x00\x00\x06\x9cIDAT\xda#\x02\xc3t\xe9\x03\xe9\xd7\xf3\xddC\xcc\x8aAY7\xee\x1a^\xba\xb1\xb2!\xcb\xaa\x05\xe2DS.^\xc0i\x02\xb0\x00\xc9\xef\x0f(p\xdd\xcb=\x06x\x1ck\xe5\xfd\xf6\'}\x89W_\xfd\xa8\xe0\xe3?\x9f8\x91[|\xd4s\xd9\xe3\xb9\xf8\xf7\xbf\xfe\xe1\xa6\xe7&lt;P\xe5\xee\xbb\xdax\xbd\xf5\xf3\xd6\xaf\xd3T\x0f\x81\xaa\xc9\xba\xee\x0bJ\x0e\x9a\xf6\x06\xe1\xc2@$\x14\x1c\x18\xb0\xd0T$\xeecems\xe5\xfe\xa0\xd1\x80\xa1&amp;\x90\xe6*\xcc\x80A\x1d\x1e\x05\xf5\x9a\xdd\x85\x10\xa9\xcd\xa4\x03\xa7\x01\xc6\xcf",6\x1a\n\xf8!Z!"\x14\n\x04|q_d\xec\x98\x15\xb0\x0c\xfdO\xdb\x17\xfa\x12\xdb\xff\xfa\xb8&amp;\xb7\xc8]\x9f\x0fX\xb0\x84\xb5\xdclq\xba\xed\xb9\xe55\xf9\x8dWk[Z[O\x8d#\xaa\x9eQx\x12[\xe1\xec\x0b\xa0r9\xbc\xc1H$\x02w\x05\x83\xfc\x00\xc99\x82&gt;_\x84\xa6e\xe6\xf1\xcc\xd4\xf0[X%\x86\xbd&amp;\xcb\x18\xbc\x92\x86\xda\xa5[\xba7\xb3\xcaH"N\xd38\x13\xf234\xe3`\xd9\x90\x10R@C\x82\x87\xbb\x94x\xdc\x1f\xf1\xaf\x9f\x86?\xc3L\x83\xdd\xf3\xbd}]\xe3_\x9f\xca\xcd\xadm\xb3\x1f\xadms\x9e\xb7\xbb\xddn{qMYy\xb1\xbb\xa4\xa1\xf6\xfa\xa97\xa8\x9a\xac\xb7_\x065\x17G;\xa4`$\x08X!\x82\x0f\xba\xc2*-\x01!e\xb1\xa8r\x14\x94\xd4\x99l\xb6\xd7`\x19@d\x00\xa8\xc2\xd1\x1b\xcb\x0bQM\x14\x19\x9c\xc3q\x164\xc4]\xae\xa8\x00\xf9\x87\xb2\x90\xe7\t"\x14\x8f\x07\x08^\x9c\x9b\x85M\x0f\xab,\\\xba5\xbf\x91H\x8d\xfd\xedl[u[\t,&lt;\xce\x12\xb7\x1b\xfaaYvY\x81\xbb\xe5r[\xad\xbdh,\x95\xd8\x98\xbf\xb5\x94\x89\xd90\xeb\xb5\x97\x9a\xe6u8(@\n\xedD\x8b\x90\xbc^\x9c\xc4\x19&gt;\x10\xe09\x8bJ\x92\xd2*(\x89\x06\xd64\x16\x06E!3srd\xb9W\x959\xd6/\xe2\x80E\x13!F\xb5\xe0Q\xa8\xa1\x04\xb8\xddO\x10&lt;\x01\xc1\xf2\x11\x14\xa5\xb1/\xbeg\xb5Yau\x99h\x7f6\x90\x98\x1bj\xbd\xe9\xa9n\x03\x05\xab\x9d\xcez\xe8\x87h\x03r\xb7\xb4\xd8\xedE\xeb\x8b\x89\x8dg\x1d\x13\x99\xa0\xa0\xf5\xcc6\xaf\xb9\x1c\x92\x14D\x12\x06\x11\x1b\xc1z\xbd^:\x8c;"\x81\x08M\xaa\x960\xa7I\xbd3\x13\xc3\x99;\t\xa9\x87h\x99v\x0fO\x7f\xb3\x10\xa58\\\xe6\x05\x06\x87C\x85X\x9c\x0c\xd3\x04P\ti,\x02a\xf9Y&amp;\xa6\xf1\xd4\xf6I\x94\xc5\xba\xca\x91\xf6e2\xf1\xea\xcb\xcfoz&lt;-\xad-\xd5mmn\xfb\xa9S\xc5\x05\xb9E\xf6\x96V{\xcd\xec\xab\xbeN\xa0\x82l\xc7\xac{\xb6c\x14\xc71R\x90O\x9f `Q\x0e\xaf\x83\x07.&gt;\x10r\x01\x16IS\xb2:\xb0uo\xd4h\xb0A\x05\xcb\xd0\x19\x8d\xa3\x8fVVY\x19Wq\x87\x00\xda\xe1\x16\\\x0c1\xe4@\x94\'\x048~\x9f" ,A\xf1\x11\x0c\x942\x8d\x8f\x8e\x9dF\xa9l\x1d\xbe\xd7\x0c\xb6_k\xbd\xec,9_\x92\x0f\xc9\xe7&lt;{\xd6]S\xb1\x7f\x7f\xa3\xb3%\xff\xf6Z_x\xb9cZ\x8f\x14\xff\xe38C\xab\xaa\xec\xa2\xa0l\xb1\xac$Ip1OQ^\x07\r:\xba\x10\x16\tX\x0e.\xdc\x19]\x9d\x99\xee7b6}\x86qxz\xa6\x97M2\x1cn\xe1(A\x04(0\xbch!\xa3"\x0b\x9dp\'Z\x02!\x8a\xf0\x83\xc02\x94$j,\xb5\xb8n@\x0e\x00\xdb7\xf7\x9a\xbb\xb6\x87\x86\x86\xc6\xc6\xd0\xcb\xf8\xf88\xfa&gt;\xd4:\xf4\xe5\xecvW\xf8I\xfb\xfd\x1d\xaa\xa6\xb1\x94\xaar4\xe3b@7V\x026p\xaa\x08\xd1\xf2\xbah\xc9E\x07#.\xd2l\x81\xac\xc4;\xc3\xe1Xt\xe1.j\xe0\x19\x83\x8fVD\x8d\x10hd)I\xa0T\xe0\xe2#\xf8@T\xa2\x08\xa4\x1e`\xf9\xd3X\xd0\xab\x01K\xd3$J\x9e\xbb\r\xd9\x85\xd9\x0cK\x1d\xf3\x1b\xe6\xaeT\xd7\xeb\xa3\x0e\xe0\xf0\x9aJ\xa5\x16\x17\xe7\xfa\xcc\x0b\xd0\x08M\x90Y\xba\xf5\x94\x99T9Y\xa6i\x17\x98\x9e\x82xA\x06\xb1\x8c\x03\xb8hG\x84\xf7\xb24\x19\xb6\x90\xaa\x8b\xec\xecT\xbd\xaa\x0cEl\xd2\x94\xf1M/C\x89~\x02\xdf\x11O\xa0-\x9c\x85\x89D\x07\xa2^f\'X\x04*\xa4i,x@\xa4\xa1\xc8R\x8c\xfcj\x8f\x15:k%6\xd5\xbe\x1cN\x98I3I\x9a\xe1\xa4_\xcdf\xd5,\xab0\x8d&gt;}`\x80\xae\x8b\x95=\x0f\xc3/X8Hp\x97\x8ba\x1c\x14\xb2\x02\xdc\x055\xcc\xebpy#A\x86#\xc3 #h\xd8i\x9182\xc6\xf4\xde\x9d\xc8\xd8\x949F\xf4A\xb5\xc2!\x01\tP\x12\xe7\x81\n\xf4"\xfc;\x1a\xa2\x91\x06\x86\x07\x91\x10Y\xb8\x0f.d)Y\xee\x1a\xff%\xec\xa1\x95\xba\xff\xd4\\\xc6\xacm\x03a\x186d\xec\xa8\xf6nv\x16\xfd\x02\x9d\xa0\x93\xaa\xc9\xcbi\xf2^\xc2y\xf5\xd2\x10\xf0\xd0\xc1C\x86\x1a\x9b\x9b\xee\x07(C\xe6@\xc3\t\x0cQ\xd6\x8c\x85\xd2\xad[\x97\x0e\r\xa5-\xa5th\xa1\xcf\xf7\xd9\xbd3\xf2 ,?z\xdf\xf7\xfb\xee\xee\xf6\xe7\xf9\xa7"\n\x0e\xff\\D\xa6\x0e\x17t7z\xca\xfa\xbc\xdd\xfe\x1d\xb8_\xe2\x82\xb1.8\x86u5\xafF\x03"\xf4!\xa0\x973=\xe12\x8a5\xf7D\xff\xc7\xe3do\xbd\xebV\x0b#/C\xa6\x8c\r\xed\x90\xa7\xf3\xd0\xaa{G\xaa\x0c\x0fT\xac\x92\xfa\xb5\xf6Ww\xcf\x9b\xd98\x9e&lt;\\cc4\xc5Q\xa7B\xc1\xfc&gt;}\xfbu\xfd@\xae\x9ams7\x94t%k\x13ksP,WWBe]%X!l(H\\\xc4CL\xa4\xb9\xa5\xe8\xa7\x93\xda\'\x8fZ\xc9YS\xed*\x02_\xd9\xbc\xcb\x8ed\xad\xa4\x0e\xa5\n\x17m\xaer\xae\x84\xaa\xe5=\xc1Z\x97\xbf\xdfr\xe6\x1bgO&gt;\xbe\xf9\xd2\xc7\xe2F,\xfc\x0f\x96\xf6\x9e"|/-\xbbi^\x13,\x1cb\xc0\xe6\x94\xc6\xf1\x08\x87\n6\x10z\xe26\xdfte\xafT`u\xaf\xd6\xfc\xc0O(]\xbfD-\xb0\xda]\x8d\xd0v\xd8u.,\xb41hk\x80*\xd7|\xc0\x92!T\xc8\xf5\xf5\x19\'\x83qv\xfb\x81j\x8c\xc7Tq\x8d\xb1\xdc\xfb\x9b\xef\xe7\xf7\'g\x88\xd5\xbc\xf8\xc3\xbd\x03W)\\\x8a\xc5\x85\xa4\x891\xea"\xebd\xee\xd5C\xb06K\x87rf\xe2Mi\x97+60\xc6t\x97\xc1\xd84L/ChiS\xdaE%V(%P\xb5\x82\xd5\x8e\x9a\xf2&gt;]\xbd{\xf9t\xdc\x8e\xb3\xcf\xd8\x18c*\x8b\xc3,\n6 \x1c\xbe\xc6S\x11\xebB\x82u\xe0\xd2\x8b\xcaEq\x81\xa9Y\xab\xc1\xaa\xd0\xab\x1bz#rY\xb0ld\xfe\x03\xa4L$\x85\xd3\x8d\x1c\xad\x00\x00\x00\x00IEND\xaeB`\x82'</t>
        </is>
      </c>
      <c r="M191" s="3" t="n">
        <v>45492.67634259259</v>
      </c>
    </row>
    <row r="192">
      <c r="A192" t="n">
        <v>798127</v>
      </c>
      <c r="B192" t="n">
        <v>2020</v>
      </c>
      <c r="C192" t="inlineStr">
        <is>
          <t>Marinho</t>
        </is>
      </c>
      <c r="D192" t="inlineStr">
        <is>
          <t>Marinho</t>
        </is>
      </c>
      <c r="E192" t="inlineStr">
        <is>
          <t>PD</t>
        </is>
      </c>
      <c r="F192" t="inlineStr">
        <is>
          <t>ATA</t>
        </is>
      </c>
      <c r="G192" t="inlineStr">
        <is>
          <t>PD</t>
        </is>
      </c>
      <c r="H192" t="n">
        <v>169</v>
      </c>
      <c r="I192" t="n">
        <v>11</v>
      </c>
      <c r="J192" s="2" t="n">
        <v>33021</v>
      </c>
      <c r="K192" t="inlineStr">
        <is>
          <t>Left</t>
        </is>
      </c>
      <c r="L192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a37fad74-f5ae-405c-9ea8-f2b5c43758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5\xe2;\x11\x00\x00\x03\x00PLTE\xff\xff\xff \x17\x138\x1e\x19\x04G\xa1\xd0\xcc\xd2\x89E6F\' \xff\xfe\xff\xfd\xfd\xfd?#\x1e\x04K\xa7\xd4\xcf\xd4HA&gt;G"\x1aQJFvJ@2\x1a\x13R+#\x9eTD\x9cO&gt;\x16\x0e\n? \x18e@9\xa5XF\xd5\xd2\xd8L&amp;\x1e~@2\x93L&lt;^91\xa3\x0b\x0c\xac_O\x97QBQ1,|&lt;,\xc3o[KEB\xb1\x10\x11. \x1c\xab\x0e\x0f_&gt;8\xbb\x15\x16\x99K:A84\xc0\x19\x1b\xb6iY\xb3eU\xb8\xb2\xb7(\x18\x13d, UNK7\x1b\x13&amp;\x1c\x19?\'#K,\'D,(\xc6\x1d!\xa4\x9c\xa0&gt;51\x8fG7B&lt;8\x18\x13\x10Z\'\x1b\xcc!%I2/\xc2jU\xa8\\K\x9eZK\xadcUm:/s:-\xc9\xc5\xcan6)\x8eQD\xbd\xb8\xbdW72Q#\x19\x84@0i2&amp;\xb6\x12\x137$\x1fN85tE:G=9\xc5\xc1\xc5\xca}mX3+\x1d\x11\x0e\x81E7~OC5.*\xb0jZ`2(XROw=0\xb3\xac\xb1\x86TH\xbcrebZX]UR\xc1|n\xce\xc9\xcd[-"\xda\xd6\xda\xcd\x85w\xb1^I\xb8bL\x8dK=\xf9\xf8\xf9\x85J&lt;gE&gt;820\xb4pa]DA\xc8wgk&gt;6\xban]\xc4s`\xa8\xa4\xa7oE&lt;kNK=0,0\x13\r\xa2S@\x95XKm.!\xd1$)p?5\x8c@/\xc1\xbc\xc1\xb1bO\x94F5\xcf\x8c\x80Q?&lt;{5&amp;\xb6\x19\x1a\xa3`Q\xc7\x82t\xadZE\x839+\xd7&amp;,\xbbgR\xc3ve\x99\x93\x95/(%a&amp;\x18\xf3\xf2\xf4\xaf\xa7\xace;2\xbe\x1f"X=9mgft6)}TJ\xf0\xee\xee\xca\xc8\xcf\xc5\x19\x1b{I&gt;8*&amp;g7+j`_\xde\xd8\xdc\x99\x08\x08\x03A\x97\x04=\x8bumn\xe7;D\x8aZN\xd7,3oKCzD8vOF\xdf4&lt;~usdHF\xe8\xe8\xea&amp;\r\x07\xa6gX\x047{\xdf.3\x16V\xa1e_]s1#pTQ\x8d\x05\x05\x9c^U\x91_T\x91\x89\x88\xe4\xe1\xe1\x9bh^z]Z\xbb\\c\nV\xabh(\x1a\xa6\x18\x1a\xecCK\xa1uq\xaaT@\xb5xk\xb0TT\xb5\x9c\xa4;\x15\x0e\xda\xc6\xc8\n5i\xaaldW\x1c\x10cPK\xf0KT\x86\x7f\x80\xca\x92\x8a\xd9\xb1\xb5\xbf\x85\x84\xb0\xc0\xd5\xa5OL\xad|\x81r\x8d\xb2H\x19\x10\x8elf\xb69&gt;\xa1EF\xaa\x90\x98\xbdu\x80\x9e-1Ar\xaf\xd4&gt;F\x919:\xb6\x8b\x92\x94\x17\x1c,e\xa7\xc0\x9f\x9e\xc0/2\xc6\xaf\xb7\xd7T]\xa4C3 Ds\xd7\x88\x95{{\x83^\x85\xb3\x9e\x9a\xaa\t&amp;ZAj\x9ec}\xa3\xbeKT\xd1t|\xd0\xdb\xe8 M\x8b\xd5\x9f\x9c\xb1(+\x90\xa3\xbe\x8b\x90\xa3\xc1\xa4\xabQj\x87&lt;Yz\x88\xa8\xd0|\n\x0e\xedv\x8bd1\\L\x94\x14\x96\x00\x00 \x00IDATx\xda\xc4\x98\xffK\x1by\x1a\xc7\x8d\x90L\xc2\x8eSM\x1a\xb3\x9a\x90D\x86 \x19L\xed\xd4$8\x99\x16Q\xbb\xdd6\xb5$;\xc5zc\xd3mf\xd2\x8a\xf8%\x11E/\xa6\xa5VQZ\x85f\xce-f\x11L\xd3\x1fB\xa9\x8bM\xf7\x87\xecq\xd5\x1e\x14\xee\xfa\xd3Q&lt;\n\x07\xf7?\xdc?q\xef\xcfX\x97\xfb\xfdF\xfb8jPp^y?\xef\xcf\xfby\xc6\x86\x86\xff\xb3\xa8\x06\x8a\xb2n\xa2\xb6k\xb5\xda\xf6\xa4\x15E\xa1\x1a\xbef\xe1\xf6`\xaa\xdd\x9b\xef\xed-\x16\xf7\xf7\xf7\x8b?\xde\xbcw\xe5\xca7\x07\xb5M+\xf5\x15\xa1\xc0\xf4\xf2\\\xf1\xb0Z\xaaT*u\xa5T\xad\x96\xaa{\xd5\xea\xde~q\xfe\xe5\xe4Wbj\xa0&amp;kc\x8f\x8b{\xe0I)j*\xc5\xe3\x03\xdfR\xbcR\x01\xdc\xe1\xe3\xc9\xaf\xd1I\x8a\x9a\xfc\xf6\xa7}HS\x02\x96\xaa\xb2,\xc3\xb04.\x96\xc1+^\xa9\xa7*\xf3\xb5\xd3o\xa4ur\xacw\xaf\xa2\xd4K\x15\x15\x1c&lt;OsBV\x16%Z\x10D\x9a\x16\xb3Y\x89\xa6S\x87\x8f\xb7O\x19\x8c\xda&gt;W\xad+\nz\'\xcaY\x96giN\xd64\x99\x93XI\xe4X\x89\x134M\x04^j\xff\x9bI\xf4\xfa\x14\xa9zK\xe8\x9c\x9ab\x08\x15\xcdf\xb5lVcQ&lt;\xcb\t4+\xc8\xb2,p\x02G\xb3\xf5\xe2\xb7\xa7g1\xaaVTx\xd8\x9cg\x18Y\xe3DQ\xca\n4\x03\n\x9ae%\x89OI\xb2\x9cE\xc92\x8c\x96*\xcd\x1f\x9cR\'\xa9\xcd^\x15\xaeVx8&lt;+24K\xf3&lt;\x84\xa3%\t]L\xa9t&gt;\x0b\x9f\x91\xca\xe2\x17|j\xef\xe6\xb6\xf5T:8\xaf\x90\x1c\xa0EN\xc4]+J\x8aW\x19B\xc5I\x12-\xd1\xc4ZY\x18-+\xc3l@\xa6\xe9z\xf1\x80:\r_\x91\x90bhAd\xd4J\xb5\x84$\xad\xc3f\x0c1\xbe$\xb28\x94\xa2\x80&amp;\n\x82\\\x16\x84\xac(\x8a\x1c\xc7\x17\xb7O\x9a\x8b\xb2\x9e\x83\xaf\xd0\xbf,\xc7\xb2j\xbd\x84\xf3X\xaa\x94*\nC\xd3\xb8\xe8T]\xa1%\x81\x83pB^\xc8\xe7\xe5,\t\x8e,3\xbfy\xc2\\\xd6{\xd5T\n\xbaH\xd9,"\x80fI\xb63\xf0\xbe\x94\x17ap\x95\xe7IS!Y\x19gQ\x12\x04\xddeYN\xbdy\xb2\xf6\xb2\x8e\x81\n\xedb\x91K&lt;\x8f\xfb\x8a\x02\x00D!\xafiy\x8eWT\x06\x8d%\xe2\xf1\xa2 \xe4\xc1\x95\x97e\x84\x87@\xef\x9d\xe8y\xa4j\xfb*:\xc8\xe8\xf3\xafTb$\x86\x96\xf3\x9c\x880-sr^J!`\xf1\xe3\xbd\xbdRI]\x95\xa4&lt;\x97\xcfkzZ\x88l\xf1\x04\xdbHM\xcec.3,\x824\xa5*J\x85g**\x8d#\x08Md\x0e\xea0*\xb3\x9a"\x93\x1a\x0b\x05O\xd3\xe0\xe5\xa0\xa4\x00,Q}|brQ\x93W\xaau\xf4\x89!\t\xcf\xab\x18=\xca\x9e\n\xc1h2\x079QJ\xa5\xa4\xf2*h\x15\xb5NdC\xa2\xc1\xf7\x12\xe1\xe2D\xb4\x91:\xa9C8\xb6\x87\xd8d\xd8\x94R\xc7}S,\x84\xe3yL\x1c\x85\x95\x90\n\x9c\xc4\xf4\x85\xc3\xab333I\xd4\'\x85\xe7\x10\xb5\xf0\x97\x04\xc9\xe0zv\xbfF\x9d\xa0\xb10Q@Ez\xc9\xac&amp;\xb4\xb2$J&lt;\xcf\x88\x9c $\x93}\xb6h_2\x1e\x8f\xe3U4\x9aL\xe6\xcbh*\xce,\x98\xe1/\x8e\xee=\x11{\xc1X*\tK\xc4\x01\xcbr\x88\x04)\x11\xd0\x84UNJ\xf6\xf5\xc1X}\xf1N\xcf\xb0?\xeeY\xd8}4;{\xe6\xb5\'\x9e\x8cF\x19\x05\x87\x15za\xd3\x11\xb9\xac2v"\xd9pP\xd5\x89x\x1e\xd2\x94\xf3\xe1D\xb9;\x91\x08\'\x93~\xcf\x8b\xdb\xb7\xef\xdf~qgwwgg\xea\xea\x80\xc3=\xe1\xf3]\xddYh\x1d\xeeK*\x9f\xb8&lt;\x87\x0b\x11\x01\xf7\x15\'\xa9\x93\x10\x0b}chxK.\x97\x03o\xdfv/^p\xb6\xb5\x0c\xbf\xf8\xfe\xe7\x8d\xb5\xb5\xb5\x8e\x8e\xf6\x91\x91\x91)\xb7\xa3Pp8\n\x0e\xdf\xc4\xc4\xd5\xa9\xdd\xd6?~JF\xf1&amp;8};\xa4\xd5+\x86cQ\x14\xc4\xd2\x17c\xae\x9c\x80P\x8b\xcd\x80\xba\x7f\xfe\xc6\xc3\xdf\xd6\xd66PKKfT,\x18t8p\xe9\xe5\xf3M\x9di\x8d\'W\xfbV\xa5\xac,`\x883\xc6\xcbEM\xfe\xc4\x13\xb1X\xa6\x1cH\x84\xc3\xcd\x8dNK\xdb\xf5\xfb\xe7\x1f\xfe\x06\xac5B\xb5\xb4\x82\n\x06W\xbe@\xd9\xed\x84\xeb\xea\xc4\xc8\xf44\xce\x00\xb6\t\x11\xdbX\xdd\xf0\x90\xb0\x1e\x94\xa0\x15+\xd2"\x0c\x95ht65\xb5\xe9X\x0fu\xacc*\x07\xd4\xb2C.\xbb\xdd\xee\x02\x98\xcf\x11\x8cM\xed^\xf6\xc4\xfb\xca\x02\x8de\x82\xbefp\xa6R\xd6\x9f0\nE\x1a\xfe-\x87m\x84\xaa\xa9\xe9\xfa\xa5K\xe7\x1f\xfe\x8fX\xc1 i\xa1\xdd\xe5r\xd8\x0b\x04K\x07s\xc7\xcc\xe6\xdd\x857\x12\xde\x0f\x16\xfeC\x833\x82\xda&lt;D\x07E\xccf.\x1f\xb6\xd9\x00\xd5v\xfd\x0b\x16\x8c5t\x8c\xa5\x03\xe9\x9f\xa0r\xb9\xec\x0e\xbb\xce\xb53\x9dD\xce\xb3\xb4\xc6\xbe4v\xb3\xa7jU\xfcYQ,\x97\xa5\xbcNu\x1du\xe9O\xc0\xda\x18\xdaX\xda8\xa6"Z\x1dU?j`\xc0^p\x00k\xc9\xfch\x8b\xc3\xde\xc3\xca\xda5\x83\x1f8\xc6\xea"\x8d\xe7\x9c\x80\xc6%\x8e\xb1@\xa5c-\x1diE\x8c^\xd0\x81\xbc\xdeA\x94\xd7\xdb\xefr\x15\xe0.\x9c\xd0\xdd-,\x14xl\xd3\x8a\x86bQ\xd6k&lt;\x06\x8c\xac\x05\xca\xe5F\x9b\xf3w\xb1&gt;\x00k)\xa6\xbb]\xcf+\x9d)\x14\nuu\x8d\x8e\x02\xac_\xc7\x8aM\x98\xef\xc4\x11\x13\x0c+iUC#\x82\xda,b\x11\x10 V9\xd1x,\x16\xc1\xfa\x00,7\x89\x85 r\xb4\xb0\x0e(\xef \xa8r\xb9t.\x14\x02W!\x18t\xc7b\xe6;\x9e$\xc1\xa2\xe5\x92\xa1[=\xb5\xbdG\x9e\xfc\xb4@ \x11ht:\x89\xdf\x89Z\x10kM\x8f\x06\xf8\nP\xeb\xcb\xe3\xcb\xcb\xcb\xa1\xd0rh.7:\n\xacA\xaf\xab\xb0\xb2\x02wu&lt;_M\xa2\x8d\x92\xc6\x1f\x18\xba=\xd7\xea\x9a\xa6\xf5\x10\xaa#\xac&amp;]-r\x0e\xbf\xf4\xd0^(\x8c/\x03\xa8+\xa4_]s\xf8J\xe4B\x8a\xb9\xdd\xe6\xf6\xd9\xad\xe4j\xbe,k\xa2\x91K=E\x8d\xd1&amp;\x93\xa9\xa7\x07`\x01\xd2\xc4\xb6/\xf1\xa0\'\xa9\x9e\xed\xf6B?\xa8\x08V\x17j\xb4+\xd7\xf5\xc5\xf5\x0e\x87\xdb\x1d\x1by\xde\xb9\x95\x8c\xe2=i\xf3FF|\xc3M\xf9"\xc12\x81\xab\xd9\xa9\x87\xd6\x11V\xc7\xc6\x92\xd9\xed\x08\xae\xac8\\\xde\xe5\xae.\xc8E\xa4\x02S(\x04\x93\x11\xd3\xbb\x88\\\x13\x8f\xa6\xb7\xb0#\x06L=\xbd\x86\xce\xe9\x1fMgu\xae\xee\xc0\xf1\xe0!\x8e\x7f\xd8\xb1\xb1a\x8e\xb9\xf5x/\xf4\x87\xe6\x08\x16Q\x0cj\x85F\x01\xa5g\x04\xa2\xde\x17\xdb\xf5l\xf9\xa3\xe1D\x8f\xa9h5R\xads=g/\xf6\x90&amp;\x96\xc3\xc0:\xea!\x1c\xaf7\xd1M\x86`\xb00\x0e\x9c\xf1\xf5q\x1d,\x84\xa0\x80^\xfd\x84J\x9f@\xed\x9ex&lt;\x1a-\x07L\x87\x06&amp;\x04E];\xc6\xcaG\x1bAud\xad\x0fz\x13\x97b\xfa|&amp;X\xcb\xe3\x7f_\x0f\x91\xe3\xe8\xd5\x93\x82`a\x12!\xbaVF&lt;\x9d\xf1H8\x110\x956\xad\x06\xaa5\x7f\xf6,\xe9!\x8e\xa2\xedw,\x1c\xc4\x8e\xa1\xa1\xa1\xa5\x98\x037w\xb9\xd6\x89\xaf`0\xef\xf8\xf8\xb8\x17\xd6\'\xf6\xd2\xd5r\xeb\x9eo\x8dGl\x06cQT/\xac\xa5S\x91\xd1\xd3\xa6;\xfe\xfc\x8d\x9f;\xda\x87\xccf\x82Ej}\x99\xa4\x02:\xb8\xbcN^\xce\xe5\xbaHB\x80\xcb\xe7CD\\~\xee\x89X\xe0\xf9\xba\x81\xffU\xa2\xacE\xd2\xc3\x00\x11\xebx{\x00\xd5\x9dv\xf3\x04\x94p\xf7\x93n\r"D\xd3s$\x1d\xba\xc6\xbd\x80Jg\xd2\xb9\xb9\xaeA\x0cl$\x84\xdb=r\xf96\xb0\x12=J\xcdH\xb5\xf6\xcf\x9a\x02\x1a\x16@\x9b\xc5b\xd1\x0f\xe2\xf9\x1b\xdf\x81\xca\xe7\xf3\r\xf8\x1c^\x92Psss\x99L\x1a9\x9a\x9b\x9bK\xa73O\x9f~\xfe\xfc4\xf3q\xf4\t\xd6\x08\xf7\n\xb8\xcc\xdf\xb7\x00+\xa0\x1a\x89e\xdd\xbf\xd8\x83y\x18\x8eF,m\x16K[[\xcb\xfd\x17\x8f~\xd8\xc5c\xce\xc0\xc0\x93\x81\'\xa3d.\xa7\x9f\x01%\x03\xa4L\xe6Y&amp;\xf3O\xd4\xe7\xcf\xff\xfa\xdb\xfb\xbb\x0b\xb3\xbbS\x13nL\xc6\x8e\x17-0\x97z`\xa4Z\xff\xb9\xd8\xa3\x95\xa3}~\x7f\xc4B\xf4r6\xf9=\xad\xb8\xdf\xd5\x07\x0f\x06\x9e\x0c\x8e\xe60\x023\xa0z\x9ay\x06\xa12\x1f\x9f\x12\xa2\x7f\xff\xf5\xcf\xd3\x9d\x9dq\xbf\xa5\xad\xe5\xf2\x08z=\x04\xb9\x8c\xc5\xb26\xec\x99z\xcay&lt;2o\xf9-\x16\xdb\x85\xc5\xb7\xb7nu77\xda"\xfe\xe1\xe7\x0b\x7fx\xf0\xebh:=J\xa8\x08V\xee\xe3\xc7\xf7\xef_\xbdz\xed\xf1\xfb\xfb"\x11\x7f\xeb\xf4L\xdcb\x19nw\xc7\x96\xbe\xbb\x0f\xac\x94\xb1j\x99\xb4|\xdf\xeaL\xe7\x8c\xdf\xe6l~\xfb\xf6Vww\xf3\xe2\xe2b\xa3\xcdf\xb3\xf8g\xef\x02\x0c\x16\xd7\xe5J\xa7s\x7f\xd9\xf9\xe1\xccB\x8b?\xe2\xdf\xea|\xfd\xea\xdd\xbbW\xbftF,-w\xccK\x1d\xb7#\x89D\xbdf\xa4Z\xfb\x10+\xf9\xe6\xcd\xcc\x96\xdfyaq\xf1BSK\xcbp\x8b\xd3\xe9l\x04Xd\xb8\xf5\xcc\xdd\x07\xb9\xf43\xdd\\\xe9\xdc\xafwwf_{&lt;\x9d\x9e\x85w\xff\xf8\xf8_V\xcd\xf7\'\x8d&lt;\x8f\xe3wf\x07h\x1a\xf6:P$\x0c\x84q\xe6\xd2\x10\x1b]9\xb3^n\xd93\xe5\xe7\r\xf1\x86\xb4M\x99\x8e+\xc7\x1d[\xd6\x00#\x16Ff\x17\x11\xa2\xb1\x96\x00f\xb8\xa5k,\xdbd\xd7\xdc\x83\xa6\xd9nJ\xf1\xc1Jl\x8b\x89\x894\xa1\x91\xa6\xf6\x9eh\xd2G\x97\xf4\x81\xc9&gt;\xee\x83{v\x9f/\xed\x83\xfb\x03\xe6\x9bh\xd4\x07\xfa\xca\xe7\xe7\xfb\xfd\xfd\n\xe7\xf0\xf0\xc97\xb8i\x92Za\x03P\\w\x95\x1c\x10\xea\xaf\x01\xebv+\xdb\xb0\x01\x16,\x9f\xc9-/\x13\xf6nYp0A*np\xc1\x9b\xdcN\xa1N\x8cF33\xa5\x7f@\xb0\x96\xa7\xa7\x1f\xb4!\x9f\xcfS\xa8\xeeJ\xc9\xadYP\xd7^\\\xf5\xe3\xab9%\xa3\xf5\x97/\x00+\x9bmlN\x18T8&gt;\x1bb\xc2\x14\xeb\x10\x92?l\xe0Z\x13\xbe\xf1\xcdr\xb2\x94\x1a\x19\x89 ,O\xc9\xffpz\xda]\xda\xde\xde\xf6xR\x88j\x14v\x11\x19\xaeS\xac\x8fS-\xfeSQ\x19\xf8\xaf\xcf\xbf\xb8\xf8\x1eK5\xc4\xcd\x02\x16P\x91\xa5R)\x9f\\\xde\nm-\xff\xe0/\xcdx\xac\x88+2\xe3\xce\xe7\xa1\xd6Jn\x12\xbe(m\xa7`\xd8\xaf\xc6].\x1dU\xa4\x18nb\xf1OJ\x8af\xcd\xe3\x1b\x8b\x9f\x01V\xd6\xb6i\xb3\xf4\xb1`\xed\x08\xf9\xdd\xd2n&gt;\xef\xe7\xc3a^\xd0\x95`\xd0\xa3p\xa5f&lt;3\x91\x8cUG\x04\x02\x0c\x13\xe6\x93\xa4ku\x15\x96\xa4K \xa8-n\xe2\xd2\'\x8ab\xdd\xf9\xf5&amp;`5\x00l~\xc3b\t\x85f\xe1\x84\xaeN\x7f?\xfd\x90H\nI,)\x90\xe0X\xad\x19T\xf4\xd0\x8c\x19\x8fP\xa8M\xfeU\xab\xc5-?O\xf3\x98\x11\xac\x87\x11\x943`\xdd&gt;\xabQ\xca\x92\xa1\xf7\xe8\xb9\xaf?C\xb5\x95me\x07m\x83\x16\\;&gt;&gt;&gt;00q\xbb\xb5\xf7\x80g(&gt;\ts\xdc\xac\xd7y2\xd1X,V\x0eF&lt;\xd8~m\xd2t\xa6\xd9\x1c\xbbpi\x8a\xdb\xa2@_,\x91I\xc0R\xbd|\x0c\xbfK\xa3\xd0\xea\xb97\xa7\xfe\xe8\xe3\x8b\xb7[\xad\xd6^\xd668\x88k\xcf\xe4\xce\x8d\x9d?\xff\xe7oo6~n\xe7\xeb;a\x8a\xc0\xcc\xa4q4\x12\x8d\xad\xc5bU\xabP\xd8\xaf\xd9\xb3\x9f_\xbf\xfe\xe5\xefo\xec\xe1\xb3\x01jx\xc9\xe8\xc6\x08_H\xf5hN\xf3\xe2?/\x94\xe0\x02\x8f\xf8\xf2\xd5\xb3g_^L\xf7\xb1\x06-\x9cAun\xe0\xca\xe5\x0b\xe7o\xfe\xfa\xcb\xd3\x93\x87\xfe|\xbdP\x80\x0e\x186\x8eJ\xc1\xb5\xb5\xb5 \xedbwv\xea\xc9\x93\xbf\x8d\xfd\xf6\xee\x8d_\xde\x9c\xcc\x1e\xdbo-\xb9\xdcf\x8c\n\xe1\xaf\xee\xfd\xd7=\xdcV\xe2&gt;I\xf3U\xda\x90\xbb\xfb\xf7?,\xa6\xb3\xd9\xbd\xbd\xf9\x10g2\xe4\xce\xa5_.^&gt;\xff\xed\xdd\xfb\x9f\xbcm3~\x7f\xa1\xb6Ca\xb7\x96V\xa5\x18\xc2\xca\xb8\x84\xa4\xdf\xef\x7f\xb29\xd6\xbc\xf0\xe3\xfd\xb7\xff\x9e\xae\x15\x1c\x10-\xd2\xc1n\xe1\xbf;\xd0u:\xe4\x0b\x05\xeaKs\xad\xa1\xca5/\\XL7P\xb0p\x13\xcc\xf9\xcd\xbd\xd6\xc7c\xd7\xc7.\xdf\x7f{\xd4\xf6\xfb\x89\xf0~\x81\xa2\x1cKq\x1a\xb0b\x92\xec\xf2\x0by\x1e\xf3OCP\xd3o\x8e\x9e\'A\xf1\xeb\x01\x0bc\x99Y\xac\xe3\x94*+\x8a`\x9d\xdd4\xc1r\x1e\xffc\xba\x91m\xa5\xa7LZX:\xda\xd9\x85\x9f8\xc3\xb1\xe5\xa4\r\x13"_\xf7\x15\xf6\x0b\x0c;\xdc\x91\x83\xb1`\x90N\x181*\\\xa4\x08\xc2\xbb\xf1\xfd\xc1\xc16V,\x82\x954\xba\xafz\x89:e\x95D\xe7\xa9\xfe\x85\x12I|l\xebj\xbb\xb9\xf1\x89t\xa3\xd1\xb0\xe1 N\xf1\xec\xe0d-\x10\xb0\xdb\xc3Ia\x17\xa6y\x12\xb0\xf6\x0b\xeb+\xc3\xb2$\x8a\xa23nt\x0bT\xb1X\xa7\xc2\xfc\x83\'I?\x06e\xb7\x04I\xe4p\xa2(d\x82t\xfc\xb4\xa2\x08\xd6\x9dl\x8e\xc3\xbb\x86\xa1t#m\x9bBXS\xad\x9fB\xb5Z\xcd\x1e \xcc\xf9R\t\x18\xea\xfb\x80U\x04,\x9a\xa6\x9d\x89J\xc5\xea\xf6\x03\x17\x0c\\R\x07\xf3l\xa9R\xa9t\\\xd6\xabCD\x91\xacV\x13\x89\x8eU\t,\xf5\xdc^n\xdeb\xd2N\xa5\x81\x8a3\x81d\x86\xdd\x1c\xb2\x07\x98:\xef\'\xddP2\x14\xc2\xaa\x15\xd6o-%\x9cp\x12\xe0|\\:\xc1\x81a\x0e\x9d\x0bD\xbe+\x0e?\xa9XW\xf3^\x82"3#\x19Z9,\x1b\x87\x9bli\xdb\xe6\x14\x0e\x82\x196u(\x84l\x0f\xe6\'I\x81]g\xd9z\xa1\x86\xb0:q\xd9\x89\xc2\x95p\xcaV\x9d\xceU\x02\xdd:\x93\x9a\x19\x91e\xc4\xe5r\x99Y\xca,\x8f\xc6\xe8S\xebk%\xc6\xe9\xdc^\x17\xe6:n\x83hq}*\xc0\n0\x14\x05I2;\xd6\xd7Y\x07F\x01\xd6\xfe\xfa\xb0\x11\xa2EC\xbch\xa8{\xe4\xca\x90~\x86\x93q\xca\x89\n86\xc0\xc2\xe2R\xccy\xday\xad\xc4\xfe\xd1\x9ct9CW\xbb\t\xa55\x84\xdc\x05\xe4\x8f\xf1\x81q\xc5\x04\x01\x03\xf7j&amp;\x1d},\xe8D\x84\x05\\0Uc\xe2\xc8je5\x93:l\xb7\xdb3t\x06\xbe\x01,\x8cZ\xaf\x88A\xfa\xf4\xf4\x9dF\x89\xdd\xf3T\x8b\xe7r\xdd\xa1tz\x93C\x19\x0c\x00\x14\xc1\xb2&lt;z\xb6\x80.\xd3\x91\x98\xcf\xde\xc7\xaa|\x88\x96T^\xeb\xcf\xaf\xc4\xe8\xe8\xcc\xe1a\xfby$\x03\xbe\xd6j\xd4cT\xb1\x02M\xd1\xe9\xbcS\xe0z^\xad\xfe\xce\xa4j6s8h\xe6)\x8e\x0bm1&gt;\xd0\x80,\x0f\xe1\xc2\x1c\xc8\xe8\x9b\x89@\xadW+\x10fc\xbf\xe4Q\x12\x01k\xad\\\xa5iydf\xb7\xdd\xde\xceH\x10\xaf\xb8\x0e\x9ac\x95\x06\xf0\xf8kE\xa2\xf5\xd5\x94\xb6\xd9\xecr\x80e\xb1p!\xa0"(\xf8 \xd0\x1b\x8f\xde\xe8r;\x98\xc9\xded\x8d!\x1cK\x1f\xb0\x9cUX\xd8\xb0\xb4EQ\xaa\xa6v#\xcf\x0fg\xaaRFN\x18\x1d\x14\x8b\xb0\xe8\x8c\x12\x9d\xf8\x1b\xf5\xe3\x97\x86fS\xcb\xcd\x83\n\xb4\xe0!\xaf/\xcc\x13v\xefU/D\x0b\x06\x84\xcb\x8d\x05z\xbd\x9e=@\xad\x18\xe5~\x0e\x9dN\xb1\x0cXGGkA1\x18m\x1fF\xa3\x87Q\x89v\xca\x153+\x8c\x88NZ\x8a*\xf2\x0e\xab\xbe\xf7\x08\xb0\xf0)\xd8=\r\x9bi\x16E\x8b\xf0\x85\xc3[\x18\xd4\x15LS\x92\xa8\xf5z0[\xeb\x0e\x97\xdc\x1f\x0f\xb2\\]\xeb\x87\x0b&gt;\x07\xcb\x07\'\x07\x07\xed\xa8\x08\\q3\xef\x1f\xa5\x13N\xfaH\x91\x7f\xd0S\xdfy:\x00X\x96\x06\x08\x9by\x14-\x1fA\xf0,A\x00\x95\x11\xbc\xbe\x80\x82\x05X\xd4\xf0*\r\x7f]\x86\x99&gt;R\x061\x18D\\kk\xcf\x0fNN\xfaXr\x9c\xe4\x05k\xe74\x91x\xa7\xcc\xd5\xdb\xdcw\x9fBmY\x1a\xa0k\xb2S\x1b\x80\x05\\\x04\x05RF\xef\xd6\xe9\xfc\x04T\x96\xdd\x1e\x08\xb0F\xb9\x1a\x14\x01\xab\xd3\x89W\xcb\xc1\xea\x07\xac\xf2\x01\x9ch\xb0*\xc9q\x1d\xcf\xebOO\xe5\xc4ke\xde\xc94\xd7\xae\x8c7\x9b\\\x1f\xcb\x82\xb0\x98\x02\x03\x06\x82\xbd\xa5\xd7A\x1b\xda{\xb5\x00\xb3\xc3\xf8\x04+\x1d&lt;:Bs\x01\xf2\x08\xd5\x1e\x8c\x95\xfby\x04\xffz\x08\x94\x92s\x95$\xa8\x95\x95N"\xf2L\x199\xaf\xf9\xe8\xf6D7\xa7\x82\xda\xdak\rnx\xbd\xdee&amp;`/P\x0et7)\x84{\xbd\x1dh\xcd0\xaf\x03q\xfa\xee\x1d\x94\xb9(V\xa1\xdd$\x18\x9c\xfd\x80\x95S\xa9\xaa(\xc2\xb0\x88\x9b\x89\xe2\xcai\xa7RV\xe8%C\xfd\xec\xa5J\xdb\xd5"\x19\xf8\x1e\xcb\xebe\xeaE\xd6\x81^3\xf9\xc9\x1e\x03\xa5F\x80\xf3\x82\xd2Z;\x8a!\xc9\x15D\xfdV\xad\xcah~\xc5\xca"-\x01\x94\x0c\x9dHP.9n&lt;R\x08Ks\xef\xae\xca\xd0=\xb3\t\xe1j\xcd\x83\xb3\x87\xe3\x83\xd22\xeb\xf5\xa4\xd9w\x1cH\x12\xb0\x8c\x08\xdel\xcd@\xe2\x82b&amp;/\xb8\x90\xc0\xa1\xab0\' \xabPo\x92S\x8e\'\x12\x80ED@\xe9\x1f)\xf4\xd6\xa9\xbe\xf3h\xc2\x80\x04\x17\xf8\xb1\xf9\x85\x85\x85\xe5&gt;\x17f\x1e\xd6\x93\x98\xbd\xbb\x90\xa4\x8es\xddI\x1fKZG2\x91\x11\xffl\xae\xbb\x13\x07\x12\x88W\xb0\x8c&amp;E\x10\xba\x10\xea-^1\x87\xc3\xa9r\xd4\xfdV\xa1;p\xcd\x9dWC\x86\xaeJ\xb5\x89\xdc\xeb `-#,\xd6\x0c"\x0f\xb0f\xf9\xe4d\xae\xd9\xed\xedS\x82\x9ftY\xf9\x80}\xbf\xd8\xa1!D\x92\x08\x19\x05*\xc0J\xa0c\xc4|uwU9,\xf5\xdc\x9bM\x83vb\xe0J\xe3=\x16\n\x17\xba\x1a\x01\xe5)0\xc7\xc7\x94\xdb\xcf\xd4\xec\xfb\xb5\xda\x0eKz\xc0WG&lt;\xc6\xb8S\xacVQJ\x11\x96(9Q\xb0\xe2K&lt;`E\xa2\x87/\x14\xf3\xfbg[\x1c\xa7\x1a\xbf\xf4\x7fX\xbe:`\xe9uy\xbev\\s\xec\xfay\x02L\x85\xd9\x13\x89T\xcb\xe5\xa0(\'\x9c\x92(\x01\x16\xcc\x08\xe8L\xba\x8fU\x19&amp;\x98\xb0G\xac\x1e)\xf6\x8c\xae\x9e\xbb\xb6781\xf0i\x1aa\r\xf6\xb1\x98\x02\x85\x91z\xa3\x95d\x0b\x90&gt;\xa2^\'0]&amp;\x12\x19\xc9TE\xe9\x7f\xb4\x9c]LZi\x1a\xc7\xc7\x13\xf98\xb1\x14\x0e\x15,\x1f\x91\xe3L\x08i\xe3\x14\x8a\x1c\xe2R\tQ\xa0 J\xe0\x8c\xc3G\xa5\x08\xdd\xf18]\x8a\xd1\xdaz\xe2W\xd8nc\xe3h\xb6\x9d\xb6\xc4\xa2\rb/\x1aS\x8c3\xf5b\x9aX\xbb1M\xc6q\xbb\xb1M\x93\x89\x1b7f/\xbc\xd8d.z\xb7\xc9\xde\xef\xf3\x1c\xdb\x99\xb9/\xbc\nJ\xe2\xc5/\xff\xe7y\x9f\xf7y\xdf\xf3\x7f\xfd\xd3_\xa1\xb9\x81\xca\x05)\xff\xcd\xd7Wq\x1a\x02\xd6\xec\xb6\xce\x1b\xf4\x0e}\xfd\xbf\n\x1a\x93$\xd2\xef{n\xac\xc1\x06\xf6\xbb\'\xea#\xb9\xbc\xde\xa6?\xdfT6\xba\x95:\xd1\xadgS\xf0\xa5\xcdt\\k\xc6\xd3\x9a\xdbBA\xb8~\xfd\xf6\xd5/1\xb1@+\x98\x87\x97/oO\x88|\x16\xfe?\x8f*\xea\xda\x95H\xa4\xd2\xbe\xd3\xd3\xc3\xc3O\x84\x9c\x1f\xc1(\xce9&amp;\x1a\x1bN\xddt\x88\xe6\x00l\xca\xab5\xcct\xc0fz&amp;\x9d\x06,\xa4\xba\x8a\x05\xec\xf6m\xe8\x1d \x82\xdb\x13\xbad0\xf8\xafEi\x85\x1f\xedK&gt;\xe9\x1b\x0b\x87\xe7\x01\x8b\xff\x10E\x87Ry\xe2\x08\xcb\xe2\xec\xa2&lt;\xd9\xc9\xac\'\xe7aW6\x9a\xa1l}\x8aj\tXPH/\xcf\xceN\x9cp\xf8\x82\x89\x1f+o\xd8\x95 \x16\r\xfb\x1f\xf5\x08\x0fX%\xe8\xfbt:\x07\x8c\xee\xa6\xa0\xccj\x15{\xb2\xa9"Gi\xf4|\xce\xdf{\xed\x1a\x14y\xa0\x82\xa5\x10\x13\xeb\xf2v\xc3\x89SMAT\xab\xe2\x9e$i\xe7\xe9\xf0p &lt;o\xc2\xe4\xca\xe7K\xbe&amp;\xec\xe5\xa1}.\x944x\xf8\\\x8a\xf9c\x1c\xd4\x11\xb5:\x1f_YO\xc3\xa4\xfc\x12V\xe8\xe6\xcb8\x0b\xb7\r\xd9X!\x18,U\x01K\xd2y\xce5?\x1fv\x05L\xbc:/`A\xcf\x95Lz\x13\x94\x0c\x8f\xe8\x99\xa4?\x93\xf5p\x94\x98a4\x14=\xf8|\x17O\xea\xbf\xba\xfe\xf9,\xa4\xfb\xecD\x16\xfe\xd0W\n\xaeUA\xad\xf3_ \x96\x9d\x0e\xa8\xa1J\xa8K%\xaf\xb7\xe0\xf5$(\xd2\nT\xafd\t\x87\xf0\x84\xce\x9f\xf3$8\x95\x95\x8c\xc8\xff64\x04{\xc4\xc6\t\xe0\x9a=\x01P&gt;\x9f\'\xb1Yy{\xa0t\xe08b1.&amp;0\x08\\z&lt;B\x8d0\xa4b|\\\xa1\xea\xb2xc\xb0\xf0\xfc\xa59=\xd4\xbb\xee/F\xc4*1\xa3_\xd9\xd8\xfdi\xa8qv\xbb\xa1A\x99\xf5bGV\xe2\xaa\x81\xb5x\xc9\x1e\x9e\x0f\xd3.1\xa4\x8f:\xaf\xd7\xd3\x0cI\xe0#\x16\xab,\x91\x8c\x95}\x85n\xa5;\xed\xee\xc0\x07f\x1b\x0bzFL2\xfc\xf3\xa1\xa1\xc6\xc6\x86\x89\tC\x13\xf4\x18\xc9rI\xd3Zyw\xa0D\xbafw\x85\xc3\x0c#fL\xc0\xa5\x8f0*\xc5\xb8\xf9\xe9\xb8U\x93\xf0&amp;\x0b\xbe\xe0\xd4T\xc1a\xd0MNN\x1a\x0c\x1d\xeb\x1bE\xbd\xcaJ/\xac\xf76\xb6O4L\xe8\x9a\xbc&gt;H.\xce\xd5Yy\xab\xaeT\xd2\xea\x82a\xa7\x19f^\xad\x1e4\xd1b\x8c\x9fU%\xe6\x12\x16\x18AH\xb5\xa4V\xe4\xf7g`~\x8at\x06\x96Q\x89\xf5+\xeb3Jha\x1d\xb0U\xf2\xc2\xdc\x18~T\x05+\xa5\xa4\xff\x98\xdd\x8e`L\x00\xe42\xd1*\x88\x1fyd\xd5\xe8\xeaz\xfd\xb2\x90,\x14\x9e\xdd\x82\xa2q\xe8\xd0\x1d\x1e\x8ab]\xaf^iXA&lt;\x87(\xa6-x}\x94m\xad\x1a\x86XhR\x97l\xf60\xcd\xd0\xb4^=8\xcc\xc8T*\x8a\xd2\xa8T\xfb\xfb\xfb]\xaf\xef\xbe\xbc57w8w\xeb\xf0\xd4\xc1\xce\xce\xd6\xd6\x96{#\xc7\xc9\xa8\\&lt;\xe6\xd7\xe9\xba\xbb\xb31($\xe4\xd8\x8dj\xdcb\x91\\i\x1d\xb3\xd9\\a\x9a\x0e\xe8M\x83&amp;\x06\x84\xe2"\x9aW\xaf\xf6\xbb\x9c\x89\xc2\xdc\xe1\xc1\xde\xde\xce\x010\x01\xd4\xa7[;3\xb0&lt;\xe6&lt;\xc9r,c\x00\x01c\xb1r\x8e\xb2=\xae\x8e9\x1dJD\x88\xb4\xbb\xe8@ 0?h\xd2\xc84NK\x82\xeb\xda\x97u9-\x05\xc7\x1ej\xb4\x85o\xe9\xaf\xb6v\xf6\x0c~\xd8\xd9\xfacIPK\xe4\x10\xc1\xbe\xd2\xc3\xbc\xa9\xab\x8e7]r\xe5\xce\x18`1\xc0\xa5W\x9b(\r\xe5\xb4\x04\x9d\x90W\x14\xe7|&amp;:\xd8\xd9\xba\xfdM\x1a\xb4J\xff\xfcsz\xcf`0\xb4\xf76\xceL\xc6b\xd9\x18L\x01-\xc4p\xbe\xa7Z\x8ey\xe9\xc0\x1b\x1b&gt;G\x0f@\xce\x9bh\x8a\xe2\x82A\x8b\xd3\xc9%\x12\xce\xa9n\x08_\xfa\xdf\xbb{;\xf8\x98l\xe7\x84\xb2\xc3\xdd&lt;\xd4\xdc;\xd3\x91Iz\xb5\xd9\x98\xd6\xcbU\'\xdf?\xd84\x96H;\xaae2\xe9)\x8a\xb2\x04=\xc0\xc5%8\xe7K\xcc-\xf7\xee\xdeMH\xb0\x9d\xbd=\xa5\xb2]\xf0\x8d\xb8\xdd\x1d1\x08`\xd2\xe7\xa1\\=\xd5\xbb^ \xa9=M\x90b:\x80\xe9\x15@\xb5|\xb0\xbf\xe68\xa7\xf3\xee\xb3\xb9\xc3S\xb0&amp;\x9e:8\x80\xd4\xdf3\x80X\xcd\xd7\x9a\xdd\x8d\xed\x86\xb2\x17WsJ3\xfcBR=\xac\x17\xc7\xd1g\x80z\xd1\x18D\x0b\xf4PA\x8b\x85s\xbe\xbe[h\xd2j\xbbE\x87\xa2\x0c\x0c\x91\xae\xbd\xb7\xb9\x19\xbd\x943\xfe\x1c\xac\x9cxj\xfe\xe4E\xf5\xee\xd4H\x16\x97m\x04\x84\xd1\x14\xa0\x191\xa4&lt;ZO\x91\xcc\xd9\xb5\x8f\xd5\xcb\x89\xc3b\xf1\x89\x94\x8dhXD\xa7\x94\x81\x8d\x04h\x98\xb4\x89\x85*b}\xb2\xf88l#l\xe2a\xc1=\x82\\\xb8\xec\xf8\n\x85)K\x17z\x9c\xa1T\xf8b:&lt;#\x14\x0c\\\xeeve6\xcf\xd0\x0cPy\x16\x1eUS\xad\xb5i;A\x10v\x9b\xcdF\x8a5\x1a\xc4\x9a\n\xfanAi\x12A)\xf0\x05\x93\x99\r\xf7\xe7\x10&gt;4\x955\xbaa"z\xa0\x97\x90\x89#\xder\xaa\xcaX \x17A\x92\x88%\xd689\xc0\xf2%c\x99\x8c\x0e\xf2]\xeb\xcde\xb1\xafA\xd3\xcd\x10\x94\x07w\x87\xbf\x9c\xa7\xa1\xf7J\xe4\xca\xd9T\x9d\xa4\xbaXv\x1b\tX$)D\x112\xc9\x1b\xcbf2\x93\x1d\x86,\xd4\x01\xad\x1f]\x06\xbd\xe9\xf4O\xd0\x10\xce(3I=C\x8a#9\xb6\\\\\xa8\xab\xceL\xc4\xbb\xe5\x92\xc5\xc7\x80\x05\\D\x88$U\x10F\x9c\x8c\x80%\x12\xe1\xd5\x8b\\\xb9\x98\xcdf`1\xdc\xe8\x1d\x02*\xb7\xd2\x90\xc9S*Yd\x84e\xcb\xec\xe0\x19\xe1\x86ze\x8b\x17^7\x17\xb0@-\x17p\x85\x08a@oLEJ\xb9\xa4\xb6\xec-y&lt;\x9e\xf2\x8a\x1f\xa8R)\xff\xfa\xd0\xee..\x899\x9a\x90\xe9Gx\x10\x8b\xd5?\xee\xec\xe9\xe9\xb9\xd1\xf3\xa8\x92\xc5\xfe\xca\xe2\x8b\xba\xfe\xfe\xba\x81\xfee\xc0\xb2\xd9B$aU(\x8c\n\xa1\x88QT\xa2\x94\xe7\xa8\xfcH0Y,\xe6rl1\xb5\x92\x9a\xdcX7\xf8\x81E%K\xb0r9+/\xb2\xf9e\xbc&gt;\xff\xf6m\xdf\xc9\xcaq\xdd\xbb\xb1\xf9\xe0"\xde\xf1\xb98}\x84E\x10\nBa6\x9b\t\x9c\x8f\x1a\xa8\x16\xa4F\x0f\xbb4\xd8w\xe8\xd5r\xf9\xc2Jj\xe3y6\xce\xe7e\xaaH\xae(gY\xb6\xc8\xab\xdf\xac\xad\xe1%\xfa\xd1\x87\x95\xba7/\xb9w\xe6\xed\xa5c\xe8\x96\xffvL\xc0\x12Bh\x05\xac\x16\xb3\x82D\xf3\x1b\x81&gt;.\xd8t\x88\xc5tD?\xb8\xaa^x\xbe\x92*\xaa#b\x8d&gt;W\x8c\x03\x95&lt;\xce\xab\x87\x7fX\xbe\xf4\xc7\xe3\x97F\xcf\xd7V\xea\xec\xb4\xee\xce\xbbK\xe7.\x18\xd1\xa4;\x8d\x17\xc4B\x84\x02\x87\xb9&amp;ZcV\x00\xa1\xc2\x0c\x9f\x08\xbb\x1d\xe1\x00\xcb\xa4_X\xe0y\x93\x8bT\xe9Y!\x84\xf0\x1a\xc9\x9b\xce^&lt;&gt;\xfd\xc5r\xdf\xf9\xda\xcaT0\xc9\xbd\xbe;o\x7f8v\x01M\xba!T\xcbNBbA\x04\x01+\n`\xf8\x0b~\xb7\x98C\xc8\xc5@7\xf6\x84\x1f1\xb9BD\x84\x07 ^\xbe\na\xe4\xd5\xa6\xe9\xcf\xce\x8d\xfd\xe1\xf1\x99\xf3\xb5u\x8b\x15\x11\xebQ\xeb\x9d\xcd\x07\xc7\xbem1\x1b\x8d\xc60b\xd9\x14\xb8\x153\xd7\xd4D\xdb\xea\xeb\xeb\xa3\xf0\x13^55-F\x05a\xb3\x936\xe8\xa9M\xf3\xae%\xa3\r\xd2\x8ces(\x96\x9c\xe7\xd5\xf3\xe1\xb1\xd0\xe9\xcd\xce\xf3\xb5\xb5\x15Y\x1e\xa57Z[\xef\xbc\xfb\x0c\xb0\x14f\xa3+\x0c[\x1f;1&gt;\xfe\xf4)H\x15\xad\xc7\x01l\x02\x97`\x107\x1a\x01+l_2\x9a\x8d\xcc\x08\xa4\xbb&lt;\xc7\x0ba\xe4GF"$q\xf6~\xcf\xc3\xda\xda\x81\n\xecb\xa5\x8b}\x80\xb5y\xb6\xc5\x0cX\xe6%\xdc\x91\xd9 \x9b~\xa3B\xac\xfa\xb6\xb6\x9a#\xd3sK\xc8\xe6\xb2/\xb5\xb4\xd4\xd4|\x1b\x90\x17\x8bl\x9c]]e!\x94&lt;\xcf\xe6(b\xf9LO\x7f\xdd\xc9\xda\n\xfcO\x06\xc9\xc0h+p-\xb7\x08Y\x04Q\xc2j*`a\x00\xeb\xdf\x93\xc1\x88\xe2\xf5\x03\x81\x0c\xa2\n\x90!5\x94\xab\xd58\xa4\x96\xfc\x08\xab\x1c\xb1\xbf\x85\x18\x02\xd6\xc0\xbd\x8f\x16\xeb\n\xc4\xb0\xb5u\xf4\xdd\x05\x01KA\x84\xa0{\x08)\x14O\xa3\xbf2\x1dQ\xbd\xd7\x0b\x98 \xd5\xea\xa3-F\x1b[\x8c\xcb\xe5\xf1\x05\xa0\x8a\xc7qFf\xb9\xe9\xd6\x9e~\xc4\xaa\xfd\xc7G\x86Q"}\x81b\x8d\x8e\xb6\x1eG(\xa8\x04D\x08\x06D\xf1\xd7\x18~\xc0\xaaA.aD\xa3mfX\xa1\xd9x\x11\x80\x16\xe4&lt;\xbc\x17\x01\xab\xccay\x00\xaa\x93\xfd\xff\xfd\xc8\x87w\x92\xef\xff.\x88u\x7f\xf4\x81\xd1\x8c\xcb\rra\xa9RD\x9fF\x7f\x97Y\xef\xb1\xda`r\xb6\xb5\xc1\xe4\x14\xe7K\xb9x*\x1eO\xa5P2\xe0Z\x95\xe7\x92\x89\xcd\xce\x87\x80u\xb2\xae\xee\x97_&gt;\xe6\xfe7\xac\xcd\xff\xfc\xf1\x08\xeb\xfe\x9d\xd3\n\xab\xd1\x8aX\n\xab\x15\x0b\xd7oj\xb5\xfdN\xadh}[4\xda\x12\x82f\x06\x90\x10+\xb5\x12\x7f\xc2\xff\x9f\x93\xb3\x8fi:\xbf\xe38g\x1b\xa0\xed\xb6\xea\x1f4\x9d\xa1K\x13{m\x93jw\xc7\x80v\xc9R\x12f:p\xb1\xa7!\xec\x1a\xcd\xda;\x83d7\xed\xadr)j\xba\x1a\x96\x98\xf2\x07\x17\x12K={\x94(-Pj\xab\x06\xe8"\xad\x07\x92Jf\x03\x1ezPa\xf2,O2\x10\x14\x91C\xcf\x87\xb8\xf7\xe7\xd7\xe2\xdc\xb2\x07w\x1f\xc2/P\xe8\xaf\xaf\xbe?\xef\xef\xfb\xf7\xf9\xf2PB\xdb\xbb[`\x81\xe1\x81%\xec\x99\x0f\xf6\x7fu\xea\xfb\xbe\xdcMZ\xfa\xa9\xd9\xbb\x83j\xf5\xb2\xc5a0X&gt;N\\r\xb2\x08\x8b\x82\x8b\xf1\x10#W\x12\xeb7\t[\xfd\xe2\x9d\x9f} \xae\xe1\x97\x93PF_\x81\xd5G\x9eG\x9d8x\x871&lt;\xc4\xea\x9f\x0c\xf6\xd7&gt;y|\xe8{\xfd8&lt;\xedP\xa9!&lt;=\xc8\x88eP\x1an\xe5ed\xd1\x9f*flN\\z63)O\x1c\x10\xea5\x17\xd9&gt;[,\xf0\x97\x9b\xfc\xd0\xcbG\x92\xf1]\xae\x00\x92\xfe\xa0L]TKZ\t\xd9\x8b\xc1\xc9\xfe\xda\xa5\x99\xa1\xf8\xe3\xff\xf7\xb7\x07P\xf8\xab\xe5\xa7\xa3\xe3\x84e\xb18\x94J\xa5\xe5\xe2\x0f3H,:\x10W\x16\x14\xfb\xe9;\xc9\x88Ob!\x1e\xb2\xb112\x95\x9b\xcc\xe6\x8b\xfa|+z\xc8\xf7\xfb\x03\xae\x00?P\xf6\xebF\x88ETB\xdej\xdb|\x0f{(\xc4bM\xbc \xb0\xb4\xb7o_\xfa\xa9\xf8\xb3\xe7\xd5I,\x88\x85\xba\x90\xcb!\xbd26e%T\xdb\xc4\xd0\xbd\x8b\x15Jy\x85K\xd3\xe6w\xb3\xf3p\xad\x16\x94\xf1]&amp;\xf3i\x935\xbf\xc0\xa7\xd7\xc3Y\x90\xcb\xe5\x17\x8b\xab\x91\x0e\x0cV\xcf|\xdb*\xafv%\xc4\xf2\xb2X\xa1\xa1\xf8\xa9\xb7\x9cY\xe9E\x86jW\x16z\x9f-\x03\xab\x1bbY\x80UX\xa8\xfe\x11\x87\x94\xca\xd8\xc4pe\xd0\x1f\xe3e`[\x93\xc1\xa1\x7f\x87\xe5p\xb6\x1c\xdcR\\\x8c\xa1\xab\xac\x9co4\nL~~8?\xec\xab+\x88\xf8\xf9\xfa@\xc0%K\xedT&amp;\xa9\x84\xb0\xd6\xa20\xfe\x10j\xb1X\\nh\t`o\xa1XZ\xda\xa9\xf8\xca\xc2\x83\xde\xdeg\xea\xd1qO\x98zh\x00U\xa1\xb21\x97\xe9"\xe9\x84\x03\'1\xcb\xbf\xf7\xde\xfeT\x0c]9[2w\xee\xdey\xe2&lt;\x8d2\x94V\xfa\xfc\xcaJjb\xd8\xca/0B-q^5]w\xa8\x85\xbc\xc5\xb6\xc9~a|&amp;\xd4\xd5\xc5E\xb1\xbc\x00\xfb\xf2\x7f\xbd\xe0\r\x94\x8a\xaf\xac\xb5\xf6\x12\xd6\xf2\xe8]\xcf\xef_c\x15\xaa\xcd\xa9Y\xc7\xc9]\x1cz\x03\xd6\x96\xfd\xbb\xcf\x9c9\xb3\xb38G,F\xf3N\xd0\xbe\xab\x8e\x1f(G~\x86\xf3\xff\xb4}G\xbe5B\xa6\xaf\xb4\xba\\&amp;\x88\x85e\xc8\x13\xf2\x98\x1e\xce\xf7\x08\x9f\x84\x92j\xd1\xb1k)~\xe9\xbf\x05\x7fZ\xda\xa1\xc7Ck\xad(p=W\xabG&lt;\xe3\xa3\x08-jb\x05\xe4\xc2b&lt;\x9e\xc5!\xa2\xd4\x04\xd6\xaf\xb6n\xdd\xfaaM1Q\t\x04euuF~\x19\xa8\x8c\xd6\x9f|\xf2\xf9g\x9fUZ)\xb5\xac\xbf\xact\x05\x8a\xf7\xa8\xb5\x89\xcc\xa2\x1e\xc2Z\xc2\xa1\x04\xd6FuM\xc4/\xa5\xff\x07\xf7\xa7\xa5\xa7\x01\xaa\xa1a\x03\xabZ\x1d\xf6L\x0f\x12\x16\xe4\xaa\xa8\xa8P\x9f\xe4de\x1d\xcf\xa0-\xe2\x8f\xb1-K\xddr\xf0\xeco\xb7~x\xf8|M\x8d\x0cT\x99\x02,8\x97\x1e\xb3\x9f&gt;\xffw\x9f|\xbe}{&gt;fg\x1f\xf6\xb3-p\xd6\x05\nx\xc2\xe2\x95\xae\xb6\x05\xbf\x15\xb2\'B\xa1\x84R\xc9\xe2\x86&amp;^\xfc{\xb0\xb4C\x97\x9e&lt;l`\xa8px\xd0\xbb\xf0\xd4\xd2=\xed\xe9vl`\x15\x156f\x93\xaf\xc8U99\xd9\x9b\xa0\xd6\xd9\xb3\'\xce\xeb\xeb\xf6\x96\xc9d\xf4\x1b\x17W\xc0\x14\x00\x8a\x11j\xed\xd8Q\xd9Ri\x0c\x98\x8c-\xc02\xe5\xf69H,\xcaRa?z\xd8O\x8e\x9f\x99\xe12\x95\xc4"\xc5^P\xc4\xfe\xeb\xf2\xfb2NP\xa0j\xf0z\xbd\x0c\x96ct\\t;\x06*\xc2\xc2&gt;\xcfr2\x95\x93\x95\x81\x06\xa6\xe6`r\xcf-\xae9{\xb6\xac\x86\x8f]\x84l\x97\xcco\x12\xb8\xfc\x82\x80\xdeo*\xaf+\xc8\xafl\x89DZ\x8c~s\x00X\x91\xcb\x1f\xab+\xeeQ\xf5\x80k1\x18\\\xed\xe1\xc1Z\xf7\xd5+\x13\xa1$\x19\x97\\\x86\x9ay\xf1\xcf\t\x9b\x96~(\xfep\xcdKT\r\r\xc8\x13/\x9a\xb8p\x9f\xb0oO\x04\xec\x00\x00\x073IDAT\xc6G\r\x1bX\xda\xa2[y\x1c8\x9e\xb8\xe0\xad\xdc\xcc\xcc\xfdg\x052\x13\x82\\ &amp;.Y\xe6\xae\xccr\xd3\xae]\'\n\xac\xc6\xb0\xcf\x18\x89\xb8\xcc\x81}-\x1dW\x94Z^I\xd1\xbdXx|\xe4/\xb3\xdf\xcec\x1d\xf2\xd8K]\xa1\x91\xb9\xabS\xcbC\x13!\x16\xa3\x187\xc1\x05\xb07\xfe\xb9%\x9d\x9c\x0e\x91H-/iJM\xec}\xe6p\x84E\xa2A\x03\x13[\x84\xa5U\x1e@\x1b9\xb9\x04EX5\xc0\x12\x98\xf4Vc\xb9\x18z\x99N\xfb\xfd\xbb\xfc\x01\xf1.}\x81^\x1f\xf1\xb9|\xbe\xa3\xe6\xbeH\xb7\x92WZZZ\xcf\xeb\xf9f]"\xf2LO\xdb\xe7\x16y\x88\x87\xae\xb5u\xb7\xdb9\xfc\x11C\x96\x88\x8aD\x91\xf97\x1aH\xa6\xf2\xb2\x92T\x94%\xde\x86\xde\xde\xde\xe7\x16\xc3`T4\xe2Hbi\xd1\xc6js\xde\x07\x9c\xdc\x9cT\x92+\x1b{\xc3L\x93\xa0\x1c\x9bU\xff\x9e\xa32\x99\x1f\x06\xcb\xf4\x9b\xc4\x99\xc6\x02\xbe?\xe2\xbb\xdc\xe9\xea{\xff\x8b\xea\x92\xfazP\xd5\xd7\xf7\xcck\xdc:\x91\xa7\xbd\xbd\xfd\xf6\x94a\xa9\xab\xeb\x95SNe\x1f&gt;2\xa0\x1e\x9a\xe8\xeaz\x03m)\x19\n\xb5\xe8_\x82\nP]\x90\xd4\xeb][\xe8\x85\xb9\x0c\xb1qitJI\xf9pov\xb0\xbb\xa3{\x16\xdb\x8d?\xbf\xbf\'7\x1b\xd33\r\xd0y\xa7O\xc3\xe5&gt;\xffI\\m||8? \x10g\xd6Y#\x97;;\x8f\xf6\xf5\x1d\xb8\xcfHET\xa5\x8b\xc1*\x9bB*\x12\x89&lt;\x9e\x97\x7f\xdc\x16\n\xdd\x95\xeb\xa8\xe4\n\x95m\xf2H\xec\xc9\x04\x83\xc5\xf4\x92\xc5e\xac~\xe9\xc9Z\x03&gt;\x07\x95\xd7\x9bht\xe8\xe1J\xf5\x1dtq\xc5\xe0\xb8!\x95^\xffN\xa9\x8c\r\xde\x1e\x9f\x9e\x1e\twO\xe1\x13\xc7\x95s?\xf8\xf4\xd8\xb1\\\xc2\xda#p\x19}\x91\x80\xd9/\x93\x05"&amp;Z\x91\xe2\xcc\xbdFc\xa0\x0fu\xae\xbah\x83\xaa\x1e\x0b\xb0\xad\xca-\x07\x86\\\xe7i\x7f\xf9\xeaU\x94\xa1Rh\xaa\xda\xf0\x85\xc9\xd5\xd8\xf2\xd2L(a\x7f.\x8b\xa4\x8a?ke\xa8\xbc\x8cR\xd0jf\xe5\xe9\xd4\xd5\xb9\xf6M\xbd\xad\xe8\xe2\xd4\xb8t}*\xd6}wZ\xa4\x93x\xc6o\x0cN\xc5\xbe3 Z\xd5\x8d\xdb\x8e\xfd&lt;/\x17\x08\xd6\x96\x96\x8e\x0eW\xa0\xc3/\xd3[\x05\xb2\xd32\x99X\x80\x89&amp;\xe2:\xda\xd7h\xa1\x8b \x03U\xdf\xb3\x8a\x07\xd7(\xe4\n\xb7J\xe3\x96K=\xa2\xa8D\x02DMsSSS\xb0\xad\xaa\xca6\xf7h,\xb6&lt;\x94 \xe3\xa6\xa4?\x1eZh%\x93\x83\nv\xeb\xe2\x86\x1e\x0e\x8d\x8e\r\xa3\xef\x9e\xbf&gt;h]x\xaa4\xdc\x88FG\xee\xbel\x17\xe1,\xd2\xe8u`\xc5h]\x16UX\x1a\xb7\xe5\x9d.?\\\x90\xbf\xaf%\xd2\xe1ru\x1c5\xbb\xc2~3\xb6\xb7y\x02\xbe\xef\xc6\xbe\x8e\xce\x0bJ6.\x80\xc2\x84X\x8b\x93\xcdU6\xb7\\\xeev\xabTn\xb7NBP\xaa\xe6\xe0\xb5\x9b\xd7\x9a\x82\x1a\x95[\x05\x1d\xed\x0c\xd9\xd2\x0c\\\x96\x12\x7f\xde\xcaP\xb1H\xaa\xd0\xcc\xc4\xca\xf2\xd4\xd5u;\xee-\x17}\xfd\xa0\xb5\xf5\x99E9;L&gt;\xf5\x10\x96]\x1a\xfd\xc3l,\x16s$\xf2B}\xce|\xe2p\x81\xb52\xdc\xd1\xd1y\xb9\xb3\xef@\xe7\x9d/\x98\xbap\xa1\xbb\xbb\xfb\xce\x95B6\x9b\x86Qjbi?\xa8\xa0\x95\\\xaeP\xb8\x15\n|`\'\xa1n\xde\xbcy-\xd8\xec\x94H\xa9H&lt;\xe7\xdc\xa3\x81\x18\xfc\x9f\xb2@TL\xd0\x86&amp;\x96\x9e\x8e\x0e\\\x1d\xb6\xeb$\x90\x1aX/\xd1\xc5\x85\xc6\xb1G\xb8\x97\xc7\xe3\x11I%8\xabd|\x0cj\xd1E\xb2\x10qQx\xebbY\x9d1r\xe7Juu5\xa62%\x93!\xda\xda\x92\xda\x12\xad\xd2R\xf4\x9a\xaa\xb4\xb4\x7f\x1eTN\x82B\x13\x99\xd24_\x03\xd4\xcd&amp;@a\x15DER\x9dB\xa5\xb1\xd9\xd0\xcd\xc9\x8fbOR\x18*.+\x04?\x8d\x8e=Z\xb7\x03\nT*Z\xcb\xed_\x7f\xba\xf0j\xdc\xa9R\xe8\xa4\xa2\x04\x16=\xcf\xe1A&amp;\xf5\r`\xd0\x96h\xd5\x8d\xb7F\r\x15Z6S\xbcd\x81\x85]\xa4}\x83\xaag\xb5\xd9\xa6q\xda\xed81=\xb6\xad\x8a\xba\x07\xa5\x92P"\x89\x1d\xcb\xb19\x18\x0c\xb6\xa1\xd3\n\xf9\xdc\x91\x14\x86\n~\x8a\r&lt;r\x12\x92\x14T\xf4l\x14Rt\xee\xe5\xb4\x8eq\xa8\x04\xebZ*\xa5\xb5\xac\xd1\xa8\x86\x07b\xcc\xb0\x8a6\x96\x94\xb0\xb5\xb5\xff\xe0\x11&amp;\xdfy&lt;-\x912S\x1f2\xab\x9476\xa7Q\x81\xca\xee\xc4\xfdm\xcdm\xc1\xa6$\x94\n\xf9\x8a3\xcb\xb1\x1aq\x1by\xdf\xa6\xd2Itn[\n\xa0f\x96\xe0\xa79\x08\xc1\xf4\x18\xe4\x1a\x8dF\xa1\xa3\xdc\x13\xe9Hr\xc2\x8aF\xa3R\x1d\xbe\x82\xa7\xaa\x19\x1et(\x0b\x13\xf9\n.&lt;:\x81\xe1\xa3\x12\xad\x96]\xa2\xc4X\xc5.\xc2\xd4^[\xcb\xec\t\xe1+\xde\xc0\xf0\x9c\x93\xa1\xd2@\xa7\xb6\xa67\xa0\xc0dWi\xaa\x88\x13\xd6\x87\xa4\n\x89T\xe7\xae\xaaJ\tM\x0c\xa9\x07\xae\xaf\xcb\x89\n\xdf\x84o#*\xa7\x9d\xb1\xb9\x94\xc1B\xd0\x80\x0b\xbc\xccy\xabT\xd1\xbfM\xdd+d&amp;\n\xad\x96\xc1\xc2\xc1`qT\x18p\x83\x01\xd3\xa2\xb6\x82\xa1b\'\xb0Jy\xdf\x0c;\x99btjJX*h#k\xe0\x9c\xb8\x15\xb7]\x03\xa5M\xe5\x04\x02IW\xd5\x962\xe4\x18\xfb{\x8de\xcc\xd20\x14Ea\x87n\xf9\x03]\xb2\x05)\x04\xb2\xa6S\xc6\x80K\x97\xee\x9d\x82\xff\xa0c!S\x17\xa1C\xe9\x94,:\x94\x0c\xf9\x07\x0e\x81,JG\x05\x075R-Z$[\x05\x85.\xe2w\xde\x8b\x8f,}\x85w\xcf\xfb\xee\xb9\'y\xac\xbdA\x1e\x9aN\xb9\xb5@\xcf"\xa3\x8aL`?\xf4}5\xd7\xd3m\xbb\xff\xdc\xa7w\xaa[Y\x89\xb5\xd5m0\x8e\x97i\x1aLA\x15t\xac\xac\xb9`\x05\xaaUT\x94\xdb\xad\xea\xa3`]\xd0\rZ\x83]\x8a\xa2\xd4fY^D\xe1\x1c\x05\x9e\xe2\x15Z\xf7\x9fL\x01n\xf2;\xef\x01\x04\x942\x96`\xc9\xa3\x82E\xca\x8c\xac5B\x14\xbb\xf5\xcd{\xf7\xeaN\xac.g:Lc\x9e\xf1\xf0l\xb2\x08\xa4\xcan;\xfd\r\xaa\xfc\x15\tU\x1e\x9a\xa6z,X\xb3(4G\x12\x11\xd0\x83\xd5\xbaTx@\xcf\xf5r\xcd\x03\xb2j\xc40\x9b\xbeX\xd5\x1d\xab\x90)\x14+^X9)\xa33\xf4h\x84\xa3\\\xad&amp;V\x8f\xa9\xb1\xd6\xbf\xb7\x96A/\x1e.\'\xe3\xb3\xc5\xf54FT,g9X\xae\xf9\xe1HH\x1d\xaa\x87\xe3~\xff\xfcP\x1dd\xb4\x81\xd2^6\xb3\x19\x1f\xaa!2\xd0\n\x93\x90\x11\xb3\x13\x12\xc9#\xe1(V\x9f\xe2+\ns\x17\xc1\xbaR|\x9a\xf0\x9bs3M\x03\xecr9\xc25\xbc\xf6\xb1\xb5\x96\xa5\xc2\xc7Ej\x1a\x8b\xb4,#\xbbL\x17\x9dM\xf3\xa14\xd8VM\xdb\xb6w\x9b\xf3\xcb~\x16\xbc\xa1\xecg%\xf3k\xa1\x02\xff\x10\x00#;QR\x15\x85\'\xb4J\xd9\xa9b&amp;\xd1\xb0\xfbH\xaa\xf85\x98+\xff\x062|\xb7\xea\x97\xd7\xdd\xa9\xbb\xdb\x11bu\xb5Wp\x8a\x95\xa8\xf4\x92T\xd3\x19L&amp;\xe3$\x13\xae\x0c\x92I\xdc|0\xfa\xa8j\x7f\xb5\xda\xef\xbb\xe4\xbc\xef\x1c\xbf\xe8\xa6\xa2b&amp;\x06\xc4\xa2\xf2=7\x1bf\xc1\xe5\x0f\x86\x08\xff4\x83\xf4\xc9\xb2\x00\x00\x00\x00IEND\xaeB`\x82'</t>
        </is>
      </c>
      <c r="M192" s="3" t="n">
        <v>45492.67819444444</v>
      </c>
    </row>
    <row r="193">
      <c r="A193" t="n">
        <v>801044</v>
      </c>
      <c r="B193" t="n">
        <v>1958</v>
      </c>
      <c r="C193" t="inlineStr">
        <is>
          <t>Alexander Barboza</t>
        </is>
      </c>
      <c r="D193" t="inlineStr">
        <is>
          <t>A. Barboza</t>
        </is>
      </c>
      <c r="E193" t="inlineStr">
        <is>
          <t>ZAG</t>
        </is>
      </c>
      <c r="F193" t="inlineStr">
        <is>
          <t>ZAG</t>
        </is>
      </c>
      <c r="G193" t="inlineStr">
        <is>
          <t>ZAG</t>
        </is>
      </c>
      <c r="H193" t="n">
        <v>193</v>
      </c>
      <c r="I193" t="n">
        <v>20</v>
      </c>
      <c r="J193" s="2" t="n">
        <v>34773</v>
      </c>
      <c r="K193" t="inlineStr">
        <is>
          <t>Left</t>
        </is>
      </c>
      <c r="L19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faf135-a39c-49c5-8933-4339833a49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a\xdcu\x90\x00\x00\x03\x00PLTE\xff\xff\xff\xfc\xf8\xf3\xfc\xf7\xf1\xf6\xf2\xeb\xf8\xf3\xec\xfe\xfb\xf43/,\xfd\xf9\xf4\xfa\xf6\xef\xfd\xfb\xf61,*\xf8\xf5\xee?&lt;9#\x1f\x1b\xf9\xf6\xf2;85\xfe\xfb\xf6B=:&gt;:7\xfa\xf4\xee\xfa\xf7\xf000,41/\xfd\xf9\xf1\xf5\xf0\xe9*(%\xfe\xfc\xf7\x1d\x1a\x17\xfa\xf9\xf5953\'!\x1d\xfd\xfc\xfb/.)\x19\x18\x15\xff\xfe\xfeD@=\xfd\xfb\xf8\x17\x16\x12\x1f\x1d\x19-,(&amp;$!/)%\xfe\xfd\xf8730,%!\x82`I$\x1b\x15\xf0\xec\xe3\xc3\x8ch\xff\xfc\xf8\xef\xee\xed\xc8\x94p\x90mWvU?\xeb\xe6\xdd8+#*\x1f\x18\xec\xaa~iO&gt;\x93iM\xf3\xee\xe5\xe8\xa4w\x1e\x16\x14L9,\x8eeI\xfe\xfd\xf6F5)\xaa\x85l\xca\xa0\x84{ZE\xb9\x91u\xfb\xc2\x9f\xb3\x8cq\x99t]\xeb\xe9\xe8\xc2\x99}GCBqR&gt;\xeb\xac\x83\xfa\xf9\xf8\xee\xe9\xe0W@2\xf4\xf3\xf1\xbb\x95{\x89iTiJ7^C20#\x1b\xae|\\\xf2\xb2\x89\xd8\xad\x8f\x89aF\xd1\xa7\x8a?/$S;+\xfd\xc6\xa74( \xf8\xbf\x9aaK=YF9\xf0\xae\x83\xdc\xa3}\x90\x8d\x8c\xe2\x9dn\xf1\xee\xe8\xfd\xcd\xae\x98pV\xd7\x8e_\x99lNife\xf7\xf6\xf5\xd2\x92iOJH\xba\x88e\xd6\x8aY\x87dM\xf5\xb7\x8f\x9fsW\xac\x8as\xe1\xa9\x83\xc0\x95v\xf6\xbb\x96\xba\x82_\x95dE=)\x1d\x9dya\xe0\xde\xdd\xdf\xae\x8c\xfc\xf6\xeefD/\xdc\x96i\x81[BuZI\xe2\x99h\xd0\xa2\x82bG7\xa4{_^YYoUD\xa4\x7ff\x9c]9uqq\xea\xa7z\x81eS\xd8\xa7\x86\xc1\xbe\xbe\x9enO\xd1\x96pO4$\xab\x81d\xe7\xa0q\xd8\xd6\xd5\xa3vW\xb1\x86i\xa9xX\xbc\x8cm\xa6\xa3\xa3\xca\xc7\xc6\xd7\x9ey8/*P&gt;3\x93\\;\xe9\xb1\x8b\x88\x85\x84\xda\x9ap\xc8\x9c}\xa5e@\xaetP\x97xe\xe0\xa1w\xe6\xb3\x93\x91r_\xb3\x82b\xe4\xa7~\xd1\xcf\xce\xae\xac\xab\xb6|V\xc1\x84^oN9\x9f}f\xabmH\xce\x9bx\xe6\xe0\xd6\x9f\x9c\x9aWSRy`Q\xe6\xe5\xe4\xb7\xb5\xb4\x7fU&lt;\x7f{{G;1[=*\xdf\xb4\x96\xee\xbc\x9a\xf9\xf2\xe9\xfb\xd4\xb7\xcd\x8dd\xd1\x85U\xcc\x80R\xb4\x91y\x9a\x94\x91\xf1\xc3\xa6@4-\xb9uM\xef\xb6\x91\xe4\xb9\x9d\xa6qM\x9egF\xdf\xdb\xd2\x14\x12\x0f\xc9\x87\\\xc3uI\xdc\x92c\xd0\x89[\xc3|U\xf7\xcb\xad\xafjCF- \x88lZ7#\x18\xea\xc0\xa3\x88[=\x93S0\xd5\x9bt\xc1\x9d\x84g^Z\xa2\x82nwN4\xff\xfe\xfb\xb8nC\xfb\xee\xd8\x89M+\xa4\\4hUI\xb8\xb0\xac~ne\xec\x99\x82\xf4\x9c\x8bqE+d7 \xfb\xdf\xc6\xf4\xe1\xd3\xde\x83o\xf8\xb6\x9e\xb3\x9f\x94\xf0\xd3\xc1\xee\x90\x82\xe9\x88x\xf2\xab\x94\xd4x_\xdd\xc8\xbc\xaeb9\xc3\xaa\x95\xd1\xb4\xa5\xff\xfe\xf8\x8e\x83w\xbel\xe6\x1f\x00\x00 \x00IDATx\xda\xdc\x97\xffO\x13y\x1a\xc7\xfd\x89\x1f\x1a&amp;\x04\x12I\x9a\x89\xa3C3\xb3\x9d0N\x08\x95t\xba\xa4\x83\xe9\xae\xc7-\x81\x12\xccB\xe9v[\xda\xb5\xa5\xc1RZ\xb1.R\xba\x98b8\xae\x86r\xb24p\xeb\x01\xb5\x80\xb0%\x16)\x87\xa1Q\x90#\x16\x96*.) _\x0e\x119b\xf4\xf6\x12\xb8\x1f\xee7s\xf1\x9eq\xef_\x18\xbc\xdc\xa7\xc9d\xda\xfe\xf2\xca\xfby?\xef\xe7\xf9\x1c;\xf6\x7fzN\x96f\xfd\xf7\xa5\xae\xeedQ\xcf\xf9\xff\x01\xa2\x93\xa5\xb9\x9d~\xffX\xdfLu\xef\xd4\xe0\xbd\xa9j\x7f\xb1\xd3\xdf\x99{\xf2c2e\x95\xe6\x8e\xf5\xf5NUK\x9c&gt;\x9f\xafX"\x15;\x9d\xa91gZ\x86\xd3\xde\x93\xf5\xf1\xa8J\x1ft\x0e\xda\xed))v\x7f\xb18}0Fq\x92b$\x15~q\xa6"S\xcd\xe7\xeb\xea&gt;\x12V\xf3\xa2/\xc5\xb7\x97\x869c\x9fP\x18MQ\x08M\x8bD\xf6\xc5\x99\xccl:\xc3?\xb5\xf8\xb0\xf4\xe3\xd8\xaa\xcf.aD\x94(]\x84Q\x18\xcb\xb2\x14\x8d \xa8d\xd0\x8f\x91)@\x99\x06\x95\x1c\xeb\xcc=z\xaa\xe6\xc5\xb4\x13b)B\x15S\x08\x82\xd14Mr(\x8e\xfa\xec\x18\x87 \x14\xcd\x89\xaa\xed3\xbd\xbd\xf7\xce\x1fa)\xb3\xea\xc6\x1e\x8e\xe5\xf6-\x8aOI\x11\xe0\x92\x02\x07\x86\x89\x10\x02EI\x8a\x86\x07JQ\x04\x92R|\xafg\xca\xdf[tt\xe6/\xba\xe7wV\xff\xf2~\x8f\xce$\x11\x14\xc00Z\x8a\x12\xa4\x08#p)\xc6 $\xc1a\x18(\x97\x0e\xed9\xd3\xdbSTzD`u\xbd\xe9i\xf2\xbd\x7f&lt;2\xd2"1F"\xb4X\xc4\x11\x04\xc7QR\x02\xc70\x04\xe5E\x93\x92\x18&amp;F(Iq\xcc_\xddy$u,m~\xe8\xcb&lt;\x1e\x13\xa9\xbe)\xc0\xa4b\x92ah\xb14I\xe0I\x0e!\xc9$*\x95\xe2\xbfb\xc1\xb74\x8c\xa1$\xb1=\xdf\x91\x18\xbf\xf9\x17{:%\x95P\x8c\xfc\x11\x82\x83\x9fX\x0e\'\x93\\\x12G@ \x02\x03\x97%\t\x82\x04\xbbq8\xcaa"gl\xc6\xe9\x9c\x19\x13\xde\xee==\xb1 \x82a\x18\xcb0\x04\x8e&amp;9 B\x19\n\xb4B0\x8e124\x82\x13I\x14\x01\x87\xa1\x08$\x864\xd5\x9f*\x8d\xdd\x13\\\xaf\xac1\x9f\xc8\xe9\x14\xa1\x10\x03\xd2\x14\x04\xc59\x86\xc10&amp;h4\xb24\xc2\x00*\xf0\x11\x04\x81\x938\x8e\x92p\xf8\x82\x9e\x82\xa88/t6\xf4R\x12\x9f3\x15\xd2\xe9\x93\x94l\x0c\xc14r\xe3\x93\xdb\x1e\x8dQ\xaf\xd7\x1bY\x96\xe18\x0c\xe58\x0e:\x14\'\xc1\xfe88\rG2|\xbe&gt;a\x87w\xe9C\xa7\\\xff(\x98\x82ADQ\x1a\x061\xca\xf5*U\xdb\xa7\x15[[\x06C\x00\xe84\x80)\xdf\xd6h0\x90\rEA7h\x00q\xc6\xe0\xde\xa0\xb0e,\xb2\xa3\xe0\xf5 \x02\x95\xa3\x83rFSPf\x08\x04f\xf3.^\x9e\x98\xc8\xcb\xf3\x1af+\x02\x15\x15m\xb3\x81\x02\xbd\x86\xc1\xc0\xf5\xe0&gt;\x04\xba3\xd3\x17k\x160\xbdN\x16\xf5\xc60\xf6\x89\x11\x01C\xd1,kT\xb5\xe5]\xber\xeb\xca\x95\x1f\xae^\xbd[\xe9\xbe[{]\x97\x9f\x9f\xaf\xd3\xe9\xf6\xcb+\xf4F\xb0\x1c\xca\x97\x12E\x11\xf1\x89\x98\x90U\xac\x9b\x92\xa4gS,\x98\x87\xd1\x18\x8d\xf2\xdbe\xde\xe9eY\x83\xc5\xd2\xd0`\xe9rt9\xa2we\xf7\xfbe\x97*\xdd\x95\xf9%\x05AH|\x12Z\x02\xc7y\x97\xa5\xf5\x9e\x17N\xae\x07{Tv6\xcc\x17\x8e\x93\xcb\xb7\x0b\xca\x02\xde\xfc\x9c]\xb5Y\xa1u\xb9\x96\xd4\xe1\xa1\xa1\xdd\xb0z\xe0\x9a%\xec\xc8\xc9\xa9&lt;[^ \xa7\x11\x92\xf7&lt;L\x00\x0c!R\x05\x94\xeb\xc1\x8c\xfd\xc4)\x94C1\xb9~\xcb\xe0\xf56\xe5X\xd4j\xb3V\xabu5\xba\xd4jE$\xac\x88\xa8\xd5\x16K\x7f\x7fWNem\x9e\xc1\x08\xb9\xf5\x01\x8cc\xb0\xe3\xd2j\xe1\xd6\xaf\xa2E\t\x8dQ\x14\xc3\xaa\x0c\x87\xd3M\x95\x16\x85\xc2\x0c\\f\xb3\xd6\xa5\xedP*\x14\xcapX\x19\t\xf7\xf7[\xfaw\x1d\xd1[\xba\n\x95\\\xc3\xf2\xedHr\\\x9a\xc4\'X/f=\xf4\x89\x186h\xd4l\xcfzC\xe3C\nu\x87\xb2[\xa9Tvt(\xccfx\xc0\xb7\xeen+\x14s\xc81\xd4\xd5\x95\xe3\xae\x9d(\xdb\xf2\xf0\xb3\x89G\x93\x0c6\x0b\x16Z1*\x08c\x87\xd6\x07\x0eBq%\xa0X\xad\xadp\xac@\xa3T*\xcc Ww\xeb\xda\x9a\xed9\x1c[&lt;\x1au\xd7\xea\xbc[r\x86\x0f/\x1cG\xfc=Ba\xf5d\xd2A\x94\xc0(\xfd\xc1\xf2\nh\xd4\xddj\x03\x04[\xfd|\xbdmm\xadE\xa9\xf8\xf0\xcb\xfc\xc2\xc2\xea\xeb\xd7\xafW\xd7\xc7\xdd\xd1\xf1\x11\x9dW\xc5\xc2\x8c$P2)\x11\n+\xabW\x9c\x8d\xa1\x04\xa3\xd9\xdaYo\xe9\xeen\x01\xa0\x05\xa0\x98\x9f\x07\xb0z[K\xab\xb5u\xad~au\xf5\xf5\xbbwo\xdf\x0e\x0foN\x8e\x8f\x8f/\xef\x1b\x8c\x0c\n#\x92\xc4\xa5\x9dB\xa5\x96\x1dIA\xf0$\xa1\x99m\x8a\xda\xd6l\xf5\xf5\xf5\x0b\xc03o\xb3\xf1\xaf6\xbe\x9ck\xf5\xbcX\x00\xd6\xde\xfe\xb2\xbd}xr\xb2}\xda\x1b`a\xd3 a{\x1d\x14(!r\x8bq)B3\xcc\xb6wy\x9d\x07Z\x98\x7fnkUZ\xad\xd6\x96\xd65\xdb\x1aPu[A1+\xaf\xe2\xd3\xe1\xf6\xd0\xcb\xf6ax\xee\x1b\xb6\x19\x98A\xe0/\xa1Z\xb1\xc8\x07\xceM\xa1\x8d\x01\xafn}\x9e\xd7\xca\xd62\xa4\x1e\x18p\xb9\xb4\xbc\xf9\xc1\xf6\xe0.\x88\x0buG\xf7\x90#:&gt;\xfc\xf2M;\x8f5\x0bX&lt;U\xb2\xb8H \xc7\xdbi\x02\x11i\xe4*\xef\xd9(\x14o\xe1y\x8bR;7\x97H\x14\x16\x9a\x1a\xb5\x1fbU\xeb2\x99\x1a\x1b\x97F\xafY\xbaV\xc6\x97C\xa1P\xfb\xce\xbe\xc1\xc3\xa28\xef\xf9\xb4\x07\xc2`\xf5\x15\xc3\xe4EX\xa3\xbe-\xb4\xce\xbb\xdd\xd1?\x9aH$666\x12\x89\xaa\xaa\xc6F\x93\xc9TX\xb5\xf1bnn\xf4\xdaM\x99,\xc7=\xd2\xb4\x13\xe2\x8b\xe8\xd10\x1c\x8aJ\xf1\x13\x02\x05\xd7X&amp;A\xa2tP\xa3*\x0f=\x9f_X\xe9\xb7\xfc\xee\xa7\x1f\xff\xf6\xe3\x9f\x7f\xfa\xfcYb\xa3\xe6\xd7\xf3x\xe3\xd9W\xaf\xbe=s\xa3\xbc\xe4\xdc\xe9\xeb\x97\xcf\xee\x84\x00K\xaf\xe1\xf8V$\x05\xc4BI\xd1\ty\xc0\x1bZ\x89\x8e|\x7f\'\xf1\xf9\r\xd5\xa3\'\xf2\x82\xb6s\x9f}\x95\xd8x\xfcO\xf8l\xbc\xb8\xf3\xc5\x8d\xdbr\x96\xc6X\x8d\xfeB\xf9\xc1\xfe\xcet@\xcf\xc2}\r%q\xa1\x8a\xf8\xa0\x18E(J\xfadkvy\xbd\xa9\xdc{\xe6\xd5\xbf_}Y\xe6\xf1\xa8&lt;\x1e\xc3\x99\xaf\x9f\xf1\\5\xa3WO\xcfzX\r\x1c\xbd\\\xb3\xed\xd9\nx\xa7g\xb7yo\xe1(*\x11\xc8\xf2u{\xb0\x94\xc2Z\xaa\xf1\xba\'\xbd\xb3%_~\xf7\xdb\xbf&lt;\xbb\x9a?}./o\xc2\xfb\xfbk\x1b5\x8fkL7/z\x03p\x0e\xf7u_|w\xc6\xbbe\xd4x&amp;J\xb6\x19\xd8"\x00\xcc)P@d-\xc2\x95\x0bc9O\x93{g\xa7\xf2\xeb\x17\x89\xb9\xa5\xc2Fu\xff\xae\xec\xee\x0f\xb7.\x8d\xd6\xd4T\xcd\r\xdc\xaf\xdd\x9fnj\xaa\x94Y\x06\x96F\x1bd\x9f]n\x0b\x04\xf2\x02\xfcT\x84\t$\x94Z\xc7\xfa\xc4\x0cCa\xcc\xc4xhZ\xb6d*\x84`0\x99\x06 \xac\x94\x91Hd`\xa3&amp;\xb1t3\xfa\xf3\xb8c(\xc2\xffg\x1a\x88X\xee\xcb\xdc\xf9\x86\x8aO\xb7\xe1\xd2\x8d\xe2I\xa1,\x7f\xac\'\x8d\xa2)r{2\xba\xffG\xb5k\xa9\xb1\xaa\xaa\xb0\xd1eV\x84[[\x95\x90ZU5\x85K\xbb##\xbb\xe1\x06\x97\t\xc2\xa2q@\x11\xee\x8a\xafD/\xcfN\x1b8\x82/c\xa6P\xb3\xba/C\x14\xa40o\xfc\xe9\xf7\rf\x85\xab\xb00\xf1b`\xc8\x11_]\x88\xb7(\xcdZSU\xa19\xbe9\x1ewX\x94J\xc8\xfe\x81\x86H\xb8e\xe1\xe9\xf8\xad\x89\xbc\t\x16n\xb3(~\\\xa8+\xffX\x06\x15\xa4\xf5\xb5\xb6\xa72\xb5R\xbd\xe4R\xdc\xf9\xf6\x8cn:\xf4\xf6\xddj\xfd\x90B\xdbhrE\xa2\x9b#\x93\xf1\xb0#.\xfb\xcd\x9f\xdc\xee\x9c\x9c\x95\xf5\xd5\xcd\xc9\x9d\xbc\xeb\x1e\xfe\xa2A\xa4\tU\xc4f\te\x94\x17T\xc6\xa3\xfd\x11\x85y\xe8\xd2\xe9\x80\x8a\xa2\xe5\x7f/9x\xfb\xda\xd1\xc1/\xceV\x98\xd0/G\xdc\x93\x17\xffp\xe1\x91\xbc\xa0,O\xf7\xf3\xd3\xcd\xe1\xe5\xd3\xba\n\x92\xe1\xf7S\xa1,\x9f\xeb\x13=Q\x95\xbb\xe39a\x85\xa2\xfeM`k\xfb\x82\xe4\xc2\x85\xf7\x7f=&lt;\x1c\x8e[\x95\n\xad\xd9\xba\xf0\xee\xe5\x9b\x83\xc3\xfd\x7f\xbd\xdfs\xd2*\xd6\xb3u\xb839\xbc|6\x7f\x82eH\x8e\x10jT\x1f;\xe9\x0f\xaaT%Q\x99,b\xb6\x0e\x1f\xce\x9e\xd5\x9d\x9b&gt;\xd8_\xde\xfc\x0f\xaf\xe6\xff\x93v~\xc7\xf1.Y\xf6[\xfb\xcb~ir\xc9\x9a\x98m\xd9%\xfd,\xe4\x80C&gt;\x8c|\x08\xf5S\xea\x1a\xb8}\x16@\xd0\n\xca\x972\x85\xddg\x08\x1c"\xf4\x98 B,SO\xac\xb1\xb8qB88\x88,\xe8\xc1]\xba\xb9"\xea\xb96\xa0$\xa8\x88\xd3\xea\xb57\xd4\xde\xa9U;\xbf\xf6\x9a\xedMo\xff\xc2\xc7w\xf2\x81_\x1fy\xbd__\x9e\xcfw^\xa1\xc4tL\xa5b*\xe8\xaa\x96\xd2\xda\xda\x9a?\xa1u=I\xf5\xbfH\xa5VV^\xac%\xcc\x0c\xc3\xb8\xe5\xe2\xc5\xb7~\xf6{\xa2\xacO\xc5\xa3\x8f\x11\xc4\x9e\xf7$U\x8e\x96L&amp;\xaf\xec\xac\xf2\x91\xf2\x8b\xf9\x99E&lt;\x18dv\xd3\x07l\x8b\x05 \xff\x12\x85\xa0\xd13"\x9a\xeb3\x8f\xef\xbe\xd8\x0c\xf95\x86\xba\xfe\x8b\x95?\x7f\xeb6a\x86\xec#\xb9p\xd8L\xfe$\xb9P\xd6\xa4@\xbd\xf3b\x0e\xa0\xba\x82L\x9bZE\xa7\xd3\xbbU-\xf3\xaf\x80\xf8\xcb\x14\xf0H73\x88\x17\x12n\xa0\xb9\xfc\x0cC\x9f\xf0j\xe5/\x7f\xf1w\xe2|\xe2\x83Tj\x8e\x9c\\\xb7-\xd8TA\x1c\x08\xe7\xb2&gt;\xa5\x8b\xbb\x1d*\xba\x02x\x1f\xa6z\xbe\xb8\xe5\x0e\x17\xbe\x9c\x9f\x9f\x01\x82,S,\x86\x80zf\r\x1a`ZM\xcd\x8f\x88\xea\x0f\x15W\xde\x7f\xd4.\x10\x91=\xf8\x82\x83N\x8f\x00A\xba\xb0\xf0\xc6\x87\r8\x00\x12P\xa7\x03e\xac\xadD\x01\x0f\xda\xca\xael\xa6\x90)\x01}j\xf6\xba\xba\xea\x1bj\x9e\x12\xf4\xf2v\xe5p\xf6\xec\x9f_\xc3\xf7\xc8\x1e\xb5Z\xa5\x10\xd3\xcb\xee\xb0\xecY\xbby\xa0\x7f\xd2\x81h\xeef.\x94\xb12\x85&lt;n\xb3\x95M\xec\xe2b&gt;\x913\xfb\x07]\x1d\x08\x9b\xf6\xc5{\xc4\xa4\xfc&gt;\xde\xa2\x9e\xf1S\x87p\x1c\x98B\xb1X\x01\xc2\xa4\x00n\xb1\xdc\xb0\xc4b\xa6\r\x94"O\x95/m\x852\xf9\x16p\xb7\x0b\x00\x0c\xcf\xe7\xc3\xb9\\\xaeo\x10\xc2R\xa9g\xcf\xfes\x99\x08\xac\xc3\xd2\xa2C\x9d\xb0\x93&lt;\x80\x00h\xf6,\xb0\x16&lt;\xfa\x1b\xf9\xce\xd1\x0f\xd8T&lt;0\n\xe9x\xa1\x08\xb0p\x1cW/.\xd8l6|z4&lt;\xd7\xa7\xe9\x83\xb0\xf6\xcd\xcd\xb5\xdcY\x05\x11w8\xdf\xc2\xb4\x15\xccZ\xdc6@7\x95\xc5\x83\xc9\xa47\x81\x1fN\x13\x87\xa7\xea\x06\x7fMRS\xcc3\x9a\x08\xb7y\xd6\x99L`\x1a\xd5j\xc0\x07d\xac\x86\x81J\xc6\xdc[[\x9b\xaf\x89p\x8a\x873\x03\x8d\xbc\xbc\x06`u\x8b\x81r\x91\x02\x01\x01\xbe\xb2\xbe\x11\xd3\x1b\xa7\x9a\xa4MS\xd2l$\xa2\x9a\x0e\x872\x1e\x9eXLg\xaa\x16pO\x92\x14\x9f\xebc\xa0\xce\xf1\\\xd1\xbd\xf6\x9a\x88\x97\xb7\xc3\x16G\x9a&gt;\xad!\xe1*0\x97\x01\x10\x88\x8e\xb4I\xcai\xd4\x07\xb2\xd2\xd5\xefnE9\x1c=\xcf\xa3\xd5\x92\xa6\x8b\xeeQ\x9e\xa9,y\x98\x11\x8f\x87\xdc\xe6\xd50 \x81\x7f\x0e\xcc\xcb3BR^\xed0v\x07\x9b\xb5x\x84\xa7\xd0s\xca6\x07|R\xc0\xc2\xe3\xa4s\xf5\xfd}\xd1\xa8"\xc9\xb5Xt\xc9\xf8Z(&amp;\xe5pLb:]I&amp;\x89\xbc Z\\s"Q\x1c\xf9\r!X*\xa6I\x95o\x1e\x99\x06X@]5MM\x01.\x8e)k2\xc6x\xd3,\x1d\xd9\xe7\xf3\x89v\x97\xdbE\xa4P\xa8\xc4+\xc7\xd1$V\x18=m\xe19M\x9d\xa0K\x93\x08\x85\x86~H\x08V@\x1f\x9b\xc93\x0c\xa4\xf5\x988\x002\x1cP\x81X\xe9\xa5\xd2\x80\x07\xc7\x07?\xbby\xab69\xd2\x0c\xb1\xfa\xfc\xb9Q\x9b\x82\x03n\x98\xa3W(I\xa2\xef\xb1\xcc\xeepb\x88\x90\x06\xb1\x91n\x1c\xb0Er:\xadOi4FLo\xb0\xf4b=\xa8I\xab\x88*\xe4R]\xb7\xaa\xee\xc02a{\x9d\x08\x14\x85\t\xdcb\xa3\x9e\xe7k\x1b\x04\r\xa2\x8e\xcb\xcd\xf9Cq\xd2\xe7\x84`\x99\xb2`\xfc\x85!\xd1\xba\xd1\xe8\x9b\xceJ\x97\x9a\xa4\x8d\x81@V\x1f\xe8\xbc\xdb\x9e\x1a\x87a\x18\xea\x10\xb2\x1b*-c\x8c\xf8\xa2\x83\xd7X~\x98\x88yF4\x0c\x8d\x06\x12\x08@\xc6\xcf\xc5\x89\xe8[\x15{\x0e\x1b\x8f#nC\x19\x1e\xa51\x12\xcb\x96\x8dO\xc0XkUj\xedN*\xbf\x1a\xae\xb7&lt;|H{H\xab\xf9\xc9J\xeaI&lt;\xbf\xae\xb4f\xb3\x81\xc8\xb4\xd7\xcc2\x9b!\'\x9a(\xc4C[\xaf\x89\x18?\x87_\xce/\x98\xf4\xd3\x90\x9d\xa4\x8c\xd9"\xa0\xa9\xa7\'z{{IOR\x12\x81\xe0\x89\x08\xeaG\xe4\xcb\x16Lh\xa9\xa9\xb1\xf4\x0b\xec"2)i\x0c\xf8F\xfbX,\x06kLh\x07X\xee\xb5\xaaK\x04Dk\xbf\xa54\xcf\xd4{(c"\x1f\xd3\x16\xe4\xc5\xb2\xd6*\x90\xe5T\x8b\xd0\xee\xba\xd1\x99\x8e*\x0fN\x0bm\xa3\xa3\xe6\xf6e\x8b\xa5\x81&amp;4\x90\x86\x92\xc6\xf5x\x8e\xc1`\xd5\t\x85hx\xb4\xb8\xb99\xf4;"*\x91\x07tT\xb7\xb1\x9a\xcb"\xc5"\xc1\x98\xd1Z[[\xdb\n-\x0b\xaf\xf5\xa6\x1f\x97\xfb\xfd\xc9\xd1\xce\xce\xf6@\x84\xece\ti\x95+\xed\x86{$\xe5z\xdcmf\xb1\xecB\x0c\r\x87\xd767\xaf\x13Q\x8a\x97\xa3\x03\x03-\xaa\xc8=\x01U\xb4\xae\xf4(\xcbT7\xa8H\xfbH\xe0\xe5\xce\x89\xe9\xe4\xe5\xd4\xcb\xa3\x9d\x83S\xf5\xc1\xf1vPk_\xael\x90@"\x9f/\xee\xf6\xb3\xc6\xb9\x12\xacnns\xd3m&amp;d&amp;\xfe`"&amp;\x066B\x0bw\x19\xb4\xc9\xa4\xd2\x18\xe8l\x16.\x8f\r\x89\xb7\x8f\x8f\xcaq:\xd9&gt;&gt;\x98/\x15N\xc1)\x8c\x8e[h4\tc\xe8\x936\xb7\x19\x1as\xb21\x96\xdb\x9f\x88\xb7\xbeKD\x83\xf8\xf7\x991\x16c2\xd7\xf9]\xcd\x83\xd5dc \xd0*H=\xb8\x17&lt;&gt;=8\xde9y)=\xd9&gt;\x88\xce*\xc9\xbd\xf8|\xa9T4\xb7\xf7\xb3-)\x17\x99\xacA\xb9\x02\'"\xf1\xbbC\t\xefW\x97\x88\xc0\xba0iU;\x14\x8dFT\xce`\xa0\xf7|\xd9\xf4\xf5]\xb3g43\x7f\xba\x9d\x9e\xda\xdb\xdb\xd8XZ\xdd\xd8\x98Z\xdd\x9f%\xb7\x814\xf2\xfbw\x97\xfb\x9b\xc9\xa0yp\xb9\xa9z\xc4\x1f\xdar\x1b\xbe#\xe4\x05\xbc\xe2\xca\xbe\xcda2y 9j\x86 mo\xb4\x95E\xb2evw[\x0f\x01\xd3\xff\xcf\xfe\xde\xc6\xa1\xb5u\xbc\xffE1?(\xb1@\x83\x06\x81D\xc0MY0s8\xe1\xee#D@\x80\xf3\xd3\xfd4OY\xfb\xa9\x0c\xed\xd3\xc1\xba\xebU\xd5\x94\xa4\xd1\xb6\xf6um9V\x93\x7f\x9c\xfc\xd5\xe4\xe4\xe4\xc6\xfe\xfe\xaco4\xf7b33\xdd\xea\x94\xa0v\x08c;\xbb\x9cl\xa7\xb9\x94yu\xff2AX\x17*~|\xf8\xf9\xa5/0\xc8\xd5C\xa5\xde\xbdA\xd1\xb5\x1a\x95\xaa\x83rj=~&lt;\xb5\xb4\xba:u\xb8\x14\xdd&gt;8}\xb5\xb5U,\x91nB(\x03\x85\x11D\x06c\xfd\xf0\xb3p&amp;sF\xe8\xaeM\xc5G2\x14\x82 \x94\xe5\xe2\xa3CF\xabq\xfb\x08\xf4\x04P\x89\xdb\xa0\x1e\x8f\x8e\x8f\x0f\x8eOK\xaf\x8a\xc5\xf0\xd0P]5c\x0c\xb1\x0c\xc3\x02\x0c\xf9\xf6\x9d\xb3\xaf^\x13\xbbrP\xf1\xeeS\x14\xd2q\x1f@\x14.Ze\x05\x074\x88\x9dF\xe9\x12\xe7dG\xb1\xb3}\x04(\xf3\xc0VxG\xeeS\x04T\xd8R\x8fa\x02\t\xfb\xf6{\x17\x08\xdfKz\xff6L\xe1w\xc0T\x8a@W\x15\x9d\x00\xb3\x9a\x07z\xe9\xde\xde\xd2\xcb\xef\xcf\x89O\xeb5k\\\x83\xf7?\x85\x05\x88\x05A$\xb0D\xfe\xd1\x05\xe2O\xc572\x1d\xd4#\xe4\xf2\xa9\xba\x9b\xd1\xa8\xb5\xb77\x9a\x9e\x98\x98]\x9d\x8dZ\xa3\x13\xb7nU\xddwQ\x9a5\x06\x80\xd5#a\xd7\xb3\xd9\x08\x06K\x9e\xff\xed&lt;\xb0\xfe\xfa\\G\xedA\xc7\xb8]]7\xac\xe9\xa8\xd5:\xb1\xfa\x81\x8eB\xe1\xf3\xab\xef\xa0\\&gt;\n\xcb\xe5=.\x97\xcb{\xaf\x03@\xd5\xd7\x0fc\x18\xf2\x8f\xf3X^\xac\xf8\xf0y\x07\xb7\x8b\x0fcN\x8cR;\x0b\xa8f\x1f\x7f \xef\x90\r\x0f?\x97\xd5\xf7\xcb:d\xd80\xe4\x1d\xf4z\xabel6\xad\x1e\x01g\xf8\x9bs\xd9w\xfb\xf5S\x19,\x84a\x19\x82u\xdc\x98\x9d\x88F\x1f7MPP\x08\x1e\x96a\xf2.\x98J\x1dC\ra\x91wNW\xbf\xc2nXA\xd8l\xf6\x1f&gt;&lt;\x0f\xaa\x0b\xef|\x8b\xc8dB\xec\x81\\.\xe9\xa9\x9a\x88Z\xd3\xd2\xa5\xce:\x1d\x85\xdf\xd3\xd5\xf1/\x9d\x9d\xc2b\xc4\xe3m^F\x17\xad\x86VSS\xbe\xc7?\x9d\xcf\x92\xf3o\xff\x8b\xc8\x9dB\x0cv"+2Wg4\x9a^\x9a\xaae\xf1\xef\\\xbf\xdb\xa3\xa3@v\xfe\x9d\xe6\xb8V\xeb\x82\x90\x86\x9a\x86\xabW\xdf\xa6\xb1i\x7f&gt;\x9f\r\xe7K\x8f0D\x02\xda\xa4LN\xeb\xa7^\xb7Fg\x01\x96\xeb\xfe\xa0\xeb\xda\xddk\x9fQ \x88J!\x91\xbd:\'\xad\xb2\xf2\xea\xdb\r\x95\r\xec\x8f\xffr&gt;X\xff\xe3\xdd\xfc~\xd3\xc8\xae8^\xffJ\xec\xac\xb0V\xb27\xb1\xd7)^\xb3\x8ee7\x0c\xa02\x83\x11\x83\xc2\xc43\x8cf2\xa5\x0b\x99\x01#\x18#\x0b\xd4\x95\x85\x88\x15\x84\xa0\xc8\xce\xd4\xb6\x18\x01a\xb4\xc2K\x82\nf\xb3\xf0\x82\x8c\x02\xdd\x1ffm\x89\xc8\xeb:y!Ke\xaf\xf3\x18jK\x8e\xdb\x17\xc7R\x9f\xf2T\xb5U\xc7\xfd\x0f\xb6\x9bp_\xee\xebG\xdf\xf3\xbd\xe7\x9c;s\xee\xfc\x1bH&lt;\xf76\xde\x1d\x9b\x9a\xb2$q6\xea`\xf1,\x96%P\x14\xad\n%\xa3\xcd\x98\xce\x897\x0e\xb9T\xab\x98\x9c\x9d\xcd\xcf\xdc\xfdCk&amp;&lt;{\xdf \x85\x1d\xb7\xedT\x8c\xe2d#\x06\x10\x04\xe9\xf5\nt\x88\xa6\t\x12\xe4\xca&amp;\xb1s/\xf3\x9eY\xc9\x98B:=\x99\xcfO\x9f\xdd\xfaE\x8b\xd4r\x1agvv\n\x1e\x8b\xa11Y\xa8\x95K \x89\xd6\x05\x08\xa41\xd2+0\x90\xce\xe6\xd1\x15&amp;\xe5cC\x8a\xe9\xe9\xfc\x05\xf9\xbd\xb3\x16\r6\x7f\xf2\x86\x0fB\xf9\x89F\xa3q\xfe\x873\xa6K\xd4\x92\x1c\x81"U\x1a\x17\x04\x01\x0c\x98\\3\x96\xc2\xac\xe4\x86\\\xae\x9d\xb8 \x9f\xf4\xb4\x0c\xeb5\xef\xf5\'\xb4\x13\xf9\xeb\xe7Y\xdc\x9d\xb0%\x80 \xce\xe2\xa8\x10\n\xc59\x0e\xb0\xba\xee\x19\n\x13C\x8a\xf1A\xed\xe0\xa0\xd6\x92h\x15V\xef\xbfS\xc9l\xc5%\x1f\x9c\x98\xb941\xe3\xe1u\x0c)\xd0x\x08\xa8%\x19\xae\nB1\x11vvlH"\x95J$C\r\x93\xb5UXW\xd9\xbf\x94\xc9\\`gP&gt;-\x9f\x9d\xf1\xe8\x12\xcd&amp;X\xaeV\xad\xba\xa4\x89\xe1\x021\xd7T#?&gt;46&amp;\xbaK:\xc5\xbb\r\xad\xc2\x9a\xff\xd7wi\xaf=]\x9b\x9a\xd6J&amp;\xc4\xb2\x17\xd3\xf1\t\xbe\xc4X\x13\'\x0c\x9f4\xb9\xa7&amp;\xf3\x13\xd2\xf3Q\xd8k\x92\x821\xe1\xb6\x9d\xcd\xb5\xca[G\x0b\xb9L\xb6\x12\xf9sC.\x91J\xf2\x1e\x8b\xcbS8M\xd8t5\x86\xb7\xc6\n\x93R\xb9tlhhhD;e2\xdatP\xb9Ej\xf5\xbc\x86\xedjR\xf0\xdb\xbd\t1CH$\x1f5\xa6\x1a\xb3\x05\x8f\xcb\xedN\x9cZ\n\x93\x92q\x89ddddHk\xd9p{l\x905y\xabUj\x01^U\x15\xcc\xe6r\xe4\x86\xcd\xf2W\xadDrA\xae\x9d\xdc\x11{\x85\x9d\x9d\xc6y\xc2\x1a9\x1f7\x9du\x996&lt;;\x9e\x8d\x8d\x96a\xbd12i\x81!\xd39;l4\xad\xb8\x0c\xb3r\xa9B1\xad\x9d\x96K$\x12\xed\x8dk#\xd7\x14\xd33S\x16\xd3F\xccS\xb0\xd8\xdc\xafZ\x96\xe5y\x86#\xb8\xf2\t\x96\x8b\xc7\xbdA\x1f#\x16!\x85V!2\r\x8d\x8c\xdc\xb8\xa1Phg\r6\x9b\x15\xb2Z\x1e\x16,\x86\x9dV\xd5\xc4\xdb"V9T\x05\xab\xc7\xd9`\xa6\x92\xce\xe2\xa8\xd7\x183\xdc\xd3j%\n\x89T\xab\xbd7\xf3\xd2e\xb5\xae\xfcc\xdbdxhh\x18,\x9e\x16a\xcd?\xe7A\x86\x03\xc1\x12\xcay\x83v{.\xca\x86\t\x01\xb0\xda\x1e\xba,\x96\x97/m\xbaX,\xb6\xb1\xb2\xb2\xed\x84b\x05\x17\x04\xe9\xdc\xadR\xeb\xc4$\x10\xa8\xb7\\\x06\xb9j:n\xaf\xa8\x97X\n\xcff\xd3\x99 \x1c\x88\x04\xbc\x11\x80\xb7\xae\xacl\x00H\x84/\xd8|G&amp;]\x8b\x1e\x94\xcd\x95\xf82F3\x0c\xc8\x94J\x9c\xd7\xae\xf2\xab\xc3\x14\xebX\xdd\x8c\xaa\xfd\x994\x1d\x8f\x04\xc4s`\x85"N\x18r\x19"\x8b\x11\xdd\xe7\xadi\x035\\\x92/\x0b$Sb\xcae2XQon\x16)\x8c\xdd\x8dR\xe1\xdcZ&lt;\x8e\xc0\x11\xc8\x08\xad\x98\x80\xf3\xf9tOb\xf1\xc8\xfaEK\x1e\x93\xc94i&amp;YCQ\xb0\x0c\x82\x1c\x97\xf6\xabW\xa3\xc5b\x91u`\x1c\xae\xce\xa5a/\x1c\x01 \xc8d\x8c\xfcm;\xb2\rA"\xd6\xd9W\xad\x90Kv\xb0\xe6-7\xd1:\x07\x92B\x9d\xc8\xe2aUq3\x1a]]\xa5\xca\xf4\x97\x95\x94/\xee\x83\x01\xc8j\x82"\xdbH\x00p.\xfexd;\xbd\xdf\x8an^\xf6O/\xc9\x95\xab!\x82\xa0h\x14\xcf\x12\xc5M\xb5J]d\x97\xe8\xa6\xe0G\x9c\xbe (\n\x05\x99 \x18v"N\x18\xfe\xee\xc8\xfa\xea\xf2\xabw\x7f%\x93\xcd\x87\xbcq\x94DQ\x9cb)!TG\t\x0c\xcb\xf9\x8b\xab\xd18\x08\xe6\x82$\xec4Bb\x10\x8dNd\xd1\x07#Hj?\xe2~\xf5\xf1\xdd\x16|\x84xD\xda+D\tEi\xbaX\xa4(\xb4\xcaU\xebt8\xbcJ\xc7s\x81\xb4\x17LBF\xa6\xcc\x18#\x08\x02\x07\xbd\xc8\xe2z*a8\xbd\xff\xf1;\x8f\xe2\xf0\xebZ)\xedG\xab\xa8x\xd3\tcQ*+\x9cp\x02\x11\x8e.\xd5\xf1U2H\x06\x9aM\xf1$\x88\xbeJ\xf9`_0\xb8\x9f\x02t\x06\xddY\xe3\xfbw\xfc\xeen\xf8\xd1]\xdd\x19\xa3\xca\x9e\xd4\t\xfa\x18\xa7\xa2\xe1b1\x97\x16Pbu\xf5\x04{Lp\xb4\x17,1@\x04\x00\xe3k&gt;_\xc6n\xdf\xf79\x8d6S\xb2\x90\x7f}k~\xf8\x9d\x81\xc9\x86\x9f|&amp;O4\x93\xaa,JQ4ME\x1d\x18\xcb:\xa2a\x8a\xfe\xdd*\xe1x\x9ck\x1e\x13q\x8e\x0c\xd4N\x13p\xea\xc75\xbf}=\x83\xa4\x10\x13\xc4\xbbo\xdc?0+o\xbf\x1b0\xd9\xe8\xe8\xd5G\xbf\xbc\xc4\x97Iu6\x8da\xd41\xe6p\x84\xaa\x1c.\x92\xed&gt;\r\xe3\x87{\x9b\x0c\xed\x08\x9f\x94j\xee\x86\'\xb5\xfe\x8d\x7fam?\x88\xec/"\x00\xef\x96\x0c\xbe6o\x1dh\xe6eo_\xa8\x9e\xb6\xfe\xb6\xf9\xaf/\xe5\x13\xcd\xccf(Da\xe2r\xfc\xc0rL\xb3\x14\xa2X\x16e\x9f\xee9\xca\xa5P\xa9v\x9f\xf7X\xe0\x85oU\xaa\x05Q-_\xeah\x11\x08l\x8c\x0f=Wn\x1d\x1ch\xe6\xe6\xdf\xae\xf7\x87\xfb\xfa\x96\x9fu]\xbc\xfd|\xf0\xba.\x19Tgq\x1a\xa7\xce\xb1~p\xa0\xa5\x13\xfa\xf8\x98\xc6\x0fi\xfai\x9d\xafqBS\xb7\x01\x7f\xb3\xe0\x17\xb1*kp\n\x8e,\x02\x08$\x7f\xf1\xbdyK\xe4\xda\xdaRv\xbc5\xf3\xcb\x86{\xf5\xfag\xcb\x9dWn\xfe\xfaS\xf9\xf5D0Md\xe9P\x9d\x8a\xae.\xed\xee\xee\xed\x1e\xa3\x1c\x8a\xed\x1e\x1e\x9e\x94\x1d\x8fY\xac\x0e\x1a\x01\x1f\xb2\xbf\xa0V\xab\xfc\xebb\x0c\x9dN\x04p\x9a\xe4/\xee&lt;\xd9\x12\xb9\xce\xc94sW\xdf\x8a\xc9d\xa3\x9dz}\xdfr\xdf\x95\xae\xab\xb7?\x1d\xbf\xc4?PU\xab4\x1a:\x8e\x8aLl\x14\xa3X\x8c\x08\xa6\x9f:\xca&lt;\xfd\x94j\xd6\x9a\xa4X\x143\xaa\x07\x0fT\xf6}\'\xb2\xb6-\xe6z$&amp;}\xf1J#\xaes\xb2\x03q7\xdf\x1e\x1d\x96\xc9~\xa6Tm\x03\xfa\x81\xfe\xf6\xbe\xbe\xae\x9bW\xe7\xbf\xfeh\xc2\xa3\xf2\x97J\x14\x86R\xc7\x8e\xdd=\x16\xa3p\x02\xdb\xc3*K\x04\t4\x1d\xc9\xd3L\x06\x80\x8c\xa4]\xb4\x96*\x93B|\x08\xe0\x83\x9dpA\xfa\xe2\xce9\xcd9\xd9\x1f\xc5Md\x1bx\xaf\xf7\x93\x9f!\x9aH\xd5\xa1\xec\xe8\xee\xed\xed\xee\x7f\xbf\xabg\xf8\xab\xdf\xc8?H\xa6I\x92\xde\xa3\t\xd1\xe9K,\x86WQ\xdaAW\xa2\xc2f\xb6\x86\'O}\x1b\xbam \xb3\xa0\xca\xa9\x16Rpp\x1d\x02\xd6|H\xa01\xfe\xe23\xa5Yc6+5\xa2\xf3\xcd\x03J\xcd\x96Fi6\xcfu\xf4\xfe\x7fd\xb2\xd1\xf6\xbeg\x03\x9d\xed\xed\xdd\xfd\xcb\xfd=\xff\xf9\xb0\xe7\xc9\x9d\xc1\x0fv\x181\xc9\x1fb\x9cP\xa7\x8aQ\x0cGQ\xcaA\x84\x88\xcco\xff\x040\xa4\'\xc0\x9f:}v\x95JL\x0fA\xe7\xfa\x82N\x87\xa4\xbc\xeeq\xe9\xc8\xf3\x01\x8dF\xa9\xd7\x9b\x95\xca\x83\x83\x81\x0e\xbdyK\xa3\xff\x1f\xdc{=?9\x9c\xb2\xe1\x8b\x9d\x9d\xcb\x03\xfa\x8b\xed\xdd\xdd\xdd\xfdW\xdaz\xba\xda\xae~q\xf9r\xde\x13\xc2\xab\xbb\xbb$\x88\xe28\x15\xc6CD\x91\r\xd1\\\xee\xf7Kd"\xedfJI$X\x11\xb1\xd6R^\xe4\xdb5w,\x92\x02&amp;\xc7%\x97?\xd7\x8bb\xe9\x07\xcc\xe6\x0e\xa5\x18AQ/\x8dF\xdf\xd9\xa1\xd4\x98\xe7\xba\xdb\xde\xff)\x9a\xc9\xfe&gt;z\xb1o`yy\xa0\xb3\xebb{{\xfb\x95\xfe\xf6\x9b]\x1f\xfe\xea\xe0\xfeD\xbe\x91\xa4\xe2\xf8!\x91,\x9d\x84\xea4\x1d\x12\xf3)J\xc7\xd9\x93&amp;\x01\x08\xc9\x9a\x00\xc2\x99\xca\xc2B%\xe3\x85Sj\xa7\xce\x14\tz\x06\xff\xcb\x88\xd9\xc5\xb4u\xdea\xdc\xe7\xc3\xe7\xd3\x1c\xdb\xc7\x1f\xe7c\xe7\xc4.&gt;\xaa\xcd1\xc8\xc4FTJ-m\x96\x89\x0b\xc6\x19\xc8P\x89R.*"\xacS4\xa2 \x16\xe3e\x8a\xe3\x8b\x08%A\x08\xb3\x08\x11\x12B+\xa8%Zh\x98\x84\x02\x01\njQ%\x92\xa9\x95z7)\x8a\x14\x1aq\xd3\xee\xb6\xbb\xcb\xa2\xfd_g\xbb\xdb\xb4\xbd|\x08\x90\xc5\xfb;\xcf\xf3\xfc\x9f\xf7\x85w\xde\x1a+\x03AL&amp;\x00\x8b\xdc\xfe!\xe6%\xad$p\xf1$\x99D^\xf2\xb8\xeb\x14D\xfb?\xe0\x1a\x1b\r\x9a\xc6=\xa4\xe4IJv\xbb\x84K\x92\x84\xa7R4\x9b_\x12\xa3\xd4\xe1\xb3\xf4\xfc\xf7\x83][\xd3\x8b\xe8_\x93\x8bS\xa5t_\xa9s\xf6|[\xff\xec\xdap\xd7\xdd?\r\x8c_\x1d\xb8\xfb\xbbw\xdfm\xdd\xb8p\xa1\xe57\xb3z$\xa2l\xc2\xf6\xbd\xb1#\xa27FT\x92?l\xcb\x0c\x83\x14C\xf3M&amp;\xc1[\x02\xa7%\xcc\xf8_d\x8d\x8d\x81\x80\x01\xd6U\x18\x8fDXv\xbb\x9d\x96\xd0\x02\xb1X3&gt;\xc69\xa3\x87\xeb]\xb5\xe7\xf7\xbb\xd2\x9d\x9d`cbr\xbe\xd8\xdd\xd9v\xbf\xd4r\xee\\\xd7\xfb\x13\x1b\xf7\xc6\xa1\xe0\xaf\xb4}xey\xf4\xfd\xf3\xfd\x13\x87\x8a\xf2\xf6X9\x19\x8b\xf5&amp;=d,\x96\xe4\xf1v\xb0\x91\xc1\t\xf8IL\xae\xe0\xb8\x87\x90c0U4,\xc3\xf8\xef~6\x06\x0c\x93\xc6 \xe5^\x9cg0R\xc6\x00\x8b\xae\xebE\x9b*\x9bz\xf88\xaa\xeb\x17w\x8bO\xab][\x99R)s\x7fy\x04.\xcf\x13\x03\x1f|w\xff\xf6\xb9\x89\xaf.ll\\\x1d\xdf\xb8\xd9\xd6\xf2a\xe2Q\xcb\xed\xb6\xf5\x8bJ\xb8Y\x9f# \xedI\xd9C\x02\x00\x89[\xdb\xdb\xed2\xc9\x80N\xed\xbd\xa0\x1bI\x90$O\xca\x16\xe1U]\x02\xf1\x9fz\xa3.\x93Ac\x92\xd7\xebep\xdc+\xd0\x18I\xe0u\xb9P\xbah\xd3\xd4\x8c\x9e\xb9\x9c\xeev\xe4v\x07\x9f\xa6\xdb\xd2\'\xb5Lf$1\xdd\xb9\xd6u\xfd\xf7_~\xbe\xb8{\xe3\xc6\xf0\xddo[[\x07F\'ZF\'\x17o\xcc\xce\xef\xfa\x14\xe5L!.#\xabH\x0fI\xc8\x08$\xb6\xbd\xddk\x91G2\xc8\xd4k\xf1\xa0\x17,\xc2\x02b\x95\x15\xe4\xa4\xc5\xff\x1b\xac\xb1\xf1\x14xX\x1a\xa3].;\x8d1\xbc\x84{q\x89\xc1Y\x84\x05\xd9r\xd1,\xe8\x84\xe1\xac\xc9\xb2)a\x93\x12Cn\xf1\xd9\xd3\xa1\xb5\xf5Lw_\xadz\x7fkztje\xf2\xdb\xab\x89\xae\x0b?\r\x8f~v\xe7\xd1\xe2h\xff\xf9\xf1\x17-\xbb\xd7\xd6\xff\xa2\x04\x1b~,\x0bG2\x1c\x14\x0c\xcfk\x82\xa0\x91\xf5\tl\xb7x\xd2#\xcb\xd0f2\xa2"!k\xbd1\x92~\xcdz\xad\xde$\x03`\xe8r\x80c\x02Iz\xc1&amp;T\x068\x06E\xc53\x8c\x07\xa71\xccsT\x91R\xa6!\xec\x11\xaa\x9d\xb6\xa7\xd4\x94\xc6fw\xa2\xba[\xfc\xe4\xe5\xf3L\xd7t\x11\x8e\xc6\xd2\xcb+\x89\x95\x91\x17\xe3\x1b\xe3\xadw\xcf]\xee_\xfe&lt;1?\xda2\xb1\xbcxam\xfd\x90\xa2"\xb9\x05\x818\x02.\x8f\x87\xb7vfv\x1ef\xf3\x02\x01\x85\xdf\x1b\xb3d\x0f\x98\x07\x80$Ax\x18\x02\x14\x8d\xc9\xde\x94i\xe7cIR\xb0yq\x1a\xca))\x93\x15I\xc2\x10\x95\x84y\x19\x86\x96 \xef\x92\x8b\xf6x0\x0c3\xf2\xfb\xab\x16\x9b\xb2\xdbU5\x952\x02\xf1\'\xa2O\xd4\x1d\xc7S\xc5\xe9\xe3\x8e\xdaT\xdf\xda\xf8\xca\xc8\x9d\xc4\xcd{\xad\x89G\xf3\xb7\xcf\xd7&amp;\x13\x03\xa3-\xf3Sm\xfd\xcfr\x94\xaep\x9b\x02Q7\x8c$xk\xf5-\xc5\xf1ca\xae\xbc\x17\'b\x96e\xc1\xa6\x88+&amp;\x83\xbf&lt;\xc3#\n/\x8a\x0c\x19k\xb7A\xe4\x8e\x920\x13P\x01\x18\xf4\xa6d\x97@(\x06g@+\x9e\x16x\x8c\xd5z\xb2\x9b\xd1\xdc\x9e\x06b\xc10\x9a\x9ai\xc4\x0bz\xd4\xe9\xfbu\xfa\xa4\x0f\xfe,\x1bJ_\xab\x8e\xbcXN\xdc\xfd\xe3\x9f\x13\x8f^$\xba\x8a\xd7\xef\x0c\xb4\xf5O\xf5u\xb5\xb9\xfd\xbaB\xedX\xbc\xa7R9:"\x08\x82\xe47}a\xa5\xe1m\xdf\xe3\x83\x9d\x07\xe5l\x1e\xb0\x08\x02\xdc\x8b%\xeb\xd4$\x89F\x02\xc0Rl\xbe\xdd\x06\'1\xe1\xc11\x1a\xa6\xef\x8dX\xa8&lt;\xc1E\x01\x134S\xd3Xka\xff\xc0\x11\xd1\x7f\xd60:E\xdb_\x1b\xaci\x04\xf2O\xa2\x9cS9\\\xef\xc8\xcc\x0f\r\xdd\xacM\x95F&amp;\x97[\xefm$\x12w~{\xbd\xf3\xfa\xf2|[\xba\x9a\xde\xba\xe8\x8brJ\xc1\xa2\xe5\n\\\xd6 Q\x04\xc1/&lt;\x8e\xf8\xa9`\xb8\xe1W\x11\xc7\xad\xd5\x9f\x1f\xb6\x13\xbc\x00\xb1\x82\xb4[\x00F\xc0t\x82\x93\x16\x0fY\xe9\xb5\x112\xf8D\xa3\xb8\xd3\xe0\x1eh\x04q\xc7\xf9&lt;\xcc\x9ca\x10\x0b\xfb;\x07\x8fE\xce\xa1s\x05\x01\xc3i\xda\xae\x9e\xb2\xec\xa9\x19\x88/\x89\xcd\xba\xef\xa3\xdd\xbe\x0c\\\x9fK\xa5Zud\xe4\x05\x9c\xcf\x89\xee\xeb\x7f\xf8\xe6\x8bG\xf3\xeb\xa5\xda\xdap4\xca5\xadf\x19\xd0\xaa\xe2\x05%\x08x\xcb\xce4\x04)*H\x05\x95HC\xc4\x1f\x1a+,=(\x0b\x974\x02\xfcL\xca \x1dT\x05\x0f|^\x9a\xb0\xe1\x12\x0c\x1f\x80a\x18\xf8\x07\xaaa\xb8$\x80q\x81\xf8\xc2\xfe\x93\x99\xcb:\xb4\x14\xa5\x87\xc4\xe8\x81\x8518&lt;\xc7\xa9\xa9\xbe6\x03\x81\xfc~\xee\x0c\x15V\x86\x8f\xa7j\xdd\xe8J89\xb2|\'\xd1\xbaX\xec\xf8\xe6\xbd\xef\xba\xafmu\xa4/F\xa3\xfa\x99\x83,\\=H\xd0\xdf\x03\x06\xf1\x04\x19_\x8d4q\xbe`\xd0\x17\xf4\x81\x9d\x8a\xd2\x14v&gt;^\xdd|\x98\x17,\x19\x99\x06/"Ih2\x92\xe1m\x12\x00A\xec\xa13\xe1\xc3\x8e\x0b\xb4\xa6\xe5\xb3\x0b\x9b\xabc9\x8a\xa3\xfc\xba.\x86t\xd1!\x8ace\x13cP\xbcX\xf3\xd44\xcd\x9eKs\x97\x9b9_\xe4b\xf1\xf8e\xba\xd8]\x9d\x9c\xacN~V\xcadJS_\x0ff\xaeuw\x0csN\xbfof\x0f\x1e\xb2^\xc4\x1e\xd0\nv\x8d\x17\x14\x05\x98@.\xca\x17\xa6(\x8e\x0b\x87\x81N&lt;\xd8\x83"\x90\x91\\\xf0\x1a\xc85\xd4\xa6\x8d\xa5\xeb\x8b\xfd\x17\x16\xed\xca\xce\x15\xc6rQ\x85\xa3(P\xca\xed\x10s\xa2#\xe4t\xce\xec\x19v\t\x95\xbdV\xe7b\x03=\x0f\xc7\x9a\xc3T\xc4\xfd\xb7\xe2\xf4\xb5\xce\x8e\x91\x91/W\xaaS\xdd\xc7\xd3\x8bC\x83\x9d\x99\xc1\xddw\xf4\xa6\xe0j\x96\x85\x11\x92P\x17\x83\x02\x84|\x84\xd4\nr\x1c`\xc1\x82g\xe6\xa2~\xf8\x14V\xfcs\x06\xcc\x18\xe3A\xf9Ce\x01\x1deC\xb1\xaak\x85\xd1\xe8\x98Q\x8d}QQ\xfc\xce\xa8\xee\xd4\x9d\x81e"\xad\x00\x00\x087IDAT\xa2\xd3\xedp"2\xa7&gt;\x93\xd5\\0\xbcP\xae,k\xbe\x86\xfa2\x02\xe5\x03\xa5\xc9\x1f\xe1f\xfbj\xddC\xd5\xc9\x95\x95j\xa9\xb3\xb8\x95\x19\xaafNv\x9b&gt;i\x82\\\xb1\x1e\t~)&lt;L\x85\x87\xed\xc0\xa4x!\x02\x12qM\x00\x03\\\xc0\x84\xde\x83&gt;\xff\xa6A\xf2\xa0\x12\xe8\xeaE\xe5\n\\6\xecM\xe0a\xa1m\xedl\xbe\xe0w\xc2\xd2E\xc0r;\xdc\x88L\x0c\x89\xe2L\xd6P1\x97\x8aK)\xe8\xafT*\xa5\xa2\x80-\xe5\x1a\xc2\x91\x8fn\xc0}~p\x10\xfe\x90\xad\x1d\x1f\x9f\x9c\xd4j[\xc3@%\xee\xc4Y\x97T\xc1\xd1\xfd\x03\xa2%\xa3\xc43\xf9\x1d\x85\xa2\xfc\x00\xe4Gd~\xf8\xda\xef\x83\x94\x05\x97z\x98z+\xe18\xd0\xa0[\'n\x13`3\x1a\xb3\xabga\xd9\xed\x1a`E\x01\n\xb0\xc4\xa8\xc3\xedt\xbb\xc5\x90\xc3\x01x3eS\xd5\xce\x9a,\x86A\xaf\xb0\x80e\xb0\x86qi\xee\xd6\x99H\xb8\xf9p\xb6X\xea\xe8\xc8t\x9e\xfc2\xf8\xea\x97\xc1\xe2a0z&amp;\xb4\x94Wa|\x90\xbe\xc8\x1cx\xe3\xe1\xe0\x88\xefPQ\x8a\xd2\x01\'\xfc\x06\x8b\x82\xf8\xfb\x82\xca\xaa\x86\x86\x02\xa9\x04Dp\xd6H\x98M\x83\x13\x98e\xd5\xb3\x10\x98\x14\xabj\x97\xf2O\x90Z\xa0\x92\x18\r\x85\x9c!\xb7\xb3\x8e\x05\x91?5iVc]\xb4\x1d\xe0X\xd7Y\x97\xaa\x1a)\xbe\xbc\n!V\xb8\x9f\xd6\x06\x9f\x7f\xf1\xf5+X\xffx\xf2)\xe5k\xbe\xf5\x80\x07*\x15\xd2!U\xa0\x1c\xa0\xc3\xe1\xe4\xf02\xc2\\\xc8\x87\xf2\xe4\xa3\x90\x89&gt;\x8e\xe2\xc20\x01a\xa5\xa0\xa1d\x01\x16\x1cz\xa86%\xdc\xa6\x19&amp;Z\xf0\xf4\xb0hC\x8b\x1f\xf8a\xf2\x1cN\'\xa4*$\xbeQ+\xe4p\x8e\x95\x03,\xcd\xb2\x9a\n\xdb\x9d\x85\x1b\x8e\xa9\xc2\xd2\xd4@|3\xd4\xc0\x85\x9b?}\xf9\xfc\xe3\x8f\xff\xfe\xd7W\xdf\x1fG\xc3M\x91\xb1\xb2\x86\xd9\xebZ\xd1u\x19 \xcf^\x9e\xc7y\xe1AN\xf1C;\x04\xd1\x14r&gt;H\x18|\x07=S\xe8A\xcd\x86b\x8f\xf8\xe1p\xe6m{\xa6\x06Qa]j}\x16\xd97X\xffl\xc2\xfcy\x14\xb7\xa2(\x8ea\xed\xe7\x87=\xfe\x036\xbbv\xec@dk\x9e\xc1\xd3\xe0f\xd3R\x06YB\xe1#\xa4@i@|\x82\xd1\xb4S \x85\x8a\x06\x94\x82&amp;\x15\x943\x8b5\xd1f\xabI\xa4\xd4\x91\xd2E\x9a*\x1fb\x95s\x1fL\x12\xc63\x03ZF\xfeq\xefy\xe7\x9e\xbb\xa6i\xb7\\I\xe6\xb6\\\xd3,M\xfb\xfe\xf0\xc20zx\x182\xf0\x0c&gt;\x03i\x10\x8e@\xbaX\xcf\xb3\x1b\x91i\x7f\xfe\xf0\xcb\xaf\x7f|\xfc\xe9\xe7~\xe0\xefO)\xe3t\x8a\x98\xaa\x03K\x7f\xa3{\r\x1c\xc6\xbaem\x1e\x03\x8dL\x0b\xe5jj&gt;\xca\x05\xc5\xd3,`p\x08\xcc\x15\xcfS\xac:\xe6\xddi[\xdb\xa4\x11Z\xc8\xd9\xd0q$\xd6t\x7f\xaeV\xcb\x8dm3v]:\x8c\x89\x19?\xeeRh\x9e\xba\xcd\x86!\xf1q\x15\x9fD\t9\x9f\x14\xb3\xfc\xcbf\xff\xebo\xbf\xf9\xf8\xfb\x07\xd8Py,&amp;\xd4\xeb:\x1b\xaa\xed6a\xb5\xe1\xa9(\x84\'\xb1:\x12\x8a\xb04\x92\xbc\xe6wD\xf0&lt;\xb1\x10{,\x0b\x86ea\xc8L*Q\xdb\xa0\x1f|\xc8\x08\xcbA\x93\xa2\xf1*&amp;W\xb0[&amp;l\x14Xq"\x7f.\xd7\xa0w\x86$*\'t8\x0e#\\\x8e\xa3K\xdc\xe2\x8bjy\xd3\x17W\xef?|\xf7&gt;\x13\xf3\x1d\x8f \x08\x8f\xec\xe6\xed\xdd\x1dD\xd3\xd6\xdb\x86\x81so\x10\xd6M\x87\xfaFM\x84\xc2\x80\x05\xdd\x0b\xf1\x90Z\x1e\xa60F\x82\x82\'V\xf7\xf9\xab\xdaA\n\x98\xb0R\'\x95X&gt;\xb9B\x0b\x1d&lt;c\xc9\xcb.\x8f\x8bT\xb2\xcb\x8bd#\x03\x05\x044b\x8e\xb5y\xea\x04\xa2\xd7\xd1n~\x9b\xdd\x86l4\xc2\x88wh3\xb9C\x03\xdb\r\n\xc60\xf0\x86\xb1\xd8-\x03\x9cB\x1f\xaa\xd7\xb4\x0b\x16J\'\xb6\xddW,|\xebJ\xb4\xfa\xa2\x86\xe6p\x8ci\xdcq8\x8c\x10\xf3\x8a\xa7\x1c\nw[`\xb2\x91\xaa\\\x12\x99\x9b\xd8\xcbJV\xcbA\x80\xc5[Q\x8a\xba\xfa\x19-\x8f\x06|\x84\xed\x03\xd9\'\xd6\xdc&lt;(\xab\x82E\x1cv\x837S\x14\x91\x13\x1aXo\xe0\xa7F\xc3\x98Vf\xbf\x93\xf7|\xea_OV\x8d\xb0z\xc1\x7f\xd5",6~\xbc\xae\xa1\n\x98\'\xd0\xd6p\xe8L\x06&lt;:\xcd\xe3\x92\x04\x05\xd5\x9f\xb1`\xa9\xe4\x140"HIb\x85\xb2\xbc\xcc\x19\x8eB\x80a/J\'\x9b=\xf8\x7f\xbc\xdf-&amp;#\xaep\xa6\x0e\xe0\x0cXj\xc8\xdb\x1b\x14\xf20\xa7\xd1\xc4\xe9\xb1\xd5\xccs\x9f\x80H\xf8\x18D\xff6Q\xd7\xa5\xb6\x14\x8a\xd6\x07\xf7\xba\xb6/\xc8\x1ap\x0f`\xe1I:^\xd9eBg\x11\n\xa3&gt;\xe2)\xaa\x15\x9b\x0f\xd3\xd4\xc1Jv\xc6b\xf4\x8bA\xf3\xc0\x8a\x90\x13\xab\xfb\x1c\x07wu\x98\xa4P\x1eWC\xeb{\xe3\x13\x92\x1d*DN\n\xd5\x1b\x94Y$\x16\xeaC\x17\xd9DO\xea\xde\x17&gt;\x9ah\x90\xe4u\xdd\x82\xe9\xf2\xbf\x83\xac6\x1fS\x17\x15N\x9a\x81\xfb1H\x1e\x1b\x04\xb0L\xc8\x0b\x87\x91\xb0L\xa4\x88\x87i7\x057\xc3!\xe3\x84D`\x18W\x8d\xcdm\xb1{\xc2a\xcd\x93\xd9\x98dJS\xb3\xa8\x10J\x91\xe0Q$\xa8\xeb\xae\xfd\t~d\xe1\xb6\xd3m\x8e\xf1\xec\xd3a$\xac&amp;\xb9DO\x88\xce\x11X\xd83`\xa7u\x14+\x9d]e\xb5\xfbS7\x8d\xc2W,\x95\x9fp\x12\xa5\x87\x9ag\xd5\x93\xe3\xc3O\xe3}1H\x19\xec\x81t\xa8\xca\x9f\xd2\x98\x8c\xe3j\xbf\xeca&amp;&lt;V\x0b\x982&gt;\x9f:\xb8\x9d\xe1\xdd\xc0\xb9C\x91\xa0x\x9cC\xdd\x92\x8f\xe2A`\xe4\xf8\xf2\xd1\xeb]\xb0\xf0\xa0jA\x868\xb4\x98&gt;Q1\xbf\xbe\xaa\x95\x07\xc2b\x12\x0b\x9f\xdeA\x13\xa5\x87\xd2\x85/h\x1f\xaf\x92\x96=+P*\xc6\x95\x0b\xd6\xeb#=&amp;\xb1@9\xf7\x87t@\x0e\xc8X\xf70\x17\xcd\xad\xd5F,\xf5\x8cs\xa8\x93\xee\xedyF\xf1@\x0ez\xa9\xd5\x19\x0bSQ\x88mj\xd1\xd9\x90\xe1\xc1\x8b6%\xaa\xe5C\xf3\xb0d\x89\x85Y\x1d\x8e\x9f\xe2$!\xa6\x84\xc8Ly*\xdd\x12\xd5\x1a#\xcd\x13\x96\xcc\x1b\x97b)\n_/\xed\\[VE\xf7e\x04\x03\x8cF\xd1n\x99i\xe6\x83\xa1\xd3-\xa0\x16X\xbc\x9c\x88x\xe5\x15\xcf}\x9a\x85\xa0\x12\x94Q/X\x81\x7fL\r\xcaZ\xc0B\x04\xe4\xeb\xe0:\xabe\xfbi\x8a\x1d\x90]\xb0\xa2\xe9,Fq\x12Y\xb0\xc4u\xf1\x84\x9e\xbb\xf1\xea\xc4Ud\xa0\xb7\xf8\xae3\xc9\xe5\x10\xdfd\x8d`\xdd{\\/^^0\xc2P\xb0\x1d\xd6\x88Ns\xf6\xce",\x9ar\x16-T\x10&lt;V\xae\xe9\x11\xf1\xb2\xd9\x13(\x94F\xb3\xa7I-\xd5D\\\xa5\x94\x13%\x96\xae\xa4\xdb\x0cX\xbdy\xd1\xc5\xa0{\xc5\xe2\xc5\x8cF\xf4\xa5`\t\xb0\\:\x93v\x8e\xf1\xebI&amp;\xc5y\xfb/\x96\xa7Lv\xcb\x181\xc8\xac\xa6\x83\x11\x96\xb5h]\x06y\x0e\xac\x86\x14S\x9d&amp;\xef\x19\x0b\'\xbf\xb1X\x9b\x98\x89H\xca\xd4?\xd9D9|\xec*\xf4`\xb9\xefh,\xea\xacx\xca\xb2\xacf/7\xdd\x884\x0c\xacPV\x8b\xa4T\x96&amp;%\x07@\xb5Z\xc8\xf3q.\xee\t\x0b\'\x95)0S\x85B6.}\x84&amp;b\x99pE|\x9c\x0e\x06/\x8buy\x15\xc7\xc8.X.&lt;\n\x98\xf4_\x19u\x8f\xd6N\x85\x0cs\x97\xdc \xcb\x08\xd1\x941\xbe\'H\xf2\x9d \xae\xc2\xba\xf7F\</t>
        </is>
      </c>
      <c r="M193" s="3" t="n">
        <v>45492.67637731481</v>
      </c>
    </row>
    <row r="194">
      <c r="A194" t="n">
        <v>805038</v>
      </c>
      <c r="B194" t="n">
        <v>5926</v>
      </c>
      <c r="C194" t="inlineStr">
        <is>
          <t>Felipe Carballo</t>
        </is>
      </c>
      <c r="D194" t="inlineStr">
        <is>
          <t>F. Carballo</t>
        </is>
      </c>
      <c r="E194" t="inlineStr">
        <is>
          <t>VOL</t>
        </is>
      </c>
      <c r="F194" t="inlineStr">
        <is>
          <t>VOL</t>
        </is>
      </c>
      <c r="G194" t="inlineStr">
        <is>
          <t>VOL/MC</t>
        </is>
      </c>
      <c r="H194" t="n">
        <v>177</v>
      </c>
      <c r="I194" t="n">
        <v>8</v>
      </c>
      <c r="J194" s="2" t="n">
        <v>35341</v>
      </c>
      <c r="K194" t="inlineStr">
        <is>
          <t>Right</t>
        </is>
      </c>
      <c r="L194" t="inlineStr">
        <is>
          <t>b'\x89PNG\r\n\x1a\n\x00\x00\x00\rIHDR\x00\x00\x00\x96\x00\x00\x00\x96\x08\x03\x00\x00\x00\x0b\xdf\x81\xd0\x00\x00\x00\x04gAMA\x00\x00\xb1\x8f\x0b\xfca\x05\x00\x00\x00\x01sRGB\x00\xae\xce\x1c\xe9\x00\x00\x03\x00PLTE\xff\xff\xff\x9fzf\xa2|i\x10\r\r\x0b\n\x08\x0e\x0c\x0b\n\x0b\x10\x05\x05\x03\n\x07\x05\x07\t\x0e\xa4~k\xad\x82n\xa8|g\xc9\x8dw\x08\x07\x08\x1a\x17\x16\xa5{d\x14\x0e\n\xa8\x7fj\xc0\x88q\xaf\x80i\x9dwa\xc5\x8at\x1b\x13\x0f"\x1c\x1b\x18y\xaf\x16\x10\x0e\xa1zd\x0f\n\x07\x9bvf\x12\x0f\x10\xaf\xb5\xc1\xa2w_\x16\x13\x13\x19t\xaf\xbb\x80f+ \x1c\xc5\x97\x88\xfe\xfe\xfe\x9fyj\xa3s[\xabza \x19\x15\x1ax\xb4\x92p`\xc3\x91z\xb5\x85n\x0b\x0e\x15\xbe\x8ew\xcb\x9f\x92\xcd\x92|\xaf\x81t\xc7\x97\x81\x9f|k\xaa\xb3\xbf\x8aiY\xb4\xb4\xbb\xa5wc\xc0\x84l\xae\x86s\xf7\xf5\xf6\xa7\x81n\xa2|n\xbd\x89|\xc3\x91\x85\xa9|o\x9cwiqYO\xb5~k\xb4\xbb\xbf7%\x1f\xd0\x98\x84\x99sb\x19q\xab\x8cqb\x81gY\xbe\x8e\x81\x96wd\xa9\x83t\x8d`K\x9fnV*\x19\x12\x19n\xa7\xa8sa\xc3\x81q\xba\x8ar\x84aS\xb1yh\x9b{j\xb6rf\x91mY\xca\x9a\x87\xb4\xbb\xc4\xbb\x84l\xc8\x9c\x8cF/%=-(\x12\x16\x1d\xb5\x81r\xfd\xfc\xfd\x98jV\x83YLz`R\xc2\x85y\xc1\x94\x81\xbc\x84u\xb3\x84y-%$\x0f\x12\x19\x16\x1a"\x93eRB&amp;\x1c]E;\xba\x7fs\xc8\x91}\xa3xi\xfa\xf9\xfa\x8ccSmSG\xb6~d55;\x9dr\\\x86kaG6-fMA!\x1f"\xcd\x9b\x8dzYL\xa5\xae\xb9\xf0\xef\xf02-/\xactifRJ\xb6\xb5\xc0qK&lt;\xe9\xe8\xe9\xad\xb3\xba\xc5\x8a\x7f\xc8\x97\x8c&amp;\'+\xb5{_\xad\x88y5\x1e\x14jE8\x91i]qs{\x17v\xaaAGP\x99l_Y&gt;2\xbb\xb9\xba\x89\x8a\x93MMR!\x14\x0f\x93\x96\xa1b?2Q7.\x91xj\xaev[\x98s]ZLF\xce\xcc\xcf\x1aj\xa2\xac\xb8\xbcP&gt;8Q1%uQB\x82ID\xb4\x89u\xd3\x9c\x8d\xb4\xbe\xca\xa2\x81t\x9c\xb3\xc2\xbdyl\xb3zv\x98|q\x84YC\xac\xbe\xc5\xbb\xbe\xc6\x9fpb\xe1\xe0\xe2X8+wc[|TD\xd2\xa2\x95\x1d$.\xcb\x91\x85\xd8\xd7\xd9\xb4\x8b}\xcc\x89}\x96qh\x9ahNA&gt;@\x1b|\xbaX\x94\xb6\xa3rj\x9f\x9e\xa2\x91YW\xb2l_OC@\xc6\xc4\xc6\x9d\xa6\xb32=IZX[(0;Xhu\xbb\xb7\xc6i\x9b\xb64\x80\xaaU]h\x9da]\x8fQDH\x88\xaa\x84\x80\x85y\xa3\xba\xaa\x9b\x97\x8b\xa7\xbce\x8b\xa3\xa1j`lknj53\xad\x93\x8a\x97\x83}cady}\x86NR[\xa5\xb5\xc7\xa4\xa6\xacz?7!u\xa0\xb6\xa8\xa3\x9e\x92\x8c\x16s\x9b\xc2\xb1\xad\x98YL\xaens\xeb\xe0\xe1\xd4\xa9\xa3\xba\x93\x8b\x82up\xa7cV\x85\xac\xc3"j\x8e\xb1\xaf\xb1\xbf\x9e\x995y\x9f\xa7hm\'a}a+$\xd7\xc0\xc0Fs\x88?_p\xa4\x8b\x83\xe0\xd0\xcfd~\x89\x1eE^\r]\xac4\x00\x00 \x00IDATx\xda\xc4\x98\xefK\x1by\x1e\xc7\x17f\xc6\xcc\xd2&amp;\xc3\x10/3\x0c\xb3\xc3\x0e\x0e\x9e\x0ed\xd7\xf3\x84[C\xc0\x83\x93\xb1p\xcb\xc5\xd0_P\t\xc9\x9eJ\xb77[#A\xdb\x80\x9dJ\xf2 y\x90^R\xb1\xd1\xa4\tB`#\xdb\x07\x07\xc2E\xdcm\xee\xae\xc2\t\'\xe4q\x9e\x9c\x0f\xdc\xa5\xff\xc0\x82\xff\xc0\xbd?\x93v\x97}z\x8c\xed\x17\xb5\x99\x89e^\xf9\xbc\xdf\x9f\xf7\xe7\xfb\xf5\x83\x0f\xfe\xff\xb5\xb6\xf8\x8b\xab\xe8/\xaf\xdf\xdb\x1a\xfd\xe9E\xb4\xd89\xbd\xd8iu;\xc5\xe8"\xd6\xe8\xe8\xfbg[,\xb6Z\xcfk\xbd\xf3\xda\x7fz\xe7g\xfd\x13\xc0u;\x9d\xdc\xda\xfb"\x1b]\x83p\x9d\xd7\xbb\xfd\xb3\xdev\xd6\xf9JQ\x18N\xd1u\xb9t|\xbe\xd5\xdf\xbd\xe8\x16\xa3\xa3\xef\x05\xaa\xd8\xea\xb6\xfa\xdb\xd9\xbc-3\x1c\xab\xeb\xaa\xca\x80J\xd74M\x97\xed|\x8d\xea\xd6\xcd\xad\x91\xa4\xef\x90j1\xd7z\xdd?\xabe\x1dM\xe3x,\x15K\x11\x14E\xd4uE\x91\x04\xd3\xce\xe7\xf3\xc7\xe7\'\xadb\xaeX\xcc\xbd3\xa8h\xe7\xb3~-[\x92\x05A\xe7X\x16H&gt;U\xe5E\x10\x81\t\xcb4\r\xdbv\x1c\x80\xbd&gt;m}vZ|7-\x1a\xed\x9c&gt;\xef\xe5\xef\x0b$\x18dcy\x8e\xe3}&gt;\x9eg9N1e\xd3\xa4oY\x96u\xdd)m\x9f\x7f\xbf\xd5?9\xed\xbc\x03\xa3E\xbb\'[\xdb%\xb8\x88\xe3X\x90\x05XWF_ \x80/\x11H\xb2a\xe0\x87\t`](\x95\xb2\xb5\xedZo\xeb\xa28z\xd9^\xef\x9e\xf4\xf2\x8e\xc00\x0c\xc7\x88(\x88\xc3\xb0\x1c\x1b \xac\x007\xc4\xf3(\x98\x8160\x05\xa2\x12d]\xceg\xd1\x17\xb5\xdd\xee\xda\xe5b\x15/z\xdf}\xc1\xb0,\xc3h\xba\x04s\xe9\x1a\x15\x8d\xfbp\xe8\xd3O5m\x88CL\xc0\xf0\x86)\xc0\xfd\x82))\xaa`\xe7m\xe7~~\xb7x\xa9n/\x9e\x9e9\xba\xc6hH\x05N\x13da\xd0\x89\xb8\xe0\x18(\xca1L\x80\xe7L\xc7\x80\x8au\x89\xa8EN\x96\x15M\xcb\xf7/\xb3\\\xd1\xee\xf3^\t\xe2\x10\x8f\xc6\x05\xc0ej\xbc\x8f\xcc\xceA3\xd8\x9fca~\x06\xb7MIR\x14Y\x16\xa8=\xd1\x19\xc7\'\xad\xdc\xe8e\xd9\xaa\xb3\xb3u\\B\x8b\t\x82\x03\x06.\xc0q\xba,0 \x01\x0e\xa8\x18\xc0qhIUt\xa1$QqdSQ\x19\xd0\xd7\xd0\x8ek\x97\xa4\x1f\xc2\xaa\xe4\xd86@\xe0(\x86\r\xf8\xa8\tuAsE\xc4\xbf,\xaa\xc6\xfaxN\x97LE2A\xa5\xa3\xaa:tT\x95l\xaf\x7fz)\xb9:\xda\xa1\x0etJ6\x94q\x8d\xc4\x05\x02d+(\xc8\xf2\xc8.\xb2\x1b\xca\xc7\x05|\xbc ("B\xb5.\xaa\x00Bi\x15XNs\xb6Z\x97P\xae5Pe\xf3\x0e&gt;\xbd\x06[#\xa3\x88LG\xc8\xa3\xf7\x80\x85\x9f\xb8f|\x01\x86\xf3\xf90\x86TT\xcb4\x91\xfd\x90\x94QT\xfa\r\xe7\xac\xe5y\xaa\xa2V\xe7\xc7\xc7Y\x81\x81\xc3)\xa2|,\xb9\x1e\xd9\xc5\x8a\x02\xd4\xe3Y7\xb7 ,\x03]UER\x15\xa4\xbd\xc40\xf8m\x98\x8d\x0f@_\xd69\xdf\xf1Z\xc7\xe8E\xad$;:G\xfe\xc6\nP\xe3i A\x99\x06*\xb9{\x07\x1d\xc22\xa2\xa8\x8a\x8a(J\xb2,1\n\xc3\xf3\x83\xff\x000^\xf8\xe1\xc2\xe3v\xecla0\xc3\xcc\xd4hx\x08\x0c\x0f{\x13\x15\xab\x12\x97\xc6\xe9:r\x9f!r\x1e\xca\x89*\xbaQ\x86\xe9\x15F}\xcb\x85\xa2}\xb5\xfd\xda\xd3z\xad\x9d\xd6\x1c\x81\xa3l\xe7\xdd\\\x02\x07&gt;&gt;\x1c\xce\xc2:\x8c;\xb1\x11\xb1do\x9d\xf1\rt\xe3\x15D\xbc*I\xe2\x00\x8b\xee\x05\x86\xbe\xe8\xb5&lt;,\xd7h\xee\xe4XWXT\xc8\x15\x83!*2=\x95L\xa5\xe9\x88\xd6d\x069\x8fv|C\xa1\x8a\x12j&amp;)oo`}\x18(\xedzX\xae\xc5\xeeV\t\x9b\x17J\x01j;\ra\x84n\xa4~\x04$}\x81\x0b\x1b/\x0e\xf1N\xf6z\xc3\xa1*\n6b\x94\x19\xee-\xfa\xed\xc0\xd0v\xcb\xbb\xcd\xd7\xdaNM\x80\xa7`l\x1a\xcc\x1c\x9a\x10\x10\x01\xd7.\x03\xc1X\xf4 E\xc6 f\xf1x\xb7^p\x18|\x06\xe0\xc0\x1b0\xac\xfc\xeb\xa8gX\xb9\xe7YD9\xab)\xe4\x1d\x9e\x13\x84\xc1\x84f\t\nj\xb9J\x92\x8e\xac+&amp;\x0b,\x9eUi\x08\xe9\n\x87w)\xd9\xdeb\t\xde\xa98\xda9+\xd1\x84\xc1\xa6\x85\xc2@T0\x8aE\nJL\x1a\x16\xcf\xa6}2t\xa5\x99(2\xac\x9bR\xb8M\r\x89=\x04\xb5#2\xc3\xc7\xbb\xed\xe8\xd3\xb6&lt;\xdb\xe1,\x9e\xd6d&lt;\xc5\xfd\xfc\x8a\x88\xb3\x84l\x08\xa2{\xac\x80\xa7\xb1{\x17\x95:\xb2\x13CP\xc4\x15v\x0c\xb8K/ICE\xa9\xd3\xee^!H7\x88\x87~\xe8xe\xae\xe8IV\xa0s\xc4OG\x1c\x19\x08x\xb4\xe4\xa6\xa6aJ\xf5x\x9cv\xf0\x83\xe3\x05\xdd\xad\x9bu,\\\xd6E\xbc\x17\xafK?ce=\xf3|\xf1{[gT\xf7\xe0%\xaa\x8cD\xbb\x16z\xb6\xa2\xe8\xd8(\x18F&lt;nYe&lt;&lt;.\x89\xf5z\xdc\x88\x03\t7\t\x87V\xb9\x9cNZq\xc9\x1d\x8f\xf0\x17[\xdaY\xf3*\x1ez2CfQ9\x98D\x81\x82nM\xa86\x83g\x97\x93\xc9\xb4aY\x06\n\x14\xb7R\x16\x88\xcaV\xb9\\\x06\x11\xbd\x99nW\x9b\x16v\x13\x88{\xf4B\xe0\xfeI\xd4\xabyx\x0ckI\xa6\xe8:F\xb6\r\xc9\xb4\r\x19\xe2\x11\x06\x9e]N7\x9b\xedd2\x99\x02\x08\xeaFXV\x9a\xb8\xd2\xe94\xd5\xaa\xdd\xa8\x1c\x96\xeb\x14b\xa4#\xbb\x95\xf3(\xe2\xfb\xb6\xc0a\xc4i\x1c*\x84\xf3\x83m\xca\xb6m\xd8(O\xb9l\xa5\x93\xe9d\xb3\xd18\xa4\x85\x97i\x8b\x04\xb56\x92i\x82jc\x1dV*\x07\xcb\x85$\xfc\xa5\xfaX\x0c\xfa@\xaf\xe3\x91\xb5\xce\xb0\xf3\x95\x0cY\xd3q*%,Yv\x8cT*\x95L6\xab\xab\xab\xd5\xe6a\xa5Pi`U\xdb\xc9t:\x95\x02X\xb2z\xd8n\xe3N\xa5Ph\x1c\x1d\x1c\xac\xc4\x0e\x0e\xd3eIu\xcf\xb9l\xad\xeb\xd1\x11\xec\x1c\xfa\x99\xb6\x83\\\xc0\xc9\xd4\xc8\xd31\xd0H5\xbf~\xf4`s\xf3\xc1\xa3J\xa3\xb2_\xd8/\x10\x01j\xd3lB\xcdd\xf5Q\xa5rt+\x16[\x01Pl%\xf6\xeaU\xac\x92\x84\xbd\x10|\xf0\xd7q\xcb\xa3MMO\x80\xb3l\x1c\x17d\xdb\xb2\r\x9cN\rcc\xf5\xc1\xe6\xd3_\x7f\xb4\xbe\xb9yt\xb4\xb9|\xb4\xbc\xbc\xb9\xb9\x0f%\xab\xd5&amp;\xc8\x9a\x95\xcd\xf5\xa7\xd3\xc3\xd3\xe3\xc3\xe3\xf3\xf3\xaf^\xcd\xff8\xbfRh\xa7\xe3\x92\xc2P\xfez\x88%\xd1\t\xde\x11\xccTj#eX\xf8\xf9\xe8\x0f\x7f\xfc\xd7\x9f\xfez\xe5\xda\xd3\xf5\xf5\xf5\xa7\xcf\x96\x96\xfe~\xed\xce2*\xd6\x00X\xb5\xb2\x7f\xeb\xda\xf4\x95p8\x98\x98\xbd}\xfb\xe1\xd8\xfc\xde\xde\xfc\xd2\xd1a\xd22L\x11#\x80\xcb\x9ez\x86e\xda\xd4{\x92\t\xd7$\xe3V\xb2\xb9z\xeb\xd6G\xff\xf8r\xe6\xca\xf4\xbf\x7f\xfb\x97\x99\xcf?\xbf\xf9\xcd\xd5_\xad\x1f\x15\n\x95\n\x04-,?}6};\x98\x99\x9c\xf4GF\x82\xc1\x87{{{?\xce\xc7*\xedd\xca\xc0\xd1C\xd5\x8e=\xc2*\x9e\xcbr\x9e\xb0\xccz\xf9\xb0\xd2.\xa7\x0f\x0b\xcbw\x9e]\x99\x99\xb9\x19\xce,\xbcx\xb1\xb0\xb00\x95\xf9d%\x16\x8b--\xc1J\xb1\xd8\x7f\xa7g\xef\x85@5\xe9\xc7\nEFF\x9e\xec\x8d\xad\xec\x1f&amp;S6\x06\x82\xa8\xd5Z^u\xa2\xed\xfaI\x8e\xd7\xd3\x95\xe5\xfdvc?6\xf6\xe7of&amp;f&amp;2/\xe7^\xbc\x98\x9b\x9b\xccd\x82\xb3\xee\x1a\x1f\x1b\xbf=~\xfdv"\xe4\x9f\x9c\x9c#\xaeP\x08\\(\xd8\xd2Ac\xc3"c*\xbaWX\xb9~\x9er\n\xdf\xf1\xf6\xd1\xb5g\x07\x07\xf3\xe3\xc1\xf0\xd4T&amp;&lt;\xe1B\xe1\xf1\x00\xc0\xf3CT\x9d \xaa3\x12\xc1\xcb\xc9\xc9\x8c\xcb\x15\x8c$\x805\x1f+T-\x83\xac x\x14\x10\x98\xd4y\xc7@\\!\xa9\x1a\xb1\xeb\xd7\xc7\xae\x0e\xcfNLM\xcd\xcd\xbd\\\x98\x02\xd0?\xf1h\x7f&amp;\xe3\'*\xb76\xa0\x8a\x04\xfd\xfe\x89\xb0?\x9c\xc9\x10X\x02*^_:\xaa&amp;\r\n\x18\xc1\xab8\x8d\xeed\x1d\x19\x9ft\xa3Z9x5&gt;\xfe\xf0\xe6D8\x8c"\x01l\x0e\x1c\xc1`\xf0^0\x18",\\@\xb1\x11\x90Ep\x17\xefe\x06\x85\x8c\xa0\\\x1f\x1f4\x9a)r\x82sV\xf4jT\xd7\x90Yv\xaa\xb9z\xb44\x9eH\x80jj\x01T\x99L&amp;\x0c\x85F\x12X.D\xe8\xc6\r\x10\xfd\r\xc5\x82\x8a!\x7f\xd8\xefR\x11\xd6\xc8\x93\'\xe3K\x85\xc3&amp;\xe6\x95\xecx4\x13\xb19=\x07\x96\xd5\xacVn\x8d\xcd\x06\x83\xae\x80X\xa0\xa2R\x05\x83\x91\xc8\xa08\x91\x9f\x97\xdf] r{\x11%D3\xc6\n\xab\x1b\x84\xd5\xf7j\xd7\\&lt;\x83\x88\x1b\xd5\xd5\xfdg\xc3\x89P\x18n\x9f\x9b\x9a\xa2N\xcbLf\xc8\xd1\xa0\x1a\x18+r#Bp7\x06}\xe8w\xbd\xe6\x9a\x9e2bol\xbdRMYri\xd7\xab3F\x0eGj\x8c\x9b\xa3;Wg\x13A\x92\xc6\xf5\xd5\xdc\x0b\x122\xe4"\xb9e\xf1O\xfa\xdf\xacA\'\x90\xd7H\xdcH"\xe1r\xcd/W1#\xf2\'^\xfd\xe1&amp;\xba[\x92\xad\xaf7\xefL\x0f\xc3D\xc1pf\x12\xc5\x9a[x\xfcxa\xe1e\xe6\xee]\xea7\xb2\x10h\xdd\xac\xa0\x97\xc0\r\xdd\xbdw\xef\xde\'d;\xa2\x1a\x94\xebQ3ed/\xbc\xc2Z&lt;\xc9\xcb\xd6\xea\xef&gt;\x1e\x1fv\xcd\x1d\xceL\xfd\xfe\xcb\x05`=\xfe\xcd\xb7\xdf&gt;\xfe\x1f\xab\xe6\xf7\x9aV\x9a\xc6\xf1a.W\x0b\x93\xd5f/\x96\x1d\x02\xc6l\x84(\xa6\x06\xb2\xe9\x96\x1e\xad\x87\xb44\x92\x18\xce\xd13V4rFs&lt;v1\x9e\xa4\xea$\x06e\xe6\x04\xcb\x91\xfcp\xc1\xccv6\xc9\xb4\x05\xa3\t\xc54L&amp;qp\xa2\r\xb85\x17\xbd\xab,\x03N\x9b\xde\xc8.#I\x106\x17-\xb4\xb0\xcfk\xda\x99?@\x1f\n\xa5x\xe1\'\xdf\xe7\xfb&gt;\xef\xf3}Sk\xd8\xda\xb0\xda\xf5K\xd7?\x14\xcc}\xb9\x16\xc3&lt;\x1e\x8dnjJ\xaaR\xe1\xef\xb1\x9c)\xc0:\xf8\xaeU\xbb|\xd7\xff\xbe\xe8\x1c\xd3\xdfPP\xe8\xcc\xb5\xc3x\xc0\xb0}\xb7\xbc\x17\xa0NNN~\x00\xb4\xcdM4W7\x1b\x05\xff\x86Oz\xe5\xa7\xfb\xc3\xc3\x8f\n=\xf1\x9d\x01)\x1e\x0c\xc2Y\x84.\x9a}\x8e\xdb\xf7Z\x17\xab\xbf;\xe8\x0c\xe9/*\x826\x1b:sjZ\xa7\xf3\x18\xec\xbd\'\xef\x0b@\x1a0\x9b\x9b\xe1p,\xa7\x95\xcbOO\x81\xe9\xb3\xfe\xf1\xa1\x99\x19\xb39\x9e\xe8P\x04\xe7Q\xa1.\x86\xbez\xf6c\xcb\x1eG\x1e\xde\xbb\x1d\x8aL+\x820\'an\x89\xa6\x8aW\xff\xfc\xf8\xf1\xdb\x97P\xa7g\xa0Y\xa36\xc3\x9ba\xb9\xc1S,^\xbdV0\xebg}\xbe\xa4oN\xaf\xd7G\xcc\xf1\x1dB\x11\x0c6\xb0n\xb5\x16\xeb\xc7g\xb7C\xe3\x08\xeb\xf2e\x9bJ\xd43S\x98\x19\xda\xd3\xeb\xe7\xe6\x1e\xf8f\x87\x1e\xed\x1bb1k\x18\xb0\xc2ZL\x13\x8f\x04\xc6\x03&gt;\xc7y\x08J\xce\xe9\xe7\xf4\x80\xb5CP\xc0\xf5m\x03\xcb\xf1\xea\xfbVQ}t\xf7\xef\xb7\xc7\x1aX2\x99Jwchofoo\xee0\xe9\x80\x98\xe1X\x9d\x8d\xcc\\{\xb4pj\xef\x05,z\xca\x9c\x9a\x9d\xf5-\x0f\x8e\x8evB\xf8X\x9e\x05\xae\x80+\x01r\xcd#,#4\xd1\xf1s\xeb~\x9dq\xe5\x9f_9\xa0\x89R\x99\x0c\x87o\xd6\x03\xd4\x83\xc3\x90c\x10]\xbd\x83!\xdf\xdc8\x80\x19b\xf6\xb0\\\x1aw\xc1v?\x0b\x1b*\xec\xd4\xe6x\xe1\xf1\xe3\x9b\xe3\x11\x97\xdfIP2$W\x03\xeb\xdf\xad{\xe0\xba\xf3\x97/\x1c\xfa\x8bR8P*Mb\x1c\xda\xe7K&amp;\x93\x87\xc9\xa4/\x19\n%}\x81\xf1\xa1x\x01:\x19\xb3\xd2\t\xaf\xdf\x95J--\x01TO\xe1\xea\xf0\xcb\x97\x8f\xd6z\xe2^\xafQ\x01:\x07\xe7\x11V\xe8_\xad{H\xba\xf3\xf0\xc0\x11\x80&amp;\x06q\x95\xae\xdf\xac\x0f\xcc\x06\xf6f\xd6\xd6n\xce\x0c\xe9\x03\x81\x80&gt;\xd2_\xf8\xd3U\xc0\xcaY\r*\xe9\xc7=\x91\xe8\xeeXhulb}uvh\xed\xd1\xc2\xb0H*\x06\xb5\x10V\xf7\xc8\xca\xd8\xc1\xd7-|\x9d\xff\xfe\x95\xc3w\xff[\x98\x8c\xa6\xa9\xb89b\xbe\xf5\xf1\xc2\xcb\xb7\x8f\x87R\xd1\x95e\xc8\x82\x91\xfbS\x1b\x86p8\'\xc0\x92\xaaV\xedd!\x13:\x1c\x9dmm\xdf\x0c\x8e\xedFz\x861\x8c\x85y\'\x9b\x97\x05\t\xc0:\x84\xb1\xd5\xb2\xa3x\xe5\x1f!\x9f\x1fa\x89v\xe2\xf1\x9e\xdf\xfdu\xf8\xb3\x9bz\x1f$g\x94\xe8w\xa3^1\xab\x14\x04\x86\x94\xb4\x03\x96\x13\xb2\xd7D2\x19\xfaC\xdb\x03\xfdP`}w[a\x82YgC\x13\x02\xa95\xf7\xf0\xf8\xdd\xc3\xe3\x16)\xd6\xf5\xf5a\xd2\x8c\xb0p\xb1H\xb4\xb1!\xea\x89\xcc\xfa\x1c\xdf\xb4\xb5\x8d\x0eB\xa8_wIY\x86!3\x19\x92l\x97\xe0\xc6\xec\xee\xe2b2\xe9hk;|pt\x14\x00\xe8 \xdc\xd7\xa0\xd6|\x90\xf0/\xaf\xcf\xfc\xe7\xa8?\xb1\xf0\xa6E\x06{\xf8 \x04X&amp;\x93J\xa5V\xabE\xce\xe8\xf2\xdc\xcf\xf7\x0e\xfe\xf6i\xa7c\x0c\xe6@D\xc7\xb2\xf9\x06\x16y\x99\x82\xef\x1e]\\\x85\xd15:\xb8\xf7\xf6f$\xe5zB\xc1\nm\x83\xad5\xd8=\xb2\xbb&lt;dv\x11\x16\x0b\xfd\xae\xf9\x1b\xe8\xf3/\x8f\x8f\x1f\xbe\nE\x14R`\x92(\xd5\xaa\xe9\xe8\xee\xec\xd1\x7f\x9f\x1d|\xda\xd69\xb6:8\xb1\x14\xd7\xd0\xec\x85v2C\xc2\x1ej!\xbc+\xd0\xd9\xe5\xd5\x89\x89\xe5x!\x1eO\x10\n\xb8G\x95\x97\xcf\xb1\x96\xb27\xbaq[\xa6^&gt;k^\xae\xbb\xa7\x85\xb5#}2\xf2G\xa9J\xa2TN\xaa\xc5\xdeh4r\xf4\xd3\x9ecttbuwq"+\xa6q\x12\xb0\xc8\x0byRFQ\xc8\\\xe8ad)\xe5\xd4\x89\x07\xa4*\x13\xba\xdf%\x8d%\xe2I\xd4\xc9\x91\x17$\xb6ZUs\xdc\xb4Xo\xf8J\xbc\xdf\xecK\rHM\x92\xf6I\xa5I:\xed\xf5\xf7\xcf\x14\xd6\xe6\xc6\x80j}l7;Es\xcc%\xc0\x026\x19\x85\x0f\xb8\x96\xd6\xd7_\xafD\xb3\xfe\x0e\x11\xad2\xa9M8,\x8f\x12\xb4\xcfw&lt;\xc9*\x84Ky\x86\xb4\x94+\xef\x9a\xc6:\xe1q\x0f\xadKe\xbb\xcf\xb1\xd4&amp;Z3\x15/\x14f\xc6\xa3K\xcb\xbb\xeb+K\xae\x01\xc0\x02k!\xcb\x932\\\xe1\xcc.\x81V.\xff\xb4x\xc3\xd0\xd7\xa7\xb4\xe1AY\x03+\xa8pn\xd3\xb9K\xe0B\xb2\xf6\xfcM\xb3\xe6\xbasV\xb7\xd8\x18\xe6\xd66x\x0ba)\x95j\x8c\xd6h\x86\xaf\x16\xcc)\xf4\xae\x155\x0fp\x0cKf,\x16\x0b\x80\xb18Ex\xb7\xb3YDE\x1b\xe4\xd6&gt;\xb5\r\xc5m\xd99\xd6\x08{=S\xb2\x94,\xe5\xf2I\x933\xa2\xebN\xaf%\xc3\\\x10:F\x08\x84\x05Tn\xa5\xdbm\xd8\xdf\xf7\x14\xe3~W6\xe5\xf2\xef\xe88\x86AT\x88\x8bal8\xe1\x1d\xf1z\xa7;\xa4&amp;\xa5\xb6O\xa9f9\x1cG\xe11\x18T\x18\xbd\xaaI\xd2b)\x95\xca\xd5\xa6=\x7f\xe5,\xc3h\x05A\xec\xff\x04\xec\xdb\xaen\x87\t\xe1\xee\x93\xdb\xe5\xa7\x0b\x9a\xe2N"\x91\xd8\xd1\xd1\x0c\xc3!\xacR\t~\x00Fr\x19\'\x9c\xa8\x14\xb8I\xad6\xc1Fo\xc3)X&gt; +\x1a\xbd4\x97i\xcf\xe7[\x80\xd5u\xe5\xb4DIyn\xca\x0f\xa7\nE\x0c\xf8.\xb7\xdc\x0e\xdb\x1f,}\xba\xa9\xa2N\xe3\xc1\x18\xf2\\,(\x10N\xc2\xe2D\x05\xb0\x8c\n\\eb1F\x98T\xe3\xf3(**\x9c^E\xad\\\xcf\xe4\xc9Z\xf5\xb4Y\xb5\xee\xeaj\x16Z\xc8i\xbc\x80\x05P&amp;\x93\xda\xa0E\\v\xf7&gt;D\x08\x9d\x06\xc30ha\xc9\xd2\x90\x8b\xe7\x18\xb8\x858\x9c\x07\xc1\x8c\x04\xc5\xb1p-\xe5\xfa\xc0`\xe7\xcfI#\xcej\xb5V/e\xea\xcdc\x1d\x17\xebd\x8e\xe1\x9d\xde\x0e4\x83$j\xb5\x12Zjp\x1b\x0c\x98G\xa4k\xbc\xba\t\x0c~\xee,\x80\xe3\x98|^\x10\x80\xcbh\xec&amp;(\xb8\x94&amp;s\xd6\x9cu\x12\x05~\x05\xc2*\xa7\xd3\xe9\xb2\xa5\x94n\xda[\xc7\xbaR&gt;\x0fgg\x04\xb0\xe0\xee\x81T-\xcf\xe5\xe4r\xad\x01\xc3h\x1a3\xb8\xdd\xdaI\xb0\xd6yY(\x8e\xcc\x03\x17\xcbQ\x04\xc1\xf38+\xe4r\x10\xcf\xac\x93J\x89M\xa1\x98\xf6\x1a\xf9\xe7\xe9j5\r\x9e\xff\xa5\xd9\xdb\xfa\xd8\x03f\xe0k\xb5\x91\xfbbXl\xc0\xeeV{,\x06X\x90\x041\xcc\xa0\x95\xf7\xf5\t\x0cG\xc2\x1f(.\xc3\x81\\9\x84\xc5\xf3\x14\x85\xb3\x986\x16\x83\x9c\x0b\xe1\x1bWt8G\x06\xe8J\xfa\xc5\x8bt\xa9&gt;\xd2\xf4\xdc:\xde\'IK\xe5y\xa5rK\x0c]T\xf6Y{\xa1\xc2\xb1\x86\\@e\x97O\xb6\x93Ln3\x0f\xdd\xcbo\xe6`\x1c\x80B\x0cM\x01\x14N\xb3\x06m\x0c\x12Q\x9f\xb2\xdd\x86\xa3\x1e\xd2B\xbd\xfa\xfau\xb5Ts\xbe\xebj\xfaJ\xe4\xf0\xe7\xb5\x1a\xc1;\x07\xc4*5h\x85"\xd8{,-\xa4\xc2\x98\xc00\xc2\xe6\xc9f.\x9f\xcf\xfd\x10\x16\x98\x0c\x9b\xbb\xcep8M\x83\xdf\xb1\x06\x96\xb5O\xa9\x04\xb5\x8c^\xaf!Wy\xf1\xfau\xb9T.6}\'^9\xa3\xa9r\xbaLh\x9c\xd3\x80\x05)\xdf\x0ej\xd9\x7fU+l\x17\x18A\xd0\x867s\x02\xfce\xc0\x18\x0e\x0c\xc5\xd2\xa0\x14\x8b5\xa8\xa0\xfa\xc0[8\xd1=\xe24pe\x10\xab^*\x9f6\x1d4&gt;\xffE\xc3\xd7\xaa\xe9\n\x9b\x98\x16K\x7f\xc5B\xe62\x18\xb4`\x9d\x18\x86\tp\x1c\xe1x2[\x1a\x9d\x86aA%\x1ao`\x015|\x1eFj\x99(bz\xdb)MW\xd35\x0bY\xaf5m\xad\x8f\xba\xde-\xe8j/\xaa^\xcf\x8e\xf3\x13\x91\t\xbd\x89\xf4\xbe\x97\x0b\x15\xb8_\x10\xb6\x9e&gt;-z\xb6\xb8\xad\xad\xc4\xca\x8b\xa7@\x05\x86\xa7\x80\x0b\x03*\xb9&lt;\xfc\x01\xcb\xb8\xed\xac\xa4\xcb\x94%S\xaaiZ\xf0\x7f\x05\xbf\xfcIG\x94\xd3.g\xc2; B\x03\xbe\x81\xd5\xdb\x8b\xda\x88\xe4\xd0\n\xd8\xd3\x89\xc5hqk\x8b\xe7S\xa3\x8bi\x9e\x03*\x82\xa7\xe8F\x8bQ\x01\x96\xda\xa6\xe8vnO\xd38{\xc1R\xaf%\xde\xb4\xe0y\xe4\xce\x9ba\x1b\x05\x03\xc75\xb2#\xda\xf8\xa0\xd6o\\r-\xfbtbt\xa9\xc8W*\xc5\xf8\xc4\x04`\x01\x15\x01\x13^@\xe7\x01\x9dZ+x\xcb\x04\x8e\xdf\xbe\x88\xe5\x04\xaeT\x7f~\xd6\x92U\xfe\xee\xbe\x91\xc2&lt;\xc5\x1d\xbf\xf3\xf7\x1bn\xb7\xd5n\xff\r\x0b\x14\xd1b\\%\x15\xbd\xe6\xe1y~K\xe7\xcdz\t\x1eMR\x9e\xa7\x11\x96\xbd\x81eu\xabUh&gt;\\d\xe1\xa0\xd6\t\xc3\xffi9\xdf\xd7\xb6\xf1;\x8e\x9f\xfcP\x12Lh\xd6##\xf0\x93\xe6\x07\xa8\xa6\xc35\xc2(RN\xf6\xb1\x19\xa9R\rYUO\x83&amp;8g]\xea\x07\xc1=\xc7\xe6\xec\x08L\x9a\x90B\xc1\xd4\x0f\x9c\xed\xc1j\x9c2\xd75\xf3awK\xeb\xb0\xd5\xb8\x85\xe0\xa6\xdc\xb1\'\xd9\x83\xae!\xed\x93\x95\xf4Br\xcd\x18G\xae\xbd\xb5\xdc&gt;_\xa7\x07\xfb\x03\xa2\x8fc9\x16\x06\xbf\xfc\xf9\xbc\xbf\x9f\xef\xe7\xf3\xf5W&gt;8\t*\x10}9\xf8\xd9\xaf&gt;?7\x9ba\x84\x19x\xabK\xc7`\xd7\xaf\x0f\x06\xe3\xf8\x95\xd6\xa2|\xee\xe3\xf1x\xab\x95\xf4\xcbk\xdb\x90\xe2&amp; k\xb9\xe3gN\x9f\xba\x8e^9\x08\xe2\x85\xd1\x91\xf3\x89\xdc\xe2\xe3\xc7\xff~|\xee\xfd\t\xadp\x1d&lt;\x97\x7f\x0eSJ.\x13\x11`\xc8#\xb0\x81\xe8\xaf\x7f&lt;~a\x1c\x04\xdeZ\xdc\xf0w\x93~\xbf?\x99.\x97K\x90x\x17\x7f\x03\\0O\x9d\x1d|\x84\xdfB\x89z\xc67\x11=\x9fI_\xb9\xf2\xeb\xf1o\x0fNj\xddm\xeem\xf72\xcc,k\x19N\xefBdN\xfd\x9f\xb7._\x89\xb7\x16\xb7\xd76t]\n\rK\xa1^)\x93\xd9\x1e\xcc;\x9f\x00\xd6\xe7\x90|\x7f\xc2\x8a\xce&amp;J\xcf\xaf\xff\xe2\xdb\xf7\x0b\'\xb6\x1a8\xbd\xb0\xd7M\xc6[\x92\xc1\x07\xba3\x1f\xb0\xa0\xb2A\xda\x8a_l\xc9P\x0c\x86\x10Q\xaf\x17\xeb\xe5y\xa3T^C\xf9\x01a\xfd\ra\x9d\x85\xc2\xc6\xe7\x06\xac\xf6\xdb\x83\x83\x85\x93\xdcv=}\xf0\xf6\xbb\xd7\xaf\x8b\x86\xc1\x12\xe30W\xa37\xbbtiPE\xc4e9]\xe6z\\\x8f\x07+\xf5*\xbcQHd\xcc5\x92@\xda:}\x16^{\xea\xec\x0ctK\xa3\xd1\x8c\xf5ta\xfa\xa47\x07\x8e\x1d\xbc\xdd{\x9eW\x01\x0bR\xd7)\xc8^\xe0\xb4\xd7\xa0x\xbf,\r\x97\xf8\x12\x80qloX\xd2x&gt;c\xf0\x1c\x17I\xcbD\x1c\x95\x1b`\xa7\x8f\xb1xk\xcf\x81\r\xea\xd3s\x0b\xef\xdf\xa9\x1a\xdd833\x83\x02\tl\xd0g@}\x1a\x8a\x94x.&amp;\xa6\xd7\xd6\xcai\xbf\xc8\x963\x86\x01~+\x85\xd2r\x03J\xc6\xd33\x90\xe2!\x86\xde\x1c\xdfy\xe2\xc8&gt;\xdd\xa1\xb9\xdf\xe5\x15Iht\x81\x0b\xdcpj\xa6[\x14%\xd0\x14W\xea5\xf5AjX\x8c7\xe2\xf2\x1a\xcb\xf1\xbc\nh\x11\xf8\x08\x00\x06zo\x104\x03X\xef?r\xc6\xee\x1d\xe6Y\xb1\xd8=\x87\xa8\xce\xce\x9ckHZ\xaf\x07\xf1\x0b\xe9\xc9\xa4\xbf\x059!~qc\xb1\xe5/\x16%\x00S \x92\x04\xfa\x8e\x0fQ\x118c\xaa\xf9{\xceP\r-\xbc\xc8si\x1dq!\xac\xae\xa0q\x8a\xa2T\x9a\xd02nm\xf5\xfb[\xdbp\x98\xed\x97e\x7f\xb1\xa9\xe5\xf3J\xde\xa4\xa0\x1f\x81\x9e\xccG\x10"f\x16\x0e\x9d\xda\x9b&gt;\xb6\x9b\xcfk\xb8\xd0\xed\x8eCp\xce\x08\x1a\x9f\xcfW\xda\xcd\xa2T\xea\'\x12\xffH\xf4\xe1\xd8\xef\xdf\xb9\x93\xe8\x87\xf4\xa6\xa2*\x8aY\x05w\xc1\x8d\xa0iW\x95\xcf\xbep\xeab\x91\xb9\'\x80\x85\x89B\xb1\x01^h`&lt;x\xa4\xf2\xae\x182\xd6\xef\xfcd/wvv^\xde\xa8\x83\xb8TE\xab2\x04\xf4o\x17|\x02\x8dc\x9ca\xbf\x1as\x08\xeb\xa3\x07\x87j\x85\x15\x05A\x80^\xa3\x81i\x15Ei7{\x89\xe5\xe5\x9d\x9d7P\x0c\xbfy\xb3\xf3\xc1n\xdf\xbe_7\xcc*\xdd@\x0bu&gt;\xc2\x83\xb1\x8a\xb5\xba\xeb\xd4F~\x10W\xa7\x82\x13\x82N\x08\x8dFC\x0c\xb4+\xaaU\xb8\xf1\x87\x9d\x97\xc7\x9e\xba\xd3?\xb6\xc42Z\xdd2L\x17\xe1CX\xb4\xc7\xacj|ai\xd7\xb1\xebj\xe6v;J\x0c\xc7!K\x00\x97\x10\xd0\xd4\xfa\xca\xfd\xdb;w\xfa[G[\xfd\xad\xad\xad#\xb0\xfd\xa3\xed~\xc2(E\xcc*C\x13\x17\x1a\xbeO\xdc4\xc6\x99|a9\xbc\xe7\x1c\xd6\xadN^c\x98\x10.\x80\xbf\x04\x8c/\x14\x12|\x06\xa0\xf6\xf7\x8f\xd0a\xffh\xbf\xd5\xda\xdf\xdeH\xcb~\x9c\xf1\x92\x04H\xcb\xe7&amp;=\x1a\xc7\x1b\xf5e\xd59\xac\xa1\x83\xc3\x8e\x16a\x03\xb8K\x04,\x17g\x9a\x98\xe8\x977\x064\x08\n\x1e\xc1\xfcI?A\x92$M\x13\r\x9f\xcfM`\x1aoY\xcb\xf5\xbc\x83XcO;J$\x12c\xab\x8c\xd8(\x8a\x0c\xe6\xa2!]$\xa1\x00\x1co\xb5\x8e\x8e6\x06X\xc9\xcb\r\xc2M\x92n\xc2\x8dV\x07|t\x84S\xad\xf0\x8d\x04\xe7\x1c\x16\xa4\x88\x8e\xcaq\x9c\xc9ix\xb1+P$M\x10~\x01}\xfb\x0b&gt;\x03+o@\x00e\x82@H\xc8\x80\xca\xed1\x81\xca^.s{\x0e^Rs\xef0\xcbs\n\xa7\xb1\x01]\x804\tX`\xba\x9c\x86\x99\x11\xe6h\xd0z\x19\xa3(8?\xa0"|n7\xc9\xf0F8\x9526\xb8]\x07\xb1\x16^\x84\x0b*T.Z\x0c\xb0\x8e\xb9DQbKF\xa2\xb0\xbc\\\x07\xac\xaa\x87"\x07\xc2B\xc4\x82\xdbMU\r\xcb^\xb9\xc1\xad\x95\x1d\xc5z\xa5\xd6\x0b\xf9&lt;\xcf\xb1\xa2\x0eT$.\xcb\xb4,\xb1e\xd3\xe4\xc1W|$\r@2\xe2\xa2hB\x80\x04\xe7\xf6\x9aFxe\xc5 \'\xcc\xef\x9c\xc4z\xaa\xd4\xed\x0e\x9aZpQ\xa4\x01L\xc6\x81L\xd7u\xa8q\x86YV\xf6\xfb\t?\x81\x14?\xc0\x12h\x1a3\xea\xf6M\xdbsq\xc4Q\xac\xb1\xa7m&gt;\x9b\r[\xaa\x82\x81\x80\x08\x1a\xc2%\x03\x8b\x1f\x10tY\x92t\x7f&lt;.\xc4\x91\xe0I$x\x82\x86\xdc\x96]I\xf1\xe4(`\x8d9\x8a\xc5\x1av\xd6Ry\r\xa7\x07\xe2\xa2e\xc2\x9fD\x06p\x08p0\x08`,\x12n\x10&lt;\xa6\xa9a{\xa5\x80Q\xcec\x05B\xaa\x1d\xb6,\x85\x85\x9c*\x0c\x18 Et\x93\xe8\x0e\xad\xe2\xc0q\rt\x1e\xa8\x82\x115\x9c\xb2\x0b\xa6\x0by\xeb\xa9\xa3X1LoZv\xb6`\xf1\x9cK\x04M\xc1P\x84\t2YL\x82\xcf\x04\xe4-A\xd7\x81\x14\xbc\xe5\x0e~\xca[v\xaa\xc0yhr4j&gt;w\x10kn\xb7\xe2\xa1u-\x9b\n\x87\xc3\x96\x12\xd0\x91\x89z\xb1XDA\x04*\x01i?\x10\x82\xa2\x0c"\xcc\xf1\x85\x95\x95\xac\xc9@\xca\xf0Fyg\xb14\xcaM4y{%\xb5\x04\xbaG\\b\xa0\xa9\xeb\xdd"\n xNjJ1-\x12\x91D\x17\x1b1\xb2\xf7o\xdb\xaaY\xf5R\xd4H4\xf3|\xc1Y\xac\x8bn\xa1\xa9\xa6j\xab\xc8_\x92\xde\xd48M\x02\x7f\xf9eB\xa6]\xacV\x81\xe2\x90\xe3b\x81\x10gdk+Y\xcb\xac\xe6(*\x88\xb0\x9c\xf5\x96\x17FY3f\xa5j\x9b\xb6m)\xed\x8a\x02\xedD\xbb\xdd\x94\xc0X\x8eST\xcbRU\x15\xeai+\x9b\x9a\xcf\xaa|\x95\x1c\x1d%\x83\xd1\x87\x0ecq\x1e\x92\x10\xf1\x80\x12\x06\x7f\xad\x86UEE\x1c@\xa6\xf4\x00PA4\x90\xd6:j\xa7\x93\x9a\xbc\x99R\xb9j\x0e\xb0F\'\xa2\x0f\xcf;\x895\xbd\xab0$je !\xa5\xe6k\xa9\xa5N\xa7\x13F\xf2G.\xb2\xc0\xc2\xd9%\xb0p\'\xbc:5\x99\xe5M\xae\xea\r\x8e\x8ezGF\x9c\xc5\x1a\xdaUr\x14-\x8a\xcd@E\r\xd7\xe6k\xabKhkRx\t&lt;d\xa1=$\xf6\xd2\xd2\xea*\x9c\\\xaaM\x02\x15\xb4\xb0U\x06\xb8\xbc\xd1\xe8\xc3\xd9w\x0eJ~zO\xc9y\x01\x0b\x0fT\x145\x9b\x1a\x80\x01\xc7\xd7K\x1f\x0c\xfe\xdf\x84\xfbjmr\xde\x86\x96,\xc20\x80Eys\x10\xc4\xf6\x81\xc3X\x14\x89\xbb\x02\xb1\x18\xe8hi~j\xbe\xb6\xb99 A\x87\xcdMx\x06\xc7\xf9\xc9\x9b\xa0v\xc6\x0bT\x9e`\xd0\x83\xb0f\xf9\xddk\xce\x85\x11a\xb9\\\x18\x16\x88\x054MQ:\xa9\xa9c0\xb0Zm\xf3\xd1\xa3G\xb5Z\rXm\x985#\x14\xc5\xe4Pv\xf0z\xbd\x80\x95\xb0\x0e\x7f\xff\xe4\xda\xb4\x93X.\xcc%I!\x0e\x92\x14R&gt;\x90=\x9a\xff\xe2\xea\xd5\xabSW\xa7\xa6~95U\x03((\xad#\x1e\xca[\xcdy\x83A\xe0\xca=\x9c=_OM]\xfd\xfa_\x0f\x9c\xf8\xb9\x83\xb9=\xc5\xccQ.&lt;\x8d&lt;\x16\x89\xb0\xb1\x98V\xc9goN\xa2\x0bV\x90M\xcd\xdfL\x85\xf3\n\x07\xa2\xaaV=\x18x\xcb;\x8aFb\xf4\xd3\xd9\xf3\xeb\xf5\xd4\xfc\xcf\xbez\xf6\xe5\xb5\x93.\xbc\x86\xc6n\xbdP\xaa^\x12\xc7\x87]\x18\x8b1\x08+\xa4i\xedv\xa5\x83\x86\xe1\xa0\x0e\xabT4\x8d\x8b@E\xefe&lt;\x1e\xa0\x82\xb4512\xc0\xba\xbb^\xb7\x1f\xfd\xf5\xbf?&lt;\xbbu\xa2+\xa8\x1f\x8d=x\xd5\xb1 \x13\xa5i\x11\xc7\xc1[L\x04Z\xb2@@j"k\xc7\xda\xb1\x98\x14\x18\x0eH\xac\x861\x98\x87\nz\x90\xa8(\x12Q\x8d\xa0\xa1x\xf7\xee\xfa\xba\xfd\xc5\x8f\xff\xf9\xfe\xd9\x9fN.\x92C\xd3\xf7\xbe\xfc\xfb\xe6:4\x11L\x1a\x07\x13q\x17\x93c0\x10\xbf\xd4\xd4\x8b\xc7\xa5\x042Yta\x9et\x1a\xd5\xf3 \xaa $\xad\x89\x89\xb5\x91\xe8\x00\x0b\xc0V\x7f\xfc\xe6\x9b\x1f\xfe\xf9\xc7\xbf&lt;8\x99\x1f\x95\x99\xbb\xf6\xe7g\xdf\x7fe\xdf5\xcc\xaa\xc7\xe5\x82?\x97+\x9d\x06(\x96\r\x05\xd0L\x8d\x0c5C\x82(\rKP\xdfC\xfbA\x05\x07\\\x90\xe2\xc1`(\xfe\x8f\x94\xf3\x0bM+M\xc3x\xb4[\x17\xcb\xd0f\x0b\xc2\x88c\x8e\xf5\xa2.\x188W:\x96i\x0b\r\x1c\x88\xb3d\xba87\x12\xce\x8dl\xbaW\xe7\x94\x81\xb6\x83\x196\xac\xcd"\x15\xbc\xd9\xe3)\x9e \x94\xd2\xb8\xec\x85\x15\xd2\xe3\x96\x82\xf4\xa2\x8d\xe4\xa2Z\xff\x82\xb1\x86\xd2D\ri\xb3W\xa1\x86\x10HJ\xba\xcf\xfb\xe9t;\xfb\x87\xdd\x99y5A\xd4\xf4\xfc\xce\xf3\xbc\xdf\xf3~\xa7!2\xae?\xbcOX\xfbmQ\x8f\xa4V\x1e\xff\xec\xbc8{\xebY\xf6\xa0\xbf_\xfa\xf6\xc1\x8d\xe9\xbbp\xce8\n*\x9b\x0be\xf0\xc0\xc5\xaf\x86\\_`Z\xe2R\xc3u\xe9\xc4\xa5\x13F\xdb\xe8(\x919`\xe0\xafI\xad\xab7\xae&lt;\xb8\xf2\xe0\x9b\xf7~k\xbf\x98\xd3\xf5\x15\xf5\xe9\xcf\xfcL\x8d\xf3\x8f\x9fE\xb8\xf6\x9e\xbb\xaf\xfe\xf12a\xd9l6\xe3\tj/\xa3\xd1\xe5\x9a\x98p\x91\x8b$\xd6W_\xc0Dp\x91\xc7P\x8b\xd9Hb\xcd\x92Z337\xae\xa0\xfe\xf2\xde\xed\xde\xeb\xe52z\xac\x91\x97\x17R?\xbd\xfb\xcf?\xd6\xb4M.\xd3\xde[\xde\x06\xd6\xd5\xe9\xbb\x90\x8bq\xa1\xbb\x80e\xb7\xdb\xd1\xe6\xf7/\x0c{\x8b`\xd1x\xe4\xe1\xa0\xbb\xc8\xc3\xdfB\xad\xe9i\xfa\x8b\xb2\xbf\x96\xf7\x97\xfdkz&amp;\x93\x89\xbd\x8cK\xa1\xb9\xa7\xab\x8f\x7f\xca\x1f\xcc\x9f\xbd\xfeP\x0b\x97R\x82\x9ei\xd7\x97\x03\x87\xbf\xbf1s{\xd2bcX\x8c\xcb\xc5\xb8\xecA\x8f\xeb"\xae\xae\x8d\xa4\x93\x91\x88\xb1\xc7\xa0\xcb\xeb\x81Zt\xbf{{\xe6\xc9\xe5\xcb\x0f\xbe)\xf7\x97\xebm]\x17\xab\x0c\x0b5\xaf$\x1f\xfe\xd8O\xba\xb9yO\xeb\xcar\xb7\x08\xacls\xd9\xb9\xff\xe8\xf3\xab\xc02\x10\xd6\x10\x01.\xda\'\xa7\xec\xd8\'\x83\xce\x80\xaec\xbc\x17N\x7fB\x8bbttt\xd0\xf2\x8e\xd9\xc9\xd9\'O\x9e\\\xfe6\xbc\xbf\xbdU\xe81\xac\xe7q^\nI\xbc)\x14\x7f\xae\xdd\xbby\xfd\xc7\x84g\'\x1c\nI\xa1F$\r\xd5\x0b\tw\xbf\xf1\x1d\xd4B\x82\xb3\xe3\x1b\t\x0b\rN`\xe3\xe3\xd3\xd3\xe3@\xc3\x0bp\x90\xd4Bo\x8d\x1ai \xa2\xb7\x1c\xb3\x96\xc9\xdb\xa0z\xb4\xf0~q\xab\xf96\x93\x11EqS\x05\x16\xcf\xf3&amp;\xb3I\x92\xe2\x1b\xbe\xff\xf33x\xae\xdf|\xd6\t\xcf\xc9!\x9e\x977"\x02\xb0\xe0\xe2\xf6\xe1w\x7f\x1eGo\xd9-\x16\xa6\x0b\xa8(?/\x06\x07X\xe3\xc0bk\xe1\xf4\xe9\x13\xa7\x07=\x0f\xbd(#\x1c\x8e\xbf\xcd\xce&lt;\xf9|\xe3}\xdf\xddl\xeb\xb9\\U\xcc\xa4\xc2\xb2\xc9\xc4\x9b@u\xcc46&amp;\xcd\xa9\xca\xca\xb3[\xe7\xff\x87\x9b\xd7\x1f&amp;_\x86eY\x0eIf\xb3\xdc(\nb&amp;\xd3+X\xad\xfb\x1b_\x8e\xdf\x9d\xb2X\xecHr\xa3\x8b\x14Ct\xe1\n\xcc\x8e\x81CbM\\c\xde\xb2\x95xz@es8\xb0\xb79g\x99\x9d\x99y\xd4\xdd\xf7\xd7[\x19P\xe5\x04\xaeS\x92y\x13\xc42\xd1\x87\xe0\x98M0T\x8e\xab\xab\xb9\xff&gt;0\x7fw\xfeaR[\x88\x9f\xc1\x1b!\x96\xc9,/\xacp\xc0\xca\xbc\xa5\xa6\x7f4\x8e\xbd\x9dcjj*\xc8|DV\x18\x0cd\xa3}r\x92\xda\x8ba\x19O|\x10\xcbF\xb3\xd1r\xee\xeb\xaf\x1d\xb3\xd3\xbfi\xec\'\xea-h\x95\xcb\tB\xa4\x98R\xba\xa5\xbc&lt;v\xfc\xd8\x19\x897\x83\xec\xa4\x99\x8fw76\xb4\xe4\xc3\xf3\xff1\xcesZ7.K(P\x85L\x12/\xab)\x8e\x13\xc5\x8c\xder/\xf7+_\xdaI.\x8b\xc3`\x08\x12\xd45`\x19\xd8r\x04\xd6\x84\xdd\xe5\x1a\xf6\x1c\xa3b\x1e\xdah3\x88-\xceN\xa5\xbfU\xaf\xe9"A\t\xb1NC\x03\x99\xa6\xa8\xf9\xd0\xd8\xd8\xb1\xcf&gt;;~\x1c\x8e\xf2\xa5\x8e\x12\x9e[X\xfd\xb78\xb8u/\xa6\x94\x1a\x8d\xb8\x84\xc5+\xe3&amp;\xf1\xa1p%\x95\x8a\xa1Gsz\xaf\xe6\xde\xda\x7fy\x07\x8e\xe1\xfc\xcf\x11\x0f\x05\xab\x81\xb8&amp;\xa8\xec\x88V\x97\xc7\xc8T\xfc\x842\x1e\x0e\x92\x89\xe02\xda\x19U\x0bk\x07\x16\xe6bJ\x18\xad\xd1\xf3z\xbd\xd9\xda\x81:\x7f\xeaWDe\xe6\xcd\x92\x9aR\xc2\xe1\xf0\xbf\x06g\xeay\xa9\xd1-\x97V\xbb!VR\xbe\xd4\xd0pJ\xdd\x8eW\xcc\xe4\xc4j\xb6\xb0\xb5\xbd\xafP"\x10\xd7\xb5 \x11\x19\t\xcf\x10\x0c\x06a\xa5\xcbu\x8d\xe4\xa2\xf8\xc07\xd6W(\x1b\xe0\x96v\x0e\xfa\x89\xc2[]\x10r\x00\xe3\xb0\x98\xf8J1\x92\xe6\xb8v\xb3YX;:,\xe5%\xd3q,\x81\xf8K-\xb5\xaa\xfc\x10\xaa3/\xe7\xd5pHz\xda\x99\xff\xf4\x0c\xa8\xca\x95T\xc4\xebM\x95Br\xb9S\xcdU\xab\x19=[\xb0\x85\x11\xb9c\x00\x00\x05sIDAT\xf6\x0fw&amp;\xee`Su\xeeO\xe7\xae\x19\xc9?@\x91T.\x0cGlY/b\x9bO*\xa2\xadl\x14\\\x90\noZ?:\xd8\xda+du\x08\x85\xd5\xc3)\xe593\xc3\xf2\xf6Z[\xa8\xbd\xc2\xdb\xd6A\xd9D\x9fw#\xc9y\x99\xff\xe8\xb7\xe4\xf7\xb4y\xb9\xdcU\xf3\x12\x1f_\x08\xcbs\xf9\xd2\xe1Z;\xeb\xed\x11\x16o\xca\xab\xa9hU\x14\x05\xe1mao\xbf\xb2CX\x16\x83\x8bv\x10\x13\xd8\x0e\x1aH\'\x97\x07By\x08\x8b\xb6\xd4FP\xa1\x1c\xb3\x0e\x9b!\xb8\xb4\xa3\x1c\x1c4[\x189\xa2\x90\x13r\x11\xa5\x1c\x82_J$\x06\xac\xdav\xc0\xe9t\x06\xb6\xea\x85\xda\x1ai\x86%f6}\x80z\xb6\x92R\xd4n\xe7\xe5\x9c\x14\x0f\x97\xc1TY\xab\x15\x9a\xcdv\x8f\xe3\xb8b\x17-\x96_HUu1\x99\x8c\xf6j\x8c\xcb\x15\x04\x99\xddFB\x190\x13\'\x82\xac\xb0\x9d\xb8\xc8z\x8d\x88\xf0\x85\xeb\x1e\xc3\xc4\xd2\xd2\xce\xd1\xc1Z+\xab\'\x93\x90J\x106+e\x8a\x06\xb9\xe3\x8dq\x84\x95p\xbb\x97\xdd\xd6\x044\x83\x9d\x15\xe8rfl8\xf6|\x9a\xd2PU\xb5\x81\x85\xa1\xaa\xa5\xf2\xe1Z\xadV\xdf\xda\xde\xdek\xf5D\x91\x8b(8\x07)\xdf\xd8\xe4\x04!Y\xad\xf6Z\xcd\xc3\xca\xea\x92\'x\x87\x86!\x96\x1e\xc8\x10\x10\x00\xf3x\x86X\xd8\x07Z\x1c6\x0b\xa8,\x16\xcf\xfa\xfa\x8er\x04(]\x17\xc0U\xad\xa6\x1aed\xa1I\xcak\xc0\xe2z\x85\xed\x84\xd3\xeft\xba\xddn\xa75\xb0\xbd\x07\xcd*%\x99\x05\xe7JWU\x16dI.U\x1a\x0b\xa5r\xe9`\xad\xd0\xaco%\xacn\'BF\x00\x97VF\xe8a&gt;\x141\xc9\xaa\xba\x90\xce\xd6\x8e*\xca:S\x88e\x16B\xebc\xac\x8b\xd4\xef\x06J\x05\xcc\x02\xcf\xd2\xd2\xaaV\xf4\xeaX\xc9"\xb0\xaa\x1c\xc2\x87\xf9d\x8ak\x10k\x80\x15\xf0;\xadP\x0cd\x81\xc5\xadzsmm\xe4\xec\xcd$&lt;j4\xf2\xf9\x05\xa5Q\x96\xa5|\xa5U\xd8\xdbZ\xf4[\x97Q\xd6Z/\xcd\x89B*l6\xff\xf2\xe4X\xbcQ\xe4\xaaQ]OV{\xd9\xd6\xd1\xcb\x89K\xdfc\x91h\x13\x1f\xb0(\xb4`"\xb0(j\xedKovu=-\x08z\x14Pb\xa4R\xce\x9bQ\xbf0\x9b\xc2)/7P\xcb\xed$,7\xeeD\xb6\r\x97F\xee\xc56d&gt;\xdf\xa84\xba\xe1\xb9O\xcb\xeaQ\xadP_\x0c\xf8\xfdN\xd2\xd4\xed/d9.\x12\xd1\xca\x18\x0e\x98\x13\xf9n\x8a\x13\x81I\'\x1e\xdb|\xf3f}\x9d\xfe\xfb\xe8Zpi\x89f\xa4\x07-\x0fP\x0fKy\x0f\xd3\xf2\xfe\xfa\x9b\x15_4J?\x84\x9f\x12\xa2&gt;H\xc5z\x1a\x13\x9a\x07\x967\xed\xcd6\x13\t\xa7\xd3\xefg`n\xab\xd5\xe9L\xa0F"\x9d\xf9\xb13\x88s\x99\xba\xbcUk\xf6\xfb\x81\x00-\r\xb7\x13\xef\x0e4\xdb\x91H\xb1\xd8\xc9S\xb8b\xda\x87T\r\xb9*\xe4`\xac\xe0K\xee\xee\xbex\xb3\xbe\x14\x84MKS\x96\xc9)R\x8b6\xd0\x17\xd8u\xd0\xfd\xf5\xf5w\xaf^\xff]\x10\xa2Q\x9fO\x80Z\x82\xe0[\xc1\x94\xe5q\x82\xe4!aE~\x80\x85cZ\xad\xc4\x85\x1a\xd1\x9e\x9e:s*\x1e\xee\xb2\x95W_\\$(\xa2\x06\x96\xdf\xbfHX\x11\xafV\x96\x89\xcadF\xe2++1\x91N\x9f\xa3\xc3%}\xe9\xdd\xd7/P\xaf^\xbd{\xf7\xe6C\xd13/^\xefb\xd9\xfa\xbc=\xbc1\xeaC\x88\n\x9b4g@E\x9b\x06\xd2\xebc,\xa7\x1f\x0e%\x00E\x87\x06\xd9H\x19c\xbbr\xb4\xb6\xd6DC\x01i\xb0&amp;X\xf9\x03\x01\xc2B\x03\xa4JH\x08:E\xb3Y\x8aw;\x9b\xd1(\xf9\xc8\xc5|&gt;\xa44\x17\xf5\xc5\xf0hP\xbb\xf4H\x88\xf9\xa2L#\x1f\xc71,!)\n\x9b\x9d.\xc5\xc2\xb0H\xae!V\x1dk\xcb\n\r\xa8s\x9c\x03,kbDUR\xed\x1a\x90\x16\x17\xf1,\xb5\xf9\xb2\x1bw\x10\xfb\x03x\xae\x90\xa5\xb6,\xaa\xb4\x8f ,\x12\xac\xdc\xd56c"G/\xc4\x86T\x1c=\x06P\x94\xd5\x00*\nX!\xcd\xa5\x05\x11\x93\x19P\xe1&lt;5(Yh\x1a\xfccOS\x91\xc8\xf7X8\x9c\x9f\x89b\xb52\xae\x11\x0c\x97vs\xf1\x83F\xcb,\xda\xac0\x90\xa8\x02\x85l\xdaKX\x12v\x1dL{LS^\x9eW\x15\x8dTD\xd1\xd1c\xb14\x0e\xef\x8b\xe1\xb6\xfbA7\x1f\xbdH6\x03\x12;\x98\xf0\x9cD"\xb1\xdb\xf0\x01\xd4B\x83\x0c\xb1p\xc4\xc0\x90\x8b\xac\x1c\x89q\xe9v=\x00\x81\x9c\xb4\x06\x06\xcf\x02}\x91Q\xf9\x0b\xbd\xb47\x1d+\xaa\xbc\xf9$\xa3\x1aX\xc0\x87\xe2aU)z9o:\x9d\xceF\xa0\xa8\x97\x15\x03\xe5\xbc1&amp;_$M\x95\x04\xd8&amp;\x05\x0f\xffO\x03\x87{\xd2\xb2V\x04\x17\xc3b+\x90\x84\xa0&amp;r\x0e\xd4\x8a\x01\x0b\xc9\x11\x18\x94\x1fB\xfdc\x90\x90\n\x9a$9\t\x14Z\x1d`g\x81\x9bi\x9cl\xb0h\x00V\xa8gO\x02\x83\xe3\xb3\xd9\x9a5@gYX\x98!\xc0b`U\x07$\x81\x12\x8b\x17\x83\xc2\xed\xc8dp\x93\x1d9]\x81\x8c\xd9\xf9\x00\xe4\xac\x1b\x17&amp;M\x82&amp;(\x88\xbb\x80\xc5\x03\xd0Y\'\x1bN\xde\xf8\xba\x08\xe2\xd4EP\xa7-\x02\x87\x14(p\x81i\xab\xa3\xa1\x01TWC\xa2\x10\x12X \x90\x03l\x19\xc9wt4\\\x03\xd6S\xd7\xae]\xbb\xf1\x11\x0e\x80\xbc\xf3@p\xe8\xd0\x15`=\xb8\x18\xe8\xc6#\xa7rrP\x9d\x05\x06\xb9\x13O\x9e&lt;\tq\x96$4\x92\xc0.\x00\xc5\x19\x00\xf3\xb4,l\xd2\xc1A}\x00\x00\x00\x00IEND\xaeB`\x82'</t>
        </is>
      </c>
      <c r="M194" s="3" t="n">
        <v>45492.67618055556</v>
      </c>
    </row>
    <row r="195">
      <c r="A195" t="n">
        <v>807850</v>
      </c>
      <c r="B195" t="n">
        <v>1961</v>
      </c>
      <c r="C195" t="inlineStr">
        <is>
          <t>Lima</t>
        </is>
      </c>
      <c r="D195" t="inlineStr">
        <is>
          <t>Lima</t>
        </is>
      </c>
      <c r="E195" t="inlineStr">
        <is>
          <t>VOL</t>
        </is>
      </c>
      <c r="F195" t="inlineStr">
        <is>
          <t>VOL</t>
        </is>
      </c>
      <c r="G195" t="inlineStr">
        <is>
          <t>VOL/PD/MC</t>
        </is>
      </c>
      <c r="H195" t="n">
        <v>181</v>
      </c>
      <c r="I195" t="n">
        <v>45</v>
      </c>
      <c r="J195" s="2" t="n">
        <v>35226</v>
      </c>
      <c r="K195" t="inlineStr">
        <is>
          <t>Right</t>
        </is>
      </c>
      <c r="L19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2e31a6c-ee40-4a95-8393-9e478a403d7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2:E\x00\x00\x00\tpHYs\x00\x00\x0e\xc4\x00\x00\x0e\xc4\x01\x95+\x0e\x1b\x00\x00\x03\x00PLTE\xff\xff\xff\x06EF\xa3dJ\x01SS\xa5gN\x95^E\xfe\xfd\xfd\xff\xfe\xff\xed\xed\xf2\x9fbH\xa9dN\x06IJ\xcf\x9e\x85\xc5\x8cq}O;\xc8\x8ft\x82 1\xeb\xe8\xec\xa0iV\x974;# #I1,\x87\x1f0\x1f\x1c \x8e[D\xaciW\xc3\x88m\xadgS\xa5jW\x82R=\xaafTyK7\xc9\x92ytL=*$&amp;\x9aaG\xb1q]\xbd\x85lR81yQB\x1a\x19\x1d\x9c[K\xa5dR\xba{a\x06AArC7\xb8\x7fj\xa2`O\xcb\x95|\\;4-+0\x87U&gt;\x9eeN\x9bgW\x94YLr\x1e/\xb5qY\xcb\x9b\x83\x95fS\x8f_I\xd0\xa0\x8a\x99WE\x80VE(\'-\xb0l[\x92WB\x8bXA\x7fWQ\x06:9\xb7w\\\x13NL\x0fIH\xacjO\xfa\xf9\xf9\x94aOA,)\x8aVIzRJ\x86]L\x06MO\xa9s^\x9a^E\xbf{d\x9acK\xbf\x81eR&lt;:\x9d6&lt;\xbf\x89qh\x19*\xf1\xf3\xfa\x87YD\xc5\x85j\x85L:\xf3\xf1\xf0k=2\xcd\x9a\x80\xb1oS\xa8kR\xacoX\xa3o\\\xb4wd\xb3gOhF:H87\x9c`P306`C@\x8cQA\xf7\xf5\xf5\xa6_K$")qOK\xbct`|\x1c0\xc2\x80h`B6eHF\xaeaJ\xa2\\G\x02[Y\x8ccR\x8d+7\xa8oY\x9208yG&lt;\xcb\x8aqlK&gt;\xc3\x8cw\x12US\x8c"7\xeb\xee\xf9\xc5\x93}\xd0\x94|\xbc\x85s\xacwa\x1bTQ\xae|f\x0712\xe5\xe1\xe4\xa5xf\xd6\xd1\xdaf&gt;82\') \\Z\x95o`\x81MD@21:&amp;#\xb2\x81n\xb3\x89vV0)\x15\x14\x19\xe2\xdc\xdb\x8fmh\xe7\xe9\xf5\x8a[V\x8f\x88\x89tVO\xbd\x8e}\x7fE2\x80`ZXB@a5)\xafrc\xadPY\x8eg_fPN\xe4\xe5\xee\x9buh\x13=;\xd9\xd8\xe6\xb9nU\xa3yn\xde\xcd\xcb\x82gat\\X\xabm^\xe7\xd6\xd3\xee\xe5\xe4\xa0mbw\x14*\x93aYoOC99=\xcf\xb4\xa9\xcb\x9a\x94\xa9\x81ru*7\xb1wn\xc4\xaa\xa58+-A=C\xcf\xca\xd0\xde\xdf\xec\xd6\xbe\xb6\xa0UY\x81||\xbd\xb3\xb4\x93MJ\xd4\xa7\xa0%KD\xbd7PQOS\xb04M\xc5\x8e\x88\xc5\xc2\xc2JHG\xd4\xc5\xc2]]]\x9a)@\xa3:?rFG\xa7^d\x1bEA\x99\x98\x98\x82%9y9(\xd6\xa5\x90\xb8\x81|\xb3mt\x91\xa6\xaa\x9eIR\xcd\xb5\xc5\xc0w\x82\xb4[e\x96L:\xaa\xbb\xc2\xb3\x9c\x9b\xa9\xab\xaa\xc8\xd0\xdb\xa9jk+RL\xbc\x9c\x91\x94~xS|\x80\xac||,\x19\x1a\xaf\x93\x87e\x87\x8b=lo\xa7+Ermph*\x1e\x9a@J\x8dHZ\xc2\x99\xa9&gt;[Vy\x9a\xa0\x96[n\x9aqx\x848G\xb6\xc4\xcd\xcc\xde\xe5\xb0\x82\x940ca\xe3\xb3\xc59\x02\xcf\xd5\x00\x00 \x00IDATx\xda\xcc\x98\xefKb{\x1e\xc7\x87(\xef\xe4\x83Y\x92\x13\'WsG\xaf\xd31/%\x9d\xc9\xb8k\x9b\xa7\x1f,\x8cZ\xe2\xd0J\x10\x157\x13\xf5\x94:\x0f\x92\x08\t\xe7\xc1\xdd\t\xe9\x87\x94\xd54\xc3\xb5aM&amp;\xee\x83\xcb\xdc\xd8\xb8\n\x11\xda\x03}"$\xc2\x05\xff\x81\x8d\x85e\xef\x93\xfe\x83}\x7f\x8e\xd3_\xb0\xda\xdc\xb7\x9eCI\xe0\x8b\xf7\xfb\xf3\xe3{z\xf4\xe8\xff\x92\xcc\x06\xc9d\xb2\xfa]\xf6\xe8\xf7!\xd9|\xc7\xd6\xce\xce\xd6\xd6N\xa9ts\xfdnk\xfew@&amp;\xb3\x05m\xc1\x8e\x9bZ-U\xbc\xbb\xab\xdeU\xcb\xd5j\xaa\xb43/\xfb\xc2&gt;mm]\x97J\xb5r\xa1R\xc9\x89b\x8en\xbcX\xa8\xd6J[\x94\xe7\x97\xa2\xea\xd8\xb9.\x15+9&gt;\x1c\xe6y\xf0\x88&lt;]\xa2\x8e\x11\xcb\xc5\xdb\x9by\xdb\x97IS\x16\xbc\xb9-Vs\xacA\x10\x04F\x00\x13\xcf\x84y\x86\x15\xc2\x06\x03\x9f+\x00\xac\xe3K4\x80L\xf6.\x85\xf4D\x86\x85S\xbc\x90\x13\x05\xf6\xd8\xc0\xf3\x06\x83\x8e10\xbc\x80,S\x12\xd8\x03c\xd9\xaeS\xe5\\\xa1 \x84\xf9\xb0 \x00\x83\xb0\x8e\x19\x9e\xc5ul\x10t\x0c#\x16\xcaw\xb5\xad\x07\xae1\xd9\xbbb\x85\xca\x8aeD\x9ea\x90\xa4(\x84a\x17\xac2\x88\x86c\x9d\xc0\xb2\x0cJ\xadP\xbc\xe9\xb0=$\xd6\xfcm5\'\x02\x04\x0e1,k8fa\x1a\x1f\x86M\xac\x81\x0f\x1f3:\t\x0b&amp;V(\xca\x07-,)6\xc8\x00\x1d\x1f\x87\xd1\x8f:\x96\x11P\xf4&lt;\xcb\xc05\x96\xb2\xd5\xe9\xf8\xca\xddM\xf0\xa1\xb0\x1e]\x17\x0b\xe2g*\x16\xe1\x19\x8e\ra\x14\x14\xcb\xea\x80\x96\x00\x0czR\x07\xbft\xa4r\xad\xe3!*\x0c\xfd\x15\xbc\xad\xf0\x82\x81\x8cBZTT\x06\xb4\x1f\x99\xa3K\xe8\x80\x96\xc8\'$\xa0\x84\xa0\x03\x99PH\xbdk&gt;\x17\xa8\xe6o\xaa\x02\x95\x14)\x8c\x01\x01@\x04\x87b\xe2\x13 \xfa\xacd\xfe3\x1c\xa3\xcb\x15\x9b\xceEP\xa92\x1ff\xd8\xbaW\x02/\xe6x4 \x03s\x12\xf9|&gt;)\x89~\xf0\xbb\xddI01\x00.\xa4\x9a\x9d#\xaa\xbd\x82}\x13f\xc8"\x90$\xc0%\xc2;|;\xb0@\xe4\x87\xdc~\x7fO:\xbd\x9c\x8d\xb8\x0fPq\x8c._\xa95\xb7!m;w"A\xc1,V\x97w8\x92\x0e\x90\xd1\x07TJ\xa0\xf2\xf7\xb8\xdd=\xab\xcb\x91H\xf6\x04\x9a:Y\xcdK\x7f\xc9Wn\x83\xb2&amp;&amp;x}\xc7\x0b\xb4\x05Y6\xd1\xd9\xd9\xd3\x837nyB\xca\xe7\x1d\x9d\xf8h \x9b\x8de\xadN\xe7\xfa\xc7\xbd\xbd\x8fN\xe7D,\xcfR\xc0|\xf9\xc6\xd6&lt;\xaa\x9d\xa2\xc8\x0b\xe4\x95.?\xe0\xdb\x85|\xda\xbe\xbe\xbe\x85\x81\xb7o\x07v\x07\x16\x16\xf0c\x9f\xd3b\xb1\xec-moo_^\xfe\xb8\xb7\xbe\xbe\x1es\xb0\x94\xb0P\xddiRy\xd1\x14\xc5\x16\xc4P?f\x1d\xbbZ\x12\xb7\x0fu\xcf\xcdmll\xcc\xcd\xcd\xed\xe3Z1\xc7\xe3.W\xfc\xf0\xe8\xe8\xe8\xc3\xe5\xe5\xf6\x9e\xc5\xe9\x93\xb8\x18\xbe\xd8\xa4\xf2\x92u\xd4\xaa\xb9\xb0\xd4\x81\xa0\xe28n\xdf:;9996\xb6\xb2\xb22\xb7R\xd7\xd8\xf4\xd2\xe1\xe1f&lt;N\\\x1f\x8e\x8e\x0e\x89k\x80v\x91\x8e)\xdc6g\xdc\x07o\xcb\x05,a(\xbf\xcbY\xf7\xad\xfb\x80\xea\x1a"\x81l\x0c\x1a\x19\xe9\x1dT\xbb\xe2\xf1Mz\x1f\x1e}\xf8@X{\x16\xae\x93\x16\x00\xcb\x94\xaf\x9b\x11\xa3l\xeb\x0e\xe7\x84p\x18T&gt;\xcej\xb5\xc2\xa8\xc9\xa1\xa1^hddl\x84\x98zMFe4\xea\x826!p\x1d\xc6\x7f\\\xb2X\xd6}I\x1dy\xcc\xa7\x9aq\xcc\x97\xdd\x94\xa9\xde\xc3\x06\xdd\x00g\x9d\xb4JN\xf5\x06z\x87\x00\x05&amp;@\x81J\xa3\xd4x\xa2\x90k\xd3\x05\xac\xa3\xc3\xf8\xf6\x85\xd9\x82\x18\xf3\xd2\x98k\x8a]\xf3\xb5\x02\r\x07\x96\xed\xd4\xee\xdf[\x15\x80UC\x12Ro\xef\x9a\xc9d4j\x16=\x8b\x8b\x92cR\x81\xc5\xb7\x97\x80e\x99\xea\x91\xec\xd25\xc1.Y\xa9\x0c\xab\xd0\x88\xf9UN\xa2\x1aG\x80\xd3R\x84\x04e2\x99B\xa6\x90Q\xbe\xe8\xf1\xc0/u\x94\xb867]K\x84\xb5&gt;\x1cs\xa0\xec\rl\xb5\xf1\xbb\xd1V\xcbQe\x85\x13=\xda}\xa2\xa2\x08\xc9\xad@\x9d\xc9\xb4\xb6\xb6fZ\x0b\xc9\x8d\x8b\xa4V5\x05\xb9\xe9\x8a.-),\xf6\xe1a\xeb\xc0\x01\xedv\xb1$k\xf8t(\xd2\xb3D\x98q\xec\xeeO\xd6\xdbo\xa8\x97b3\x12\x13\x9c"\xaePK\xa8E\xd3j\xc4\xabu\x91\xb2T+\x14\x83\x83\x83\xc0r\xc6z\x12\xe0\xe2k\r&gt;\xdc\xcbl\xd7U\xda:0\x8b\xabSI&amp;iFGG\x95\x1a\xa0\xc9\xe5\xf2\x10I\xae\xd1\xb4\xb6\xb4\xb6\xb6\xb4\x10X+\x98\xa6\xa7\xdb\x86!+\xba\x11\xb3\xbe\xf8\xb8\xa1X\xb2\xe0\xe3\x9d*\xb5a8\xef\x03\x95}(\x10\x08H\x15\xae\xf7f\xc0\xa5\x91\x1b\xe5uiT*y\xa8\xbd%\x14j\x01Y\xcb=\x96}xV\xebN\x02\x0b\xc5\xd5\xd8\x07\xfb`\xa9\x02\xaf\x18\xc1?e\xb7\x13\x15\x823*\x95\xfa\x8cd\x17\xc0Br\x95\\\x03.\x95F\xde\x1aZ#\xbdlo\x1fl\x9f\x86\x10\xe2\xb0\x93[\xf6\'tLu\xa7\xa1\x95\xf5\x95-X\xc3,e\xc2\xf9\xe5a`\x05\xeaf)G\xf5\xfa\xd1\x8c\x1ed\xfaQ\xd8DT\xf2\x17\xb8\xb7\x84\xdaA5\xf2\x12\xfaz\x1a\x86\x81kv6\xe6N&amp;\x12\xe5w\x8d\x9eZ)i\xc4\'9\xbb\xc5\x12\x08L\x07LF\xaa, e\xbc`\xd3\x8f*\x95*\xc9*\x95R.Gi\xb5\xb4\x13\xd3\xcb6\tk\xb8\xabkv\x96K\xfb\xf3\x89\xf2N\x83\xb1\x1e\xa7Dz\x16t[\xed\x16rk\x90:P\xa3T*\xa5\x0bR\xc2-\x159\xa6\x92\xb0P\xf5\xed_C\xd3T^m\xf7X\xf9\xcaM\xc3\xdd\xcaa\xc6\x8bi\xab\xdd&lt;8\r(\xa3\xc4c\xa4\ta\xa4\xe2\xa7bW\xa9\xe0\x19a\xd5\xdbp\xfa^\xf7n%\x93\x95F\x0f\xaey:\x00\n\xe2\xf2\x94\x05\xb3H\xf1\x99\xcaDC\xc2(\x8d-\x8dF\x05\xa4\xefp\xb5j0\xb30\xea\xa5\xa1\x05\xa8\xb6\xb6\xb6\xae\xf1\xf1Yn\xd5\x9f\xf4Wn\x1b\x8c\x15\xac\xc1-&gt;\xb9&lt;eV\xa8\xd5\x8bFi+\x1bM\xd2~6j4F\x8aQ\xa9\xaa\xeb\x85J\xe9\xd1{\xbd\x98\xf1j\x05\x12\xb4\xb7\xc1\xad.\xc2\xf2\xfb+\xb5\x06\x1f\x9dm\xa5\x02\xcf\x8b\xfe\xf4\x94Y\x1d\xc566j\x8c\xf7\x92\x88F\x95\xaa\xcfX/4*,F\xef\xb3\x99\x99\xfe\xcd\xa8b\xb0\x0e\xd5\xd55.a\xb9S\xf3\x8d\xc5\xfa\xea\xba,\x8ax\xf6{e\x8eb\x19\xa3\xf1(;)J\x9a\\\xd4\x92@\xab\xb7\xa3*\xb4f\xd4\x7f\xd3\xff\xecY\x7f|\xc9l\xef\xaak\xbc{\xb5\x13\\w\x1d\r\xaey\x1c\x02E\xbf;=\xa5\x88z\xf4\x18\t\x1a\x13f\x17M\xaes\xeaF|\xe2\xa11\xa1\xd7\xe3\x97Q8\tF5\x1dR]fB\xea\x9a\x1d\x9f}\xee\xeb\xe9L\xfa\x8b\x8d\xc6\xb2\xa5r0+\xb2\xbe\xa4\'y\xd0\x7f\x81^\x93\xfa&lt;snT\xe3\x8eO&lt;\x80\xd2{\xf5\xa3\xe7\xa3\xe7\xe7\xe7j\xb5\xd1(\x9d"\x96\xec\xb3hCRw\xac\'\xe9ot\x88\x84U\xf0G\x9cf2k\xd3C\x11\x0e\xad\xf4\xaa3WW\xff\xfe\xe9\xea\xea\n\\\xfa\x8c\xd7\x9b\xf1f2\x99s\xb0\xa2\r\xd1\x88f\x85\xc2\x8cs\xcd\xecs\x89\xcb\xeas\xbb\x9b\x80Up\xa7\'\x14j\xc2Rc\x9e\x0e\x06\xcc\xe6\x8b\xed\xcb\xff\x92.\x01\xe3\xed\x07U\xc6{\xe5\xbd\xca\\\\\x98\x7f\xc1\xd0\xc5\xdbn\x19\xc6Vpvs\xdd8\xfcws\xab\xe9\x86c\x05\x8b\xb9\xf4\xd9\xba\x9a\xb0&lt;\x8a@\xc0l\xf9\xe1\xe3\xfb\xba&gt;B\x17\xe7\xde7\xfdWxy\xbd^\x97\xf9\x97\x1f\xa6\xb2\xb1X\x96\x14\xcbrN\xa7\x95{\xf2\x04\\\xd6\xd8r\x13\xb0\n\x91\t3ay\xa2\x8a\x80}"\x92\x8e\x9c\x9d\x9dE\xd2n\xb7;\x1d91o\xf6\xbf\xe9\xa7\xf7\x95W\xef\xb2L\xbcJ\'\x0f\x0e\xf2\x8e\xa4\xc3\xe1\xf0\xbbWc\x1c\x87\']`i\x97\xff\xf3\xb8\xd1\xdb\xa7X9sb\x94\xaa\xe9\xd09\xf4\xab\xdb\xef/\xb8\x0b\xfed\x9e\xfeO\x93&gt;\xd9;|3\x03\xa8\xfe~,n\x8fej\xb93\x81\xc3\xfbo\xbf\x1d\x1c\x1c8:;\xdd&gt;m\x9d\x8b\x8b5\x01\x0b\x19\xa2\xb4\x00\xa6\xb0OE\xce~&amp;E\xdcIG\xd2\x9d&gt;\xfb\xc7\xc5\xe1\xcck`!B\xbdg\xd12\x81a\xe0p\x1ct\x0e\xf8\xb2\\6\xb6\xda\xe3\xf6\xddc\x15\xff\xd9\xf0]\xbd\x0c,\x05\xbcR+\x9c\'\x9f~:::\x8ao\x9b\x9d\xda]&lt;\xcb\xae\xefm\x1f\xbe\xfe\xc3\xcc\xb3\xbf\xea\xbf\xfd\xf6\xbb\xd6i\xbb\x93\xf3\r\xbc=\xdd\xd5N\xda\x15j\x85\xd9\xce\xad\x0e\xc4$..\xf6i\xab\xd1\xb5U;#,@\xa9\xcd\x13\xef?|\xff\xfd\xeb~\xd7\xd0\xc6\xc2\xe9\xe9\xe9\x82\xd6i^\x8a\xcf&lt;}\xfaG\xfd\x8b\x17\xad-/\xc7\x9e\xffi\xe1\xf4\xed\xe9B\xdf\xc6\xfe\xe4 2\x8f*\x9c&gt;\xb2\x8b\xdc\xfa\xd4\xe8s\xa0\xed_\'\xaf\xd6\xcdX\xd4\n\x85e\xef\xc3_\xfe\xfc\xf4o\x8bs\xf8\xe2\xfd\x8d\xbe\xbe\xbe\x8d\'\x93\x83\xfdO\xff\xfe\xf4\x1by\xfb\xcb\xb6\xf1\'}\xa7\xa7\xbb\xbfN\xedoll\xf4mt)\xf0\xc8\x18u\xfa\xb4\xda\xac\xd5z\x92}\xdfh\xb7d\xa5\x9f_91\x1f\xd5\xd1\xff\xd1j~?i\xa5i\x1co\x1a\x81\x94\x08dH\xc8\x80\x80\x96*2H@\x08B\x8e\x1cq\xf9\x91\x93\xd8\x8a\x04\x8f\x18\x129\xa2"8VJ G \xa4+\xf6Bm\x9a\x12\x9a\xb2Z\xb6\x13\xdb\xa1jl&amp;\xc1Z\x95\xd0\xe9L\xc64iwk\xd2t\xb7\xc9\xea\x05\xda+\xd3M3M\xed\xc5x\xb7w\xfb\xbc\xd8d\xff\x81\xb3O\xe2\x05\x98\x90O\xbe\xcf\xf3&gt;\xbf\xdew\xdct\xef\x97.}C]Q\xebZv\xe5\xb5\x81\x00\xe82\xe3\xf2\xf0\xf4\x17\xe9\xd1~\x8a\x8f\xa4\x9a\xe8\xeb\xebS\x010\xfc\x8f?\x00\\\x16\x95B\x05\xb1\xd5\x17\xfb\xc4tl\x9d\xfb\xc7\xa3\x87n\xa4\x16\x8c\xcb\x9d\x87\x9d\xbc\xeb\x88\xca\xb9oXE\x16\xc8\xe7+J\x01\xcf\x0bX\x88*\x17\x8b\xedOA\xd4\x8bZs\xb9\x1c\xe2\x12\xe2\x90\x1e\xdc\xce\xee\xd8\'\xa6\xf3\xd6\xb9w\x9b\x0f\x9d\xd0\x03^\xbf\xa9\x9b\xeb\xea\xbaA\xc8\xb5\xcb\xcb\xb1\xc1;\'\'\'\xbd\x85\xc2\xeaL\xde\xa4i\xf0k\xb8V\n&lt;8\xbd\xbf?5x\xe7\xea\x9f\xfe\xfa\xdd%\xd1\xf4\xf4\x84|\x00\xfc&gt;\xe4\x86\xac\xda\x17\xfb\xc2\xf0\x16\x82\xc3\xb9\xff\x83\xb3\x86\xe5Qvv\xe95\x03\xf9\xe5\xe5\xc4\xca\x9d\xabo\xbe\xfd\xae\xd7P(\x04\xf2\xea\x1e\xa2$M\x1d\x17\xe1\x10\xe4r\x85\xa9?~~\xf3\xe2\xdb\xab\xff\xfc~Q4\xadp\x0c\x00V\xb7;\xed\xee{\xf6\x89Q,\xce96\xfb\x9b/n\x84%\xf3\xf8:\xe7\x942\xb3KeX\xf9\xdb\x1f/^\x9c\x9c\x0c&gt;5\x14\xb4\x11k2\x1cN\x9ea\x81\x17\xff\xf3\xe0\xcd\xa5K\'\x7fy\xfc\xb8w\xb1\x10\xe0\x8b\x07,x\rk\xf6\x87\xdb\x97\x87w\x98B\xe3\xb0\x87wv\xee\xdfK;Q\x86\x08*y:\x999\x9f\xcf\x19b\x0f\x1e|\xbfxr\xb2\x12\xcb\xe5\xf2Bn2\tX\xd6\xe3\xe2j \x90\x9bpn&gt;\x16A\x86\x9f\x9a\x05%\x0b\x81&amp;#\x8e\xcbkXOw\x9f\x7f\xb9\xf7\xe16#\\l\xf6\xce\xee\xc6\xc6\xc6z\xda]\xc3\xd2h\x82fW&gt;\xef\xaa@ENL\x15\n\xb9\\`\xe6\x8a\x8c\x9bJ%\x93\xa9\x9a\\\x01\x85b?\xaf\xda\xcf\x19rPt\xd0q\xd469\xc4\xc6!\x845\xe1t\xbb\xf0+\xbb\x8clQ\xd9\xd7ve\xe6\x08\x05\xbf\x9b\x86\x93\x18\x0c\xb5\xb4M\x9a].syi)[\xae@\xe2\n\x04\xf2\xe6\xf6h2\\J&amp;\xa3V\xaa\n^\xccA.C\x96\xe7C\xea\xa2(\xca(\xc6\x87jjM(\x9a\xf8\x11*\xbb\xc3\xe10\x80\xb5\xb3dm\x97\xb4\xe3\xe9t\xdab\x92\x05\x89\x16\xe8\x93\x01\xccl\xf2x\x84\xe6\x08\xa4\'D\x15\x8e\xc7K\xe1d\xd2J\x15\x03(\x93}\xb5\x19~m\x07\r3\x19`\xa5\xbb\'r\xda&amp;9U\xb5?a\x04k[r\x9cR\xead\xc2\xb4\xdbb\x12nA5\x86\xfe\xb8mR\r\xdd\xbc\xd9\x1e\xa1\xa8\x88\xba1\\\x8a\x93\x80\x15.\xa5\xa8b\xb1&amp;UmI\x1f\x89\xd8\xad\xf6c\xbb\xfd+\x96J\xabm\xe2\x1b\xa9*\xf5\x8e\x11\'nK\x8fm\x02\x9e.$L[,2\xe8\xd7\x83\x84&amp;\x8e\xd9\xd0\xcc\xd3\xa86G^\xb7\xdb\xe2\xa58]\xc3\x8aK\x01\xabH\xd5\x90\xd0\xf6\xf9\xcc\xfa\xfb\x9bQl\xa5\xbb\x9b\xf8|\xa3\xa3X-\xbed\x06\xcb\x16%\x05\x82\x06\xdf\xadJ\xc5\xe4\t\x854\x84F\x13\x07.\x18\xec\xd1\\-\xc1\xe0C\x9c\x8e\x83\x0bK\r\x9ac\xa0B[z$\x94\x15-\x08SQ\xee\xf9\xf3\xcd0g\x00\x16_.\xc7Y\x80\xf5\x9c\x91\xfc\xb0\x1dO\xd2\x19\x01O\xaf3Y\xca7C\x9a\x10Py\xc98&amp;\xe5F\xa3\\[&lt;\x1e\'\xc98MC\xc0\'\xc34\x8fK\x81X\x08\xc9zlW\x03R\x0f\xb2\xba\x0b0\xc5\xe2\x96!\xb9\xd1\xe8\x10\x17O\xab\xbb\x8cd\xad\x9dx\xd2\xef\xf7\xf3\xf4&gt;\xa1i\x1c\xb0\xc0H?M\x12 \x97\rk\x81\xa0"i\x7f\xa6\x86\x95,\x91\xf1\xfe"e\x8cX\xd5j+@E\xb9\x805\nXu\x17\x06`\xd8\x00,\x87\x98A,\x1d\xa85\xcf\xe3\xf9\xc6\xcbe\xcf\x19\x96\x97D\xe1\x85aR\xb5\x8d\xa4\xe9\x06A\x03\x16\x864\x1f.\x95J\\\xaa\x89\x8aX\xa3\xd1\x14Z\xa5r\x93\xa3\xa3\xa35\xbd:X\xa0\x16_\xee\x18\xe8\xa0N\xab\xcf\x99\xc9\xf1GQ\xf2\xf0\xd0O*\xc7\xc7\xc7\xcb:\xaf\xd7\xab!I\x82 PLq\x1b!\xd8IZ\'\xe1\xd6\x98\xc2\x10\xf6\xfdEm1\x92B\x0eNJ\xc3\xa3\x18A \xb2\xb1\xba+\xb8E\xdeT-\xb2:\xec\xa7\xd5wLlv\xd9\xd7\xdeF3{\x87~\x8c\x90\x8d{\x96|\r4x\xd4\x0f\xf1tfd\xdcf\xc3\xa4Q\x0c&lt;\xe9\'\x11\x19\xd7\x8e\xb8\xa2\xd2\xaf\xf2\x11D\t\x91\x8d\x01\x96\x11\xa2\xdd\xde\xcc\xaa\xba\x18\xb96\xe0\xb0\xf7\xa4#\x87\xf5d\x98\x08\x8e{\x94\x02\xaf\x97\'\xf0g\x1a \xbaH\xc4f\x93r\xa5\xb6R&lt;S\x7f\xb8\xd75\x9f!ir\xac\xd9Ni\xb5\xf6(\xa2\x1a\x05\xac\x12\xa6!\xb0\xd11\x1c\xb78\x1c\xd5\xaa\xc3\xce*n\x0c3\x83\xf524?"\x88\x87\xe9\x96q\x8f\xef\xa2\xd7\x9b\xc9d\xfc\x19A\x86\xa6i8\x8e\xd1h#F_\x9c\xef:\xdc;\x9c\x9f\xcf\xf8\xe9\x16I\xbb\xdaZ\\\x05.i\x18\xc9\x85\x95\xc0\x8f\xc4\xa8\x10\xc7\xd3\x0e\x16U\x85\xfc!\xdfe\xe4\xe2\x9a\xcdy\xa7\x03aJq\x7f\x8b0\xbb\xa0\xbf(\xb8\x08\\\x80\x95\xf1\xc7\xa5)\xab\xb5QBv\x1dv\xe9\x01l\x1e\xbe\xc2\xd0\xca\xf2Bqu\x95R\x83\x1bk\x8aa\x84\x86\x08v\xe08\xee\xe8\xb7W\x03\xa7\x81\xf4\x13F.\r\xd8\xecm]2\x95\x0c\x93~\xcd\xf8M_gW\xfd\xc8&lt;\xe2\xca\xdc\xa0m\xd6\xe3\xe3v\x89-\xa4_P\x9bM\x0b\xf5\xf0u\xbc\x7f&amp;\x10\xa0"3\xab\xab3f\xa9\x14\xa5\xb2p\x0f\xa6\t\x11\xd7\x07p\xdc\x8d7;NOOW\x7f\xba\xcd\xe60\xd3\xd8,D\x8f\xff\x95\xc2h\xaf\xc7\xb3\xd0\xd9\xd5U\x7f\x86EcQD\x85\x96\\fW\xb9\xfc\x9b\x8fG\xeb\xda\x14\xa8\xc3B\xdd\x0c_\xdd\x88\xe4J&amp;{Z\x88\x96`\x07Z\'\xe1,\xea\xb4p\xda\xf4\xeb7L\xf5[?J\x8f\xff|\x9c"\xfc7\xcbKs#\xc0%\xc8\xa0\xc3(\xb5Bg\xb1%\xd9\xda2-WL\x15SyMXQ\xb4\x8aD\xa2Bn\x06Z\x075W\x9a\xe4\x82\xca=c\xc1\xb1:\x96q\xc8\rX\xc5\xd3S\xbe\xe5wf\xdaS\x0e\xe7\xda\x8f\x12\t\xf8+\xa8\xbfu\xf7\xa6O_\x7f\x86EK\xacjT\xaemk[\x95egl?\xe6\xac,\xe7s\xa8)\x15\xe5\xf2\xa8yHq\xa1a\x85\xf23VW7\xe00\xe2\xeenP\xcb!\xc6q\x86\xb0\xce\xb1/\xff\x92\n-\x84d\xca\x91%KV)\xd0\xd7\x8f\xe8\xe1\xc8aVu\xcb\x9a\xademkK\xb8\x1cK$\xa6\xa6\x12\xfb}}\xd3"\xb4\x0ei\x9d\xc8\x0fA\xc7c\x8d&amp;{\xb8\x08\xeb\xbc\xd8\xe8\xc0\xbb\xe5bq\xb3\xac\xc31\xb4\xcb\xd0\x0b\x126\xfbe{\xdbB\xe7\x9c^\x9fMgu\r&lt;\x81^/\xf0\x13\xa9\x14\xa1\x91\xc8d\xa6J\xc5\xb9\x9f\x98Z\x99\x1a4\x18\xa6`:Dj\xb5\x0e\x1a\xa6Q\xd3e\x85\x92\x88n5\x9a\xc5\xa0\x92\x8a/7\xb2:,C\x96\x97\x97\x99\xc2\xda9j_\x9b\xbb\xa1\xd4y\x9cY\x9d\x12q\t\xc8\xe8\x05\x8d78ye9\x16\x8b\x81P \x96a\xd0\x80\x02\xab\xb7\x17\xbdjA\xefZr\x86\x80\x1a\xeaN\xdd\xf9\x0b,\xc0r+\x14\xfc&amp;\xfe\x90\xc5\xf4\xeb6#\x07\xb1\xe6\xc5\x97k\x8d\xc1\xb1\xa0\xc6\xe3,\x9fa\xf1F\xad\x84\xbf\xe5J_"\x91x\x0c\x7f\xfb\t\xa0\x9b0\xd4\xacU\x04th\x93\x04lZ\xeeh\xcf\xf9f\x16\xcb\xe1\xc0\xdd\xb3\n\xa8\xd4\x16\xe1\xf8.s\xaf\x80\xd8\xc3{!L\xc3\xe3\xdd{tw\xc9\xa7T\xde\xd07p\xdb\xfc\x9a\xc9g+\x83\x89\xd8C\xe7r\xa5R\xf9\xf8\xf1c\xd9d~\xfd\xfau$\x9fW)f\'\xa6a\xd6\xef]\xec\x8d`\xa3u,\xb1\x18\xb0\xba\'\xdc\x16\xbc\xb9C\xf8e\x87\xc1\t\x96\xbd\xf3\xbc\xbe\xbe~\xef\xc9\'\xc0\xf2\x01\x96\xb2-D\x8f)V\xa6\x1e?\xdd\xfc\xe9\xf3\xd1\xd1o5{\x7f\xf0\n\xbd\x88\x98\x84\xe1\x1e(Z[[{\x17\xb5\x18V\x87;\x1c0\xfa\xa8b\x1f\xde\xfd\x9e\xcd~\xd9f\xf6\xba\xfa\xda\xf6\x93\xed\xe1\xe1\x0f\xebY\x90\xcb\xa7W6*5b\xc3\xe0\xc3\xcd\x8d\xa3\xb7o\xdf\x1e\xbd\xffx\x00r\x1d\xbcz\x8d\xccl\x9e\xbcb\xc6a\xfc2\x88\x16\x03\x80%v\x18!k=\xdb\xbc\xcf\x1e\xbe\xbf=\xccT`\xfd/\xf0\xd1c\xc5\xcd\xbb\xb7|\x0b\xbe9%\xe6\x0bjES\xeb\x1b\x1b\x90\xde?\x7f~\x7fpp\x00h\xaf\xce\xb8"\x11\xb4\xf6\x9aQ\xcdN\x88f4\x805\x04X\xaag\x0f\x80\x88s\x8e\xc30\xd5\x99d\xff~\xb4\x9e]X\xb87\xe7\xd3\xdc\x08\x06z\x13\xce\xbe\x82a\x1d\x9c\x08\xf6\xf9\x08a\xbd2\x9ba\xb4u\xe5\xb5\x8b\'"E_\xac\xd5E\x12uC\xf2n\xb9j6\xf1\xe1\xff\xf7\xde\xed\xda\xdf\x9f\xae\x97\xb3\xff\xe5\xe5lC\xdaJ\xb38^\x06\x8d\x06LBR\x02Q\x12\x1a\xb1I\x98\x163\x06\x8d6\x89[\xaa\xa1\xd0D#:\x9a:u6uf\x13bp\x85\xd0\x89\x1fdf\xd7@/\x11\xf1e\x89\x9d(\xa6i.q5i\xe8\xc6\xa4V*1\xd1E\xd3\xda~I\t\xd4\xd2\xa5\x8au KQZ?,:P\x85\xc2\x9esc\x17\x16v\x97\xd92\xd7\x93\x9b\xe0\xcb\x97\x1f\xff\xf3&lt;\xff\xe7\xed&lt;\xf1$H\xa7\x8b\xb0\\\xe7\xdb}\xa3\xef\xa6\xf6\xe2\x10\xa9T&lt;\xb5Lnl\x8c\x8f\x8f\xef%\x12\x11\xb7\xff\xdd;\x85\xb6\xcf0\xca\xfb\xeerk\x07n\x80[Ck\xf4\x95-\xea\x9eE\xdd\x91\xe1\xc4\xb0\x07\xb0\xe4\xd7\x15&gt;\xb7o\xa27\x9b\xca\xccff1\x80\x0e\x11wv\xf6\xbc\xfe\x89\xebc}j\x99\xcc\xf2\xdd\xef\x04\xa5\xfd\xb2R\xab#\xb4B\x1f\x16c$\x1a\x8c\x84!\xc6]*\xcf\x1fF}\xc3\x91F\xc3\xe1\xe3\xdd\xbd\xddl6\x1b\x8f//\xc7\x97\x91i7\xa6\x18\x1bk\xd4\xa8\xfb\xd6\xfb\xe4\xe7\xab\xd8\x0e\x07\xf8\x8546D#\xd6\xd0\xe3@8\x11vC\x7f$]\x8d\xe5\xbe\xa5\x8d\xf9\x831)\xbf{\xdd\xb0\x0e\x03b\xf9\xa8\xb5\x7ftB\xf1#\x7f\xa2\xfc\xc9\x13\xbdR\xd9h\x18\x90\x9c\x158\xf8\n\xab\xc3a|Lgm\xb3\xe9N,\x1c\t\xbbc\xc1A\xd2\xa9g\xeb\x97\xc8\rp\x85\xa3u\xdf\xe1\xe1\xa1\xd7\x1b\x0c\x18\xd6\xaf\'\x93\xd7\x93G`\x12\x88\xa5\x96\xcb\xabJ\xf9\r\n\x87Ca|IgE\xacn-\xe0\x8d\xb8\xa3\xfe\xd80I\x98\x1b\xf5K\xe9\xc5\x8d\xcd\x9ff\xb6\x0e\xde\xbf\xdd\xcb.g\xb3\x1f^l\xed\xef\xefo=\xaa\xd6\xeb\x01Km\xb6Lk\x1c0r;\xa6\x14\xdd\xcfh-\x88\x1d\xf9G4\x1c\x0c\xf8\xed\xf3.rI\xc8\x03,\xe4\xfai\x06\xac\x01\x8c\x0b\x08g\xb6f\xe0\x17\xd4J\xa9\x14\x0e\x0c\xf0d8|\x1b\x15\xc6\xd8P\xc1)Z\xb3\x18\x08F\x03Z\xbb\xcfCz\xa6\xa7\xa7\xc9\xc5\xa7\x8b\xdb\xdb\xdb\x9b\x9b\xdb\xdb\x80\x04\x0f|\xbcy\xf4\xa4Z\x89G\x9c\xe6\x81f=\x1e\xff\xf0\x1d\x0e\xe9K\x13\x9dT\xa7\x18+\xde@ \x10\r\x04"\xae\xa5%\xcf\x12`=]\\D2\n\x8b\xe2zQ\xdd\xa84\xe3yG\xf3\x80Z\xe6P`%\xaft\xea\x19\xad\xd7\x1f\x18\x0c\xd3\x1d{ \x16\x0c\xbb#\xe3\xe3\x1e\x8f\xc7\x95^\x8c\xc7A0L$\xe4\x0f?\xb6\x9eT\x9b\x9by&lt;\xb3\xd9\xdcln\x02\xc3r`\x81qh\x84\xe6\x12p\xdd\xdf{c~4\xaf\xc4\xf88I\xba@.\xc0J#\xd6\xd6\xd6#\xa0z\x82Tf\x1e\xbc\x95j\xf5\xc5R\xab\x15\xb1\x1ab\x93tc\xa5b\xa1P\xc0Mq\xa5\xd3\xae\x8f\\\x1b\x9b8"\xc2X]mC*^\xf3\xa0Y\xddt\x11\xec}\x14\xb2\xd8 \x8d\xd2\x8d\xc5\x98\x1d\xd6\xf6\xdaa\xea\x00\\\xe4"\xe1r\xa5\x9fB\xa47"\xf3\xc1\xe0\xc3\x87&gt;\xdc\xe8m\x16\xda\xbe\xb7\x0c(\xfb\x9a`,\xecwH\x15|\xbe\xd5M;\xd6\xdc\xf8p\xd0\x8fry\x13\t\x92pY\xe4\xe9\xc5W\x8bdD\x0b\xab\x9f\xde^\xbb\xda\xdc\xdc\xfc=\x8fg\xb1(\r2\x83\xacTV\x8a9\xec\xbfx\x02X\xa4\xc4\x15\x06\xacH\xd0\x1b\x8e\xb8\\\x96K\xf2\xb4*M\xce\xfb\xbb\x8dFc\xf7\xba\x9e*\xce\xb8\x0fT\xfd\xd6\x85\x05\x99LfU8Je\'\x805IJ\xda\xdb\x87\xdd\xe1p \xea\x8dx,\x96\xe2s\xd3.\xe7\xc6\x12\xac\x15\xbb{\xed&gt;!P\x9d;w\xf6~S\x7f\xaf\xc3\xbaP\xda\x0fS\x9a~X\x8a\xd1\x8f\xf5\x80\x90\xb4;\x9d\t\xb7\x1b\xb1\x86\x07\xa6\x856\x1b\x16\x8f\xe0\xcaZ\xeb\xe3M\xdf\x17~\xf1\xb9\xf0\xbeR\xd6\xdd\x8d3\x07+\x96\xd5\xb3e2\xba\xb1`\xb1\xa1\x02,\x82\x8c\x84\x03\x810L\x99\xe7\x95\xb6j\xdb\xfc\x9by\xc0\xd2j\x1f\x82\xb9\xdb&gt;\xb7\t\x95ZH\xa9Ta\x05,\x99\x0c\x96\x87l\xfa\xb1L;\x92v\x16\xa1""\xb1X4\x10u\x07\xe7\x95\x0f\xabaI\xe6\x83\xd0\xfarU\xd8\x8dM\xda^\xa3\x94\x0f3\x87r\x19\x9b\xcd\x06\xb9h\xc7:eZ\x94KX\x15\xb5E\xa47\x16\xf2{\xa3Q\xf0\x05\xe0\xa1\xa8\xb4\x06\x99\xcc`h\xd2\x1a\x16\xec\x80\xd5\x05K~\n\x8a}\x02j\x15\x98\x9e\x9e\x07\xac\xa2Z\xd5x4\x14\x8aza\x9e\xe5\rh1\x83\x06C\xee\xadm2tOA\x0e\xa5\xd0\x07E\xec3g\xe0\x11\xd1\x9f\xc4\x9e\xf8y\t\xa7B\x05\\\xe1X(v\xb8\x0b\x82\x05\xb4Z;\xf0\xac\x1b\x00\x0bc\x01Z\x16N\x1c(*\x08\xe8\x89s\xf4c\xc9%\x1cq\'rE\xfc\xb0\xaa\xc6\x19E@k@.\xbf\x1f\xf4\xb2\xdb\xfb\xbb\x8d]\r\r|E\xf9\x19v\x0eJT\x19\xa4\x1f+%\x91\xb0(\xb9j\x89ph*\x14\x0b\xc4\xfc\x01\xd4\xcb\xee\xd7\xfa\xedv\xdc\xea2\xde\xfa+\x9e\x9d\x97SP@%\x12\x05g\xe9\xc6\xd2\xa5p\xcf\x86\x03\xad\x0b\xb8"\xb1\xa9\xa9P\xa8\xd7\xeeG$-\xb5\xfbf\xec\xe2\xdf\xfa\xd3\x8fR\xa0*\xcfI\x85\xa1&gt;),q\x8e+\x11\x83\xd6\xdd5\x85\x1bIv\x7f\xaf\xb1\xab\xab\xab\x81*\x8f\x02\x1f\xc5CM\xb6\x88M\xc9u"X\xc0\xc5\x12WP\xcd\x9e\x1c\x0f\xfb\xa7\xbanuua}\x19&amp;\x8f*\xd9\x02\xadJ\xa9\x04\xb2\xd9T\x16+\xd5\x19\xfa\xb1\xe4\x92\x12T\x0b\x02\xf4R\x91\x89 \x82\xe5\x82\xba\xdf&amp;E\x1f\xcdQ\x1d\xb7\xf8J}Fw\x12X,\xdc@\xad\xc0D\x82^\x9ey\xedB7\xc0\xe0"\x87?!\x9d\x90*\x14\xa3\xb8#y\xec\x0el\xc0\xd2\x00\x16\xe3D\xb0\xc4\x1c1\x84JE\x90\xa4\xe7a\x93\xac\x1f\xa6\xa1\xe0U\xfc\x89\t\xa9\xd4a-?f\xca\xf5\xc4\xcazM\x9c\xc2b\xd0\x8b\xc5\xe2\xb0X\xd8\xec\xc5\x1c\xa7\x98 \x08\xd7\xa0\xb2\x11\xe6\xc7x\x801\xa1\xf8\xb3Ba-e_\xccY\x16@\xfd\xb6\x12\x0f]\x13\x99!S\x0fm\xd7\xe5\xf1{2R\xf26\x96\x98\x83\xbd\xd1\xe9d\xb5\xb7K\xda\t\xc29\xc8\xd37\xc2z\x02k \xac\xe5\xa5gD\xa2\x8fF*\xc2\x96UYY\xaf\x8e\xece\xd7f\x1f\xd0s\xa9S\xd7c\xea1\x81\xcb\x97\x88\xc5\xa0\x16\x0b\xa8$r\tN\xbf$\x96\xfbB[c\xa3\x88r\x83\x0e\x11[\xf4\xaf\xc6NA\xd5wh\xf4}n\xf7\xee^\x86\x86[\x8a\x0c\x1d\xf7\xde\xc8\xc83\x12{\xa2\x98\xa2*\x91H\xe4r\xb9\xc4\xd9.\xc7\xaaa\x9e\xcd&amp;\xd0h4\x82\x0eQ\xce\x19\xf0 \x1f_\x10\x02\x8d@\xa0\xd17\xf9\xa3k\\\x1d\xe3\xd7\xcd\x1e\xa3\xa7p\xe5\xe5\x9d;\xbb\xc3\x94A\x94\x88+\xc4\x1cTK&gt;\xe8\x02\xb5\xa6s\x05\xd6\xb6*[~\x07\xa4\x90J\x1e\xf2\xd4a\t8`\t\xea+\x05\xfa\xd6\x8b\x8e\xe8\n\xd7\xd4\xa3\xeb\xe9\xf9\x15\xe0\n` 4\x15\xf6\x14\x16\xde\xcd\x86\xecM}\xcd\xf2\x12\xaa\xbdWt\x82E8]r\x0f4.Xi\x14\x17\x0b\x8b\x85\xe7\xf0F\x08&amp;\x11\x84\xfa}=\x96\xb1\xe4c)\x0bU1_\x99\xcf\xacb\xfb\x9fq1f3s@V\xf0\xc9\x1b\xbc\x05\x94L\x93++#wo\xdf\\\xdd\xb5vh\xd4\x03\x80\x05\r^\x8c&gt;\xaf\xea$p\xe3\x99 \xe4X\xc5\x0fX\xad\xf9\x9a\xfaJ\xec{@\x03T-\xf9T V%`\xe5\x95\x05W\x00\xaa\x90\xcb\xcd|\xd8Ia\x0f`|\x92i \x95)\xf3\xe1\xf0\xf5\xdd\xdb\xb7o^\x1b\xf1\x8e\xe9m\xbc\xc1\x9cmaT\xa8\xc0\xe6\x9dNB\xa5rZ.]:[\xfc\x05\x1e\xefP\x86\x90_V\xc6,\xc3\xcb&gt;\xa8\x97@\x00\x0f\x85\xc5LL\x02\x15\x047\xbe\xbf\xffhsq\xf6\x13\xbeb\x06\x99t\x0f^\xbf=H\xbe\x1fA*\xc0\x12\xf0x\xe6\xc1vh\xee\xb9\xc1\xa7\x82\xe2"\x08UQQ\xc9\xe5\x0b\x97\x8b\x99\xf9u\xd8\xf3\x00\x8a\x89w\x90\x80\xab\xac\xac\x05\xb9\xea\x04\xa8\x1d\xfcqg\x88\xa2*\xe4\xce\xbe\xb8z\xf5\xea\xf3\x17i\n\xac\xe0\xff\x82\xd2\x99\xe6~&gt;&lt;J\xd6$?\xacRX\xf7\x0e\xab\x85B\xc0\x82\x81\x07S\x08\x0f\x81\x87\x9e*\x15\xd0\x89\xbf\xfc\xcb\x85+eu\xd8\xbc\xf3[[\xab&gt;\xcb\xc3+H\x88\x95\xd3\x0b[Y~\x0b\x93\xb7\x86)D\xac\xb9M\xa0\x82g&amp;\x9d\xa1r\xf9K\xa1t\xdc\xb95\x10\xaa\xa6\xa6&amp;y\xf0z\xf5\xf6M\xc0Z}[-\xe4\x99=\x80\xd5\x89\\\x98F\xa2\xb3\x96\x02\xab\xed\xfc\xfa\xc2\x85+-u\xa0\t\xde\x85\xca\xcb\xa3\xb0&gt;r\t\x80\t~`2\x87Wr),\xe4Nn\x9f&gt;\x8dz=\x7f\xbe\xf5vy\x0el\xe3\x17(\xc60M\xa6\xb2\x87\x07G\xc8T\x93L~\x18YE\xb1\xae\xdd\xceVC\x12\xe5\xed\xd0\t!\xc0 0\x99\xaa\xdaW\xaf\x8aTE\x9d\x7f&lt;\xffM\x1e$,wA\xab*\xef\xdb&lt;\xc8"\x04\xa5\x16E\xc5\x04\x05w\x86\n)\xb1\n\x87\x86\xb6\x91\n\x15;}\x1aZ\xd9Nj\xee\x7f\x9e\x15\x83\x1b\xe8&amp;\x97\xdf\xbe\x1fK\xa2P5\xc9\x1b\xc9\x9a\xa3\x9f\xef\x1dc\xadU\xdbx\xcd\x80\xd5YTT\x84X\xac\x92\x12\x98\xa6\xbezU[T!\xfe\xfa\xf2\x15&amp;H\x8521\xcbrZ\xfd\x1b\x16\xf3\xb3o\xaf\x0cdr-\xab\x90\x9b\xc3:\rj\xc1\'\xc4\xfe\xd6\x8b\xed\xf8\x83\xff"YA\x01\xba\xc1\xf2\x9b#`J\xd6|U\xf3\x15\xa2\xfd\xed\xe0\xf5\xbd{\x14\xd6\xcd\x15\xaf\xde&lt; i\xe7\x00V-pqJ\xda\xdaJ\x9c8MUq$m\xdf0\x7fS\xc7\xcc\xa3\xee\xbe2\x11*\xc7\xd5\xd2\x92\xf3\xae2\xfc\xd7\xdeP\xe11\x16wr\xf3\x07\xa0\xf9\x81B\x82\x17\x02\xce\xa4g{\x18\xff\xc1\xca\xb0\xe7\r-\xbf988\xa2\x98jn\xdc\xb8\x01X7\xde\x8f\x1cc][\xbd\xd3d\x1e\x84E\xb5\x18\xab\x0e:;\xc5\xac\xb6\xb66\x89S\x0c\xd2\xfd\xb3\x8c\xfb\x0fi3\xbf\xe3\x00\x9e\xc7\xe4\x0ek\x14\x13\x84\x80^\x91B-\x8c&amp;H\x0f\x1cZ\xd8\x1f\x83\x8b\xcf#\xfd\xc3\xac6g+\xa1T{\x7ft;\xfa\xc7"\x85,\x93\xe1\xf3\xd8\xd9\xb4\x9a#\x1b\xec`\x17\xb8\xfd\xe5\xeeY\x02\xb6\xe8\xc9\xa4\'ru\xa5\x18O{\x9a\xd6,\x8c\xc6\xb4du9\x1c\x8b\x825\xb6\xf3G\xf7\xfe|\xbeO\xe2\x1d\xfbZc!\xd6\xbc|\x7f&gt;\xcf\xe7\xfb\x8d\xc4\xd6\x9erv\x9c?O\x0f-\x82\xa2?\\\xc5\x93&lt;\xba\xce\xa3\xaf\xfa\xfan-\x8b\nVFG\xec\xe1\xd5\x01v\xe1\x86\xe2\xda\xde\x1e{\xb8\xb8\xf8b~\xf2\xff\x06\x06\xa1&amp;vV\xb7_\xefd\xdf\xb4\xf2\xf2\xa7\xd3i\xe8^\x87\xe7\xe2\xdc\xf2=\x95\x8f~\xf5Q3\xb3 A\\5\r^:A\xa3\xfbk\xbc\xce\xde\x8a\nR\xf1d`\x94\xa8#\xa6\xc4;\xd4\xf8`}W\x0ek\xc4&gt;\xfep@,\xd1\xf9\xddk;\xe3\xf3\xcf\xc7\xc6\x9e#\xb0\xef\x97\x92\xc6\xc1\xf8w\xab\x0f\x9f\xed&lt;\x88\xc6__BXH+\x1d\x0c\xa6[\x99\xa53\xab\'\xfc\x06\x1d?\x88\x96\xaf\xbe\xc2\xddE\x9b5=\xe3\x80\xcf\xd9\xd6ga\xd3\x05T\x8eX\x94Z\xc511T\xc9i\xf9j\x1c91kD\xb7g\xd7\x10U\x90\\\xdc\xf8O\xc6\xc6{*G\xde.\xbdxq\x7f\xe2{\xf3\xe2\xdd\xeb\x93\xcb\xff\xfc\xf7\xc1N6\x1e\x8d\xc6s\xaf\x80"\x96\x8d\\ib\x89\t\xd1\x13\x9d\x1dm\xbex\xf3\x0c\xb5&lt;X\'D\xd7c\x9d:\xe5u\xb6_=\xea\xa8c\x96*\xbc\t\x16O\x06\xa8~=k?\n\x0bS\xbe\xae.Hk\x80j\xd8\xdd\xfd\xf0\xe5\xbe\xbd\xb2\xc7\x8e\xc8\x9e\xcfO\x18\xc7\xb2w/\x8f,?\x9a\xcd\x86\xf5\xa1\xe8\xdcz\xa6\xb02\xc3\xacKT\xc6`2\xf9\x0c\xbde\xc45\x14\xfe\x14\xc7&gt;\xa8\xce\xe2i5f\xc4\x19\xcc\x88\x06\x1f\\^\xaf\xb3\xe9*W\x90;\n\rVUQ\x9a\x10\xbc*,\xe5~\xd7\xa1\xb2\xef&lt;AX\x9c\x16\xf5}\xf7\x93\xdf\x1fn\xec\xee\xc5+{\xaeO\xbe\xbd\xbf4?\xc1\xc7\xa8p\x96\xb6b\x90r\xbb\x85M\xd53\xdd*X\\\xc7t\xf0 &gt;\x17/5}tv\x98\xb6@\x0cP\xc0\xe0\xaa\xad\xf9M\x03\xb6H\x14\x13q\x01\xd6\xc7\xbfbj\xa9BX\xa2\xb7N\x9e?y\x01\xef\xc7,\xb7\x97K\xaa\xc7a\xb0\xee\x0b\x95\xb8\x1aQ\xc5\xa7\xaa9\x02Yn\xdd~\xfd\xf2\xc4\xdf\xe6M\x93\xe3\xd9,\xc6%\x9166#\xaa\xc7\xe3\xb1~M*QG\n\xecu\\\xc7\xbd\x1c\xd7\xf5\xa1\xf0\x12T\xb4\xaa\x05\x0bi\xd11\x87\\^zY[\x87E\xbc\xa8\xb3\x83\xc7)\x07u\xec\xc2\xc9\x16\xcb\xcf\xca%\xcce\x90\x96\xbe\xc4mE9\xd5\x95Xj@\x8d\x1cn\x162\xeb\xf6\xcb\x93&amp;\xaa\x1d\x99\x88d\xc5\x02\xebC\xd2\x94\x12k\xf5\xbfz\xa0\xeb{\x85u\xd1\xf4\xfa\xec\x9f\xb01\xb3\xab\xfa\x8a1R\x1b~\xe0\xea0^&lt;i\xa8\xe8WM[,\xc7\xf9*\xa4\x86\x0f\x17\xfe\x0e\xd6\xc8R\x1d\xafn\x9a\xa9\xd4\xf37T\xacP\x04\x8b\xaa9b\x8aS7\x89\x98&lt;V\x97KQ&lt;\xca\xfb6\x9b\x8dG\x96paK\xd4\xf763Q\xa3\xbb\xfe3H\xbb \x97\x91]\rh\xae\xdaZ\xe6\xc1\xd5\xdb\xd1\xdbF.jx\\\x90P\xd1^t\xfc\xd3\xb0q\x15\xea\x99"\xb3\x9eS\xfd\xb8\xdbi\xda\xd7\x81\x15\x89\x84B\xec\x8aD6\x0b&amp;2A$\xcb\xb2UQ$\x97\xe21\xcb3Z2\xa9\xd9h\x98\xb2\x0b\xac\xb9\\~\x13q\xc15\xa4?\xfar\xf8\xecO\x10\x18p\xd5&lt;\xea}\xfd\xfd&lt;#\x04\xab\xb7\xb7\x8d"3\xb6\xc4\x16\xfa\x15\xf9\x16\xcb\x97\x8fK\xb3!W\xccgt\xb0\x9e\x05\xebJk\x80\xba\xec\xe3\x10\\\x91P\xde\xa0\x99\xb8v\x14\x15b\xb2*V\xc9jN\xcch[[\xe4\xb2\x89Jb\xf3\x99\xcb\x85R\xbbs\xec\xda\xdf\xfd\xa6\xf36\xb9\xf0L\x1f\xb7\xbfEZ\xfd^/]\x8d&gt;\x1fU\xb1\xad\xad\x9d\xe2\x12\x9b"\xa3Z.\xfc\xb5\xb8\xbb\xcf\xa8\xa1\xc7\x1b\tbU\xfe\xf1_b\x8e\x92*\x18th\xc1\x8f\xe5Py\x11K5S\xf5x)\x8a\xacHV\x0f\xb1\x16\x17\x93\x9a\x08\x0c\xe3\xf4A&lt;\x9e\x91]\x91\x1c\xca\xcb\xb4\xc8\xa6\x00\x00\x04\x03IDAT8\xb4\xbf\x1b\x90\xa6?\xb8}\x96X\xd5\xd4_\xf4Z.o\x17\xb9\xb0\x13u\xd1\xeb\xb0\xdbQ\xc9*\x8b\x18\xf4\xb4\xce\xddH\x98\x03\x85ub\xc5\x0by\xb0p\xe6\x9aX5\x92\n\x0e\x045\x9b\xc3\x01\x16V"\x14a\x97\xaa\x9a\xcc\x1e\xc1\x92$\xc1\x92\xac\xd3~Grqa\x11\x81\xa59\xb27\x0f\xd6\x89\xe5\xda\xdc\x1bB\xeb\x07\x02f\xd7t\xe7\xed\x9b\xb4A\xdf\xa4\xd7/\xd6\xfa\xa0qz}\xa7|\x14[\x97\x97\x1b\x0c,\xfa\xdf\x17\x8e\xf7\xf5\x9d~\xe7\x86l6\x9b\x03\x1b{z\xe5\\\xa6\x98H$\x885&gt;\xd6=\xc0\xd34\xe8p\xa0\x935\xed\x13\xa8B!YVC*\xb3\xac\x06JrI\x12XV\xc9u\xcd\xafi\xc9\x85\x85\x85\xc5d\x10\x899\xd2\x07\xe1\xf0\xfan\xcc\xed\x8em\xece\x0e=fv}\xc0\xaej\xae"X\xed\xce.Q\xc8\x06\x1fd\xedt)\x02\x85-\xf2j\xfd\xb9o\xa1\xf2\xc0\xb5\xb9\x9bcU\xe2%X\xcbk\xa4\xb2\x95\x97\xe3\x13R)\xb0\xe1zT\xd5\x88I\xe1\xfaI\xe4\xa2\xebP\x91b\x97\xa6l\x14\xd7\x02\x05\x06\x18\x8e[\xf1\xf5\x82\xfb\x0e\xd6a\x84z\x0f.)\xf1\xf9\xadA\xfa9%mA\xd4\xe9\xedN\x9cq\xf8G\x13\xfd]\x94\x16\xe2\xa2#N\xfd\x91*\x10\x88\x1c\x16\xf3\xa9T"\x0f\x96=\xbbM*\x04\xe5\x17*\xc7L\x82\xc2b\x97`y\xd8D2rI\xaeX\xeb\x94\xdf\x81\xee\x12\xae\xa4\xb6\x9d\xc5\\+\x90\xca\xed\xa6O\xb3z\xc8\x95\xfa\xe2\xa3\x8bWp0\xfdG\xf5\x99\x1aj)\xb8p\x948q\xa2\xc6\xd7E\xc3\x0bS\xbe\xaa\xaf\xbe\xeftg\xd1\xcc\x0b\xaa\x80\x9aJ\xa4b\xa9\x94`\xfd\xd7A(^A\x83%\xcbHEA\\\xaa,\x9b\xe8\xeas\xb9$#.\xdc\xfc\xc2?E.\xce\x8b`k\xd9\xa8\x1e\xdf\xb8\xf3#\xb0\xee\xc4\\\x12\xf8\xf8\xe6\xcdV\xe5\xdb?7\xdf\xe4\x93i\xad\xb8\x02\xdb\xbd\x82\xe5mo\xeb\xa8\xaajll\xeck\xfc\xf9\xe7\xf9\xb2J\x95S\xd4\x08\xa9\x18\x8a\xa8\xdb\x1f\x055r9\x1c\xf4!\x88\xf7tBU\xa9\xb7YF,\xeevC\x05\x97\xeb}\xff\x14\xde\xfc\xda\xd6\x82p-f\xa3\xd1\xfd\r."d1\x89\xf2\xc2#y\xa4\xc4\xca(\x1dM\xab\xcf\x08VS\xf3E&lt;{\x1c\xac\xe9w\xb6\xd1S\xd9\xfa\xf7\xaa:\x8b\xf2QT\x89D\xcc\x1d\xc3J%^\xea#\xfaN\xd0\xc1\xb5\xc3ehc^z\xdaJ\xd7"\xb9\xa8\xc7\x89\xa5\x182v\xa5f\xfc\x88kj\xaaT\xc7\xc5\xc5\xb7\xf62\x0b\xb7\x14\x98U\xc0\x94\xfc\xbd\xd1a&lt;\x0bj\x10i\xf1I\xec\xc4 \xb3~\xfa^\xe3\xb9/\xf2\x9e\x12* \xa7Rn\xb7\x9b\x1f\x00\xac9}\'M\x1a\x1b\x85E*\xcd\xe1\xf8\x9a&amp;\x01/\t\xef\xa6R\xc7\x97X\xd7x\xe7\x81\xcb\xaf%1\xbe\xb6\xb6\x04K\xa8\xdc..\xa4$\\\x98-\xf9\x95\xcf\xfeP\xc3\xac&amp;\'\xfdD\tq\xf5\xff\xb2\xad\xad\xfet\xa7\x812\xba*\x16s\xe1\xdf\x92\xcb\x9d\xcf\x19\xac\xf2UH\xb1i\x1f\xc2\x80\xb0d|8b\x89\xe6\xc2\x8a\xcd8li\x1b\xe7\x05W2\x89\xde2\xd2r\xd3\xb7+I\xd4\x1f\xec\x12\x8f\xea\t\x15\xef\xfe\xe5\x16X\xed8M\xc358\xd8\xdf\xd5\xf4\xe3{\xdf$\x04&lt;`\xe6\xa8b\xf4\r\xb9\xcb,\xdd\xbe\x93\xf6\x13\x06(\xe1shO7#\xb2\x91\x96UVLb\xc4\x1b\x17\xa3\xcb}-\xadi\x9c\x175&gt;&gt;[\xd3\xd6\xdeV\x0e\x81\x05\x17\xbe\xa8\xd5\x83/\x8f\x06Q\xace\x98\xd9\x1c)\xde\xfb]\x93\xb3y\x98P\xbe\xe1\xd1\xbb+y\xd9\xc3wr\xfd&lt;J\xec\x8e@\x11\xcb\xed.\xee\xe9\xd1\xca\x83\x19\xbf\xc3X\xf4\x17&lt;\xd0\xea\xe3\x1cm\xcf!L\x03\x84f\xa2\xe6EnH0\x14\xd9\xdc\xd8x\x8a\x89\x8b%\xfa\x8bZ\xcc\xff\xca`!*\x91\xa9[\xc0\xb0\xa9\xabf#\x115\xb2rw\xb4y\xf8\xe2\xf0W\x9f\xad\x1c\xaa\x86\x96\xee0\xcbJ,F\x93\xc5p\xb9\x05\xcb~0cs\xfcp\xad\xe1\xf8\x14_\xcfe\xe8\xd0\xa7\xca\xff\x03R0\x8f\x97\xb0\x05\xf4_\x00\x00\x00\x00IEND\xaeB`\x82'</t>
        </is>
      </c>
      <c r="M195" s="3" t="n">
        <v>45492.67745370371</v>
      </c>
    </row>
    <row r="196">
      <c r="A196" t="n">
        <v>808786</v>
      </c>
      <c r="B196" t="n">
        <v>241802</v>
      </c>
      <c r="C196" t="inlineStr">
        <is>
          <t>Léo Gamalho</t>
        </is>
      </c>
      <c r="D196" t="inlineStr">
        <is>
          <t>L. Gamalho</t>
        </is>
      </c>
      <c r="E196" t="inlineStr">
        <is>
          <t>CA</t>
        </is>
      </c>
      <c r="F196" t="inlineStr">
        <is>
          <t>ATA</t>
        </is>
      </c>
      <c r="G196" t="inlineStr">
        <is>
          <t>CA</t>
        </is>
      </c>
      <c r="H196" t="n">
        <v>188</v>
      </c>
      <c r="I196" t="inlineStr"/>
      <c r="J196" s="2" t="n">
        <v>31441</v>
      </c>
      <c r="K196" t="inlineStr">
        <is>
          <t>Right</t>
        </is>
      </c>
      <c r="L196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1w\x0c\x00\x00\x03\xe8\x00\x01w\x0c\x00\x00\x03\xe8paint.net 4.2.16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00\xa0\x02\x80\n\x00(\x00\xa0\x02\x80\n\x00(\x00\xa0\x02\x80\n\x00(\x00\xa0\x02\x80\n\x00(\x00\xa0\x02\x80\n\x00(\x00\xa0\x02\x80\n\x00(\x00\'\x00\x93\xc0\x1c\x92x\x00\x0e\xa4\x9a\x00\xfeb\xbf\xe0\xaf_\xf0r\xe7\xec\xe7\xff\x00\x04\xf5\xd5\xfcC\xf03\xe0\x86\x93\xa7\xfe\xd0\xbf\xb4\xde\x97\xe7i\xda\xd5\x84\x1a\x96\xcf\x86\xff\x00\x0cuF\x85\x9a(\xfc_\xaa\xe9\xeeg\xd6\xf5\x8bi\x10\xa5\xef\x854\xab\xcd&gt;\xfa\xd0\xcbk5\xd5\xeaG#EY\xca\xa2N\xcb\xde\x97k\xfc\x9f\xdd\xd5~Fr\x9c\x9bq\xa7\x1ey\xe8\xad\xd16\xed\xaf\x92\xeb\xdbf\xd1\xfc&lt;\xf8\xeb\xfe\x0e+\xff\x00\x82\xbfx\xfb\xc6\x9e\'\xf1\x84\x7f\xb5\xbf\x89\xbc\x1dm\xaf\xddM-\xbf\x85&lt;)\xe1\x9f\x03XxgB\xb4y\x8b[\xe9\xba-\xa5\xe7\x86\xb5\x0b\xe8-l\xa1)\x0c2\xdej\x17\x97\xb2\xaa\x07\xbb\xbb\xb9\x9d\x9eF\xcd\xceVw\x95\xbb\xa8\xa5\xd5h\x93\xddw\xef\xe7\xa5\xce\xe8a/\x1f~rR\xb2\xbd\x9aVz]%m\xbbu\xb6\xbeg\xcf\xbe5\xff\x00\x82\xce\x7f\xc1R&lt;{\xa7&gt;\x93\xe2\x8f\xdbO\xe3=\xd6\x9e\x1c\xcc"\xd3u}?\xc3\xb2\xf9\x8d&lt;3\x867\x9e\x1d\xd2\xf4\xab\xc2\xbb\xe0R\xa8\xd7\x1eXP\xc9\xb7c\xba\x97\xcd-=\xe7\xbd\xf6_v\x89n_\xd5\xa1\x14\xaf\xcd-\xd6\xef~\x9bY\xff\x00\x91\xf7O\xecu\xff\x00\x07.\x7f\xc1P?f\xbb\xed\x12\xc3\xc4\x9f\x17\xac\xfe&lt;x6\xcfT\x9e\xe2\xe7\xc2\xdf\x18\xf4k=V9\xece\xb6\x8a\xdd\xac\x93\xc4Z\x1a\xe8^$\x88B#7V\xd2\xc9\xaaLE\xd3\xb3M\xe7@\x04!s\xc9l\xee\xf7\xb4\x97~\x9d-\xf7\xefn\xe65(8\xa7(\xa9h\x95\x93\xdb\xcd\xbb\xab\xed\xb5\x9aN\xf7\xef\x7f\xef/\xfe\ti\xff\x00\x05\xe1\xfd\x92\xff\x00\xe0\xa4\xfaV\x8d\xe0\xe8\xf5[_\x83\xff\x00\xb4\x93[[\xa6\xaf\xf0g\xc4\xf7\xc8\x92j\xf7\xc6\t%\x9e\x7f\x00\xea\x97\x02\x11\xe2[\x10 \x9aW\x82$7v1\x98c\xb8i]\xc3\x1dc5-\x1e\x92\xb6\xab\xfc\xbb\x9c\xf7\xb3\xe5zI\xab\xae\xce\xdb\xd9\xf9iu\xba\xb9\xfb\x93V0\xa0\x02\x80\n\x00(\x00\xa0\x02\x80\n\x00(\x00\xa0\x02\x80\n\x00(\x03\xf8\xcd\xff\x00\x83\x9c\xbf\xe0\xb9:\x87\xec\xc3\xa5\xdf~\xc0_\xb2\xaf\x8b5\xdd\x17\xf6\x84\xf16\x9b\xa3j_\x18~#xWQ\x93K\xbb\xf8a\xe1]b(5+?\x07i:\x95\xac\xab|\xbe-\xf1^\x8d5\xb5\xc6\xa0\xd6\xd1\xad\xb6\x9f\xe1\xfdV5\x17\xe3R\x92k(\xb9\xeb\xcd\xa4\xe3\x17g\xf6\x9e\xd6V\xe9\xe7o\xf8tC\xa7V\xbc\x95\x1aJW\x9d\xd3\x94wZh\xa2\xba\xbb\xda\xfe]\xefc\xfc\xef\xed\xfc\x0b\xe3\xcf\x16\xac\xde"\xbb\xd25\xedUo/n..\xf5{\x88.\xee\xdek\xd9\xcb\xce\xf2\xdc\\H\x1d\xe5\x96i\x19\x9d\xa4fg\x91\xd8\xb3\x12K\x1a\xf3g\x8b\xa1\t8*\xb0R\xb6\xb1R\xbbw\xdf\xae\xbd\xdfV\xed\xa5\x8f\xad\xc0\xf0\xdea*\x11\xa9K\x05US\xd5:\x9e\xcd\xa7&amp;\x96\xafU\xd7\xbf\xfc:\xcc&gt;\x08\xf14w&amp;\xdeM\x1fS\x8eb\xe23\x14\x96sF\xcb+a\x95He\x18\xdc\xac\x08\xe3\x07#\x15\xb7\xb6\x83W\xe7Mn\xad\xda:m\xe5km\xd5\x11,\xb3\x1d\t8\xcb\x0fR.\xfb8\xb5\xb6\xd7\xd2\xc9\xd9\xdf\xf5\xb9\xabg\xf0\xcb\xc5\xda\x82\\5\xbe\x8b\xa83D\x11\xa4Sm&amp;6\x17\x08\x7f\x87\x00DXg\xb8\xde\xb9\xea\x05W\xd6"\xadi+;\xaf\xea\xfb\xfd\xfd\x07\x1c\xb3\x19$\xdf\xb0\x92\xe5ij\x9d\xdfG\xa3\xeb\xf7#~?\x84\x1e9\x96\xc5\x1e\x1f\x0c\xea.\xa5.\xd8N-\xa5\xc1\x16\xb2H\x8e\x03\xed\x00\xeeh\xc9\x189\xf5\xe7\x81\x9c\xf1ta&amp;\xe5R1iF\xf7vJ\xeb]5\xdb\xae\xf7f\xd1\xc9\xb1\xf5\x12q\xc3\xceI\xde\xee\xcfe\x7fT\xf4^{\xafC_\xc0~)\xf8\xb1\xf0\x0b\xe27\x83~%\xf8\x1a\xf7\xc4~\x08\xf1\xc7\x82\xb5\xab?\x12\xf8W\xc4\x16\x7fh\xb3\xbe\xd2\xf5M6@\xf1M\x13\xa9VxpZ\x0b\x88\x89\xf2\xae-\xa7\x9a\xdeP\xd1\xc8\xeaj\x18\xa8N/\x92qn\xe9\xa7u\xbfD\xaf\xf7[\xaa\xbd\x97o;\x15\x96bh\xca\xd5p\xf5#x\xbd\x1c\x1a\xedy-4\xb6\x89\xbd\xb6?\xd3O\xfe\x08\x11\xff\x00\x05\xe1\xb2\xff\x00\x82\x95\xe8W?\xb3\xf7\xc7\xbbK\x0f\r~\xd6\xde\x02\xd0_U\x9e\xff\x00M\x8a\xde\xcf\xc3\x7f\x17|;f\\\xddk\xda\x1d\x84ry\xban\xbf\xa5@\x86_\x10\xe9\x02\xdf\xecq[\x88\xafm\xaf&amp;i\xa5\x8d{\xa9U\xe6\xf7e\xf1\xda\xfbZ\xeb\xd3\xbftx\x92\x84\xa0\xdai\xda\xee\xd2\xd3Uwek\xdd4\xbc\xac\xf7\xf2_\xd3=lHP\x01@\x05\x00\x14\x00P\x01@\x05\x00\x14\x00P\x01@\x1f\x14\x7f\xc1D\x7fl=7\xf6\x0c\xfd\x8f&gt;4~\xd4w\xfa\x04&gt;,\xbb\xf8m\xa0Aq\xe1\xff\x00\t\xcf\x7f\xfd\x98\x9e%\xf1\x1e\xa9\xa8Z\xe9zN\x94o\x02H\xf1\xc7\xe6\xdd=\xed\xc0\x89\x0c\xd2Z\xd9\xce\x91\x14vW\\15\xd6\x1e\x8c\xea\xb5~U\xa2\xee\xde\x89~\xaf\xc93\xaf\x03\x85\x9e;\x15G\x0bN\xeaUg\xcbt\xafo;i\xe9\xf3?\xcd\x9f\xe0\xdf\xc1\rW\xf6\xdb\xf8\xd9\xf1S\xf6\xe5\xfd\xa7\xed\xe5\xd7\xfcS\xf1s\xc7Z\xc7\x8b\xe3\xf0\xfd\xc8\x96=:\x06\xbd\xbaf\xb0\xd3l\xd6f\x92\xe9\xf4}\x03NKM\'KYn\x1d\xd3O\xb0\xb6\x8eG\x91\x95\x98\xfeI\xc5\xdcY_\r\xfe\xcb\x84\x9cUz\x89\xcas\x8e\xbc\x8a]7j\xf6\xd1h\xec\xb7\xb9\xfdm\xe1/\x84Y|\xe9\xff\x00lf\xf4\x1e"1n4aY{\xb2\x95\xdbn\xc9-\x13\xea\xde\xfa\x1f\xb1&gt;\t\xf8=\xf0\xb7H\xd0\xad\xb4K/\x00\xf8n\xdbH\xb6d\x9b\xec\xa7K\xb7ey:\x0c\xb4\x88\xd23\xaeN2\xdf\xc4}E~k\xfd\xad\x99J\xaf\xb6\x9e*\xb4\xe7%\xab\xe6\xbd\x97{$\xb4\xbe\x9b\'\xdf\xb1\xfd\x0c\xb8g)\x8d\x1f\xaa\xd2\xcb\xb0\xf0\xa7\xf0\xa8F\x9a\xe5[\xf5\xb6\xfe\xbf\x81\xbf?\xec\xc9\xf03Z\xd6"\xd6/~\x18\xf8q\xee\x8f\xcb\x91i\xb29r2\xa6H\xd0\xaay\x80\x10\x03`\x10\x00U#\x8a\xf5\xe8\xf1\x16iN\n\x0b\x11\'\xcc\xf4\xe6wkT\xf4{\xdb\xab\xff\x00\x81\xaf\x87_\x80\xf2\x1a\xd5\x1c\xeb`\xe8\xddEi\x15\xca\xad\xaam\xc5u\xf4\xdb\xf2\xda\x83\xf6b\xf8\x1b\xa35\xcb\xc3\xf0\xd7A\x02\xed\x08x\xc5\xa6UC\x15gD\xf9\xb7\r\xc5\x15\x8eX\xfd\xdc\xf65\xde\xf8\x8b5q\x8f\xef\xbe\x1b\xbe\x9a\xbe\x8f\xb3\xdd\xf9w0\x97\x87\x9c:\xe1\'\x1c$\x1b~\x7f\x0b\xd2\xefo\xf3\xed\xa1y~\x18\xfc.\x82\xca-\x16\xdb\xe1\xff\x00\x85\xa2\xb4\x87q\x8a\x03\xa3A\xbdrK\x1c\xca\xca\xceK\x12Y\xb71\x0cX\xee\x15\xe6b3\x8c\xca\\\xf5%\x8a\x9ar\xbd\xb5\xd2\xcd\xeb\xdf\xe5\xb2\xd0\xe9\xc3\xf0fOAF\x11\xc0\xd2p\x87*\xd61\xeb\xae\xbe\xed\xdf\x9e\xce\xdb\x9c?\x8a\x7fc?\xd9\xf3\xe2\x81y|E\xf0\xfbHk\xe4\xb6\x9a\xca)\xad \x16\xa2\x18\xa7_\xbc\xb1A\xb1\x0b!U\xda\xe5NA;\xb3\xc5y\x0b\x8a\xf3|\x0b\xe5\x8e!\xce\x1c\xcaiO[\xd9\xa7\xa3^V\xeb\xbe\xbb\xb3&lt;\xcf\x80xw0\xf7\xab\xe5\xd4\xe1.G\x04\xe9\xe8\xac\xefm\x1e\x9d\xef\xa6\xeb\xc9\x1f\x97\x1a\xbf\xc3\xef\x14\x7f\xc1.\xff\x00h\x9f\x87_\x1f?gm\x0e\xd6\xc3\xc5\x1e\x00\xd7\xa4\xf1&amp;\x8b\xab\\\xa6\xa55\x9e\xb1\xa6K+&gt;\xad\xe1\xbd~;k\xdbo\xb6h\xfa\xbd\x93O\xa5jVp=\xb4\x92YH\xca\xb2$\x9f\xbc\xaf\xd4\xb8k\x89g\x99\xc2\x9e5\xe2d\xaaE\xa8N\x84\x9aq\xd1\xa4\xd4\x96\xf6v\xbbi\xa7g\xa1\xfc\xcb\xe2\x07\x87\xf8\\\xa2S\xc3a\xf0\xb1\xf62R\xa9F\xbcT\xb9\x94\x9d\xe5w+\xb4\xda\xedf\xb6\xde\xe7\xfa5~\xc3\x1f\xb5\x05\x9f\xed\x95\xfb*|\x1a\xfd\xa3-\xb4\x88|;w\xf1#\xc2V:\xae\xbb\xe1\xcb{\x86\xbb\x87\xc3\xfe \t\xe5\xea\xfaDW/\xf3\xcd\x1d\xad\xd2\xb7\x96\xcf\xf3\xf9n\x81\xf2\xc0\x93\xfa\xcd\x1a\xaa\xb5(U[N)\xfa]\x1f\xce\xd5\xe8\xcb\x0fZ\xa5\x19k*rq\x7f/\xf3Z\x9fZV\xa6!@\x05\x00\x14\x00P\x01@\x05\x00\x14\x00P\x01@\x1f\xce\xdf\xfc\x1c\xbb\xa3k^1\xfd\x85\xfe\x1b\xfc?\xd2\xdeh\xec|Y\xfbLx\t|A\xe5I\xb0\\\xe9\x1aO\x84\xbc\x7f~\xd63(!\xa4\x86{\xc5\xb4\x95\xd7\x0c\x85\xad\x93v85\xf2\xfc[\x8ax\\\xab\x9d;sW\x84[\xf2\xe4\xa8\xda\xdf\xc8\xfd;\xc2L\xae\x19\xb7\x16\xd3\xa18s\xaaxJ\xd5\x94m\xbb\x8c\xe8\xc7\xd3\xedu\xf3?\x9eo\x83&gt;\x18\xb7\xf0\xd7\x854\x0f\x0bi\xf0,Q[\xc0 Du(\x91\x15\x05\xa5;\x08\xecrzs\xd0g&lt;\xff\x008\xe6x\x9a\x98\x8cuJ\x92|\xd7\xdb^\x96Z?\xcdom\xb5\xb1\xfe\x8e\xf0\xdeQ\x1c\x1e[N\x82\x8b\x82\xa7\x1b\xbfv\xdem\xe8\xb4\xbc\x9bKn\xbd.\xcf\xbf&lt;\r\xe0\x85\xd4\xe3\xb5\x8c\xc6U_o\xef\xe6\xf9\x04\xdd\x07\xca\xa7\xe6\xd9\x9f\xef\xaa\x9e\x9f.9\xaciFu\'\np\xea\xef{\xea\x93\xdf\xbf\xafk\xfc\x8b\xc7W\x86\x1a3\x92\x92|\xa9\xfb\xabW{7\xbb[\xef\xb3\xfcZ=\x9d\xfc\x19ma\'\x92\xca\x8a\x89\x84N7r\xbc\x1d\xc7\x01z\x83\xd0\x90z\x03\xd7&gt;\xb4pS\x8f\xc5+.\x96\xe8\xfdv\xfb\xb7\xb7G{|\xfa\xc5*\xa9UM\xca\xf7m=\x12O]\xb7\xf9?\x998\xf0\xecXm\xde\\\xbe_\xfbM\x82\x1b\x82&gt;\xee\xdd\xc3\xd4\x9cc\xa7\'\x15\xbb\xa2\xdf"\xf8\x9b\xeb\x7f\xfd+n\x97\xb6\xf6\xbe\xa3\x96*\x10\xbaQ\xe5R]\x96\x8fU\xa3\xde\xcf\xad\x97n\xc6|\xde\x0f\xd3\xa5\xcb\xcd\x1a\xa2\xc9\x91\x85\xcey$\x9c\x9cc\x90x\x19\xceO=\xc5g\x89\xc3IB\xf1\xea\xdfM?\x05\xdd\xdb\xa6\x9ef+\x16\xed\xcb\x1b&gt;W}\xb4\xf4]z\xdf\xb6\xd6kK\xd4\xb5\xf0\xec6Wa\xed\xd5#]\xc27\xc2\x80\xdb}\x1f\x8e\xf9\x04\x1epA\xe8\r|^e\x19FV\xf2\xba\xbfM\xae\xff\x00=\xfb\xab\xecw\xc2\xba\x9aP\x94\xafv\xe5\xf86\xad\xe8\xb4\xfc\x0f\x14\xf8\xe7\xf02?\x8aV\xf7\x167:W\xdb\xa1K;\x81\x0b\x14\x97d"H\x8a4\xca\xe9\x0b\x1c\xa8\xf9\x94}\xd6=\xc6s]\xb9\x0eeW\x02\xda\xa7&gt;T\xdar\x8a\x7f\x12Z\xd9\xa6\xfd[\xf4\xd0\xf9\x0e#\xcb0\xf9\x85\t&lt;D!4\xe2\xe3\tMG\x9a-\xfb\xb6\x8e\xf6}|\xac\xba\x9f\xb7\xbf\xf0C?\x0e^\xfc:\xfd\x8f\xb5\x8f\x84z\x93Jn\xbc\x01\xf1k\xc6F\xd1dbV\r\x0b\xc4Mi\xa8\xe8\xf6\xb1\xa9\xe65\xb7X\xae\xa3\xd9\x80\x00\x0b\x81\xc9\xaf\xea.\x10\xcc\x96i\x93Q\xaf\xf6\xa39R\x96\xf6\xbc\x14V\x9f\xd6\xe7\xf0o\x88\x19B\xc9\xb8\x93\x13\x86\x8aJ\x9dHS\xaf\x0bmi\xf3]z\xddzvg\xec\xe5}A\xf1\x01@\x05\x00\x14\x00P\x01@\x05\x00\x14\x00P\x01@\x1f\x88_\xf0]-"}C\xf6y\xf8Mr\x14\x9bk/\x8d\x1ah\x90\x95\xde\x82{\x8f\t\xf8\xa9a\xca\x9e7\x10\x92\x04a\x86\xcf\x00\xe0\xb0?\x01\xe24\xa5\x0c\x8a\x9c\xd6\x8a8\xcan_\xf8.\xad\xbfS\xf7_\xa3\xe7#\xe3\x99A\xa4\xe7&lt;\xaf\x10\xa0\x9d\xff\x00\xe7\xf6\x1e\xfe\x9b\x9f\xce\xff\x00\x80,\xa3\xb7\xbd\xb3\xf3"IfG\x96;X\xb1\xce\xe6v&gt;l\xccN\x06\x14\xe3oA\xb7\xa7j\xfew\xaa\xeaV\xa8\xdc\x17\xc7f\xf7\xf2\xd1h\xff\x00=\xbe\xf3\xfd\x11\xf6\xf1\xc3`].h\xa7\xc8\x94\xdbj\xef\xb5\x9b\xd5\xd9i\xbe\x8a\xcc\xfb_\xc2\xda7\x89/\'\xb5\x8a\xce\x12\xd2\xccU"1\xca\x17\x92\x0e\x0cq\x8c\x80\xa3\x03\x1dz\x11\x9a\xf50\x18,d\xe4\x9d:R\xbe\xc9\xa7\xaf_+\xf7\xdbN\xfa\x9f\x19\x8b\xc6\xe1#\t\xfbZ\xf1\x8c`\x9c\xa5v\x9f*\xd1\xaeg\xa6\xfa\xaf^\xa7\xb0\x8f\nx\x8e\x03$Z\x8bM$\x90\xa3+\tW\xe7\x89\xc0\xe4\xb0\\g\x07\'\xe9\x82{W\xd1G\x07\x8a\x82\xe5\xab\xcc\x9a\xe9%wu\xdbk\xaf\xc7\xcc\xf1\x163\tV\x11\xa9\x87\x9d7\tIJ.\x12\xd2K\xa5\x9e\xb6m\xd9z\xabjR\x16Z\xb4Jm\xe3;\xb6\xb2\xe5\xfc\xa0#\x90\x9c\xf5V\xdcG$c\xe6&lt;\xd3t\xabEr\xa8\xf34\x9bm-\x1e\xbb[[o\xd5\xeb\xb5\xcd%V\x95K97\x1b\xec\xf9\xaf\xca\x96\xcb\xa2\xf3V\xd6\xde\x85\rCC\xd7Q|\xf3!!@\xf9Y\x95\x117\x00I\xda6\x81\xb7!\xb3\x9c\xe3\xbds&lt;.&gt;\xa4&amp;\x9c&amp;\xd2\xbd\x97\xdd\xad\x96\xbe\xa7%Lf\x0e\x93\xe5ua\r\xfe\xd5\xdb\xb3}_u\xa6\xdb\xe9dQ\xd3\xae\xecm.\xadSP\xbf\xb5f\x99\xd4\x08\xfc\xf8\xf7\x16\x19\xca\xb2\xb3|\xec}r1\x8e+\xe43|\x0e-\xc3\xf8S\xb6\xad\xc9BZ-\xb5v\xf5\x7f\x9aF\xb4s\x1c5\xe4\x95hFM\xa5\x1ei\xc5j\xf6\xe5\xbe\x9e\x9f\xf0t\xfa\xdb\xc3Z&gt;\x8e\xfa\x02\xdc\xda&lt;.\xb7\x01\xc9\x05R`\x03(Y\x06\xe1\xf3)\x07+\xb5\x99\x93#\x01pk\xc0\xc3\xcdP\xf7\x9b\xb3\xd6/K8\xeb\xe7\xaa\xb6\xbeZ\x1e6gV\xadj\x92\xa6\xd6\xd6\x92\xd5\xa5+{\xc9[k;^\xe9\'\xae\xbd\x9f\xdc\xff\x00\xf0Nk5\xb1\x1f\x1e"\x85|\xbbf\xf1W\x85\x1e\x18\xc2\xed@\xc7I\xd5VGO_3jd\xe4\xfd\xd1_\xd2~\x13\xd7u2L\\\x1c\xb9\x95,f\x96\xd9s\xa9m\xff\x00\x80\xeb\xd2\xfbh\x7f#\xf8\xd5EC?\xc0VIsV\xc0\xfb\xff\x00\xcdzn\n\xcf\xd1KOV~\x99W\xea\x87\xe3A@\x05\x00\x14\x00P\x01@\x05\x00\x14\x00P\x01@\x1f\xcd\xd7\xfc\x167\xf6\xaa\x8f\xc5\xfa\xb5\x87\xec\xa1\xa5x\'P\x07\xc2^=\xf0w\x8d\xb5\x7f\x1a\xdc\xcf\x12[\x19\xad\xb4\x8f\x12\xda\x9d2\xd2\xcd]\xa5h\xa4]N9&gt;\xd8\xea\xaaL,\x80|\xdc\xfeC\xe2\x07\x11a\xeb,W\x0f{)\xc2\xa5\x0fa\x89u\xe5nYI*\x8b\x921\xd5\xbd$\xb5\xb6\xbd\xf7?\xac&lt;\t\xf0\xeb3\xa0\xb2\xaf\x10c\x8b\xc3\xcf\x07\x8a\xab\x8c\xcbV\x06\x1c\xef\x11\rh\xc9V\xa8\xdcT\x14[\x8bVR\xba\xb7\xa1\xfc\xbc\xfc~\xbd\xf8\xf1\xaa\xf8\xafT\xd3\xfc\x0f\xaf\xaf\xc3\x9f\x87&gt;\x13\x85\x1fZ\xf1&amp;\xa5|ta\xae_I\x18\x99\xd2;\x94o\xb7\xfd\x9e\xdd\\E\x88`x\xe4h\xf2\xa5\x99\x8d|g\x0f\xd3\xcbhB\x13\xc4S\x8d|Eg\xeeG\x97\x9eP\xe9\xa2j\xc9\xbd\x1e\xfboc\xf7\x1e8\xab\x9fb*N\x18\\L\xb0\x18j).w7\x0fik\'+\xc2\xf2v\xd5E[\xa6\xf7\xdb\xe5\xadS\xf6\x9e\xfd\xad\xbc\ry\xa5\xd9\xf8O\xf6\x83\x97S7Mom\xa6Ii\xa4\xf8\xd6\xe2\xd2f\x7f0\xdbGi\xaa\xcf\xa0\xc7mr\xd3$r\xed\x92\t\xa4\x8eE\x8aFW!\x0e?M\xc2\xe1h\xce\x8c\xeb\xd3\xca\xdb\x858\xa9I\xde\nP\x8f\xc3yr\xb9r\xdeN\xda\xdbt\xb5g\xe1\x18\xec\xc3;\xc3\xd7\xf6\x153\xc9\xa57\xf6\xe9\xd4\xe4\x92\xbaWR\x9cS\x94Si7\x05+s+\xee\x8f\xd6/\xd8\x8f\xf6\xb1\xfd\xa8\xaf|Ek\xa0\xfcv\x9d5\xcd3P\xb51[kQ\xdc4\xc5.\x19IC2\xce\x12\xe3/\x95\x8eU\xf2\xc8\x89\xf7\x07\xda\xca@\xf9|\xdf\x1d\x86\xc3\xf3\xce0\x9d\x19B~\xfc*\xa5mt\xb5\xd5\xede}\xf7\xb5\xba\x9f\xa5\xf0\x8e\x0f6\xc6\xb8\xe1\xb1\x12\xa5\x88\x8c\xa3\xedi\xce\x9a\x94*I%v\xd2\x94c\x7f+_\xef\xb2?J\xff\x00h\x1f\x1b\xf8\xcb\xc3\x7f\n|M\xacxb\xc4\xdb_\x8b%\x92\xde\xf0,p\xc7o$\xb2DY\xcd\xc3\xb2\xc7\x06\xe8\xc3\x05m\xe0\xee\xdb\x81^&lt;3*_X\xa1\x1a\x97J\xa4\xb4Q\x8a\x9bzl\x92{6\xff\x00.\x9a\x9fE\x8c\xa1Z\x85\x1a\xf2\x84\xe2\xea\xd1\x85\x97&lt;\xec\x9bW\xb5\xd4\xad~\xbaZ\xe7\xf3\x89\xf1k\xe3/\xedy\xa8^j\xda\xf5\xe7\xc6\xad\x7f\xc3^\x15\xb5\xb7\x13jm\xa4\xda\xdf\xea\xd6\xf6VP\xb3,2\\\xab$`\xa1D\t=\xcc"Ti\x16H\xd5\x9f`\xaf\xb3\xc0O\xeb/\xd8ap\x0e\xbc\x96\xf1\x97\xc5\xafD\xa3\xcc\xdc\x9e\xdc\x9b\xad\x15\xb7\xbf\xe49\xba\xcc\xa3/o\x88\xcc\xe5\x85\xe7\xbca\xeci\xcaI\xbb\xb6\xe3\x1bZ\xcd;\xea\xda\xee\xbb=\xef\x81\xf1\xeb\x1e=\xd4ta\xf1\x07\xf6\x8f\xf1\r\xc5\xa5\xd6\xa1\xe5iK\xa9\xe8\xde \xd2\xcd\xd5\xc2m2:y\xf6q\xaf\x97\x1e\xf5\xfd\xe1"\x14wL\xbe\xf2\x81\xbc\xcc\xe7\x14\xf0\xb0\xa9\x1f\xa8R\x83\xe5~\xd1\xc6\xd2q\xb7\xd9k{\xad\xec\xf5\xdf{3L\x87\x05,\xc2p\xa9,\xdf\x15\x88\x87&lt;T\x14\xafMI\xab\xec\xf9\xad+\xf7\x8bo]\xb4L\xfe\xa7\x7fe\xef\x02\xf8\xb3H\xf8q}c\xa9k\xab\xe2\x8d\x1e\xc6\xca\xda\xe7\xc3\xda\xf8\xba\x9a\xee\xe6h\x1a\x04\x06\xd6\xe9\xee\x15.\xa4\x91\x1dZH\xdfcD\x91\xb2F\x92\x1d\x84\x0f\xc3\xf1\xd4\xa9c+b\xabP\x8a\x8f\xbb)K\x91$\xb9\xd5\xd3\\\xaa\xeb\xd7M^\xae\xc7\xe9\xbe\xdaX9\xe10\xb5\xa5.iK\xd9\xa5U\xf3I\xd3\x7f\x0c\xf9\x9d\xd3\xbe\xd6o\x9bm6\xb7\xba\xfe\xce\x1f\x18\xbe(|\'\xf8\x89\xa1Xi\x89\xa3\xaf\x81\xbe$x\xbe\xd7J\xf1\x15\x9e\xa5l\x1fS\xbc\xd5\xac\xc4\x96\x96v\xfau\xc8\xcc\xd6\xc4Z\xdc\xdd\xde\xca\xdbBI\xf61\x19u2s\xf4&lt;\x15\xc7\x18\xee\x1f\xc4\xe0\xf2\xec=\x08W\xc2\xe6Y\x86\x12\x9e#\xdaY8FnT\\\xa9\xcbV\x9cgR\r\xae\xa9X\xf9~6\xf0\xcb*\xe2\xcc\xab&lt;\xce1\x18\xacM\x0c\xcf \xca\xab\xe2pp\xa3\x14\xe8:Pp\x9c\xeab.\xe2\xb9\x17$iEG\x99\xf3TN\xd6M\xaf\xde\xea\xfe\xb3?\x87B\x80\n\x00(\x00\xa0\x02\x80\n\x00(\x00\xa0\x02\x80?\x91\x0f\xf8(\xcc:\x8d\xe7\xed\x8b\xf1O]\x9a\xe85\x95\x8e\xbf\xa3\xe8Q\xdb8P\x92Ekb\xf22+\x10&gt;x\x8c\xa3x\xe4\x8f0`\xf3\xcf\xf3\x0f\x1cT\xc4T\xe2\xec\xd7\xdd\xbd*4\xd4y\x96\xcbnU{^\xeb_N\xe7\xfaM\xe0m&lt;%\x0f\x0b8^.V\xaf\x8a\xc6\xe2j\xca\x17w\xd3Ng}\x12\x96\x9c\xbakik\xa5\x8f\x9e\xf5\x8f\x83\x9a\x07\xc5\xed\n}+V\xd1\xad\xae\xf4\x99\xed\xc4W&amp;dq\x1c\x8a\xf1/\xdf*\xc0\x92\x18\xfc\xa4\x15c\xc7\xe1\xf3\xf8\x0f\xac\xba\x9e\xd2\x85GNQ|\xdc\xdff\xf6\xf3\xeb\xf3\xfd\x0f\xba\xe2J\xf8Z\x13\xa7O\x11\x86\x85xIF^\xcd\xc6\xed\xad\xed\xa3\xd9\xadn\xd3\xdd\xdb[3\x92\xd4\xff\x00b]\x07P\xb5\xf0\xb2K\xa4y\xad\xe0y\xad\xe7\xf0\xab[\xdc\xdaY\xdbi\xf1\xc0\\\xc1\x19\xb3\x8a\xcdV\xe658(.\xcc\xf2\xa0\xde\x82@\x92\xca\xaf\xf7\xf8\x1c\xe75\x85\x18\xd3\xac\xe2\xdc-j\x8a\xac\xa1\xcd\xb5\xddH)Z\xa2\xd1YN\xea\xfa\xd9j~W\x9cd\xf9\x0ee\x8b\xfa\xc4p\xce1qpt\x9c\x1d\x97x\xc3\xdeI$\xf5\xbcTo\xa3\xd6\xc9\x93\xdf\xf8\x1bW\xf0\xf7\x88-\xee\xb5;uY\xcd\xfcw/&lt;\x11Y\xdb\xac\x93\x19Aw\xf2--\xad\xe2\x89J\xe0\x14\x89V2Ab\xacK\x03\xf3\xf9\xfeeS\x139\'\':\xb5-\xed\x9a\xf8m\xbe\x96I];^\xda\xee}\xcf\x05\xe4\x8a\x9dJ5\xe8\xc64\xf0\xf8:n4W\xbe\xe5\xca\x9c\xae\xa5)JNQwij\xbb\xf9\x1fdx\xd3A\x93\xe2\x8f\xc2\xdf\x12x\x0f\xedSy\xfa\x86\x9bg$LX(76\xff\x00\xbd\x81\x08\x03\xfd\\\x9bYYI\xc7\x19#\x8a\xf0\xf1x\xea\xb9}\\\xbb\x17MJ\xa3\x84\xedR)-!5\xca\xed\xbe\xb6\xd5w\xb3\xf5/\x1d\x97a\xf1\x8f\x13\x19\xa8S\xe6\x94\xdc^\xf6oT\xe4\xf4\xbe\xa9\'\xb6\x8c\xf8\x93@\xfd\x9b\xed\xb5\xcf\x04x\x9f\xc0&gt;&amp;\xf0\xfc\xcf\xa6\xeb\x17\x10\xc5\xe2-&gt;)\xe0Y54\xb0\x94\x18\x80\xbf6\xcdqoo\xbd2m\xed^(d\x192\xa4\x8e\xce\xcd\xf7xL\xf3\x11F\x93\xfa\xa5G\x18U\x8cg(\xceN\x9c\xdd\xd2i\xc6\xac9f\xa5n\xa9\xfe\x87\xe7\xd8\xec\x97\x05\x8a\x95*x\xfat\xe7W\x0f\xcdN\x8dJjj\x10M\xb5\xf0s\xb8\xca\xfa]\xce\xef\xa2\xb1\xeb~\x15\xfd\x96&gt;\x13i\xbe\x12\xd2|=q\xe0\xe5\x9cxz\xf5.ti\xefo\x1e\xebQ\xd3\x91\xc1\x13[\xc5q\n\xc1$\xa9r\xe9\x03K\xf6\xaf&lt;f\x08\xcam\x01\xb7|\xfea\x8d\xcdq\x98\x9euQS\xa3\xc8\xe3\xec\xf9\xf9\xef}\xdc\xa5-[\xbd\xedv\xde\xb7\xbb\xd4\xac&amp;\x1b\x01\x97R\x85\x1c=(%M\xf3\'\xec\xb9S\x92\xf8Z\xbbvIsi\x16\x96\xba\xdd\xd9\xaf\xd4\x7f\xd9\xbbK\xbb\xb3\xb6M\x02;{\xa8\xb4\xbb[5\x1eR\x91\xe4\xc7\x04e\x99\x11\xfeBNF\x03e\x86\x06:\x0cc\xe6\x1d\'F\xb4\xa8\xd9\xa74\xe77\x1dS\xf7\x9bw\xed}~[y\xc6sR\x0e\x84q\x8d\xd3Ue5\x1ajK\xdeRiG\xddW[+=:\xb7n\xe7&lt;5\xdd6\xe7\xe3N\x97\xe0\xcb\x94\x96\xc3S\xf0\x9f\x8d\xbc9\xe2?\x0f\xc8\x92 \x86\xfek\xddb\xde\xce\xf9Le7\xfe\xea\xda\xe2FI\x12@\x11w++o\x0c&gt;j\x96_^\x9eo\x93\xe2\xd5J\x8a\x8a\xce0\xb1\xa6\xa2\xe3\xcb\xca\xf1\xb49\x94\x93\x8bvN\xd6\xd5[n\xa8\xfa\x98M\xc3\x84\xf3\xecDcN\xb5&lt;vE\x9a\xe0\xf1jJJt\xe3O\x07R\xad9FJV\xd6\xac!\xcf\x1e[\xed$\xd2Z\xff\x00Eu\xfd\xd8\x7f\x9a\x01@\x05\x00\x14\x00P\x01@\x05\x00\x14\x00P\x01@\x1f\xc6\xd7\xfc\x14:\xcb\xc4w?\xb5\x0f\xed\x01\xac,\xb2\x8d?\xc3\xff\x00\x10\xf5\t\x92\xdbr\xec\x9e\x19-\xb4\x942\xc7\x86\xdeZ\x04\xc8(\xc0\x0f\x9f\x8c\xed5\xfc\xd5\xc5I\xbe(\xce\xa1Q^5\xf12\xa5\x0e\xbc\xa9SRM\xea\xf4m-\xd7\xf9\x1f\xe9\x0f\x84\xf1\xa6\xbc0\xe1J\xf4.\xaaa\xb0\x10\xadW\x99YJN\xb4\xa3%\x16\xd7f\xf5]U\xba\\\xd8\xf8\x19\xe2d\x8fL\xb1\x8ee\x8exn\xa0\x8d\x8e9b$\x1eb0v\x00\x02\xb12\xf3\x91\xf3\x8d\xb9"\xbeW-\xaf&lt;5wFi{7.W\x17{\xa9\'i=\xb7\xf4\xd3}\x8f\xd6\xf3\xcc\xa2\x8ek\x84\xa1\x89\xa5\xeeV\x85\x18\xcdI\xa5\xcb%\xec\xef\x1b\xa5~nkY\xda\xfa\x1f_\x0bXe\xb6{\xcb{x\xad\xa0\x10#6\n\xb1;\x81&amp;&lt;\x8c\xb26\x14\xe5\xb00N\x07\x04\xe3\xec\x14y\xd74_,ZZ\xadl\xbbk\xb3\xbb\xff\x00\x87?,\xab\x87\xf6STj9U\x92\xa8\xed&amp;\xac\xae\x95\xb9\x9a\x7f\x12\xd7D\xba~?\r\xfc[\xd5\x9fQ\xf1u\x95\x95\xbc \t\xa6\x16\xf6\xcb\x02\x991\xb1\xb6\x02\xcc\x06K\xb3\x82\xa4\x902A\xc9\xaf\x07\x1c\xa5S\x14\xb9b\x94 \xa3w{s_\xb6\xd7}\xfe\xfb\x9f\xa6p\xca\x85\x0c\xaa\xaa\x8c\x9b\xae\xeaK\x9e\xebe\xcb\xcd\xe6\x94m\xaa];t&gt;\x96\xf0E\x9d\xe6\x93o\xe7j\xd6\xb7V1\xdaZ\xc5$\x9e}\xac\x8f,\xfe^\xd0\xf1&lt;j\x8cVB\x1b*\xcd\x81\x8c\x8c\xfc\xc0\x1el\xe7\x0b/\xabR\xe6\x8b\x8c\xdb\xbcy\x95\xb5v\xb7M\x1d\x9fT\xb5\xea\xb6_1Z\xbcj\xd6\xa8\xe8\xca\x9dgRN?\xba\xa8\xb9b\x9a\x92\xe6N\xe98\xde:\xa5\xaa\xed\xa1\xc8\xf8\'X\x87[\xf1?\x8b-e\xb7k\x7f\'W\x9e\xea\xca\x19\xd7\xca\xb9\x8e\t\x001I\xb5\xbeeIz\x85\xc6\x1bw\xd6\xbd\x9c\x14\xd4\xf0xjo\x92R\x85$\xd4\x95\x9e\xabx\xdduN\xe9\xbb\xdfOC\xc1\xad\x82p\xa9S\x9b\xe2k\x96Ku.\xb7]\x1d\xd3M=\xf5\xe8}\x03\xe1\xed\x1e\t\xeeD\xedm\x0bJ\xec\x88XFw;|\xc3/\xf2\xf2py\xc7\x19\xc6O8\xa7\x8a\x94(\xd2\x94\xdc_:Wvj\xcfk[\xa2\xdf\xa6\x9a\xa7\xd9\x9e=l,Sq\xe6|\xb7m\'\xdbM\x15\xde\x89\xbfO\x9d\x8f\xb1\xbc\t&amp;\x9b\xe1\x7f\x0b\xea\x8emc\xb7\xb8e2I&lt;\x91\xaa\xbc\x98\x8fr\x010\xcecU\xc0\x08\x0e\xd5l\xe4\x83\x9a\xf9\xaa\xb8\xb8\xaaU\xe7(\xafm&amp;\xd2oF\xba$\xa5k\xf2\xbe\xde\xbbj\xcf\x91\xce(\xd6\xaf\x8b\xc3%U\xfb\nI\xfb\xb1\x9b\xe5W\xdd\xb86\x972w\xf7\x9a\xbb\x8d\xbaX\xf8sS\xf0\xc4\x9e2\xf8\xb7\xe1?\x89\xbaF\xa4\x17X\x86\xe1\x9bI\xb0\x8ek\x81\x00\xfb\x1d\xed\xb4\xd7\xe9~\x91!Y%\x8a\x08\xdaKQ\x86"E\xf9\xb6\x0c\x91\xe0\xa7^\xa5J1\x83J\x14q\xf8:\xd1R^\xf4\xa7\x1cM).G\xaf\xbb\xa3n\xea\xed\xa5\xa6\xd6\xfd+*\xc4\xd1\xc1\xf0\xe6g\x86\xc6P\x95J8\xac\xaf\x1c\xab\xbbG\xdd\x85\\\x15uFPri_\xdaYK\xa7+\x95\x9e\xd7\xfe\x95\xb4\x8b\x86\xba\xd2t\xbb\xa7\xc9{\x9d:\xca\xe1\xc9\x04\x12\xd3[E#\x12\x0fBK\x1c\x8e\xc6\xbf\xb6p\xd3\x95L=\t\xcbYN\x8d)\xc9\xf7\x94\xa1\x16\xdf\xde\xcf\xf3G\x11\x18\xc3\x11^\x11V\x8c+U\x8cV\xfe\xecg$\xb5\xeb\xa24kc\x10\xa0\x02\x80\n\x00(\x00\xa0\x02\x80\n\x00(\x03\xf2G\xf6\xde\xff\x00\x82uG\xf1\x92\x7f\x1e\xfcN\xf8\x7f\xe3k_\x06\xebZ\xaf\x86\xf5\xedW\xc4\xba^\xab\xa0\xcb\xafZj\xba\xad\x8e\x954\xd0\xdei\x7ff\xbf\xd3f\xb3\xbe\xbd\xfb:[\\}\xa5\xef-\xff\x00\xd4\xcb\x14\x08\xf1\xb8\x9b\xf3\xec\xff\x00\x81\xb0\xd9\x9eb\xf3z8\x99a\xaa\xd9\xd4\xc4Rq\xf6\x94\xea\xce\x11v\x94l\xe3(NKI]\xb4\xf4\xb2V?\x7f\xe0\x1f\x1c\xf3&gt;\x15\xe1\xef\xf5[\x17\x97S\xccp\x91\x92\xa7\x97\xe2\x15_c[\tN\xac\xd2\xa9J\xa5\xe38U\xa3\x1f\x8a\tF\x13N\xf7\x9bOO\xe6\xff\x00\xf6U\xf1\xd4:\xf7\x80\xf4}\xf2m\xd74)\xa5\xd1u\xcbI\x9f\x13\xd9\xdf\xe92\xbd\x95\xcd\xbc\xc3\xfeY\xb8h\x19\xf0\xc9\xdcc\x06\xbf\x0c\xcc\xb2\xfa\x98lui\xce2\x857Q\xcd[\xaf?\xbd\xa5\xbf\xbc\xda\xd3[\xafT\x7ft\xf0\xc7\x10\xe1\xb3,\x8b\x03%&gt;iK\x0b\x08\xf4o\x9b\x918\xddn\x93Mo\xd2\xdb\x1f|i\x9e?\x86M&gt;\xfe\xda\xe6\xf2(\xc5\xacL\xd7.gQ\x1aG\xb0\xef\xdc\xc4\xaa\xee\x00\x03\x8cv\xe3\xbdt\xe5\xd8\xba\xf8\xa7R\x95(\xba\x89j\xda[k\xe4\xf5o\xfa]\x0f38\xc3\xd0\xc3\xfb:\xf5%\x1aQ\xa9?u\xc9\xa8\xa4\xd6\xdb\xab\xa5\xab\xd6\xea\xfdz\x1f\x9a\x7f\xb4\x87\xed)\xe0O\x85\xda\xce\x93\xadi~)\x1a\x9c\x96\xd7-s.\x93\xa3\xc3\x1d\xfe\xa3\xba,\\\tL\xbb\x9dcT\xeaA\x8d\x83(\'9&amp;\xbd\xdc\x1eG\x89\xc6To\xd9\xf2\xd9\xfb\xb3\xa8\xf9m+\xe9\xa6\xd2\xd7u\xf2\xdfS\xc8\xc5\xf1\x9e_\xc3\xd8gB\xa6.\x13\x95I9MP\x8a\xaa\xea\'\x1b8];\xc5[f\x9f\xdf\xad\xa7\xb8\xff\x00\x82\xb0\xf8_K\xf0\xfd\xb2]x\xd1\xfc=\xafx\x8a7k{\xa1\xe1\xc8u\xdf\xec\xfbH\xda\x01,W\x96rH\x85nn\xa40 s&amp; \xda[k\x03\x83\xe9c\xf8w7\xc5\xca2\x92\xa7&lt;5\x18\xf2\xbej\x90^\xdaR\xdeI\xb86\x94l\xb6\xee\x95\xd7_\xce?\xd7^\x11\xe7\xa7\x17\xf5\xa8\xf3\xc9T\xe4\xa6\xa7\x17NQmEsFi_\xde\x96\x96\\\xca\xf7W\xb5\xbd\xd3\xe1\xef\xed\x01\xe1\x9f\x8bZ\xfe\x83\xe3D\xf1\xd7\x87\xe6\xd5\x9e\xca\xce\xc8\xc5g%\xbe\x9bu\xa8\x9d\x8a\xb8\xbf\xb2\x8d\x96/7\x0c?\x85v\xe4\x01\xca\x92|\xc8\xe4\xb8\xac.\x1eQT\xdf4g9]|+\xb2\x8f\xf7yW}o\xcc\xb7\xd3\xe8(q.QVia\xb1+\xd9\xce6\x8c+K\x9aJ2\xd6\xed\xca\xee\xed\xdfK\xbeT\xed\xd0\xfd\x0c\xf0\x87\x88%\x8a\xff\x00N\r 0\xdd\xca\x9b&amp;B\xad\x1ew)\xc0a\x95$\x10\t\xf6$\x0e\xf5\xf3X\xdcEg7\x87\x92jP\xb3\x92\xb6\xaf\xa6\x8b\xfa\xd9mm{\xeb\xcb\x0f&lt;,\xb1\x14\xda\x9cmekoiYi\xaam]\xab\xe9\xf73\xd2&gt;?\xfcQ\xb4\xf0o\xc3\xdb\xab{i&lt;\xddsW\x87\xec\xb1A\xe6\xf1mf\xe0\xad\xcd\xdf\xee\xf6\xb0D\x88\x99P\xe4|\xfb\x94\x93\xb6\xbcw\x87\xe6\xf7\xe4\x9d\xb9\xdb\xf4\xb3\xf7l\xb6\xb3Z\xf9uG\xc6\xceW\xa8\xd6\x9c\x89]\xc9u\xb3Z6\xee\xafuf\xb4\xd1y\x9fm\xfe\xc9_\xb1\xcf\x86t\x7f\tx\x17\xe2%\xef\x88u}F\xdb\xc4\x9a\x0e\x97\xe2\xb9\xfc;|\x90I\xf6=wT\x85.5\x04\x83P1\xfd\xa1t\x99\x8e\xc0\x96?}B\x95{\x89#vC\xfbnA\xe1\xaeY%\x95f\xb8\x9cEz\xa9a\xb0\xf8\x89\xe0\xed\x05I\xe2t\xa9w5\x1egMI\'\x18n\x9a\xd6m6\x9f\xe1&lt;S\xe3Nw_\x07\x99p\xf5\x0c&amp;\x16\x93\xa7V\xbe\x02\x9eg\x0fh\xab&lt;\x04\x1b\x85:n\x9f7\xb3\xf6\xaa&lt;\xc9\xd5\xd5&gt;o\x86\xe9H\xfd6UTUDUDE\n\xaa\xa0*\xaa\xa8\xc2\xaa\xa8\xc0UP\x00\x00\x00\x00\x18\x15\xfa\xfa\xd3D\xac\x96\x89.\x87\xe0-\xb7\xab\xd5\xbd[}GP\x01@\x05\x00\x14\x00P\x01@\x05\x00\x14\x00P\x05k\xcbXo\xec\xee\xecn\x14\xb4\x17\x96\xd3\xdaN\xa3\x82\xd0\xdcD\xd0\xc8\x01\xecJ;\nM]4\xf6i\xa7\xe8\xf4\x1am4\xd7G\x7f\xb8\xff\x006\x0f\x8e\xfa\xdf\xc4?\xd8\xf3\xf6\xd8\xfd\xa5&gt;\x14Mu{\xa0G\xe1\xef\x8a\xbe-\xd6c\xb4\x8e\xd4\xcd\r\xd7\x86\xbcS\xad\\\xf8\x8b\xc2\xb7;$\xe8.&lt;-\xaa\xe9Sy\xcc\x02\x97g\xda\xc7\x06\xbf\x1a\xcd\xf2\xb4\xf18\xec=jjsUj\xba|\xda\xc9S\x9bs\xa6\xe2\xf5\xbaQ\x96\xff\x00#\xfb+\x81\xb8\xa6\xa4\xb2,\xa6\xbe\x1a\xbc\xe1\x08ah\xd3\xaf\x18IE{L2Tg\xcc\xa2\xedyJ\x9bw\x97t\xdd\xb5&lt;\x0b\xc7\x1f\xb4W\xc4\x0f\x881]xro\x16O\x04\xfa\xb5\xd0\x9e\xfa\xd2\xc4\x98\xd2\xe2\xc6?\xdd\xbcO4d\x1btv\x9a\x16y#$I\xb5\x95\x89\n\xd8Y&gt;]\x86\xc1P\x95Jt\x12\xd5\xb7)i\xca\xd2\xbd\xfa\xb7g\xd3\xfb\xdd\x0e\xce+\xe2\x8c\xc73\xc4\xe1p51\x93\x94i\xc7\x96\x11\xa6\xee\xb9\x1bZ7}?\xe0o\xa1\xdb|;\xf8\x05\x07\x8d\xe7\xb1\xb1\xbc\xb1\xd7\xaf\xa3xT]&amp;\x9f\xaf\xe9\xb0Gu\xe6\xc4\x08-s\xfd\xa6\x80 \xdd\xb1`\xb8h\xd0ck\x81\xc8\x1c\xf4\xf3j\xff\x00X\x95:\x0e\x9c\x1b\x94\xbf\x8b\t\xab\xc57u\x198Y\xb7\xbe\xfa\x9fu\x96\xf8m\x97f\xb9M&lt;~75\xa2\xafO\x9eP\xa7\x88N\xb59J::\x94\x93\xbbK\xb2M\xabY\xab\x9d\xd2\xfe\xc0\xba\x15\xb6\xa0\xf7\xc1\xbe"\xeb)\x1c\x13\xdb\x0b\rWV\xf0\xacV6q\xdc2\xba\xed\x9e\xd3\xc43\\\xca#h\x82D\xa626\x97\xed\xc5z\x18\xcc\xe3\x15\x1c;\xb4(\xc1\xc67\xbe\xae\xeb}4w\xbd\xbf\xce\xc7\x91\x85\xf0\x87*\x85yN\xb6o\x19A\xf3*M\xcak\x99\xadn\xee\x92J*\xc9\xbb\xef\xa1\xe3\xff\x00\x11\xbe\x08x\xb3\xe1\x85\xdd\xbc\x1e\x14\xd1V\xc1bA,\xd2\xdd\xeb\xb6sIqi\x103&lt;\xb0A\xa7\xde]yR\xdb\x9d\xf2\xaa\xdc\x88e%p\x88\xc3i&lt;9vk\x0c[\xe6\xab9J\xf2\xe5iBK\xdez}\xa5\x1en\xdc\xcbF\xba\xa7s\xe48\x9b\x86\x16M&gt;L\x06.\x8d^Ni^5$\xfd\xd8\xea\xdbv\xe5\xbd\xef\xa3ow.\xb7\x7f@|\'\xfd\xaa\xfe*Z\xfc,\xd353\xe3\x9b\xbd*\x0b\x0f\x1aYi\x03\xcc\xba\x9ei\xde\xd6\xda\x1b\xc4\xb9\x86H\xce\xe1\x0bn1\x19YN\x0e\xd4\xdb\xbb\xb7\x9f\x98\xe5\x94\x7f\xb5f\x95\x0ew,,\xa6\x9f.\xd2\x93\x8d\x92n\xdd\x9e\x876]\x9fb\x1eOM\xcf\x11\xca\x96\'\xd9\xbai\xbb8\xc7w=\xd3\xde\xc9\xeb\xf8\xe9\xfa\x07\xa6\xfcP\xf17\xc5\x9d\x13N\xd2\xec\xae_\xc4\x9a\xcf\x8b\xeel\xfc\x19\xe1{i\xdei\xef\xae\xf5\xadz\xf9l\xed\x1e\xc5\x1dK\x17\xbd\xba\xbc\x16\xe8\xcb\x8c*\x05l*\x9c|\x9b\xcbjW\xcc\xf0\xd8\nQ\x9b\xa9Z\xb55$\x9d\xe3y\xb8\xaeWg}-\xb2]w\xd4\xf4\xf1\xf9\xbd,&amp;Q\x8c\xcc\'%N\x14\xa8\xd4\x9d\xb6rJ\x12\xb3\xee\xdd\xf5w\xf2Z\xbb\x1f\xdb/\x80\xbc9\x0f\x84&lt;\x13\xe1O\x0b\xdb\x82!\xd0t\r+K@z\x8f\xb2Y\xc5\x13\x0f\xfb\xedZ\xbf\xa8\xf0\xf4\x95\n\x14h\xc5iJ\x9c \xbf\xed\xd8\xa4\x7f\x18b*\xba\xd5\xebV{\xd5\xab9\xbf\xfbzM\xfe\xa7[[\x18\x85\x00\x14\x00P\x01@\x05\x00\x14\x00P\x01@\x05\x00\x14\x01\xfco\x7f\xc1\xd3\xbf\xb2\x8e\x9d\xa5\xe8_\r?mO\x00Asg\xe3vi&gt;\x1c|M\xb2\xb1\t\x1d\xaf\x89&lt;9\xa6\xd9\xc9}\xa3k\xd7\xe1\x10M.\xa7\xa3\xc2\x7f\xb3\x8c\xc6P\x87J\xb6\xb7\x84G\xba"\xe7\xe3\xf8\x97\xd8Q\xaf\x97\xceQ\xfd\xee.\xac\xf0\xe9\xdbK\xc2\x9b\x9cy\x9fF\xf4\x82\xf9#\xf5\xbf\r*\xe3k\xd1\xce\xf0\xd4\xe7)a\xb08Zx\xe9AI\xa9EJ\xa2\xa57\x15\x7f\x86+\xdf\x92^o{\x1f\xc3_\x84\xbe1x\x8b\xc1&gt;:\xb5\xf1~\x9b&lt;\xfa\xad\xb4n\xd0-\xbc\xee.\x13\xec\x1b\x87\xda\x16H\xe4\x0e\xa1\x82\xbb\x05|`}\xec\x12\x99\xac\xe9`\xe8\xe20\xb2\xc3\xce&gt;\xcf\x9a\xceN;\xf3&gt;\x9b\xad.\xbd_}Ov\xbek\x88\xc0\xe6\x14\xf1\xb1\x93\xaf\xcb\xee\xf2\xc9\xddrE\xea\xde\xe97\xd1\xec\xban\xad\xfaE\xa3x\xdf\xc1\xdf\x15t;Y\xfc\x13\xe2\xef\x17x7\xc4\xd7R\xc25KM?Vh,\xa0Y$\x12\xab\xc5\xb6=\xcf\x90\xc0\xb8B\x80\x02q\x81\xf2\x8f\x9eX*\xf8\n\xf2s\x8d*\xb4\x95\xf9\x1c\xe2\x9c\xd6\x9a\xbf%\xbd\xb7\xb9\xf7k8\xc1\xe78*\x7fU\xad\x8b\xc1b\xa4\x97\xb4\xf65\xeaF\x9d\xde\x96\xb2j-\xad\x1bK\xb7M\xce\xf3E\xf8C\xf1\x9f\xc2i\x16\xb3\xab\xfcs\xf1F\xb9\xa6\xdb\xcbq,\xb6\xf6\xb7W&amp;\xe1\xa2\x8dT\xaa:\x9b\x87\x04.\xf0\x0b6w\x02Y6\xe3\x9b\xc4b(V\xa7\xec\xfe\xabJ3i$\xda\xbf}m\xb7\xe1\xd2\xcd\x19R\xcb\xf3*\x17\xc4T\xceq\xd8\x8aT\xef%\x15Z\xa5\x92o\xceO\xca\xfam\xbb\xd8\xe1&gt;(\xfe\xd1\xf2x_J\x8fI\xb6\xbc\xd5.\xee\xef\xed\xee,\xef/\xf5Y\xd6\xe2\xea\xcd\xca\xb40\xdc\xdbDQd"f\xc2\xf92K!~B\xba\xe74\xb094\x15EY\xa8\xc9s)\xa5\x15e\xa3M\xc6I].\xae\xf6\xb2\xbe\xa8\xf0\xf3\xce&amp;\x95:O\tI\xcd\xb7\tBr\x9bnM\xb4\xed$\xf7\xb6\xda7\xfa\x9e)\xf0\xfb\xc4Z\xd4P\xa6\x84o\xaf.,n&amp;\x87T\xbb\xb7\x94\x86\xb7[\xb7s1\x95\xe4\xf9Uw"\xbc\x8f"\x05/\xb3\x00\x00\x18?NaN\x8br\xad\xee\xa9\xa4\xe0\xa4\xac\xe4\xa2\xb4\xb7\xcb\xfa\xd9\x1f=\x96\xe21\x11\xf6T\x9c\x9b\x8bnr\x8b\xd2\x9d\xde\xb7\xee\xb7\xbe\xfa\xe9g\xd0\xfe\x9e\x7f\xe0\x8b\x1e\t\xd4\xfe)~\xd0^\x05\xf8\x8d\xe2Ti\xbc+\xf0\xf3[\xd0`\xf0\x85\xab\xecXe\xd6^\xf9\xe4mE\xed&lt;\xac\x84\xb5\x9bl\xd63\xb4\xac^o\xde\xa9TeD\xfc\xf28\xa8a\xf8\xb3\x86\xf2\xfa:T\xc4\xe7\x18Z\xd8\x89\xe8\xda\xa7\n\xd0\x92\xa5~\xf2\xdakki\xd2\xef\xed\xf3\x1a5\xab\xf0_\x12\xe6X\x87zT\xb2\xacF\x1f\x0b\x07\xd6n\x9c\xa1:\xb6V\xb5\x97\xc2\xf7\xbaoc\xfb\x84\xaf\xe8\xd3\xf9\\(\x00\xa0\x02\x80\n\x00(\x00\xa0\x02\x80\n\x00(\x00\xa0\x02\x80?\x1b\x7f\xe0\xb7~\x01\xd2\xbe"~\xc9v\xda\x0e\xb1f\xb7\x96W\x1e-\xb7\xb3x\xd9C\x01\xfd\xa5l\xd6[\xb9\xee&lt;\xce\x17\x07y\x1bO\x19\xaf\xce\xfcH\xc4O\x07\x94\xe0q\xb0\x93\x84\xb0\xb9\x96\x1ew_\xcb)\xc62_8\xdd]^\xc9\x9f\xbd\xfd\x1e\xb0\x94\xf3&gt;/\xccr\xaa\xd1S\xa5\x8f\xc83*s\x84\xadf\xe1B\xa4\xe1+=\x1f$\x92\x96\xcfT\xbb\x9f\xe6M\xfbU\xfe\xca&gt;;\xfd\x9c\xbcYss{\xa5^7\x81\xf5;\xe9\x7f\xb3\xb5\xfbh\x15\xf4\xe2\x8f\xbd\x92\xcea\x1eE\xa9\xdb\x9d\x89"\xc6X\xab\x14\xce\x0e1\xc8s\xdc6cF5(\xcd:\xbc\xab\x9e\x95\xfd\xed\xb5j\xfb\xf9\xbdm\xae\xa7\xb9\xc5\xfc#\x8d\xc8qU\xe8\xd7\xa7\'\x86u$\xa9\xd6\x8c_*Wm)8\xe8\x9d\xb5Kg\xbftf|\x04\xf1\xc6\x81\xe0\xddfK\xfb\xad@\xa6\x9d-\x8cP\x80^5\x97\xedr6b[x\xdd\xd5\x98\xc0\xec\x0c\x84\xa8%Wp\xc8 \xd7\xb9\x8b\x87\xd6)\xb7\x14\xae\xdbM\xf2\xb7\xee\xa5\xdb\xfa\xdbs\xe5\xf2\xdcE&lt;\x05_zW\x8aJPW\xb5\xfa\xbb\xdbu\xab\xdc\xfd!\xf1\'\xedk\xe0\x96\xf0\x85\xc6\x95kb\xbav\x9f\xac\xe9\xa9\x1d\xccr&lt;\x13j\x0f,h@\x97\xedI#\xc8\xc8\xae\xc3l%\xc4\x7f\xbc&amp;,\x90\xd8\xf1\xe9\xe0\x1f&gt;\x8aU%\x1d9\xa5\x14\xad{\'\x1e\x9a$\x9a\xbe\x8f\xf3_M\x88\xe2h\xba3\xa7\xee\xd1\x8c\xd2\xbc!-\x1b\x8avm~\x9f\xe6|\x19\xa8\xdd\xe8\xbe=\xd6\x87\x89/\xefM\xbbZ\x1b84\xfb\x16\xb7\xdf-\xecV\xab\x1cq\xec\xb7\x80HY\x08@\xad\xbc.\x183\xb6\t5\xbe*\xa4\xf0\xb0T\xa0\xa2\x9c\xa2\xf9\x9av\x8c^\xae\xd7\xba[k\xa2\xde\xe7\xc6\xc2+\x1bVu\xe7)\xca\xd2\xf7/\xefI\xd9\xe9\xe7u\xa7}\xba\xd8\xfa\x9b\xf6g\xfd\x9c\xbe%|c\xf1E\xb5\x95\xef\x87.\xad&lt;9\x1e\xa9gu$\xc5BEuo\x1c\xc1\xe3K\xe7\xce\xd7\xb7\xc7*\x91\xf9\x8fr\x1bi\x8d\x91\\\xaf\xccfY\xa6\x1f\x0fNSU\x13\xa8\xa3$\x92\x7fi\xa7\xcc\xd7U\xb6\xad\xda\xd6\xe8\xed\x7f\xae\xc9\xb2\x1cf2\xb4\x13\xa6\xd5\x0et\xf9\x9a\xd1\xc6\xfa]u\xb73\xd1^\xf6\xbe\x96g\xf6\x8d\xfb\x12xK\xc1\xff\x00\xb2g\x81\xec|S\xad\xca \xd3|)\xa9\xd8x\xab\xc5\x97\xb6vM\x884M.\xe0^\xdc\x0b[[x\xd9\x9a;+\x03\x85\x8a(\xcb\xb7\x92@M\xe7m~\x1e\xb8\x8e\x96\x1b\x8cr|\xd7\x10\xdcp\xb8&lt;\xd7\x07R\xaf*s\x94hS\xad\x17U\xa4\xae\xe4\xec\x9b\xd3V\xefk\x9f\xb6V\xe0\xdc\x7f\x10d5\xb8O(\xa5N\xa6i\x9daj\xe5\xd9m:\x93\xa7B\x15\xb1\xf8\x98\xbaxjs\xa97\x1at\x94\xaaJ1R\x9c\xa3\x08\xad\xda\xdc\xfe\x8e\xfc!\xe3\x7f\x08\xf8\xfbF\xb2\xf1\x0f\x83&lt;G\xa3x\x97G\xd4-m\xefm\xaf\xb4mB\xd7P\x85\xad\xee\xa3\xf3 g6\xd2\xc9\xe53.\x7fw.\xd7VVR\xa0\xa9\x03\xfb7\x07\x8c\xc2\xe6\x18Z\x18\xdc\x15zx\x9c.&amp;\x9cj\xd1\xadJJP\xa9Ni8\xca-wOm\xd7S\xf8W9\xc9\xf3N\x1e\xcdq\xf9&amp;u\x81\xc4\xe5\xb9\xb6Y\x89\xab\x83\xc7\xe01t\xa7G\x13\x85\xc4Q\x93\x8dJUi\xcd)FI\xae\xabUf\xb4gS]\'\x98\x14\x00P\x01@\x05\x00\x14\x00P\x01@\x05\x00\x14\x01\xf0O\xed\xbf\xff\x00\x05-\xfd\x90\xbf\xe0\x9f&gt;\x04\x97\xc6\xff\x00\xb4O\xc4\xdb\x1d6\xeaF\x11h\xbe\x02\xf0\xd3\xd9\xeb\xff\x00\x10\xfcKr[i\x83D\xf0\xca_[M7\x95\x83%\xcc\xd73Z\xc1o\n\xb4\xaf&amp;\x06\n\x94\x94U\xdf\xe1\xab.\x14\xe7Q\xa8\xc2-\xb6\x7f4?\x16?\xe0\xb4W_\xf0S]n\xdb\xc1\x7f\n&gt;\x1b_\xfc8\xfd\x9f\xfc)\xa8\xc1\xa8K\x7f\xe2{\xc8\xaf\xbcg\xe3\xadq\'\xf2\xad.\xee!\xb6\x8a\x0b\x1f\x0fi\x1a{\xedx\xb4\xd47\xd7\xb2\xdd\xc2\xd3K\xa8\x98\x1dm\xd3\xf0\x1f\x15\xf8\x99\xd6\xabO\x87\xe8Z4\xe8\xca\x9e#\x176\xaf)T\xb4jR\xa6\xba$\xa2\xe3;n\xdb\xec\x7f\xa2\xff\x00G/\x05(\xf0\xf7\x00\xe5\xbe/f\xd5jO6\xe2\xbc~o\x95\xf0\xee\x0e.+\x0bC&amp;\xcb\x95l\x1e;\x1f?w\x9a\xae"\xbe?\x0f\x8a\xc2$\xe4\xa1\x1aQ\x8c\xd4y\xae\xdf\x1d\xf1C\xe0~\x87\xf1[\xe1\xd6\xa9\xe1\xedkG\xb6\xd7,/a\x12Ke,\t3\xb3\xc9\x1c\x88\x1e\'\x90;E,{\x84\x8a\xe9\x82\n\x91\x9c\x16\x07\xe0r\\\xc2\xb6\x12t\xebS\xaa\xe9\xca)\xc6\xe9\xbd\xf4w~Mi\xaf\x97\x91\xf5\x9cK\x95aq\xf3\xabC\x15F5!RwQ\x92M[X\xdbgi{\xd7[m\xae\xf6?\x9e\xcf\x89?\xf0J\xadr\xdb\xc4\xb7\xb7&gt;\x19:\x83x~+\xa9\xfc\x84\xd3Q\x8e\xa5i)$"I\x03\xf9\x89p\x91\x9cy\x92F ;A\xda\x17\x8a\xfd_+\xe3,&gt;"\x9caR\xaca^\xf1S\x8b\xb3\x8f\xf8\xb7\xba\xbfK\xdd\x1f\x81\xf1W\x85u\xb0\xb5\xbe\xb1\x80\x84\xaba\xaa\':j.\xd3\x8f5\xdb\x8d\xec\xd3Q\xbd\xb4Z\xear6?\xf0K\x7f\x8bWW\x96?f\xbb\xd6\xf58|\xc6W\xb7\xbeC\xa6}\x99\x97\xee3\x87[\xbf5YK\r\xaa\x10&amp;\t!\xdb\x18\xf5\xaa\xf1\x1d\npm\xcdZ\xd7\xbc,\xdd\xbb=t\xef\xfa\xa3\xe0W\x03\xe6\x15*.jSI\xbd=\xa3\xb2\xf2\xda7\xdd\xea\xbdo\xdc\xfdh\xfd\x97\xff\x00\xe0\x92\xfaE\x82\xe9\xda\xe7\xc4\xa5y-\xadm\x92\xe2\xe7J\xb1Vf\x9aA\xcc{\xf5\x19\xbc\xc0Q\x8a\x87\x94C</t>
        </is>
      </c>
      <c r="M196" s="3" t="n">
        <v>45492.67877314815</v>
      </c>
    </row>
    <row r="197">
      <c r="A197" t="n">
        <v>809194</v>
      </c>
      <c r="B197" t="n">
        <v>49202</v>
      </c>
      <c r="C197" t="inlineStr">
        <is>
          <t>Allyson</t>
        </is>
      </c>
      <c r="D197" t="inlineStr">
        <is>
          <t>Allyson</t>
        </is>
      </c>
      <c r="E197" t="inlineStr">
        <is>
          <t>ZAG</t>
        </is>
      </c>
      <c r="F197" t="inlineStr">
        <is>
          <t>ZAG</t>
        </is>
      </c>
      <c r="G197" t="inlineStr">
        <is>
          <t>ZAG</t>
        </is>
      </c>
      <c r="H197" t="n">
        <v>184</v>
      </c>
      <c r="I197" t="n">
        <v>3</v>
      </c>
      <c r="J197" s="2" t="n">
        <v>33168</v>
      </c>
      <c r="K197" t="inlineStr">
        <is>
          <t>Right</t>
        </is>
      </c>
      <c r="L197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483b8e0-3aae-45fc-a3d4-b559e6a8cc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ey1m\x00\x00\x00&gt;tEXtComment\x00xr:d:DAEewil2SDw:3197,j:2859061571337059036,t:23090301\x03\xa6\xfc\x13\x00\x00\x00\tpHYs\x00\x00\x0e\xc4\x00\x00\x0e\xc4\x01\x95+\x0e\x1b\x00\x00\x03\x00PLTE\xff\xff\xff\xfd\xecD\xff\xf4I\xff\xf2F\xff\xf8O\xff\xf7K\xfe\xefD\xfe\xfe\xfe\xfe\xeb?\xff\xee@\xbb\x92^\xcf\xa2v\xc2\x96i\xfd\xf2O\xa3wM\x1d\x86Y\xc0\x92e\xfe\xf9T\xfd\xf1J\x1f\x8b^\x1a\x82U\xfe\xf6O\xcc\x9fs\xb2\x89e\xb8\x8cZ\xc3\x92^\xc0\x96b\xb6\x8c`\xb8\x87V\xfc\xf5W%"#))(\xc8\x9ap\xbb\x8dd/./\xfd\xedJ\xaa\x7fS\xbc\x92n\xa9{N\xb2\x88^\xca\xa4z\xfc\xf5S\xc7\x99h\xb7\x86^\xd3\xa7}\x19yO\x1d\x1b\x1d\xb5\x90g\xb1\x82Y\xfc\xfc\xfc\x9drB\x16lF\xb3\x88W555!\x91bufQ\xbb\x93g\xcb\x9fk\x80t`\xc2\x96t\x1b~S\xa9\x86b\xaf\x7fP\xf0\xef\xf0\x9fqO\xa2\x81^ylZ%\x9ai\xf8\xf0O\xc1\x97n\xbe\x8d[\x8bzc\xd0\xa2o\xac\x80]\xba\x8bj\xd6\xac\x89\x9cjO\xc0\x9ds\xad\x85\\\xb4\x81S\xaf\x86Q;;&lt;XG8\x7ffKbQ&gt;jZD\x9fxW\x15dA\x7flS\xb4\x9ay\xb3\x93nqQ&lt;\x9auP\xa6yT\xc6\x9ei \x97f\x8bu[\x8epSog[\xad\x8ci\xbb\x99pm_K\x84pYE80\xaa\x92q\x95tVvaH\x18rKxn`L&gt;5\xf5\xf0Y\xa3xE\x9f\x85f\xa2\x8ck\x8e~h\x9a\x8ao\x9a}^\x86lP\xc5\x98b\xe9\xe4Z\xf7\xf7\xf7\xa9y\\\xc5\xa1u\x96\x81e\xaezT\x95l&lt;\x94\x84mjbV}[@\xa5rV\x90eE\xd0\xcaLBAC\x96oP\xa4\x7fV\x93y]QQR\xd7\xb2\x94IGF\xcc\xa6\x81^?/\xe6\xe5\xe5\xfc\xf9[;0*\x96cN\xdc\xd6T\x8bd:\xc0\xa0\x82\x84xh\x9fkX\xc6\x9cz\xf9\xe6A\xed\xecX\xa8\x7fH\xa3\x8fu\x93\x8eR\x9cjF\x92mJ\xac\xa6_a\\RjH3\xd4\xcf\xd1\xde\xb8\x9a\x87_H\xe2\xdca\x8ahK\xb3}h\x7fN6\xf3\xecP\xb5\xaeN\xd7\xd2g\xaf\xcdW\x9f\x99S\xc0\xbaa%\xa1n\xc9\xc3[\xef\xe6K\xb7\x8fRVVD\xd1\xca`]]b\xe6\xe3O\xa2\xc6d2\' \xf9\xf4^\x14Z:\xa8\xa0J\x17\x11\x10\xef\xebh\xd7\xdd\xdf\xa0zg\xc0\xd6W\x1bK3\xca\xa9\x8e\xcf\xbe\xb68\x94[\xf2\xdc;\x84\x80NM\xa0d\xcd\xe0`\xe3\xda\xd7i\xa6\\\xbd\xac\x9d\xbc\xbdF\xbf\xb7R\xd7\xdfR\xc4\xcd\xcbxx\x81\xa3\xa3\xa9\xbd\xbd\xc45eA\x80\xb9j\x9a\x93?\xde\xea[\x92\\DS5$rm&gt;0\x82O\x87\x86\x92L\x92O\xaboK\x9e\xb6K\x9dY8\xc3\xbe{\x7f{Bjis\x99\x8f\x81\xe3\xca\xaf\x84\xa6J_Y.\xb1\x91\x86e\x95E\x90\xbe\xb1\xb8\xb2p\xab\x9c\x90\x96\x96\x98\xb2\xb2\xbaD}T\xa8\xa4w\xad\x88z\xbd\x89{\xdf\xe1z\xc2\xdanC\x9cxW\xa6\x8a\xd2\xccy\xf5\xf4\xde\xf3\xefwz\xaf\x98\xa8\xc6\x8e\xf0\xed\xa9dwI\xf1\xef\xc6\xa8\xcc\xc22\x9arj\x8ed\x00\xf1\x81\x18\x00\x00 \x00IDATx\xda\xdc\x99\xcfO"i\x1a\xc7\xe7V\tT\x08\'P!UP\x01!`\xf8a\xac\x0c\x84 p\x80m\xe4\x87]%\x92\x96\x82N\xb3\xd0]\x83Ie&lt;\xa0\x11w;\x8d\x84B~\x19\x8c=\x9a\xecD\xd2\xa81\xde\'$\x1c\x8c&amp;\xdd\xa7\x89\x07\xd1\xcb\x98x\xb3\'\xd9\xc3h\xb2\xff\xc2&gt;/\xee\xfe\x07[\xf6d\x9fT\xbd\xf5R\x1e\xf8\xe4\xfb|\xdf\xe7}^\xf9\xee\xbb\xff\xe7\xc0F\xf1\xf4\xf8S1\xad\xfb|N\xcc\x89a\x7f\x122\x80p\xfa|\x87\x87\x0f\xfd\xfb\xe1p\xf8pxs\xe5[w:\xb1o\x0f\xb5\xfd8\xbc\xafW\xab\x0cM3\x0c\xd9\xa4\xe9\xfb\xebC\xdf\xfa7U\x0c\xa0\xce\xef\xfa\x14\xc50t\xb5\xde\xac\xd3M\xbaJR\x14E\xf7\x87\xe7\xceo\x06\x06\xd9\xbb\xba\xabS4\x03W\xb5Y\xaf\xd6\x99*U\x85O\x84\x8d \x9a\x8f\xdb\xeb\xd8\xb7Qj\xfd\xf0\xaeJQ$\r(\xd5z\xbd\xd9\xacV\xd1@\x93$I\x906[\xff\xfa\x1bd\x12\x19\xfd\x81!A(\n\xdd\xa0\xd4\xa7&amp;\xd3\xaf\xd7\x81\x11\x92H\x02\xd6\x19y\xfd\xec\xd6\x07\xa8\x9b&gt;C\x92`t\x86"\xc1\xe9U\xaaY\x07\xacf\xbd_\xa7\x01\x8c$\x08\x9b\x8d\xba\xdbv&gt;\xb3V\xe7C\x9a\x82\xa5\x07\x03\x18\xbeJ\xd2\x90\xc4\x11\xd4\xf0\xfe\xbe\xd9$)\x82\xa4A0\xdb\xf0\xfc9\xf3\x889\xaf\xfa`s\x06\x15\x05\xf0\x16\r\xf6\x02[1\x9f\xc0Z`\xfc*2\x9c\x8df@/[\xfd\xea\xd9\xf2\x08\xb6\xba\xa9\xa32\x00e\x01\x90@\x19\x98\xd2\xcd&amp;\xc5\x80\\\x0c\xaa\x15h5\xa2\xf7\xc0U\xbdy\xaeJ\x81a\x8fH\x0f\xb4\x06\x91\x89`\xe1A:\x9bM\xa1\x89RJ\x82x !\xd8\x0e^\x93 \x18}\xf3&lt;X\xd8\xfa5\x83\xbe\x11n\x04\xd4A\xc1\xb3\x1f&gt;\xfc\xf2Wa\x808F\x9c \x15\xb8\x1e\r\xa0\xd7s\x140\xcc\xf9H\x114\xfaJ\x82\x1c\xf0|"\xb1\xc8q\xe5\xd57\xff\xfc\xe3\xeb\xd7\x9f\x12,\xdf\x19\x0c\x06\xc4(((\xaa\xc0H\x10\xcf\xa1\x17d\x90yRb\xd0a\xb9\x05\xb1\x96\xfb\xc1\xeb\xcd-}\xbc\xfc\xf2\xe5\xcb\xe5\x1f?o\xad\x96\xcb\\\xaf-\xf0\x03bT#l\x08\xb0*9\x17\xb8\xbd\x8a\x94\xb2\r\x84\xc5\x93BMc7\xc6&gt;&gt;E\xa3qy\xf9q)\x952\xc5\xe3\xe1Z\xba[\xee\t\x1d\xc2v\x06\\@V\x95z=:\xcf\xebOR%\xb2\x01\xb5F\xe3\xca\xc7&gt;~\x86\xf8\x18\x0b\xee\x03Z&gt;e\x0c\x06\x95\xb8\xcb\xe5\x9a\xd3\xabW\xb6\xb8\x01\xe85"\xabK[\xbf0\xe7\x1d@\x91&lt;\xbbP\xa8\x99L\x1a\x8d&gt;\xb6\x0fP\xad}OP\xaf\xc4\x83y\xe0\xc1q%\xcc\x82\x9e\xa0\xd1\x13\xcbm-\xb3\xc4\xd9\x19\xf2\xd8PJ\xb90\xec\xb0I\x90\x9d\xc5\xd5B2\x1d6\x99\xac\x1aM0\xb6\xdf\x02*W\x10h d2\xa5&gt;\x14\xc2q\x9d\x0e\xc8\x8cs\xa9\\q\xb1cCA\xdfH\xc7\x85a\xdbC\x8a\x84\xfc%K\xa5R\xd8a\xb5\xce\x8c\x81H:\xd0*\xa8\xf3\xe8p\x0b\x12jD\x87[,x\xd0\x081\xe7M.\xb0\x03\xc4\xd5?tJX\xb1\xa0*\xf0\xab\xc9p8\x1cw8f\x1c\xda1\xad\x0c t8\xc4\x04nq\xe3\x96\t\xd9\xf8\xf8\xb8\xc5\xb2\x86+\xf5z=`\xa9\x03\x85l\x99\x85ei\xeb\xfb\xa4\x92\x0b\xdb\xee\xdb\x88\x0e\x9b\r\x84\xc3&amp;\x8d\xc3a\x98\x9d\xd7j\xc7 o\xf8\xf8\xda\xda8\x8a\xd1\x18\x1a_\x9bX\x9bx\xe2\x9aS\x87K\xa5B!1\xa0\x08F*\xd7c\xd8\xb5\xcdF\n\\6\x99\tk4\x0e\x83\xc11\x03\\!\xd9\xf8\x7f"\x14BL\xa1\xd1\x1ce\x13\xb8\xd4j\xc4\x95\\\xe0;$\xf5(\xd5b\xf4!\xb1\x84\xc5B2c\x88;L\xd6\xb8cv~\x06\xb0B\xa1\xd0\xda\x13\x10Rk\r\xc22\xa1DjY5&amp;\xc0\n\x97\x92\xd9\x04\xdf!\xee\xa5\xc9"\xe6&lt;dPmX\xcc\xa63\n\x87\xc9nr@\x1e\x1d\xa61=\xd4\x03\x9d\x0e\xfc\xb4\x86riq[\xc0\xfb\xb0\x14\x81Kc\xb7\x8f\xb0\xf6\xb2\x9c\xd0!\x99+\xa74X\x8f\x14\xd9\x11\xd8\xb2\x98Nf\x1c\xa0\x83\xda\xaa\x993\xe6=\x1e3T.\xb3\xdb\xedF2\x01\xd1\xc4\x04Z\x8b\x00e2\xe9\x81+\x1e\xde\x14E\x8e\x85\x9a\x7f\'\xcd\x96\x8d]S\xa4\xc0\xb2\\!\xad0 \x9d\xd4F\x0f\x14\xad\xcf\x9f\x1b\x8dF$\xd2R\xe9@(\x8bJ%7o\x80vJ\xa5\x06\xb0\xd4j\xc0\x8ag\xa2\'\x1c\xcb\xf2d}[*,\n:\x86r\xda\x9f1L\x1a\x1cju~\xbf\x85\x98\x1aGG\x00\xd62\xab\xccr\xd5T+\x02\x88f\xb3\x0e\xd7#\xc7\x9bL\x90C\x85\x7f\x84EI\xb4\x16\xb1\x07\xaa#\x00\x96\x98Vd2\x99\xf0\x9c\xd1\xd3jE\x00\n\xb4\x82h\xa0k\nM\x00\xb1%W\x05a\'R\x03U-\x99\xf1\xc3\xc6\xcd\t\x03\xfaP\n,\x0c\xbb\xa3h\x81M\x9c\xa4\xd3b&amp;\x13W\x07\xf7[\xe6\xd6\xd4(\xe4/`\x00\x1e\x18F\x17\xbc1\xabtA\xa3\x06\xb5\x13\x9b\x19\x7f\xa5\xdcK\xb0\x1d\xeaJ\x12,\xe7\x1d\xc5\x0b\x89\xe5\xae?\x9d,\x99\xec\xba\r\xf3\x08h\x14n\xf7\x0b\x84\x06\x9f\xe40{\n\xc4e\x87\xb2\xb5\xb9\tX\x1c\xc7\xf2\x844\xfb\xa2\xf3\x81\x86\xaa\xb5PH&amp;Kjc\xcc\xdc2o\x80\x99^\xebT/\xdc\x80\x05\xf7\x8b\xff&gt;\x10\x9d\x1c\t\xb6a\x9c3\x85\xfd\xfe\x83\xe81\xc7\xf5X\xe2\xda)\x91Z\x1d\xe1m6\x9d\xaey\xedF{&gt;\x96\xb2\xe7\x83\xe0\xa0\xd8\x06T)@\xb2 :x\x82N*\x95{\xc4e\x8e\xe5\xed\xa6\xcdh\xf4\x00\xc9%\x907Ra\xf1\xec\xb2\xd8\x15\xbd9o\xba[,\x16W\xb6\xb2\xd9\x827e\xc4] \xd9\x0b\x0bB\x93OMm\x04Qy\xdd0C\xb4Z\xb1\xbc1\x1c\x05\xb5\x10\x16%I\xef\x8c\xad\x0fi&gt;\xb1*v\x8b\xdep\xb2[N\xb0\xac \x80\xd5\xb2\x01\xaf\xdd\x15\x03\xb9\x90Z\xaf\xa7"H\xa1T*\x95_\x8a-\xc5\xa0]My\xd4{\xd1\xe8\x0et\xf8Rb-fEq%\xe9\x17\x0b\x0bp\xc8A\x07\xb1\x04\xf4\x84\x01{lC\xe5V\xa2$\x02V0o\xcf\x05VW\xdf\xbdz\xf5\xee/o\xb2E\xaf\xba\x04r\x95\xb9\x84@_I\x86\xf5\xfd\x89X,TDoj)\x95\x0b\x14\n\xd9\x85\xf2\xc2\x89XS\x1b\x83*\xf7\x9aE.\xd7M\xb5\xcc.\xe8\xb1\x96\x13\xb0\xdb\x00\xf4\xdbW`\xc5Rtg\xb3\x02\xdb\x0f#M\xdd\xf2\xddw\xf8\xe5\x93\xec\x85X\xe9\xda\xf3\xc6\xbcQ\x137\x18\x0c5C\x1czz\x17\xaes[Pe\x982o\xb8\xe2\x99.`A$\x96\xb7VV\x02\xe9\x0c`\xf9\x01\xabz.\x11\x16\xcf/g\xb7.\x92i\x05lxv\xbb=\x9eQ\xd4\x14\x93&amp;\xcd\x98\xd5\xaa\x81\xa6\x01\x15Q9\xae\x94\xcd\xa0\x13Y:\x107\xe5c10Z\xdc/\xeeln\x96Y\xbey.\xc9\xde\x03X\xc2r\xe1"P\x8b\xcf@\x18\xd2\x85\xe5^{q\xf5\xb8\xe2\x0f\x1bf\x1dV\x99%\x12\x91\xbf\x9e\x90i\xa0C\xcc(\x14\x19\x83!lt)_\xbf\x0e\xaa\xfd\xd1\xbd\xa8\xbf\xdc\xe6\xfb\x92\xfc\xb7\xebI\xad\xe2E\xb2\xe6\x985L\x97\xb96o\x83\xc3\x16\x9fhs\x95\xa8_1\xabUF"\xaa\x89\xd0\x98v\xd6\xbf{\xdak\xb7\xb9l\xc0\xee\xc2\x958.3\x95\xa2\xd1(\xa85\xf4I\x85%\xbc-\x16\x93\x8a\x1f\xa7w{\xb7\x9d_\xea6\xcaFQ?\xb1m\xae\xbc{0\xa9U6\x1a:\xbdV;\t\xc2\x08\x9d3\x88AB4@\xab/\x93\xc5w\xf6\xa2\xb0\xf9H\xd3o\x01\x96 ,_\x04\xd2\xd3\xd3\xbb\xa7\xb7\x83\xc4\xe5\x03\xc5\xd8\x88\xfe\xd7\xc4m\x9b;}?\xa9\xc5\x8f\x1a*|\xf6\xc7\x83n\x99{\'\x9c\x9d\xd1M\x82\x19\xf4v\r/g\xc6\xc2Q)\xb1\xd6\x87\x02\xbf\xba\x12PL\xbf\xaf\x9c\xf6z\xa7\x85\xaf\x9f\x08\xdb`1q{{\xdb\xeb\xbd\x9f\xb4\xee\x1f5\xcc\xf8\xec\xc1\xe9i\xbb\xfd\xfd\x87\xb33\x8a\xe9_~\x1a\xdc\x9eN\xffc\xde\xb0\xb7W\xe9\xb5\x85k\tr\x88~\xae\xb8\x13\x8479/\xc2Bq|\xfcf\xa1\x07&amp;j\xb7{\xa7\xa7\xd3\xb3\xfa\xd6\xd1Q\x0b\x9fW\x00\xd6m\xbb\xdd\x19\x0c\xf8\xaf?\x1f\xc3\xdf \xbf\x7f/m\xfe\xd6\x16\x84\x1b)6\xc4u\'v\xdd\x14\x8a\xb9\xb8Aq \x8a\xfed\xc9\x9b\xfbW\xf1\x84\x03\xae\x1eW&gt;\x00\xc7\x7f\xfe\x1d\xb0\xac\xf3\xef\xa1\xb9\xea\xf58\xee\xdd\xdf.\n\xd1\x9d\xca\xceo\x07\x93\x8e\xcc\xdeN[\xa8Kp\xae\xf6}\xf9\xf2\xeb\xaf\xd7l\xe2B=\xf3R\x01\xed\xa9"S\x0b\x07\x02\xe21\x07\x00\xe5\xddi8\xc8\x06#\xbf\x1fE&lt;V\xab\x03\x99\xab\xc7\x1d_\xfc\xb0\xb4\xa4\x86\x03\x86?:3\x83\xb0\xf8{\x9f\xf3\x7f\xfc\xe3\x99s\xfdrN\xef\xd9\xf7rosj\xd3\xcbI\xbf\xa2\x96T(\xfc"\xca\xe4I\xb7\xab@\xa7k\xad\x07a\xe9\xf4\xca\xd0\xfc\xa4\xbf[9\xae\x88\x990\x1c\x8e\xfe\xcd\xab\xf9\xbd\xa6\xd1\xa5q\xbcw\xc28\x0cs5N\x1c/f`~\x04g\xc01\x0c\xd40h\xcc\x82\x12\'V\x85l\xa5\x9bh\xa0\xf8\x96\xa5\xbd\x11\x967R\xbb#DA_\xc2\x9b\xb0b_\x05\x17\x03M$\xe6\xba\xd7e\x03\xcd\x95\xe4baoRX\xc4\x9b@/\xcaB\xfb\'\xec\xf7L\xfa\'\xa8G\xa3\x12\xbd\xf8\xf0}\x9e\xf3\x9c\xe7{\xceA\xcd\x95y^n\x02\xeb\xbf\xd1\xe8\xd6t\xfav\x91!\x9c6gn^\x12\xc6/\xe3\x1ao\x15d9\'w\xd0\xce3\xc9b\x11v\x83\x07\x95)\x89\'\x0f\x0f\xbb\x9cD\xb3iJ\xca\xe0\xcbb&amp;\x07.M\xd3,Aw\x81u\xf0\xf7\xbb\xbb\xf7\xb6}\xbb\xc0\xe9\x18\xbd\x98\xcfg3\x8b-\xbd\x8e\x07(\xca\xc2"(D\x04S\xd02X\x15\x05\x96\x82V&lt;m&lt;&lt;&lt;\x9c\x184\xcd\x06\xc3\\\x8a\xfc \xa2\xc4\x14%"`m\xb2\xccf\xf6\xc3\xb9n\x9a\x8e\xee:\x0bte\xbe\x8b\xfb\xd1,\x1f\xe2\x8bE\xf4V1\x81\x8a\xc5\x82\xa8\x92\x12|\xb5.\xa5XI7u\x96\xdb}x\xb8\xbc\xdc\xe5`]E\xb4\xf1d\xef\r+\xe2\xb3XD X\x99\xfeu\xe6P\xd4\xf3\xf9\xf9|\xba@\xb5\xa6\xf7\x08b\xc8*\x01+H\xe1\x01\xaa \xc5[\xba \xb1\xa9\x98@\xe0\x0cb\x17//\xfd\xa0D\xc3\xec\x17\xe9\xb0\xd7\xa1\x8a\xf8\x1aXn\xf3^\xe0X=\x1f\x9a\x8f\x16\x88\xe5;\xeb73\xa6\xaa\x11,*\x16$\xa3V\x0bRi\x81e%\x16I.A!\xe2\x15//\rQd7=\xdb#\xe2\t\x0b\xb2yH\xf1\xbc\xe56\xb3\xb1\xcd\xb5\xb5\xbc&gt;\x9f,p\x83$\xbau3\xaf\xbb\xaa\xd9\xfe\xb5\x02S\xfaHuXC\x1e\xa5\x103I\x97D\x91NyX\'\x06\xb7&gt;\x10=\x93\xc1qx\xdf\x01V\x90\xf7\x92\x8b\x05&amp;\xab\xcc?G\x17\xb9\xee\xdc\xcc\x9b:\xcf\x94^Wb\x94@\x11\xae\xc3\xc30M\xa7\xc8\xbe\x8c.\xac\x1b~ZZ\xbfD\x14w\xfd\xdc\xee\xee\x80\xf3s$\x8e\x1c\x07g\xb6yH\xb3&lt;\xefa\x19"\xed\xcc.\x16Z\xb8\xbe_\xbb\xa2.\xc6_"\x88\xd4#\x16M\xd3\x1c\x02\xc5\xeaz\xcc\xd8\x15[W\xa2\x87\xb5\xe3?A 9\xce\x8b#y\xdd\x01~Z\x02\xd6l\xcd\xd8Ys\'\x8b\xdd\x1e\xf9v\xad\xdb\x8a\x11\xbf\xea\x08?\xb1\x82\xc8i\xa8\xb2\x19N\x9b\x92\x7f\xe7\xc3\xa7O{\'\x08b\xe0\xf4\x80\xbb4\xe0\x1b9\xc3\xe0\xf0F|c\xb8\xc6\xf2f69J\x18\xc6\xda\xfc\xc7B\x17 \xdf\xdd\xbd\xa3\xd8Fn\\\x14x\x9e\xf2\xe6!K\x87\xa1\x06\x17\x86\\a\xf6\xcb\xa7O\xa7\xa4\x93\xc7\xfb\xf8\xd2\xb0E\x11~\x11\t\xb6\xb9\x89g\x18?q\xb3\x196\xbfc\xa4\xe7\xb7\x8b\\}|\xbe\xdb\xba\xed\xe8~m\xfc:\'xX\x14\x1f\xacm"V\\\x98\xb6\xeb\xaeT\xeff\xb3\xc2&amp;g^\x7f9\xad\x1b\xa2M\xc4\xf2\xef\xf89b\xff\x91\x84\xac^\xee\x06\x8c\xb4\xff\xc4\xae/x\x8b\xeb\xec\xbb&gt;\x1b\xe9\x91q\xbb\xc3{\r\'\xcf\x07\xe9Cpm\xd2\xe2`r\x7f\x9f\x9d8\x01)\x1cv2u\x07s`\xe0\'b\xf9\xbd\xad\t\xa2\x16R\xab\xeb\x18\xe95cp\xb2\xd8N\xd0\xf7\xf6\xce\x9c_\xdf\x07\xae\xdae\xcb\x02\x17y\t\x1en\xfa9d\x98\x1d\xb8\xbf\xef\x16\x03\x8am\xe3c\xa5\xdfmNl\xccD\xc40\x0c\xa9\x08\x16-\xb8\xfd,\'\xcefk\xbfO\x17+\x96/z\xeb\xcc\xaf\xaf\xdb/\xafJ\xb2\xc5\xf3\x05\xd9\xa2(\x92\xf3\x98\x8e)\xdb\xc9\x9e\x97\x805\xb0\x07\x83@&lt;\x13p\x1c\x9b\xa4\x99\xdf_\x0b\x87\xc3H\xf8\x1a\x8byX\x17\xdd\xf9\\?Y\xf4f\xb3oj\xbb\x99V\xaf}\xd5f\xd0\x9c\x17\x18\x13j\xd1\xa8Z\xe4\x0c\xc5)\x92\xea\xaf\x0c0\x94@&lt;\x10\xf0\xb0P\x1a\xc2k\xb5Z\xb8\x16\xac\xa5\xddd\xb6\xae$\xaf\xe7\xd2\xed\xa2\x1b\xc1\xe8\xd6\xfb\xd4\xfa;\x81`\xc9\x16Z\x1b`\xb1tL\x8a)\xb1@\xa5\x12\x8f\xc7+\x8e\r\xb5le\xbf\x12\xaf@8\xaf\xca\x87\xc9.}p-h\xba\xc9~\xf6~t=[t\x0cIr}k\xee\xbf\xa3K\x04\xabP(\xc8\t\x9e\xf2\xb6l\xd1\xe9m\x13\xae\x88\xfd8\xfe\xb2\xbf_\xa9T\x14\xfb\x9d\xc8A\xad4\xb8\xa8t\x1eX\xae\xb4\xae\x88\'\x0b\xb7&gt;H\xae\xfe\xbe\x12H^\x95\x189Q(\xa8\xc8\xb0\x90\x95\x8b\xa3q\x0e\xc4+\x11\x04\x0e\xb1t\xf0\xf2\xcb/\x84K\tD\xc8\t\x82w\xd0\x92N\xbbn\xb6\xe9\xdf\xfd=\xe5,ak\xc4w\xf6\xd5\x89\x04\x92\xe7\xe8F\x13\x05\x19\x92Y\x89rq\xbb\xb8\x8d\x98\x11&amp;\x85\xd5\'x\xe8\x8e\xb3\xaf\xec\xef\xefo\x13G]\xab\xa5\xc9\xe0\xd1&gt;d8\xc3\xef|^\xc2\xe9\x8a/z\xa7\xd8\xa9\xccy\x92Q\x11C\xa6,\xe7\xe5\xd2\xf6v\xa7\x03(\x8cIsB\xde\xf4\x89c\xdb\n\xb8H\x86IP*\xc4\xa7\xd3!`i4g\xbc\x9f.\xc5\xeb_\xbc\x17\xc5X\xbb\xcd\xa8rBe\x18\x15b\xc5s\xc0r2\xc9\xae7\xea\xf5~\xbf\x9b\xad#\xf7\x9f)\x91H%.@\xa8\x9fX}\x9d\xe6\xd6o\x97s\xb6\xf2\xf6\xe2\xb3\x1d\xf8\xad\x9dTI\x10UU\x95sZ.\'\xbb\xc9\xfbV\xb7\xdfof\xb3}\xbc6\xfb\xdd~F\x19\xa4\x94\xfd\x08\xcc\x08\x1f\xca\x87\xd2!d|\x9d3.\xa7[K:\xe5\x8cn\x9dM/~+\xca\x18\x0c\x86,\x08%r\xe7\xe1\xf4\xe0\xe0\x9a\x8cn\x17\xd5\x1ec\xdc\xca\xe8\xb1XD\xd3\xe0&lt;B\x10,\x8fuz\xf7akiG\xfb\xc4{n\xfd3Y\x86RL\x92\xa92\x82|p\xfa\xd7\x7f|\xf90\xee\xf6\'\x93\x9b\xfe\x18r\xf5\xbb\xe3\xeb\x03\x98\xff\xac\x16\x13\xb4\x109\x04\x85Wson\xcf\x96z\xff\xc7\x87\xc4/\x92s(8XF\xcd\x95\xc7\x07\xe3\xab\xf1\xf1\xb8{3\xf9\xf1c\x82\xbf\xf7\xef\x7fL\xfa\xe3\x83\xd3/\x1f\xda\x1a%\xe4\x89\xab\x85X\xee\xb7\xa8\xef\xc9R\xafg\xa0|\x95\x90W\xc0\xc2\x8c\x94;\xad\xe3V\xbb\x93\xab7\xeb\x13\x8c:\x01\x03Vw|\xd5&gt;n\xc9\x82\t\xb3\xcd\x13\xac\xe6\xed\xd2\xef\xb2\xf8\xa6\xbf2$\xdf\x99\x8djU\x95\xcb\xc9dR\xd6\x04\xc9\x91\xa4\xc9\xc4\x9cxpM\xe2\xf1\xb3#S\xcb\'~\xaa\xd5\xbcX\xfa\xd5\x9f\xe8\xd6W\xa2\x93\x87\xc5\xc8\xa6\xa6\x052\xa6&amp;D\x14I+\xe3\x03L+-\xd14\x9c\xa3kYy\x15Q\xc4\xc3\xed/\x1f\xcb\x8b"\xe4b\xaa\x1b\x1bX\xb4a\xe9\x85\x189\xd0\xd4\xcdf;\xe9\xc6h\x9a\x9c\x08\x93\xd3\xf3P\xa8\x90\xc8\x17\x08U\xb3?]\xfeE\xa9\xe8\xd9\r\xd2\x9d\xa9&amp;\x81U\xb0\x04\x89\x82\xf3\x07\x88\x9eAO\xa5\xe9&lt;\xbf\xb6F\x110\x9e\xd7\x13\t\xa2Vb\xd6\xbdY\x01\xd6\x93\xe8]\x1b\\\xd5\x8dF\x95,\x8c&lt;\x9aB\x8a\xecB\xb8n\xb9\x1e\xd0\x056\x1c\x86\xdbf\x83i\xcaRUp\xe5g\xa3\xee\xcd\xd9*\xae\xe1\x9d\xdd\x8cF\x00\xdb\xd8\xa8\x0e\x0b!+\x910C\x82 \xe8\xban\x9a\xba\xa3\xb0\xb5\xb0\x94&amp;\xbd~:\xa42\x89DB\x1du\xfb\xdf\xcf\x96\x0fE:\xaf+p\x81\n\xebbB\xadV\x13\xaa\xac9\x98\x8b:ilHr!\x8e\x14Y\n\x11E\x95\x19\xb5\xea\xdf\xb7V\x83\xb5\xd7k\x8d6\x90\xf3C\xac\xd9*V\xa2r\x80\x10\x91\xe6A\x8aI4\xb9.\x05\xb9\xf2\xc0"TI\xf3\xeb\xd6*\xae,\xbe\xbd\xdb\x1b\xb7Z#\xa4Wu\xa829\rX\x8e\r\xdfCZy\x05\xd3\x92f)x\xa3P\xc2\x0bak\xe4\xae\x08+\xfa\xbf\xa3\xf3\xe3^\x0br\xa1R\xc8\x96\xa61r\x0e\x96{\xf0\xd85\x03\x8ce\xd3\x14\x1fJ\xa8?\xa9\xb4\x15a\xdd\x1e\xb5\xcf{\xbd\xc6Fi\xa3\xaa\x16 \xd7\x08\xb5\xbec\x0f\x14\x9d\x08\x96\x82\x1bBy\xe0=\xadz\r\xd5\xd4\xf5\x15a\xfd\xe7\xe9\xcbR\x0b\\\rd=\x93\x89W\x8a\xbd\xde\x98A/#(\xf63%E\xee\xe3Q\xa8Wj\xb5\xd1k\xa9\xba\xb52\xac\x7f?=*\x96\x1a\r\x02v~\x8e\xcey\xfbx|U,\x9b\x96\x90\x8bDr\x01\xedYL\xd0\x0b\x89*~\xd0`\x88\x11YUn]&lt;=*\x91\xba\x05\xb0\xdeq\xa9t^|\xbd\xb7\xdd\x81K\xb3d-\xd7\x89h\x11\xf4\x0e\xa0\x02\xb4\x8aZ\x8b~keX{\xe7\x1d\x19\\\x04\x0c\x99\x7f~u\xd5QQY?Z\xb0\x1fZ\x0e&gt;r\x88o\x1a\x1b\xc3\x02\x99\x91\xa1\x15\x05\xf1\xc9\xc5\x9f^\xed\x1d\xbd,1U\xac@$\xc1\xaa\xd5\x12\xb4\x02\x83U\x1dv:\x90\xef\x1c\xffG\xb9%\xdb\'T\xc8\xd2VSN}\xff\xfa\xdb\x9b\xa7{{o:Lu\xe8eP\xb5\xf0\xf1q\x0c\xe5\x8f\x85a\xb5w\xdckx+\x13\xd96\xe4C\xa6\xb9\x12,\x18\xd9?\xde\xbcz\xfe\xeayQ\x1e\x82\xeb1\x90C\x0c\x08F\xa8\x1a\x8fP\t\xcb\xdb\xcb\xa4Bf}eX/\xf6\xfe\xfcb\xef\xa8 \x0fe\xe0&lt;\x86\xf2q4\xbc\x8f\x80BH\tT0\xcd\x97\x8b+Y\xaa\xd1q\xfd\xf1\xe2\xe9\xf3\xbd7o\x90F\xaa&lt;\xf44\x1azx\xd5G\xd5\x86\x05\xcb\n!\x824\xb8x\xa6\xfc\x7f^\xce74\x8a3\x8f\xe3\xc4\x16\x03\xc1\xb8g6iDY\xa4\x97\x82\xe6\xc56\x84\xe8\x8e\x0e\xbb\x84\x9d\r\x0c}\x91\x80\x99\x1d3\xb3\xcdeggw\xc6\x99\xcd\x18\xe6o\xcde`F\x1a\xcc\x82%-\x92\x05\xc3\x1c\xb2\x08\r\xd8z\x175W\xd3\xa4h\r\xc6F\xbd\xd8 Y\xfa"H\xdex\x1e\t\\\xefE4\xa7\x89\xa7\xe1~\xcfz/z\xdc\x1f\xbc\x9e\xe6a\xd9\x85\xbcx\xf6\x93\xef\xef\xfb\xfb&gt;\x0f\xcf\xce\xcc\xaf7gc\xd38\xe8XY,\x1b\xb7:\xb34\x85\x8e\x95\xf6WT\\\xbe\\q\xf9\'\x03\xfc\xff\xee/vm\xeb\xdaU1p\xa4\xed\xc8\xa6l\x03a;\xff\xc0\xca\xca`\xf9\xb3\xd98\rQ\xb1\x7f\'\xfaU\xa3\xab\xab\xeb\xa3\xd2\xc18l\x1e\xf6\xa3\x12n\xdb\xb5m\xdb\xee\xb6\xce\xb6#rn\xd3\xb0\xa8\x81\x91\xe8@*K\xcb\x9d\'\xb2Y+\x92\xe9*\x8d\x8f\x10\xdc.\xf4\x1b\xcf\xce\n\xa0\xaa\x8dDd\xf9]K\xfe\xf6\xdc\xa6\xdc$\xd2\xfc\x80\xb2:\xe5\xa8L\xc5\xc7\xe4\xf7\xb6\xd3qS\x8d\x1eDP\x88\xecPW\x17:\x86FX\r\x91\x06\xd9\x8a\xeeN\x99\xf2\xa6`\x95\xf7\xfe9k\x8d\xc8)Z`\x04*n\rDM[3\xd3\xd1\x83\x87\xba\xde9\xd4\xd5\x87\xe4B\\\xb5\xb5\x91D\xadhFj\xdb&gt;\xd8\x14\xac\xf2\xc6ky\xda\x1a\xe9\xcc\xc6\xc5\x86\xb6\x93\xedT\xa7,\x10j\xdaL5\x80T}\xfb\xf6\x95\xb8v\xb6E#j:\x93\x890\\TN\x8976\xe1\xce\x95\xc6\xc1\x07\x82`\xc9\x9d\x14-\x98)*\xde9p\xd2Ld2\x89\xd6\xbeC\xef\xb4\xa2+\xef\xfa@\xad\xbd\x03i\xc6Q\xc5D\x1a#8\x0c\xc3\xee\xbd\xe1\x1bD\xd05\x1a\xb7\x1f@\xc4S)\x8b\xa20,\x17\xa7\xe5\xb3\x03\x11\xce\x962}\xad\t5\xdd\xb7/\xd3\xd0P\xb1k\xa7\x9cH\x13\xba\xadI6\xc1\x88\x18\'(\xe7\x1a\xdf\xe4}\xba\x8d\x8d\xcd\x837\x0c\x08RA\x10\xb2\xb2,\xd2L4\xdaFa\x16] r\xaa\xca\xd9\x99}\x193\xd3\xb5\xed\xe0\x91H\x83\x8a\xdb}\x994I\x88\x1c#Rn\xfe\x0f\x83o\x8c\x0b\x94\xfa\xf1+\xe3\xdb#\'hX\x10\xe3\xd6\xde\xbdQjL\xac\xcd\n\xa6\x8ca\xa6\xc4\xf6\xf5\xed\xfb$\xc3I\xad}\xad\xe9\xa8\x99\xd3\x15BUM\x82\x17\x191\x95\x120"\x7f\xef\xc7s\xbdo\xe6"\xdd\xe6\x17\x7f\x11#\xd1\x01\xaa\x9d\x16\xb2\xf1\xd4\xee6Y\xcd\x16l\x8b\x8e\xb4E\xb5\xb4j\xaa\xe9\xb4fk,\x0b\xc5\xe4l]\x93T\x9c\xd4\t\x02j\x98\x931\x02\xc3\xac\xf6\xc3\xf7z_\xbb\xc7\xd0-\xc1\xab\xe1\xf9T\xe4\x83_}\xdc\x1e\x17\x18\x9a\x89D)\xce\xc4D\xcel\x88F\xd3\\\x0eZOMd$[J\xd8\xa2\xcd\xf3\xa4\xa6r\xba\xe3\x128\xc1\xc9)F$\xc4\x94\x9c=\xb0\xfc\xbaO*\xcb{\x07\x97\x1f\xfb\xc3\xddX\xdb{\xdb\xcf~Hg\x85,\x95b\x04\xcc\xce\x91\x1c\xc6\x81"Z\xa2t\xad\xa9\xa4\xaa\xac\x9aSE\x05\xc7\x1d\x874H\x17\xc7\t\x13\xfa\x95!01\x97:\xe0[\x9d{\x9d\x1b\xd5\xc6\'s\x00\xe5\xf7\x85\x83c\xd1\xb6\xedgO\xd0T{\x9cb0L\xc0T\x91t\xc7\n\x9c\x94\x88\xe4\xb8\\N\x14mV#Y\xd5p\xf4&lt;\xae\x13\x0e\xc9\x93\xa4\x983-\x8aa\xcc\x88)\x1f\xf6\xf9\xfck\xa5S\xd4\xd7\xc1V\xfe\xe4\xd9\xf8\x82\x1f\x86\xaf:&lt;O\rl?\x9b\xa5\xb3c\xb4\x801\x00\xc6\xa9\x84;v\xca54)br8.j,\xc7&amp;\x88\xbc\xa6\x93\xa4\xc6{\x04A\x8aP\xde\x94\x95\xe2rj\x94\x9a\x82)\xfc\x8f\x97\xe7n\xf76\xbe\x06O=\x7f\x1aX\xf4\xf9C\xc9\x10pu\xc7?&gt;\x99\x82\x84\x883\x10\x12\x0cC\xe0\xb6\xcd+\x18\xe1\x18\xb6\xad\xa9\xa2H&amp;l\xa9O\xd3u\x8ft4\x87\xf7\\\x9c\xc08\xd3\x94\xadT\x8e\xe1\xcc\xf6&amp;\x98\x01\xc6\xc2w+\xcf\x1b\xff_O=\x7f\xd6SV3\xbb\xf0\x0f\xac\xf0\xfc\t*\x05\xf1\x00\x89\x85a"\x03r\xd8\xa4\xcb+\n\x81k\x9a\xa4\xe5T\xd6\x1e\x92\x14\xdc1pG"p\xa8\xa1\x82\x89&amp;g\x82\xe7qudO5\x9a\xc1\xe7\x0b\xcf\x9f\xbe\xfa\xfc\xe7\x1e\x88\xa3@\xef}\xf2\xec\xe9D]YY\xd5\xf7\xf7C\xb1d\x12\xfe\xd7\xeay:\x9b\xa5G \xb88p&lt;\x83A\xcb\xe1\xbc\xeb\x16\\\x87mU!\x14$\xfb\x13\xc9\xd1\r]\x91t\xde@\xd6\x128.\xd7\x90\xc202wt\xd2_\x12\xcb\xd7\xfd\xb7+uW\x9f=\xf9\x19aQz\x98\xc2\xe0\xf3\xa7\x13\x95UU[\xb7n-;\xff0\x14\x1b-\xc9\x15\x1c\xa3\x19j\x04\xe4\xa21X\xed\xa0\x8a\x88\xca\xfd\x8a\xf7\x862\x1a\xf8\xdd#Y\xc73\x8c&lt;\xee\xb9\xbaF\x14H\r#E5\xc2`"\x11\xdf\x13D\xee\xac\xf6\x05;\x1e\xb6\xd4U\xb6\x00X\xef\xff\xe4}\xd4)\xbd\xd7\x96\xd7V\x10\xd4K\xac\xca\xd9\xe9\xe4\xe8h\x12M;\x1fg,\x8a\x8e\x0b\x024\xa2\xe0B\x01q\xbe\xe0\xf2\xbc\xce\xdaP8\xd5\xc0=\xd20X\xf8\xa3\xab\x90&lt;o\xab\x84\xcd\xa59N$\x84=\x93&gt;h\xe5p8\xd81\xdf_\x87F\xcb\xd3u\xf4\x14\x84\xf2W\xf6xo\xf3\xdc\xda\xe3\x8dG\x81J\xc0z\xeb-\x84Uue)6:\x1a+\xc9u\x8c\x16\xad,\x04*&amp;\x14\xe0\xeb\x08\x82G\x82!:\x85\xb4u\xd2\x01\xb1&lt;\t\xd5VQx\xdcVU&amp;gr\x1cC\x1c\x9b\n"\xaa`\xb0ir\xe9|]Y\x1d\xbc\x8e/=^\xbb\xd6\xfcJ\xb5\x04\xfa\xe6\xb9\x1b\xeb\xd3\xa1d\xacx+P\xb9e\xcb[%\xae\xba\xc0bht\xb4TF\xdfT\x9cI\x01\x96h\tX.m\xb9y\x9eW\xf2\xa0\r|\xe06\xaex,d\x84RpZ9R)\xe4u=\x93S1\x1cr\xe2\x97\x93\xd5\x10{\xc1\xee\xa6\x8e\x8eY`\x82Qwz!\x14\xdaX\xbe\xdd\xfc\n\xee/o~\xb1Z\\\xb9\x03T\xc9\xe4t\xf1\xd6p\x0b\xc8UU\x07U\xbc\xb24:Z*\xa3\xaf\xfb@\x9c\x11\xc6\x04\x91\x11\nb\xc4\xc4\x08\\!\x08\xc31&lt;C\xc1=\x1c\xf7$i\x88u\\\r\xf2,_P\x1c;-q\x84B\xb8\xa7\xa6\xba\xab\xab\x83\xdd\x88j\xe9\n\xcc\x07\xa3~\xb1:\x94L\x16W\xd6\x97\xaf\xfd\xf75\xbc\xbc\xbcwnu#63\xfeh|&amp;\x99L\x86Bw\xae\x9f\xaf\x02\xc1`\x9a\xba\xc0\xec\xf4h\xa9\x8c~\xff\xe4g4\xd6\x0e\xa1%\x14r\x11\xd3\x02\xd7\xe7A/\x17\xd9L\xd7\xf3\x8aN\xdaC\x86B\xe2\x04\x0fX\xbaA\x8a\x04\x0f\x89;\xd5\x14\x0c\x83T@\xb50{\x069\xab\xac\xee\xd2}\x7f(\x14\x8b\xcd\xccl\xac\xae!\xb0\xf2\xffp\xe2Q\xde\xfb\xe4\x8f3~\xa4\x13\x02+\xde)^\x1f\xae\xdf\x02TUU0I\xe50\xc8\x15\x8b\xc5\x00+\xbc\xe7(\xdd\x0e\x8ew\t-*\x03\x96\xe2\xf2.n\xe0\x85\x02p\xe1,\xcb&amp;\x86t\x9e4\x90\xe5\x94\xbcG\xe2:N\x10\x87;\x82\xe0*\x80\xea\x08/\xdd&lt;\xf3\xb2\x86\xfd\x0b\x90\xd13\xa80\x8fg\x8a\xa8-\xcb\xff\xfd\xb6enm\xfd\x11\xe8\x04X \xd8\x0f==\x81\x1a\xf0\xd6\x96\x9a\xfa\xfa\x96\x96\x96\xaa\xaa@\xff}\xe0J"\xb9\x9a\xde?\xda&gt;Vp]\'\x01\xeb\n\x83\xe7q\xb0\xb7b\xe4\xe1\x8d\xf7t\xdc`\xd9\xbc\xe2i\x84\xee\xea\xac\xa7;$\xacC\xa7&amp;\xbb\x91\xab\x9a\x9a\x9a\xaa\xef\xf7\x9fA\xd6\x82\xd7\xa5\xeb\x8b\xf7\x17\xc6/@ \x16W\xae\xde*.\xff\xeb\xc3I\xd0Sh\xce\xadm@\xd9f\xc6W\x1e]\xb8p\xebjO}\r\x1a\xf5\xc3\xc7?\xbf\xf8\xc57\xbf\xfd\xe6\xee\x95\xc0\xa7\x8b1\xc0B\\\xbe\xa9\xaf?\x1b;U\xc8\xb3\x89\x88L\xa1\xe8\xc2E\x02\xf7\xec&lt;\xee\xe6a\xdb \xd9\xa4\x927tGq\xd9!O\xd7\r\xcf\x81\x12\x96\\\xd5\xd1\x14\x9e\x9e\xbdY*aI\xaf\x96\xe1\xef\x87\x87\x97@\x85\xf5\xe2tlt\xf5E\xf3?\xe5E\xa9\xfb\xd6\xd7Q\xd9\x8a\xe3\xd7\x8f\x07v\xecx\xbb\x06\xa8v\xf4\x0c\x7f~\xf7\x8b\xdf\xff\xf5w\x17/\xde\xfdM;}:p|\t\xf5b\x08\xba1&lt;\xf5\xf5\xd1S\x04\xcbJj\ny\x0b\'a\xdbnx8\xcf\x83\xe1UI\x97@;\t/\x18C\xacg8\x8e~\x0c\xa8J\x05\xec\x08N/\xde|\x89\x85\xc0\xe0\xb3\xaa\xb2\xfe\x87\x0b\xc5\x19h|\x98zc}\xee\xa7[k\xd8u\xae\xce\xdc\xb9p\xbc\x07\xea\xb6\xe3\xd3@}}M\xfd\xdb\xf5\x13=\xfdw\xbf\xfc\xf2\xf4pO\xa0\xa5&gt;0q\xa9\xffO\xdfML\xf4O\xc7\x92~?\x92\xab{\xcf\xfbcl&amp;\x01\xab`*\xa7z\x9a\xaa\xd9\xa44\xe4\xe8:\xc4\xbc\xe6\xe9y&gt;\xef(\xbc14\x04P\x0e~l\xaa\xe3%TG0\xf4\xf0\xe6\xcd\xf3\x95\x95--\xe7\xffN\xb5\x19\x85\xb4\x91\xe7q\xdc\xc4d\x88\xe5fe\xa2s}X\x86\x85fa\x1d\xb8\x9c,\xb2U$}\xf0:\xa5\x0fG\n\xed\xed\xae\xd5\x87\xdb\x9ez]\x97\xb4Ckz\x0c(\xb8\x0f\xe3\xedJe\x03\x83\x85\x04\x07\xa6/\xf3\x90\x193;\xc142\x86\x1c\xb6h*\xd6\x84-n\xe4\xe2\x8a$\xd73\xd7M\x17\x85\xba\xeb\xf5\xee\xe4\xe8\xfd~\x13\xb5{\xbf\xd0\x88\xc5\xa6\x9f|\x7f\xdf\xff\xf7\xf7\xfb\x07\xe4\xb00\x17I\x9a\xe57V\xe6\xbf}\xbc\n\xb2\xfc\xf8\xd3\xf7_\x1d\x9b\xff\xfd\x7f\xfe\xfb\xdb\xf9\r\x8b\xa5h\x96\x01\xa5h\xf8\xca\x0bzJO\xf1\x94\x95\xd2\x19\xd2G\x02\'\x9d\xb9\x92\xb5\xf8\x9d\xb3gae\xc2\xc5\xab\xe3\xd77G\xec\xe1\xfc\xa7k\x17\xc7n\x8d\x8d\xf7M\xf7\x85\xc7g\xc6\xfa\xc6\xa7\xbbG\xc6\x07n\x80\xa3f\x86\x1f\xcd&lt;\x0b\xdf\xeb&lt;sB\xd5\xd1\xb2\x93\\N\xaa)C\xcbd4\xa8\xbc\x99\x92\x04x\xdf,KE"\xb1X\xc4\xb2\x16\x97\xbe\xfe\x11\xe3\x02\xb1\xfe\xf3*\xc6\xb04`C\xdf\x80\x8a\xa6\x19)\xa5\xeb\xe5W\xf0\x8d\xf4\x9b\x1bF\x84\xa0#P\xf9j\x96e\xd2\xcf1\xa9q\xdc\x06z\x1f\xfe\xf1\xfa\xc5\x11\x18\x8b\xd7aM\xee\x1f\x1e\xbe=&gt;~\x0fft8&lt;p\xfd\xcb\xcf\xc3\xb7P\xb9G}\xf7\x06:?\x05*\xf4\xd5BoG\xf3\xaa\x94\\.V\x14S\x14\xf3y\t\x0bl\xab(\x86)D\x18&amp;\x02h\x14\x8f\xb2\xfd\xeb\xef\x7fA\xc1\xf6\x19\x90\xd2\xebt\xbb\xdd4\xed\xa2h\x17o\x1aY\xbe\xf6\xf4I6b\xe5&amp;\'\'e\x81\x85\xc6Z\x99\x8aE\x92dz\xa7\xd9\x1f\xf2\xb7\xb6\xb6\x06\xfc\x1d\xebWa9\xb8s\xa7\xe7\\\xff\xe0\xe0-0\xf6\xc8\xbd\x114\xfc\xb5k\x9d\xe1\x99\x8b\x17\xe1&lt;\xce@f\xcc\xa1V\x1d\xbd\x0b\x0b\x0b\xbd\xfe-\x91\x17\xab\xc54\xc7\xf9\xa4\xea\x87\x12\x8c\xeb\xb8\x18KJ\xba\x9e\xcfd\xd4\x08uT\xd6FA]\xfd\xfe\xab\xf7\x1bX`rB\x14\x00\x96\x0b\xce\x9e`\xe8\x16\xab\xff\xf0\xf4\x87\'\xaf\xf4\xee\xb9\x89\x89\x89\x9c\xca\x91,_2Y\x92\xf4\xf9\xd2;\x9b!HF\x9bk\xf7\xda\x9f?\xbb\xd338\x14\x1c\x1d\x1d\xea\xef\xfb\x07\x80\xc1\xe60v\x156\xd4\xe1\xfe\xbe\xe9\xa9\xe1\xeb\x9d\x9d\xf7O\xa8\x16B[k\xcbR\xb5\x88\xd6\x12\xabg\xde)\t$\x9f\xf94\xcf\x80\x12\x11^\xab\x18\x16\x1c4\x17r\xd1Tdv\xe9\xa7\xff6x\x9d\x80\x85b\xb9\xb1\x8b\x82\xa22Tv\xaf\xfc\xe2\xbb\xef^\xec\xbd4\xab\x13\x93\x0f.\xaa\x0c\xa3%P,\xaf\xcf\x17_\xdc\x02.\xc0\n\x04B\xeb\x87\x1f\x7fq\xe9t\xfb\xd0\xef\x7f\xd96\x1a|\xf4h\x1a\xa24\x0c\xdb\x15r\x06\x87\xda\xcf}\xfc\x87\xb9\x85\x8e\x0e\x1b\xeb\xe1\xc3\xd0\xaa\xb8\x1c-V\x93\xd1(+\xfdU\xae\xbcs\xa6\x92\xcd\\\xbe&lt;\xa7\xb3\xe0y\x8a\x11K\x1a\x00B\xa124[X}\xdc\xe0\xc4\xcct\xd36\x16\xcd+:\xcbZ\xb5\xb2e~\xfe\xb7\xa7\xcft377\xf9\xe0A\xa7\x9a\x92U\x92\xb5\x8fP\xb20\xbf\x14\n\xb56#\x97?t\xd8s\xba\xbdkh\x14\xb1\xa6~\xfbhjjz\xe8\xedS]\x17.\\\x08\x06\xfbO\xf7t\xae\xf7\x9ePm\xce\'\xa3\xcb\xc9j&amp;\x1a\xf5\xa5\xab\x95\xact\xe5\x83\xcb\xb7s\xb9\x89\x89\x92\n\\\x14\xcd\xacU\x05\x97\xcb\r\\\x08\x02q9\x8bX\xb4-\x16|O\x99\xb5\x88\x974\x9f\x19)\xa3:\t\x8d\x0c\xa7\xf4Jw\xc20sz\xac\xb0\xb2\xb2\xb2\xb8\xb88;\xbb8\xbb\xe5G\xdb\x07\x02\xd0\xc9\xdd\xdb\xa8\r\xdc\xa7GG\xa7\x80\xad\xff\xed\xf7Nuu]\x80\x9bu\xfbgs\xe8\xf5:\xd5\xc2\xee"\x17\x8dF\x93\xd5&lt;\x84{\xe9\xa6\xac\xe5K\x1fL\xdc\xd7\x85\xd2\xdd\xc9\xb1,\x9e5Z\xfa0E!\x94M\xe1v\xb9\xa9\x06\xa4r\xd24jE\xf3{/)2]*\xeb\xa9\x03=3\xf2\xf4I9k\tBl\xa3\xb2\xb3\xbf\xb3\xb3\xbd\xb2\xb1\x11\x8b\xc5!\x06\x17\x97\xea1\x81{\xf9\xee\xed\xd1\xa9\xa9\xb6\xb6_\xb5\x05\x87\x86\xba\xda/\xbd\xfb\xde/\xecOm\xbar\xeb\x90\xecGX\x0b\x9b\xb3\xb18`\xf9*\t\x1f42%j\xc5\xc4G\x13\x13\xb2\x9e\xb8\xfb\xe0\x9b\xbd,\x18\x8a\x15\xaf\xe86\xd61\x98\x1b\xb0\xbc\xb4\xdbiS\xd1\xc2\x8bWT$_\x128\xc6\xe27\xf6\xf7\xf7Q\xa1\xfd\xf9C#V\xd0\xf2"\x07\x9bW\x13N\rnm\xe9,\x96\xbd\x9b\xef\xce\xd8\xbf\xb6\xd9\x16l\xbf\xf4\xc5[o\xbd{*\xd8\xd66\x1d\x1c&lt;\xec\r\xe1\x1a\x83\x0f\xa0\x9a\x9f\x05\x91\x0b\xe9\xa4VJGE\xc9\x11up\xfc\xda\xcd\xbb\x93r\xa5{\xe0\x1b\xe4b\xf9b)K\xa1X.[2 \xb1\x9bH{\x91\xcb\xed\x8a\xed\x1d0\xfc\xda\x1a\xe4/\x13\x03q\xa0\xb2\xd9\x97\t\x8dur\xa2\x94\xac\xef\xcf\x1e\x8f\x83\xe0\xb6\x97`\x92}b\xaf9\xcd\x9b\xe1 ~\xae5\xda\xf5\x1eP\x81X\xa3C\xed_\xae\xe3\x1e\x03Q\x02\x7fz{\xa1\x83\xbed\x01\xda?\xbb}(\xc7\xbc\xf5\xfd!\x9e)\xcd\x95\x04!7p\xe3\x81\xc2F\xb4+f\x04\xd5\xb2\xa9\xd0`\x88\x05\x9a9\t\xa7\x1b\x02\xcd2\xf6^r&gt;\xa0"\x19\x08_\x1c\xd7\x82V\x86\xa4\xf7:IX"|DSS\x93\xc7\xe3i"\xe2\xdbK\xe7\xedB\xcd6_\x0f\r\x01W\xb0\x0b\x7fM\x11\xa0z\x0e\xd7C\x10!~?\x9a/\xd4\xb1\xb5\xe8\x80\xf7\xe2qD\x93\xe9\xc2v\xae2\xbf\xb8X\x00\xe1\xe2\xf1\xb4$\xc68A\xd7MS\xc8|dX\x90\\\xd8C\xfb8\xc2Pn\xb0\xd3\xc1\xe9\xf08-\x8b\xe1\xe2\x07O\x0ee\xff\xfb\xc9\x00\x00\x04\xa8IDAT\xb2&lt;l\xf1\x00\x05\x19\x12S\x8b\x9aE! \xa4\x03\x17\xf7\x126\x96\x87ppo\xb8@\xb0\xd7\xc3\xd0\xba\xd1 \xfe\xf6\xc5\x85sW\xd7a\x11\xb5\x0b\x8e\xab\xdf\xff\xbc\x80\n{&lt;Q\x0f\x88\x94\\K\xc8\x06\x9e\x1b\xec*T\x81\x8f0\xe9|\xaeb\xc2\xec;V\xab^\r\xa4\x9d\r\xdee\x1f\xe7\x85\x08\x10R\xb5\xda\xc1\x81\xaaf\xb3&lt;L/\xa5\xac24\x18R`\x04\xd1\xd4*\x1cq\xc4\xd5D\x80\xbf\xce\x9f\xff\xfa\x98k7\x0c\x8ej\x03\xa8\xd3`u?\x1c\x05\x1b\x0b\xa0\x02\xab\x02RE\xf1\x1fa\xf3\x92b1\x91\x97\x84x&lt;\x1eK\xa7\xc1#\x92&amp;Wd\xd3\x8aX\x0c\x08\xc1P\xf5\x16\xe2S\x83=v\x9ct4\n3\x08J\x90\xccr\xb9V\xab\x95\xcb\x8a\xa1\x0b\x16\xc3r\xaa\xa0)\tyDVr\xa2\xf7\xa8\x8d\x1e\x02\xb8\xb6\xce\xdb`u\xf3\xbf\x1e\x1e&lt;=\xd8s\x15\xa1P&amp;\x84\x02\xaa\xcd\xed\x18\xe19.\xdcf`N\xac\x15\xe5\x84\x06sQ\x12\xf3\x19YN\x98\x02\xcf\xa4S:D6\x14U\xef"by1K\x9d\x8d\x04\xac?$\x82\xb1\x0c/\xa8\x92*\xf00:yA0%YI(\xf7\x06\xba\xc3\xb2\x9c\xe7\x00\x0b\xde&lt;\x90\x11MNq\xeb\xc4_\xb0\x83\xedv\xfe\x0e=u$\x94-\x95\x7fi\x96k:\xa1\xf2$\xc5\xa4\x94\x8es.NZ\xcb\x14\x8bE9\xa3\xe5%\xb0\x14\xc9\xb1\x92\x01\x13\x0f\xb1H\xaa\x1e\xa0nW\x83\x0f\xf3\x0c\xb0\x1a\xf1\xbd\xa0^\x00\x16\x11T\x8a\x12Um/l\x8c\x1d\xc8\x07\xb2b\xa6D\x01^\xd2\x8b]\x04\xbd\xe0\xd1\xe4\xf0\x15V?\xb1\xb9`7l\tt\x80\xcd\xed\xbb\xbc\xed)\x84\n\xac\xae\xf8l\xb7\xd7\xabI,)\x95TQKi\x02l\x7f\x1c\x87\x86\xf5r\xc0\x02\x0b\x1d\x9f\xb5\xa9\x18\xd2e\x87\x16bE\xbd\x98X\x8d\x84\x13\xee7`.\x9eW\xc5\x8c\xa6\xd4tN)\xef=\xdbS\x94\x9a\xa2\n1x\r\xc87/\xde\x19m\xaaz#\xd3;G\xc6o\x0e\xf9\x9b\xeb\x9f0\xb4\x1e\xf7/\xb0\xb4-\xf8\x1c\x9e7XD\xb1\xd2-+\xa5\\.\x91\x89\x8bE)#J\xb1x\\\xe0\xa5\x14l\x9f\xc7\xc5\xd2Gj\xb9\x1b\xa2\x0e\xc8-\xda\xeb\xf3\x12\xb0\xcb\xb2f\xca0\x94\xee\x84R6c\x89rYUU&gt;\x12\x81\x1c\x01\r\xf1*[\xcf\x88c00\xfe\xec\x16\xe4WK \xd0b\xef\xf8\xcd\xf6\x08G\xa5\xfc\xcd\xab+\xe4\x1b$\xdbZ\xb0fe\x94DBN\x14c\xc5NenN\xc9hR\xae\x9cQL\xc50$Q\x85DbX\xd2u\x8c\x05\x17$\xc4\x82\xb0\xc4\x00W\xf6n\xd7\x12\t#\xa5\xf3\\\x9a\x07\x8d(\x9c\xe9n\x1c\xe7p\x91\xc5\x1b6@A\xa8\x1e\x1dHl\xe4\xd9\xe6@K=\xf2mGa\x86\xfa\x03\x8fg\xe3\x84\xe3\xe7X\xf0\xda\x84\xd7\x8b\xb3^\x10\xd3\x1c\xdcZ\xa0r9#g\xc8\x8a|?\x07OJ\x04\x96c\x96\x83\xd4rcb5D\x97\xa1\x8dn\xd8\x04ArO&lt;S3\x0c5\x8e}\xa7O\xcai\xdf\xf9\x81\t\x1fu\xb9\x8e\x9c\x0c\\\xc9\xed\xcd\xfa~_\x87\n\xc1\x96\xd8\xf2x^\xf0B\xff\xde`\xe17\x0e\xf8iG\xfd`\xf9\x00/\x9e\x94\xcc5MN%\x14\x03\xce\xa3,\xcbY\xc4\xf2\x9d\xa8\x05X\x0e\x12\xe3\x12\xfd\x19M\xf2\xe0E\xd8\x1c\x1b\x1bQ!\x04\xc7\xa7:V\x9d\x8c\xf8\x99\\\xf8?q\xe2\xf3\xd6f;\xaaP\xa7V\xb8\x92\xceo\x90\xc4\xff7\xd0S?$\x0e\xc2A\xe0\'\x1a&gt;\xc2\x07\xdd\xc1\xcd*\xcec\xc5\x04I\x15a\xa9\x87+\x07}\xe4\xf9\x06\xc72\xb6\x11\xfe\x06\xafoQ\x87\xfd!\x0fP\xd9X8\x98\xec/\x8d\'\x85\xa6w\x1c\tV\x9f*\xff\xeb\xc2\x8cm\x18\x06\x81(\xea31\x12\x05E\xf0\x08TY \x13x\'\x8fBF\x88\xe4\xde\x13D\x91R\xa4L\x11Y\xd9%\xf7\xef\x0e\x1c\x85\x82\x8e\xd3\xd3\xe7\xf3\x0f`\xe7\xbf\xc5\xeb|\x14\xc7\xf3c}M\xb0\xc3\x1fU\xe0U@R0\x8fJ\xf8\xa5J\xb8\xc6\xf1#&amp;\xc2\xef\x11\x0f4\xcd\x87\xa1\xcb\x90+E\xe1\xd26\xaaX\xc6e\xc3\xf5U,TV,2\xd7 Z\x11X\x80Z.QR\xa1X\xb4W*\xc2"F\nB\xe5\xb3S\xb2~:En\xc1\x8c\xc5\x1d.!\x9f\x06\xbd\xcdt\x99n\x05\xbf\x15\x1er\xe5\xd2\xb0\xfa*S#\xd3\xa1\x85i7\x18\x9f\xc8\xf4d\xc1\xc6\xf1\xbe\xcc\x80\xdacAE\x83\xad\xe4\xf8\x86\x86U\x15\x03V\x1d\x1c\x06&lt;\xe9-\x99\xd5"\xc8\x95y\xdf\xf5o\x80\x8a\xa9\xe5\x1a\xca\xef&amp;:\xab,r\x91\x19\xcc\xa7\xebg\xdb\xd6y\xaaPdF\xd7NHA\xd6\x84\xba\x14L^+\'\xc5\xc2,\xcdO\xb0\x0eG\xfa\x02cX\xf8TR\x10\x8b\x85\x00\x00\x00\x00IEND\xaeB`\x82'</t>
        </is>
      </c>
      <c r="M197" s="3" t="n">
        <v>45492.67627314815</v>
      </c>
    </row>
    <row r="198">
      <c r="A198" t="n">
        <v>811308</v>
      </c>
      <c r="B198" t="n">
        <v>49202</v>
      </c>
      <c r="C198" t="inlineStr">
        <is>
          <t>Clayson</t>
        </is>
      </c>
      <c r="D198" t="inlineStr">
        <is>
          <t>Clayson</t>
        </is>
      </c>
      <c r="E198" t="inlineStr">
        <is>
          <t>PE</t>
        </is>
      </c>
      <c r="F198" t="inlineStr">
        <is>
          <t>ATA</t>
        </is>
      </c>
      <c r="G198" t="inlineStr">
        <is>
          <t>PE/ME</t>
        </is>
      </c>
      <c r="H198" t="n">
        <v>166</v>
      </c>
      <c r="I198" t="n">
        <v>25</v>
      </c>
      <c r="J198" s="2" t="n">
        <v>34776</v>
      </c>
      <c r="K198" t="inlineStr">
        <is>
          <t>Both</t>
        </is>
      </c>
      <c r="L19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51d572c2-1c9c-4348-bc15-1712bed806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pD\x00\x00\x00&gt;tEXtComment\x00xr:d:DAEewil2SDw:3197,j:2859061571337059036,t:23090301\x03\xa6\xfc\x13\x00\x00\x00\tpHYs\x00\x00\x0e\xc4\x00\x00\x0e\xc4\x01\x95+\x0e\x1b\x00\x00\x03\x00PLTE\xff\xff\xff\xfe\xea+\x19\x18\x17\x1d\x1b\x19\x13\x11\x0f\xff\xf82\x10\x0f\x0f\xfe\xfe\xfe\xff\xf6/\x14\x13\x12\x16\x16\x14\xff\xfe7\xff\xfc4\xff\xf4.\xff\xee-" \x1f\x0c\x0c\x0c\x13\x8bR\xff\xf52\xfd\xe6(\x10xF\xcf\x9ar\x12\x86P\xc1\x86Z\xcd\x97n+"\x1c\x12\x80K\xd1\x9bv#\x1d\x18\xbd\x83V\x1a\x16\x12\x0eqA\xc6\x8c^\xd6\xa2z\xe0\xb8\x8f\xfe\xf98\xde\xb4\x80\xae\x86`\xfe\xf1/\xfe\xfd=\xd0\xa0x\xb4zL2(\x1f\xb4\x8cg\xfd\xea0\x10b;\xba~R\xf5\xe0.\xca\x92b\xc5\x8ff\xda\xb2\x847,#\xc8\x95n\xdd\xab\x88\xba\x91g\xc7\x9fm\rj=\xdf\xb6\x87\xc1\x96fsXC\xdb\xa6z\xa8\x80Z\xc0\x93_\xfc\xfb\xfb\xca\x93hTC6`K;\xf5\xda$\xfb\xe5,\xfb\xe0$\xbb\x86]\xdc\xb0yA5+&gt;0$\xdc\xa8\x82\xad{W\xbf\x8fm\xa8sF\xc2\x95s\xc6\x9bf\xd5\x9ew\xc8\x9av\xfc\xf46\xa4lBK&lt;.\xb5\x80\\\xabwO\xafuG\xf7\xf6\xf6\xe3\xb0\x88lP:\xca\xa4t\xa6wU\xc2\xaf*\x9bsQ\x93mO\xf0\xef\xf0\xee\xd5(\xd7\xa6\x80)\'%\xd2\x95i\x18wH\xb5\x85c\x95v[hG1\xbe\x88d\xda\xb1\x8b\xf4\xe95\x8cgH\xd1\xaa|\xc1\x99l\xc6\xa5\x87\xd6\xad\x80\xd0\xac\x85\xfc\xed4\xdc\xd2:\xe0\xab\x81\xd4\xc45\x9fh=\xee\xdd1\x9fnK\x9f\x8e*G6$\x15\x92X\xacmD\xbe\x8ec\xdd\xcb+\xe6\xd73T&lt;+\x91`9\xd0\xaf\x91\x98b9\xcf\xa3\x80{S6\x9fyW\xb2\x7fR}_H\xaejY\x8aY5\xce\x9bj\xd5\x9bp\xc8\xa1{\xdd\xb9\x99\x93\x85*\xbd\x8fX\x80fO\xc0\x9f}\xf5\xf3=\x88iP\xd0\xbc\'103\xb6\x93s\xa6\x989\x98hB]B.\xe8\xb6\x8f\xb8vX\xc8\xba8\x08^4\x1aj?\xb8\x89T\xd7\xa8q\xbe\xb0:\x9d~a\xb1\x9f0\xd8\xda\xdb\x97\xab5iTD\xe7\xe6\xe8\xcd\xb0\xa6\xa8\x88j\xb6\xa9\'\x80Z&gt;\x89^A\x81vi\xbb\xc12\x9a\x86q&lt;j9sL3\xe6\xce)qbR\x8bnW\xa4\xbe=\xeb\xea:\x8dyftqw\xe9\xe0&lt;*k&lt;\xa8\x9a%\xd4\xa3j\xb5\xa7=[Z^\xa0\\J?::wo\\\x84\xa8&gt;+uH\xca\xcd\xd1\xa8\x8fu\xeb\xe0\xdbj\x97?\x10V38\x89N#\x82L\xb0\x99\x80\xa1\xa1\xa8\xe0\xce\xc7vg \xb3\xce&lt;\x8b\x84l\x8ax\x1c\xc2vl\xbc\xc2\xc2M\x8187\x80@FDJ\x87}2\xd9\xe2&gt;\xcb\xd49(]1\\\x8e7\xce\x7fxQ\x95H\xb2\xb5\xb9\x85\x81\x85\xb2\xac\xaajflTM#cY!\x91L@VvNy\x9c\x8a\x8e\x8a\x8f\x99\x99\x97\x82\x96+at \xf0\xef\xd3\xe2\xbf\xa6 B*\xce\x8f\x81\xf8\xf7\xe7b\x91kYUJ}\xa4U\xe5\xe5\xb4\xb9\xdcMyr=\xec\xe2\x8f\xc8\xcf\xaf\xe8\xeeOHwc\xb5\xc1\x89\xba\xa7m\xc1\xc5r\xe2\xd7\\\x9b\xb5f\xc5\x97\xad\x8d\x00\x00 \x00IDATx\xda\xc4\x99\xddKb\xfb\x1a\xc7\x87\xb5\x16k\xb1\xd6\xcd\xeaFRR\xc9\x01\xc1\x12"\xc9\xe6\xc0q&lt;\xa9\x17\xe2[\x9e\xa44\x0b\xc9\xd0\xc1\x97!ho\x88\x90h\xc0^,\xb1i\xb3\x1b\xc4\xa8\xb99\x10QD\x1e\x0e1B^I\x07\xda\xe7f\xbb\xaf\x02/{\xb9\xaa\xdb\xfd\x17\x9c\xef\xb3\xec\xcc\x1c\xce\xed\xd9\xaby\xd0\x9f\xb9\n\xfc\xf0\xfd&gt;\xbf\xef\xf3[\xf9\xea\xd5\xffY\xc2\xff\xd6\xf3\xc5W\xdf\xb3\x04a\xec\xf4\xf8\xf8\xf8\xf4\xfa\xe6\xf6\xf6\xfe\xfe\xfe\xe6\xfa\xfa8\x1e\x8f\x8f}\x03\xfc&gt;P\xf3\xc7\x8f\x9d\xab\xdaU\xa7\x96\x96\xa9jW\xb5N\xeb\xe1\xe1\xae}s|Jp\xdf\x07J\xb8n\xd6\xb8\x1e\x14\xcfs"~\xe09\x89\x11%\x86aY\xb9\xd6\xba{\xba\x99\xff\x0e`\xc2\xd8\xfcm\x87\xefQ\x8a\x179Q$6\x91\x91\x19\x91\x91\x18V\xe2E&amp;\xdd\xba\x89\xbf&lt;\xd5MK~\xa6\x02\x97$I"H\x18\x89\x95y\x91\x15\xe9\xad\xc4\xf1\xb5\xa7\x17\x16L\x88\xdf\xd6z\xbe\x16\xcfC\x1fI$\x03\xf1\xe0a%\'\xe2-\xd7#7\x8f\x85\x97l\xab\xf8\xcdW*\x1eZq\x10J$\'\xf1J\x06J"]ay\x9em\xdd\xcf\x0b/&amp;\xd5\xf5c\xad\x87\xff*\x95\xc8\x10\x8e\xc8QwI,\xd1\xd0;\x92\x8e\xe7\x18\xf9\xf1\xa5\xb8\xe6\x1fkh$49\xa1\x11\n#q\x00\xe19\x9e4\xc2;j/\xea4\x05.\xfd\xf4"\\B\xbc-\xf3\xddR\xa4\x82&gt;\x92\xc4\x13Z\xd7E\t\xad\xc5\x93P$\x17:_L\xdf\x9d\n/\xd0W\xa7\x1dI$ \xd2JI\x03\xec&lt;\x8ep\xc0 \xd1\x9ed\x14J\xda\x00\xb4J\x92\xdc&lt;U\x7fC\x8e=1\x10J\x14\x15\x17\x15qX\x916!\t\xc50\x1c.\xb0XY\x96\xa8X\x82d\x18\xb9u=\xa62\xd7\xd85\xba]\xc1"\xb38I\xfc\xcf&amp;\xe4\x14"x\x8a\xec\xe2$\x19Q\x8f\'\x8a\xe8\xd8\x96\xcaA!\x08m\xb9Gi,E/\x0e\xa1Ij\xf1d\x16\x08\xd2F\x0e\xb31\xcd\x89`J\xd3\xa0\x04\x1d\xed\x82Z;\xaen\xb8_\xb7DB\xe2\xba\x9bP\xa4p\x97\xbb\x92\x19\xc1\xa0`\xa5\xd3\x1c\xa7O\xeb\xf5\xfa\xb4\x82\x05?%\x066\xaa\xa9\xd5\xf5\x15\xafd\x025VO\x0fu:\xc7\x1b\xc9:\x961\xb2\xacQ\x06\x90^F&lt;\xb0iFdI-:Y\xc0\xddt;.\xa8\x18\x0ew"B]\x91I\xa2\x98"\x14#-\xac\xacgY\xbd\xd1(r\xb4rX\xa9\xd7\x18R+-\xc3]\xf6n^M\xb1j\x10\x0b.\xf2\x1c\x90\x08HO\xa5\xd3\xe9\xf4\xbaAZ\xf5zV\xcf*\xbf\xa0\x85\x12\x15\xfb\x90\xbcd\x9a\xea\x85\xaa0\xdfT\xce/|\x8f\xa2\x13\x0b\x96\xc1\x91\x11\xbf\x7f\xc5\xbf\xb2\xb225U\\\xf1\xfbG\x06\tO\xa7\xd0\xe2\x0f\x18#Z.\x8d\x92[\xaae\xaa \xdc\xca\xd4\xeet\xc02B\xa3\x91\x95b\xf1\xf00\x87\xba\x98-\x95J\xe7\xe7\xa5\xd2E.wxX,\x82\xd2O\x88:\xbdb1\x9b\xae\xd5\x9a\xa7\xeau\xd6\x03\x1dD\xc9@\x86\xa0\x0es\x17\xa5\xf3z\xbd\xb2\xb6\xb6\xb6q\x80\x9a\\\x9e&lt;\xc0\xcf\x95J\xe9\xa2tqA|+\x83z\xf4\x19\'\xb2\xe9N[5\x13\x85\xe3\x1a5\x16\xfa\xdd\xa8\x07\xd4E\xa9\xa2\xf0,/ON\x8e+5==&gt;9&gt;99\xb9\xbc\xbc\x01:\xd2\xae\xe8W\xc0$\x19y\xaa\x16\xd6\x18&lt;\xa4C\'g\xd4\xfb\x8b9@m,\xa3\xbe!M\x0f\x0c\x0cL\xa3VW\x89\x8c\xd8*%\x80\xe9\x8c\xa2\xc86\xd5;\xa7\xa2\xb5\xe8\x94\xc0\x19u+\n\x14J\x11jR\xa1"\xa8nM\x8f\xaf\x8e\x03m\x95T\x03\x98_\x87\xf9\xf8p\xaa\xdaT\x14n\xd2"\x19\xe8?,U\xc8?P)Z\xc5b@\xda\x1e\x18\x18B=\x83uE#\xd56*9?\xf2\xa1\xa6Z\x9c\nc\xed4bH7\xd5m*\xb2\x10Z\xc5b\xb1\xed\xed\xed\xa1!\x03\x98\x0c\xb4\x10\xdaP\x97m\x95\xc8\xc05\x88D}PkX#\xe21v\xf5d`\xa5K\xb5&lt;ILC\xdbCQ\x83\xa1\xd7\x80go/^\x15&gt;\x10\x02luu\x1a\\\xf5\xa2Nfk\xb7ja\x9d\xb60D\x06\x8b\x17\x95Je\xa3\xdbX\xab\xb1m\x83\x01L^o/\xd5\xcf\xfd\x7f\xe9\xef\'4\xa5\x86\xba^N\x17\x0eJ~\x96\x91\xdbj\xf5\xd6q\x07\x93\xc4ObU\xbaT\xe3\xb0\xcbk0\xfc\xad\xb7\xb7\xff\xe7~B\x1a\x1e\x1e\xee\xc7\xdaO\x05&lt;\x80\xd1\x06(,\x1c\xeaT\xc4:\xed0\xac\xd2Y\xb4\x0b\x977\x96W\xa7\x07\x86\xa0L\x1eD6&lt;\x87\x87]\xae\xe1\xff*\x90\x19\x94=\xd0\x95\xebQ-\x13\x8f\xafX=y\xb8\xd6M\xac.\x15&gt;\x1c:\r\xffyx\xf8\xafZ\xed\xce\x8ek\xc7\xf5\x0ep\xef\xde)\xba\x91b\xdb\x03\xb1B\x1dr5\xd5I\x08\x01\xf9\xc0\xa6)\x1c\xd6*\x94W\x93\x84\x05\xadl\xb6~\x9b\xcd\xe5r\xedh5;\xa8\xaeb;\x9a\x1d\xd2\x8b\xf6\xc1\xd0v0vp1\xc2\xb6\xd4\x99&gt;\xc8\x07Y\x1e\xf4\xe5J\x18{\xcfT\xc0\x82V6\x94\xcb\x06\xa94\x9a\x8f}\xcfX\xe4\xa7\xd2`\x14\x1a\x84\xe5\xd7wTJ\x88x\x93\x95G\xa6r\xe7\x07\x07$\x16\xf6~\xd7D\x85\xcan\xb7k5}\x9a\xbe&gt;\x8dV\xeb"2\x85\xc9@\xdd\x05\xb9b\x85\xf3\xa2\xaev\xa3\xd2a\xebA\x86\x87\x17\xf5B\x01T\xd3\xab\xca\xb8A\xc7\xdblvPi4`\x02\x15\xb0\xb4DFP\xdd\x980\x18\xb6\xb7\x13\xf5\x9c?}/\xa8\xb4\x11\xf5\x10\xab\xb4PX^.\x8cSR\x8ew\xd5\x82P\x90\nT\x96\xafX\x00\xeb6\x16\x05\xac\xc1\x1b\x8d\xce9\xa6\xd2mUz\x1ew\xd3:_\x11\x1e\x160\x9bc\xd34\x0b\xb7\rhx\xbb\xddB&lt;}]\xb1\xb0L\xf4MLLh\xec\xc3\xfd\x88\x07\x85\xcb\xeb\xf5&amp;\xca\xee\xf4\xa3*S\x11\xf90\xe8;,\xd5\x0f\n1\x1a\xce4\x0c\xa3y@\xf5\xf5\x99P\x16&lt;&amp;\x00d1M\x98\x02\x81\xc0[\x93F\xeb\xeaG\xd4\x1a\xbcyo&gt;\xef\r.xF\x9a\xea\x0c\xeb\xeb+j\xf8\x85B"\x08"B\x8b\x86\xec\xf6Hd\x17D)*S\nHXR\xa3\xa3\xa3?\xa4L\x16\x8d\xdd\xd5\x0f\xae|&gt;\xf4\xc1\x0b\x17}\xea\xdcd\x08\xb75_q\x96\xc4R\xb0@\xf5!\x14\x0e\x87\xf7C\xe1\xdd\xcdT*0\x9a\n\x04\x08\x0e\xeb\xe6f$\x1c\xc2\xe5\x08^``&gt;\x14\xcag\xb6\xcaS\x0fj`\t\xaf\xda\xb5)wI\x11+\x11K\x04\x83\t\xe7\xd6Q\xb6Zv\x94\x1b\xd6\xc5\xf5\xd1n\x05\x02X6\xc3\xe6d\xd5\xe1q4\x1a\xd9l#\xb9\x15\xcd\xe7\xc3\xa1\xbcs\xcf\xad\x92Z\x8f&gt;\xb7G\xf10\x98H$\xe6\xca\x8e\x93\x93\x13\xb7\xcf\x87\x8b\x8d_\xd7\xd7\xdf\x8f~\xad\xc5\xfd\xec\x9e\xc3\xed\xf3\xfb\xa6\xdc\x1e\xcf\x89\xa3\xbc\x95\t\x85\xf3\xe6\x86G\x15,A\xb8\xf3\xb9\x15\x0f\xc1T\xa8\xcfz&lt;\xee)|\xb4\xef\xca}\xb2\x07\xacg\xbdfFg^\xff\xb8\x7f\xd4\x00\xf1\x94\x0f\\\'\x0e\xc7\xac#\x1b\n\x872\xd9\x13u\xb0\xc6\x9aS\xc0JB\xa9D\xd2\x91\xf3\xcc\x02\x0bT\x80jd\xf7\xd7\xd7S\xdf\xb0F?\xed\xef\x9f\xfd\xa3\xe1\xf1x\xbe|\xd9\xbb\xbcl\x94\xabg\x84\xe5xP\xe3\x06V\x88\x03\xcb\xb10\x97H\x04\xe7\xca\xb9\\\xb9\xba\xf7\x05\xb5\xd78:\xb3Z\xd1\xf4\x9b)j\xab\x99\x99\xa5\x99\xf7\xa3\xa9\xd4\xe6\xee\xee\xfe\xd9/\x9f\x16\x17\xd7\x17\x17\xf7\x8f\xaa\xd9P\xc8\x9a\x04\x96:7\xfan\x0fa\x05\x13\xc9\xd9\xdc\xde\xd1\xd9\xd9/\xfb\x9f&gt;E\xc2T\xf6\x88\xbd\xcf\x84=\xb8\xb44\x83\x1a\r\x98\x10\xb0\x1a\x0b\x04|\xfd\xd3O\xef7#g\xd9\xfdP\xa6\xea\xf8\xbb:X\x0f],\xe7V\xd9\x91tZ\xdf\x90D\x9b\x16K\xc4N\xb3\x1a\xa9\x8a\x18U\xb0F\x03)\x8bvGk\xff\x93%\x15x\xff\xfa\xf5\x0f\x9b\x96]\xe8\x99i\x00KP\x07kV\xc1\x9a+\x1fe\xac\xd67\xa1\xdd]J\xa67o&gt; \xc7m6m\x9f)\xf0\xb6\xab\x96\xc5n\xf3:\x9dG\xd9#\xd8H\xe9o\x89\x84\x14\xb5Ti\xf9\xf9\xa6\xc7\xe18\'\xb5\xb6\xcc\xd1L\xc6jvRlU\x93\xc9B0\x9a\xc1\x14\xd2L\xbc\r\xcc|\xfe\xfcyfT\xf3!Xh\x9c\x8c\xe8t\xbe/\x97V\xb3\xadO\x83X5W\xcbwjb\x05\x9dN\xa7\xd9\x9c\t\x16\x92e\xf7\xa0\xd1\xa8w\x7f9\xaf\x17\xa2\x19\x9b\x1dr-}&amp;\xacT$3\x97}\xec\xa4\x99Z\xe7\xa1\xe5pz\xb5\x90+\xec\xdc+\xab\xf2u\x06v\xa2g\x96\xb0\x82As\xc6\x1c,,x~\xef\xc8WL\xady\xf7\xe5|\xce\x1c\xcd\xbb\xb4\x1a\xd3\x12\xd4\x9aY\xb2D2\x0b\xbf^?\xb5\xd8N\xf3\xfe\xe6\x9f\x17A-l\x0c;\xcb{\xf7c\xaa\xe4\xd6\xd3\xc9\xec,\xb0\xa2\xe6L&amp;\x1a[;t?\xdd\xd5:L\xed\xee\xe9\xf22\x19\rFq\x9c\xd7\x98\xde\xce,-\xbd\xd5\xd8\n\xa5\xec}\xfbJ\xafk\xde\xfe\x92L\x06\xed)\xd3f\xc4\\\xaf\xde\xff\xe1_\x14+_=\xb7O\x1c\xb3\xe7[A\xb3\xd9j5\x17J\x87\xb9\xcb\xa7\xdf\xf5z\xdf\xdd\xa5\xa3t\x80\x93\x17\x0e\xc9Z\xb4\x17j\'\x1f&lt;\xa8/4\xca\xb9\x93\xcb\xec\x9c3d\xef\xc3\xf0\x8e\x84\x16\x1a\xf7\xf3\xbf\xfd\xb1\xff\x1f\x11\x84\xf9\xdf\xfe\x15\xbf\x86Z\x0b\x89`\xd4\xfb\xe1M\x06\xe1\xb5\xb0P\xad:\x1c\xe5j\x1d\xc9\x1f\x1d\xc2=P\xbf\xeb\xdd\xc7\x89\x8fx\x0c{\x13\xe3\x98\x9cQkx\xf1\xc7\xdd\x7f\xf3n&gt;\xaf\x89\xa4i\x1c_4\xb4$\x97\xec\xa5P\xd1\x04m(\xb0K\x08\xa9\x94\xdaL\xca"Uu\x10\x7f\xd4\x8a\x922$5b\x05#\x1a\x83c\x12\x08\x83\x88\x01\xd9N\x1b\xed\x98a\r\xb22\xe9\xba428\x86d\x18\x9a\x11\xfa\xb2t\xe60\x9b\xcb\xac\x97\x1c\xf6\xd4\xec\xf4B\xc3\xce\xa1\xc9u\x8f\xfb&lt;e`\xff\x01\xf5\x85\xd0&amp;\xdd\xd0\x1f\x9e_\xef\xf3\xbc\xf9&gt;q\x97\xcb\t\xdd\x97\xa4\x16~\xfc{\xb2s7N\x83\x99\xb6\x7f-%\x7f\xed\xb7v\x95B\t\xb1\xe0\x04H\xb0Z\xe7\x8aK\x95J\xa9TD\x7f\x121\xf3\xc0\x95\xc9\xc0\x17\x9f\x05\xa8\x00M\xa4\x0f\xc2\xd0w\xb9\xa0\x0bsI\xa9\x88\xa6\x99\xb5\xe1X\xb1\x86\xa5Je\xbdT\xba\xfe?\xd6\xaa\xefX\x82\x93MD"\\"\x80c\xea\x92\x19\xc2+\x83\xa7\xd9$\xe8c\x89\xb68\xb1\xcfA.\xc2\xe5\xf2$&lt;\x99\x8c\xb9\xf2y\xac\xe1\xd5\x7fQ\xd9\xd0\xb4\xa5\xd2Ku\x03\xb0\xcc\x88%a\x0f\x18\x95|p`\x80\xd5\xb1\x1c\xf4\xf2\x08\xcb\xe9\xf4\xdb 1\xc3\xde\xad\xbd\xbd\x83X\x13&gt;\xbb&lt;y\x9b3f\x19\xb3\xb5\xfa\xb7ZE[XH\xdc\x14\x92\xa7\x89@\xe0/\x80\x05\xfd2\x14\xf9\xb8\xa7\x08\x83\x0fM\x8f\xa6\x1c0\x16\x82\xc5\xe0~L;\x9b1\xff\x917|p\x00\xc6\xb2X\x08O\xde\xe5\x8f\xd9\xc6\x8b\xb5\x86X\x95g\x81@\x01\xb1\x80+p\xbc\xcaC\x95\x84\xe1\xd0c\x81!\x91\xa7\xd1\x8b\x0b\x0e\xa2\x19\xb3,\xa3\xb5\xa0\xb1\xc7\xe0wbb\xbe\xf1C[O\xc4\xf30\xab\xd9\xb4\xbb\xf1:\xf1\xb6\x01st"PR\x93\x114W\x80\xc61\xda\xa2\x0f\x85\x08\x96G,3M8c\x04\xd8\xab\x19\xc3\x19\xa8\t\\\x88\xe5\x0f\x1f\xa5\xe1\xfe\x91\xe2N\x9e\x18/\x96\xa9\xff\xa9\xb1\xbet&lt;\xc2\xc2\x90_\xf5\x8c\xe6T\xde\x82s+\xe1\xa1\x91\xca\xcc\x131\x80\xc9d\xfe\xe6w\xda\x10\r\xad\x05\xdd\x8e\xd7\xbb\x92v\xc5\xdd\t\xbf\xd3\x13\x18;V\xc3\xfc\xec\xc5\x9fJX\xb7\x8e}\xabql\xa8\x08\xcbh\x9a&amp;,\x88\xb5\x00\x89\x88sk\xac\x99i\x86\xfd\xf0c\x18\x1eu\xaa\xad\xad\xa7{\xd0te+\x99#z\xccN\x1c\xde64\xc7\xc6\x8b\x17\xa5B-\x92\xf5I\xa3V\x0b\xb0\xe2\xc4\xe3k\x08\x18\xcb\xb1\xcc\xbb\xd2\xfe\xb0\x13\xca\x96\xcd\x99\xc9\x10zdA\x89\xd0\xb1\xd2\xe7Y\r\xb0\xee\xef\xc6Z\xe5\xb7\x1b\xb7\t:\xb0\xfe\xf5\x86\x9a\x02\xach\\\xa7\x1a\xcd\xf7\x88\xe5\t,\x05\xa0\xc8\xdb\xa0m~\x1d\x8eY\xf8\x8c\xc5\xb1\x8cX\xe1#t!`y\xd3qw~\xf9\xa8\xf9\xb0=\xdekz\xffV\xf3\x1co\xac\'\x92*\x07\xe3U\x1c\xac\xe5\xc2\x97\x10\xfd\xc5\xc1B\xe7\x13\x89\xbc\xc3\xc1\x9fx\xc3G\xaf\xb7\xc0\\\x19\x8by\xc1\x81\x01\x7f\x04\xc7\xbb\xb2\x07\xd6\x8aK\xbc\xc3\x1f\xebo\x8e\xf7N\x1c\xdejt`\xa3\x91\xcd\x16j$:\xf1\xdc\xa5?\xd0@09mt&gt;\x007\r\xcf[la\xec\x03\xbd\x10\xf6\x16\xf3\xb3\xa5\x0cRA\xb3\xba\xb2\x12^9HG%\x8b\xa3\xe9\x1c\x8e\xb7\xb71mKp\xa1U\xb4|\xbe\x90\xc36\x1e\xea(as\x11\xfa\xeb\x8c\x05_\xbf\xa1k\xa6-\xdeo\xbc[\xaf?{!\xa0\x9c\xf4\xe93\x1e[\xe8\xd7O\xb7V\xf6V\x0e\x0eO\xdcn\xbf#\x13\xbe\x1bogcZ\xebkK\x95J\xd6#\xa9\xad.\xe9+F\x8bE\x0f\x86{\x0c\x12\x92\x07c\x99y\x1aj\xd9\xc9\x1e\xc4\xf7\x96\xcbC\xf8c&lt;\x9d\xb7\xf8\xf5f\x15&lt;\xb8w\xf8\xd5y\x97t9\x1c\xde\xb1\xf7\xa7\xdf\xe7\x97*_k\xf1h\x81\xcd\x91Y_\x11\x0f\\\xc0N\x88,\x1e\x10\x02\xc7\xa7\xafn\xb2\xab\xb10db\xfef\x1d\n\x98\xdf\xd5\xf4c\xb3\xfa\x1a\xd2\xf0\xf0\xf00:(-,8\xbe\x19\xbb\xea\xc0\xf4\xe7gK\x95\xf5\x8d\xf5W\xca\x00\xcc\x057t\xb1\x18\x87\xa9\xc6\x06\xc5\x01n\xa0@\xe4\xdbW\xc9H\xd6\xe3\x82V!J\x96\xb2\xae\xf0J\xd8\t\xa1\xf5Hur\xeenG\x96yb8\xf6\xae\xd9t\x97\x08@\xc2i\x1b\xd7-\x88.\x9c\xc7\xa2Q(\xaa\x04\x9f\xc1:\xe1I\xde\\_\xdf\xd4\xa0\xab\x90H\xb5^\xefFO\x0e\xb6\x8e0\xb6\xbex\xfa\x14\xb0\xce/\xae\xdai\x1b\xbf?\xfe\x19\xc3\xb4\xd9oh0w\xd1\xaa2\xe0\xb0ovw\x00\x8b8\x83\xfc\x83\xcbG\xaa)\xd5\xaa\xd8\xbe\xeat\xae\xeaUY\xac\xe7:\xe7\x87{i\xcc\xc4/\x00\xeb\xe4"\xdam\xa7\xe3\xd1\xe1D\x06\xb2\xfdF"\x9f\xcf\xd7\xc4z\rG2\xc0z\xee9;\x83J\x1f\x8d\xba\xbbu\x99a\x822\x9bk_\x96);\x15\x14[8\xba\xa2\x1b!\x0f\xcf\xf7/:\x83\xd6\x89\xed\xf3d\xdeN\xb7\xf7aL\xcd&amp;E\xb1\x8d\\\xe0\xc6"`\x11Qw-\xf7\xae\x17\xa2\x18\x86\xa1\x82=\x01\xb5\x06\x8b\xf6\xa0,\xb6\x06W\x17i\xbf\xff`\xe5\xe0d\xff\xe2\x8a\xad?\xf47\'\xf4\xcb\x95\xed\xbe\x94HDX\x81\xcdu\xd1\x8d\x12\xed9#\xa4\xab\x81(\x08\x0c\xc5\x84\xaar(T.\x87.Y\xe5R\x16\xcaeA\xe8]\x9d\xfb\xc3\x07+\xe0\xc3\xce;a\xb0?9\r\xd7\xda]_\n\xdcT!v\xd0\x8b\xf8\xa0+\xe5\xea\x02\x13\xa2Bb;\xc7q\xc9T*\x99\x8d\x9e\xc4\xa3W]V\x08\x85\xe4V\'\r\xdd\xe9W\x17\x17\xdd\x9f\x84w\xc3\xc9)\xb8L\xa6\xcd\xbb\xe1\x8fUAd\x0750W\xb1\xe8S\x059D\x95\x15\x95L$\xc0\xc3y|\x10\xf7@&gt;\xc6\xa39E\x10\xc4\xdc\t\x8c\x88\x90\x86\xac \xfcc\xa2\xba2\x18c\xbf\x13e\xa1\x8aqO\xfa|\xa4RfB2\xcbE\x1a\xa5R\x03\x8f\xa6\xddk\x9a\xd6\xd0\xf2\xeeT\x8e\xed\xb5\xe3\xe9t\xbcs\xd5\x12\xe5\x7f\xfe2a\x19\x9ei\xed\x07Y\x96E\xa5\xde\xae\xc1t\xad\x94Cb]\xfd\xf6\xd3\xa7\xdb\xc7\xd3\xb8E\xba\xdb\xdb\x9b\xebZ\x9bm\xbb\xcf\x8b\xbe\\\xab\'\xc8\xef\'\xadZ4\x99\xfe\xc3\xe0#rU\x19\x90\xee\x1a[\x15\x95\xdd\xb7\xbbo?\x8d\x0e|\xd0\xb1\x1a7o_\xaamv\xe0\xbep\x93uQ\x08\x06\x7f\xdb\x9c8\xd6G]\x85$+m.[S.\x95\xddju\xf7%X\xabq\x7f\x0f&lt;\xf7\xf7\x1f&gt;\xe0\x87l\xad\xd6Vrn\x1f\x99S\xcaA\x86\xf9}m\xe2X\xdfA=\xa0(Yi\xa5\xb8\xd4\xee\xa5\xa2\\\x17n\xd0{\xf7\x0f\x1fF\xe7\xe1\xfe^\x8a{|dA\x19\xb8\xc9n\x0br\x92\xfa\xeb\xbf\xd6&amp;\xae\xf0\xfc\xfe=J\xc8d\x91U9p\xa2PWS\\\xb2\xa1c\xa1\xa9&gt;&lt;&lt;&lt;\xb8\xe2P;\xdc\x05\x11\n\xdc\xa0W\r1\xd6\x9f\x7f\x99\xb8\xf0\xd4\xb4\xfd\x03\n\xc7\x18\xb8\xfaR)%\x18l\xa5\xf0Q&lt;\x91\xcd\xde\xeb\xe7\xc3\x83\xcd\x16_\x95\\.7+\xf7Z\xf8\xeb\x8c\xa0u\xfe\xfd\xe4u\xba\xa6\xb5\x8f\x14\xea\xeed\xb1\xd7\xaa\x0bT\x88US\xb5ZI\xadq\x91\x84\xa6%S\x11\x92K\x92\xd0\xbfF\xdb2#\xb2\xac(3\x94}:X\xfd\xd0"`1!\xf8_\x83v\xab\xac\xb0\xaaZ\xb8f\x15E\xbc\x14\xaa\xc2\xae\xf2\xb2\xa0\x92\xbeNN\xa0\xe0\xca\xc6j;o\xb4\xfe{{\x1aXe\x94*Z)A\x14(\xa3\xd1\x1a\x12z\x85\xc2\xf5n\xb5\xcc0V+\xaa\xcd\n\x055\xd7\x12\xe1\x9edd9\xc8\xd8\xed\x86\x9d\xdf\xa6\x82ui\\4\x80\xc1BA\xc6j\x98[\xc4F\xa6\xfer\x17Z\x1a\xca\n\tz\xad\x14T\xb8\x12\xadF\xfb\x0e\x13\x84\x7f1g0\x06\x7f\xdf\x9c\x02\xd6\x7f\xdb\x14\xaa;\xedpG\x1b\xf5U\x07;#@U\x95\x83\xd0\xde@\xfd\xdfe\x15\xb0"J\xc3w\x98\x1d\xbbqn\xce\xd8\xfb8\x05,\xd30U\xc6%\x15\x83\x95\xb2\xeb\x1b\x18ssv\xc0\x11!\x8c(\xe8\x05\x05A\x082\x80k\x1c\x89\xad\xe1o\x99\\\x7fs\n\x8a\xf9aM\xb1\xa3~\xd8`7\xa2\xcc\x1a\xd0\x0c\xf3\x14\x86\x11\xd6\x8d\xa0,3V\xa3\xc1\x00?\x9b\x1f\t\x87\r"9\x1d\xac\xa4Z\x9e\x81\x03n\xc2\x05\x02\x14\xa6\x1b\xedA!\x18\xd2\xebY\x08j\xad\xd1\x08XF]\xd0l4P-\xb2\xbf6\r,.ymG,]\x9b\x8e\x9b3\x80\xc5\x04\x91g\x9e\xda\x812e\x07\xdf\xcd\x8e\xa0\r\x86\xf9\x1e\x99\x9d\x8e\xb5H.\x15Bs\xcd"\x1a\x8a+\x1f\xc3{\xc7:o\x9d\xb7\xeb\xcaj\xa3.\x9f\xc7\xa5\x87`\xcew&lt;\r\xac?\xdc\xb9\xb9\x9a\xb283\xa3\x0b\xc1\x11o\x06\x0ccD\xa0\xc7\x9d\x02\x83\xbeV\x80\x1fg\xe7\xac?\xb9\x8b\xd24\x9c\x88X\\\x9dY\xd4U\xc43O\xd0d\xb8y\xf1\xb8\xe10\x82\xd2\xa5\xdf\xf0\'\x14\x87+\xdf*=%\xac\rN\x15\xad\xb8\xce\x86h3\xfa\xca\x18\x848\xae\xf8\xe0\xc6\x08\xc2\xe1v\x08\x1aL\xe8\xe2\xbb\xfd\x94\xb0N\xb9\x9a*`\xd4\xcf\xe2\xb2\x8f\xbe\xb6\x82\xa1?\x8bk=\xfa.\r\x10\xcd\xe2B\xa0\x9c+&gt;_\x05\xac\xe9\xc4\xd6i$U`\xabv\xdc\xcfz\x82\xab\x0f#"\xccI=A\x8d\x06\xdd\x93s\xf3L\x0b\xc6\xa3c~*X&amp;\xc0\xdaHr\xa9\x96\xc2,\x02\xd5\xcc\x1f\x1f\xb7X\xe6P\x1c&gt;\x83;6\xe8K,\xef;b\xae\x13\x7f~vF\xefO\xc9Z\t\x92\xe3R\xb9zy\x11b\x0bW \xe6\x0ch\xa7\'([\x9fy,e\xb3\xb3\xd6^\xd7]\xfc\xd2\x15#&lt;\xfb\xd3X#\xbb\xcb\x9e\x06\x00\x8bK\x15\x14\x992.\x8e\x82\x1e\xeb\x05\xba\x14\xbf\x99\x1d\x89\xd7\xd9n\xb1\xf8\xe5\x9b7o\xce\xf8\x8b)\xacO\xa2\x13\x03&gt;\x9f\x1b\x8a\xeau\x9d\xbdd\xec\x8b3s\x8bzT\xfd\x8fv\xf3\x8fi2\xbf\xe3\xb8d\xb9\x91\x0cw\x04h\xba\xd8d\xeb\x8d\x07\xa8b\x9f=\xa4&amp;\xa54\n\xf1\xfap\xe8\x1f\xae\xb1:%\x92\xde\xd9\x91\xe74\x94\x96\xd2\xcau\xc8h\xa7SIf\xb0\n2aK)?;\x07\xbb\xfe\x10\x0e\xba\xb6h\xd6V\xd6\x02\x0eJ(A \x98\x05\x029 \x04ED1\xea&gt;\xdfo\xd1\xdd\x96e\xdb\xdd\xe9\xf7\xe9\x0f\xfaW_\xbc\xdf\xef\xef\xe7\xfby\xfa&lt;_&lt;\xe0oh/v\x1c\xfc\xf0T\x87\xf0\xf0N\x95fos_\xc6O\xd1\x0f\x10\xef\x1a\xec\xaf\xa9UM\x95B5\x80]\xfa\x18\xa2\x7fb\xff\x01\xb4\xe5\x02\xbc\xfb\xd1\xd6\x80\xb6\xeb\x0f\xa7vW\xaa\x0bT\x02\x81F\xd5|9\xe3\xd3{cwO\xbe\xcb"\x81\xfe\xeb\xbf\xa5V}T)V\x0bSA\xb0}\xc5\xc5\xc5\xd7\xaf\xc1\x19j:\xb4|p^\xbbg\xcf\x81\xfd\xd1;o\xd4\x99\x05\x1aA\x96@\xf3c\xc0\xfa\xd9\xe9\xc2\xf8;\xef\xee\xec\x07]J\xcf\xb9\xf9\xc7\xaa\xa6\xab\xd9\xd9b\xb5\x18\x19y\xe9\x93b8\xc7h\xbd~\xed\x9a\xcb\xe5r\xf4w\xb4vt\xdcP\x0b\xd5\x00\x85.\x13\x08\xce\xe45\xf7]\xceh:w:\xfd{\x9b\xef\xea\xa7$@\xba{\xef\xcf\xbeO\x8e5\x01\x97X\xac\x06\x1fQ\xc2\x00+5u_\xc7\x8d\x9a\x92\x92\x92\x1a\x18\x99\x08JUT\x94\x95%H\x81d\xf5\xf5I\x9b\x1a\xce\xddJ_Y\xb8\x9b\x1f\xfbN\xee,{p\xa70~\xff\x89\xe2CUM\x18L-\x84\xe4\x7f\n\x8a\xedK\xc5?[\xd6\x94\xc0QPP\x00P\x82\xa2\xe4\xe4,\x81 \x0f&amp;b__\xc6G\xbfh8wv\x85\x19\\h\x7f\xfb\x9b\xd3cs\xeez\xbe\x9b~\xfa\xe2\xc5s\x80u\xf5\xea\xd5\xecJ1RL\x0c\x0b\xf7nP\xeb\x12p\x95TWg\x02\x93\xaat\x8b*%\x05cI\x9b\x8e44\xfcj\x85\xe1\xb0\x07\x1e.\xfc}\xf9mf\x1fmZ\xde\x0c}\xe7w\x17\xff\xf49\xc6\xca\xae\xcc\xce\xce\x16B\xc0\xc4\x10}a%J\x7f\xaa\x10\xa4\xaa\x06&amp;AV\x16Pee\xa5\xa4\xe4a\xb92~p\xe8\x08`q\xd8\x1c\x0e\x87q\xb6l\xbc5\xb0\xd8\xd8\xf6\xb1\x85@(Tx\x0b\xed\x0e\xc1X0\xc48`\xc8J\xe4&amp;\xba\x84P\xa0*--=\x9f\x8c\xa0R\x10\x14&lt;\xf2`&amp;~\xb0\xebH\xc3\xd9\x10\x1b\xb0X\xac\xa9r\xea\xd9\xc6\xea\xdb(c\xb1\xb1\xab\xcf\xe7=$\x19"WN\xa0}P\xd8D@\xc2Xb|\xa5\xa5\xa6Z]]]\xad\xd2\x14\x81{\xc9W0V^\x94j/\x98\xf8\xc1O~\xf9\xeb\x83\x96\x04\xa4\x16\x8b,Wj\xb5\xcf6\x96\xbfu\xfccs\x96_\xcc\x85H\x92l$C\xfb\x1b&gt;;\xf2\x19\x8a&lt;`I\x01\x0c=\x01\x0c]a,-\xd5\x14\t\x8a\xae$\xa3#\x0b\xcdB\x10\xec\x0c\x88\xd5\xd7w9\xfb\x87\xc7\x7f\xb3\xc2\xc1X\\\xd2\xcb\x97\xc9\xb4J\xf7\x8b\xa7\xab\xdf\xc2KP;\xff\xf1\xcb\xbaY\x92\x14\x01\x16\xb9\xf29\xda\x05\x85\xd5\xca\x00\xb0L\xa9\x14\x9e\x10\xf3\x82\x82\x0b\x90)\x1c\xaad\xec!\x1e\xc8HT \xa4W\xabnM% ,\x16wJ\xae\x95%\xa6iu\x91\x81\xb5\xe7\xcb\xdf\xac\xb3\x00\xa6\x9c\xd5\xe5\r\x9d\xc2\xb0D\x8aD\x98\xebC\xb4al\x17\xc2\x82\x91\x99\x89\xa12\x0f\x03\xd7N\x8d\x00\xcd\xbf\xafR\xa1\xccG\xa7bv\xd5,S\x91\x00\xe1\xe2\x8a\x9c]i\x89\x89\xb2D{\x80a\x02\x0f\x9f?^\x8d\xfd\x06\x99\xcaY\xdex\xa9\xebRH\x14\xe5S\\\xaeH\xd4\xd8(\x9a*&gt;v\xe8\xf8\xae&amp;,\x97\x14!\xa1\x01b\x15\xa84\xc0\x95\x95|\xe5\xf7Q\xae\x94\xac7S\x11\xe9u\xcc\x99\x80\xd4bq\xc9E*\xf1=B&amp;\xb32\x0c\x8b\x19\x18\x9fy\xf5xu\xdb\xd7\x8b\x7fl~\xfb\xf3\x962CW\x97"WR\xe7\xe4F\xb9,\xce\x8f\x8f\xefB\xd9Bz\x89\xa5R5@eBY@\xc5J\x90\x1c\xcd\xfbk\xbdR\xf0DlV57g&gt;\xd9\x12\x8b\x9c\x92\xf3e\x80\xd5;\xcdb\x98\xc1\x91\x91\xf1@\xf0\xc5\xe3\xd5\x9c\xaf\x13\xa9\xf6\x85\xa0\x1dA)$\xb9\xb9\x8aQK\x94\x8b\xb4\xcc\x1f\xc3E\x1e\xb9(\xde\xd2K\x8dK(\xf2\xf0\x8d\x8d)\xb8@\xa0\xd1\x9c\x97\xa7Ju&amp;T\x80Z,2\xb4d$\x88\xed\xdbe\xf6q\x16\x8b\xc5\xcc\xac\x8d3\xcc\xc0\xc8K\xb0\xf2\xff\xb9\x15\x0e\xdc\xcb\x1f[\x98\x8f\xd8\xbb\x90\x81\x12\tE):\xa7\x18\x16\xe6\x12y\x9e\xe0"\xbf\x85\x853/E\xa5\x1d\x99\x882\x8f\x1e\x18\xea\r\x98\xa6f~\x10\xa8\x128\xa2P\xc8\xaa%\xe2\xb6\x13Z\xab\x85\xc5\x1a\x1c\x00#A4\xbf[\xf7\xe2\xe9\xcd\xffU0p\x97\xf0\xf8\x95\x93\x1c\xb7\x1bA)\x80\xca\xcd\xa5\xa9\xba%\x0b\x8b\x01.\x12\xb8\xbeh\xba\x1a\xad\xa7\xd9\xd2\xd7\x03q\x01\x99 :^SE_\x05*_\xa0\x02\x8b\x15\n-\x19\xd2\x08\x1eO\xc67X\xa7\xc7\x07\xd6#\x10/\x7f\xcf\xa4}\xda\x13\xd8\xfc\x12wd\xb1\xff\x05\xaa\xfd\xcbWV\'I\x8e[\xcdFJ/\xa1\xc0\xc3\\Z\xe1\x05\xb9@0\x1c\xafS\xa0\x15:\xb2\xb1T\x97q\x91\x90\x02X\x1e\xe6J\xc1`y[j\xc1\xa7S\x9e\n\x84\xc5!CS^*1\x8eGh\xe9\\Z99R\xeb\x07\xc9z\xdc\xd6q.\x97\t\x04g\x16\x9e.\xffg0\xc4trla3\x88\xa8,\x16\x8b\'b\xb5\x1b%\x80E\xd3\xb4\x01\xe4b\x81\x8f$\xe6\x12b\xb1p\xe1\x8a\xceD\x8c\x85\xe4\xca\x12`\x0b\xb7\xe4\x02FM+\x04\xab"j\xe1\x92AK\x10\x84\x96\xa2\x94J\xadL\x9669=\xce\x0c\xcc@\xa9`\x98\x99\xf5\x19f\xe0\xd5\x8b\xa7\xcb\xab\xff\xdec\x00T~\xfb\xd3\x05\x0b\x19\xe8\xe9\t:-\x00\x16Y\xb4\x1b\x8d]\x86\xb2\xba2#M\xc9\x9d\x90\x04\x00#C\xc0\xd5\n\xeb4`\xa1p]\xceD\xadL\x01vQ\xa5)\x8d\xda\x08E\x1e\xc9\xa5\x11\x9c\xd1\xecs\xb2\x91XlVch\xa9N\x1b\xc7s\x9b\xdb\xda:[Z\xcce:\xa3\xdb=\xd93\x03\xa9\xe7\x0e\x0e\xc0\xc1\xe6\xcc\xf4LC)[\xce\xff\xd7\x98\xdf\x1c[X\x9bG8\x9e\x88\xbf\xc7\xea\xb7\xdauz\xa3\xb9\xdcd\x9a\x98\x18\x9e3\x19)\xaf\x07\x02\x8a\xb8\x90^\xadB\xb1\x10\x1a\x08\xb5T\x0c2\xe1\x16\x0bAEs\x8f}L\xd1\xec\xd5\xc0\xe7\x9f_rr\x80\xaa\x82\r\x16:\xe5t\x9a\xacn\xb4M\xe7v\xbbuf\x9d\xce,\xbf\xddb6\xc37\xf9\xd7\xef\xf7\x04\x07\xd9\xec\xc1WV&amp;\xb0\xf6r\xe3+\xbdp~\xfb\xbd\xcd\x80\xdf\x1a\x01\x99D"\x8bg\xba\xc7HQ\x06\xb9\xb7\xcd\\Vf0\x94u\xce\r\x1b\x15\xa6-.\xc8\x177\x10\x06*\xa1\x1a\x17S\x95\n\xd7\xd3\xd2\xf3\xa5\xa5\xe8\x16\xf9\xf3\xa5\x17T;\xb1v\x17\x0e_hu2Q*\x11\x04\x8b&amp;xe\xa3:".\x8e\xe85\r\xbb\tBV\xab3\xb7\xd5\xd7\xd7\xdf\xd6\xd5\x12\xbdA6\x9b\xbd69\xce\x0c\xae\x05\xff\x99\xf2\x07\x0b\x9b\xb0\x1a;#A\xab?8=\xed\xb7\xeb(Z/\xef,3Rt\x12\x04\x8b\xd6\xd7\x9d-\xd7\x1b\x16I.\x97\xf5\x9a\xcb\xb7\x1b\xdav\xa1\xba\xe3FG\x07t\xf0\x05\x05\xfd\xb6\xb0c\xc8\x17v\xf8\xfak\xbep9\\7j\\aG\xff\xf5)\xd6\x1b*k-\x8f\xd7;j&amp;\xe2\x88\xb8\xde\xe1\xf4=-\xbc\xf7\x08\xa5\x91\'\xeb\xd5\xb5\xb4\x95\xdf\xae\xad\x1d\x99\x19d\xcf\xdc\x8f@K\xc6\xbc1\xef\xe1Z0\xe2\xf4x&lt;N\x88\x93Ng\xd4S\x94\xbe\xae\xb3\x8e\xd2\x97\x97\xd1III111\xd4\xe8\xb0\x92\xeeZ\xb4`.\x16\x17q\xcd?\xeav\xf9\x1c\xdd&gt;[\xb7\xad\xdbWS\xed\xb2\xd9\xba\xc3\xdd\xb6\xb0\xab\xe4\x86\xcb\xe6\x0b\x97\xf6\xdb\x1c\xdd\x8f\xa6X\t(X\x1c.\xa6"\xbe/\x9fP&amp;\xa5\xf1\x8c\xa3\x13\xb3\x85\xc3\xa0P9h&amp;\xe3S\nCg[\xad\xacw$\x18\xbc\x1f\x84.c\x10\xc7|\xec\xa1\x85\x1c\x8f\x04\xfd=v{\x19"\xd2\xc3\xc3 o\x93\xeb\xf9|\xf9\x9e\xb92&gt;\xa2\x8aQ\x96O(a\rZB\xc5\x1eMHQ#\x97\xf1\xf8\xc2\xdd\x80\x15\xf6\x85\xeft\x0f\x95\x80B&gt;\xdb#\xdb\x90m\xa8\xdf\x15\xf6\xd9J\x1c\x0e\xdb_B\x88\n\xd6Bn#P\xc9\xde\x7f_\xe6m\xe3\x111\xba\xe1\xfaZ\xef\x8e\x03\xe6^\xd3\x81\x83\xf5\xb5\xb4DB\x13JS\x0b,\x94J\x9d\xdb\x0e\x93s|[\xce\xc9\x07\x0f\xa1\xc1\x83\x94O[u\xa0\x11\x14t$T\x9b\xdc&lt;j\xa6\x93\xf8\xa3\x85\x85\xb3r\xd0+\x86\xaf4\x99\xba\xa0\xe6\x1b\x16="\x11\x06\x837&amp;0\x0fX\xdd\x0e\x9f\xcff\xeb\x1fr\x85\xc36\x18a_\x7f?\xbc\r\x9d\x0f?Z\xb1p\x12\xf0\n\r\xb3$x\xbfVF\x10\xb5\xde\x16\x1eO7&lt;[\xffr\xf2l\xe1\x13\xd3\x93\xa3\x85G\xcd\x12\t\x9f\xe0\x11\xf2a\xb7LK)\x14z\xa3\xce\xee\xdf\x06J\x05\xfc\x8b\xc1\xa0\xdf\xae\xa7iT\x9eh(\xe8^\xb9Q?\x9a&gt;k\xe6\x1b\xe7\xe2\xe3\xe3\xcf\xb6Q1|~\xd7\xb0\\\x021\x93ty\x9dQ.\x16\xe2b\xa6\xee\xd8|C\x0e\xd7P\x7f\x18\xc4\x19\xeaw\x0c9\xfa\x1d%C&gt;\x87\xc31\xd4\xbdba\xbf\xa6\xf2\xf8G\xd6\xd7\xd7\x9f={\x06X\xca\xd1z\x9dw\xe2\xc9\xd1\xdf\x1e\xbd\xed\x1e\xdd\x11?\xd7EC\xfb%3\xce\xb6\x00\x94\x82\x82r&amp;\xab\xdd\x06\xe5\xc0\xd3\x03\xaeQ\x08\x08\x85\x88Owz\x8d\xf0\x92\x0e&lt;\xb7M\xe5\xa6\x1d\xf1\xf1{LJ:\xd7k\xa2\x90\x974?W\x1e\x11q\xb7\x12\xc6\xe2\xfc\xa3\t\xf3\tm\x1b\xcb\xe3\xb8}\x10\x08\xf4\'T.\x86\xf5%\xb0\x02\x19\x967\xf8\xd0K\xcek\x0b\xda\xab\xd8\xab\x06L\xe9\xa5b\xc8FB\x08\xa5 C\xd9\xebTP\xa3\x8e.\xa6\xa05\x86\x19\xc1z\x86\x0c\xf6\xe2\x1a\xc3L\xc2P\x92\x82\xdd@\x8a\x1dB/\t9\xb4\xcca\x0f;\xb0\xb7\xfd\xfe\x9e\xe4\xc9\xfc\xe2H"\x89\xa4\xcf\xfb\xfe\xbe\xef\xf7{/ON\xde\xef\xef\x1f\xfc\xfd\xe0y\x11\xdf\xbe\xc0\xe1\xe0\x1f_\x1f\x1c|\xf3\xe3\x9b\x06Q\xd5\xeb\xa8(o&amp;V\xb3\xd9\xff\xdf\xe6\xbf\xabO\xeb\xcd\xc6sd!\xb0\x97?\xfd\x94\xce\xec\x07;\x7f\n-\xb5f5\t\xab\xddb\xd415\xa5\xf2E\x99\xbcV\tUm\xcd\x87\x0ei\x13\x1f\xee\xec\xfc\xe5\xc6\xf3\xafw\x1e\xbfz\xb8\x8e\x92\xf3\xa8M\xd1\x8d\x92\xf1\xe8\x82\x0c\xc6\xc1\xee7\x1a\'\xffz\xf9\xfc\xe9\xd3\x17\x88_\xe9@T_}\xf5\xf5w\xb7\xaf\x1bu\n,\xb1\xf6&gt;\x8c-\x19\xfdY\xd0\xfb\xd3\xcb\xf8x\xb5Z]n\xa6\xd3\xf1\xe1\xab\xbf\x86\xcbC\xb8\xc4cF\xb3\x99/{f\xa7\xaaZ\xc8\xa7\xa6U\xdeR;&amp;\xd3\xd0\xf2\x05\x829\xf9\xb9\x03#\x85\xa1\x95?x\xbc\xf3h\x1d\x0f\xc3\xc3\x87\xd7k\xfb\xdc\xeeF\xe3q\x8e\x18\x8f#\x18\xac\xa4\x02V\xfd\xec\xf6\xdd\xf3\xa7\x7f~\xf1+\x82\xb0\xb0\xf59x\xf9\xef\x1f\x9e\xd4\xef\x15;\x9d\xdd\xbd\x8bKI\x96e\x01!\x8a\xad$\xf5\x00\x07\xb4\xc9\xe7\xc3\x07a`?z\xfc*t \xd62s\xddj\x8d\xfa\xb8\x00,\x12*\x08\x82n\x19-\x1f3\xaf\xca\x92\x9bE\x96^\xc3W\x0f\xd6\xb3\xae=\xe8\x05\xf1h5\xfa4\xba\x8cz\xb4\xf62\xcd\xb6}\xb1\xcb\x99\xf0i4\xee\x9d\xbe\xdf\x87V\x1c\nb\xed\xef\x7fs{\xd2\xa0\xf45\xf8\x94\xbd\xda\xe8B\t\x85\xe8\xe5C\xcfR\x0cg:\x9dzv\x1e8\xf1\xdf\x1e^\xfb\xee,\x1e\xa2YVMUoJ\x82\xa2T\xb0d)|\xdejq\xae\xf0\x06\xd6\x0f\x967\xebx\x9e\xc5\x8f\xaeo\xe2\xa3\x8e3\xdb\x8c&gt;O&amp;\xa3\xe1\xc0\xa1\x1aFa\xd6\xa2\xab\'\x9c\x8b\x02M\xe3?\xef\x9e\x16\x19\x04\xd6\xcb\xefo\x0b\xa9H\xa9\xdd\xd7o7 *\xb1\x04Q\xb1\xa2&lt;\xf3\x1d\xc3P\xf0\x11\xdc\x8e\xeb\xf4\xfc\xdcGCr\xf5\xa6P#\xac&amp;a\x91\xa3\x8aW\x81\x8d1\x96\x9c\xfb\xad6\x8a\x1c\xc3\x8cp\xfc\xa8\xb7\xb9\\M&amp;\xc7\x9f=\xa7eg\x91\xabV\xcb\xa8\xd5\xba\x9fN\xb6P\x14\x10\x0c}\xe79\xfds\xe4\xe7\xadT\xa8!{\xaf\x8f\xa7%\x14\x90\x14W\xc3;\x83&lt;\xf5\x1d\xcb0T|j\xcc\xd2-?\x0c}\xcb\xa82\xb5f\x1ar\x81\xc5\x8a\x97\x98\xa8L\xae\x8a\xb9\xe9\xfa\xa1\xdd\xcb#\x17\xd1J`\x80\t\xec9\x0e}*\xf3\x81\xab\xaa\x86\xaa\xaaU|\xe1\xecL&gt;\x94H$\xcd\xbdg\xa7\xef\x7fy\xf7r\x7f\xff\x97\xdb\xb3:\xdfL\xa0\x80|\xb1\xf7f\xd2\xe7D\x85VQ&gt;\xf3\x1d\xc7r\x92y\xe6M\x1d\xd7\xd0\xdcV\xe0e\xe9\xdcw\xfa\xba`\x98XA)\xb2$\x89\x86R\x01\x13\xc72\xabV\xcd\xa4\xf6\xd7J\xce\x17\xbc\xae\xb6\xbbI&gt;\x8e\x02\x16\xe4a\xd4\xa1B\xcf\x81\x8a\x93\xaa*\xc8\xc2\xe5\x15\xb8\xee\xf1\xe0\xa7\xd3\x9f\xff\xf9\xdd\xfb\xd3z\xb1\xc5!\xa8\xbd\x8b\x95%\x8a\x05\x16le\xe5\xe9b\xe1\x0f=\xa7\x8fg\xa2?g\xd9b\x1e\xa6\x99\xe7\xb2V/\xb0\xaa\xc0jW\tK\x15*\xb5")f\xbb\xa3\x995VCN\xcdh\x18\xa6v\x12\x1d\x05\xb4b\xee\xda\xa1\x1d\x98&amp;\x15\x10\xeaH\xac\xcao\x80l\x86\xa6\x88\xbd\xd1Y}\x0bF\xd1\xf8\xe1\xf6\xac\xdcw\xeda\xbb\x0b[\xe9 \xd2\xb9\xa9\x10\x8e=\x0f\x17\x8b\xf5b8\x80Az\x9e\xe7c\xc95s-\x83\xb9\x81\x9f\x045\x9aJ\x86\x04,Q\xaa\x90\xb5\x08\xaam\xb2\x00\x00\x03\x12IDAT(\x8d\xa6i\xb5q\xd9\xc1%kEy\x1a\x86\xe9\x10\x11\x86s^\xaf\xec\x81\x8f\xa1e\xb1_\xea\x06\xb9\x14\x05\xe3\x1f\x7f&lt;\xdb2Q\xdd,zM\x01\xb5{1\xe9K\xf0\x95\xbc\x9d\x83\x8a\x08\x98\x81\x9d\xa6\xd9`\xdaJ\x9c\x00\xabSCc\x1dl\xb1\r\'JzU\xb3\x8a\xee\xdb\x04\x96\xd0\xacl-l\x9a\xac\r):\x8c\xf2\xc4\xa0j\x94\xd8\x89m\'G\xedn\x17\xcd(\x8c\xd7\xd7\xbf\xc5P\xb1\xb3\x15\x0b\x13I\x83\n\xb3\xd1i)Wc\xf7~\xfd\x19o5\x80\xda\xbd\x7fr\xbci\xa2\\I\xf2]m\xe0#1\x9c\x9em;v8\x88\x17\x1e-\x9c;\xd1\x0c\x96\xb6\x1c\xa3ZS\rEm\xe2&amp;\xe9\x0e\x0b\\\x1d\xb2?3\\\xccG\'hyG\xedvrd\xdbv\x1e&amp;\xcb\xe1y\x1c\xc7\xe9\xc0\x0fZwXx\x89\x869\xd6\xbf&lt;\xe6`\xa0\xa2\xad \x9f\x7f\xbb\x8d\xb3\x8f\xab&gt;Q\xc9e\x1d%.\x8d\xb8@\xa6Y\x0e\x83\xb7\xd6\xebA\xe8\r\xb2^\xee\xf5-K\x83dx\xb7\xa6p,\xa9Rd\x04\x12\x11\x16cU7Hf\xb9\x9f\xa5Y\x1a:\xd1rxs\xb3\x8c\x97\xe1\xb9\x9d\xdb\xd80\x9a4a\x91D\x95\xe66\xa0\x10\xf0\xb2l\x11X\xfd~\xa3X\xb0\xa3T\xa1\xbe\x8e\xa6\xc8\x86$s0A\xe3PZ\x99I\x9a,H\x9b\xef\xd9\xc3x\x90-\x86\xf1\x02\xe3\x9da\x82b\xb0\xba\xd0\xe4\xf7\xddaU\xd1\x91\xc0\xe5\xfa\xeb,\xf5\xd3/\xd3\xc5|\x96@#{\x8eDv\xdbe\x98&amp;\xad\tUR\x8a\x9eNI\x81y\xe4\xfe\xe6\xf8\xc3YIE\xfe\xba\xba\xec\xf3\xa7\x17\xa1\x97j)\xa5Zb\xa1\x99\x86B\n0L\xc9\xdf\xd6\x0b\x94TK5\x04]\xd4\xe9F\x81\x92HE\x88\xe7\x11\xab\x07\xe6&amp;\xc8\x16\xad\xae1]\x1c*\x13`\xa1Z[\x96wnx\xa3H!\x97K\xa3\x12.K\xfaf\xf2\x91\x17\xab\x06\n\xd8\xf1\x94\xc6,K\x7fH\xa2X\x9a\x8b\xd3Q:E\xee\x01k6\x1b,\xfcE\xb8\xc8\x16\x83\xbe\xa1a\xd2\x02\xab)i\x85Z\x9c\x8b\xaf\x1f\x18\x8b|\xdf\xa3\xba\xd5Q5\xa5\xe0-\x04u\x8dm\x90R\x9aV\x0c\x99\xfbF\xd7\xc9\xa6\xd3\xc9G\xacd\x9e\x9d]\xad\xb8T`\xd2K\xa98\x18O"\x17\xabL(.\xf1+\xec6\xdc\xfe\x0c\xd5"\xe9k\xd8A\xea\x12\rH\xacPqD\x13`\x05\x16s\x99K\x96\xc7\xc1T\x8bW\x97\xaa\x94\xdap?\xd1\x8f\x8a\xe7\x8b\xbc~\xa3\x13\x13W\x1f\x8a\x9d\xbe\x9dp\xa9\xb8R\x85\xb3\xe4m\x95/\xdd\xf5\x87 \x03H\xba\x81\x95\x0c\x16\xcc\x1cJ&amp;\xcb\x0bb\xc5\x80\x1e\x86fl\x9b\x1dc\x05\x14c\xd8\xd1\x01\x86F\x06m\x118\x916\xf8\xd6\n,\xe4\xa1T\x8b\xd2\x88\xe7K\xd8\xd7l\xb0\xb9)3\xf8\xbb\xb7d\xc2B\xe2\xc4\xad\xe9\x8b\xab\xed\x8d\x12^\xa4\xeb[\xa5p3\xfe\xbc\xa2\xf1\xd2\xa8\x19\x05S\x87\x95\xe1v:\x96p\x17\xc89\x1dx.J\xaa\xdf\x9f,\xe8\xdb\xd7K\xfc\xa9\x12\x17\x8b3\xe9\xf2\x9d\xbb\xb6F,d*\x07H\x17\xb2h\xd0\xb81\x1a\xbd\x1c\x92 \xfc\x1fz\xe8\xc8\x0e\x16\x85\x80\x96\x00\x00\x00\x00IEND\xaeB`\x82'</t>
        </is>
      </c>
      <c r="M198" s="3" t="n">
        <v>45492.67641203704</v>
      </c>
    </row>
    <row r="199">
      <c r="A199" t="n">
        <v>814723</v>
      </c>
      <c r="B199" t="n">
        <v>2020</v>
      </c>
      <c r="C199" t="inlineStr">
        <is>
          <t>Renato Kayzer</t>
        </is>
      </c>
      <c r="D199" t="inlineStr">
        <is>
          <t>Renato Kayzer</t>
        </is>
      </c>
      <c r="E199" t="inlineStr">
        <is>
          <t>CA</t>
        </is>
      </c>
      <c r="F199" t="inlineStr">
        <is>
          <t>ATA</t>
        </is>
      </c>
      <c r="G199" t="inlineStr">
        <is>
          <t>CA</t>
        </is>
      </c>
      <c r="H199" t="n">
        <v>178</v>
      </c>
      <c r="I199" t="n">
        <v>79</v>
      </c>
      <c r="J199" s="2" t="n">
        <v>35111</v>
      </c>
      <c r="K199" t="inlineStr">
        <is>
          <t>Right</t>
        </is>
      </c>
      <c r="L19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b4d8402d-a1b1-4504-b519-7845242d56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0\x84I\xfd\x00\x00\x00\tpHYs\x00\x00\x0e\xc4\x00\x00\x0e\xc4\x01\x95+\x0e\x1b\x00\x00\x03\x00PLTE\xff\xff\xff\xf6\x05"\xe6\xec\xf3\x0e\r\n\xf9\t\'\xf5\xc6\xb7\xf2\xf5\xf8\xfe\xff\xff\t\t\x07\x05\x05\x03\xf2\x04 \xed\x04\x1f\xf6\x08&amp;\xf4\xc8\xbb\xf8\xc5\xb4\xef\xf2\xf5\x016\xc7\xeb\xef\xf5\x001\xbc\xfd\xfd\xfd\x13\x10\r\xf9\xc2\xaf\xf9\x10+\x1a\x14\x10\xf9\xca\xba\xe8\x03\x1f\xf4\xc2\xb3\xc1\x82u\xe5\xae\x9c\xf0\xb2\x9e\xcf\x8f\x7f\xf8\xb9\xa5\xee\xbf\xaf\xba\x7fr\x014\xc2\xca\x8e\x7f\xf5\xcb\xbf\xc4\x89y\xf8\xbe\xaa\xd8\xa0\x92\xe9\xb2\xa2\xf9\xcd\xc2\xce\x94\x83\xcd\x8az\xef\xc4\xb4\x018\xcd\xd6\x9d\x8b\xef\xaf\x9a\xf7\xb4\x99\xf2\xbb\xad\xe9\xc0\xb6\xc2\x01\x12\xcc\x02\x15\xd4\x92\x82\xf7\xbe\xaf\xb3}n\xb9s]\xe3\x02\x1c\xe3\xe9\xf1\xc7\x85t\xdf\x02\x1a\xf7\xb8\x9f\x00-\xb6\xba\x87w\xfb\x1b2\xec\xad\x95\xef\xcd\xc6\xb7\x01\x10\xf5\xd1\xc8\xff\xff\xfe\xd4\x02\x16\xf4\xa8\x86\xa9\x01\x0c\xb1\x84w\xd1\x99\x87\xeb\xb8\xa8\xde\xe5\xef\xc3\x80o\xb0ui\xde\xa3\x90\x02&lt;\xd3\x01"\x93wL@\xa7fQ\xdc\xa9\x9c\xa7zk\xf1\xb5\xa3\xf6\xb0\x92\xd4\x95\x87\xd9\x03\x19\xf1\xb9\xa8\xeb\xa3\x89\xd4\x9c\x90\xb2kT\xe9\xc5\xbd\xe8\xbc\xb0kC6\xe2\xb4\xa8%\x19\x13\xf0\xa0}\xc6\x8a\x82\xfa\xf9\xf9\xbc{g\x93[K\x00%\xa1\xee\xca\xc1\x00*\xac\xf8\xc4\xb9\xe2\xa9\x96\x9dsi\xc1zm\x85O?\xd8\x98\x89\xed\xe7\xea\'" \xe0\xad\xa3\xc7\xd0\xdf\x1d\x1a\x18\xd9\xa5\x97\xed\xd2\xcf\xe7\xa4\x91\xc3za\xcd\x83k\xe6\x9e\x85\xda\x92y\x9e^S\xc8\x91\x87\xdb\x97\x82\xee\xa8\x91G-#\xbe\x8b~\x99\x02\n\xfb)9\xa8lW\xd6\xd5\xd9\xda\xdf\xe9\xf0\xc5\xba\xde\xa4\x97z6\'\xe1\x96\x7f\xb0p`\xbatk\xc8\x83z30/\xd0\xd9\xe6\x8c\x01\x06\xfa\xef\xed\x04\x1f\x84\x83WL\xa0g\\\xe8|\x870\x1e\x16\xde\x9e\x8b9\'\x1e\x80C3\xe3\xb9\xae\x8de]\xea\x99s\xe0\x0c$h7*\xbf\x92\x86\x96laX9-\xfb\x80\x8e\xd9\xb2\xa4\xaai`\x01\x18yY- \xe8\xca\xc7\xd6\x8an\xe8\xa8\x9d\x96aU\xd4t}\rC\xc9\xa6rb\xe2\xda\xdf\xf2\x12-\xc4\xc3\xc2\xee\xae\x8a\xd0\xcd\xcf\xde{\x84\x95PC\xa5|u\xe5\xe4\xe7\xc6\xc0\xcf\xa1_H\x88`T\xed\x81\x8f\xc5\x9a\x8d\xba\xc5\xdbiiiu-\x1b7e\xd4Qy\xd5\xe9\x10(\xa2\x9b\x9a\xc8\xa5\xb7\xb8\xb6\xb3SSR\xf7\xde\xd9\x08/\x96\x97\xaa\xd9\xbdT_\xbd!6\xad\xb4\xd4B?&gt;\xee\x8d\x9b\xc3\x92x\xf3*D\xc2ao\xacT@d}\xb6\xc0u|\x96\x90\x8f\xcf\x93\x8f\x80\x9c\xdeK!\x16Pe\xae\xc9\xb4\xc7\xd4\r"\xef\xa6\xb1\xce\xa6\x9b\x904@\xda\xc4\xcf\xf1E[\xc1\x82\x93\xc4\x93\xa8\x15Q\xcf\xa4\xb8\xe7&amp;O\xc7\x95G38Q\xa4b\x89\xdb\xef_v &lt;\x95\xae\xab\xb8\xed\xb5\xc2\x80~~\xd0\xb9\xb8\xbd\x0f\x1e\xbe\xcc\xeb\xe40G\xd5K_m\\K\xed\x9a\xa6r\x05\x0c\xba\xa1\xa5\xf2t\x86~\x93\xc6\xbc&lt;L\xb0\x15!\xce2F\x0b8\xaaG\x0e8&lt;)t\x1f\x1ej_(T\xb7\x00\x00 \x00IDATx\xda\xc4\x98_H\x1bk\x1a\xc6\x85Ag\xbc\xb0r\x98\x91)\xda\xf1\x0f\xd1h\xcdb\xcc\x85I \x04I\xa9HS\xa2\x10\x9b\xb4D\xb3\x9dNO\x12\xca\xb1F\xb3\xcc\x9e\xfc\xd3\x98B\xa4m\xec\x06\x0e\x91qz*\xc1\xdc\x88\x15RT\x8aD\x96\x9c\x8b`\xee\x82p\xc0C\xef\xf6\xae7\xc5\xbd\x11\xf6z\xdf\xf7\x8b\xf6\xec\xfdv\xec\xeb8\x99\xa4\x81\xfe\xfa&lt;\xcf\xf7~\xef\xd7\xa6\xa6\xff\xafh\xa8@ \xb0t\xb4\xb6\x7fx\xb4\x14\xa0\x1b\xd5\xf4}\x0b\x08\xd8\xf6\xfd\xb3\xb3\xb3J\xad\x96\xab\xd7\xce\xab\xfbK\xed?\xb4\xb04\xfb\x1d\xc1h\xb6\x89\x0e|\xa8Vr&lt;/s\x1cEQ\x9c\x1c\xc9\xd5j\xb5J\x95\xa8\xf6\xbd\xa8\x02K\x1f\x0e\xcf\xea2\x001L+\x14\xdc\x19\x86\x01\xbcH\xad\xba\xd6\xfe}\x04\xa3\xd9\xa5/\x95\\\x84je8\xae\xb5Q\xcc\xd5+\xc3p\xf5\xf3\xfd\x1f\xbe\x03\x18\xcd\xaeU"\xa0\x12\xa8sE\xf3?\x85\x9f\xe7*\x87\x81\xebv\x92f\x8f*\x1czF\x91{C+\x8a\xbft\xb3A\xc6\xd5\xf6\x03\xd7+\x18R\xc9\x84\x8a\x07\x17\x1bz\x81\x99\x1c|\xd0\xfa\xa7\xa3T\xee\xfc\xb0\x9d\xbd\xce\xb0\xafUx\x06\x15\x01"\x06i0\xe9\xe4\x85H\xf6\xd5W\xae~\xf6\xe1\xda\x8c\xa4\xd9\xc3\x1a\xc7|M7\xcfQ\x1cE\xd6 \x07o\xa0WP\xb2|ik+#W\xd6\xae\xc9H:pX#z\xa06 \x12\xa8\x85\x82\xb5bk\x90#&lt;\xaa\x85\xce\x120\x8a\xe2!a\xd7\xc1\xc5\x06\xf6/\xb5\xa2\x10\x8bC.\x8eb\xe0b\xb8HN&amp;V\xa2\x97\x97F2T\xfdP{\xbdh\xba\xe5K\x9d\xbbj\x02\x98(\x1eM\x84.\xcf\xc3%\xc33bR\x08\x89\xd6\x92\xefU\x8eX\xcd\xa9\x02\'9\xaa\x11\x1b\xf2W\xcb\xb9\x88\xcc\xf3\xa0\x12/\xcb\xf0\x00\x8c&lt;&gt;\xf2\xc8+\xf3\xc4YF&gt;_\xd2V/h\xed\xe79p\x10\xfb(%C\x88\xf8H\x04y"\x88\x12\x89\xc0\xc5\x93\xb4\x01\\D\xe2y\xa6Q\x94|\xde\xae)\xd6D\xfb\x99\xcc4"\x8dm\x8aC\x07A\xaa\x08!\xca\xd5s\xf0\xc4\x93\xb0\xf1\x12`\xa1\xa1\xa8(\xc4\xeb$\xa0\xe9\x1a\xfc\x12aP)\xb2\xea(\x1e;&lt;\xd8\x98\x8b \x0f\xdc\xa0\x00\x0bQy^\x92\x80\x0f\xbe\x81_d\x98\xfa\x9av\xed\x8b\xa6?\xd4\t\x13\x98\x87)\xe2\xc8\x1b\x1e\x89P\xabH\xa4\x9eCSUIR\x14I\x92\x90\x8d#v3\x8c|\xa2]\xba\xe8\xc0\x19\xdf\xd8\x9c\xb9\x08rI&lt;\xb6\x08I\xe59L\xbd,\xd7\x81,\xa7H\x8a\xaa\x02\x19\xbcH\x97\\ \x17UY\xa25\xcb\xfb~\x0e\xd5\xe19\x92i\x88\x0f\x8f\xc3\x1fy\x8f\x8bPRsiUMC\xa9\x8a\xa2\xe2]U\x15dG\xc5"U\x8d\x9a*M/a\x1bE\x0c\x1e-\x92\xd0(R\n*\x04$j\xba(\xbaC\xa1\xb0[,\x88ba\xe7\xd3N\xa1\x98V\xd3\x8aD\x8c\xcc\xed\xb3\x1aYX\x95\xb1G\x02\x94B4I\x17\xb1D,\xb8\xc3\xa3\xfb8\xe32tw\xdbl\xb6X,\xe6/\x97\xfd\xfe\x8f\xe1\xb7\xe2\x8e\x82^\x83\x8d\xda\x0c\x13\xec\x87\x1a\x19\x17$%]p\x87A\x12w8\xb4\x17\xda\xdb\xc8\xacgJ\x19\xa8\x8d\x8c\xe54\x15\x8d&amp;\x12\xb3P\x89Db+\xb1\x95\xdc\x8d\xc7\xcaow\x14\xeeR.\rl\x9ch9\xe3\xe0\xdf\xccsJ1\xbc&lt;\x93\xc9\x84Bp_\xb7\x06\x83AW&lt;\xbe\xbb\x9b\x84J\xa56\x81\n\x0b\xc0\x9e\xc2\x85\xb5\x1b\xfb\xb8\xa3`\xees\'\x1a\xa4\x8b\xa6\xd7r\xb89S\\:&lt;\x93\x01\xacLy&amp;\xe3_\xb7\xc6b.\x802$\x93\xd9l*\x9bM\xccF\x13\xa0\xd4\xec\xea,\x01\x03\xaa\xad\xad\xadxyG\xc2\xa5\xa2\xc5b\xa4\xd9*Gf\x06I,\xcf4*\x93\xf1\xfb\xad@\x15\'je\xb1@\xa6("\xe1\xef$Q\x0b\xb0\xb6v\xc3*\xcaU;\xd2"Z\x15\xd8\xa1\xa1i\x83X~\x84\x82\x9b?c\x8d]B5\xa8v\xb3@\x84\xe5X\x05\xaa\xc9I\xd4\x0b\xb1\xcai\t]\xd4b\xc0a+\x18x\x8a/\x86\xfc~?B]j\x05\x1e&amp;\x91\n\x12\x05`@\xe4\x10\x04a\xd4\xb1\xba\xfapu\x12\xc0\x88\\\xd6\xa2\xc2k\xd4\xe9\x035\xf0\x10\x02/\x96\x1bT\x00e\r\xc6\x16\xe2\x7fRa\x9e\x1cF\xc1\xeb\x15\x8c\x00&amp;\xf4\xd8G\x1f\x02\x17b\xc5D\x15\x9a\x97\x16Xt\xa0\x82;\xa1\x84\x1eZA/\x80\x82e\xb8\xe0\x8a\xc3\xfaK\xa6\x80j6\n\xb1Zu\x08F,A\xf0\x82f\xc8\xd5p1\x94\x86&amp;\xa1\x89Z\x90-\xc0R\x88\x87V\x04[\xf7[\x17l\x86\xb1\x14T6E\xb4B\x07\t\x92\xd7k\xea4{G\x8d\x0fQ.\x04\xcb\x88*\xc4R\x83\xfd\x87f+\xd8\xdf\xd5b\xc8\x8a\x85X\xc1\x05\x9bn\x0c*I\xd4J$\xa2\xab\x08\xe5\xf5\xfa|&gt;Sg[s\xa7\xb9\x07]$z\xc5\xde\x16%\x8a\xfb\xa2\x05\xd69\xec\x85\x8aZ\\\x8e\x11,\x08\x96\xcbe\xeb2 U2E\xa0\xae\xa8L&amp;Sgs\x7f\x7f[\xb3\xcfn\xbf\x94k7TH\xf3\x9ad\x8b\xad\xc2\x94\xa0\xa8\xe2\x0c\xc1\xb2b{\x0f\xfec`lqq\x13+\x1aE\x03\xc1?\x94\xca\xd7\xfb\x97\xb6\xbbw\xfb\xfb\xcd\x10\xae\x86\x8f\xe0bQ\xd2\x06\xebD\x06\xaa\xb4H\xd4"h\x0b\xae\x01\xdd#\xa0\x9a\x9e\x9e\x8eF\x1d\x8e(\xaeB\x9f\xd7w\xdf\xe7\xd3\xa3Z \x97\xb9\x81\x05\\\xc1\xb0\xa8F4\xd8\x14i\xfa0\'\xc1\xe4\xe2\x9e\x89a\xa1\\\x0b.\xf0pq\x13\xa1\xa2\xf3\x0e\x07\x89;.@T\xccl2\xeb\xf5f"\x17PMN&amp;3\xee\xb46Xk9\t\xa8\xf2\x19`\x82\x9f7\xb8G\xdb\xba\x89Z\xf3\xc0\x95M\x18\x11L06\x9c4w\x9a\xf5\xbe\x9eQ\xfb(\xe1\x02\xacR\xbe\xa8\xc9\x081qT\x8f\xa4a\xca[w\xb9b\xd0F\x83\x0b@e0t\xa3\\\xd1\xf9h"\x19\xf5\t\r,\xb4\xd2d\xee\xec4\x9b;\xf4\x80EV\xe3\xc1\xd3\xe0q\xb1~\xa8\xc11\x83^\xaa\xa8 \xd6^\xd0f\x809\xcf\xb5\x10|\x03\\6t\x11\xf2\xee\x80\x0b\x9b\xbb\xd1\xe8 }\x1e\xb0\xcc\xa0XG\x8f\xfdR\xad\xa7\xa7\xdb\xe2\xc5\x91\x06b\xb1\xed\xe7\xaa\x98\x7fW\xb2\x19\xba\r6\x17X\x08\xd1\xd2\xe9\xc6\xd0E\xc8;\t&lt;bA\x97 b\xb5\xfd\xe43\xdf0\xeb{\x88\x8d\x0f\x1f\x1e\xa4&lt;\xa2&amp;\xa7\x0c\xb6\xa5\x9a\x16\xf3\x1e\x9d\x0e\xb0\\\x0b\xc0\xd45\xf0\xe3\x8f+\x8f\x16G\x00\x8b\xc4\xca\x08WC,\xec\xa6\xb0\x12\x7fj\xbe\x01\t\xb3\x13\xb0\x83\xd9\xf1\x0b8\xf2k1\xca\x9f\xd4\xc5w\xa7N\x1d$\xca\x86XH\xb5\xf2\xc7\xdc\xdc\xe0\xe0{A0\xbe\x17\xbcW\xc92\x99\x9a\xfb\xef\xdc\xc1\xc6\xd5v\xa5\xd7\xe8\xc3\x83\xd3\x8b3-\x86y8\x8e\xd5.\x9e;\x07\x9d\x88\xe5\xfa\x8a\xf5\xc7\xdc\xe0\xab\xf9\xf7\xc2\x10h\x84&amp;b\x97\x07\x07\xefb=\x83\rH\xaf\xd7\xf7h\x8a\xd5D\x1f\xd6.&lt;\x80E\xa8\x82`"P\xad\xfc\x93`\xdd\x1a\x1a\xf2\x9a|0\xd1`o\x80\x9d\xa7\xed\xce]\xf8\xe9o\xeb$X=h"`U\xb5\xc1Z\xbb\x00\xac\x11\xa7\x0e\xb0\\}}o\xa6\xfa^\x10\x17Q\xad!\xe1~\xafI X@\xf5\xf2e[\xff\xb3;\xcf^\xf6\xf6\xde\x7f/\x00\x98\x9d`\x1d\xff\xa7E\x0b,\xf6\xe8\xfc\xf8\xf9\xb0sX\x07ruMm@My,\xf7\xc6_\xac8G\xa6\xe7\xdf\x83ZF\xec\xf0\xb8O\xf7\xf6\xf6&gt;~\xf2\xe4\xd7\'\x0f^M?Z\x9c\'\xf3 `\xbd;\xd1\xe4\\\xcd.\x9d\xbd\xf3\x0c;\x9d\xc3\xdd\xdd\xae\xd2^&gt;\x9fw\xe7\xe1\xac\x98?\xde.\xf5\xe9\x16\xa7\xe7\x87n9P.S\xef\xfd\xa1[\xf3#\xa7\xa5\x92\xe5\xc5\x80\xce\xb986\x96\x8a\nv\xe3\xc1\xc1x\xe9_\x9a`M\xb4W\xb7=+s\x83\xc3\xba\xae\x8d\x90\x1b\x8f\xd2\x8d\x93\xb5\x18\x0e\x95\xba\xc6R\xd3\xa9M\x01\x1a\xbd 86\xbbm\x99\xb0\x88\xa7\xdb\xa9\xeeG\xdd6\x03\xfc\x81\xfd a\xf1\xfc\xccNh\x91-\xc4:\x1d\x99\x1b\x1e(!\x95\x1b\xa4"\x15\x86\xda\x0b\x82\xb3)\xa1\xd3\xb4:\x9b\xc8\xee\xc6\x83\xeb\x99\xe5\xbd\xe5\x8d\xa9\x01\xe7\xe0\xab1\x98\xab\xa3\x82#a\x19\xffY\x8bhA\x9b?\xdb\xf6\x8cC\xe6\xfb6\xf2aw\xfe\xf9s\xcf\xbd\xf1\xf1qK)\x14\x06\xb4Pf=\x9846\xdf\xd6\xcfn%\xe30a\x04]\x06\xe7\xe0\x83\'\xbf&gt;~&lt;4=\x96\xdat\x1c\xa4,\xa7\x9a`5\xd1-U \x19\x9esN\xedm\x946J\x1e\x8b\xc7\xf3|\xfb\xf88\xefF\xe9\xe0\xe8oM::n\xdf\xeeY\xcd\xee\xc6f@@\x08\xdd\xbd\x95\xb9\xbf?\xb9?\x84\x1b\xa6c8x\xaa\x8d\x89\x13\x81\x13\x8f\xc7\xe3\x9c\x1b\xee\x9b\xb2\xf4M\x95\x8e\xddbZ\xe1q\x04+~\xdaq\x87\x96g\xd6\r\x8e\x8e\x9b7o\xe8\x1d\xc9\xf2\xeb\x9dO\xaa\xc4\xc3\x18T\nv\xdd\xf2\r\xc1\n5&amp;\x83\xdd\x7f}v\xf3\x97o\x0e6\xf1\xcb\xbf\xef\x8d#\x96\xf3E_\x9fe\x03\xa1$\x95\x92k\x17\xee\x9dOJ\x01\xb1\xe2Q{G\x87^/\xc4?\xff\xf6\xdb\xeb\x1d\x85J\x17\xd3b\xc6o\xddt\xe0\xf1,\x19\xdcMnM\xde\x0c|k.\xfa\xc1\xc7\x8f\xe3\x16h\xf3\x83\xba&gt;K\xc6]\xd8Q\xd2\xaa*)\xe9\xe3m\xfc\xff\xb5\xf0\xf2\x8c?\x9e0\xf6t\xf4\xe8})\xff\xeb\xd7\x9f_\xe3\xa7{\xf9B\xd9\x1f\xcb:\xec^{*\x98|:\xf9\xb4\xf3[c\xd1\xec\xdf\xfc\xe5\xe0xixd\x10\\\x0c\x15\n`\x91X(\x14\xc2\x1b{"P}\x0c\xcdX\xe3\xd9U;\xec\xcc\x1d\xc6\xf8\xef\x9f\x7f\xf7\xcf\x94\xff\xcb\xbb\xf9\xbc\xa6\x95\xaeq|\xb8\xe0d\xa5\xc3 \x82\x1c\x13\x7fp&lt;\x1e=\x8a\xd1\x80\xc70A$\x97H8J,4\xc6\x881\xb5RM(Vc\xf1b\xd24\x9a d\x88\xbd*\x17\x89\xa5D\x87&amp;\xa0\xb4\xd5\x92E\xa6\xc9\xf4Gv\xb3\x10\xba($\x840\x8bf\xee\xae\xcb\xae\xca]\xcf\xf7=\xb9\xe5\xfe\x03=\xf7\xc9F\x92\xcd\x87\xef\xf3\xbc\xdf\xe7y\xde\xd74\xdde\xc3\xf6\xa7\xf1\x8d\x05\x87\'\xea\xd9\x9c\xd9\xf28\xb6\xa6\xbe\xb5X&gt;\xdf\xea\xc4\xcc\x04\x03,?\xb3T]\xde[i6\x97\x11\xc5\xee\xec\xf2\xedg\xcfn\xaf\xbc\x19\x7f\x00,\x07\x1a\xa0gtc\xf1\xd3\xf9\xf9\xf8\x03k\xec\xc6\xe6\xc6\xfa\x8b\x87G\x1eL\xa9\x0f7\xf1\'\xdd\xe0\xdb\x17}\xc3o\xcdqn\xae`\xa7\x97\xaa\xc5\xe2v0\xd8m\x92\xeb\xb77+O\x91\xae\xe3\xc5lv\xfd\x9fk\xa3\x84`k\xe3\xc1\xf9\xf9\xf9\x83\x17\x1bk\x93[\x0b\x0b\xf3\xf3\x0e\xd2\x15\x17\x8et\xf8\xf0\xedK~(\xd5\x9aq\xf9\r\x1cK\xb0\xb6\xbb\xd5j\xb5\xbb=;[|s\xbc\xf7\x14I\x9c\xcdZ\xb3\x13\x9bk\xa3:\xcc1\xf3\x0f7^\xc0\xba\xd67\x16\xd0%=:\x93I\xa109\x8e\x8e\x1c\xd3\x0e\x95\x04\'qh`]\xb7jH\x12\xb3\xb5\xaa\x18\xdd\xed\xed\xed\xd9\xe5\x95=\xa40[_\xcf\xce\xb8\xd6F\x80\xa5\x834\x0b\xd3\x0b\x0b[\x93#\x18\xbd(\x15B\xa1s\x1cM;\xe6=\x96\xd4\xb7\xc7\xf2\xdd\x8f\xac\xcf\xccp,\xab\x9dY\xaa\xd5jY\x83A\xc3hj\xdb\xc0ZyS\x9d \x13\xabu-\xccc\x1c%\x03\xd6\xd6\xf4\xd6\xbcS&amp;G\xc0\xc9\xc8\x06t4\x8d\xaa\x9b\x92\xc0\xe7}\r\xd6\xb5\xf4\x00I\xd4N\x90\xb5GSO\xd6535\xa8\xb5r&lt;[\xabOdk\xc0\x1a1\xf1:\x12\x8e\xad\xe9\x85\xf90/\x93\x1b\xd3\xe94\xbc\x0cX\xbf\xe0\x94\x0e\xa4\x18l\x1ay\xd7\xe2\xb8\xd6n\xe7&amp;\xc8\x8aQ\xaf\xd75\xd9\xda\xf8\xec\x9bc\x98C\r\xbf\x11\xb1\x80\x14\x16\xb9\xa6\xa7\xe7\x1d:\x9eW\xa4\xf1\xa3\xba\xc6R\xa1\xb4|\x12\xf4\xea\xe7\xd6\xc5%\xf8\x96\xdf:3\xa1\xd1\x10*`ug\x8b\xc5b\x17L5\x82\x15v\xea\xa2\x80\x82d\x0e\xc7\xa8#\xac\x03\x96Z\r.\xcf\xfc\xd1\xa4GaiH\xd1\x14\x95\xab\xd6q\xad\xdfn\xb7k\xeb\x13u"\x16$\x1a\xaf\x82\xabY%\xc2e\xb3\xae^\x94G\x00K%\xa6R\xc7\xa7\xd3\x16\x8bE\xadP\xa1\xdat\x0e\xd5\x944#\xc4\xaa5k\xf7\xa3\xfbpV\x91*{\x01\xb9\xaap\xafn\xd0\xa0\xc1!\xa8\xe7\x80\x85Z\xe2\xc3&lt;\xea\\G\x08\x15j\x8b\xc8\x05,\xc7\xb4i \t\x96o`]\xd4\xfa9{\xc1\xce\xd14\r.M\x16"u\x91\xc3n\x95$Q[\x19\x89R\x16\x0b\xc5\xebL\x16\xa3\x8c@\xf1|\xfa\x1a\x0b\xbeu\xe7\x8en \xcdd\xd3\xd8&lt;_\xe48{\xa8\x10\xb9L&amp;\xb5I\xa2\x98\x06X\xe8@5MRSg{f\xa7q0\x90\xa7y]\xda(O\x8ba\xbc\xc6Ry\xa6\x7f\xb9c\x92\xa2\xe2\xc9\x1dx`\xf1|\x06j\x85b\xc0J&amp;\xeb\xc9\xa4\xc6\x10,\x1e\xaf\x1c\xd7\xea\xc9\xcb\xcbd(\x9f\xd7\xff}\xb0\x8a5Q\xc1;)B$B!\x14*\xc7\xc2\x1d\x87E\xaa\xf7\xeaAdq\x1cX\x85X\xec\xb2\x84\x1d\x11X\xc1&amp;\xec\xf4\xb8\xc4\x96\x0c\xd8fc\x153\xb5\xe3\x14\xaf\x99G\xc2\x94qj\x8apM\x89j9\x8e&lt;\x12\xe5\x90\xcc\xa7\xf9\xf5%\xad\xfdF\xa1\xc0\x82\x0b\x01\xac\xe2\xca\xde\xde\xf2e\xb2\x7fs\x17\x99t\xdd\xe8\x85o\x04g\xb3[\xfc\xe8VX&amp;n\xfc\xa0\xb2\xc0!\x1c\x93j\x95dX\xca\xd5\x9c\x96\x81Z\xe0"X\xc9\xafX\xb5\xe2\xb3?\xfe\xb8\xd9\xecV\xb3\xae\xb5\x89O\x9f\xce_\xe8\xc2\x0b\xa3D.\x91J\xadV\xabF\'\xd5\xea\x86D9D[d9,Y,\x91K\xcc\xa2\x98\xc4\x95b\xf3\x18\xf3`\xbf\xd9-\xce\xbaz\xbd\xde\xc6\x8b\x87\n~t4j\xbc\xa6\xb2\xa4\xd3\n~dR%k\xf8\xa4\xe2j\xc4\xacZ;\xcb\x86\nl\x01\xd5\x95d4\x98\xbcp\x10\xbbElh}\xa2V\xc5\x1c0\xafm\xf1F\x99s$,\xb3\\\x8bE\xba\x8fc\xd29\x95\x92\nK\x99\xea0~{\x85\r\x85B,\x07(`\xcd\xc2\xb4\x82\x87\x87\xed\xb7\xbb\xed9\xb7!b\x8e\xc7\x03\x81\xb4\xd1(\xa7\xc8-\x17\xea]\x8d\x82W\xa8T\xe1\xa3\xc0@\xb2\xef\xff\x0c\xa5n1\x8c\xbf\x80,\xb2,\x1c\x82a4\x06w0\xe8v\x07\x0f\xda\xbbo3B)I\xb3\xf9|".\x97Qi\x99\x8c\xdc\xcd\xa3\xae\x14d\xe0Ry&amp;m\x92\xe5\x105\xdfX\xbd\x15")Dm\xd1P\x8ba\x0c\x06\x83\x10\x9c\x03\x166\xeeX\xd2\r\xf3\n%\xf46\xbd\xdef\x93\xcb-F\xb5\x8cHEF\x08J:*\x92Fe\xea\xb9\xc8\x15\xe3D\xac2v\xeb\xb9L\x86`\t\x97\x85\xe4\xa1\x01\t\xce\'\x12\xad\xd6X|lGnT\x13\xb5\x00f\xf2\xa8\xa5\xfd\n\xd7\x90r\x95`\xb1\xfe\x08\xadah\xc6K\x98\x0e\xde\xb6\xdb\x07\xeed%q\x19LV\xf2\xd0\x0bdcqp\x19\xbf\xe6\xd0\xa4\x93\x18\xcb\xa7\x1c\x84*0\x08\xce\xcfi\xe8RY\xc8\x9088\xc8\x08I\xd6\x1c\xaf\xd4Y\xbd&gt;\x90\xc8\x8bz\xb5\xc6\xc6d\xa02\xa9\x90G\x93\xce\xa2\xf4I\x8a\xe5\xbb\x1f*\xe0 \xfac\x1c\xc3\x95\x04\xe1\xe4\xe4$\x939\x11\xca\xe5\x8b\x8b\xcb^/\x07\xdb\n\x8c!Z\x9d\x0e\x11LN\x8e\xa1BA\xa9tS\xd2b\xc1\xbb\x12\xa1P\x85`\xd1~\x1aL\x07\x19\x90\x9d4\x8b\xc5\xe3\xe2Y\xfd%\xe2U%1vk\xacsu\xd5\x8a\xb7l\xd7X*^\xb2\x86\xf8?\xef\xba\x15"\xcd\x9a\xf5\xd3\x1c\x93\xc9\xb4o\xdel\xb7Wn?z\xf4\xe8O\xc4\xf9\xf9{\x12\xb5H\xa5\x14\xf4\x16Z-\xbdLAA,\xca\x14\x1d\xf8$V+\xf5\xbc\x12\x02V\xcc\x0f\xb5\x883\xdc\xbe\x89\xfdu\xef\xcf\xff\xc6\xfb\xb3\xb3\x97g\xef\xdf\xd7\xeb\xc5b\xa9C\xb0d \x93\xf1\xce\x86\xb4T\x04K\xec\x89~\x8e\xe6hw\xe60s\xd0l\xf61\xa1\x9e!\x7fgg\xaf\x1e\xbf\xfb\x80\xe89\xa9a.\x96\xbf\xc6\x82\xb1RTCZ*\xe2\xf49\x82\x85\xb9\xd9\xcf\xb8\xe7\x0e\xe1\xf2\xb0\xfa.\xb0\x1e\xbf{\xfc\xf8\xc3\x87/\x1f\xbf|tb:\xa5\xa2\xe6|\xdc\x06(5\xa5\xa0\x9cwS\x12\xab\xa5L\xc5\xb5H!\x91\x8b\x83\x99\xba\xbdn\x18\xfdE\xed\xe2\xe2\xe5\xabw\x90\xea\xcb\x97\x8f\x1f\x9d|Z\x0e\x1e[ aS\xcb\x88Z\x04K)\xb5Z\t-\x17\x83\xa1\x82+I\xb0\xbc^\xd2\x18\x83\x04\xec\xe5\xabH\xeeIo\xc4\xc9S\x10If\xd3\x07l\x04\x0f\x1f\xc2;R\xab5\x84\xe5Z\xeb\x17\xe5\xa2\xcb\xe8&lt;\xde\xb2\xd7\x10\x0c6\xfb\xcb\xfd\xfe\xdb\xe6a78\xb1\xb9\x16\xa5\x08\x16E:\xa3\x9e\xb2\xd9(}t\xc4&amp;5\x96\x8f`A\xafX\xacT\xf2\nn\xf1\x16\xdc`\x08\x1e\xf6\xfb\xfd]p\xb9\xe9{a\x94\xb8\x98;}@\x1f\xa5@\x15\x186K^\xf2\xdf\x01\xcb\x05+\x8d\xc5\xb8dY \xaf&gt;^\xc6\xcbh9\xbf\x9d\xd3\x18h?;\x8c\r\x03\xcb\x0f\xa8l\x81\x00\x06\t\xbd\x8d\n\x9b\xa3\xa6\xff\x0bV\x8e\xa3\xa1V\xd9\x0b,7\xaa\x8b\xa1\xed\xe4\xd1\xc7\xfe\xe4\xde\xb0Y|#\x13+J\x16\x0f\xe8ID\x87\xa3\xa6\xb0\xd4\xbe\x05\xacMW\xc4N\xa3W\x97\xcb\x820\x070/\xc3\xd9o\x0c\x07\xcc\xbd\x1ey #\xef\x89r9\xacaG\xff\x95\nC\xb3\xd4\xcd\xe7\xbbF\x05X9\xf8V\xa9\xbc/\xcc\x89o,4G\xd4B\x04\x08\x15\xb0\x8c\xf2\x1d[\\\x1fG\xe8\x03\xe6(\xb9\xa4\x94\x1ak\xa8\xc1n\xba\\.;\xcd\x94\x91Dp\x91\xe2\xe2\xc47E\x11+\xe0\xdc!\xef\xe7\xf2x\xbc\xd5J \xee\x99\xd5\xe4jdJr\xb5\x08\x966\x12\xe1p\x041\xd8\x08^\xc1[f\xe8\x08\x0b\xac\x1eQ+\x9e6\xde\x95\xcb\xc7\xe2\xadD\xa7\xd3\x19\x0e\r+\xb0&amp;\xea\x1c\xb2\x94O\xd2\xaf\xcc+I\x12\xe1\x10\x11?\x8dS(\xcc\t\x02\xb1\x882\x17\xab`\xd6\xea\x99\x036\xca&amp;\xbf\xbb\x83\x91+\xd1\xc1\xa4Q\x18\xa6\xb0\xfb\x00+|\xff{)\x8d~\x08j\xe5\x08\x16G\xd3h\x89s\'\x82\x18\xde\xa4\x9f\xadT\x86C\xf9\x80~\x071\xd6"Z]\x9d\x9e\x16x\x85ZTk\xf4\xf3\xeb\x9f\x7f\x93\xec\x7f\x91\x86\x86\x94\xf7sO\x80\x05(\x86\xf6\xceA,\x98\x17\xd8\xbc\xa5X%\x94\xc7\xda\x83\x19&gt;\x1e\'\xf9\xebt@\xa5W\x93-Ca\xf2L\n\'\xfb\xff\xf9\xf5\'\x89\xbe\x06\xae\xfc\xfe\xb7\xcf\xb9\\N\xab%K"]\x12\xc8\xc0|B\xc6\xf99a\x9f%X\xf9\x04\xa9t0]]\x9d\xee\x83\xca"\xae\x8a&amp;\xcf|u\xb7\x1f\xdc\xff\xb74\\\xca\x1f^\xff~\x12\x89\xb8\xb4\xd8\xc64\x06\xa6L\x0b\x18\x9a3\xe2F\x96\x11\xf6O\x0b\x04L\x14\xaas\xb5\xef-\x17\xf4d\x83%k\xb5I7_\xdd[)\xd6N\x7f\xfe[J\x82\x0c\xfe\xf0\x8f\xdfw\xfb\xb9\x88\x96`a\x9e\xf1\x96\xf7\xbd\x18P\x0f\xda\xed\xf6\xdb6\xce\xe4~\xec*t\x05\x99N\xf7\xf7\x05\xe14\x14\xa0\xe4\x16\x0bvXuZe\x9a\x1f\'\xafi\x9a\xcf?\xfd\xf8\xed\xeb+\xf5\xaf\xd7\'O\xfb\xc8\xa1\xb5\xce\xfc\xc5\xca\xf9\xc04}\xa6q\\\x9bQ\x12\x10\xfb/\x1a\x04\xae\x81\x02\xd2\x95\xb6\x89\x05\x0e\x07\xa6(\xb8\x1d\x83b)\xd6Y\xbcIG&amp;ZX\xd56\xfc"\xd9\xeeN3pP8CJ\xc0\xc4\xa0SL\x14X\xb4x\x8b\xc1\x15GS\x98\xbdHi\xc3\xc9\xd0\xc3V\'P@\x109Ar8\xfcw\xbb\xe7y\x7f\x05\xbd\xcb\xee\xcf6\x9eV1MH&gt;~\xbf\xdf\xf7\xf9=\xef\xdb\xfe\x1a\x9e\x9c\x1c\x05+\xf0p\xd3\xbbg\x81\xe9jC\xc3)\xd8\x95\x9575u6\xa1\xabW\x9a\x0eE\x08A,\x9a\n\x8f\x9a\xbf\xa8\x81\xd1\xfa\xd8wU\x1c\xe6r\xdb\x18\xc8\xa0\x1e\x9e\xfat\x9f\xe1HR&lt;X\x18\x85\xa7\x0fi\x87a\xaf\xb8\x03\xa9\xf2\xf2\xf2\x80\x0c\xa5\xbbzu\x7f\xd3\xb9\xc2l\xad\x18\xdb*\xa1B\xac\x0f;ZZ\xce\x1c\xec\xac\xe4,\xf7r\x0c\xe4U\x01\xd6\xed\x0b\xb0\x10\tV\xf26x\x94w\x1e\x06\xc7v\x9cj\xc0OF\x90\x0f!4\x9cm:\'\x16\xcb`t\x80^\x1f\x12J\n2\xff\x9bO\xce\xdcn\xf9\xa0\xa9\x92\xc3Y\xe6\xd4\x07\xb2\xcc\x88u\x1c\xc4\xaa\xad\r\x8fJ&amp;U~\x18\xb9\xd2\x92\xdb\xf0-\xfe\xbc\xbc\x83\rga#&amp;\x13\x17\x88\xc5\xc5pe\x0c\x08\t\r!j\x01\xd6\xe7\xf7o\xdf&gt;S~\x99\xc3Z^\xb9\xde\xe6]\xaa\xa4\x1e\xee\xff\xf4\xf8\x91#|\xc4\xda\xd6\x86j\xa55u\xa2\x8f\xc9m\x17\x1a\x0e6\xc0\x84\xdaV\xae\xd6B\x8b\xd7F\x9ab\xf0\xfd1 \x0b\xa0\xb1v~\xf8m\xcb\xed3M\x95\x0c\xa6\x91\xb9\xcc\xd3\xf2\x10\xf5\xf0J\x0b\xa8\xc5\x8fO%\'[\x10\xae(H9\x0c8;\xda\x002\xed/8\xe0h\xc50\xfba\xb0\xf0\x01X\xd0\x1f\x08\xd6\xe7\xdf\xda[\xcet"V\xd9r~\xa2\x92w\xfd\xe2\x10\xe5\xbe\xf5\xc1\x05\x1a\x8b\x84\x0b6c\xb0\x18\xcb\xd3\x92\xb7\xedHF&amp;\x18\x03\xb3\xb5\x91\x912\xb1\xd8\x84Po\xc6\xc08\x88Tk\xa0q\x01\x96\xbd\xe6\t\xacD\xe3\xdde|\xdf\xe0m\xde\xf4\xdc\x10e\xbb\x96\xd7\x00\xf3C|&lt;P\x11\xc1\xa2\xd2\xf6\xc0\x80\x83A\x83\xe9\x06\xb0\x80\x0bFe\x13`\x91\x82\xd9y\xf5G\xab\x7f\xbdf\xfd\xfa\x9d_\xdc\xb7\xdb\x1b\x1dU\x90\xad\xbe\xe9e\x94\xab\xc81\xe7\xa5l\x0fO\xe5\x85\x1bp)F\x1d\x80~\x9a|\xecXT\xf9\x1e\xc0\x82\xd6\x1a\x1b\x9d\x85\xb3 P\xc1\x04/\x0e\xf1\x17b\xadY\x8fj}\\c\xb7\xb7{\x15,&amp;\xab\xefk\x16\x8f\xb7&lt;w\xcf\x07\x06*|\xcf\x1d\x94\xcd}+\xef&lt;\x1f\xb0j\xc3\xb1\xb0yE\xed)\xc7\x96\x1f\x1b\xbb\xe8"\xcd\x05\xbb\x0c\x14\x0b=$\xc7\x81\xbf\xddm\xb7\xdb\x8f_Na1\x99}\x0fl\xb3\x8c\xa2@\xde/\x06\xc3\xef1p\xfb\x9e\xfb(\x9b\xed\xe1\xd5}\x07\xf8\xfc\xf8\xd8Z&lt;\xa3D\xb2d\xf8\x99\x06ssV\x96\x14\xb1\xfcT\xe2\x00\xbf\x89\xaba%"\xd6\x1f1Z\xefV2\x10k\xd8\xdd\xd5\xed\x9ce\xfcB\xc9\x02y\xbc"\xf3\xc0\x80\xcf5BQ\x94\xed\xd6\xc1c9\xd1\xd1p\xf9I\x8d\x8d\x8f\xa5\x0fu\x01,\x1a\xa8\x94J\xa2\x16`\x99L\x8b&amp;\xae^\x03&amp;\x02\xd6N\xfc\xe4M#$\x1e\xb1n\x0cuI\xd8\xe3]\x83\xb3?\xff+\x1a@(\x1e\xc760U?\xe0p\xf5\x03\x16\xf5\xe7S\xdb\xf7\xe6\xc4\xd6\xd6\x02Q|4\xce]\x98\xfepP+N\x1f\xa1\xa7M\xc4d\x05\xd0M+\x00O\xdd\x00\xebw\xbbk\xec5\xfb\xac\n\x0e\x13\xb1Z\'-l\xb6\xc02\xde\xedT0y\xbc\x15\x81?\x03\xaaH\xe1\xf6\xd477\xd7\x0fx]O\xad\x14e\xa6\xae]\xc0O3\xa7\xa6"\x95\x08fz\xb0\x12\x0c\x8d\x16\xc5\xa9#\x84\x11\x85B\\\x88&amp;0\x91D\xeb#0\x11\xb1\xde\xfb}\xbb\xbd\xa6\xe6J%F\x8b\xf5\xf5\xd1i\xe7(\x1bJ \x10\x8c\x0f\xfed3\xc9\xf7u\x98\x17\x10\xaa\xb9\xb9g\xc0\xfa\xd4\xe5\x00,\xf3\x97g7\xe6\xe4\xe4 \x16\xcc\xceRi\x16\xcc\xa9\xb8\xf5\x89\xabV\xa3R2\xdcI\xe3!\x04&lt;\xe9\xc8\xc3s\xfd\x96\x8f\x1b\xed5\xe0!F\x8b\xf5\xfd\xe6\xe9Y\xc0\x12\x10..Hf.\xfa\tf\xf2x&lt;&amp;\xba\xd7\xdc\xec\xc7\xea\x9d\xf1\x01VU\xd5\xb5\xf3\xa9\xa99\xe1\xc0\xc5\xe7k\xa4R\xa9&amp;\x1aJ\n\x16\x16f\x9f\x84\x8d!VX\x80\t7\xd6\x88\x15\ndk\xde;\xd2QS\x03\x1e\x92h\xb1\x1el\xbek\xee\xb2\x10(\x02&amp;\x18\x9f\x1cK)\xe2\xfd\x1f`\x98(f\x95\xd3\xb3\x08\x85X\xb6\xfe\x99\x9b\x88\xa5\xb0\xee\xcf\x89\x8e\xa5\xd5\xd2\x00\x17\xec\xfc\xc1M\xa9\xb2:\x02\xbb\x16\xd9\xe0\x87\x89i(T* 4t\xc3\x96\x9cF\xe2\xa1\x02\xb1\x8c\x80\xa5\xe8\xb6\x08h\xb5\x04\x04\xcc\x02\xf9\xe7\xfc\xafo\x02!1\xa7\x16&amp;\xea\x9b\xeb\xe9\x02,\x95\xc762\x03\xe12W\xa5(\xae\x1d\x13\xe1\xa7b\xa3\xf9|\xd8_KqZ\x15\x89\x0c\xe0b\x04\xddMi.r\x12\xb1\x1a\xe4\n\r\xf8\xd5\x91\xed \x16x\x88\xd1b^\x1f\xde|\x97\x01X\\\xd4\x8aMc\xd1\x92)\xfe[+\xc3o[Iq\x83{\xa4T*\x15\xc1\xea\x99\xb0\xf9\x9eA\xb8\x00\x8bsy[j\x96\x88\x1f\rj%%i\xa4\x06\x83&amp;K#"M\x8b\\{\xa06D\xd2\xe1B\x13CB#\xb7|\x82\x81\xdf\xe7%\xd1b\x96\xdd\xd8&lt;\xcd\x99\xb4p\xe5\xc0E\x8a\xe0\xe1\xca\xec\x1a\xe3\xfcG+q\xed-L \x94\n\x98t\xf0P\xe1BTM\xb8\x1d\xaeg#\x88\xc5`tn\x14I\xb3\xf8XI\x06H\x17\x80\x81\x894\x16\x80\t\x85\xbb\x90+\x8c\xa8\x15\x12\x1a\xb0\xeb\xc4F\x0c&lt;z\x08T\xcc\xd6\xa3G\x11K \x97\xcb\x05\x12\t{\xb1\x10\xce\xd2\xfd\xe3`\xd8\x10\xaa\x9c\x13=*\xbat:]\x89N\xa7B3USN\xeb\xd3\x8c~\xcc\x16\x835\xb47G*\x15!\x95\x08\xefzP\x1a c\xca%\xae\x08\xc0\xf2\x9f&amp;\x85\x84\xc6\x84\x84\t\xf9\x1d\xc4C3\x11\x8byw\xf3\x8d24Q./\x91\xb3\x81\x0b\x1fK\xa2\x8dvc\xfa\xff\xcdK\xc8T\x8a{b\x89\xa9\x84\x94\x0e]\xacW\xf5,\xd8\xfa3\x9eZ\xcdf\x05\x83c\xfcn/?N*\x12\xc1\xd5Qs\x02\xef\xf41 \x95R\tXz\xfd\x16\xbd0{CX\x186\t\xfa\xe6(\xe5\xde\xfb@\xb5\xefK\xba=0\xff\xbev\xf8zJ\xb7\x85\xcd\x95\x97\xe8\x90\xeb\x15\x18\x92\xb1A1\xc5\xbf\x9c\x0b@\xa8XnO\xcf\x12\x93\x9c\x14`\xa9T\x885@\x8d\xcc\xb8\x1cf\x0c\x17\xab56UZ-\xd5`\xb8\x0c\'\x94z\xbd\x12oB\xd2\xa3Z\xd8\xe9#\xb21[xU\x84=\x86X\x98\xf4Y#`]\xb9L\xd6!\xb4\xad\xb5\xc3FE\x97\xc5\xc2\xe5\xcau:\xae$WB\xca\x8f\x85O\\\x96\xaf\xfb\xc7\xb4y\xa6\xfc\xd6!\x14\xfc\x1eW\x0e\xbf\x8a6\xd6\xf7\xf4xl\x0e\xd7\xcc\x08q\x91cT\xc7\xf3\xe3\xaa\xa5I\x98\xf9\x13J\xf0M_\xadW\xea\x89\x8bh\xe4\xae\xc80\xb8\xf4\x00\xd4\xd6\x98\x90H}j;P\xb5?1\xc3\x7f\x07\xc42&gt;X\xfb\xc0\x08}K\x02\x96\xc9u%\xec\xdc\xd7\xb9\xb0\xe0_\x96\xf1\xd7Be\x1e\x98B\xa4%(\x01\x17\n\xb2\xa5{1100\x05K\x11\xc2\xd5\x8b.\xa60X\xad\xd2\xa4$\xe0\xd2h4\x06\xbc&gt;\x03W\xc4R\t\x85\x91\xe4n-|k\xbfX\x9c\xad\xdc\xd8X\xd3x\xbf\xcdZ\xc5\xa0\xb1\x86\xd7~\xcf\x9a\x1d\x85\xb2\xb0!_\x02\x82E`$\xa0\\.\xad\x1e{\x89J\xe1\x9cP\xd1Lh\x1d\x12aG\x01\xaa\x17\x9eA\x9b\xf7o\xff\xe8\x99rR\xfd\x19t\x8b`\xb0\x8c\x85J\xa9\xa1\xba:Nc\xc0v\x05=A\x08h\xa0Z\x84\x1a\x9b\x17n\xc6\xf0\xc6\x87\xad\xe9&amp;\x990i{cc{G\x93\x99\xf6\x10\xfbC_\xd1\xd8\xe8\xe8\x82s\xb0\x1b{\xbd_*\xfc;w\xb1$\x12\x7f\xa88\xb0\xfc\xe8\x8c\xfb\x99\xb8\xd8U\x90jb\xd0\xe6\xb8yo\xfe%d\x9e\xf2\xcd,\xba\xc8jUW\xc7\xc5\xa9\xd5q\x1a%=\xf9E"Yi\x84\x9a\x8c6\xe2\x90t\xfa.\x11\x93L\xabN\xedho\xef\xf8\xec\xd1e\xdf\xc8\x88c\xe8+\xd6\xf4\xd1\xa3w\x99\x83\xa3\xe3\xf7zG\xbc\xb61\xe7dwW\xd7h\xae\xc4\x1f\xb1%0\xd2=9\x90\xf4E(\xae\x1fJ\xc0\x96\x08\xe4%%\x1e\xb7\xaf\xd75SQ7_\x0f\xe1\xf2\x12\x17\xab\xd0E\xe3I}5\x1e\x1d\x1dR\x97f\xd3CC\xa46\xbb\x10\xb8J\x0b\xb5\xe2bB\x95^\x0cX\x85\xef\xe7lo\xdf\xbe\xbb\xf3\x92\xc3UQQq\xef\xde\xf9\xde;\x8f[S&amp;G\xc7]\xc1w\\O\xfbG\x1c\x0e\xaf\xd5\x8d\xc2\x8d\xe6\xbe^+\xe8qJ\xf5\x9ay4\x14\xb8\r\x91\xf78\xe6\xeed$&amp;fV\xcc\xff\xd03\xe1\xa6n&amp;\xcc\xf8\x00K\x01` \x17\xbe[\x0e\xa5\xd5\x8aM11\xa8\x8c\x16\xdf\x10&gt;)3\x15\xfb\xb5\x82\x97J\xdfO\xdd\xb8\xfb\xc09#\xa3o&amp;\xb3\xa2\xae\xaen~~\xfe\xd9\xdcE\xcf\xf8\xc4\xe9\xa0\xa0\xe0M\xef\xe4\xe7\xdf9\xfd|\xee\xe2_\x1d^\xb7s\xb2\xeb\x15\xdb\x8a\x1f\x81B\xffPRK\xd7\x82\xef\xf1\xba\x8c\xcc\xfc\x84\xcc\xcc\xba\x97=\xe0\xa2\xc3\x95\xd0OY\xbdV\xab\xb5\xf2Ri\xb5\xbaP{\x12\x86\x06\x99L\x0c \xa0M\x01`\xc1k\xb2\xe2trGM\xb1X\x06/\xc4\xc5\xef\r\x7f\x84\x0b0\xf8\x9d\x8cLBV\x91\xb8.\xd8\xe5\n\x0eZ\x19\xb4)\x7f\xd3[\xf83x\xdd\xe9\xc7s\x17}^\xf7\xd8 \x98J\xb0&lt;S\x8bM\xca\xcf\x04\xab\x83\rN\x8fvM:m#\x8fW%Vd\xe4\'ddT\xbc\xecy\xe1\xb1A\xe8\x9f\xf5&gt;\x9e\xf3B\xf7\xfa\xaa\xb5\xb4\x14O\xfed\x05\x05&amp;\x13\xb8V\x96N\xb0J\x11\x0b\xb8\x8a\xc1A\x93I[x(+\'\xfc\x11\x87\xc9*\x1b~#\xe8\xadM\x9b\xf2\x13\x13\x12\x12\xf3\x83W\xae\x0c\n\x82?\xa8\xd6\xba\xa0Uo@\xad\\\xf9\xcd7\x04\x8d\x9a\x1d\x04\xb0\x15*Z*\xee\xab\xc2\x86\xd6=8FU:z\xef\xacZ\x97Y\x97\x00X\t\x99\xf3?\xbcx1\xf0\xe4\x0f\xf3\xf3\x89A\x7f\xeaK\x01\x1b\x8d\x05\xa5\'a__P\\\x00\x08\xe9e[\t\x16\xde\xe7 \xc3\x17\xa0\n\xfe\xd9\xa4\x19\x84\xb6mGa\xdc6&amp;\x07\xe9\x0f\x9ez\x10\xfc\xd9\xa9\xbd\xee\x16\t\x8a\x8c\x18\xc2\x02\xa1\x82\xe9\xa9\x17]\xdc\xeb2\xe8\xc1\x10\xc8m\x17\x1b\xfb\x1a\x1f\xe6KA\x14\xb2\x81\x0f\x01+\xd8#\x85\\V\xb3\x1c\xd6\x96\xe2A\xd8\xa0N\xd7\xb4\xdb\xa0\xa1\xa1]J [\xca\xca\xbe\xefIn\xf3\x1cG\xb2\xacH?\x7f\xef{\xef\xff\x02n\xad\xde\xbd\xf5\xcd\xe7W\xdfTVj\xd6a7\xe0\xdd\x15Rg\x8a@e\xeczQ\x04D\xa5\xf0\x83\xb7\x80f\x00\xed\xc5\xd3\xbf_\xfdQ\x02\xd5e&amp;\xcc&gt;\x181\xd6\xc7\xa3\xb3\xed\xf7\x17\xa1\xa9\xdc\xc1\xc0\xf1#\x07X\xff}\xf8\xf0\xfbE&lt;\xe88f\xf9\xe89\xb0\xacv\xeb.\xa4Z\xa30\x10k\xa3\xd1\x00\xc6m\xe6\x14\\\x94K\xa8\xae^\x07\xd5J\xad}\x1e\x04\xb6mW\xf9\xa4R\x86\xc1\r\xb0|\xa3*b\x11M\x91\xac\x9c\xbe\x7fq\xffUI\xa8d\xea\xe1\xa8!\x03\xd9\xf3\xb3\xe3\xa3\xf9,\t\xe3H\x99!\xac\xe0\xf9n\x18\x87\xce"\xf1}\xb7\xd3\x89\x13#\x1b\xb2\x1a\xad\xf6\xe8v\xab\xd5h\x8c\x1a\x0c&amp;qU\xa0\n,\xa1\xba~\xf3Y\xbb\x86\x18\x1f\x05\xb6\x80\x01\xcb0\r\x80\xa92-\xef\nV\xb9\x08\xe8V\xc6\xab\xc5\xc3\x9fJ_-\xa9\xe0)L\x16?\xaf\x9f\x9c\x9f\xce \xb4\xe7\xc4\x8ei\xfb\x9dA\'\xd2\x1ai\x8c\xb4\xa9=\x0fXad\x96O)\x17\xb9VG\r\xea\xc4gc\xb4\xb6Z\x04\xb1@\xf5\xdd\xbd\x9b\xdf\xdf\x1b\x93\xaav2\x17\xa6\xaa\x88\xb5\xc4\xd2\x89\x9bcU\x97P\x14\xcc\xb6U\xfa\xa8\xf4u\xd1\xd1A\x05\xa8\xa7O\x8e\xe6\x99\xf6\x80\x15\xc5\xb1ogng\x10\xfb\xa6\xf6\x9d\xd0\xf5L\xad=\x87XZe{\x94\x8b\\\xad\xb5\rB\xf1\xc1\xb4\xb5\xf2\x90\xaa\xbcu\xef\xe6\xb77&amp;Be\xed\x05A\xd5\x0e.a\xc1e\xa6\x17\xb9\x91_^b\xa9*\xd3Xf\x9e\x83Y\x81u\x85c\xebo\xf7\xa7\xa7(\x0c\x03U\xab\xfd\xb0\xe3*{\x16\x0e\x06\xb1\xb7\xc42\x05+\xc6\xdbJ\xdc\x95s\x8dD\xac5\x88\x05\x9e\x9ck\x84h}\xf7\xec\xc6\x9d;o,\xcb\x02\x15r\xd8\xad\x92\x89\x08\x86\x88U`yK,\x1a\x8b\xc7y\x9a\xadJyg\xe0\x9c\xf3\xf8\xe5\xbf\x89i\xd8\x99N&lt;ptB\x1d\xd8I&lt;\x18\x84\xc4r\x1d\xd77\x89Goy\x9e\xc8%\\\xbb$\x11\x9dF\xa3\x8d\x8d\xf1x\xbc\xbb\xbb[\xc1q\xab\xdd\xde\x1dO\xee\xd7k\x16\xc5:\x9b\xa3\x10yG\xd6\xa2)T\xca\xd0\xb0V\xa4?\xa9\xa5&gt;R\xd9^I:\xd6\xb5\xcf\xfe\xfa\xe7\xe5\xbb\x8b\xd0\xc7\x9f\x98^\x92\xf8n\x1c\'v`\xba\xc0rh\xaaH\xb0h\xb8N\xecjm\x1a\xa7\'\xec\xf5\xf0\xd7x\xf5nk\xb4A\x9c:B\x88(\x10W\xe5:\xe6Q\xec\xc1\xf0\xc7\xddn \xf9\xa9\xaa\xb24\x08Ek\xe1\xc3\xc2\xa7\x1f\xad%\x89\x14*\xc3!\xd6\x15\xba\xea\xc5\xa3$\x0c5\xa8p\xb6\x1b\xc1\xefY\xa0 \x8e\xf4d-.\xe0\x16\xcbP\xec\xc0cfv&lt;\x16,p\x8dw\x05G\xa2\x8e\x87U\xc9g\x05k\xb3\x0f\xa1\xb0k\x9d\xcc\x05K\x11\xcbXb\x99t|b\x88Zy{(\x13&lt;@\xc1\xfa!\xbd\x05W\xad\xffz\xe1$\xb8!\xb5\xc5\xd98\'\x19\xc1\x00\x00\x02\xccIDAT\x10+\rl3\t\xe1x)\xc1$\x12,\x8d#q\xe8k\xdfT\xf3\xc3\x1c\x0b\xea\x80\x868\xcb\x00\x16\xa9V67\xad\x9a\xc5\x19\x0b\x93_\x8e\xc5\xfb_\xc2\x8aX\x88\x82Ue~\x05+\xe8\x06A\xe6R\xadk?\xfey\xf8n\xe18\x8b\xd81lezX\x1f\xc2\xd8\xcd\x82*V1`%\x1a\xc9K"\x18N\x13\x0brE\xdaC\x1a\xc5\xf5\xc2\x95#\xd5+\xcd~\xb3\xdf\xeb5{;\x13t\xd0\x95\xfez\xa5&amp;\xf9Dw\xa8\x06]\x1b\xd6\xa1\xa3\x04\x8b\\t|\xd1\x1f$\x94\xc8I,\xd3\x89J_^{\xf0x{&gt;\x8b\xc0\xc5\xdaS\x9a\xcbV\x18B,\xa5]\x14"\xb4A\xd2`7\xcf\xe3\x16\xcbm\x08siSe\xc7\xbd\xa6\xb8\xc9*\xb8\xfa\xfb;\x93\xfd\x9d^og\xdc\xdbE\xe6\xd6\xfbVn\xb3\xf6y\x95\x99\xc9\xb1`-\xfd\t+\xf2.aA\xcd \xa0\xac\xbe\x93\x96\xae&lt;x\xfd0\xcd\xd2E\x1a\xc3\xe5*\xc3\x82@,7\xc3e`|\xac5\xd2\x18\n,-XNjzZ\xd9\xd9p\xfc\x91\x8b\xd1\xdb\xef\xf5\x805\x99\xe0H\xad\xd6\xdf\x04S%\x17\x8b\r\x9e\xcd\x9dj\x99\x85Z\xec\x0f\x11\x16\xea"\x83U\x96"\xb4\xeavm/qg\xa5\x07\xaf\x7f\xe8\xb8\xb34]\xb0#\xa9\\,\xc7\xd16w\x9dx\xc0\xba\xa3\\~\xaeV\x04!C\x14\xa5\xd6\xe0\xce\xbb\xc4G\xae\xde\xfedL,\xfc\x8ck\x15\x0c\xc9\x85X\xc7\xbc\x1b\xb0\xc8Uf\x12\r\x19\x1f\xe8\x0c\x9f\xfdA:\xa8,;&lt;10a\x97\xac\xf4\xf8\x174\xee4\x9d\xbd\x1dtB\x0f\xca&amp;\x80\n#\xae\xa4f\xe2\x14\x8e\x170b\xa1\xd3\xe4X\xa6\t\x1f\xa8\xf9\xd9e{\xf5v*\xf5\x9d\x9dI\x1fz\xd5k\xcd&gt;\xb5"\xd7\xe1\x9c\x1a\xa0\x80\x88#\xd6\xca\xf7p1\xa8U\x16\x1c\xb4\x7f:KN\xd4I\x96e\xa5\x83\xb7X\x8d\x93\xd9\x0c\xf9B\xdb\xd2iD\xb1|[D^\x16\xa2\x80Q/?W+B%*\xe1:i\xe6\xdd\xca\xaa7\xeb\xcd~\xa5"\xcd\x143\xb5\x85\xff&amp;s\xac\x8d\xa3.\xdb\x03\x9cJ7p]\xc5\xe7\xe3\x05\xf1\x11]\x94\x93\xa1\xa4U\xd9*\xcfa`{&gt;\xb1\x1e-\xe0k\'\x03\xd6\xe0b\x81\\\xba\xb8q4C\x00\x10\xc7b7e,R\xb4\x88E\x02\xb1bz~\x91f\xca@}\xa8\xe3\xe7\xc2\x85f\xd5lV&gt;\xb5\x88Z\xb3i\xe5\x9d\xb5\xbdG\tX\xf53\xb9P\x9a0\xb8]p"\xf4q#P\x04\xc4Z\x1a\x1e\xabKV\x9a\x0e\xb7\x0f\x0e\xb6\xb7\xf8\xfb\x8b\xe9p8\x9dN\xb7\xb7\x87{{\xe7\xdc=\xe0\xd7\xb2\x86EL%\xb6\xe5k\x89\xd3\xe1\xd6\xd6\xf9\x16\xa3aI#g\xf7\xe4F\xfa(_\x14\xdb\x95\xf6\x19Nz\xc23\xf7\xf6p\xd9\xe1\xa5\xe0\xe5p\x08!W\xca\xaf\x87-w\xfe\x07EOj \xfc\x10\xadp\x00\x00\x00\x00IEND\xaeB`\x82'</t>
        </is>
      </c>
      <c r="M199" s="3" t="n">
        <v>45492.67846064815</v>
      </c>
    </row>
    <row r="200">
      <c r="A200" t="n">
        <v>818473</v>
      </c>
      <c r="B200" t="n">
        <v>5981</v>
      </c>
      <c r="C200" t="inlineStr">
        <is>
          <t>Ayrton Lucas</t>
        </is>
      </c>
      <c r="D200" t="inlineStr">
        <is>
          <t>Ayrton Lucas</t>
        </is>
      </c>
      <c r="E200" t="inlineStr">
        <is>
          <t>LE</t>
        </is>
      </c>
      <c r="F200" t="inlineStr">
        <is>
          <t>LAT</t>
        </is>
      </c>
      <c r="G200" t="inlineStr">
        <is>
          <t>LE</t>
        </is>
      </c>
      <c r="H200" t="n">
        <v>180</v>
      </c>
      <c r="I200" t="n">
        <v>6</v>
      </c>
      <c r="J200" s="2" t="n">
        <v>35599</v>
      </c>
      <c r="K200" t="inlineStr">
        <is>
          <t>Left</t>
        </is>
      </c>
      <c r="L200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b4d6457-650a-4b3d-aef1-e842a7f15d0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r\x83\xbc\x8c\x00\x00\x03\x00PLTE\xfe\xfd\xfdA;8&lt;63&gt;85\x11\x0f\x10\x05\x02\x02\r\x0b\x0c\xfe\xfe\xfe\xff\xff\xff\x01\x00\x00\xfb\xcd\xa6\x19\x16\x16!\x1e\x1d\'"!\x16\x13\x13\xfb\xca\xa1\t\x07\x07:20645\x1e\x19\x181+)B&gt;=\xfd\xf8\xf4\xfa\xc7\x9e\xfc\xcf\xaa\xfc\xf9\xf8#\r\x07\xfc\xf6\xee;9:\xfb\xd6\xbb-&amp;$\xfa\xc4\xa2\xfd\xfc\xfbi\x04\x07\xf9\xc3\x99*\r\x07\xf7\xbd\x95\x0e\x01\x016/-\xf9\xca\xab\xfb\xcd\xb0\x15\x05\x03\xfb\xc7\xa7yD2p\x04\x08\'\x04\x020\x03\x02i:)\xe6\xa8\x817\x04\x02Q\x03\x03\xfa\xd1\xb6\x1c\n\x06\xfc\xd1\xb1c\x04\x06\xf8\xbb\x8f\x85\x07\rw\x05\t\xf1\xb9\x96p=/E\x03\x03.\x14\x0c\xf3\xc6\xa6]\x03\x04\xfc\xd4\xb6\xfa\xf2\xe9D\x1f\x14*))\xca\x8dj\x1e\x01\x01\xf1\xb8\x8e\xf3\xc1\x9e\x9b\x80e&gt;\x03\x02\xf1\xed\xeaS(\x1bJCA\xfb\xd9\xc0\xf6\xf3\xf1\xf5\xb4\x86200\x85N8\x9c\n\x12\x92ya{dHX\x04\x04\xf4\xea\xe0\xed\xad\x82\x95\t\x11ngf\xa1\x86k\xcc{^\xbb\x1a\x1d\xf9\xee\xe4\x8d\x06\x0epYA\xdb\xd5\xd2\x8dR&lt;\xcc\xc4\xbf\xa5\x10\x16~\x05\nL#\x15\xfb\xdd\xc6\x8dsX\xd9\x89h\\0\x1fK\x03\x03\xe9\xe5\xe1\xe3\x97r\xdf\xa2\x7f\xa2bG\xe1\x9ex\xf8\xbd\x9c\x8c\x86\x83\xd8\x99s\xd4\x92o\xec\xb2\x8a\xd2\xcd\xc9\xb0\x11\x18\xe1\xdd\xd93\x0e\x08\xed\xde\xd0^6(\x9d\x94\x91\xd1\x84a;\x1c\x11\xa6\x8dtb"\x17\x82kOp\x17\x12\xacdJ\x82|y\xbctV\xacmS8\x15\x0b\x8aD2\xb6kO\xeb\x9fw\xc7\x1e\x1f\xf1\xe6\xd7\xde\x90l[TS\x9aeLB\x12\x0c\xf4\xb3\x90xrp\xae\x93y\xc3\xbd\xba\x90XB\x9aZE|9+\xf3lK\xe6\xd8\xc8\xef\xa5~\xfb\xe1\xcc\xc3{[\xe9fI\xc2\x84cd^^\xdd\xac\x8c\xc2\xa7\x8dQLJ1\x1b\x16\xb7\xad\xa7\xb2uX\xc0YA\xaf\xaa\xa7\xd0Y@\x83`Em-\x1e\xdcbF\xe4\xb5\x97N\x12\x0c\xb9\xb4\xb0\x94\x8e\x8c|N;\xf0\xac\x8a\xeb\xc9\xb0a\x0f\x0b\xb5\x9c\x81\xaa\xa3\x9eT0+\x90bGX\x14\x0b\xddB0\x8biM\xdb\xca\xc1\xcc\xb2\x93nZO\xb9|_\xe3\xd0\xbc\xa1mT^KC\x9bS:\x87ladK8\xe9\xc0\xa4\xaaWD\xdb\xc8\xb1\xfb\xe9\xdc\xf3\xcf\xb5\xc4\xba\xb1\xc5rU\xa2\x9b\x98\xcfA9\xdbQ6\xfb\xe3\xd4\xb4Y?\xb3\x86n}cX\xbfL7\xbe\x8c{\xf3\xad\xa1Z&lt;4G0*\xf2\xd5\xbd\x7f\x18\x16\xd8\xb6\x9d\xb0I7\x99B8\x9a)!=%\x1f\xc0:/\xf2zZz,#\xd2\xbc\xa4\xf5\xba\xb0\xdexd\xeeB4\xb5\x99\x97\xc1\x9d\x83\xfd\xf2\xef\xf1\x8cj\xe31,\xb1$%\xa6L:\xd0\x9f\x8e\xd1\x83o\xac8+\xd0\x9c|\x8c\x1f\x1b\xcf\xa9\xa7\xde\x8a\x7f\xf5O&lt;J82\xa2qe\xcf((\xb2rp\xef\x90\x80\xcefM\xe2\x9f\xa0\xf3\x9e\x8d\xec\xce\xcc\xbfc^\xf9\xd1\xc9\xdc\xba\xb0m\xf9dN\x00\x00 \x00IDATx\xda\xacX}L[\xd7\x15\x7f\xff\xdd\xa7\xfd\xd3\xff\xbc=YQ\x9e\xd7HH\x15\xe96G!6\xcb\xecZ\xa2\xe02\xc5\xd1fp\xa8\x99cH\x10T\xa1\xb8\xe9XD,\x90\x0b.Q\\9"\x89\x97T.4\xc2Z\xc2 \xa1k\x04\x9e\x00c\x02\r\x1f\xe6c\x84\x0fg\xa9\x81\x11k$)U\xd3\x04h\x97NE\x8a\xba\x9d\xfb&gt;\xef3\x90\xd0u\'\xd6\x8b\xdf\xf3}\xf7\xfe8\xf7w\xce\xf9\x9dKQ\xdb4\xc4}6\xff!\xe5\xcb\xb6fx\xceh$\x8dF\xfc\x8b\xc2\x85\xfbG\x0b_\xe0\x11\x8d\xe4\xc7\xf8-\xf1\x02w\xd2O\xe2j\x88\x92\xe6\xa0i\xe9W\xf8J\x8b? \xf25&lt;\x0c!y ^W\xbeC\xf8-\xc4\x99&lt;\r~\x88\xf0;\xb4b \xbe\x13&amp;\xe2nh\x11\x96b~q 9\x1f\x07J\x9e\x91\x96\x86\x89\xaf\xf1\xd3\x89Oh\xc2\x94w\xd2k\xc2\xab\xa9\x03\x11\xcb\xb2\x0c\xa3\xb2p\xc6`\xe3\xbc\xb1\x9d\xf9\xb6\x86\x85$\xe3\xff0$\xf8A~,\xfci\x08m\xf6\x8c\x05&lt;\xb9\xe5\xe5U\xc1^lGz{\x83A\xb7\xdb\xa4b\x91b\xbc\xf0\x8a\xf0\x90\\\x81\x96\x16\xe7/\xc2\xbd\x82\x92H$[*7SF\xf2c\xc0G\x80\xa8\xe8\xc8\xf8\xe506\x8f\xdd\x0cf\x0f\xdc^~\xf4\x9f\xa76\x15\xbbYd\xd0T\xea\n49\xa3\x08Ax@r\x99\xa0&lt;\x92\xb9\x8b\t\x8a$\xfas\x98T\xb9U\'\xc6?\xf3X\xadeee\xb5ev@\x15ikk\xeb\x1a\x18\xb8\x91UY1\xfc\xd4\xc6\xb0,OSiv$\x87\x90\xcc{\xe1\x0b\xb7m\x12\xf38\x92\xca\xb0\xe4\x0b\xb7\xc9\xd24\x88\'\x914\x10\xfcT\x1e\x8c\x85\x02\xf6\xb2&lt;\xa7\xb3///\xaf\xccl\xc5V\x16\x89\x0c\x0c\\i\xaa\xa9\xach\x9ew\xdb\x18\x8e\x17\xcaH\x94"\x8f\xe6\xf6M\xe0\x16\xbf\xaf\xf20\x8eoxC\xb9\xb5\xe5\xbd\xa5\x91\xf0;\x8dh9r\x84\x81\xac\xc5\xe6w\xf7/\x85\xcd\xe0\'\x8c\xab6\x8f3\xf0\x188\xac\xab\xe1T}SS\xe1\xe3\xc7\x8f\xda\xdd*\x91\x94\x14\x0fC\xfeCe\xca#9\x04x\x7f\x91\x91(\xbeF\x86\x8f\xf4E\xf1\x0bB*\x07\xa0\x8a\x85&lt;f\xbb\x1d\x03\xab\x05\xcb\x83O^\xc4l\x8eD\xda\x8a\xbb\\^\xaf\xcf\xe7\x9b(,\xfc\xda\xad\xa2P\xea\x0c\x02\xf7\x89E\x141+\xdcQ\xdf\xd7X\x95\xcd\xe6\x8fE\x97\xc3\x81@8`\xb7\x02\xad\xca8o\x01\xb4\x08\xf6UCq\xf1\xcd\x91\xe9\x96\x16\xf8\xac\x7f\xfd\xf4s\x86\xa5~\xa0\xa1\xcd\xeb\x89\xb2J\xb0\x16\x87?\xb8\x14\x05\x0bE\xa3a\xce]\x9c\xc3\xc0_m\xd8\x1a\x1a\xba\x8a/z\xa7[Z\xe3\xf1d\xbc\xf5\xfe=\x9bjc\xa9A\x8a\xd0\x97\xd6\x90B\x8a\xbfI\x89D\xb9p\x10\x91#\xc60\xd0\xca\x1d[\x8a\xf5\xf7\xc7\x96\xa2!\xc8\tv3\x8eD\xce]my\x18XWW\xc3E\xd7\xb4\xb7\xa5\xb55\x9eLN\xde\xba\x7f\xefs"\xb2\x11Y\xa5\x10\x19\xa2\xf8\x9e&amp;\xef\x85\xbcF\x89l\x17\xc2WAr&gt;\xce\xe15&amp;\x17P\xc5\x82\xee`l\t\xc2\x10@az\x81\xab\x9c`\x18X[[\x04p\xb9`\x03[[o\xdd\x9a\x9c\xec\xb9\xf5\xedw*\xbc\x8f|@\xd1B\x1a\x90\x93\xb7\x98\xe5\x91\\&lt;9vm(&gt;\x08\x91\x94\x94\x8a\x1f7V\x95\x0b\x11\x18t\xc3%\x1a\xf6@\xea\x84\x8f\x07\xe7\x88!\'\x17\x8am\xb5\x90\xb9"\x91\x06\xd7\x08\x87\np\xf5&lt;\xf8\xf0\xdb\xefL,E\x893Jsm\x19\x89\x88,&gt;\x14E\xa1\xe7\x1a\x90\xdd\xed\xf6\xdb\x1c~H\x0e\\N\xb7Z\xc1[\xb5\xce\xa1!.\x129w9\xaf\xb7uyG\xa6\xd7\xaf\x01\xaa\x1e\xb0\x7f\x01.v\xcb\xc9\x89""\xdc\xa3\r\xc5\xe7y\x06;h\xf3\xdb\xd4j\x07d\x87p8\xe0\xb1[9\xbas\xfb\'^\x86\x86~y\xfd\xc2\xc8\xf4t\x8b\x08\xeb\xc1\x83\x0f\xff\xee\xa0\xfe_FT,\x119c\xb1\x99\x1c&amp;\xb5Z\xed\xef\x8fE1\xe1\xed\xd6\xc1Y\'$\x06\xf8\x00\x9c!\xcc\xaf\xeb\xf8\xdf\x05\x9c \xae]\xe3P\x81}q\xff\x1eC\x16;\x8a\x08!\xc4\xaf\x80H\xe1\'.-+,DV,J\xa6(\xbeBf0\x99\xd4*\x95\xda\xe4\x0f\x06!\x10C\x9e\xc1\xd9&gt;\xe7,\xae8x\x1by\\yP}\x80\xf4\x17\xbd\xeb\x00K\xc0\xf5\xc5\xe4c7\x9bZ|\xf8b\xa6\xa0\xbc\x0cB\x16?H\xd2o\x1be _IU\x1c(\x06`\xd9 q\x01*\xeb\xac\xf3\x93AO\x00\x87"\xe7-\x0eV\xa4\x0c\xa7\xd4\x81S\xf5\xeb&lt;\xac\xc9d\xb2\xe7\xdf\xf1G6\x16\xc9\xb0\xd0\xff.\x03e\xd9)\xc4&amp;c\x81\xfdSa\x03w\xc1.\x86=V\xe7\x13\xa7\x07\x12=\x10\x1f\xf3\x8bC\xe5\xac\x05X\x90\xbb\\&gt;_\x0b\x17\x8b=\xc9\x95\x87\xbf{\xd8\xf2U.\x92E \xfa\x1e2P\x19+\x14\xa9\xd0\xf8-\x14Qaw\xb9c\xd1\x90\xa7\xef\xd3\'\xb3\x81\xb0\xc7\x13\x08\xe0\xd4\x05\xc8pq\x8cp\xe2\xa6\xeb\xe2\xcd\xe9\xe9\x858\xa4\xad\x9e\xe4\xe2\xda\xd1\x87\x0fG\xbe\xb2\xc8\xa2\x8fR,D\x11\xf7\xf2\xdd\xb6\x8a\x11E\xa0R\xa91\xbbb!\xeb\x9d\xbbw\xac\x10\x8fP\x1b\xed\x98`X\xdc\x98!6\x81\\\r\r.(?\xf1\x85\xe4\xe4dreq\xad\xe0\xe8\xd1\xc5o\xaa\xd8\xed4G[\xc2\x90\xb5 Y\x13a\x0b\x05D\x10\x89\xd8_\xfd\xa1\xc1\'O\xfa\xac\x1e\xb0\x00\xce\xac\xe6Z\xd05xG\xcd\xbc\xe6rA0BUL\x02\xac\xc3\xba\x12}\xddo\x8e0\x14\xd1b\x11\xe1\xb8A\x8f\x12ph\xb2\x01#J\x97\xe8V\x15\xe7,\xb5\xc91\x8ay\xafR\xfb\x97&lt;\xb3}}\xb3P{&lt;\x1e\xc8\x14\x98^Vs\x18\xd7#\xc0\x85\xddu\xf3\xe6\x97_N\xaf\xac\xac$\x93\x8b:\x9dN\xdf\xf9\xb3\xcf,\xac\xa2\xf3\xa18:K\xdc\xe2\x18\'ID\x89\xd8[u&gt;\xfc+\x0c\xf6\x12\xa0\xe2\xf3\x96\t\x9c\x15\xf5X\x07\x07\xad8\xd3s\xf2\xc6j\x05\x11\x1f\x8a.\xcfx&lt;\xe0\xae\x81\x81\x86\xe2\x8b\xe0\xaf\x85\x85xk\xfcaA\x81.\xbd\xf3\x1dO9\x01KZ\xe1y\x91\xf8,\xe3aag\x99\xe0\x7f\x93\xcdf\x83\x04\x81\xf5\x03\xc7\xaa\x00 \xc1\xc5\x11\xc3\xc2*l\xc6n\x9e\xb9\xd2p\xc1\xe5\x1d\x19\x01X\xf1\xf8\xca\\\xba&amp;C\xd3=[\xc4\x089A\xd9\x90!RoR\xb4\xd8\xc9m\x8bu@x\x9c\xb1\xb09\xfcn\x9cLc1\x08F\x08G\xf0\x13He,p\xcc\x81\xe8\xfc\xfc|\x08\x80\xdd\x9e\xb9q\xc5\xe5\x85m\\\xc0\xbb\xb8\xb2\x96a\xcc\xd7\x9e\xbd\xf3g\x0b\xfb\xc3e\xa0\xa2T\xb0\x02,\xccy\x1b\x88\x9a^\xd0[\x18\xdb&lt;\x90\tH\x85w\x10&lt;\x17^\xea\xe8\x00\xac\x8f\x96og]\xbat\xca\x05\xe4ZX\\Y\\\\\xac\xcb\xc8\xd0\x1e;\xfb\xeb\xf3U\xcc\xc6\xc3\x08%\xc9\x95}\xa0\xdcgm\xd2\x90\xf1-\x85\xc3\x01\xd4Rs)\xde\x8d!A\x8b\n\xb8\x00\x16P\t\x04\xea7\xe6@(\x14\xedH\x04\x13\xf3\xd1h\xf3\xeaje\xd6DKK|\x05\x92\xc3\xda\xe2\\\xa7\xb1\xf3\xd8\xfe\xb3g\xfb\x8a\x18\xb27S6db\xb6\x92e \x12\xb7\x94\x12\x13(%\x0bD\x1c!4\xc5\x82t\xc0\xb9A\xa8&lt;\xa0\xb7\xfc~?\x96\x82\xd1\xe5\xe5\xe5\xdb\xcb\xb7gff\x96\xa3\xd1\xf9\x8e\x84;1\xdc\xdc\xdc\xbcZYY\xb3\xde\x1a_X\x9c\xab\xab\x9b\x9b\x9b\xd3\x18\x8d\xc7^;y\xf2\xce\t\x06\x91\x91\x88\xc8\x86l3\x19\xc8\x17C\xb2\xd3ARC\xc2\ras\xfd6\xc0\xa3b\x18\x15\x10\xde\xef\xb0\x8d\x8e\x8e\xfa\x1b\xa1%\x9b\xc7\xd6&gt;\xbf\xba\xba\xda\xdc\xde&gt;\xdc1\x96H\x0c\xb77WT\xbcQS\x08\xa8\xfe\xb1V\x07\xb0tzMFF\xfe\xfe\x17O&gt;\xf9##\xa9]I\n\xca\x9d\xda\x16\x91\x88\xb6\x8eD\xc4\x94\xbb\xb1w\xd4\x0c\xa3\xb6\xd9`?M\x0e\x07\xa0\xf4\'b\x1d\x1d\xc3\xc3\xc3\x06\x80\xd2\x8e\xff\xef\x18\x1b\xeb\x18n\xae\xf8}ea\xe1z\x1cX\xb5V\xa7\xd1\xeb\xe6\xf4\x1aMI\xfa\xb1\xdd/~\xfa\x17f\x93\x06/E\x06K\xde\xa1\x10\x91e\x89zE\x1c\x10 KU\xb0\xc8\x1d\x0cB\xa27\xd9p\xe6\xc2\xc9\xcb\x01J\xb5\x1f`\x19\xc023\x87;r\x0ci\x18U{{Ee\r\xc0Z\x00Tk\x9d\x9du%:\xbd^W\xa0\xd3\xbe\xbc\xfb\xee_-\xc4\t\x84dR\xbbL\xf1\xd2f\xe3!\xdd\xc6\xce\x87\xe6\x15\xad\xa5\xaa(\x18\xec\r:\x00\x16\x97Oq\x02s8\x1c\x8d\xe0\xab\x1c\x83a\xcc\x90\x93\x03\x17\xf8\x92\x18\xc3\xb0\x00U\xe1\xc4\xc8\xe2\xda\x1c\x90\xbdN\x9f\x9e^Rp\xf4\xb0\xf1\xe5W\xefV[h\xa4\xe8\xa3\x90\xa4\xb7\x84# \xb2T#\x1a\xc9Z\x8f\x84\x85$}d)\x02gq\xb0\xd4\x0e\x9c\xed\xf1.\x02\xbd\x1a\xc1M\x99\xe0%\x03`K\x03h\x89\x04x\xab\xb9\xb2\t\xfa\xe9\xfa\x91\x7f\x02\xb1 \x065FMI\xc1ou\xda\xdd\xaf\xfe\xe9mK\xaa\x0c|v\x96\'(O\x88\x0c\x99\xfe\x14s\xa2W\x86\x85]6::UZ:u\xc0\x90\xd9\x9e\t\xbb\x98\x837\x12\x1c\xc6\xa1Zm\xf2\xd5_\xca:\xe5\x02X\x9d\x9d\xf9Z\xad\xd6XrX\xa7y\r`\xbd\x9b+\x1cj\x91\xa7\x81\x8a\xd6\x7f\x13\x19\xf8L\xca\x9f8\xd2\xdb\xdb\x1b\xc4I\x02\xe7/\xc7\xd4\xd4Tib\xec@\x02\xbc\x95\r\x98v\x1ax\xc3\xae\xca\xba\xe4\xf3\xd5\xdf\xb8q\xaa\xe1j\'\x98Q\x9b\xaf\xcd\xd7\x97h\xb4\x12\xacg\xaeE\xf8\x83J9\xaf\xdb\xcc\xd8\x13\xe3\xe3\xe3\xbdn?\x14D\xcc\xad\xa9\xc6\xc6\xc6\xd2=\xc0\xf01Cfv&amp;\xef\xab\x9c\x9c\xf6\x8a\x8a\xd5\xacz_\xbd\xcf\xe7\xf3z]\xc5W\xbb\xbb\xbb\xf3\x8dFc~\x86^\x9fq\x0c\xc3\xfa\xd8\xb2\xf9\xec\xf4\x16\x9d\xda3\xce \x04+\xba\\\xfd\xb7#A\xb7\xc3\xe4\x80Ht4\x96\x1e(-\x1dKK\x1b\xdbc\xc0\xde\xda\t\x98\xb2\xff\xf0\xf3\xb7jjj\x9a\xea\'\xea\xeb\xeb}\xae\xd3\xa7\xdf\x7f\xa7\xbb[\xdb\x9d\xa1\x81\xa4\x95\x9en\xdc\xff\x0b\x80Umy\xae\xdaL)&gt;[\xd4DI\xb4\x15U\x9f\x7f\xf7r\xaf\x1b\xb4\x83\x1fS}G"q`GZ\xda\xde\xbdi9\xc7w\xee&lt;\xbe+\xfb\xdc!\xb0\xb7\xde|\xf3\xcc\x993o\xd4L\xf8\xbc\xa7\xdf\xbf\n\xb0&gt;\x02Xz\xc8\xa6\x9a|\x0e\xd6\xf9\\V!\x03\x91plI\xf4\xb0\xc2\xc2\xb4\xa4\xba(\xe9\x00\\\x94\x81\xe4\xb9v\xd5\xc7}}o\xc36\x82\xf9\x1b\xa7Jw\xec\xd9\xb3c\xc7\x18\xc0\xfa\xc9\x8f^z\xe9\xc7?\xddu\xf0\xe0\xc1s\xd9\xd9\x07\x0f}p\xe8\x83\xf7\xde;S3\xe1\xbd\x89\x9d\xf5\x11\x86\x05y+\xc3\xa8\xc5\xb0~\xf5z9E\x8b \x90Tlh\xe9T\x9e\x16\x8a\xb1\xb2\xf3Q\x1c\xb7#R\x08R\xa8\xbc\xba\xef\x93\xd7\xab\xc7A9$JK\x1byX\xaf\xec}\x05`\xbd\xf0\x02\xb8k\xdf\xb9}\xbb\x8e\x1f\xdf\xb5\xef\xbf\xac\x9a\x7fL\xda\xe9\x1d\xc7\xfd\xa7\xf92\xfe\xf1\xfe\x12$!_\x05\x0c_~\x88\xc0\x17\xf0\x0b\xa22\xa2\xf5\x90C\x83\r-7\x0c)Q\x0cp\x08\x9cZ\xec&lt;\xac\x91\xf3\x07\x1aW\xc9\xa6&amp;h\x9a\x1a\xcf\\f\xec&amp;\xf6vm\xd2\xd4Tm/z]\xe2l\xcc\xd6v\x9d\xb9&amp;M{&amp;\xd7\xaesYo\xcb\xd2\xe5\xf6y@\x14P\xaf]\xb3G\r?B\xf0\x95\xcf\xf3y&gt;\xcf\xfb\xf3~\x9e\xd2R@\xf3\xba\xa6"+\x83\x89h\xc9!\xb1(\xbbZe\x91\x1b$\xc5\xdc\x9b\x9d9\xa9\x06/m\xede\x14\x08\xec(\x03\xfc\xf8Q\xf7\xd9\x87\xcb\xcb\xab\x9f\xec&gt;|\xb8hb\xb7\x98t\xa4\x92\xcdF`t\x06\x83\xc1\xe1px\xa5&lt;\x0e\x8esp\x0e`\ryC\x08\xeb1`AvY\n)\xab]\x8dfQ\xc2\xfdEg\x01\xf6\xd6\xe3\xed\xdc\x87\xaf\x01\xeb\xe6\xea/\xa7\x1fV\x90\xa4)\x81\x05Yob3s\x19\x10#\xf4\xcb\x11\nq\x1c\xe7\xd5C\xb0l}\xbe\x15\x94\\0\xae[TP\xe3\x1b\x9a+\x11\xd6\xf2\xb9\xfcw\x92\x7f\xc7\xca\xc0\x9c\x82s\x9f.\x7f\xb0|\xef\xd4\x17\x97\xef\xa0@)u:v\x0b\xaa\x12l%\x9f\x83\xa6\xae\xb4\x94\x83\xf3\x858\x87\x17\x1f\x1a\xb1\xf5\x85\xc7\x1dfQY\xc9\xdc\xdc\\\xcfU\x95\xd8\xde\xd4dWy\x10Vg\xc1\xa1\xce\x07;\xbe\xf3\xa1e\xfb\xf2Y\x069zr\xf6\xe3e\x14\xae\x9f=\xafa*!\xa7t\x10\xac\xc9\x04\x17\x81C\xac \xb5p!_\x08s\x08S\x08\xf5a\xcca^(+\x03\xb0\x9e\xabW\x0b\xa9\xa6\xa0\x15\xeai\x02\x0bJ\xe0\xc1\xc9A\xc6\x9e\x88e\xef\x89)e\xbf\xa7&amp;\xf6\xfa\x92\xac\xa3\xa3\xce\x04\xd6\xbd$\x96\x92\xa9\xd4!\xac\r(`J\xa8\x0f&lt;^\x94\x87\xf3\xf9\xc2@\x14\xe5{\xbfo\xdc!\x12\x95u\xb9\xddF\xa7\x13\x16csC\xb0A,7\xc8\x00+\xbf\xae\xb6\xb6\xae\xe0m\xf7DZ\xaaA\xc2h\x07\xf6y\xda\x13\xf8\x92\x8f~\x0bT\x805\xcf\'\xe8t:\x83\xaekI\x0c\x13I\x08a\tF\xa3\xbc\x00.\xc45RDum\xcc\xb1P\xd2e\xd4www\x97s\xb92\xb9\x18\x92Km\xd1JX\xcb\x9d\x9d\xbf\xbf\xb7\xba[\x9b\x93T\x0cG\xb8\x814\xec\x7f\x92\x814Z\xed\xef\x00\xea\xde\xa9g\x8b\x04=\x17V\x1f\x93\x9d\x80b\x93\x90P@\x15\x8fG\xa3\x81\x1aM\xdc\xef\x9a\xf2\x8d-\x88J\xbe\xdc\x9e)g\xb1X\xf0Wl\x80\x9coH\xe4&lt;\xeb\x83\xdf|\xb8}\xa5\xf7\xd1\xbfk\xb3e\xe0\xbb\xfb\xf2u\x9f\x03\xd6\xea\x85;&amp;%\x03\r&gt;*\x10d\x12\x8a\x17\x85b\x85\xc0\x12T\xe6\xb2\xae?m\xcf\xb0\x14\x02\x05`q\xb9\x06\x0b\x14.\xc0\xb2x\x0c\xac\xed\xe5nCe\xa1\xf8\xbb\xd7\x05\xef\xe4A\xa4\x1b\xe6\xa9\x87\xfc_\xad\x02\xd6\x17\xeb&amp;\x82\xc19\x89\xb6g&gt;\xa8\xac\x1a\x90[\x9ah}&lt;6\x14\x831\xe4ET]\xce\xee\x99\x19\x85@\x00X\xdc\xf2\xf32ya\xb3\x1d\xa2EY&lt;\xdab\x16z)\xf7\xf4&gt;\xadM\xf7\xe5\xb1C\x8e\x04\x96}B\x96)\x03\x13F\\\xea\x83\xe7&gt;\xbd\xb9\xfa\xfe\xf4}\x13_#mm\xbd\x8c\xda\x9b\x97[\x97\xaa\xda\xdbZ\xa5\xb0\xe1\xf8\x87\x86\xfc##\xa1\xbe\xb0\xb9K\x0f3\xa7\x80X)\x14\xdc\xf2\x81\x81\xd1J1\x85\xb0\xec\x95\x80U-\xd1\x8a\xc5Z\x83\xfc\xe2\xd9\xd4\x9eHK[\x89\x07{"m\xef\xc8l\xdf\x97OY\xd0\xd8a_\xfe\xec\xc7P\x1e\xa6\xef\xaf\xcfW]\xaaz\xf9\xb2jk\xf3\xd5\xadk\xd7\xae\xdd\x9a]\xaajk\x1b\xf1z\xfd#\xa0\x1e|\x88\x8a\x8b\xa8\x12\x03\xe2%\xd3V\xaa)\xca\xdad-\xf4@\xe52\x80\xa0\x90\x1b&lt;\x8fw\xf3\x8fp\x03\xb1\xb4\x02\x80\x1d\xe9\xcb\x1f2J\x80\xad\xf6\x93\x9b\xa7.L\xdf\x7f\xb8\xf5\xea\xd6\xd2&amp;\x82\xfa\xf5BYI\x89\xc8q\xb1\x7f\xe9R\xc8\xd5\xe6o\x9f\x8a\xf8\xcc\xee\x04\x15\x10\x15\x15\x9d\x80!\xa8\xae.\x96hUb\n\x92K.\xd7j+\xc5\xa0U\xe1\xe1\x9f\x1faov\x03\xdf\xea\xf8\xa9\xa0\xee\xb3\xd5\xf7/L/&gt;\xdf\xda\xbcTUU\xb5y\xeb\x1a,8\x18"\xb3\xc3\x17\xe9\x0b\xf9\xa5\xfe\xaa\xbe\xf12g9\x82***\x12\x14\x9d\xf8\xc9\x89"\x16\xb7\xb8\xba\xba\x1a\x12\x8aj\xb0\xab*-\x95j\x15L\xa1G+w\xdc\xf8\xbf\x98\xe1\x05k\xf7\xd7\x7f\xfe\xf5\xa9\xf77\x9f-\xceCVuH[\xab\x96|h{)\x99\x98\x18\\Y\t\xf7\xb5w\xd4\x9c\xf4\x87\xfaEz\xa0*BT\n\xc5{\xef\x15)\xca\x07\x0c\xdabA\xb5\xc4#\xb6[\x9b\xc5b1%\x97I\xb4r\xad\xa7w7\xff]M\x92\x94\x02C\xaf\xf2\xd8\xd13\x1d\xcf\x12X\x8b\x155\x9a\x0ei\xfb\xd2\xc5\x05(\x98N\xe3\x1c`}\x15\xb6I\xf9\xa4\xb0\xc3;e\xd6\xb3\x12TE\x8a\xed\xed\x99\x99\x99n\xbd\xfe\x8aJ\xa6P\x14\xcb,\xcdV{3\xd5L\x19$\x12\x99\xc7#W=\xadK\xf7\xe5\xb1#\xad\xcb\x8c\x86\xecH_~\xad\x82\xc7\xa9o\x9f}\xb5\xb9\xb5\x08=aG\xdb\xac\xa3\xack{F (w\xf6\xccM\xa0`\xf1t&amp;\xa2t(\xe4Hb\tX\xdd_\xde\xbe]\xf2\xc7\x12\xb7\xf3\x8ae\xb4\xbc|`T\xae\xb6Z\xedv\xb5X&amp;\x91H\x0c\x16\xb9j\xab\x16K9\x1eIu\x9aLw\xda\xbe:\xdd;!\xdb\xf7\xe5\xd3\xce\xc3\xf6}\xf9\x1c\xb6W\x8a\xe7\x9el\xdb\x84h\xadW\x9cl\x0b\x8b\xdc\xb7o\xfecF\xc1u\x96\x88&amp;\x1c\x91\xaaV\xa9P\x89\xb0l\x83\t,\x01K\xdfU\xb6`6\x9b\xcb\xdcN\x08(\x0c\xe7u\x90\x11\r\xf6B9\xc2\x92Y*U[u\xb4\xe3|y\xec8\x19\x98\x93\xedQ\x17\x08\x9f\xb8\xa2PE_B\xb4H\xfe\x19\xdb\x8a\xe3\xe2\xd6\xf4\xbd.c\x97h\xdc\xe7\x9bm\x97j\x02L\xa6\x8e_:tw\x10\xe5\x96\x80Un,\x13\x01\x95y\x02\x96\x04\xc8\x88\x92\x92\x9e\xabIu\x03\xa2\x0b~&lt;*\xf1\xd3\xba\x0c\xcb;\xf3\x7f\x1fm\x80\x1f\x9e\xe7\xfc\xc0\x93\x7f\x058&lt;\x8e\xe6\xe5\xb3u\x12\x97\x86B\xed\xd2\xf9\xc5\x87P#\x96^\xbch\xf7K\xa38S\xc9$\x12XN.\xec8z#\xd4\r\xc7\xd8\xd8\x98c\xcc1\xee\x1b3/\x88\xe6z\xd4\xf6\xa6`C\xa1Af\x90A\xf5*|\xf0\xae)\x9f!\x01\xf3\x02;q\xbe\x8e\xc9`\\~\xbeNp\xea\xcf\xf0\xf0\x8a\xf5\xf5\xc5\xf9\xd66W(\xe4r\xb5\x02\x95R(\x14\x02\xd6\x84\xf3\xfc\xf9\x01\x98Y\xc7\xd88\xc41\x1c\x8e@s\x06\x92P4\xd7\xab\xb6\x07\x1b\x9b\xd4P\xbaP\xc0\n\xff\xb6[\xf0c7\x9c2\x1b2\xec\x90/\x8f\xeda\xe1CQrrR\xc9\xd0\xcc\x93\x04D-\x97I\x10\xfc\x9a\x0e\xa9w\xc4e\x0b\xb5V\x10J%\x01X\x01\x845\xda\xed\x84\xa9M\xf0L\xd9B!\x9b\xedn$\x89e\r6\x06)\x95E\xab\x85x\x15&gt;\xfa\xa1 e\xbbcG\xec\x82I\nZ\xca \xa7\xa5\x1d\x15\xa5\xcb\xc0&lt;a,\xc0\x9el\xd1\xd1k\xee\x90L\x06\'\x97\xce\xa43\xf98\xef\x8c\x7f\xc4\xe5\xd7\x10:%\xc2\xc2\xf1\xd2\xd8\xdd\xc1\x1e\xfd\xa8\xde-\x1a\x8fL\xd9l6\x17\xb4\x8c\xa8gD\xb2\xbe\xb7\xd9\xda\xd8\xd8\xd8 \x16{\x0c\x80\xa5\xfe\xf3\x8d\xbd\xd3\xd8\x83\x86,\xbd\xcacoe\x80c\xf9D&lt;@\x9a@\xb6\xe3|\x92\xce\xc8\x859\xa3\x0bq\x1e\xe8\x06\xa9\x86\xcf\x86~C\xa7cBw\x01+\xf1\xd1\x9cs`@\xef6\x87\xa7`vG`\xa7\x1cqM\x85\x1d\x13\x8f{\xd5TC\xe3\xf0pPM\xc9\x01KK\xfd\xe7u\xfa\xf5\x8c\xb4\x1bJi{\xde\x9b\xb1rL\xd1\x00(\xabxLC\x92L:\x1d\xa2\x93\xe8&amp;x \x94\xa1\x0b2A_\xc6D\xad\xf5\x90m\xe5\xb1qTot\x97\x98#6\x84\x85Z\xec$V\xb3\xbd\t\xb0\x1a\xa9f\x0fd\xbd\xca\xfa\xf7\xd3\xc7\xdc\xa0J?\x0bx\xb31\xb0\x06S\x16\xdby\xf2$\x0eXL\x02a!\xfd\x17\xc0\xf9\x04\xdb\x84\xbaEx\x05\x929\x06X=F\xb7\x08\xf6JG\x04\xe6\xd0\x95h\xfc}\x83\x8f\x1f \r\x01X\xc3V\x95\xc1 WQ\x7f\xd9\xcdK\xfbv\xda\x1b\xaf\xf4a\x87\xeeM$\x17\xc1OM\x81\xd8\xce\x8ek\'\xca&amp;\t\xe8\xc5\xa0KT\x12|\xa1\x90O\xe8t|\x1c\x1a1\x18\xba\x16"n[\x99\xebqB\xcdr;\xdd\xe6~\x9b\xcb\x85r\xab\x0fa\x81\xe2\n\x0e#,\x8f\xc1\xa3\xb67\x7f\xf5\xfa\xe0\x9a\xd3\x81\x07\x81e\xb7gi\xb7"h\x19\xbe|\xea2\xd1\xb7-\xbc\x9dov\xbcq&gt;\x9bD\x1dbb\xe2\x00N\xc7f\x0b\xa3\xf5\x01\x80"\x08%\x89\xc7\xa6\x06{\xae\x8c:\xddF\xfd\xc0y\xe3`\x18\xb8\\.[d\x1c\xb0\xac\rM\xc1\xc6\xe1\xef\x87)\x83Ve\xa5\xa8\xad\xd3X\xaa\xc9\xd8\x97\x81\xb4\xd4Ic\x9aI\x99\xd4z{2p\xff\xe4\x9a\x96\xbaNA\xcb\x9b\x0c\x00\x16P\x99H2\x81\xd5\x02\xdd\x18t\x18&amp;~4V\x0fL$\x01S\x1am\xf7\xcd]\xbf2:\xaa\xd7\x0fpa_\x12\x85\xa1\xa6\x85Pj=\xa0\x80\n\xa2\xf5\xfd\xb0Z\xebQQ\xd4_\x7f\xc8\xcf\xb8\x91\xf4\xe3GQ\xd9N4v\xf0v\xc1\x860\xf6\x8d7\xc0NF\t\xb5\xae\x1bkk\x1b\x1b-\x84&amp;\x16\x0b\x00\x16?\x10\x8d\x9fi\xeb\x9f\x80`\x9dg\xb1\xb8\\\xa4\x98\x9d\x0b\xb3\xb6\x10\xb4\xfd\xe6\x89^\xaa!\x18D\xa9\xd5(\xf6x,b\xfb\x8b\xd3\x99\xd6\x08\x96u p\xa8\xf3\xc1r2\x0e\xff\x0f\xde_#\xa3;\x90Y\x80\x85\x0c\x11\xd4\xe8\x03\xd6$\xa9\xf1z5\xb0\x06\xe3/"\xe1\xfe\xbe\xf0\xe0\x9c\x11\xe2\x042^\x80\x94|\xb9{lvj*2\x0e\xb54\x85\x15Ti\xb5\xf2\xc2\xefn\xe4e\xb8j\xb4#*{\xf6\xf3\xec3\xa2\xbdkx\xdf\x9a\xf0\xfa\x9d\x18\xb1\x8fe\x9a\xdc\xd8\x98d\x07\x86\\\xfe\n\x92\xd0\xb8\xfe\x10\x9e\x9d\xed\x1f\x9fp;\x07X{2^\x80\xa6q\xfc\xbf\xac\x9b\x7fL\xd3\xf9\x19\xc7\xfb\x0f\xf9\x96\xfe1L\xccA\xcb\xadkK!\xad\xb4\xd0\xd2B\x81\x96Rlj\x19T`e\xc1r\xeb`2\x81Y,\x94P\xbcq\x1c\r\xc1\xc9/u\xc2\xe5\x80\x9b2\xfc\xc1\xb8;\x89\xec ,hn\x19\xc7\x848\x17B\x88\x0e\xee\xdc\xb2\xe1y\x10\xc3b\xe0\x0fI&lt;=\xb9\xd3=\xcf\xa7\xbf\xbe-\xadJv\x9f\xc4\xc4\x8a\x81\x17\xcf\xe7\xd7\xfby\x9e\xf7\xa7\xebd\xd7\x8d\x01?\xd6\x11]\x8dB\xf0\xefG\xdeF\x19\xcd\xe4\xe7w\x0bzw\x02\xb5\xb3\x06A\xcb|&lt;\xc9&gt;\xe7\xbc\x98WT\x14\x97S\xcdU\x92i\x84T\xbf\x80\xcb;\xd7\xd2\x02\xfa\x8f+\x9a\x80\xfc\xa7\x81d\x88U.!\x8afP\x11\xb1\xda*\x99\xb9\xffD{\x85\xa6\xb5-\x83\xac\xf8S\xa7\xfe39y\xff\xf1\x8b|\xbe\xf7\x9e\tp \xd1\xea\xf2Lw\xc6\xc5\xf4-q\x9fa2\xa8\x06\xc1\xb8\xc5\x15\xa7\xf1\xd2y\x05\x05\xb8\xe4\xc9&amp;T&amp;\xf6\x9e\x99oi\x84\x95\x05\xe9\xbe\xbaWn\xe8\xaa\xeb\xef3kLZ\x92#\n\xb5x9VT\xf4\x9bG\xbdX_/l&lt;x\xf0\xe8\xdbh_s,\xd0\x9e\x11r\xc9S\xde\xff\xe6\xadB\xfb\x132\xf2!z\xb1\xa0\x9a\x9b\xc8\xe3"V\x0e\xdc\x82\xb0\xcc\xd5\xe7Z\xe6\x9dj\x91R,\xe2\xd5\xab\xe5\x0eg\x8bup\x10\x12E\x1bLdj\xacV\xeb\xd2\xdbd\x12\t\x08~\x105\xa5\x04k\xed\x10\xa7\x90C\xee\xc2\xc0\xba&lt;#\xa8.O\x85\xaf\xcb\x07\x7fb`u\x19f\x10N\x88\xb4\x1c8K\xf1.\xb2[\xad\xb5\xb9b\xa52\x11\xc4}m\x03\x9c\x9dp\xd9\xb4tu\xda\xf4\x1dZ\xad\x16\xc2\x05\xbaK\xd3,\x91\x8c\x02V1\x1c\xf2\x0b[\xeb\x14\xf3\x15?\x8b\xb6E_R\x97\xa7}\x8e\xbeU\xcd%#\xcd}\xc2\xc3mt\xc6\xdab\xe1a\xd8\x1akk\xe5\xa0r\xec\xf6\xee\xee3\xf3\xfd\x12\x99I\xef\x82\xd4Z\xab\x1d65W\xd94\xa3\x95\x19\xe5\xc5\x10\xad\x85g\xd1\xccP?\x82\xb9\xab\xba&lt;E\xaf\x0b\x80\xe8Z?\x8f\x9b\x10\xb0\xc4il\x16\x9c\n\xbd\xddG[\xceL\xf0\xf0|\x90[\xd4\xcbj,D\xd8\x8f\xce\xdf\xac\x18\x90\xd9\x00K\x88\x95\x11W\x95\xcb\xd5&lt;ZY\x99Q\x8aX\xab\x9c\x10&gt;\x08O\x8a\x11\xb6)\x1c\xaavH1\xfc\xad#~Y57G\xa9\x84[Q\x0c\xb2\xa6&gt;\xddb?z\xc6nQ\x1b\x8d\x13\x16yov\xb6\x1a+#\xf37;%\x98Wt45a\xca\x1f;\xecri\xab\xda2\xa5(\x02O}\xfc-\x87\xa2\xe8\xad(O\xba\xc5d\xf8\xbddtQH\xf9\xeb\xce\x0c\x8f\xdd\x95\xb1\xc3oN1\xf8\xfb\xabA9\xc0\xad\x88\x9a/\xbe\xa8\x1b&amp;\xad\x01\x92i\xb9\xa5\xa8W\xbd&lt;Q\xbbi\xfd\xeef\'$\x14\xa6\x9e&amp;!\x8c\xd8XX\xf7z\x97K\xd83)UI\x01\xeb\xebo\x0e\xf1\x03\x1cI^!\xe8M\xc8\xfc;\x91\xc1\x0c\xef\r\xf4c\xf9\xccR\xeb\x8bw\xefVs\xd3\xd8\xa4A\xd0m?g78\x9dN{\xb7e\xc2\xb1\xb59x\xa2}\xe6\x9ad\xfc\xca\xf8\x94k\x18\x99 1Ku\x99\xf4=\xc2\x8eIA\x89\x00\xb1\xd6\xd6}\x07\x0em\xa1\xff\x7fuy\xcf*\xe4sn\xc1,\x02\x16\xcca\xb7\xa5ahhp\xc8\xee\xb0o\x0e\x8eLO\xcfl\xbcxt\xfb\xd2W\x97f\xe7\xe6V\xb4\xda}\t\x11\x11\xb1\xa6\xe6\xe6*a\x9eJ\xa7 X[\xd1!w\x16#\xb4\x19jw\x16!\xfez\xb5\x1b\xab\xa8\xdbR\xd404=22d=9\xf2\xe4\xf6W\xbf\xfb\x0c\x8d\x8c\xef\x9c\xfe\xf3\x9ff\xff\xf2\xc5\xcaJ*\x04K\xaf\x19\x97\xb46e\xa9J\x14R\xd8\x89\xf7\xb68\xaf\xfbd\xc3\xaf\xb7\x18a\x96&lt;\x15\xd8\x97\x82kh\x11t\xb3\x07\xcb\xe1\x1c\xaa\xeb\xd4H\xfa\x96\xfe\xf6\xce\xa1\xc2\xb2\xc2\xfde\xa7O#\xd6\x1cb\xa5\n\xf5\xcdf\xf3xkJ\x8dNQ\x92\tX\x0b\xcfB8\x92\x02\xf2\x1e\xcf]\xe8K\xc3\x98\xe1\xfc\xf2\x01Vt\xf7\'F\x99R\xc4\x8a\x02\xacs\x96"y\xc3\xe0\r\x9bK\x7f\xe7\xc5i\xec\x9ca\xeb\xff\xb3\x17\xe8\xea\xd2\x0e\xaf\xb8 \xcb\x97\x99\xfb\xcc\xd7{t:\x85\xae\xd2\x83E\xf3\x062^R\x00\xf7f&gt;\x94?a\xa3\xbc\x17#\x93\n\xb2\x18z\x12\xa8\xe8\x02\x11\x99D\x18\x16\xc0\x1a\xe8k\x7f\xb2\xf1\xe8\xc5\xc6\xbf.nl,\xdd~|\x16\xb2B\xec\x13\xd8L\xa0\x9e\xcd}\x92\xb11\x81\x0e$\xd6\x11\xc4\xe2\xef\xb4,\xbe\xba.\xcf\x0c0d\xd0?Q4\xa1F19\x8b"\x1e\xc1\xc2\xae\xd3\x99\xc1\xc1\xda\xde\xede2\xb6\xb7\xb7pl\xce\x83 \x1dm5\xe9AAT\xc8\xc6J\x04:]f\xa9\x1b+\xf0\xfb\x85\xae\xcb\xfb\x0b\xe0\xcc]\r\xc6\xfe\xbf\xf3\xe2\xb0\x83\x88M\xba\xeeny}b\xfd\xf2\xf2\xea\xeas\xe5\xea\xf2\xf6\xd3\xed\xa7[\x9b\xdf\xdd\x18\xc0&amp;\xd4\x18\xe4\xb1\xe6\xd11\x9d@%@\x05qja\x99\x1f\xae\xe6\x1f\xb2%\x10:\xfd\xa7\xa8p\xbb&amp;\xba \x1b;uE\xd8\x81*2\xa6\xc7\x81\x82X\xad_\x85\x01L[[V\xa0\x1a\x1dmm\x9d\x1c\xeb1\xc9$\xad%*\x81@ZNn\xeaeN\xc8\x12C\x98\xa2[`S8\xf89\x15\xdd\x98\xee\xf9Z\xf4\xf9\xec\xf8xD\x02.\xc8ac\xc4\xa0r\xc4@\xb5\xfctmm\r\x8f\xfa\x01\xd9\xe8h\x1bb\xd9d\xd7u@UIt\xcd\xc2*\xc7_\xe7\xa7v\xfc,\x8a^\x95\xa7\x82\xab\x81L*(!c\x06&lt;\xcf"JuQ\xa46\xa6\xc7\x13\xae\xb8\xb88\xc8\xfd\xc5(\x05\x81j\xd3j\xed\xc2\x02\x8d\xc6\xd6z]\xd1\x03X\xad%\x02\xa94\xb3\xbc\xd8\x8d\xc5\xa7\xff\x9a\x94W\x92\xfa\x8dQAF\xa9@GR\xb8\xba\xbc\xf7\x06\xa3\xf8\x8b\xca\\\xa3\xd1\x1d\xae\xf8\x98\x98\x98D6\xe6\xaf\xb9\x13\xf6\xa3\x9b\xd6\x93\xeduu}\xa0l\xc6013\xb5^W\x01U\x06\xc9\x12\x7f\x0ek\xcb\xf3kR!\x1fk\x85\xf1\xcb\x07&gt;\x08\t#\xd4\xf0/\xfc[\xcalc#\x1e\x10E\x10\xad\x98\xa8(l\xbb\x82&gt;\xb5;7\x87N\xb6\xb7\xd7\xf5\x9be\xa6*Hc!X\x93\xaa\xcc\xcc\xca\xf2b\x82u\xcf\xbb\x13C\xf8\xe5i\xdf\xdfo\xcf\xd8\xe5\xe0\x94qEj\x8b\xc5\xe2\xc5J\x8c"\xf2K\xeep8\x9c\xa8\x9b\xdb\xeb\xcc2\x9b\xcd&amp;\x93\x8dN\xaa\x04\x99\xa0\xb50Zo\xbf}\xef\x19\xe7{)\xc6\xef\xa8Qx\xd6"\xbf,\x87\xcd3\xcaA\xd0\x10,\x16`A\xbc\xea{{\'&amp;\xe4\x0e\xac\xc4\x9d\xac\xab\x90\x80\x8a\x1fhS\t`\n\xcb=X\x0f\x9fq\x18\xbb\xbb\x80\xa9\xc0\xe7#A\xef\x13\x83\x1fk1\xf6\xe7\x88Yq\x16\x14ZF\x08\x16\x8b\xc5Jd\x81tF\x9d\x8a\x12\x15;\xe8\'\xfa\xfb\xfa*\xee\xb7\xc1.\x84hA\x82\x81\xe3!9\xe5\x03w\xb6\xaf)\x1cX\x92\xf4\xd8\xb3\x98\xf4\x92/\xada\xcd\x08P\x93&gt;\xbf\xd2\x9b\\1;\xcaX\x0b\\\xc6\xf8\x18\xa0b\xb3\x00K,\x12\x93\xa60`\xb5 \xd7\x8d\xce\x7fJa\x1b"Wi1\x0e\x88\x16\x15x\xf9\xd0d\xa0w\xd5\x85t$Q\x94\xbf4\xe2[\x98\x01\xb6)\xf2\xcfor\xd9 ",\r\r\x0e\xe0\x82h\x89\xd9X\xb3Q*\xc5&lt;\xf5D7\xcc\xe2\xfc|W]E\xe7\xfd6\xa9\xd4\x83\x05\\\xa5\xc5\x0f\x97\xdcvX\x8a\n\xfe\x8e\xf4\x8aDHG\xd2\xeb\x89\xc1\xe8\x026p\xc5\xcb\x9dN\x87\xbc1\x8e%R\xa6%\xf2\x08\x16\t\x96\x1d-67\x08\x15q\xfd\xc0,\xe2(&gt;2\xf0\xdeq\x0e\xf5=\xdb3\xe8\x8b\x1f\xb0\xd2\xd80\x8d\x0e\'$\xf9\x8d&lt;Q\x8e\x12\x8b\xaa\\\xa5\x08\xd3\x0c;\xac\xad\xae:\xf7z\x17\x94\xe8\xe0\x8c\xcf\xc8(\x07\xb2\xe2b\xe9\xde\xb7\x0es^w\x97\xbd\xe43\x15"/C\xd1\x08\xd2\x86\r`\xc0e08k\xaffc\x8a\x8d5\xae\\\x98B\x07`\x81\x84\x90\xb4^\x87\x03^\xa5"\x8b\x1e\x07DK\x90\xb0\xf7\xbd\xc3\x85|\x9ak\x9e\xfe$d\xa7G\x8b\xe6H\xf2?\x01\xde\xf1\x84\xd6\xf7\x05ft\xb5\x88\x85\xd5\xe6\x98\xc6\x06\x83\xc1\xb0t5;\x1b\x97{"\xecC\x07\x1c\x10N+P\xd9\xc6j\x14*\x85BG\x16=\x1c\xa9\x95\x19\x88\x95\xb0\xf7\xc2G\xc7\x7f\x9d\xcf\xf1\xee\xad\x00\xe1G?\xe5\xc3\xbc\xc5\x08\x9d\xf9\xf8\x14W5\x9b\x05\xe1bE\xc5[\x1c\xce\xe9\xc7\xb77.\xe6\xe6\xc2\xe1\xa0\xee\x95;7\r\x86\xa1\xf6\n\x8d\xcd\xd5\x94W\xa3\xc8\x02,\x1cH\x06\xeb^\x90\x10\xb1/u\xefO.\xbc{\xfcX&gt;\x87\xa2^\xf7-\xc6\xeb8\xe3\xc8/\xc99\x8fXp,\xc4\xa4[\x1c\x86\x91O\x7f\xbc\xb4q\xb1Q.\x9f\xa8u\x0eMO\x8f\xb4\x9b\x9bM.\xa10%\xabFQ\xa2R\xa9t:2\x93pz\x01VBB\xc2\x9e=?\xf8\xe1[\x9f\xbc\x7f\xac\x90\x1f\xeeG1_\xba\xe4\xc3o\x05\xc4B.6Hz\xe0\x9a\xf9\xf4\xce\xafn/\xc1tNC\xa6x\xado\x1c\xbb\xe8\x80\x95\x87\xbe@]\t\x0c\x9d\n\x16Xy\xa9\x14\xb1"""#\xf7\xa4vL\xcd\xfe\xe1\xf0\xb1B\x0e?\xd4\x8f\xa2^\xd9}\xa5\xffG&gt;?z}}=??\xbf0\xff\xae\x88\x1c\xa2lH5\x8c\xc857\xf7\x8b+gg\xce\x8e\x83\x8ao\x9e2\xad\xa0_$)9K\xa7B\x9b|\r\x06\x8d\x84KJ\xba\xea\x918\xf6\x1dh2i\x1e?8\x9c\x8fd\xc1\xc6\xf4\x9d\xfe$\xdfj\x0fz\x89A\x98\x16\xc5\xcb\xdb[O~\xf3\xc9\x1f?\xba\x94\x1bE\xa2E\xb8\x1a\x1d\x86ks\x9f\xc3h\xc6~\xa6\xde\x85.\x96\xd4\xd8\xe4,b\xa2\xac\xc9\xca\x82\xc9\xd4\xe1~tc\x11\xaa\xc8\x88\x84}\x07\x92\xc7Z5\x10\xb3\xfcB~@E\x82f\xc8\xd8i\x94\xa2=\xe7%=\xb2\xf5\xc5\xd5\xed\xff~\xf9\xe5\x07\x1f\x0f\x1c\xbc\xfc\xdb\x0b?\xbb\x8a\x87;\xc1\x82\xb4\xdf(w\x8e\\\xf9\xfc\x8b\x95a\xadv\x18\xfe\x081V)\xb0\xdc\x81J\x91\x95\x97\x97\x97\xe5\xc6\xca\x10$Dz\xa9\x0e$a\xc7?)\xc5CF\x1e\xadS\xb47\xf4\xde\xc7Z\xde\xba&lt;E\xbb|\xbc\x8e$\x06g\xffs\xc2\xf4\xfbo&gt;\xec\x9c:x\xf0\xe0\xe5\x9f^\x8dq\x87\x8b\xc5\x8a\x8a\x8a\x8bKo\x94\x1bf\xc6\xa7\xf4\xc0\x14\x8bC\xd8\xd4\xd4\x03SW\x82T))\xb0\xf6K\xc8\xe2\x02,\xcfHH\xc2\xdep2\xb0%\xa5\xf4\x984\xb30\x9b8\x99\xbb0\xa6\x03\xd4-\x0c\xd4\x07k\xf3\xfd\xe3\x9a\xe6\x957\x10k\xf6*\x11\x0e\x88\xc5"\x01K\xb74\x18F\xfa4\xb6*WG\x13\x8e\x8e&lt;\x98:\x85\xa2&amp;/%9%\x85\x84\x0b\xd6\x96*\xc2\x8b\x15\x01\x91J\x82\xaf\x00\x19\x04-\x19\xc8\xee\xbc\xfb\xcbcHFQ/u$y\xdf\x9a2\xd6\x9f/?\x85HYg\xfa\xfao~\xf8\x8f\xfb?z\x03\xb8.\xdfA\xac("\x1d&lt;`\x90\x9b\xc1\x11V\x07\'VU\x0f\x90\xa5 WMM\x16v\xcc\x93\xddX\x95\x95:\x1fVd\x04\xec\xc9}\x070f\xc9\x103@l\xd2O\xfdu\xf6\xc1\xf1\xfc\xff\xd1q\xfe\xb1M\x9cg\x1c\xf7\xaf\xb8#\xbesl\xdfy\x11\xc8rY~xJ\xad\x92\xd0E\x9b\x86\xa1\x930iF\xb0\x90\xd3\x8a\xa1\x9b\x8a\x16\xcc\x1f\x88E\xa1rH\x14\xe4SV\xb1\x00A\x95\x1cd\x1c\xc8?\xc1i\xe2\xfc\x90\x0cNT\xe4\x80F\xa1d\x8c\xa8B\xee\x94\x02M\x04I\xab0e\xb4+\xe9F\x90J)\x1b\xdd\xf6}\xde\xf7\x1c\xb3\x8c&gt;\xb6\xec\x8bA\xb9\x0f\xdf\xe7\xfb&lt;\xf7\xdc\xddk\xf2\x97\xda\xfeoaz~Ks\xd4\xc2`\xf7\xee\x9a!w\xe8\x00\x00\r\x14IDAT\xc9\xa1To\xcf\x9f\xef\xca\x84\x15\xb8\xd4\xc7\xd4*,,\xd4\x9cO\x0ekAM\x1e\xc6`Jw|\x18\x172\x88}\x96\xae\xd3\xb2\xf8\xf3W\xf2X\x1aZE\x05\xa9\x86\'\xd3\xf4\xf8\xf8\xf4\x8d{\r\xdb\xf3(\xcf\xdc\x03\xfa\xc1\xf27\xfa\x89\tB-\x1c\xee"\xa1R=\xa9\xa1\xb9\xbb\x9b\rND`\xa2\xaf\x84\xcfYZA\xfe\x98%\x12\xbd\xe2\xc0\xe1\xfd\xde\x08\xd3\xeb\xe0\xfa\xadDU\n)X\x16\xd1S7.c\x95W\xf0\x06\xc6Tc\xb2\xad\xa7\xac\xef\xd8q\xee\xee\xc9\xc7\x0f\x1by\x01\xac\xfc\xa60\x91\xad\xdd\xf5\xefO\xe8\xfa\xde\x91\xae\x93\xc4\xd4\xdb;\xb2\xe8\x8d\xcc\x0c\x08.\xa7\x0b\\\x13Me8\xb3\x80\xdd\x8b\xb4\x82D\x1e\xcb\xca\xca\xa8\x87\x1darq\x87\x95\xbe\xbc\x06\x8f\xd2ul\x97\xbf\xd8\xb1nY\xa8\x1aX\x8a/\x0f\xca\xc9Fd\x1b_9\x87\x8a\xbd=\xf7\xddW\x17\xeb\xd6\xbe\xb0\xbc^\xfe\x85\xe5\xeb\xf2\xabw=}\xf8\xf1\xf9\xb11\xc8494\x02\xa6\xa9N\xdf\xf8L\xc4\xeb\x1b ,\x973\xf0\xa0\xac\x84\x98p6V\xa49\x1frmx\xad\xa5\x89a\xa1y\x11W)\xb0\xc0U\xca\xa4\xc0\x11\xb2&amp;\xefx\xd6\x1fj\x88\x8d-})g^\xabF\t\x1f?{\xee\xd0\xedO\'o=|\xba}\xe51q\xed\xae\xa7_=&gt;\xb9\xbb\xf3\xd4\xdc,tJ\x8d\xcc\xceA\xa8q\xef\x1f\x87R\xb3\x9b\x1d\xa0r\xe9\x03[h\x88G\xe6\x8a\x99`H\xe6K\xbc\x811\xb5\xf6q.\xba~J\\\xa5d\x9c\xad\x1b\xb7\xae[\xee\x0f\xb4~*\x17\xdcX\xeb\xc9\xf95|\x89\xdc\xa6\xe3g\xdf\xbe;\xf7\xf8\xd6\xca\xd3\xad\xa7\xff\xfc\xfb\xb1\xc9\xd9\x9b#\x94\xba\xa9E\xd2i\xdc\xd79\xf9\xa4\xa7\xa7\xe7\x1f\xed\x0e\x97\xcb\xe5p\x04&gt;naX\x8c\x8a\x99\xbf\xa8\xe8\xc5\x92\xb2\x96\xaaf\x8c\x0f\xde\xca\xc86\xba\xd6\\\x9a\x0b\xd6\n\xd6\xaf\xaby\xc6\xed\xe4\xa8\x8a\nN\xb5\xf5\xb7;\xc8y?\xfa\xe9\xb9s\x17p\xd6K\x97\xa8\xa5\x81\xcdo\xdf}\xe6\x02\xf8\xda\xd5\xf0\xd4\xb7\x0b)\x10\xa5F\x86\x16\x99L\x11_\xe7\xe2Ho\xcf|O\xea\xa3\xa5\x01\x07\xb8\x1c\xc1\xc0\xde\x16.TQ\xf12W1j\xb1\n\xdd\xab\xab\x9eq\xb5\xd3\x9d\x0c\np\xf1&gt;P\xbe\xea\x7f#\xe7v`i\'H\xaf\xe3\xfc\xe8\xf5\xa5\xdb\x87.\x1c?\xb8\xa6z \x7f]\x94\xa0\xfe\xd6\x03"\xae\xd2\xf8x\xa4\xd2;75\x02\x9dz \xdc\x9c\xef3!HX~\xc3%\x94b1\xa7"\x7f\x11X\xad\x86\xb5\xbf\xbb\xde\xeb\x8b\x90\xed\x8f\x1emo?z\x14j\xd1\xe3\xe5\x8aU\xcf\t\xa0q0\x9c\xe7\xb2k\x028\xfb~\xf3\xcd\xfb{\x96\x0e\x9d=\x98\x1b\x03\tj\x1e"\xcd\xce\x9d\x8a\x10\x92\xef\xd4\xdcM\xc8DL\xa9\xa1\xc5S\xe3v\x83,\xc8\x84%\xfa\x03\xb7\xa8\x14\xb9\xbd\x98\xef_*,\xa6e]\xcd\x18n\xba\xba\x91G\xf4\xfb\xf6\xcd\x14G!\x17\x9a\xc4\x9a\xea\x82U\xcf\r\x1a*\xca\xcb\xab\xc1Ff\xbf\xbd\xf4\xe9\x9e\xfb\x9c\xec6\xbf&amp;\xfaC@-&lt;\x81$ \x1a\xaf\x84\xdd9\x11i74wj|\xc6`0\xd8eQD\x16\x1d~\xc1~\xa3OK!\xadJg\t-.a7\xa4\x18W\xbd\x8flOK\xa4\xe8.\x0b\x1d&amp;k\xcaW}?V\x81\xcdf3\xdb\xccf3j\xf1\xf8\x05T"C\xc3\xd4\xba\xfa\x8b\x0f\x7f\xf2\xaf\x85c\xdd\x7f\x1agVB\xf3$\xa0\xdeTj\xe4\xe6bgd\xc6\x0e$\n\x8f\x0c,\x07\xb0D\xfd\x89\xdaBn.Z,_V[\\\xfcb-\xc7:=x\x85\xec\xb5o\xdb\xb6}\x91\xc8&gt;vO\xaa\xa6\xba\xba\xbc\xe0{\x99\x18\x15A\x99\xcd&amp;&lt;M\xa6\xeaMg\x0f-\xed\xb9\xaf\xfb\xe2C\xf2\xf9\xb1\xb1\xe9\xe9\xcaN\x88\xd4\xcb\x91\x88\x08U8c4\xe4\xa8\x90E?\xa8\\AA\x92\'&gt;\x7f\x95\xea\xaf\x88\x16\xf1\xa3\x93\xd6\x96\xd4\x96\xe5\xb0\x8etQ5\xd2\xb5\x91J\xba\x87\xc7V\xa1\xae8\xee\xe4\x918\x14\xa7\x02\x13\xe32\x99, \xd3}\xf2\xed|\xef\x93\xdd\xd3\xd3\xde\xa9T\x0ei\x96\xf263\xc3p\x90&gt;\xa0y&lt;\x1e\xc8\x15\x0cR\x16E\x8b\x10\xbc\xf1&gt;\xeb\x0b\xc5\xec\x9b\x05ee\x1b\xa8\x9b2\xac\xcb\x84\xe5\xe3\x0b\xca4\xac\x8a\xf2\xe7h\x94\xa7b\t41,\xe2bd\xd6j\xddB\xef\x93I\xeft\xe7P/\xb7\xd2lg%\x90\x80c\'*\x86CT\xb2\x07o\xb2\x1f`\x90\xcb"\xd8\xaf\xf6\x15\xf21\xf0g\xaf\xf1h\xd9Y\xd5t\x80\x06z\xd4\xa2\xd7\xe7\xf5\x8eq,Z\x87Z\xb0L\xb4j%S^*&lt;\xad\xa6|\xe8R\x93^_=A\xa1\xe2`\xf9\xaf\t\t\x02\x19x\xee&lt;\x1eF\x86\xcf\x8cF\x98\xde\x1f$\xd3K\x16\xc1\xf8\xc6\x9d\xc2g\xb1\xa0\xd5[,\x87\xfbO\xee\x1e\x03T=9\x8cY\xbe\xc2V\xb0R&amp;\x9bMC\xd2\xb4Z6\x16\x0b\xb6\xa1\x03\xd4T/\x86\xcf\x11b\xfa\xda\xc8\x80\x0c\xcbh9\xb7{x)R-\xba\x82\xa2\xc5"\xea\xaf\xbe\xffjQ1&lt;\x05\xa4\x96\x9d;wV\xbd\xd5|`\xcb\xe9\xc3G\xe8\xab\x05\xf5\xf5\xdd\xe7w\x8fQ\x9f\x18\xd8\xa4\x89\xc5X\x18\x12\x1el\x1bDy\xaf\x03\xc5j\xe2rq\xcdt\xf0\xd4\xfc|\xefT\xe74\x98\xf4z#\xb7\x92\xdd\xc0C\x8f\xc0\x9b,\xbaeYv\xe3%\xe8\xc2qQ\x16,\xd0\xeb\xea\xbb\xb5\xc5\xb5\x1a\x17\xa5\x90\xa95\xf8\xfb\xae\xee\xee\xee\xf3]]\xdd\x84\x85I\xba\xdaV\xa0Q\xe5"_~\xb6eS\x99\xccV\x8b\x96C\r\x0bP\xa9Y\xef4t\xa2\xd0p\x98Z\x08\xc2\x82V~\xb7\xdb-\x8an\x8f]\x96\x1d\x18m\xd0$\xc0e\xb8\xf4y-\xa2\x04n\x87XUU\x84\x85\xf3\xd7\xfd]]]Wp\xce8FG\xed\xf65&amp;\xc2*`\x10\xa4\x8d\x8d\xfd\xa8\xfd\x90\x0b+\x12g\xb5X\x80d\xcdq\xe9\xe6S\x8b&gt;@\xe9\x8d\x1a\x17\x13\x8a\x011J\x8f\xec\x96)\x9f\x1e\xb7 \x02\xce-\xd3\xc8\xe5b\\\xf6K\'6\xd4\x92^P\xab\x8a\xabE\\\x88\xc1A\xc2\x8a \x8b\x92\x99Q\x91,6Vjd{3\x17\x8a\xa9\x04(\x9e;\trY-\x1a\x96U\xb7\x08\xa5\x08\xc1\xc08x\x06\x01\xe5\xa4\xf4y\x909Q\x80J\xa06`\x13\xe1\x0e2.Y\x80\xef=\x13\xbf&gt;C\xab\xf9axD\x13\xccEz\r\x0e^\xc6k\x17J\x11\xa3\xa3\x95\xb9\x88\xf6\xc58(\x83\x9aD\x90\x06\x1f\xdal&amp;\xc9\xca\x98,\x16+\x85&amp;\x99\x8e\xa0\x18\x11\xbd\x1a\x98B,w\xf8\x01}]\x10\x04\x92\xc8N\x7f\x84l\x12Y\xd0I\xd3`P\x94$\xd11\xf1\xcb39\xac&amp;`\xc1\xf4\x14D\xc7f\x89\xcf \x16Qa\x97\xac]\x12\x95fs\xc2`T\x16\xc9j\x95\x04Q"&amp;\x0b\xcb$I\xa6\xd3\xa0\xb8\x8f\x8c\xec\xc9\x84\xb2\xa3!\x10\x96\x9b\xd2h\x0c\x90\x9e\\17q\xd1(!\x08\xa2}\xe2\x8d&gt;\x86\xd5DIl&amp;\xbd\xb6l9\xd0\x8c\x83#-]\x9fv[\xc9\xdaVI\xb2\x984*\xe6)\x93\x89k\x83O\xcc\x16 \x89\x82(\xf7+\xb1p8\x16\xc0\xc7L.\x9d\xc6\xa1q\xd1\x06A\xa1%\x90\\D\xc1\xc4\xd2\xf3R@VI/\x97\x93\x1f\x1d\xc1\x15\xd8\xdb\xc7\xd4\x02\x17\xf4z\x00\xb4fl\x1c8}\xf9\xca\x1f~3#\x99I*(n1\x9b\x05?I\x8d\xdf\xe6\x0f\xa2\xb2\xf5Q\x84^\xb2\x1ab\x1d\xe1Q\xb5\xc3\xe9\n\xa7\xe3\xa1\xd6\x90jdXV\xab\x8e\xd2\</t>
        </is>
      </c>
      <c r="M200" s="3" t="n">
        <v>45492.67796296296</v>
      </c>
    </row>
    <row r="201">
      <c r="A201" t="n">
        <v>822089</v>
      </c>
      <c r="B201" t="n">
        <v>96</v>
      </c>
      <c r="C201" t="inlineStr">
        <is>
          <t>Óscar Estupiñán</t>
        </is>
      </c>
      <c r="D201" t="inlineStr">
        <is>
          <t>Ó. Estupiñán</t>
        </is>
      </c>
      <c r="E201" t="inlineStr">
        <is>
          <t>CA</t>
        </is>
      </c>
      <c r="F201" t="inlineStr">
        <is>
          <t>ATA</t>
        </is>
      </c>
      <c r="G201" t="inlineStr">
        <is>
          <t>CA</t>
        </is>
      </c>
      <c r="H201" t="n">
        <v>182</v>
      </c>
      <c r="I201" t="n">
        <v>29</v>
      </c>
      <c r="J201" s="2" t="n">
        <v>35427</v>
      </c>
      <c r="K201" t="inlineStr">
        <is>
          <t>Right</t>
        </is>
      </c>
      <c r="L20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12f86ba-f334-4574-a192-a484434239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19&gt;\xea\x00\x00\x03\x00PLTE\xff\xff\xff\x16\x0e\n\n\n\x06\xf3\xf5\xfb\t\x07\x06\x13\r\n\xe1\xe4\xef\xfe\xff\xff\x0c\t\x06\x10\x0c\x08\r\x0b\t\x0c\x0c\x07\xf2\xf4\xfa\x1a\x10\n\xe1\xe4\xf1\xf4\xf6\xfc\xee\xf0\xf8\xe3\xe6\xf0\x06\x06\x05"\x14\x0c\xfd\xfd\xfd\xe4\xe7\xf1 \x15\x11\xcc\xd0\xde\xdf\xe2\xee\xd8\xdc\xe9&amp;\x19\x13\x1c\x12\x0e\xe7\xea\xf5\xf1\xf3\xf9\x0f\n\x06\x14\x0c\x07\xe6\xe8\xf2\xd3\xd7\xe5\'\x16\r\x1e\x11\n\xdb\xdf\xeb\xea\xec\xf6\x18\x10\rQ6)\xdc\xe0\xed:$\x16\xce\xd2\xe0\xec\xef\xf7\xe9\xeb\xf5\xca\xcf\xdd6!\x14\xe9\xeb\xf3\xef\xf2\xfa\xd5\xd9\xe7\xe6\xe9\xf4xVF,\x1d\x13?&amp;\x18D-!+\x18\x0e\xcf\xd4\xe2~[J\xe4\xe7\xf3N2$/\x19\x0e\x10\x0e\r_@0U7)\xc5\xca\xd9\xe6\xe9\xf3@*\x1f\xfb\xfb\xfb\xc2\xc7\xd7zYI\xc8\xcc\xda\xf0\xf1\xf8H0%\xd2\xd5\xe3\xd9\xde\xeccD4\xd6\xdb\xe9\xbd\xc2\xd2U9-D+\x1c*\x1e\x18\xe2\xe6\xf22\x1d\x12qQCkL=.#\x1b\xf4\xf5\xfa4#\x19&lt;(\x1d8%\x1bZ&lt;,P&lt;4L4(nK9@)\x1bH/ \x81^NL.\x1e\xec\xed\xf5dB/\x84aQ\xbf\xc5\xd59 \x12hF6sTFuRArP&gt;\t\x05\x045\x1d\x10("\x1fL7-\x18\x15\x14oN?aJA\x05\x03\x02/\x1f\x17\xb4\xbb\xcbY=0fLCU@9\xb9\xbe\xce\xea\xee\xf7H*\x1bgI&lt;^F=?#\x14\xdc\xe1\xefkI8\xa5\xac\xbbbG:\xdf\xe3\xf1vTDZ@5rH1YD=\x13\x11\x10:+#S4#a=)&lt;0*4( O90qM;D\'\x18C2*\xb3\xb8\xc6\xd3\xd8\xe8Y7$]C8\x8ceQhD1H4+\x8agX\xaa\xb0\xc1\xde\xe2\xf0\x92kY\xaf\xb3\xc1U&gt;4ekqQ1\x1e\\:(\xa0\xa6\xb6@.%|XF\xd1\xd1\xd1yL4\xe3\xe8\xf4\xf8\xf9\xf9"\x1c\x19lOC\xc7\xcd\xde\xca\xd0\xe1\x83V&gt;\x88\x8f\x9d\xed\xed\xed\xf2\xf2\xf2\xb9\xc0\xd1\x7fR:\x9fyf\x99\x9e\xa7\xce\xd4\xe5\x93\x9a\xab\x9a\xa1\xb2\x9br_,\'#\x1b\x1a\x18{\\N\x8e\x95\xa3Z_a\x99nUlE.\x92gN..+\xae\xb5\xc8{U@\x87`L\x84\x8b\x96\xf5\xf5\xf5\x1f\x19\x15\x81\\I\x87\\C\x8daHuuq\xe0\xe0\xdfh@)\x9e\xa3\xacmH34+%\xae\xae\xb0\xb9\xb4\xb2ED@UWXxP9\xe1\xe6\xf1!\x1f\x1eD:4gfa\xe4\xe4\xe3pw\x80~\x85\x91y\x7f\x8a\x91paSNL_ej\xa4\xa4\xa1\xe8\xe9\xe7\xd8\xd8\xd7x}\x83\x82cV\x82NG\x94\x93\x91kryqXN\x93\x86\x82\xc5\xc6\xc6~YF\xbe\xbe\xbeGKL\x86\x86\x86ub^\x84md\xdb\xdc\xdb\x8eVObWS\xa9|l\x8brn788\xa0\x9a\x97\xb6\xa5\x9f\x89|w\xc8\xc9\xcexGB\xac\xa5\xa9c93\xaa\x92\x86\x97`Y\xc6\xd9\x04\xae\x00\x00 \x00IDATx\xda\xcc\x99_H\x9a\x8f\x1a\xc7{Ey5\xf1&amp;\xa5\x0b\x05\x85\x84\xc4\x9b\xf7f\xfeah\n\xca\x0f\x04A\xc5M\xfc\xaf\x937\xb2\xcc\xd5,,0#\xe4\xf4\xabi\xb3\x06978\x84\xd26\xb6\x03#\xd9\xae\xb6\xf1#b\x87\xfa\xfd\x8e\x1b\xb5\xd5X\xeeb\xd1F\x8c\xedw\xc6\xce\x19q\xb6\xb3sq8\xcf\xf3j;\xbb?\xbd\xed&lt;Y\x10\xdd|\xf8&gt;\xdf\xf7\xfb&lt;\xcf[[\xdb\xff^$IJH\x89\xd5j%%\x926\xb2\xed\xff\xa1\xc86Rrk\xe5\xc6~\xfd\x97\xbd\xbd\x9d\xc6\xc7\xa7\x9fj\x92\x1f\x0f\x06:Y_~\xf8\xb8w\x9e \x08\x9e@ \x10\n\xef7\x9e\xbe\x96\x90\xe4\x0fe\x92\xac?~Z\xdf\xf5\xc8d"(B\xc1p\t\x1fl\x7fyi\xfdq`$\xb9\xfe\xa1\xbe+\x15\x8b;\xc5b%\x16\xa1P\xc8\xf9|\x00\xeb\xd9\xde_\xf9Q\\\x92\xda\xb3\xc3-\x80\xea:*\xb1R\x04\\r&gt;\x87\x03\x8a\xed=[\x97\xfc\x10\xa9\xde\xd4=\x9a\xae.\xbd^\xa37\xea\x8dF\xbd^\xdf\xe2b\xb0\x00\xac\xfe\xe6\xe4\x05#k\xcf\xb65\x1a=~\x01\x13S\x88\x85\\\x02\x06\x8c#\xec\xf9|\xd2\x9d$\xc9\x95\xf7\x974Pz\xa3\x1b\xaa\xc5eD\xb9\x8e\xfa\x88\x8a\r7&gt;\x9ddX\x90\xd6\x1b\r\x0fR\x19\xddT\x92\xeaK&amp;\x93F#~\xeb[\\\xd0H!\xd3H\xe1\xe7\xfd\x93K1\xd2\x8a\r\xd4P\x94\x1a&gt;Z\xad\xb6\xaf\x8f!K\x02\x16r\x11\x046R\xd8\xac\xe1\xfa\nyB\r\xac}\x99\xd3h\xdcjg\xd4\x19\x89F\xe1\x07pM6%kr\x89\x90\x8bI0\xa8\xd9\x9d7\'\xa2\x97d\x05\x9e\xc0QJ\xed48BNC\xd4\xe0\xd4NB\x81`}-\xb9\xc0\xf7\x84\x023\xbf%\xd8\xf6\x1b\xf2\x04\xb4z\xdc\xf0\x8c\x8eb\xf3\xa2*3h\xe5\\XX8\x02K"\x18F+4\x92\xf8\x06\xd6\xb3\xcd~R\x90\xb5\x86\xc6\xcb\x98J\r\x1dtj\x9d\x0bZ\x06K\xab\xc5&gt;b|5\xf5\x12)\xc5Ri\'\xaf\xa9\xd7\x0e\xdb\xfe"\xd7?z\xbc\x14T\x1f\xc8\x05\xae\xd2\xc2\x07\xe5\x8a,8\x9d\xa8W\xd3^\xcc,\xea\x94\x02W\x0fRqf\xeb5V\xb9H\xc9\xfe\xf9Q\x90\xaa\x8f\xc1\x8a8\xf1\x1b\xdb\xa8\xd5f2@7\xd9\xb4W\x17\xd3H\xa5X\xd6\xd9\xc9\xf4\x91\xc3\x99\xddg\xd5\xf6\x92\x1b\xbb\x1a\xd4\nZ\x88j\xe9l6[(j\xb3E3\x0b\x99\x18\x80\x81\xc1p\x08\xb5\xfc\x05O$\x8f\'\xc4\\\xe5p\xd6n\xb0\x88E\xae4\xa4nu\x13+\x12\x89\xe8B\xa1\xd0\xd0\xd0P\xc8f\x80\x07\xd2\x10\x8b\x01\x97\xba\xcf\r\x03\x92\x91\x0bl/\xe0\t0\xef1\xf2Y\xb4\x17I&gt;\xf3hZZ\xf9t:\x1b"\x85\x82KK\x0e\x87\xca\xa0R\x19b\xd1\x0c\xfa\xde\xdd\xb4\x17\x8a%\x80\xf1\xc8\xe52\\\xc3O\xd9{\x1a\xad\r\x8cv5|\xb4\x11\xdbP0X\\Z*N\x8fOOO;T*\xe4\xca,h\x19\xacf\x17\x95&lt;\xa0\x02\xac&amp;\xd7\xce:kX7\xe64\xa8\x14j\x15*\x06\x83K\xd9\x99\x99\xf1\xf1\xa5\x99\xd2t\xda\xa1r\xa8\xf2\x06\xf0\x98:\t\xa3\xbbe.E\x0b\x8b\xe1z\xf0\x81%,\xd2\xfa\xd6\xebf\xb0|\x16\x90j&lt;[*eS3\xa5\xf1\xf1\x12p\xa9\xd2isZ\x15sj\xd5\xd4\xb7P%p\x978\x92KX\xbf\xc5\x0e\x97u\xe5p\xd4\xdd\xa4\xd2\x15\x833P\xa9\xb1\xd4\xd8X*[\xcaf\xa7\x1d`0\x87#\x9f\x89\xc0\xdf\x19{\xa1\xbb\x88\xef\xe5\xfa\xfc\x98d\xc7\xf0\xff\xda\xf22\xc9`\xd1]\r\x8e\x8f\x8f\xcfd\x11+\x95\xcd\xc2gZ\x15\x02\xdb\xe7\r(\x97\x9a\xc26v\xe1\x08\x12\xc8\xe5\x0c\x16r\xcd\xfe\xce\x8a\xe9I\xc9\xdbQ\xc0\xd2F"\x96Pqz)\x18\x04,\xa4J\x81X\xa5\xb4*d0\x18 \xba\xb4\x93\x14bi\x9a\x11\xc1\xfb^\xae\x8f\xecD\xaa\xb5\xe1\xf5\xaa#\xda\x08DC\x11\x9c\x0eX3%lb\xa941aJ\x9b\xcd*\x8c.g_\x1f\x05#\xa8\x99\\\xdfs\t9;VV\xd4z\xbc\xed\xf5C\x8aZt\xb6P\xb1\x88M\x04s\xa5\xc6r\xb9\xe9\\n\xac4\xed0#X\xc6\xa9\xd6\xa2\xb7\x98\xbdK\x06[\xc4\x7f3B\xb8\xf6\x92\x8dS\x88\xfc}\xce\xeb\x83\xf1\x0cj\r\x05\x8b\xc1%\x00\x83.\xe6r\xa0\xd44&amp;\x84Y\x95\xcf\xe7c:\xd8V\xa9\xa4\x9bY\x9fe\xa8V;\x9f)\xc0z\xf1\x81\x95\x0b\xed\xd9\x9c\xdf\x07bY\x00\xab8\x84\\3\xd9,\xe8d7\x05\xd2\xe9\x80\x19\x9e\xc3\x80\xc1l\xc8\xe0\x12\x9dl]A\x88%hQq\x84\xb3_X0\x17i\xdd\xbf\x84XN\xe0\xc2IX\x84\xe0\xcaf\xc7&amp;\xec&amp;\x93)\x100\x9b\xf3\xd0\xc5|\xde\x0c\x13\x1b\x06vS-\x1c\xd5M\xb5\x98\xe0jg#\xb9\xc8\xf5\xaf.\xaf\x1f\xf6\x18\xe8\xa2-t\xf5\xea\xd0x\t\x9c\xf5\xa7\xb3\x13\xf1\xb2\xbdPX\x04\xa2@5`\xae\xe6+\xb0\xe1L&amp;\x9b\xe6\x12\x1da5\x0f\xb4_X\xd8\xba\xc8Z}\x14\xb0\xe0\xa2\x88\xe0B3\x14,\xe5\xc6\xce\xf4\xf7\x9fI$\xe6\xc3\xe5Buq\xb1\ne\n\x14\x16+1f\xefB\xae\xa6\xb5\x10\x8c\x83\x17\xda\xce\xca\xf1\x9b\x0b\x96\x1a\x977\xa2\xc3K\x07\xe5r\x94rg\xfb\x1f&gt;\xec\xed\xbd\xfe\xd3\xe9\xeb\x89ru\xb1j*\x14L\xf1x\x19\x94\x8be`Q\xc5&gt;B\x9e\xf2[\x85g\xe3\x1e\x0b\xcb\r\xb9r\x08XxS@D\x84\xcc\xa6\x89\xfes\x07\xd7^\xc1Wo\xef\xb9\xeba\xba@\xd3\xe5\xf2\xd4|b~\xaaL/\xc6`_U\xc3\x04\x12\x8bxGT\xd8\xc5\xed\xd7\xc7\x8f%Y9\xf4x}x\x17Z":U w\xe6\xe1\xc1+\xa8{\xf7^\xfd\xf1\xda\xaf\x8f6\xe3qz\xf3\xc2\xc0\xa9\xeb\x03\xe1\xcdr5\x0f\xb9\x1a\x81\x8d\x10\xb8\x04\x90Z-\xb1\x84\x9f_\xb2\xa1V\x03\xb0\xb0\x89&gt;\x8bA\x95\xce\xa5f\xde\x81Z\xaf\xee\xfd\xe3\x15\x08vz \x1c\x8e\xc7\x07N\xf7\xf6&gt;b\xb0`%\x84\xe1\x08}\x84\x9d\x8b\xdf\xc4\xc2&lt;}\xcc\xc6%Vwy\xfc\x16\xa4\xb2-/_\xde\x9d\xbb\xbf\x9bJ\xa5\xde=&lt;8@\xac?$\xe6\xe7\xc3\x03\xbd\xd7\xce\x9d\x9a\x8a\x07B\x16\x8b\xd3\xe2\xf3S\x9a.\x19t\xf1[pqX\xc1\x82\x80\x18\xf5\xc3\x81\xef\xb7x.m\xad\xad\xdd\x7fp\xfb\xfe\xc6\xf9\x8b\x97\x83\xa5\xb1\xfe\x87\xa7\x7f\x1a\x08\'\xe6\x13\xbd\xbd\x03q\x93\xd9\xe7\x92\x11\xddP\x9d2A{;\x7f\x90\xdb\xea"\xa8\xf5\x89\x95%\xd0\x83jE&lt;\xd2\xee\x8d\xee\xe1\xe1\xe1\xd9\x07\xc3\xb3\xc3\xb776\\\xcb\xc1\xdc\x99\x0b\xf1\xf8\x85\xa9\xa9S\xa7\x06h\xb3O*\xe3\xb5\xb7s;::\xb8\xdc\x11\xac\x8e\x8e\xe6\x99\xc1\x8aZm\xe4\xfe%\x8fW\x17\xf5vJ]\x9e\x8b\xcbW\x87\x96=\x1e\xe9Fw\xf7\x86\xd4[&lt;\x9bH\x84\xe3g\xcf\xc2\x83\x18\xa6c\x94T\xd6\xc3\xe5\xf7\x00\x18wp\x90\x8fx# \x97\x90Y\x04\xd9\x98\x89O\xb7&lt;\x97tN\xa9\xeb\xa2\xcda\xb2\xdb\xedq\xbbJg\xf1k\xa4.\xaf\xcd\x1e\x06g\xc5\xcb4T5J\x89!\x15\x04&lt;\x1e\xaf[\xa4\x94\xa1\xb9\x80\x8c\xb9\x15;\xd8\x08\x08\x18\xd5[\xa0\x96E\xe3\x0b\x05 \xa3\xa6\xc2\xe1){\xc0\xe6\x8c\xa8\xb5QC\x002k&gt;NW\x17+\x95JdTL(\x14\x84H\xacwS\x94F#\xed\xec\x86g\x91\xc1\xe2\xb0\x11\xa7\xb8\xd8x&lt;\x16\x9f\xcf\x0c\x9a\x947\x13\t\xa0\x8a\xaa\x8dF\xf7d\xa6\x02\x93\x87\x0e\x87\xe9&lt;\xac\xcc\x94F\x8c\xaf\xb7\x081\x05kl\x84\xd2H\x99\xa8G,.\x87\x8d\xe1\xd3F\xbe\xdcvyu\xbeh\x806\xd1\x9b\xe1r@\xe5\xb0y\xf5beW\x1f`\x15\xca\x03\xbd\x07S\x15-\x05I\x05\xf7\x0e\x9f\x90\xfa}jP\x0b2\x02&amp;6O\xceg\xb0\x1a\xb5\xe3\xff\x87\x90Dbm\xb8&lt;\x16\x9b9P(\x94\x0b\xd1X\xba\xb8\xeb\x11\x11J\xb1\x9e\x8a-\xd2\xe1\xe7\x7f\xbdr-^Q\x03&amp;\xa1\xe0\xf3]\xbb\xa9\xf1\xcb\xfe.\xf8M\x8c\x83\x11\x96.9\xc6i\xbdV\xabY\x8f\x99\xea\xf5\x9b\xd7o]\x1e]&gt;`\xa2\xcb&amp;\xb5S\'\xe5\r\xaf\x8dt\xb4\xf3DF\x15\xbd\xfa\xfc\xceoW\xaelV\x92\xd8@\xb9\xc0\xe5qu\xae\xbd\x18\xe1\xcay\x84\\\xa1\x94\xe1\xff\\P\xad\xf6\xc6\xc7\xed\xbdO\xc7\xdb\xc7\xd7\x7f\x9bx\xf7\xfe\xa2?Z\xa5i{&lt;Fu\x11[\xbb=\xdc\x11\xee\xed9\xa9;7\xbf\xfa\xf3\xdd;\x7f\xf9\xf3j\xa5O\xa9P\xc8\x152\xe2\xfc\xe1\xde\x8b\x9e\x91\x17\xb3\x02H\x08\xf8\x15\xdf\xa4\x02\x16wV \x9f;^,\xb2\xf6\xf7j!\x10\xf2\x19\n\x10\x03&amp;\xb3[\xd4u\xf5p\xae\x87/\xb8\xb8\xec/\xd1\xab\xab\xab7\xef\xfe\xf6\xeb\xcf\x8b\x93b\xb8\xa3\xe5r\xd9\xde\xd7\xaf\xf7!\xad\x86\xa5\xbc\xc1A\x01!R\x10&lt;h\xe2\xe0\xc8 _\xb0{\xbc\x0f\xa3\xc4\xfaOz~\xb3\x1a\xcd\x17\xe8\xc2\xa2\xc9l\xae\x9a&amp;\xc6RE\x1f59i\xee?S\xa8&gt;\xb9y\xf7\xce\x9d\x9bO*F\xc0R(\xdd\xb6\xa5\x99\xcbJB\x04O\xa1\x9c+\'\x08\x05t\x16\xd5\x92\x0b\x14\xdb\xc7\xfb\x82\x84\xbc\xf5\xefr\xf99\rX\xab\xe5\x02\x1d\x87\xb1|\xee\xe0].\x1d\xcb\xc4\x02\x17\xc2\x85\x02\x83\xf5\xfcI%)\x02.\x91\xd1\x99N\xc7&amp;\xf1\xb2\x16C\x07y&lt;\xb8\xcb\xe4B!_.\x10\xf0\xf6\x8e\xd7\xf2\x92\xf5\xf7`l\xbb\x13\xb0V7\xe7\x9f?\x82XO\x84\xed\x8b\xb1h\xfaBb\xf3\xc9\x93\xd5\x96Z\x0c\x16\xc8\xa5]\xc8\xe0\xcb\x1b#\xbe\xafd\xde:\x83\xe7\xf9\xe0;\xde\xf6\xf1\xae\xf3\xe4\x7fh7\xbf\x97\xb6\xb2-\x8eO\xe4\x1c\x92\x9c\x92\x17\ry\xc8\x81\x14\x14r\xf0\xa5/j\x83\xc4I\xc0 \x04\x84x\xc8\x0f\xfc\x91h\r\x15\xab\xa6\x89\xa9\x12\x0b\xc6R\x82I\'\xd1d\x0cD\x13AB%*&amp; w0/\xd126\xa2\xd8\xc6*m\xed\x88S\x1f*\xda\xa9Rm\xa7u\xac^\xed\xb5\xb6w\xed\xe3\xbd\xffA\xceF\xf3\xa0\x0f~Xk\xed\xb5\xbek\xad\xedo\xfba\x8fGq#\x04X\x9e\xa9\xcc\xd3\x85\xb6\xfb7\xa1\xddq\xb5&lt;\x1a[\x9f\xf0x&amp;\xa6\xa6\xa7\xa7=}\x03e\x80\x85r\xe9m4\x0fo\x86\x9e\xbfX[,Fk\r\xb4\xd5\x00b\xfe|\x96o\xe2\xbf\x0e\x9fO\xac\xcb\xe5\xa1\xd5\xc7\x9e\x85\xc5\xc5\xa1\xc5\xb1\xb6\xde\x8awM\xc3\xc3\x8b\x99\xe9\t\xb8\x87\xd3\x13\x13\xeb\x9e\xben\x19Z\xf8p\x04\x05\xb2ffN\x8f\xa6\xf7\x85\xda&lt;\x12\xcd\x05\xc1Z@7\xbb\x96\xdd|\xba\xd3\xe2\xc9LT\xc9GWW=\x90\xa2\x86\x86\x16\x9f\x02\xdc\xc8\xc8P\x1a\xb0&amp;\xc0\x81p\xfe\x87%\xb9\n\xf5\xb0\xac\x19\xf9\xd1\xfc\xd0g.),\x16\t\x04W\xc1\x89\x90+\xa4\xf8^v\x07\x11+\xfa\xa9\xcc\xe3\x06s\xdf\xea\xe3\xf5\xe5\xf4\xdc\x1c\x00\r\x01\xd5\x08\xa2B.\xf4\xf4\xadz\x1e\x8f\x0e0X\x10\\\xb22\xe02\xfbBP\xbc\xbbK\x90\xb9p\xb0\x16\xe40)\xfeWV[X\xe1J\xe3\xf2\xf4j\xc3\xc3&gt;\xcf\xc4\xf4\xf2\\*\x99L\xa6F\x10\xda\xe2\x02\x8a,\xf8\x86\xa0\x07k\x95]b!\xf9p\x9b\xa9\x95\xa3!3`\xa1y\xe5\x95+\x90[%\xedY\x1e\xd0\xaf\x0c\xc3\x9f\xbd\xee[]\x9fZN#\xaa\xb9\xf4\xf2"\x18\xec\xe9\xba\x07\xee\x00\x90Mg2\xe8&amp;2i^\x00\xa5\xb0\xecv3H\x8b\xd1\x10xQ\x0b\x92\x1ea\xf1 \xa1\xb6\xafe7Al\xf6\xf6\xad\x86\xaf\xfb\x9eOg\xc0\x85\xa9Tz9\x93\x81\xc0_\xfc\xb0\x00\\p\r&amp;\xa6\x96\xc1\x9a\xbe{\xa0\xb5\x00+_\xa6\x05k\r@l=DZG\x96w\x19\xf3\x96\x8e\x8e\xf8AvC~\xb3\xf4a(\x1c\x0by\x18,8\x97\xc6jjj\xfa\x00i\x0b\x95\xc4\xb9\xb9\xa9\xd5\xd0=\xa4k\xae^-(\x83\xf4\x7fo\xa0\x1b\xa8\xccU\x85\xda\xe2K,\t`Y\xc7\xb3\\\xaa\xdf\x85\xee\xd5\xc5B\xc8\x87`\xacT\n\x82\x1e\xce\xf0\xf0\xd0B\x18\x12\x198\xf6\xec,\xed\x195k\xf3\x99\xad0\x88\xc0n3\x1c\x06\x8b\x91\x82\xd0/r\xc0\x89\x7f\xeed;o\xb5v\xcb\xbd\xca\xfa\x05\xb0V\xea\xf8\xf88\tho\x86\x87\x87\x9bZ!\xbf\xa7\xd3\xe9\xd4\xf7\xefC\x1e\x05U\x8b\x86\xa6\x02(@\xc5f\x9f\xcf\x07\xd6\xea\xae*\x81\x1f\t\xd0\x9c\x8b\x03u\xfb\x93*\xdb5\xb1\xcd\xe3\xab\xa6\xc2\xeb\x19t\x11\x8f\x93\x00\x96\x1c*m\x846z\x19yty9\x9d\x9e~\xae\xac\x91\xc9\x8a\x8bey\xa0\x04\xf3\xaa|\xbeP\xc8\xf7\xb0\xbb\xa1\xa4\x98\x19\xdd\xa0\xd0\x92\xc4\xff\x93mu\xbaV\xb18Zm\xbaY\xbf\x80\xbc\x98\x04\xb0\xe4\xc8\xd3\xb1\xd2G\x8d\x1f\xd2\x8b\xb74\x8a\xb6\x85\xcc\x94g\xb4\xaa\x0c\x08 \xc9Kx\x98Dvct\x14\xb8nT\xa1t\xca`ut\xe0_\xb2\xdddp\xdf\x1e\x8e,\xd4\xa8\x15\xc8\x8b\xe99\xc8\x10\xc9\x91\xc6\xb1\xa2\x8a\xc6\xa6\xb16_MM\x83\xc3\xd9\xf6+\xb4\x88\x05\x12h\t\xd1\xea\x82\'\xb9\xaa\x95C6UB\x17~\x19\xf19\x98E"\xda\xcf\xf6\xb0Y\xb8\xf4uh\xc8v]S\x0f\xfa\x18\xdc6\x97|\xd3\xd8\xaa+*-\x1d\xeb\xbd\x7f\x0b\xeaP\xea\x8d\xae\xee\xc65\x14B\xa0H-@\xc5\xc7\x05\xcd\xd0\x11\xf9\xe4\r\xd7\xf2\x0b\x18,\x1e\x874\xace\xbd#\x13\x9eU\x0c\x05j\xa8[\xeb\x10\xe2\x10I#\xa5v}K\xc5XQok[8\xdc\xd6x\xf8Ng\xd2\x16\xa0\xa9\x91\xc5\x82\x81\xbd\xa0^\x0b\x04\x85&gt;\x9f\x9c1\x16`\x11\x18\x9f\x14\xfd\x99\xfd\xfd\nw\xe7\xb0H]MU\x82\xda\x9a\x9e\xca|\xe8u\xba\xf4E\xa5c\xad\xadvg\xa5\xcb\xd9\xf5 \xa8\xa64^\x92\xd7qi+\xa4"\xf2\xf2\n\n!\x9b"cIAoa\x1c\x91\xff\x94\x85!\xa5j\xfc0f0)\xc2aP8\xeb\xbfV:\xdc\xf6\xa2\xb6\xfaz\xa7+jtG\xbc4)\x16\xc7h)\xf4\xf5\x16\x0cq\xe1\x9c\x02\xe8\xc7\x04\x85\xe6*m\x1e3\x07\xc7rD[k\xac\xec\xc8\x84\x9b\xafi\xb5\x02\xb5\xd4\x9e\xe77)\x8d^\xe7\xacth\xd41\x9a\xf6\xd3\xf4\x13&gt;Iz\r\xed?\xe7vtX\x10\x1aF\x10R\x91\x98,h\x18\xd0\x92\x1c\x1c\xc7\x89\xdc\xf9\xbd\x15\xd5Ol\x1c\xe1\xe4\xb6?F)\xa0Q|\x1e\xd6P\x95\x89;\xd1\xf2j1]-\x16\x8bi\x03\xc9\x97\x8a\r\x9dh\xe0 \x91`hv\x84\xa6Z8\xc9\xc9\xef\x86{\x80\xe3\xfc\x9c\xdc\xdf\x85\\6VQ\\p\xe3\xc7y\xafF\xa1\xa1\xfa\x1e\xf7Q\x94\xeb\x8e\xcd \x12\x8bD\x9d\xb5\x9d\xea\x1e\xb7\xba\xbc\xb0\xb0\xfcF\xf7\xc0\xbdk\xa0\x92I\x89\x05\xac\xd6\x01&amp;\xc39%\xd7\xa4\xe8z\xa2\xfd\x98J\xc8\xc6\x16\x03\xb0\xde\xbe\xf2R\nJ&gt;\x1a\xae\x93\xd7E\xbdt{\xbb\xc1\xd0\xe0\xd0\'\xde\x1f\x9e\x9c\xbcK\xb8\x94\xe6\x92k\xd5\xd5\x9d\xc5bd4\xc6d\xb9&lt;\xbe\xacP\nT|\xe2\xca\x9eji\x92\x95U\x94P\xb5\xb9\xe5\x8f\x98\xd4\xd7\x957\xeb(\xcaO\xffB\x1a\xa8:\xc5}g\xe2\xfdg8]\x0f\xd45\xb5p\xaa\x91+\xd1\xc2\x0e\r\x021~\x81\x16-\xc9\x08\x0c\xfb\xb4\xf4\x1b+XB\xa1j\xe7\x0f\x7f0b\xf3\xaa\xfb\x14\x9a\xa0A\x8a\xfb5\n\x87c\xb0\xa7\xab\xeb\xfd\xfbD\x8f1R\x0eX\x9d\x9d4\x18K$\x85p\x02{Yrp\x81\x0c\xe7\xf10\x1eF\xec\xa9&amp;Y\xd9\'\n\x85\x93\xbf\xbd\xf6\x07m\x81`\xb0\xae2\x1a\x13K\xc9\x98\xc9\x14\x88\xf6\xf4\xa0\xbd\xe2\xddH,V\x0eP\x80\x84\x02\x8e\x94\xf2A\xc5@b\xc5\x05y8\xc6\xb3`\xc4\xc6\xc7\xc9I\x15;N\x14N\xbe\xb6\xfa\xbd1\xbfWS\xe9\xb6y\xc5"R\xe4\r\xa0\xa5\xb5\xd1\x180\xda\x02\x81\xbb\x0f\x1e\x18\xbd\xc1~\x03\r\xbf\x81\xbalA\x15\x08\'\x05\x04\x18\x8b\xc8\x99?\x10\nYY\'"\xacO3^o \xd2o\xaat\xbam\xc5\xb1\x18\x1d\x7f\xf5\xe0\xee\x9d\xcf_\xbf~}\xf9m{\xff\xf4\xe5\xb7\xbd\xcf\x9f\x9emmm\xf5ott\xf0\xf88GJr\xa4`,\x1eA`\xaf6\xb9*!;+t\x95j{\xfeE,`\xec\x8f8 \xb9G".%\xf5\xf9\xf4\xdb\xc7\xf1\x95\xb7\xe3K;o?\x8e\x8f\x1f\xac\xed\xbf\xdc{\xfdzk\x86\x94@\x83/\xe5H!\xc6 \xb2\x08"\'\xe7\xef\x7f&amp;\xd9\xd9\xa0#\xac\xb5\x7f\xfb\xfb\xa3\xee@D\xa3OD\xbd6\x97\xab\xee\xd6\xf9\xc9\xd9\xda\xf8\x01";@X{\xdb_\xbf\xdcUk\xf3\xf2H\x0e)\x92B-\xe4c\x98\x04\'0\xe2\xd9\x12[\xcf\xaf\x81k\xfc\xd5\x0bt\x17#\x01\xbd=\x1a\x19t\xea++\xc3\xe7\xbbM\x87\x87\xdf\xd6\xce\xd6N\xcf\xbe\xed\xed\x7f\xb9\xd3uan\x96\x15\x90\x1c\x0e\xd4\x1e)\xda\'\xa2u"F\xfc\xc5N\xc0\xff\xc4\xbc\xf7\xde|6\x03w\xd1\x16\x0c:]n\x97\xce\xaew:\xebw\x8fvww\x87\x0fO\xf6ONNZ\xba4Jsws&gt;\xaa7\x02\xe6&gt;\xa2\xe4\x00d9\xbf\x9c\xaaTl=\xfd\xe1r\x97\xf6\xacq\xb8}\xc1\xfeh \xd8\xd3\xa2s\xea\x9dz\x84u\xf4c\xf7\xfc\x1c\xbe..\x94\xf2\x92\xdb\xf9\x10Q\x0c\x96\x94\x03\xb7\x10#\xd0\\~\xf6\x80\xc5\xe7n\\\xe1\xf8\xdf3\xd6H$\xe0\xb5Eb\x83:\x9d\xde\x99H\xf4\x1e\x1d\xfd8&gt;\xfe\xb1{t\x04|\xb7.\xe4Z\x86\x8a\xcf\xe7\x90$~\xb9\xa7F\xaf f\xc7\xd9{\x0e\x0e^\xdc\xf9}\xc6\x00^\xec\xf7\x06#=]:pcKK\x05P\x1d\xa7~\x00\xd6\xd1\xf9\x85\xa6\\\x0cI\x01"\x1d\xc79\xf8\xcf&lt;\x94\x1bxX.\x96\xbb1\xce\xe6+u\xe1\xe4\xb3\xb8\xb5\xdf\xe6\xf7\xfb#\x01\xa3+\xa1\xd3\xb9\\E\x8dM#\xc9\x14\n\xb0\xdd\xf3\x0b\xaa\x9c\x86\x88\x82\x8a\x88\xdc\x88&lt;\x08\x9a0\x07m\xa3\xd8\xc5\xe2r\xb7ggi\xbf7h\x08\x06"\x11wB\xa7w\x0c&amp;\x1e=z\xd7Tz\xeet^8L\xb54\\?\x86\x89O0\x0f30\x0b\xb2Un\x8e\xf5-\xabX\xc2m\x7f\xfb\x06m\xf0\xd2\x86\xa0\xdbf\xd3\xeb\xed\xae`\xd08\xe8r9\x07\x1d\x94\xba\xbc\x16I\x1aD\x85^\xe8\x12Lf\xc8\xc5\xd0j\x91\x98\xf9\x87\xcb\xaa\xb5Ncq\xab5n\xf5\xfa\xbd\x01[\xd4\xa5\xeb\xb5+\xd4\xb4\xd8@\xc3\x11_\xde&lt;\x1e~\xf9p\xf8r\xa3O0\xc6\x02\xac\x15V\xb1\x84\xdfm\xfe\x8d\x99\x99\xf8\x8b\xb8\xc1\x1f\x03,8vuM\x9cD\t\n\x10,\xa8\xb9\xe0\xa07?\x90\xdd\x81\x08!1jp~\x93\xddg\xba\xfbT\xc4j}\x11\x7fb\x8d\xd3A\x9b\xcb\xa9\xb3\xebZ\xf4\x0e\xaa\x86\x86\x88\x02\xef\xf1\xa5\xa2&lt;\xf4?#"\x9c\xc1B\x92\x9e\x07\x1f\x04\x7f~\x87]\xac\x13M4\x12\x9f\x89\xc7\x01\xcch\xb4\xb9\xf5\xba\x84\x1d\x92\xbd\xc3\xe4\x07\xf5\'\xae\xae\xa9\x05\xd5\x0c\xaa\x8b\xc4Ac\xf1r\x19\xe1\x8c\xa8X\xc7:TF\xef\xce\xb4\xb7\xb7\xc7g\xfb\x83\xfd\xc6\x80\xbb\x0br\x17\xe4U7(\xe6\x98\x89\xd2\x98\xae\x97\x83D\x15#\xe5\xf0\x7f\x0f\x82\x0b\xf9,;\x91;\xf9\x99rGm\xd6\xf6\xd9\x8dY+\x14\xed\x88M\xdf\x92H\xb4\xe8\xec\n\x93\xc9\xa4q\xd7)\x95p\x1d\xab;EO\xf8\xd0\x19b\xb9\xff\xe5\xe5lc\xd2J\xb38\x1ee\n\x960\xbcL\xc4j\x85\x89M\xac\x98\xc1D\x94\xc6\x04\x0c:\xa8\x0c\xb4\x14\xa2\x01\xd4\x11\x9a\x92\xae\xc6\xab\t\x05"\xa2DS\xb1\x185\xc16:q\xd3:\x8b$\x88ik\x1b\xda&amp;\x04\xa2\xc2\x871\xc3\xb4\xc9L\x88\xa6\xa6\x9a*Yw\x97fp\xdb\xda\xeef\x93&amp;\xdb\xcc\x87=\xcfsm3\x9b\xdd\x9d\x9d\xd9){\x84{/\xdf~\xf9\x9f\xffs\xee9\xf7El\xae\x0f\xfe\x0fX\xf7\xf6\x05ccc\xd3\xb7\xac+\x96\x07\xeb\xd3\xdeI\xe3\xfc\xd8\xa8\x93 \xf4\xb3\xfd\xda~m\xbd\xa0^\x00\xaa\xf5\x1d?"\x83\x16\x0b+\xf5\x01\x1ad\x11VVWb\xfe\xdd}\x01\x0c\x15\x03\xcb\x13+\xb7,\xcbS\xeb^\xe35\xe3\xd80A\xd8\xc7\xc6\x04Z\xad\xb6\xa6\xc6\xd4\xf0ysAA\x0e\xaaWd\x12s1\xd5\xd1,\x17\x88\'\xce\xfa\xfe\xd9\xd1q\xafeeb\xcb\xb2lY\xf7^\x9b6\x1a\x87\x9d\xb3c\x17\xaf\x99\xae\xf4_k_hC~\x9f\x90\xc9&gt;:\xac\x0etH!\x9c\xb8\xb3[N\xf3\xbf\x1b\xae\xef\x18\xd2;\x07\xbc[+[\x16\xcb\xf2\xa4wz\xca8?=0l\x1f7.\xa8L5m}\xa8\xaaN\xc8&amp;r\xa1k\x00w\xe5\xe6\xa1e\x98}\xac?\xcd\n\xb4\xea\xa1\xa5\xe1m/\xd8~\xdd\xbbn\x98\xf6z\x8d\xf3\xc6\xf1\xf1+\x0b\xd0\xecL\x1a\n\x9a\x0b\xaceV:\xfd#\xfcl.\x8c\x16y8\x87G-Y}{\xe5\xde\x9f\x05\x82\xfe\xee!=\x88\xb3m\xb1\xdeZ\xb6\x18\x00m\xe1\xe2\xf4\xc5\xe9\x85\x05h+\xd0\x84\xf8\xe0\x81LF\xc7v\xa7\xd3e\xd0\x98b,YV\xb1ho\xc6kk;F\xf4\xb6%\xe7\xc0\x00pY,\x06\xb0\x97\xc1055i\x9824\x1b\x1e@\x94\x01U.\xf6;\xb8\x9d\x8e\xc5\x82$Z\xb2\xd9\xd84&amp;\xb7k\xeb\xfb\xbbm:\xdd\x92\x1d\xb8V\xa0LX,p\x9664OY\x9a\x1f\x94\x01\x94u\x02\xec\x9e\x9b\x8b\x16"hEJ\x85z\xd5,=\nK:\x8b\x95\xf0\x9a\xea\xfb\xd5z\xc2C,9\x87\x8d\xd3[\xd6e\x0b\x9c\x87nY\xe1\x14i\xb1Z\'\x00j\x02\xa5\x8e\x8e\xa0`\x87oO\xe3\x16\xda\x9a\xce\xde\xcb\x057\xd9\xe9uA}\x87\xda\x06\x9d\xf2\xaabi`{{y\x05\xca\xbd\x15\xd1\xc8@%\x88\t\x19\xe2\x01\xb1\xe08/\x0f\xbb\x1d]\xde::q\x90\xb5WW\xf2\x95B\xff\xba\xb6\xa3C\xad\xd7)\xcc\xab\xabb\xf0\xd7\x00*` \x12\x82\x91\x1dr\x01\x15Z\x83\x90@\xfa\xa1X \x97\xec\xab\xef\xb34\x90\xe5\x8b\\&lt;\xff\xa4\xb6\xa3N\xad\xd7{$\xe2U\x1d\xb1d\x1f\x1e\x18X\x07\xb1H d+2\x8180Q\xce[,\xeb\xdebV\xaeQ6\ny\xae\xcb\xf1k\xf3\xfdj\xf5\x88M\x0cI$\xcc\n\x9d}||\x18\x14\xb3\xd2\x0f\x83\xf4:\x8a\x8fQ\xff\x85\xbaT\x12\xeb(\xfd \xf1\x84\xf6\xbe\xc7}Zc\xab\x8b\xe7\x12\x96o^\x19\xabSw\x0f\xd9\x14\x12\xb3\xb9\xb3\xd3,!\x9c\xc3\xe3\xf6a#\x80\x1d\xc1U\x01E\x1e^\x80X*\x84E\x92\x1d\xa5\xbf\xf6\xa7^\xdc}\xaf\x89\xa4\xdd\x14\x9e\xe4\xb9\\Ba\xd5\xa6qvV\xdd\xad\xb7\x89\xcd\x80\xf5\xdbU\x89DA\xd8\x9dK\xce\xf1\x8b\x93\xcd\xc50\x81\xa1\xa1\x02\x84\x01&amp;\xf4$eY\x0ey\xd9&amp;\x07c=\xf2\xfb\xfd\xe9?\xfc\xf1\xfd\t\xd6XYZ}R\xc8\x16\n\xd9\'~o\x1cF9\xd4\xc1px\xbd\x13\xe42\x9b%\xfb\x04\xe1\xb4\xcf\xce\x03XA1\x8c\x88\xc0\x90S\\V\x0c\x87pL\xc2\xe1\x99q\xe2 \xe3\xdf\xdb\x8b\x7f\xbbx\x93\xf6\x1e\x1e-C\xaf\xe4W~Q\xed\x12\x8aDB6\xbb\n\xb0F\x87Fz=\x8a\xce\xa7\xd7\xafw\x9a\x1f\x9a%f\x85BA\xec/9\xed\xf3\xaa\xf6\xb6S\xe8\xb2iYqA\x01\xba,\xf2\xe1\x87\xc5\xc5\x87x\xd0\xabnmf\x80+~\xb0\xb7\xf1\xdd\xcd_\xef\xb1\xfcF~%\xf5\x0c[\xc8\x16\x89\xd8l\xf6\x99M\xa3}hH\xaf\x13K:\xaf\xff\x0e\xb0\x80J\x02\x89\x14\x8b\x15\x84\xd86*\xa8\x010D\x86\xb1\x8a\xf1\x06a\xa1);\xef\xb5\x7f\x07cm\x82b\x98\xec\xd7@\xf1\xb9\xe5\x85rj9\x9b\xcdg0\xd8"\xe5e?`\xc1\xcc*Vt^G7\x84\x11\xd6C\x05\xb1\xa4\xf3\xe8`\x00R\x93\xad)z[\xf2]`\xb0\x9c#\x1f[\xe3\x994\x89\x15\xdf|\xf4(\xfe\xfd\xe2\xff\xfa\xaf\x06`\xf1U\x96\x16\x95\x16\xf2\\\xdcK"\x84%\x12\xf1\xa5/\x8dv\xa7\xde\xe6\xf1(V\x9f",\xa4\x17\xb2=\xd1\xeb!tz\xb5\x167\xf2\xa7\x8e\xbf\x8dC.\xc0\xa2\xbf\xdeI\xa7v\xfc\xf1\xf8A\xdc\x1f?\x80\x88\xbf|\xf3\xcb\x9fMBw,.\x94\x17\x9d--/\xe4\n\x95\xbcKH\xadV&gt;\x9f\xcf\x0b\x0f8\x9dK\xe0x\xc5*\x08\xd5\xf9u\'N!\xe1\xe9\xe9\xb5\xe9\xf5u\xfd0\xf6\xb4\xbf\xe5j&gt;u\n\x83\x91X[\x99Tjw\x07\xd4\xda\xf4g\xf66\xc1\xfa\x9b\x9b\xf1\x97\xcf\xbe\xf9e\x8a\xd1\x1a\x95\x9c\xa2*P\x8a\xc3\xe1V\xb0\xf9.\x8cEa\x88\x18\x174\xce!\xe7\x92\x8e\x10+\xccf,\x94\x19ay\xf0e\xc1\xd11\xadI\xd5@rA\xf4\xf5!\xae\xc3,Z\xf7B\xbb\xbb\x18+\x9e\x81\xad\x7f\'\x95\x06\xe5\xfc\x89g?\xff\x9d~Z~kI\xd1\t\x80*-\xa4rK\xe4\x15J\x86\xb2\x1c\x1cOAX\xca\xaaoA-\x02\x9d\xa9\x11R\xd0#V *\x18\xf8\x87\xd4\xea~\x81IUC\xde\xc9\xe8\xebCS,\xc9\x85\xca\xc6A$\x96H \xac\xbd\xccN\xda\x9f\xf1g\xd2\x89\x10\xfc\xf4\x03\xd8\xcfS\x8c\xd6x\xaf\xb0\xa8\xe8Lia!\x87J\xe5pKJ*\x94\x14\xfe\x97&lt;\xb6\x88A\xa1\x88\x18\x0cy\xd8\x0eb\x01\xcd\xea*\xac\xbf\xa0D"\x16?\x17\xf7\xf4xz\xf4ju\x9d\x16s5\xa0\xdb&gt;m\x9f\xe3\xf1\x9a\\\x96\xd6\xd7\x91h\xec\x90#\xb5\x9b\x82\xefn:\x1d\x02\xd2t&amp;\xb3\x13[\xbc\x97\xff_\x8bT\xbe\x12\xa0@\xa7\xc2B\x80\xe20\x99%\xbcj6\x85Q}\x19\xb0X\x14\x06\xa3\x95}\xfa\x95^G@\x12\x15\n\x89\xd8\x83\xc1$b\xa0\xb2\x8dt\x8f\xd6u\x08L\xb5\xd8]mm\xed\x10\xf8\xae\x14\xe2z\x1d\x9d\x8b\xc6B\x08+\xb3\xb3\x9bH\xed\xec\x86"\x91P"\x14\x8d\xc6R\xe9t:\x15^\xfc\xe6\xa7O\xe2\xf9\xad\x9c"p9\x00q8T\x0e\x93\xc3m\x91\xcb[\x84\x94V\xe1%\xe4-\xe0je\xb8~p\xea\x08\x1d\xc8\x85\xaa\x15\x84$\xf8\x1c\xf8\x00k\xa4\x1b\xc9U\xab\xaa\x01\x9c\xf6\xf6\x86\x06\xd2e\xcd\xc7\x8f\xdf\xfa*r\x1fa\x01\xcfN*\x11\n\xa1M$\xe0\x0e\xc4b\x01w\x18\xe5v7\x91\\\xfc\x89T\xd2nV\x96\x93L\xa0\xd4c*\x93\xd3\xc2i\x91J\xa5\'),\xfee\x17\xc6\xa20(\xfc\xd2\xbf\x83\x95@\xadU\x05\xe6R\x04\x83\xe8\xa1\x03\xdb\x88\x1e\xb0\xc0]5\x10\x88\nv$W\xb37|\xdb\xe1\x8e \xacT*\x14\x8b\x85R \\$0\xe7\xf3\xb9\xa3\x01\xf8Bv!6\x9e\xfc\xa7\x93x\xa3\x90Z\x88\xa0\x1e\x03\x14\x95\xc9|\x0cbq\xa5\xf2\xea\n\xb9\x92\xd5\xca\xbb\xc1`@\x16Q\xb0\x8f\xbd\xd2y\x08\x05Y\xdcQ\x1e%\xc1\xe0\xf3\xa0\xa7\xe7\xea\x08`\xc1\xb8_\x8b\xec\xf5\x0e\xcb`\xf0\x86\xbfhZ\x8b"\xac\xdd\xddP4\x12I\x84\xe6\x02\xb0\x0b\xcc\xcd8\x1cs\xee\x19\x9f;\x90L\x86c\xb1\xf0\xb3{\xffF0Z&gt;\x9f\x03J\xa1x\xcc\x84\xfc\x01\x16W\xca\xe1J\xa5\x15\xc2\x93l\x16\x8b\xcd\x141ZY\x98\x8b!|\xb1/F\xdeBj\x81\xab&lt;\x10=\x10WG\x80\xab\x0e\xb0\xce\xbf\xc5B\\\x93\xdb\xc93w\x06\xdd\x18+\x11\x8b\xc2\xc1nt\xb0kp.\x1a\t\xf8f\x065\x83\xbe\xc1\x999w \x1cI\x86\xc3\x1b\x7f\xfd\x97\xc2Ok\xad$\xa18L\xb4e\x02\x17\xe4\x8f\xdb\xc2-\xe1U\\\x102X\x8c\x1b\x15\x0c\xc8"\xe2b1Nn\xec\x8b\x15\xcf%\x08\x8b$\xeaE1\xd2\xdd]\xd7\xd1\x01T\xe7\x01\xe8\xbcJ\x05\xdb\xc9\x86\x05\xe3\xc6\xe3\x13]k\x81H$\x06\x11\x05y"!\xb7\xe6\x93\xd3\x9fu9\xdc\x01\xb7o\xb0\xa9\xcb\xd15\xe8\x00\xc9\xdc\xeep2\xfc\xe2\xee?Y\x1f*:ZyTd*&amp;^\x81\x90D\xa9\xbc\x84\x83\xd2(\xad\x14\xf2Y\x14W\x0b\x96\x0b\xeb\xc5\xe7\xfd\xb0\xfa\xf0a0\x88\xb0\x10R\x8f\xcdv\x0e\x1c\xff\x1b\xd0\xaa\xbe\xb6Vu^US\x8bw\x10\xe3\xbe\x96\xb3\x9f:@#\xe0\x8a\x04\x1c]k\xeeP\xc0\xed\xf8\xac\xa8\xf4\xc4\'M\x833&gt;\x9f\xa3K\xa3i\x1a\x04\xb09\x00K&amp;7\x16\x7f\xfc\xa0\x04\x9fZ\x8a\\\x05\xf9\x03\x1c\xf8p\xd0\x87[-\x97r\x01\xab\xa5Ez\x81E\x11I\x85|P\x8aE\xda\xbeb\xe3\xa9Y\xf2&lt;\x18\x84,\xf6\xdal\xbdW\xf5zd\xf8\xba\x0eHa\xad\n\x98j\xa1R\x98T&amp;\xd5\xdf\xde\xf0\x8an\xdf\x07/\xa1p\xaf\xdd\xd6\xacE\xa3]ks\x9a\xd3T*\x80\x1d\xd3\xcc\xf8\x1c\x9a\xaeO\x9b\x9a\x9a4\x1a\x07\x98\xcc\x9d\x0c\xfb~\xd4&amp;\x96\x03\x14.\x9f(\x7f\xe8\x8f\xc3lar+*\xe4%%R.\xd8L\xceg\x89x&lt;\x06\x05\xc9u\xa8\xd7\x8b\xbf\x98\x1f\xc2\n\x14\xf7\xd8\xf4\xe7\xce\x9d\x83\x04\xaa\xf1K\x8a\x80e\x02(-X\xdfd2\xbdz#=s\xe7\xfe\x9a;\x10\x88\x06\xdcs\x8e;@\x18i:\xa6\xf1\xcd4\x9d\xe5PK\xaaNT\x1d\x03\xa54M]M@\xa6\xc1&amp;K&amp;\x93o\xdeY\xbf\xbc\x1431\xb1T\xf8\xcb\xe4p\xaa+x\xbcJ9\xb7\x85\xf9\xe5\x97R%\x8b/\xbc\xf1\x0f&amp;\xce\'\xc4m\xf4\x0c\xe3\x86\x80NF\x96\x0fB\x12H \x81D\x84\xfe K{QTH$\xea\x95\x90F\x0e\x08\x82\x0f\xb3\x1d\x08N\xc409\xe5\xe0\x82\xcd\x82\x12\xb4Ko\x1d\xb0\xd9\x85\x1dg.\xc3\x16/\xb5\xa1\x18b\x08\xe46\xe9aJ!\xcb\xe60\xc7@)\xa54M\xe9R\x96e\xb3K\x0f}&gt;y\xb2T\x1e\xb0\x0e3\xe3\xdf&lt;\xef\xf3&gt;\xdf\xfb\x82=\xbb*\x12\xac\xe15i\xfa\xd3\xf7w\xef^\\\xdc\xf8\xe4\xe1\x1dTp\'\xd5\xad[\xd7\xaf\x13\xa9n\xef\x7f\x8a\x96\xbc}\xfd\xcf\x82\x97mK\xf8\t\\\x8f\xcf7\xabjs~6s\xfdp2\xdb\xacT^\x96\xf3\\u\xb9\x10j\r\xfa\x00+!\xd8\xc9)\x04\xfb9+\xa8]\x0b\x02\x86&lt;\xd5\xcd\xed\xa5\xa3Y\x9a\xc5\x16\xb5\x9e\xd5\x96\xd4\xe9\xf4&lt;\xb31\xfdN\xaek\x92\xc6\xfdx\x03\xe3\xd6\x87GD,b\xac\xfd[\r\xd8/~\x85\x85m\xef\xe6\xfe\xedO\xdf\x08\x91\xee\xf7\xc7\xe7\xc46\'\xe7\x9bu5\x1f\x9f\x9d+\x94`l\xc6\xe3\xbe\xcf\xeb\x91\xac\n\xbc\xaa\xd8%\x17\x87\xb8\xfaa9\x99\xcdN\xce^&gt;}\xf9\xcf\xdd\xff\x98ijG\xfa\x0f\xa5\\,\x16\xf5\xa2\xae\x17\xac\x06\xac\x88\xae\xb3&lt;\xf3\x12G\xee\x0c\xad\xa07\x1c\xbe\xe7\xc28\xc1\x08o\x9ec\xe0\xfa\xe0\xe0\x11\xf9\x88\xcf\xde\xde\xbd{\xf0&lt;D\xbb\xb9\xf7\xf1\x9dG{\xfb\x9f\xfd\xe0D\xd56\x9c\x9c\x9f\xe0:\'Tz|~\xe2\x86\xdd\xae\xdb\x1fO\x06v\xae\xd3r\x84SN\xcfR\xdb\x88C\xdb\x0e\xe3\xb0\x1c\x90\xae$Y\xf1W\x92\xfaM\xfd\x1aK-\x16T\x8d[\xf8\xdcb\x12sDg\xf3y\x16$f\x91M\x87LP\xefL\xbf\x93\x0b\\\xea_\x9e\xdf\xff\xe2\xe2\xf8\xf0\xd1\xc1\xc1\xe1\xa3\xc3\x83\xaf\xbfFra\xff\xb8\xf3\xc9\x07\x0f\xf7~\xff\x8d\x1cU\xcaj3&gt;\xc75\x1e\xa3\x825T\xda\xd2\xa9\xa2Q6\xb0B_\xe0iY\xe6\xd5E\xa5+\xbeo\x00\xcb\x8eQ\xce\r,vv\xd6\x80\xb5\xea\x06\x0bQU\xebz\xb5\xbb\x175`\x89\xd9|;\xf7$\xd3\x12\xbd\xc2\xf3\xbc\xca\xea4X\x84\x0c\xa1\xdfN\xbc\xd3o\xff\xf6\xf9\xd1\xa3G\xe0:8&lt;8\x86j\x07\x0f\x1f\x1c}x\xff\xc6\xf1?\xfe5\r\x16\xf3\xd5`\x0c\xac\xf1fPB+\x7fp\xdeW\x85,\xa5Xe0\x99\xf4\xd7\xae\x9au\xe5\x88W)^\x85\xf9\xc1e\x10\xc1\x1a\x8b\xc1`O\x9f\x9e\xb6\x80A\xc8\n\xb6\xca\xf3\x0cE\xa4\xeb@3\x13\xc9\xd4\xb7\xdby\xd0f&lt;$W\xc2X\x96\xe51M\x9ev\xdeWR\x12\x7f\xfa\xfe\xf9\xd1\xe1!\xa8\x8e\x8f\x1f\xe0\xeb\x01V"ljw\xbf\xff\x9d\xb3\xac\xe6v\t\x17M6e\x7f\xe5Wj\x8a\xd2\xd9\xb9\x9a\x19nW_M\xc6\xa5\xed\xaa\x86J]v\xf9\x8c\xd7\x057\xcf\r\x03\x92q6LV"7\xe0\xb0\xa7\xadn\x81\x86#\x01\xaao\xe7y\xa6/\x16\xb47e\xa4D\x9c\xaf\xe6\xc1\xb5\xc4\xc2_\xe4\x8dF#p\x05fgx\xad!\xdb\xd5Q\x9a\xbao&gt;\xbew\xf3\xf0\xf8\xc1\xd1\xd1\x0b\\_\xbe\xbd\xfb\xf9\x17\xaf\x9f\xbc\xf9\x0f\xc6\xff\xf9\xba\xbf\xd9l\xca2\\\xad]ZOc\xa0p\xae@\xb9\xa1\x9d\xbb\xe5x\xb0R\xd8\xd4\x17tJ\xae\x04p\xe5\x82\x90\xa6\xa9\xefs\xb6\xc1\xc5$,P\xc7\x16\t\xcdnQxV\xe5os\xbd\xd2\xab\xc2J\x92\xb6To\xb7\xc5\x94a\xa6T\xee\n$\xda\xa0ga\x0e\xd1\x8fW\x8a\x11.S\xf8\xfbg\xfb\x87H\xfa\x17\x80s\xb0\x97\x00\x00\x06RIDAT/\xde~\xf9\xf6\x82\xbc\x83\xfe\xf5\x0f\xbc\x06\xad\xd6aYB\xa8\xd5z\x9b\xd3\xbc\xcb\x95\xf0\x13\xa7\xa8\x94\xee\x87}\x0e\xf1\x19\x1a\x11\xcf\xf9\x8a\xa0\xb3d\xbe\xcb\x04!W\x14\x02\x96\x1a\x1c\x17\x83\xeb\xf1\xcb\x96\x17EA \x17\xa2\xa5\xaf\xd7\xf3\x0c\x9eg\xa7X\'\xa4j[k\x817\xd5.\xd5&lt;\x172\xbdBu\x83\xc2$\xae\xfa9Y\xc1U\xfc\xf7\xa3\xfd\x07\x10\xea\xe2\xe2\xe2\xee\xfd\'O\x9e={\xd7\xd5\n}\xbe^\xa1\xe5\xc1\x84\x9eYV\xae\x11\x0e\x10\xe7\\\x9aQ]!\x9e\xf8\xdc \x1e\x84\xfcH\xb1}\xc5U\x1d\xd5Uu\x01\x97K\xc0\x94\xd4Gc\xe20?k\x89"\xc0\xa2H\xb4\xd4\xf5j\x9b\xe9t!&amp;\xc3\xf60\xa1\xf3j\xe1y\x9aE\xf3\xaa\xaa\x12\xb9(\x19\xdf\xc94X\xef{\xb2-1\xec\xec\xbb\xdb\x07/\x88P\xaf\xc9\x1b\xd6_9\xd6e\x06*\xe8\xb4&amp;\x9e\xa8\x82:\xf7\xe3&gt;\x94\x8b\xb9T\xa0.u{f/Bpq\x8e\xe8\xa6\xae\xab,F\x82\xa2\xab*\xe1\x02\x98\x82\xbe\\\xc5\xe5\xe4\xf4\xa4\xe5yb\xe4\x89\xa2\xa8e\xf8]\xf9\xa2\x0eL\x04\xfap\x9a\xcd+\x11\r\x18\xd0\xd4\xee \xa71O \xcd\xa6=i\xa7\xd8UK2Z\xfc\xed\xf5\x07M\xfd\x9e={\xf6\xca\xd1\x8al\xee\x03\x89\x08\xa5W\x97^-\xa4p2N\x98\xd8F*\xc8\x94\x7fZ\xf2n\x08\xf9\x14&amp;\x02\x87a\xb0N.\xe8d\xfb\x13 \x17Q\xcc\x8e\xfb\x9b\xf1\xac\x15\x88p\xb4&amp;\x8aV\xd6\xef\xaf\xb6Um\xb5;_u\x98L\xa0\x89:\xb0]3\\`\x9a\xc0\xfc%j\xa6\xa5\xf5H\x89\x89dD\xafa\xbb\xa7\xe5\xff\xfe\xed\xde\xd1\x05\xf9\x0c\xc4\xbb\x11\xa9\xe0v\xebo\xe7Y\xa6\xf3\x8bK\x8f\x17\x14.F\xe7\x87a\xcc\xf9./\xd3\xc2lV\xa9\xa1\xef\x0f\x06|\xc2\xe6n\x1a\xa7\x11\x8b\xdd\x0fr!)RwW\xc5\x06\x8b\xd5\x12\x06\t f83\xb7Ymv\xbe\xfa\xa5\xa4\xe8\x16\xcbB+\x8c\x11;.\xb6\x19t\x9c)\xa3\x89=ra\xe1\xe8\\\xbb2\x18\xf5\xf2\xa3\xfd\xe3\xb7\x7f\xfa#\xa8\x902\xcaV\x81P\x0b\x9c`\x85G\t\n2\t\xc7K\x1c\x03KQ\xbb\x81:x,\xb0\xb1M\xeb\x93I\xd4fy\xb5\x1f*\x0e\xb8tRF\xa8\xe5\xfa\xbeo\x87\x9b\xcd\xb8\x15P\x0e\x96AS\xf3\xf4uY\xaes\xd1\x9cv:.\x9fX\x8dX\x18n\xba&lt;\xd98\xc8\xca!cA3\x99\xa9hJ\rW3\xdf7\x06[\x9e\xfe\xe6\xf6\xf1\xfdW\xa3i\xb4\xc0\xc9\x80\x94\xa9\x8be\xb0\\Zt\xe6\xa6\x86\r$`\xd9\rVD\xd9\'\xa1\xc3\x97\x82\xd6\xedo\x1c&amp;\xd0\x84A\x9c\x13.\xe4\x84\x90\xa7\xa9Kr".7\x93\x16\x8d=\x10\xa1=Z.\xd6\x08\xe4\xa2\xcd,\x97\xaa\xda\x96\xac\x08\tJ\xd4j\xb4\xc2\x03\xdb\xac\xecy\xe0b,\xb3\xc74`W\x07\x11\xb8\x06\xdf\xfd\xfa\xdd\xc8\x14/\xf5L\xc8\xaa\xba\xf0"o\xb9\x14\xe9,\xf7\r\xce&amp;\\\r\x16&lt;/\xb3\xe9l&amp;\x98i\xac\x99Z&lt;\x93\xb5$\xe1\x06\xbe\xeaP\x02\xcf\xeb\xb9\xeb\x1a\n\xb8\x9a\xecj\xd5\x15\x0b\x93\xb75\xb1\xde\x0e\x06s\xa6c.\x0c5\x91$-\xd0,O\x96\x81\xc37\xd6be,\xd9\x91\x18a\xfd\x974\x0be\xefI\x8d\xfbw\\b\xfc\xcd\x1f\x18mY\xebUE/\xd1@\xa0Z\xf2Y\x8e\xd7\x00\x96\x1d\xe3\xc1\x19~\nsyB\xff\xb4\xdf\x95C]b\x92\xfe\xa9\x9eH\xce\xa0\xaf\x08#\x16\xa3\xa8\xaa\x08\xc6." W\x8b\xca\x16\xdap\xd86\xadb\xde/\xb3v/[\xf1\x0e\x93H\x9a\xb8\xc3"#\xa2\xdc%P2i\xd8(\xd2\x90\xb5\x9a\xc8\x80\x0b`\xbdF\xb1!\xc0\xf0e-\x8b\xcb" ]\xed\xb1E\xa1\xe6\nIG\x0eH\xe42\x0c\x94H\xed:\xaa1\x9b\x19\xb2`;I"\xcdN\xf86\xc3\x0fl\x85\xd7(\x9d\xd2\x95&amp;\xbb\x0c\x1f\xbd8h\x15\x99.\x0e\x87\xc3D\x8b\xaa\xf5\x8a\xd6\x14\xa3+\x8f\xf0#&amp;\x10\xe4H&amp;E\x94\x1drK\xb8PV\xb9\xe1\xc2\t\xd9\xbb\xe2j_U\xb2gjH\x14t4\x9e\x8a\xcb\x00\x066\x0c\x82E\xe4\xb2\xf1\xe4\xa3\xfdID\xb8\xfd\xd3A.\xdb\xca\xa8=\x94\x1f\x9f\xf2\x12\x93\x8e\x8d\x8c%\\\x82\x92\xa3\x8c\x06\xaa\x18\x96\xad"\xcf\x03\xa8\xd5\xd6\x82`\xb1\xad\xd7\x1c\xcfG\x10\x0b\x13\x04b\x16j\xc1V\xceh\xe4\xc8\x98U#\x0c\xac\xb2\xec8\x1a\xa9c`\x12\xc1\x98\x86\x0b\x11\xd6\xee1\x8c9\xd5\x90l\x96\xb8\xc4A\x95)\xa4~\xff\xc7e\xf8\x8a\xe2\xe6*\xcb\x12\xb9l]\xe5\xf8d8\xa4\x1e\x8f\xd9D\x9cL\x04\xca\xd12]u]\x17\xe7O#W+\xc8sZ\x82\\V\xadyY?\xec\xea\xd4\x08/h\x8a\x9e\xe8\x80\x02\xde\xea:\t\xb8"\x07&lt;\x0e0q3\x02\x97\x89%\xd24\x89\xc5\xda\xa0\x1aJ\x04\xcb4\xa7SKd):\xe0\x85\x94k4\xda]\xa4\x88i\x83E\xb3\xbcR\x9eN\x0cJ\xc9\x9d\xf6\xff\x9a0{\x14\x07\x810\x0c\x07\x16l3\x16\x8b\x0eL@\xc1\x81\xa0\x86Y\xad\xc2VY\x90\x04\x82\x166\x1e` 7\xd8"\xd3\xa4\xc8\r\x92\xce\x90f\x9b\x9c`\xaf\xb2\xf7\xd9g\xcc\x16+VZ\xcc\xc3\xfb\xbd\xdf\xdf\x0c\x8b\xf4k#D{_\x05\x89N\xaa\xac\xad\x90\x0b\xach\xd5\xcc\xea\xf6zcu\x1e\xd4\xcd\xbd7M\xbc\x8c\x95\xd7A\xd7`Lb\xc5`1\x14jcJ\x8d\xd9P\xeb\xa9W\xd1?J\xe5\x9c\xbf\xcd\x99SU\xfd\x03\x98V\xfd\xe9T\x87Y\xb5\xfe\x8f\xc5\x03\x16\x87J\xf6\x06\x19\x1d\xef]\x9aU\xaf49\xbd\x1dSQ\x1e.\xf2U\x89L\x92\x8cd\t%"\xda\xccT{=\x15\xf3\x97\xa1\xbc\xd5y\xf7\xb3\\&amp;V\xec\x84c\x90)\xcd\xa4U\xc0\x07amA\x80|\x0c\xc1\xb2%a\xdd\xed\\\x7f&amp;\xdf\x94{\xf3X\x8b\'\x96\xab\xcf\xfb\xfdC\xb1q\xad\xf3?\x9c(\xf7\x1e\xcb\'\xb5$\xc3\x08\xd6n.\x9fM\x95\xc5\x16G\x07\xc71\x16r\xdc``\xe4"\x8ctE\xe6\xd5\xed\xcc\xca\xef\xbd\xa3b\xbbs\xda\xd1\x94CN\x14\x05\x16\xb1\xc6\xf8\n\x1f\x86\xc6\x12D\xcd\xab\xcb\xc4ci\xc3/\r+3h\x0f\x9a\xc3\xf0\xfej\x15\xd3{\xaako?\x02I\x1d\xcd=\xd3\x045Y\x0co\xa5\xb4\x18\xb6?\xc6\x88\xcbq\xcbT#\xe6\x83M\xc7\x83\xd0\xdd]R}\xe2,n\xd3\x96TD\xe9_d-s9\xa2\x97x\r\x00\x00\x00\x00IEND\xaeB`\x82'</t>
        </is>
      </c>
      <c r="M201" s="3" t="n">
        <v>45492.67729166667</v>
      </c>
    </row>
    <row r="202">
      <c r="A202" t="n">
        <v>822523</v>
      </c>
      <c r="B202" t="n">
        <v>1984</v>
      </c>
      <c r="C202" t="inlineStr">
        <is>
          <t>Matheusinho</t>
        </is>
      </c>
      <c r="D202" t="inlineStr">
        <is>
          <t>Matheusinho</t>
        </is>
      </c>
      <c r="E202" t="inlineStr">
        <is>
          <t>PE</t>
        </is>
      </c>
      <c r="F202" t="inlineStr">
        <is>
          <t>ATA</t>
        </is>
      </c>
      <c r="G202" t="inlineStr">
        <is>
          <t>PE/PD</t>
        </is>
      </c>
      <c r="H202" t="n">
        <v>164</v>
      </c>
      <c r="I202" t="n">
        <v>17</v>
      </c>
      <c r="J202" s="2" t="n">
        <v>35836</v>
      </c>
      <c r="K202" t="inlineStr">
        <is>
          <t>Right</t>
        </is>
      </c>
      <c r="L20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4b3cfeab-492d-4529-9a55-248edde291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2\x0c\xad\xbf\x00\x00\x03\x00PLTE\xff\xff\xff\x1b\x18\x0e#$\x1f !\x1b\x1b\x1c\x16\xe9\xbd5$&amp;#\xfe\xfd\xfd\xec\xc39\xeb\xbf7\x18\x18\x13!\x1b\x10\xe6\xbb2\x1d\x1e\x1a\xee\xc4;\x9erLwP \')\'\xe4\xb70\xa1vQ\xa8{T\xf4\xcfHqJ\x19\x86^2\xac\x84emF\x16\x98mE\xaa\x80_\x8dZ0,"\x11\x95j?\xf0\xc9C\xe1\xb4/iC\x1d\x84X-6%\x0e\xee\xc7&lt;tL\x1e\xab~W\xa3yW&gt;)\x102(\x17\x7fU)6.\x1eb@\x1fhF$\xee\xbf8\xa7xO@4\x1d\xf5\xca6\xf3\xcb@zT%\xa7}Z=,\x18\x14\x14\x0f\xf6\xf4\xf2\x9coF\xad\x88k\xae\x82^\xe3\xae*U=\x1d\xb2\x8aj_A(\xf2\xc5&lt; \x18\nD/\x11\x18\x14\t\xb2\x8ep\xe7\xb0.oL+wQ1*%\x1bJ9\x1eoG \xf5\xceBtL${O\'\x86b@\x8aeJ\xe8\xb73% \x14\xeb\xbb2iP4\xe4\xe2\xdfZ9\x18\x8flPx`DhS=+)#\\?!SG3\x9amM\x90e:C8(\xfa\xfa\xf9\x89[9fD,\xb0\x85b^L6\x8da3\x9cuU\x91eC\xa7\x82c\x97rM\xa3tKO?&amp;n[B\xf2\xcb&lt;\x93rV|Z3R6\x17\xdd\xa4&amp;90%\x92kHVD+L4\x13H@1`TD\x83jT\xa3}^o_L\xed\xee\xed(\x1d\x0ce?\x14^&gt;\x16lG1pV5\x8c`?^Q;\xe9\xc11\x7f^?]I-rN4~W:\x82_F\x93_3\xf8\xd1F\xdb\xda\xd5\xeb\xe9\xe2\xd1\xd0\xcd\x9dj?\x89qZ,-/eL-vS&lt;\x98d8gYK\x82gJ\x96hE\xe9\xb8\'LH=Q7#\xee\xc54\x9bw]~P2\xb6\x92s\xb1\x88fCC@\x86W3\x90_9\xa2pD\xee\xc5%J.\x1dqbU\x89d8zeNwY?\xee\xbc1\xf7\xcb;\xde\xac\'VQG\xe4\xa8*\xf3\xc52VL=vkc\xff\xff\xfe\xa2\x82mZVQ9;&lt;\x9b}d\xb8\x96{\xec\xb51\xbd\xbc\xb9Y9(ssw\x8dj@\xa9\x92x\xb9\x99\x81\xb1\x90w\xd8\x9b!75/\xc8\xc5\xc0\xa2\xa1\xa3ILN\xb7\xb2\xae\x92z`\xb0\x9f\x8b\xdb\xb6-T*\x0b|\x80\x87\xb0\x8e \xf2\xcb)\xc3\xb2\xa5\x87wj\x94`N\x90\x81x_dl\xab\xab\xab\x9f\x99\x97\xa5\x89r\xc5\xa0%e:%\x84SFQV\\\xde\xc2u\xcd\xa9*\x93\x8f\x89\x8bo\x1f\xd8\xdf\xe6\xd1\x8e\x1c\x9efc\xec\xd8}\x96l]_M\x17\xce\xd5\xdd\x8c\x93\x9dc&gt;6\xee\xceS\xab{~\xbe\xc6\xce\xe0\xb9G\xec\xd3hed`uRP\xe0\xc0X\x0c\x0b\x06\xb0\x91\x85\xd8\xc6\x92\xbb\xa5\x91\x94j8\xd9\xce\xc1\xabsm\x82]\\\xec\xe5\xc5\x9e}\x1e\xd3\xc7\xac\xea\xd5\x95rCD\xad\xb3\xbe\xe1\xe8\xefs[\x15\xb7\x98)\xe9\xe0\xab\xbb\x925\xaa\x8a@\x9e\x85/4\xfb\x91\xda\x00\x00 \x00IDATx\xda\xc4\x97\xdbK[Y\x1b\xc6\xbb\xb3\x83\x1b\xb2\tV\x941c\x12!\x91Fwv\x82\x81/\x07\x13L\xc8\x81d+\x1e\xd8h\xaa\x89\x1a\x0f\xf1\x14\x87V\x92\x1a\xab\xa6\x8a\xa5\xa3\x13l4\x1d\xc7b\xa8Z\x15e\xbe\x0b\xa1b\xad\xa8\xd3\x8aZ\xed]\x91Z\xca\x80\x7fB/\n\xf3/\xcc\xbbV\xec\xcdw\xfb%\xf6%\x87e\x8c\xec\x9f\xcf\xf3\xbe\xcfZ\xfb\xd6\xad\xff\xa3\xa8\xff\xad\xf6v\xf4z\xebG\x16\\\x9e\xa2L\x8d33\x89\x04&lt;g\x1a\x1bgN\xf6OO?%L?\x0e\x0c]\x18\xb4i\xfct\xf8\xfa\xfd\xfb\x97\xef\xd1\xf3\xef\xd7\x8b\xc7&gt;\x92\xf3-^$\xda\x7f\x0c\x17r\xcbd\x9a9=\xdcJ\x8a\xc5dN2/\'\'/\t\x95#$\x9c\x04!\x88^\xcc\x98~\x00\x18ezz\xf2\xe9\xeap\xd1\'\x10\x8aDB1) \xc5b1Z\x89\x85B\x11A\x0b\t~\xf1\xea\xc6\xc1(j\xec\xd3\xc7\xc50O\x0bIR\x04\x85\x90\x8c\xa8\xc8d\x92\x84\xa5\x88 h\x82xy\xd9x\xb3VR\xed\xa7Q\x966\x826\x08\xc2\x88%2\xc2B$\xc8\xcb\xcb\x11"B\xb1@,\x14\xf9\xbe\xee\xdf$\x175v\x19\xa5i\xb0L\x08&lt;\xc2\xb4b\xc6\xb4\\"\xd4eb\xa1 G\x0c\xbf\x15\x12\xc7\x97Ool&amp;\xa9\xb1\xab\x00/$\x08\x91XH"\xc1\x80\n\xe1a,\xa30\'\x99\x14`\xad\xf0\x8f\xdc\xeb3\x13uC\x0e\x9e\x058\x9e&amp;@-\xc0A]\x8ez\x1e-\x8cH@2\x0f*\x87\x14_c\x8a\xc2W\x8d7\xa2\x17\xf5\xf4#O\xc3\xacA?\xa1\xc75\x1a\xf0\x88\x85hI\nrP\xc1h\x82\xb3NBd$\x0egn\x04+\xf1\xca\x0e\x16\x12$\x8a\x06\xa3\x08\xe1`&gt;($ \xfa\x19-\x85\xe0\xa4X\x84\xd1\xbe&amp;n\xa0\xc1L\xa7\x8c\x93\x00.Rd\x04\x0e\xdc\xd9N\x9cX\xc0I\x92\xd0j\xc0\x84x\xf0gb1\x01q\xf1:\xeb\\\x145\xf3\x07d\x12\x89\xd4BXF#\x01)\x05\x16r\x9c\x8f\xe39R \xe0|&gt;0R\x90&amp;C\xd4N\'\xb1\xb5\x9f\xedhm?\r\xf3\xc0A\x18Q\xf3\x10\x10\xe9\x10\x9d4\xcf\xb1a]@g`\x19\x86\t\x07\xc2l8\xec\xf3\xf9\x049$\xca2\xfc\x95\xf0\xe5XV\xb9\xa8\xc6m\x10\x8b\x80\x8d\x0f\x05\x03 \xf1r9\x07,\x03\x0flP\xa9TU\xca\xd6\xd9\xf9\xac\xf3\xa0*\x10`Y\x1fJ|\x11\xfe:w\x95M.\xaa\xfdd\x0b\xb0\x9cN\xa7Q\x88\xfa\x9eg\x0c\x06\xc7\xc6F\xca6\xe1\xb9\xafT\xab\xddZ\xb7gi\xb5\xb0P\xb9\xe4\x99\x98\x004\x96#\xb1XP\xbe\xcbv*\xbb\x01\x8f\xb0\xf0\xa5h9\xb31\xe8\xf7k\xb4Z\x8fzU\x06\xa5T\xca\xba\xd7\xe2q\xb4\\]r\xdb\x0e6\x0c\xac\x00"\x02\xbeN\x13\xd1D\xd6\xe4\xa2L\xfb\x9b:\x9a\xa6\xaf\xa9\x18\xc3\xe0\xb8\xa2\xa6\xa6\xa6V\xad\x94\xa5+.\x8b\xa7\xa90\x98G{\xb0\xc1\x88\x11\x13\xfc\'\xf4\xd7l\xe5*X\xb8\xc9\xd0v\x1a\x1d\xa9\x9c\x84\x1c\xa8\x14\xd55\xb5\xb5\xb5JD\x05&lt;\xf1\xf9x\xba\x10\x1f&amp;\xf3t\xa6X\x1af\xc2\xe9\x84\xb9\xb8\x18\xa3\xb2\x14\x0e\xdb1h+;n\xf9X\xc9\x86WQ\rP\xea\xb4V\xf3\xdf+\xfe\x9d-\x8e\x14\xeb&lt;\xd0q4\x1eW{\xf8$+r\xc1n\xa8\xb3\xdb\xed`"m\xb7\xcb\xcb\x86\x80\xea\x0e\xc2\xc2T\xf1\xf9\x7ffgg\xe7\xe1\x81\xc8\xd2p\xe8\xf3%7\x12\x0c\xb4\xe2\xed\xce\xc3\xb1,a\xb5\xb0v;o\x87k\x00\xd58\xa6R\xa7\r\x9c\x07\xa0\xd9\xf5\xf5\xf5Y\xc46?{M\x87\xf5\xf2|\xd9\xe0!H\xf8\x98\x9d=\xcb\xca4\xb6\x9f\r3\xa0\x96\x9d\x96\xcbK\x1c@\x05XJ\xe8+\x80\x9a\x9d\xad\xa8@TP\xa1\xd0\xfa\xeczh\x1d#\xce\xaf\xad\xc9V\x95\x9eN]\x0c\xfeL\x1e\xb3\xbf\xceJ\xd7\x9b\xce\xb6\x9c\x04\xb2Q.7`\xb1j\xd4@\xb5\x86\xc4\xa9\x08\x85B\xe5P\xa1\xf2\x82\x02x+PY,\x16U(\xcd\xb5\xea\xb1\x19\xb0\xf71\xf6,\x0bX\xd4\xd8\x05\x8bZ\xd7\x1eC\xed\xfe\x08y\xa8\\\xedn+\xaa@L\x05\xb8\x10\x90Je\xe9\x92X\xf7\xf6\xf6\\\xfa\xfc\n\xe0\xeaX]\x9aH\x19\xe40\x90\x1c\xf3\xb1=\xf3T\xb7f\x02@\x05r\xc5P\xbf?R(\x00\xab\xb0\xad\xb8"7\x84i\xd2`*XYV\xacG{\xef\xde\xbd;\x92\x94\xb6\xf6\xf6\x02\xd7\x94m\x80\xa1\xd1F\xf5*\xf3.RT\x02\xc4\xb2;\xc1E\xb9c\xd0\xeb\xd5TW\xd7*\xbb\x8b\x8b+B\xc8:\x15\xe2\x014$\x96\xc4\xeaZ\xc6Xf}\xee\xf3\xde\xde\x8e\x0e\x88/\x90\xcbI\xcb_%\xb2\x80\xf5\x89\x83\xc0\x86\xdc\x8a1\x805\xaeQ\xd4\x00V[1\x92\x0b{\xa8\xb2 &amp;UW\x97Tb]\xde;\x822K\xf3\x9f\xf7\x82\x8dK\x18\x8b b\xd1\x8cG\x17E\x99\xb6\xe9\xf4~H\x978\x86\xbc\x1a\x84\xa5\x06\x13\x8b\x8a\xb0\x8d \x98\x1e\xc9\x15*\x90\xa2\xder\xb9\xcc\xae#\xf3H~k\xef$4\x17\xc2\x82\xa36\x1f&gt;\xcd&lt;V"J\xc0.\x82\xb1\x86\xbc~\x8dB\x0b;\xcf*\xa8UTQ\x94\x1b\xca\x0f\x95\xe2\xce*\x0f\xa9,R\xa9Tb\x96\xf4\x99]\x92\xd2\xfc\xd6\xe7\x80U\xebN\xe9\x18\xc0\xa2\xd9\xab\xcc\xb7\xfc%G\xd8\xd1\xd9\xc1\x0e\xf1\xe0\xd5|\xd1|Q@@t#,d#\x16\x0c\x8fbA\x81^/Eh\x12i~n\xebs4\x8a5\xfe\r\x06b\x98\x06\xb52\x8eu\xc1c\x07\xe9XI\x99\x03&lt;\x04\x17\xddj\xd4\\\x18\xab\xbc\xfcz\x1c\xd3#\x89\xb9\xa4\xfa\xdc\n\xe8\xad\x0e\xe0r\xfb\r\xd0\xf2\xfc\xab\x99\x8c\x9b\xd8\xbe\xcd\xe3\x93\x00D|\xd9P\x1a\x0bB\xbe\x1bz+\xf7Z)U\x97\x05u=N.p\xd2"\xd5\xe7\xe7b,\xc4\x95\x92C\x0co=\xcd\x06\x16\x1c\x1c\xe8\x18\xa2\x1a\xf4k4\x90\x10\xe9\xdc\xc2\xb1\x85x\xba\xba\x80\x0b=\xe1\xa5\xabk\xa5\xcb\xa2\xd7CoA@@M\xdbX\x8e\xe7\xb31\x89\x97\x0c\x1cP\xec\xc8\xc2J\x8d\xc6\xef\xf5Bk\x15v\x17\xe7b\xa8.\x0cb]\xc1d+V\xab\xeb\xe8\xc8\xe5rI\xa4\xa5 \xd7$\xe6\x9a0\xc0\x9d\xd1q\x16&amp;q?\x0cX\x90\xf0\x8e!\x9bV\xe3\xf5\x8e\x83\x87m\xc5\xfd\xfd=\xa5#+PV`qY\x01\x0b\xde\x97\xcd\x9fw\xce\xe7\xde\x9c\xcf\xcd\xdd\xbb\xd7\x8f\xb9 \xbbR\x0c`]f\x1e\xeb\xe4\x186\x10da\xa5V\xab\xf1\x03\x95Zy\xffY\xf0\xd7\x07\xcd\xbf&lt;|\xd3\x07\xda,//[\x01\x0f\xdew\x1e6=\x8e\xb6,\x06\x02\xd1hK\xb0y\xbacrmmr\xb5\xd3\xc0s\xe1\xab,`\x85!y\x982\xc7\xa0F[\xad\xd5\xc0\x8d\x85\xfbI\x83\x81e9_8\x10\x1c=\x7f\x9b\xc6BA\xfayn4\x18\r\x04|\xbe\xe3\xdd\xe3\xa4\xcf\x17\x18\x98\x02\xae\x0eO\x8a\xe5\xb8CS\x16L\x84\xe3\x9f\x01\xf6\x1dmuu\xb5\xa6\xca\xc0\xb0\xd1\xc7-a\x0e\x8a\r\xb4\x8c\x9e\x9b\x01hE\x02\xfb\xce\x11`\r/\x06|\x9c\xef\xf8x7\x99\x97\x07\xd8\r\x93k\xb2%\xad\x8e\xe52~\x9f\x01["K\x03\xd5\x10\xda\xa3\xb5\xfe29O\n\x85\xc7\xc3-a\x86\xe3\x98@K\xf3\x1c\xa4\xba\xb5Obv\xb9\x00\xeb\x97\xe1h\x98\tC\x1d\'ww\x8f\xc3\xe1\xaa\xa9\x0e\xd9j\rD\xfdV\xe6\x83\xeb\x8a\xe3\x19D\x05\xc7R\rlq\xe8v:\xdc\xd2\x1c\xac2\x18t\x03-\xc1\x85\x17}\x12I\x1f\xe22\xf7\xddm\n\xb6&lt;\x08\x06\x83\xc3\xa3\x9b\x9b\xdb\xdb\x9b\xa3A\x9d\x7f\x1a\xee"5)6\xf3X\xed\x1f\xd1Y\xb9\x12Q)\x86JJ\xaa\x82\xcdM\x7f\xfe\xd9\xb4\xb0\xd0\xd4\xf0\xab\xcd\x16lx\x12\xe9/\xd5\x8f\x8cH%+}\xa5w\x7f\xfbo\xd3\x93\xdf\x16\x16\xcew\xde~\xfb\xb6\xb3\xb33\xd7\xf4\xcc\xb3&amp;S\xba\x0f\xb2\x80E]0%%C\x18\xeb\x91c\xf0\x99\xa7\xee\xaf\xfe\x11\xc8\xcb\x9eH\xfd\x13\x8f\xbbs\xea~]$7?\xbf\x14\xf6h}\x7fo]\xdd_u\xbd\x91\x9e\xbe\xb7\xdf&gt;|\xfb&lt;\xd2\xd3\xd3SW\xbb*S\xd6\xda\x0c\xc3\x99\xc7\xba\xd4\x95\xa0~WT+\x1ey\xb55\xf7\x0b\xdbr\xf5\x16\xc9\x8a\xb9\xef\xcd\x8bz\x0f\x8c\xa5\xa7\xa3\xad\xa2@\xbfb\x95\xe4\xc3\xa1\xa1n\x12\xa8F\xccG\xef&gt;|x\xdb\xd7\xd3\xda\x1a\x99\x94\x15\xca\xb2\x81EQg\x01\xc3\x10\x1aC\x05\x1c\x97k \xe1\x01\x0b\xda|\xef\xdd\xb7\xb7;w\xa7\x11\x97\xb2\xb8\xdcbuI\xfb!?\x81*R__\xff\xf0\xde\x9b\x9d\x9d\xbe\xd2\xd6\xd6\xfe\xa25\x99\xac\xd6\x9f\r\xac\xfd\x00\xa4C\xa5B\xa1\x19\xaf\xbe}\xe7?\xea\xc2\xe2\x8a\xfe\xbb\xf7\xee\xcd\xcd\x9d\xbf\x00\xbd~\xef\xd4hk\xbaC\xaa\x95.}\x7f\xa4\x0e\x12tZk\xb354\x8f\xce=\\\xa8\xbf\xdb\x13\x89D\xda\xe2\x80\xa5{\x9c\xc88\xd6\xc9\x00\xec;\x83\x1a\xc5\xa3\xf1;\xb7o\x03\xd6}wC\xf3\x1f\x9b\xdb\x9b\xc3\x07\x13\xf5\xf5\xd3\x13@\xab\\/\xb0\xa8J[\xeb\xa7\x97\xa6\xdd\x95\x07\x10\x9fp\x1e\r47\xfd^\x17).*\x8ew\xab\xfd\x8e,`%\x1e\x949\x1c\x83\x8a\x9f~\xfe\xf96`\xddQ\xf8\x07 K}\xc9\xdd\xad\xad\x81\xd4\xc4\x94\r\xf6n\xe5?\xeb\xe5\xe5\xf9\x91\xfa\xe9\xa9\x89\x83\x94.\xb0K\n_\nr|\x81\xe6\xa9I8\x93\xb5u\xd7V:\x82\x99\xc7\x9ay\x00\x87\x87\xefXw\xbcU,/\x12\x91\xc6\xdd\xe4n4:\x90\xb2U\x0e\r*\x94\xf1\xd9\xf2\xf2\x7fi5\xdf\x9f4\xf2&lt;\x8e7\xb9\xcd\xf1\xa0\xb9\x0c\x9b1\x0e\x0c\xed$`\xe8P\xae\x8dM\xc0:5B\xcem\xa4%\x03d#\xb0\xae\x1d\xaa(\x0c\xd0\x8d\x92R[i\x8b\x1c\x17\x0b$\x8a\x97`K\x96\xa0V\re}\xb0\xc9\xa9[\x8d\xf8+\xb1\xd7m\xb8\x84\xeam\x8d6i\x9a\xc6\xec\x91&gt;(\xd9F\xbb&amp;\x9b\xee\xc3\xfb|\xb1w\x7f\xc1\xf8}`\xf4\xd9\xcb\xf7\xe73\x9f\xef\xfb\xfd\x99\xe1"\x96x\xd2\x99\xcf\xde\x9c\xf9\xe1\xf3?\xbd|\xfc\xf2\xdf_\x9fn1\x07*X\xb6\xa6\x1b\x8b\xa2Y\x81\xb1\xac\xb7TPEyuu5`\xf5\xab\x8e\x9f\x7f\xfc\xf0\x0f\x9f\x9d\x7f\xfc\xcf\xff,]\xffs:\x0fj\x19O\x8c\x80Z\x18\x1f\xb0O\xeb\xd3W\xff\xf6\xdd\xb7`H/\xfd\xb0t\xf3\xcbs\xd3\x01/\xb3\xef2\xf9\x9b\xae\t\xbd\x86\x10\x81\x0fDX!iu\xb5\xb2Z\xde{\xf2\xf8\xa5\xabW\xc1\xd9]z\xb84\xf3\x8f:U\xb6\xedL?{bxj\xaa\xd6\x97\xe2-\xc9pk\xd8\xa9Og\xd3W\xae\xdc\xbau%\x9f\x0f\x83\\\xfb.\xb1\xbf\xe9\xf2fQ\xd8\xb7\x07"\x91h\xb3\t\xb8\xfa\x01K*\x0f\xf9\xb3\xe9t\xfa\x06\\1\xad\xb7\xbf\x9bNF\x9d~?8\x9d\x13\xc3h\'\xc2\xf0\x16s\xcc\xd0l\x88F\xa3\xd3_\xdd\xee{\xde7\x1d3\x078\x8cBX*\xbf\xc1#\xe4m-\xaa_/\xfe\xd8TS\xc1R*\x8d`\x03\xdb\xf4--\xc9\xe84\x9c\xa8S\xefG78`\xa1\x85\xcdT\xca\x1c\x8f\xc2\xbc\x88&amp;cqK\xbc\xcf\x12\x1f\x00*\xce\x07X\xbd*\x95\xb3cbO\xb8\xf6\x12\xd5\x17\r6\xbf\xea\xffX\xe0\x03\x81K\xef\x0c\x87\xc3\xd1d\x14\n\x06\x89\xc3\x88\x8a\x08e\xe4H\x1ePb\x06Cl &gt;\x10\x8f\xc7\xcd\x16\x9e\xe38\x9c\xdc\xd7\xf4\xaa\x1a-\x11c\xb7\x809\xc3\x1a\x0f\xc9\x01\xabFe\x83"\xb2\xac\xa1\xa7\x07\x8a\x14\x1b0[\xec\x96\x81\x8e\t\x03\x0b\xa3_\xceNTvJ$\x97J\xa5\x02\x95\xd3\x9d\x99\x9f\xcfts\x98\xdb\x8ba\x0c`5%\x03\x91\xa8]@\xacAy!d\xecW\x9dT!\xb54\x1a\x13k \x96I\x92LE"\x11\x9e\x9a\x9c0\xc9\xcf\x84\x8c\xeaI("&lt;\x8a\x10\x0e1\x1c\xc3p\x9a\x0e\x06\x83\x1e\x0f\xe4E\x1a\x87\xbf\xf7\xd5~\x9b9\x12\x19\xe5\x04\xc3\x9a\x9d\xb5\x1a\x0b\x05\xa3\xd1_\x03XJ\x18\xf1\xea\x1c\t\xff\xbf\xc3A\xa5\x18\xc67\xecR\x1bC!\xe8\xf8\x91a\x14\xce \x1cF8\x94^i\x1a\x85 \x9d\x04\x0e\x8a\x8c\x94\xc2v\x96\xe7y\x01\xb1\x8e\xcdZG\x0b6\x13+W5\x85\x90X\n\x07\xa2B\x19\xbf\xb6\xd6\xc7L*LF\xb9\xd441IM\xd5B\\\xac\xc58\x9e\xc7;\xc7\xc7e\xa7\x0e\xc3\xd9E \x83hF\x12!\x13Tw\xb4\xdb*\xa0Z\xe6B\xff(+\xed\xad`\xa9!\x89a\x87K\xad\xda)j\x12j\xc8\x1aY\x85k\x84\xf1U\x96\\&gt;.\x15\xe1q\x19Dk`\x1b\xefD\xdb\x1b\x99\xac\nc\\PfHf\xbb\xc2\xa9%\x1a\xea.\x84X\xa9\xb4\xbf =\xc4b\x90.hA35&lt;\xecP\xb3F\xa3\xda59\\\x0b1\x16\xd4\xaa\x05\xb5\xf8\x14\xb81\xd0\xea\xa2\xaerP\x15\x19\x97F\xc1\x93\xbcIH\xac\xfa\x95\x82\x9c\xad\x96\x86\xa0\xe3\x91{\xa0|\xa7&gt;-K}S#&amp;#\xcb\x82Xd\xd5\xf8\xd8\xd8\xea\xaa\xaeA\x8b\xa7\xa0\x8a\xb4\x16\xf4\x1a\xd7AL\x1b\x03{\x0f\x9d\x86\xed+\x14\x11\x1a\x1f\xcd\x08\x88\xd5^\x84l/\x0fI\xa5\x15,\x17\x89\x03\x92\xaf\x16\x9a\xa7\xd6\xc1\xa2\xfd\x9bz\xc2E\x9d\xd2\x8d-\xec\x15W!\xe3\xe3\\\x8a\x93\x81H\xa8\xb3\x16\x16\x16\xc6\xc6.\xc0\xd3\x88\xed\x139&gt;\xe8\td\x04\x1c\xf3\xa2A\xb3\x86\r)\xc50\xb5\xc4\xa8\xe3q\x1a\x87\xe6jh\xa8\xa2`d\x99\x14\x04\xa1P\x9f\xf0\x81:c\x0b\xd0G\x9d\x9d\xf0\xe0\xe1\x88\x0b\x94\x1a[X]\xf8\x84\xe5\xc0\xbc\xf4\x85\xb9y\xe1\xb0fEC\xf3\xacR\xa9\xd6@k\x895\x95\xfd2\x86\x83VU\xa4\t\xe6(z\x93\xa10\xa9G*;.\xdcW\xd5\xa9\xd3\x01\x18}j\x1c(\xd1rw\x01\x04\xacBXt\x90\xde\x9a\xdb\x12p\x9cBs\x99L\x1a\xb5\xa6\x1a\x15QA8H\x06\xc3\xab\xa0\x8b: a\xcbMj\xa3\xad\xb7\xf7\x8cz\x84\xa2\x86S\x1d\xb1\x18\xcf\xc9\xc6\xb5\x90\x8a\xb4\r\x17\x11\xd4\xda\x1a\xc2\xc2\x99}G\xf0\x02\xceeV\xea\x05T\xab~\xa5\xd9\xa8V\xab\x95\xa8\x8a\n"GA\x19\xab\xb4Zn\xc2\x04\xc3\xe1\xac\xad\xe6\xee]\xb8\x97\xd0K\xbcd)\x9f\xce\xfa\xe5\x11\xb7L\x02\x825\xe8\xa0\x84\x17u\x90\xd2p\x98\xbe.\\\x87G\xb8U\xe1,\xd7\xac\xe8\xce\xd6Y\x9bQ\xa1\x11#\x17\xa8V\xe4PwU\xd1x\xa4C1j04\xeb\xb35*\x95*k\x93\x9f\x8d\xb6\xb6\xb6\x96\xd2\xd9|&lt;(\xe9l\xa01\xbas\x0c\xb0\xc6\xd1\x90g(\x87\x8b\xe9\xe4G\xf9=A\x8d\xcdJ\x7f\xa1\x9f\xc8i\xc0m\x89\xc5j"\x97\x82\xb0\x8a\xf1\x91\xc9\x89QC\xb4\xd9\xa9\xcf\x83\x9dp\x82\xa3h-?*\xdf\xbf_&gt;\xd8\x9d\x03,\x19\xc6iuk\xd0Y\x88\x8a\xa4\\.F\x0bW\xa8\xa0X\xed\xcf\xe4\xfd\xfd\x1a\x02z\xbe\xf2,\xba(\x86\xe1`&lt;Eb\x06\xe0\n\x83\xc3\x89F\xc3\xc9dkk\xf9\xa0\xef\xa0\xcf\xbe\x9b\x81\xd8/\x93@B\xa4%\x17u2-FR\x14\xc2\xc2x, (\x96hO\xa3\x06\x9eC,\x90\xcb\x81\xfcC\x8a\x8f5\x87\x91\xdd\xd2#\xb1\x00\x0b\xc0\xca}}\x7f\x07\xac\x8c\x1bm\x9bi.\xc0i;e4P1\x94\x8b I\x9a\xb6\x17\x05\xc4\x9a\x15\x15\r\x04\xa1a\xc5\xd5\xc8\xcb#\xb9H\x86$\x03\xb1f(]c6\xdb\x94\x85\x90\x11N\xc6v@\xb7\xae\xae\xd6$\x98R\xbb\x9b\x06gC\xbb9\x0c]\xd3 .\xe5:\xe1\x08\xae\x05\xdd\x1f\x04\xc5\xfa\xd0\xa3\xe9\xd1\xb0J)\x92K\t\x0f#$\xd2\x80\xb9\xa5\xad1\xedoll\xd3C\r\xa3\xc9d&lt;\x86~\x96\xd2\x10\xa8[b\x16\x8b\xdd\xce\xb9i\x9c\xc3i\x8c\xa20\xa4\x16\xa5[\x9b\xdb\x12t\xf36{g\x1e\x1c)\xcb\x1eR\xa1IO\xf1\x81d\xfa\\SZ\x1fn6\x00\xc3\x06:\x96\r\xce\x9d\xf9\xb1\xefA2\xa9\x87\x82\xc6\xe3\xf6n7\xc8\x853\x14\x83c\xa4\x8b\xf0^\x98{!\xf0\x07]\xed+=\xdf\xfc\x95m\x96"/\xafT\x8a\xc11\x98\x07\xee\xd5\xd5\\\xd6o\xa3\x13\x1e\x85\xb3\x83\xb8v\xe7V\xb62\xbb\xf6x|\xa0\xe5^\xcb\x83\xeen7\x8e\xf9\x18\n\xab\xc2\xc8I\xc2=7\xf7\xe4\xa5\xa0\xbbyh\xae\xdb\xef\xde\x9d\x01\xbf\x07Xbt\x03\x11\xe6\xe9k\xa7\x9b\xdal~[A\xa5*\xf8\x11\x1c\x8a\x1c\x86\x9d\x9d\xf8Nl\xc7\x02\xe1\xfa\xde\xe5\xd6\xaf,\xddn\x0c#I\xb8\x94@\xad\xe0\xda\xdc\x92\xb0\xebS\xb8\x15g\xfe\xf8}#k\xfc\x84\x05\xddei\xbdZ\xd7\xd8VP\xd5\xdc\xad\xa9\xcb\xc24\xcd\xe6\xb7K\xdb\xa5R)\x0fg{\xbby\xb4#~\xedj\xd7\x03\x0b\xc4\x0b\xd2\xabm\xa0I"w\xe1\xfd\xfc+\xc1\xdft&amp;fnO\x1b\x10\x96X\x8c\xaa\x98\x1b\xb8q\xe3Z&gt;\xfb\x97/\x8e\x9f\xce\x7f&lt;(\x7f\xfc\xf8\xf1\xe0\xa0|\xb0\xb9Y\xf9\xb5\x94-l\x87c-\xe7n~c\xf1\xe28\x897\xc8p\x8aX\xd6\xad\x15\xad\xed\xc7\x04\x8e\xfb\xedCVk\xb1G\n\x19\x03\x1d\x13\xd1\xd3\xd2U\xca\x7f\xf9\xcb\xf9\x93\xf9\xf2\xd6\xee\xee\xfb\xb7\xef\xd7\x13\xcf\xf6\x12\x89\xa7o\xdf\xbe}\xfe\xe2 [W\x97wf\xb3\xf7`P\xe0$-AX\xd4\xc2\x87#\xf9\xb0R$j\xdf\xaa\x8c-\x84\xa5\xe8\x18\x98Nv}\xfd\xcbg\xdf\xde~\xbe\xfe\xe2Y\xa2X\xb4Z?\x14\xadw\x06\x9f&amp;\x16\x9f\xfe\xfcd\xe6\xe1\xf9/\xea\xb2Ygw0\x88cZ\x89\x16s\xb8V\x87\x8e\xe6\xfbX\x91H\xf4\x9b\x18\xd4R#.5\xef\xed\xb6\x0f\x94\xae_\x7f\xb7\xf9j}}1\x91X\x1f\xb4\x0e\xae[\x87\xac\t\xeb`\xe2\xf5\xe2\xef\xff\xfa\xfcx6\xafOf&lt;4XB\x89\x96s\xec\xc3 \x9d=v\xecH\xb8\xac9)d\x0c\xb5\x185\x97\xd7\xed5\xc7J\xf9\xaeG\x9bO\x17\x17\x13\x83\x83\xe8\x8by\xeb\x9d;V\xeb\xeb\xd7\xaf\x13\xbf/\xdd,\xc5-\x03^\x8f\x8c\xf6\xd2pY3\x0e\xc6zDT\xe8\x1b\x8d\x0cR\x0b\xe4Rj\\\x14\xe6]\xee\t\xebK\xe1\xf2\xf3\xcd\xcd\'/~JT\x14\xb3\xae\xff\x9cX\xfc\xe9\xd5A\xa9\x14w{\xbdA\x8f\x0c\xf7z\x00\x8bty\xadG\xf6\xc1\x9b\xa8~\x0b=\x8a\x15\xb9\x14\xe0\xcd\x97\x89\xa8\x13\xc6\xd5\xce\xc6\xce\xc1\xc7R\xf9\xd1\xfd\xfb3KK\xdf?\xda|\xf3f\x07\x1eG{\x90\xd6z&lt;Z\xaf["\xa9\xc2(\xc2s\xe7\xd8\x91a\xb5\xefI+Q\x11\xe4\x12\x13\xa47\x9038\xc1;\x8cn\xbc\x81\x03\xf3af\xa6\\\xde\xd9x\xf3+`%\xe3\x19\x8f,(\xab\xd4\x10gH\x87b\xef\x08\xbfo\x16}\xa8F\x03\x15\xb8\x94\xd5\x9a\xdc\xf22\xd1\xd3\xec\xdc\x0e\'7\xe8_\xd1y[9\xef\xdf\x03\xd6N\xd9\x1e\x94H$\x1e\xf0ZZ:\x05n\xcb\xf1\xdbQ~\xb58\xb4|\xe8\x04\xc1?\x8b\x89\xe5\xe5\x1ca\x00s\nU\xdc\xfd\x1f\xd6\x7fy9\xdb\x98\xb4\xd2,\x8eg\xc1\xe0\xc4\xd6\xb4\xae\xc9\xc0hhV\xd9\x89P\xb8\xc9M\x94\xb6\x9a\xbbD4\x17o\xe3B\x9a\xab@\xc1R\x1d\xcah`\x80(\x08(*"\x08I\xb7Q\\p\xe8\xd0\x96NZ\x85\x0f$\xd4\xb7I\xb7oqk[\xad\xed6\xedt\xd3\x97\x99M\xebt2\xd3nS:M\'\xedL\xdan\x93\xdd\xf3`\xe7\xeb\xce\x9b\xcc\xf3\xc5\x0f\xa2\xf9\xf1?/\xcf9\xcf=\xcf}|\xf9\xf2\xd7w\xae\xdc\xb8\xa1\x88q\xaa\xa1\x8a/.\xd9\x00\x85M\xc9\xae=U\xb9\x1c\xba\x9e\xea=\xf5\xce*\x17\xa4\xfa\xcd\x93\x80\x05\x85\x05\xd66\x10\x18\xbc\x925\xe4\xb7w\xbe}\xfc\xf5\x9d\x15D\xd5^\rX\xed\x1d%\x15\xc5\xdb\xc6\xa1\x90\xcf\xa5\r\xc1\xe7/\x80\x11\xdf\x86,\x01X\x95\xec\xc9I\xe8\\\xd9\x87\x03\x07\x0e\x04n\xb4\x0e"\xb4++ss+++\xb1\xe9jX\x7f\xe2\x18\xbaZ`\xf3\x01\x1bv&lt;\xcd\xe9\x9c.`\xa1\x96\x1fR\xfd\xbb\xd0\x03\xb1W\xd7\xe4\xae\x8f[\x0f\x1fnmm\xbdr\xa5eenzz\xfaz}}5\xd8\x90S\xd5\x85\x8e\xe0J\xc6w\xed\xa9\xef\x9d\xca-V\x19\xc2B\x87\xf3h\xc3F}~9{\xcf.t\x04\xd7\xd22\x0e\xe5(\xd8\x0e!\xa1\xc5\x81*\xbe\x04\n\x88M\xbb\xd8\xec\x83[s\xacV\x7f\xd9\x1b\xbd\xd0C\x16\xc4\xc5fg\'0,\x96@ \x08\x95\xb29\xe6\x8a\xb9\x10\xd5!\xd8\tK\xa0\xe6\x07\xaa\xf2\xf2\xfa\xdf\x08+\xcbUY\t\xf5\xe0\xe4\xe4\xe0\xe0\xe0\xe1?\x93\xe4\x00\x14\xf1c\x01\x852\x06\xa9\x01\xb4\xe2p \x06\xa1\x13\xd9\xb4\xa7|s9\xf4\xf8S\xb9\xc4zR\x86\x95\xf5\xf5e\xb9\xdem\xdcX\x89\x9e,\x9e\x1c\x1f\x1f\x1fl\r\xa0\xd6l\x00\n\xf8\x98\x0b=\xb4\xe6\xb4C3\rm\x1b\x04aye\xa5\xe5T\x8e\xd5z\xb2\x9d\x14\xf5\xff\xc0\x85\xb0&amp;7\x95l\xdb\xb0\xa1\xa5\xa5E\xe1\x0b\x8c\x05\x95\x86\x18:_\x06\xb1\\\x06C\xc7I\x88Avye#\x99s\xac\x0be\x98\x86\xb0\xf6\xf5\xbd9\x83\xab\x04\xacm\xd0\xf9\x17WT@\x97c\x88\xadJU\x0f\x91\xd8\xdeR\xf2&gt;\x84\x02{\xf3\xc6\xed4\xed\xc99\x96HD\x10Y\xae\xbe\xd5\xed\x91}rCq\x15\x1a\x8e\xca\xcemq\xd0Y[\xfdA\x84U\xdc!\x1f\x04\xb7j\xc4B\xbf\x05V3!\xb1\x12\xd6f\xc4\x05\xce\x0f\xbeu\xb2\xa38;\x95TSSSz\x88\xc39x\xfa\x93O\xce\xd4WW\xb7\x9b\x15\x16v\xf9\xc6F\x8c\xf6\xea\xf5\xf4\xf5\x9cG"F\x8a(\xc2\x8e\xb8\xde\xe9\x13a\x8d\xec\xc9\xae\r\x15U5\xd9\xb9-\x08\xc1\xf7\xea\xd1Q[}\xb5\xcb\x15\xa1\xc9\xcd\x8d\xdb\x81*\x1d\xd5\xd2\xa7r\x9f 0R\x03f\x04\xbf\xef\xeb\xb7\x12\x98\x8c-\xef*\xae*\xad)-=T\x8f\xb2\x02:-=s\xa6\xdae\xa6Cdc#\x19\xf2F\xa3Qm\xee\x8d\xd8\xaf!0\x92Z\xe5j\xe6\xf3\x08\xd2b\x91wU\xa09E\xc8\n\x9c\xf78\xd5gN?&gt;3==\x17\xb1iH\x12Q\xc5\xe3iu\xee\xb1\xac\x84\x04\xdb\x8eY\x89f0\xe3\x12\x8f+\x06H\x99\xbc\xcb`p\xb5\xbb\\\x9c\xd2\xd2\x1aW\xfb\xf4\xdc\x9c\xd9\xec\xd4S\x04)\xa3\xf5\xd1x4\xed\xd0\xe7\xde\x88vB\x83a$F\xf4\xf7\xf7#,\xb7\x98\x00CZNv);\x0ch\xba\xa5\xc2\xa0\x84\x1d(\xa2R\xe3\xb8F6\x8c\xa8Rim\xb7?\xd7Y\xfe\x82\x94\xc2)D\xd6\xdf/\x125\xf3jk\xb9b\xf1~\t\x9a\xb2\x91wu\x94\xbc/\xf7\xa9h\x95j\xcc\xa3\xd7q\xa9\xe1a}wt\xc6\x91~\x83\x95\x13\xb9\xa6P\x9b\x88\xb0p\\(\x060\x0c\x13\x95\x95\xf5\xdby\xee\xdau\\\x01\x02\xf5\xc8,r\xb6\xcf\x13\xb2\x19m\xb0\xc4\xeb\xc4\xe4\x987\x9a\x82\xb6#\xe1T\xd3\xc3\xd5MM\xbd\xf9Sk.\x18\xba\x1b\x8c\xaer\x83Z8\x85\x0b\x848!\xc2\xca\xca\xb0~)\xcf]\xf7\xbb\x1d\\\x81@L\x884\xa4\x8c\xb4\x1e\x15\xf3\x04\x02\\P+\x08\x8d\xa9\xbd\x8e\xb0\xc3\xe1T*|\xb2\x03\x93\xe6\xe4\xa9\xa6\xb5\xef_\xf3\xf7^\x98\xbe~\xfa\xc9\xe5\xcb#v\x02\x13!.J#\x12\x894V\xa9\x98\xfb\xc3\xf4.\xdfn\x97\x82\xb3\xd5\xd6\xeep\xbb\xf1\x90G\xed\r\xa7\xa2\xf1\ts0\x98\x1c\x96\x95-\xf1\xed#OwO\xad\xad`\xf9O\x83K\xb0\x9a\xadG\xa5v\x91\xa8L\x93\xe5"4\x84\xddNI\xa5R7\x9av^\xbdx\xe0\xae\xab\x83\x9f\xfc\xfdz\xb5Z\xefM\xc7\xd3=N\x95Z\x9d\x1c\x1b\x10\xd9\xf9\x02\x9e\xe7\xbb\xadkj\xc8\xfc\xdd\x8f\xad\xf6\xa5%)\x8f\xc7\xe3\x83\xb14\x98\x06\x17"Cj\xac8\x8e\x03\x17\x9f\xc7\xadE\xcb\rR\xb9\x05\xf8~\xad\xd7\xabV\x05\x95\xaa\xb0s\xc4\x94\xd6\xaa}\x01\x12\xd3\x88\xeb2\xb5\x93\xb7\x9e\xad\xe1\xd5\xf9\xa9\xfc\xde\x7f\x08;;\xc5n\xd0\x01\x1d\x00B j\x8c\x14\xb8&gt;E ?\x13\xf3\x11\x17\x97\xbbn\x87\x1b\x9cL\xd7\xadM\xa7\xd3^\xa02\x9bG\x12\x10\x87\xea\xa4O&amp;\x13\x89$\xfc\xba\x8c\xf4\xf6W\xaf\xd7\xea\xdc\x06\xe2o\xf7\xdet&amp;\xb3%\x93Y\xc7\xe3I5\x04\x05q\xd8F\xd8lF\xca\xa8!$\xb8\x00VC\xc3\x0e&amp;\xb3\xa1S\xa7KCR\x8fG\xbb\xb5^\x93O\xa1\x02\x877%\x14\x8a\xa0o8\x04\n\x8bxu\x99\xff\xbeu\xf7\xf8\xf1\xde5\x10\x0c\xfd\x8b\xad\xcfn\xf93\x99L\x1dx5\x18\x91\xc2\xc1\xdd\xdb\x88\xfd\x14e\x0cAZ5R\x94\xb0\xa1A\x08\xab\xb3\xb3;\x1e_\x88\xcf\xce\xceBb7)T\xa6\x84\xd3lP\xca\x83I\x0f\xed7J0LZ[\xf7\xfc\xad\xbb/n\x1e;\xdb\xf4k\xc1\xe0\xef\xf7&gt;\xfd\xfe\xd1\xfa\xcf3\x99Z\x9e\x14Mh\x1c\x85\xc4\x85S\xb6P\xc8C\x1b\x8d!\x8f\x86\xa2&lt;\x18\xde)\xd4\xe9\xbau\xf3\xf3\xf3\xb3\xf1\x99T&lt;\xecT%U\x06s,f0+U&amp;\x93\xc73\xdcFH$\x98\xd5]\xbb\xfc\xd1\xdd{\x0b\xac\xf9\x99_uC\x1d\x99\xaf\xe9l\xea\xfc\x83\xdf\x0f-s\xd1\xf47\xb8\x10_\x0c\xb2\x08;\x8d~\x8f\xa5\xd5\xe77\x86B(\xe9\x1bq\xa3\xdff\xf3\xeb\xd3\xa9\x99\x19G8\xd5\x13\x91\x07\r\x15\xc8\xb5&amp;\xc2\x8e\xb4V\xef\t\xf95m\x12I\xb3[z\xfb\xa3\xef\xef-\x14\x151\xe2g\x91\x8b\xe5\xffB\xa1\xf2\xb7\x9e\x9ba\x16\x98\x1e=X\xffO\xbb\x1b=4\x84P\xe4\n\x85 \x0e\xae\xb3\x85,r_\xc8O\x1b\x85\x14M\x809IR\x964\xf5LL8\xe2\xf1n\x93YY\xa1\x04&amp;`4\xe9\xb5\xaa\xb1\x90_2\xd0\xa6\xb1\xf2_\xad\xff\xe0\xf5\xfdYV\x11\x8b9\x7f\xe2x\xd3/\x01C\xef|h\xda\xf7\xd9|\x01\xb3`\xe1\xf2\xad\xc5\xc5W\\\x01/+\x17`\t\x8dF\x08D\x9d?)\x0f\xd0\xb4\x8d\x02\xdf\x87\xd2\xcar\xf8\xe3AE$\xd1\x93H\xcfF\x9d\x11\xa5\xd2\x94\x02\xe9\x12\xe6\x98"\xa8\x18\xa6\x07\xda\xda\xda\xac\xd2\xa5\xe5#_\xfd\xe5\xc5(\x8b\xc5\xcac\xb1F\x1f^\xfb\xd9`h\xf7;~qf\x96\x81\xae\xbf\x17]\xfbnqh\x99\xcf\xe5\x8a\x91X\\1E\x85d2\xe4Y~\x8f\xcf\x03L8\x0e\x0eMnn\xfdk\xc9\xb6\xae\x08\x00\xa5M\x11o"\x91Z\x98\x998\xefR\xa8T\xaa$\x1d\x92\xb5\xfd\xcd(\xe6\xbfZ&lt;r\xf7\xe5\x97E,\x16#\x8fUT\xc4,\x9a\xf9\xf4g\xf9&gt;|\xb6\xf7\xdc\xc3y&amp;\xba\xf4^\x98\x97\xb7\xe5\xc4\xbeG\x8b\x8b_p\x05b7(\xc6\xa3D"\xb2Qfa\x07\x02&gt;\xb9\xcf\xef\xf7\xeb\x84B\x9dQ\xa3\x91\x90\x96\xc9M\xe3]\x10{=\x90\xadR\x13\x13\x13\xe7\xa7\xdb\xab\x0cA\xdaO\x8f\xc9d6\x1d\xce\x93._\xfa\xe3\xeb\x7f]e\xb2XL\xc0\xda\xc9b\x16\x8e\xce\\\xfb\xc9\xd9b\x15j\x94\xc9d0\xd1\xadr\xc0\x9a}\xf1\xcd\xe2\xd0sHOn\xa0B\xf3\xd6h\xfc\xd5\x02U\xa9\xcf\xaf\xd5\xdb \xa3\xe2\x90\xc4\x8c\xb6\x90\xc7\x17\x0c\xaa"\t\x93#\xda\x13N\x1d\x9bn\x9f\x83X\xecP&amp;=\x1erX\x82\x0b\xb9_\xfc\xe1\xd2\xbf\xc1\x86\x80\x95\x97\xc7\x1a-b\xb0\x18\x0c\xc6\xfc\xb1}?\xa9\xe4AP\x7f?QT\xf8\x86*\xfb^\x05\xe6\xc5}\x0f&gt;\xbcM5\xec\xd8\x01\xbe%\x16\x1f%4\x92\x10\xd4\xca2\x99\xdf\xa8\xd5v\x87\xfcB\xa1\xcd\x03\x91\x08\xa1\xa8\xf7\x9a\x12=\x8e\xb8#\xect:F\xce;\x9d\xce\x88\\!\x97\x8f\r\x93\x18\xc5\xe5-_:\xf2\xfa\xe5\x89B\xa0\xd9R\xc0\x84p\x04\x1fc2Y\xb3\x9f\xfe\xf8\x81\x1cr\xf4}\x17g\x0b\x0b\x99\x0c\xf4\x06\x11\xe6\xc2\xd5Q\xf4j\x80\x85{ \xd72\xb7\x90\x8b\x9e\xf0\xf0\xc1\xb9\x08\x1b\xd8,\xe0\xa1=\xdan\x9d\x8d6\xeat\xb4\x05\x81Arw:\xa1nHL\xf4\xcc9\xc3\x10\x8aa\x95*(\x97\xcb\x07\x03$\xc1\xfb|\xe8\x08\x885\x0b\x12\x15\xdd\xbc:\nZ\xb1PH2X;\x1f\xfeX\xde\x87_6}\x16G\xdf\x01\xd9\xbf\xa0\xe0\xe6\xfd\xa7\xc7\xb6\x80!\x19_\xde{\xf4\xe1\xd0sn\x03_\x0c\xdb\x1eT\x81\x14\x98l\x98\xb6\xa9\xd5^\xc4e\xf4\xeb\x8c&gt;_\xd2\xa4\x8a\x98c.\x10+\xd5\x13v8\xdbG\xc2#\xe6\x91H0\x92L\x06\x02\x07\x06\xec\xe0\xef\x1f&lt;{y\x15]\xe9\x9f?\xd7t6^\x90\xc5Bp\xac\xf8\xc5\xff\xfb\x8e\x99l\x9e\xda\t\x1fd\xa0\xb7\x880\xe2\x17\xef\x7f\xf3\xe0?\x02\xe4\xf6\xf1\xfb`\xc6\xa1\xff\xd1q\xfe!m\xa4i\x1c\xf7bbg\xcad\xac\xd3u{\xdb\xa5\x9baw\xae\xae\xecuV\xd3\xed\x1d{\xd3eX6\xd0#G\x1c\xc7\xc3\x89\xe7\xe1?^\xcf\xd0I$\xb6\xd54B\xc9&amp;\x11\x0e\xbbK\xe2\x91\x10I9\x84\xcbEM\xa3\xabT%\xa2\x85\xb4\xda \xd1\x06\xb5\r\xa8k\xa5\xa8H\xddC\x10\x16\xaa\xd2\xea]\xf7\x9ew\x92\xde\xc1\xb2\xf7\x12$\td\xe6\xe3\xf7\xf9&gt;?^H\xde\xd5\xea\x0f\xfeq\xa6\x1aqU \xae\x9a\xc6\xfa\xd6\xd6\xd6\xfa\x8e\x9a\x9a\xae\x8e\x8aVw\x8dY\n\xfalN\xd8\x7f\x05\x9c\xce\xa8\xc3\x97r:a\xb2\xaf\x82\xc1\xa6\xa6\xb1\xe6\x97o\xafD\xc2\x07\xedSH%\xd5\xaaf\xf9\xf7/\xa7\xb5\xbfR\xab\x94c-\x8a\xea\xfc#S\xff_0\xe8\xc8\xe9\xfb\xc8Q\x85\xfe\xd1\xa5\x89\xcd\xc5\x07\xdf/\xdb\xb9\x99C\x88\xa2V;\xb1\xb1ODf\x0e\xcb/\\8S\r\r\x10\xe6\x19(\x0f_\x9a\xbcP-\xaf]\x83\xa2\xda\xd5\x00\xc3\x8c,\xf7\x81\xb3\x9c\xa9\x94\xc3\xe9\x0c\x04\xda\x02A\x1b\xdanT\xf5\xd74^{\'\x1b\x89&lt;k\x7f\xde\x03!,\xac\xc8\xc6&lt;\xcb\xdf?\x98Z\xe8\xf1k\xd1\xc1\x16uuu\xfe\xfb\x13?m}d\xf5\xf1\x11\xad\xba\xd0\xbf\x94~&lt;\xfe`\xff`yG0\xc4\x93q\n,\xa5\xd6\x1e/\xda|\xba\x0b\\\xeb\xe5\x17\xca\xcfT\x97CE\x85\xaeX\xe3r\xfd\xd5\xfb\x17\x93\x17\xb9\xca\xd5\x08\xbe\x82(\x02N \xeat\xf69|\x0e\xd4\xa7e\xb3\xec\xad\xfd\xe3\xd5\xfe_\xccF\xc0X\x1bK\x10\x08\x95\xfap\xc6\x13\x0b\rn/\xef\xee\xbfL/\x8c\x82\xbdT* \xeb^\xfc\x89\xf3\x06\x8e!\xa9\xfc\xda\xd1\x85\xcd\x87\xfb\x07\xdf\xed\x88!X\xb1\x18a\xb7s+\xbfEg\xb0\x1c\xf7/"\xae\x95\xf5\x0b\xa0\xd7%\x18\x01\xaf\\\xeb\xe8h\x84\x87\xb9\xdf4i\xfa\xb2\xabQv\x9b\xfb\x82\x92\xdc\r\xc6\xf2\xa5Rc)_\x9f\xd4W[k\xae\xefv\xcb\xa6?\xbf\xafP=\x9d\xd0B\x08\xd5\x15Y\x1d\x19Jp\\\xdc\xce\xed\x1c\xec?\x9cJ/\xf9U\xda\xc2\xba\xba\xfb\xe9[?r\x18\x92\xeaq\xcf\xe8\xc2\xd4\xa3\xdd\xe5\xedx&lt;\xce\x85D\x91ec"E\'\xe3\x9a\xd5\xea|\xf1z\xba\x1c\x8a\xac\xbc\x9d\x0bcECC\x03T\x87\xfaz(\t\xae\xe6\xde\xe6\x0e\x97d\x96\x83\x0e\xb9\xbb;:6\xa6\xb4hh\x87\x92$\x9b\xdd\xddC\xe6\x13y*\xc8\xa4\x92\xc2\x8a\xd9\x9d-R\x14\r4G\x89\xb1\x10G\x83j\x0f7\x17\xfc\xc7\xb5u-?\x1a,@\xaa\x07\x0bK\x9b\xe3\xfb\xcb\xdbb\xc8n\x8f\xd3\x82@Q\xa2(\xd2\x94\xc0q\xe4\xcc\xf5\xe3\xca\x19:\xd3\xcf\x15\xae\xf5\xcf?/W\x1ac\x0b\xd8]\xe1jt\xf56\xd7tH2\xfa\x06s\xf7\x80o\xcc\xe7l\x1b\x18\x088R\xb6\xa0\xe4\xa8\r\x0e\xb5^S\xa8^M(\x89\xf7\xd1\xac\x06\xdb\xd2\xc5@,\xb48\x8e\x0e\x85pD\x96\x1e=^X\xd7\xfd\xed\xff\xbeF\x05P_=^\xd8\x04&amp;*$\x12\x02\x07\x81\x13I\x86\x15E\x81K$\x12\x86Xx\xb6\\\x9d\xe7\xba\xb5\x13\x8ado~\x00\xc6\xff\xa8\xa5\xa1E\xf99\x16`\xb9\xbd\xbd\xcd\xae\xae.\xc9\r\xb5u\xc8\xe9\x03\xd7\xb7\x05\xfan7\xdd\x80i\x0b&lt;/\xff!\xafU\t\xc2*\xff\x01.-\xd0p\x13\xb8\x8d \xe2,\xa3\xd7[\xad\x95\xfc\xf6\xeex\xba\xa7\x10\x15\xfd\xbc`0|~\x9dN\x8f\xef\x82\xa8\x94@\x10\x02m\x8f\x0b\x8c.\x01\x1f\x1b\xb4\'\x07\x13\xb1X\xb8r\xef\x0c:y\xa8P\xbd\xb4\x01\\s\xd9\xeb\x17.\xa2\xc9\xb9\x01a\xc1xl6O\xbe\x07\\5.\tl\xefv\x02\x94\xc3\xe7\xbb\xdbt\xe3v-Ty\x87t&gt;O\x85\xa0J.\xad\x12,\xcf\xc1\x85\xed\xc9\xb5\xa4\xdd\xc0\x1b\x8dV\xab^\xcf0d(\xa4;x0\xe1W_\x1a\xc8w\xc9c\xed\x8b\xe9\xa9\xdd\xed8E\x11\x14\x01\x91\xe3\xe2\x06\x92\xe5\x06\x07\xe3\xe0I{2i\x1f\x84\xe7\x87?Sz\x91z\x01\xb8"\x95\x10\xc7\x9b\xd0\x14]]WrX\x92\xe5\xf4{\x93\xcd^\xd3\xa4W\x86\x1d\x0f\x14\xfa\xdb\xb6\x1bM6G\xd4\x19\x88^\xe8\xe2x\x00\x00\x07\xa2IDATF\xdd\x1d\xff\xf5\x15\xb4\x1b\xd5\xa1=d\x08\xc1U\xd7\xd6\xd6\x92\x10A\x03\xdfi\xb5\xf2\x0c&amp;\n8c\ro\x1d,.\xc0$\xf6\xed-\xc4\xf5\xf5\xe6\xe6\xa3\x9d\x19\x8e&amp;\x08\x82\xa24\x84\xc8q,\x0e\xba\t\xa2\x06\xc7\t@C\xd7\x98\xbd\xaeV)\xedh\xe2)p\xcdeo^?\xf7\xbb\xf7\xff4\xe9\xedhmm\x94\xa5\xdabK\xb1\xc5d\xbajj\xee2\xf7\xb9\xcd6\x87\xb3\x0f\xfc\x15\x18\x19\x19\x18\xe8\xb92\x1b\x99{\xf6\xd5\x06\x1a\x1b\x8aT\x85\xeb+!!\xc4!\xa85;\xdc\x91\x15\x05}\xa7\x9e\x0f\xe3\x98\xd5\xa8g\xac\xbcfgw\xb3G\r\xcd\xe8\xd7\xc7\n6\x1f.\x83\xc9A+\x8d\x06\xb0X\x91\x12X\xe4x\xf0&lt;\x8e\xc1\xf2@\\\xe3\xc9\xbd\x0f\xab\xd1uUE\xe9W\xb7\xb6"\x95\xd9\x9b\x17\xcf\xa1\xaf%]u\xd5\xd7\x9b\x83\'\x8b\x8b\xcb\xca&amp;\xaf^\xf6v\xb8,\x97%\t\x1c\xef\xb3\xf5E\x87\x03\x03\xd3C5G9*\xe8|\xf0\xf1\xf5,\x94\x9d\x84]\x91\x8a\xd6\xb0\x0c\xc3cxg\'\xc4\xd1\xa8\'1\x8c\xe1\xf5&lt;\xb5&lt;\x9e\xf6\x17\x82\xf3\x0b\x1e\xed\xc4\xe34M\x03\x95\x86\xa0\t\x9cdYA\x04\xdd\xe0-\xa0\xd4`\xe10\x1f&amp;En\xefCe\x0eQ\xf97_\xbd\xd8\x9a\xab&lt;\xbay\xee&lt;\x8cW\xa7O\x9b\xcc\x8d\xc1\x93ee\xbfy\xd7f\xa95\xbb\xfb\xdf:Y\xd5\xdf\xd6\xd6\x075b83&lt;2\xd0\x9cET\xcf\x97T\x8a\xaf@\xab\x90\xc1\x00\xaeZ\xb3\x1bp\xb0\xba^\xa7\xd3\xf3\xbaN\x00cp\x96\x87\xd7F\xde\x13\xdb\xde]\\R\xb5\x0c\x17\xac (\x00\xc0\x81\x8b"0\x9e\x14p\x8d(\x12\x04Ms\xca2$\x84D\x82\x1b\xdc+W\xa1\xae\xaa*\xc9q\xcd\xbes\x1e}E\xb0\xb8\xd8Tu\xf2\xec\'M\x9f}v\x1b\xf6\xd0fSqU\xbfY\xf6\x8d5}:6|73r*;\x87\xa8\xa6Q\x04\xeb \x821\xa0\x1a\x04\xafC\xa6\x03Rn\xe1\xfaN#)\xb2z\x803\xde\x89\tbL\xfcn?\xedW\x15@\x049\x1a\x85\x10=p\x9e\xc41\x10\x14|\x05\xaf(\x1a\xd9\x1e\x19?\x99\x1c\\-/Bm\xb5\xc8?\x95\xe3:\x01j\x99\xfa%\xc9b\xba\xfc\xc9\xcf\xff\xf6\xc5\r\x9b\xdc&amp;Y&amp;\xbdUU\xb5\xb6\x1b\x9f~q7s\xcf\xd7\xfb\x86\n\xf5=%\x82b\x02\xc4\xb2\x13\x0c@1$\xc60\x88\x8b\xed\xd4c\xe4\x1d\x802\xdea\r\x06\x00\x0e\xeb\x0e\xa6\xa6\x0b\x90X\x10C\x02aix\x9ee\x91\xa3px\x85cy4{n\xad\x9eA\\%*\xffT\xfb\x0b\xdd\x9c\xf5\xe8\xc4\xa9I\xaf\xdb,\xcb\xf5R0\xf5\xe4\xde\x98\xaf\xad-Uf\xb1X\x82\xc1\xe0\xed\xb1\'\xbe\xf9a\x17\x8a`\xfb\xf3im\x11*\xee\xebY\x10\x9e\x03(\x8a1\x96\xea0\x1c\xc7\x10Tii)\xab\x03$\xf4\x00*$\xa3\x9eg\xc8\xe5G\x05\n\x95"\x97\x06\'\xc1Y$Z\x18\xf0P\x80\x8a\xe3,\x8b\xa3\xe7\x10\xcd\xf8jyn\x0e\xf1/\xb6\xff\x8b\x99\x0b\xef\x9d\xefu\xc96\xa0\x90\xe4\x91\x7f\xce\xa72##\xd0\xa2\x83^\xb4\x99vd\x86\xa3.\xc5\xed@\x85\x1a\xf1\xa5\xf5,\xd4\x83\xc1\xa4]`\x8c:\x06\xfe_\x9c\xccA\x95\x96\x82\\\xb0\xee\xdc\xe1c\x06C\x82EE\x8c\x81\xeaZ@ \x1b\xcd(\xee"I%\xf9 )H\x12\xb1P(?!\xa8d8\x8c\x13\x02E\xe7\xb8JJF_\x02W\xa5g\xef|\x87\x84~\xbflsf\xe6\xeff\xc0\xe2C\xddC\xb2\x19\x9a\xa4/\xeaK\x9d\xcaS\xa1\xf9\xa0\x08\xdc\x0eF1\xd0\x1a\x1e\xa2\xa7\x11\x04\r\xce\xe8J\x15*\xf8\xc3\x83\xaf\x00*\xc1\x19\xc0b\x00\xcd\xf0\x8c\xd5Z\xa0d $#\xa1\xc1\xf8&lt;\x15\te\x17\xc5\x91\x02\\EG\xc8\xc7\xb0\xc7\xe3\xa1V\xebJP U\xa3\xe3H/\xcf\xaa\xeb\xe4\xc7g\xcf\x96I\xd1\xf9{c\xc3\x99\xf9L&amp;\xea\xee\xb3I\x8d\xb2#\xe0\xfb\xbb\x12\xc1\x8d%\xa0\x02_]\xcc\x8aD\x18\x03K1\xb8@\t\x8aT\x80\xb4\x85\xb8:K\x8d,\xdf\xc9\'\x0c\xe0+\xd6\x8a\xa8\xacPa\xf9\x02\x94\x83\xc0E\xe7\xec\xae\x18\x0b\xc0 \x8ePM\xdf\x14\n \xc3\x81,F\x1f\xa2\xe3\xee\xa0\\O?o?\xa8\xac$V\xaf~\xfc\xd6\xbb&gt;\xe7\xf0|\xc6\x11\x8df\x9e\x0c\x07\xdal\x16\x13\xec\xade\xd7\xd1\x9cR\xaf\xd4h\x96*\xba\x08s_\x18\xa00\r\x85\x92\x1e{\x13\xbfRc\xa9\xd1\xa8\xd7\xb3\x86D\x0c\xbao\x8c\x85^\xa4ctVh\x92V\x05K\x83LO\xb2y\xb1\x10\x17\xa68\x0cG\xa5\x1f\xae\xa4\x90y\xc2aff]\xab\x84Q\xbb\xa4p\xcd\xac\xf6\x9b,\xb5\xc1T\x93err\xf2\xf5\xeb\x1f^\xbf\xfe\xb7\xb2fg\xc3\xb0\xf7\xdaX\xd0\xa2\xfdD\xd1\x95,\x0b\xfa3\x18\x98\xc5@\x0b\x1a2\xc7\xb4\xa5P\xe9!\xc7 =\x07\x13l\x9e\n\xd53\x84\x85\xc3\x82\xfa\x0e\x05^\xc9A\xcc\x83\xa17p&lt;\xaf\x18JF\x8a\xcei\xe6\t[W\x80\xab\x08m\x89\x976\xda\x9f\x85+g\xf6\x8eVff\xa0g\x11\x1e\xa0\x0e\x87\xbf\x81\x15\xf9&amp;\x16\x8aTn\xbd\x80\x8d*:\'\xac\xa4\xe5\xc8\xc3\xeb1t\x0b\xee?U\x9c1\x8b\xdb@\x10\x85\x8d\x8d\x8eU\xe2[H\xb1eP\xa3\xee@ \xb5.\xd4\xa8\x08n\x8cH\xe3\xbf\x10\x96\x90"\xd5\xa5S\'R$\x95\xc0m\xaa]\x90\xaa\x80\xc3\xfd\x81\xc3]R\x1e\x0e\\\x11R\xe4\x07\xe4\x088\t$\xef\xcd\xca\xbed\xb0ea\xb0\xfc\xf9\xcd\xcc\x9bQ\xe3 UP\xaa5\x06]\x97\xc13\xaa\xbe\xef_lA\xd5\xa2\xde\x93b\t\xb9\n\xd6\x16\xd35WQ\xa6\x8fj\xc5\xf2\xa6\x94\x99\x16\x9b\x08\xf5\x0f\xb0\xf4\xe6%\x979\xc4\xc7\xcf\xaf\xbf\xe599\xf2\x10\xde\xf3\x81\x18\xbaw\x03\xa8\xaePVSP\xed\x9b4m\xf8\xb3PU\'(C\xa1NP\x8cz\xd9\xc28\xd2\x84i-\x8a\x89\xd8@\x14\xdd\xa7\x90T\xe4$\x195;\x822\xa1\xf3\xc6\xe2V(p\xed\x0eO\xc1\xb5\tX\x16X\xa0\xb28\x19:\x97\x9b\xef\x87\x1d\xa4B\xb9\xaf\x9f7\xb6@\x1f\xf3r\xea\xc4\x94@(\x9d\xa1\xa2\x02\x15,m\xb5(1\x84TJ\x0bCL"\xc1R\x1a\x9fRA \xc9\xa2\xb8+/u\x1f\x11\xc66\xb8\xee\x1esIA\xe5\xc3V\xbf\xe6\x1eX\x03\xa9,\x98&lt;\xe4\xdat\xddP\xfc&gt;|y\xc4\x9dc={{\x8d\x9c\xa0\xb7\xe1:I\x11T\x02RI\x87\xacWU\x85\xad\xa9\xaf\x16U\xb5\x82k\x18\x0c\xec\xff\xb1\xc4\x1b\xb4\xfe\xa7\xe4\x99\xc7\xb9(\xc9ljN$\x9c\xc1%6\xf6\xee\x15\xeeoQa\xb4/\xeb}\x90\xab\xcc=\xceKh\xd5\r\xf6\xc7\xe5\xa773\x88\xb5\x9e&gt;\xbb\xb1\xb0\x05\x992\xcb\x00\xc4\x80G\xd7\xcc\x1f\xa8p\xa8\xb0F1]I\xa2\xa0\'\r\xbf]ND\x93$\x0b\xe9\xc2SZp\xe4\x92\xda\x1f#\xf4C\xe36:\xdd?`\x1e\xcf\xcea\x13\xb7\xc8\x1d\xb8\xca\x90Gh\xd7U\x83\xbf\xbd\xfc\xf0\xfe\\n\xb3\x9e\xfcJ\x97\x96u\x1c\x80tF\x952.\xe4\x08b\x89P\xb5\x8c\xa2R\x1b`\xb5\xe0j[#j!\x85#\x8c\x96\x87:\x95\x94\xe4S\x8e\x8aZ\xc5l\xb8t\xfe\xf3\xa1\xfc\x9d\xe2\x94e\x0f\xb9\x9c`y\x1c\xcbz\xe1&lt;o\x08gg\x14\xeb\xe2OZxKs\x86&lt;\x91s\x8eL1\xa8\xea\x91\xaa\x82c\xe0\xfba \x98\xde\x19\xd4B\x9e1\x8a\x8c\xe1\xf0\x89\xcb\xecX?zD\x83\xcd\x1c\xb9\xa2\xc0\x85W\xc1\x02\x98\xba\xc6\xb6:\xa5\xdf\xefP^!\x8dl\xc9\xc1\xb9~\x0bk8\\\xcd\xa4\xde/\xf6\xcaZ\xc8\x13m\xe1|5v\x96\xd8e\xbc\x0e\xa1\xb6\xc2\xb5"\x14\x16\xc0\x94\xcd\x00\xbd\x14\xda\x91T\xe6/@\t~Z\xca\xe1A</t>
        </is>
      </c>
      <c r="M202" s="3" t="n">
        <v>45492.67789351852</v>
      </c>
    </row>
    <row r="203">
      <c r="A203" t="n">
        <v>822524</v>
      </c>
      <c r="B203" t="n">
        <v>1954</v>
      </c>
      <c r="C203" t="inlineStr">
        <is>
          <t>Arthur Gomes</t>
        </is>
      </c>
      <c r="D203" t="inlineStr">
        <is>
          <t>Arthur Gomes</t>
        </is>
      </c>
      <c r="E203" t="inlineStr">
        <is>
          <t>PE</t>
        </is>
      </c>
      <c r="F203" t="inlineStr">
        <is>
          <t>ATA</t>
        </is>
      </c>
      <c r="G203" t="inlineStr">
        <is>
          <t>PE</t>
        </is>
      </c>
      <c r="H203" t="n">
        <v>175</v>
      </c>
      <c r="I203" t="n">
        <v>11</v>
      </c>
      <c r="J203" s="2" t="n">
        <v>35978</v>
      </c>
      <c r="K203" t="inlineStr">
        <is>
          <t>Right</t>
        </is>
      </c>
      <c r="L20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04507d6-b424-45c2-a98a-55ef14c42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4\xce!\x00\x00\x03\x00PLTE\xff\xff\xff\x07\x04\x05\x87C9\x8bI@\x002\xc3\x00,\xb9\x005\xc7\x00\x01\x01\xfd\xfe\xfe\x002\xc6\x000\xbb\x000\xbe\x000\xc1\x82D;\x8aE;\x00-\xbd\x005\xcah0)\x00\x1e\x9f\x009\xd8\xfe\xff\xffU(#\x007\xd5L!\x1a\x00(\xb2n4-\x7f@7u8/,\x16\x16\x01%\xaez&gt;6\x86G&gt;\x00"\xa7d+!\x00&lt;\xdb\x00\x1c\x99T$\x1c\x98RC\x96N@\x00+\xb5P&amp;!\x8bNE\xa0YMi-#a\'\x1c[%\x1a\x96RI\xfb\xfc\xfcz:0\x003\xc0\x8fG&lt;\x94J=\x83;0\x98XL\x83?6&gt;" \x8dA77  b.(o1&amp;\x00@\xdf\x92QDS"\x17\x8fK@2\x1b\x1bE!\x1c~:0\x9cUEA\x1c\x16F&amp;#\x1e\r\x0fi4/p:3\xa8aR[!\x15\x00D\xe2s4*\x88?43\x12\x0cy*\x1ev&lt;4\\1*\x92KB:\x1b\x18Z*&amp;\x01)\xb8[)"U-(\x15\x07\x06_+$\x00\x17\x92b5/{E&lt;\x9dTJ\x9eNBL+(\xafgY\x8eSI\x9bG;\x834\'\x81.\x1e\xa1^T"\x13\x15V\x1e\x10)\r\x08\x002\xcez5)w%\x13n\x1f\r\x8e7(\x86KC\x94C7\x01,\xc4\xae[MP\x1b\x10\x004\xd2\xa4b]\x9b@0\x88:-\xa7YK\x16\n\rn%\x17\x98:(\x91&gt;0\xf6\xf8\xfa;\x16\x10\xc6\xdd\xea4\x18\x16U\x16\t\xb6ul\x00\x13\x8ay1$o,\x1eh;4\x008\xd1rC;&gt;)(b#\x16\xf1\xf4\xf6\x00O\xe6\x00.\xc8\x80KA\xafaR\xea\xec\xed\xb0id\xce\xdf\xea\n\x0c\x0f\xbd\xd5\xe5I\x1d\x14\x00T\xec\xba\xbf\xc2\xa0G9\x95]Zg(\x1a\x132\xbd\x82(\x15c\x1b\r\xa6N?\xa7D1[\x1a\x0c\xad\xc4\xde\xd6\xe7\xf1\xba\xcd\xdc\x06*\xab\xbci`\x91WQ\x8b0\x1f\x00H\xe8\xcf\xe3\xf0\xc6\xd8\xe5R62\x03$\xb5J\x13\t\x9eli\xa2\xba\xdc\xa9trTp\xb8|\x98\xd5\x13\x14\x1c\x02\'\xbeNr\xcd\xb2Q&gt;(/4\xba_N\xb5\xcd\xe6\xe5\xe5\xe5|jh\x1e #\x08&amp;\xa1\xca\xd1\xd2(B\xb8Z@@A\x0c\x06\x00B\xd8h\x88\xd1\x90\xac\xdcC_\xbd\xb8CN\xa13&lt;\xca\xc0\xbc\xb0}|\xda\xdf\xe1\xb0S] H\xc5\x90\x97\x9d\xc0\xb1\xae9AF\xd1\xd7\xd9\xc9\xc9\xc9\x8d\xa5\xc8\xad&lt;D!-\x8br\x8a\xc1~\x88\x8fHRXfJJ\xdd\xda\xd54T\xc4\x03\x15\x7f*@\xa6\x9e\xa7\xac\xae\xb1\xb6\x80TM\xe8\xef\xf7\xd8\xd1\xcc\xaf\xa0\xa3\x83(,\x16:\xb3\x80y{eqx%&amp;p\x80\x96\xc36)]\xa4NN\x91-5\xc7\x89\x8e\x9a\x85\x84f\x80\xbc?U\xa2\x9f\xb3\xd1\n&gt;\xc6\xc5zu\xdd\xea\xf4fY]Vbg2b\xd1\x04H\xd1N7nE3@\x05!\x8c\xd7\xab\xb3\xd2\x9e\xa5bt\xaf%\x179\x0e\x10IL=\x85\xb0\xa8L\xb4\x00\x00 \x00IDATx\xda\xc4\x99]Hb\xeb\x1a\xc73/\\7\x05\x81"\xa5\x14\xc2*\xf2\xb3P+K\xc6j\xed\xc6\x9d\xa2\xf6\x89\x19S\xe6g\xca\xca\x8a\xc4\xb1\xac\xa4B\x87R\xc8D\xc2\xadL\xb3\xbd\x99\xe6bP\x82`\x8c\xd9\x12u9A\xc7\xba\xc9\xb9\xa99\x1c\x98\xee\xcee\x17\xfb\xf2&lt;k9\xc3\xf9\xd8g\x9f\xbd\x87\xb3l\xfe\xd8RC\xf2\xe7\xff\xf9\xbf\xcf\xfb\xbcVU\xf5\x7f\n\xf9"f4Z\xc5\xfc\xf2\xb8\naV}O}\xe5\xf8\xeb\xd5\xed\xe5\xcd\xcd%\xa9\xe4\xc5^\x1b\xc9\xf6\xdd\x84 m\xd1\xd3;\x00*\x15\x0b\xc7\xc7\x89cR\xf9b\xe9&amp;\x19]o\xfbN\\\x08\x13i\xdb;\xbd\x04\xa0D\x82FK0\x18\x0c\x1a\rn\xa0D\xa1ts{\xb5\xfe=\x0c\x83*\xb5\xed]\xdf\xe7\x8f\x19\x04\x0fA\x04\xd7\xb2\xe0q"QxH\xae#L\xe6\xe3S\xed\xdd\xdd\xe7\x13\x8c\xdf\x11\x8dq\\\xbc\xdd\x03C\x1f\x99*\x9a\xfc\x1fPe\xb2\xc2\xfd\xe9\xa3\x16\x92\x89\xac_\x01\x14\x8d\xf1\x07J\xe4o a\x8f\x97\xf5h\xb2\x94`\xfc\xb1 c\xc5\xbb\xf5\xc7\xe9a\xc4\xfa\xbb\xcd\xd3\xfe;\xc6o~A\xcb\xdfE\x1f\xa5\x90\x08rq\x7f\xcc\xf8\xf3*\xdc\xbc\x7f\x84\x16\x86\xb4]\xdc\'\xbe\x81\n\x96\xe4\xc3i[\x85;\x05\x84=Y\xfc\x16*2\xf9\xc5d[E\x0b\t\xb9\xba+\xd2\xbe\x91\x8aAK\xe4o\xa3\x95\xb4\x0b\x96\xe0\x9f\xa1\xfa\xcf\x97\xd0h\xf9\xdb\xf5\xcaq!\xeb\xbf\xb7\x04i_\xee\xbe\xea7\xaf(\x9eV,\xf7H\xdb\xe9\xbf{E\x00\x98Lj\xb5i\xc5DhE=\xeb6\x18\xdc \xb5\x89\xf8\xf9W\xbe\xc4\xfd^\x85\xe2\xc5D\xf6\xcak\x10X\xa0!\x01\x87\xdb\x10\x0c\x06\xf7U*\xafw\x7f\x9fMJ%\nD\x0e\x0e2\x9b\x9b\x9b\xd9\xcd\xec9 \x9a\xbe\x92\x1d\xdfD\x91J\x95\xb0@R\x01\x8e\xdbm8?\xcfnnf2\x07\x1e\x8fgn.\x10\x08\xf0\x84&lt;Q:&lt;477\xe7\xf1\x1c\x00Z\x86\x80;?\x0f\x1aL$\x18\xf4\xd5\x8a\xd8\xc5d^&lt;\x90o`\x02 \x10\xbc)\xbc\xbb\x87\x14\xb0\xcc\r\x81\xc2\xc4\x85`\x0c\x84\xd3Z\x02k\xd3\xeb\xf5f\xdde\xaeRE\xca\x88 Wy\xf2\xcf\x1b\xcaL\x84S\x11O`\x8e\x94\xc3\xf1\xf2\xa5\x03\x14\x1ar\x0c\x85B8\xae\x0b)\x85"\xb1\xd6\xe5r\xa9T\xaa\xac\xa9&lt;P\xdcVb\xdbF\x98\xb7\xe4\x9ec\xca\x82\x03\x04U$\x1d\x00w\x1cv\xa0\x19r\xfcSv\xb9\xbc\xb3\x01\xc38:\x00\x8bh\xb5*\xb6J\xe5./\x90\x87\xf7H%\xcc*\x91\xc5p\x93T\xaeL$\x10\xc6q\xb9\xde\xef\xd7\xfb\xed\x80\xf6\x064?\xef\x9f\xf7\xfb\x15\xf4^\xbe\xd5Z3\xcc\xa9\x17\xf2\xc4b-\xd8e(\xc7&gt;\x9fD*\xb0\x0e/\xcbf\x19\xbc^\x97+\x93\xd1\x86q\xac\x93n\xb5\x8e\xf6J\x17\x15\x006\x0fZ\x03)F%\x12\xc9\xe1\xe1\xa1u\xa1Q\xa9\xac\x03.\x14E\x83\xa6r\x93\xb8\xa1\xbc\x8a\xd0\x1d\xbe\x06\x1e\xdcre\x0e\xd2!\xac\x93\x9f\xca\xe5r\xbe\x8ei\xd9\xe2\x1a\xa9\xc5\xc5EY\x8b\xc4\x99J\xe5R\xa9\x14\xbf\x86S_W\xc7\x13\x01\xd7@\x19\x8bV\xba\xa0|\xf6BN\xcb\x81wC\xb4\\\xdaH:\x8c\xb7\xd3S\xb9\xa3\x0fGG9\xa7\xc0f[\x04&amp;\x9b\xcd&amp;3O;}\xc0\n\\Vz\rV_\xd7\xc33\xa2\xe8~9\xf3\x8cB\xb2\x8dj\xac\xe8M\xb9\x95\x925\xd4\xa6\x85J\x1c\xa3\x1f\x02\xd6\x87\x0f9\x9fO`6\x03\x93\xcd&lt;==-(S\x1dZ\xad\xfc\xa6\x86A\xf0\x0b\xb0\xd8\xearSM\\R\xdcRa\xf6#\x03O\xa3\x9d\x13T`\x96\x0e\xc7\xf8\x87\xa9\x1c\xb8\x057\x9fF0m6\x9b\x97\xcd\x00\x96"j\x08\xd9\xe2\xd3\x9bj\x86\x01k\x92\x85\xb2\xdd&amp;\x13y`\x83*R=\xfc\x95\xb1L\xe7\xd0\x8b\xb4"\xa1R\x87u\xd6\x00\x97/\xe5;\xca\xf9\x04`\xd7+`2\xb7\x8c\x8e\x12\x81\x07\xb3\x16\xf8MS\x8d\x8d\x83uu=F\x94m0\x957\xa1\xe2\x15\xb5\xe1b\x12\xd1"\xb6^w\xd6\xa5uExB%\xa7\x1d\x937Y\x0f%\x87\xd3\x12I\x8b\xcc\x06^\x01\x98mQ\xa1P\xd4\x8e\xd2\xf9\xfc\xdd\xa9\xa6\x9a\xc6\xc6F\xb0\x8b7\xc9j\r\x92\xfb6l@\xa7\xd4\x86\x0b\xc6\xbfcb\x8b\x86\xf6\xe0\xd2jEi\xe0\x82*vV\xd7\xd6*\x14\xe4"|n\xfb\t\xf4|\xfe\xcd\x1b\xbb_!]hZ\xa8\x99\x9a\x1a\x06\xae\xfa\xba\xc9I#\xba\x0fv\x11~%(n\xf4\x08$\xbe&lt;3\x10X\x91H\x9a\xc0\x92\x13TR\xe9\x1at\xac\xd5\xe7\xcf\x01ju\x15\xb0\xe6\x15\xd2Q:\xe4\xaa\xa6q\x18\xb8\x06\xeby\x93\xe3,\xb6\xc1\xad^\x81x%(\x1e#`\xa6\x01\xaf\xd4nw\xd0\xa5\x15G""\x11O\xa9k\xef\xac\xa6\xf7\xd2\x15\x8b\x80\xb5\xba\xbaJP\x11\xf7\xab\xb6\xe6\xe9\x8e\xd1\x05\xe0\x02\xb7\x86\x87\x07\xebz&amp;\xc7\x8d\xec \xc1\x05u\xbc\xdf\xa3\xf4\xb0Q\xc6\x82qf_+\x16\x8b`\xaf\x8b\x08u\xed\xf2j\xa9L&amp;\xb3\xd9\x9e\x83M`\x17q]\xfdyY\xa3q\n$\xbd\x80\xd5\xd0\xc8\xa9\x87\x8e\xca\xe3\xf5\x8c\xa3\x03\xc1 \xc1\xc5x\xa0\x16\xab\xea}\x89\xa4\nz\x01J\xa4\xcdd"\xe1\x10\xa6\x97\xb6\x98\x05\x02\xcd\xf2\xab\x9f\x00\t\x8a\xf83h\xc9\x12\x8f\xfb\x9c\x1d\x1d\xfc\xda\xcev\xd8\xad\xa1\xcd\xf3\xc0/\x16{\x7f\x00\xfc21J\x14\xbbuQ\x84\x12\x1a`\x14\x05,\xb1\x0b\xc6\x87\xc0\x90]/m\x16\xc4\xe3q\x8b%\xf6\x8a\x00\x8a\xbd{\xf7.\xb6\x15\xdf\x8a[4N\xa7\x04\xf6I\\)$\xbc\xaa\xeb\x01\xae\xd6\xfd \x97\xbb\xc2\xc8_Q:s\xc1\xacE\x8c\xc8\x03l(!\x8cQ\x9b\x19\xcf\x9c\xc3/mv\x1em}\xd8\x02\x01\xd1R\xfcu\xecd\xe95\xf1\x0c\xfa\xeb\x91S"\xf5\x87\xc2\xe1\xb4H4\xd9\xc3\xeb\xe9\x81\xd4\x0flp\xd5\xd0!\xa8\xc4B\xda\xae\x8fM\xee\x8d\x81~\x95XL\x0cw\x19O`H\xfe\xc4\xe9#\xf6\x1e\x92\xcbr\xb2\xb5\xf5:\xb6tBR\xc26\x99;\xca\xa5&gt;\r*\xc3\x81\x08|\x8eI\xd0Dk\xffF\x1fw%\x7fM-V\xf2Xm0\x0c\xb0Q\x92\xcaup\xa05n\xef~"\x94\xf2Y\xe2\x80d\x014\x02\xeb\xc8\xe9L}\xfaxvv\xf6\xf1\xe3\xc7\xb3gF^Z\x04\x1f\xc4\x08=\xa2\xb5\x7f\xac\x9b\xab.$)\xc6\x9a%k\xa8"\xa92\x19op`\xe6iWW_\xf7\xce\xdb\x91\x86Q\x81\xe5\xf5k\x02\xeb$\xa6q\xee\x0e&gt;\x9b\xe9\xee\xeb\xeb\xee\xde\x99y\xfb\xf6\xd9\x88\x11\xa0\xc4\xe2q\x02k`\x8c;[\xb8\xad\x0c\x16\xaa\x02\xacMop\xack\xc3\xb0\xc1\xe5r\xfb\xba\x9e\x1a9\x98\xec\xe4\xc4b\xb1,\xc5b\x02\xe9\x8f#\xad]]c\x1bc]]O\x9f\xce\x8cL\xb0\xd8\xa8\x91\x85\x1a\xc7Y\xac\xfe\xfe&gt;.w\xf6\xb22X W\xc6\x95\xdd\x9f\x98x\xb6;\xf5\xe2\xd9\x04\xcb82\xa9\x0b\xad-\x9d\xc4bKK\x1a\xcd\x0frX}\xf5\xdbS\xc35\x0b\xfcO\x9fv_\xfc8\xc2\xdag\x8f\x1b\x8dFp\xab\x7f\x8c\xcb-P\x8cu] \xb0\xe0\xa8\x8a\xaaT\xda\xec\xa6\xb0\xf10\x17\xd7h4\x1d\x1d\xcd\n\x1c\xc3\xd7^\x81W\x9ae\x8bfQ.\xd7/6\x0b\x96\xe1\xc9\xb2\xd3\xe9\xec\xa8i\xe0\x18\xbd(\x8bE`\xc1R\xe4\xce\xdeP\xbbU\x9f\xe6\xdd\x1b\xc4\t\x1af:\x88V $\xf5\x1d\xc5c1\xa8\x9ce\xd9\xa6\x90\xdb\xd7\x96\xe3KK\x96\xadi8`\xc8\xcc\xcb\x9ae\xd2;\x9fO\xa2\xd0c:\x11\n\xd1""\x0fn\xcd~\xa6v\xb0\xb9(\xba\r\xd0M\xd9(\xaa\x8a\xa4=Cv\xc5\xb4\x05\xfa($=nY\x96\xe9Cv\x19\xd8\x13\x8f\xcb\xfcz\xa9\xec\x07A\xc7\x13+\xff\x89\xd3\x12\xf7u\xd4\xea\xe5p0\xe3\x91\x91\x1f#\xdd\xa2\xf6K\xf8\xf7\x0f\xdc2\x96\xca\x95\x0e\x87Cv}\x8b\xc0\xd9\xb1\xbb\xfd\xe2\xc5\xae@ \xed\xc4\x1d\xfe\x16\x9bM3\xbd\xe6\x97\xd2\x152L\xd4\x0f\x00\xddo\xb7\x17$\xbdr\\\x87\xb7+\xa1A\xc0\xba\x1d\xeb\xeb\xa32[\xc4\xff\x95\xa27\xb3$\x96\nM+\x81\xca\xef\xe7Lt\xed\x14\n\xc5\xfc\x0e\xda o\xc0\x1cv\x18\xbb\xcc2\xbf\xbfv\x01\xe3xg\x1e\x8a\xa5\xe3R!\xc156T\x87\x94\x18\x86\x0b\t\xac\xb1\x8d\x8d&gt;h\x10\x94}\xa1\x84\xbc\xbfKF\xef\x08\xb7\x88\xc6\x15V*q\xb9r@=\xbbR(\x14~}\xf8\xccv\xe9\xda\xf1\xa1!\xdc\xfeF\xa1\xf0\xfb;kt.\xd5\xc7_\xcev\xd4;\xd0&gt;L\xc1\xfa\x06\x984\xe4:#\x8b\xdd\x05\xd1\xe2\xc2\t\x96*\xbb\x90\x8b_x\x13\x7f\xbf\xfe\xd5M\xb6\xf94`)E\x06\xb7\x01\xdd\x0f\x06\xb3\xe8\x8b)\xdef\x046\x99\xc0\xdcK\x87_o\xb7c\x9c:e5\xbd\xbaAW\xbf\xbd=,\x1c0d\x89\xc1\x0cS\xc2\x0c1\xd6\xc75\xa8\x8bW\xd7\xc9=\x84\x9a\xe6\xf0\x97\xc9@\xa6\xf5\xf3\x19\xcc5$V:-\xf6\xaa\x84X\xf5\x13+]1j]h\x17\xf2x\x01\x12\xcb\x0e\x87k\x0c\xe74vV\xf7&gt;1\xff\xe0\xcb9{\xdb\xeby\xbcz\xa5N\x17\x16\xa1\xad\x90x\x83\xba\xf4yf\xfc3%_E \xeb\x7f\xf3\n9\x91l\xf0\x8b[\xe9\xb0P$\xc41}\xb3\x13\x8e\x87R\x0c\xda\xa70\xe0\xf1x^\xbe|\xe3\xb0;\x86p\x1c\x1f\xfe\x07\xad\xe6\xf3\x92\xd8\xfe\xc6\xf1A7n\x14\x84\x11\xf1\x08\x89`\x92?:\x89\x1e\xed\x8cb]-\xb1\xc4\xd3)\'\x0cIm\xf4(\x13\xfeH\n5\xcc\xe26\xe8P.*\x17C\x16\xea\xcc\xa6Z\x0c]ZE4\x10\xe3\xa6l\xe4\xfa-f\xf1\xa5\xc5\xed\xa2q7\xfd\xd8\xc4\xdd\\j\xf3}\x8e\xdf\xfb\'\xd8#*"\xe8\x8b\xf7\xf39\xcf\xe7y?\xe7\xa3\n\x85\xb0\x98W\x1e\x94\x1b9f\xbb@8*4(\x00\x0b\xb6\x85\x91\xe9_\xde\xce\xe5\xc6\xaa\xedX^\xac\xc5\xba\xed\x0b\x82d\x97+\xb4ZP\x1e\x14`{\xcc\x18\x81\xc3\x03\x835\x15\xca\xa6"\xa5H\x98\xc6\xa2\xa7Hf,\x89\xe9tf\xb3\xae\x1fEQ-*C\xb8\xd6Q\x01`\xc1\xda\x02\xae\x8ar\xd4\xc6k\x0fVO=\x95\xcabX\xc662b\xe2\xf7)\xc5J\x05\xe4\x89\xa3\xf1\x0e\x0cH\xc1\x7f%\xa9\x0c-V\xb8\xb8W,\xd2\\\x98\x16\xdc\xa2\xa6\x15R\r\xce`\x8b\xdc\x02\x81]\xdc\xdd\xc2\x1a\x9cS \xa3\xb9\xa1F\x9b\xb0H\x92\xa4BX\xe6\x13`I\x944\x15\x03J\xf9\xec\xec&lt;\xf8B\xb5ZM\xb5\xc6\x814\x16\tX\x01&lt;\x18\x9f\xbf-\x83;+Cx5\x1c\xb7{h\xc8\xdaM\'qI\x99\xed0\xdb\xc9\xb5+V\x9b\xb0\xb2I\xb9\x0e\xc3lK&amp;~\xb7r\xdb\x8e0\xe5\x80\xe4\x8d\xc5@,\xb5\x0c\xf9W\xac\x85\xbdb8L\x06\xc2a\x0e\n\xa6\xe3\xdf\xf0{Q\x19p\t\\\x92.\xcb[\xbe]%\xf4a\x996a-B\x12\xf1s\x07\x85u/\rJh\'\xa6\x93z\xbc\xb49\x84\xa0\xb0P\xaeD\x8fN\xf7\x16&gt;\'\x80+\x10\x08\x84I\xa2\xe5\xd0\xc0\x0c\xc13\xcd\x10\x81+\x13py|\xcb[g\xc8\xee&gt;\xf7\x19\xda\x85\xd5L\x85\xa5\xc1(\x15\x12\xd3X\n\x85\x1d\xe3\xe0i\xfaoi.\x82j\xcdN\x81\xea\xf0\xf3\xe7\x05\xc8!EE5\xfe\x85\x04x\x8e\x04\xfdR\x88\x99\x05\xd6!\x81\xde\xc9\xb7\x0c\xba\xec\x06\xdd\xc1\x96\xdd\xdd\xae$f\x03~\x7f,\x94Q\x0c\xb6\xb0\x0c\xaa~\xd4Sn\xf9\xafr\xa1\xd3\x98\x81\xeb\xb0\xb8\xf7\xf9\xf0\xf0\xe8\xf0s4\x10\x89\xa40\xf9&lt;|\x076\x08^f\xd7\x875*.\xd7\xce\x1d\xef\xea5\xe9\xb9\x06u\x1c\xb0\x1a\xed\xc0z\xddS5\xc7\xfc\xd1\xf0\x97\x94\x98\xc6\xda\xde60\xe4\xf1\xf8\xfa\xfc\xec\xbb\xa3\xc3BZ\x13*\x95J \xd6\xe1\xd1\xd1\xd1\xcez9\x1a\x86uF\xaa\xbd-\xac\xa3\xd9#\xe8\xa5\x83\x1c\xa1\xde\xc0u\x02\xd6\xa4\xab\x94\xec\x94\x13+\x97m\xd9\x16{\x1a\xbb\x9e\xf4^$B*LK\x12eN\x99Q\x07\xe3\xf9\xfc\xce\x87\x9d\xc3D\x14\xc7\xc8"T\xach\xe2\xf1q\xe7\xf1\xf1q\xbdL\xaf\xf6h\xda\xe3-\x94\x01\x94\xee\xf0\x0f\xf2\x1a\x8c\xab\xe0\x8e[z\x07\xad\x82Rd\xcf\xefYk\x0f\xd6\xab\xab`\xb4X\x0c/\x10\xf6\xae\xa5&gt;[\xf7v&amp;\xed\x9f\xa7\xcd\x0eP\x11\xead:\x91\xa0g";\x80u\xff\xae&lt;Kw\x86\xb3\x05\xcd\x80\xa6@c}\x00w;\xec\xc5\x04b\xc5\xb8\xe5W\xd3PG(\x1c\xd8\xd3\xc8\xaam\xc2\xd2\x82 \x0b\xc3j\x8c\xbf$\x01,2\x1a+\x83\xff:JD\xa1\x15\xc5\x13~\xbf?\x9d\x8c~&gt;\x02\xb0C?=\xd3B\xa4~M\xa74\xe6/\x1f\xed\xe4\xd7\x87\xe5^?f\x10\x8b]\x96_,\x1d\xa2\xadd\xa0\x18`V\xdb3M\xba\xda*\x16\xd3\xe5a\r\xde5\x02j\xe5\xc2\x81\x85\xc2\xfc\xce\xbb\xc3\x04\x81\xe3\x1a\r\x96\x9b{o\x9bS\xa6\x0f!e^\xc3\x12_`X\xce:\xe4r\xb9G\x9a.\x1cAG\r\xd5\x8dR\x88\x95N\xc0b\x8b\xe2\x1a*P\xe4\xb4\x07\x8bu\xbc\x15\x89\xec\x95\xcb1\x8ds\x84\xff\xde\x96\x8b\x14\xa3\xfe\xf2\xfal\x81\xc2\xfb\xd51\xa9T\x95KQ\xe6\x0c\xe5\x87\xaa\x8f\x93Dp&gt;\x81k\xe3A:\xb4\x99\x85\xd9a\rA%3\ng7\xcf\xf4\xeb\x94H]\x8e\xc1\xa5\x1ajS\x12\x8f\x7f\x8b,\x97\x8a\t\xbftl\xe4\x13=t\x0b\xef%\xca\xf3e\x8a\x8ai\xe8\xa1\xb7\x14OFc\x0e\x1c#\xd4LB\xed\xf1x\xbd\x9e\xa0\x07\xf5\xc8=\x1e9JR\xf3\x9dX\x96\xcc\x88\x9d\xdd\x12\xc0\x9a\x91\xc62\xf0K\xf66-\xf9\xc5&amp;\'\\\x8a\x94R\xea\xc9\x91Os\xe0^S\x01\x90+I\xc6\xe8\x04\xc5\xf04\xce\xc1\xd5(\xaa\x0e\x19\x84"\xadv\x17\xdd5\x1a\x1dL\xa6\xc3\xe1\xd0x&lt;)\xcaK\xa4\xb2\x19\x17\x8f\xc6\x9a\x10)\xbe\xe4\xc4\xb9\xcc\xee\x8f\xb64\xa8,Vc\x17A\xa8\xd2r\xc8\xda\xc2Z.\x91\xd1\x82?K\xf8c8A\x10\xd0\xc5 l&amp;*\xf7\xc6\x92\xf8\x00`\xc9d3L\xe8Nu\x1c&amp;\xb3_\xae+\xe1\x9a\x94=\xe4\x94Hx\xa67_;\x94B\xa3\x9b\xcd~hS{\xfaj\xe3A\xc5\xee\x94f2\xdc\xb7\x9f\xe8\x9b\x05\xa5p\xb4@e\x19\x0c\x0c\xa32\xd0\xf1\xe9T\x88H\x1d\xa3\x0b\x96_\xdd\xef\xf3\xf9d3\x0c\x9dN\xa5b0\xd8L\xc7\xb6\xd9\x9b\xb5\xab\x9c\xb4M|3!T\x19\xb5k\x1dH\xbdM&amp;\x03\xe4\xfa\x93\xd9\x19\xa3(\x05\xf8\xea\xb9\xf7s_"\xe9\xd8vHhW\x19B\x99\x0cF0\x18\x1c\x06\x91N\xa7[;7\xc7\x88\xa2F5\xc8\xa8c\x88\xd8\xee\x19\x81j k\x10\xf2&amp;x]\x96\xd51\xe1\xa8\x8e\xe1^\xf9m\xa3m\xd6\xa7\xa7\xfe\xa7\x06zQ\x83\xa9\x85\xb5\x1cI$sv\x83\xcaL\x1b3\\\xe3\x91\x07=\xb7^\xbf\x1f\x1a,\xbf\'\x0e\x114B\x07\xa8\xee\x17\xb1\x11\xb7U5`\xb0\x0bx\x13\x13&lt;S\xaf\x15Y\x99qw|\xbb\xeci\xe3D\xf7\x81P\x13D\xc84\xc8\x9f\xeb\xeb[N\x15\xcc6\x83P\x87%!\x08\xdc\x11??\xaf\xdd\xe6o\x7f\xfe\xac\xe5\xf3\x07\xe7\x07q\x94\xa3\xd3a\x84\x88\x81\xb0\x91\xd1\xd0\x80@Hcu\x99VGE\xa333k\xf5v\xde0\xe8\xb9\xda%\x08&amp;\xd25\xc8\x07_\xbd\x9c\xf2\x9a\x95*!\xa8E\xa6R\xe4\xcd\x8d#\x1e\xbf\xad\xd5~B\xd4j\xb7[\xbb\x9c\x9b\x1b\xfb\xb6\xcd&amp;\xe6r\x05k\x08\x86\x1a\x84\xdc\x89\xc91\x9ee\xca\xed\x03\xaa\x87\xb6\x9eOb-V\xb7t"\xa1\xc9\x04X\x92\xb9\\\x99#F\xecb\xe5\x97e\x9b\xd8\x00\\ww\x0eZ\xab\xd3\xd3\xdb[\xff\xdd\xcd\xdd\xcdM\xa6\xb4_\xd9\xff$\xe1\xb2UL\x94+\xd0\x8fMN\x8eY\xbe\xaf\xb0\x81\xea\xeaU{oF-6\x1e\xbe}\xfb\x06\xcd\xbc\xc4\xd9g\xf3v\x8a\x91I\xfe~\xa5R\x89\x90\x00uvV;\xc8\x9f\x9eB\x0e\xf3\xf9\x1a\xbc\xd5nc\xa5\xca\xfe\xbe~e\x14\xd1\xf6+\x04\xfa\xc9\x8f\x93\x13\xbd\xbf\xd7\x1f\x1e\xea\xc7=\xaf\xda\x1b\xac\x9e\x8d\xe3\xe3\xcd)\xc9\xb8\xcb\xd5m\xc3\x87\x85\xc8\x90\xb3R\x99\xb6\xc5n\x0fj\xa7\x8f\xf7O\x97\xd5\xfb\xfb\xe7j\xfd\xf9\xe9\xf9\xfe\xbez\xbf\xb3\xd31]\xe9\x13\x89:8rD \xd0[\x87\xac\xe3\xab\xd7\x8b\x1b\x1b/r"\x8f\xf5\xea\xe2\xbbD\xaf\xd7;%\xa1wL\x15\x82\xccU\xa6\xad\x07\x1f\xea\xc0\xf1T\xbd\xbazzn\\5\x9e\x9f\x1a\xf5\xe7\x8b\xfb\xfb\xbcuz\xb9\xc3\xc8d\xa3\x1e\x81\xd5:9d\x9d\xe4\xadn\xf6\xbc\xd0i)\x16\xeb\xf8\x1bO\xaf\xe7\xba\x9c9\xef\xb0\xce\xe8\xb0W\xa6\xbf7\x9b\xf5j\xfd\xa4\x0eX\x8d\xa7F\xe3\xaaZ\xbd\xa8VO\xea\xf5\x87\xa9\xfd\x8c\x11\xf5\x89&lt;\x1c\xae\x80KcM\xfc\xb3\xf9bg\x7f^o\xfc\xd5\xe5rq\xc5\xaenlXf4\xf6g\xf6\xbf\xfe~\xbd\xb9\xb9yry\xf1\xe3\xaaq\tX\'\x97\'\xf0\xf9\x8f\xe6\x16I\xa1\x1e\xad\xcf\xa7Uq\x87\xac\x90\xc3\xc9\xa9\x7f^\xf2HRs\xca\xe9\xa2o\xa8n{\xe52\xd4\xa1&amp;\xb33\xbf=4\x9b\xd7\xcd\x8b\x1f\'\'\xd5j\xf5r\xf3\xbay\x9e\x8f;p\x92t\xa0Z\xc0\x92\t\x80\n\xd28\xde\xfb\x9f\x1f/v\xe0\xed5k\xf3k\x97S\xccu\xe9\xbb\xb1\xa0\xcfhTc\xa9\xf0\r\\\x87\xb7\x8e\xf3\xfb\xe6\xf5u\xb3y~P\xfbyvvwC\x92\x0c\x87Q\xab\x95\xf9\xdc\xd6!\xbd\xde\xca\x1d\x9bX\xfd\xef\xcba\xb1X\x17\xdf\xbb\x9cJ\xb1X\xafT\xd0\xe3Q5AA9\xdd\xbb;\x83JzZ\xabA\xe1:\x05*\xc0\xba\xe1\xa0FT\xeb\x93\xc9V&gt;Z\xb9\xa0\xee\xf8\xd4\xea\xdf\xc7/w:\x90\xb5\xf1\xb7I"\x11s\xc5b\xf1\xa8L&amp;\x83\xfd\x88"I\xa0\xdayl!\xfd\x84R\x01r\xdd\xb5N\x8exP\x99l\x8d\xc6\xb2\xea\x9d&lt;\xcb\x9b\x17\xc5\xea\xf9\xab\x97\xdf\xd7M\xebeuC_\xc5!\x88$\x15\xbd;;\xdd9\xfd\x7f\xc0\xee\x13\xd7\x02\x11\x8a\xcaA,\x9f{\xe5#\x14\x14=\xcfbyY\xb5X\x7f\xfc\x8f\x97\xf3\x0bi+\xcf\xe2xI\xc6\xc5u&amp;\x99\x8d$\xe4\xcf\xd5$\xd2ToL\xd5T\x9d\xc4\xe8j\x12\x9b\xab\xd1Z67\xb1\xa6\x92\xb4\x99\xb24\x0f}\xc80C\x99\n\xebD\xd8m\xd6\xac\xc1\x16\xcd8\xc3\x16\x16\xd2\xf8\xa2\x0e\x84X|\xb0\xae\xa3T\xa5\xb0\xb4\xb0\x15\x85\xb2\n\x95\xc5\xa1\xf6a\xb5\xa5\xa5\xb2\x85\xb6\xec\xf7\xdcX\x18Xv\x99\xd95s4\x8a\xf1\xc1\x0f\xdfs~\xe7w\xce\xfd\x9d\x9fq\xa7\xb2\xa5\x93\xb8\xdcA\x9d\xb8V*\x95\xd6\xd6\x95\x9f\x87\xe7\xee\x92\xfb\xee\xde\xfd\xfa"*\x88\xcaj{ueN\xac\x00O\x87\x89V\x9bu\xeez&gt;\xb1\xbe\x9a\xf2\xd1s\xdd\xde\x9e\xdeX0\xa2\xab\x95\x8a\xa4\xde\xea\xca\xcacu\x9f44\xfc\xe6\xf3\x86\xda\xf2J`A/x\xd1\x181\x06A\xc5wS\xf5`\x8b\xcf\xe5Q\xad#5\x0f\x80\x85\x8d\xb1J\xa1\xe0\xb5\x11\t\n\xc0\x06\xef\xb9\x8b\x17++\xe9\x84\x9a\xecb\x07\x15\\\xe7\xaa\x9b\xed\xe2\x08\xc4\xe2\xa9\x02TZm\xc0\xca\xabZ\xdf.\xfa|.a@\xd1\xdf\xae\x95XD\x10\x08X\x1d\x1d\xd7\xaeu\\\xb9r\xe5\xd3+\x1d\x1d\x97?&amp;/\x8a\xc5\x11\x04\x16\x0f(\x05Q\xd9\xe2\xdf\xe5\x13\xeb\xc8_\x1f\xfa\x06\xbe\x10\xb8B\xfe\x80Vc9][~\xb2\xb2\xe3\xda\xc7\x04\xf5\'\xf4\xfa\xd4\xec_\xae&lt;\xe7\x15i\x821w\xc0\xcf\x86X\x96\xa8B\xa1\xbcb\x15\xde~hu\xf8\\\xae/\x95N\xa7\x93\x0f\x98\xebOK\xebNV^\xa3\x93\'\xb4\xaf\x9f\n\x8f .wT\x96\x9f\x16i\xdd\xee\x98?\xc4\xb1,\xf7\x93`\xbdP\xda\x04.\xd4\xcf|\x8c\x9e8C.x\xef\xc0\x80\xd5\xd1q\xee\xfc\'\xf5\xf5L{;\xef\xe7\x9c\x1c\xe7\xb4\x0e88\x7f\x9e\xb1\x86\xe6X\xce\x81\xf0r\xb9\x9c\x1c\xcb\xcb\x9a\xa0W\x1d\x1ai\x02\x83bW\x10\xf3\x954\xfcV\xdf%\x0b\xf0\xfe\x90\x93s:\xad6\x87-\xf4\x13`\xb1\xbe\x81\x01\x9f\xef\x0b\x97\xd3\xe5l4\xfd\xeeR}C]m\xad\xbd\xfa\\9\x9a\x9f:o5\xba\xe9\xba\x86\xcf/5\xf5\xc0\x83\x9c\x15Z\xc1\x85V\x7f7;\x97\xd7t\xda?g`\x9d\x8e\x92\x01\x9f\xcb\x8a\x0fe\xd9\xd5_\xfd\x1a\x9du}\xbdT,m\xa0\xae\xdfko\x90\xda5]\xb2F\x03\x1b\x02\x95\xd5J\xc7\xe9\\w7\xfb"\xcfX,\xab\xb4\x95\x94\xc0\x8f&gt;\xab\xcb\xd5\xf2\xc7\xabW/\xd5_j\xad\x17\x89t"\x80y\xab\x8d:\xe3\xb0\xb6\x9d\xe7C\\\xdcj\x8b\x13\x96\xcd\xca"\xa5&gt;\xcc_\x05\x91S\xcb\xa0\xb4\x92\\0\xa4\nl\x90M\x8c\xd9b\x14\x93!\xe3W_x\xf4(8&lt;8\x05\xa9\x80%P\xd98\x16I5\xffX\x06%E\x97\x00\xe6s\x1a\x14\xbcZ\xa2\x1d6\x8at:\x9d\xd8\xeb\xb5\x1b\x1f\xc5\x06\x07\x17\x17Cqk\x9c\xb4\x12\xc4R(\xba\x15\x8b\xf9\xabN\x85\x907\xb4\xb4\x18hv`\xc0\xe1\x18\x00\x9d\xd3\xcf\xc7\x82\xc1\xa0D\x14\xd4\xe8\x8c\xe8u\x06\x07c\x8bSS\x8bS\xf1x\xdcF\xe6\x00\x15=\x1a\x99z\x90g,C\xa7\xa1\xc55 \xccf\xe0e\xa5\xe1\x90\xd8\xa0V\x17\x0c\x0e\x07\xdd\x1ew\xcc\x1d\x9b\x82\tL4&lt;b\xe5\x14\xdd\xdd=\n6\xf4U\x9e\xb1:;;\rt\x96\n,\x07&gt;\xe3!?\xc0\xdcdZu{\x80\x0f\xf0S!R\xca\x01(x\x90\x0b\x81\xaa\xa7[\x11\xfa{\x7f^\xb1h(\xa9\xca\xe0\xb4\x12WII\xb8$\x1e\xe7\xe2\x1c\x17\x82\xf9y?\x8b\xbcN\x11E\xc89\xadB~4\xbc\xf0"w?\x9fX\xd7_\xb4Tu\x1e\'.\x9f\xc3\x11n\x0b\x87\xdf\x89\xe6\x10H\x06\x10r\xf0m8\xf7\xfe\x01\x15\x8d\x95)\xb8\x7f\x0c\xe5\x11\xeb\xf6\xc3\x96\xce\xce\xe3\xc7{z\x94.\x9f\xcd\xd1\x06\xae\xb0\xf0%\x9c#\t\x97\x1c\xbc\xf1g\xa2\x8a\x83\x8a\xe7\x1be2\x9a\x83\xf8n(\xaf\x15D\x0b\xcd,\x965\xf6\xd0,\xcf@I[[___[\x0e\x0fT@\x12\x8c\x18\x05\xad@EX=\n\xe5\xdc\xf5&lt;b\xfd\x85\xb0\xd0c\x98\xa8D\xa7\x91,\xc2"\xb2[}m\x02\x93\xf0C[X\x18\xa1\n\xf1| \xd0.3\x95\xd1\xd0\xe2\xc3\xdbym\x14\xe1Dx\xb1\xac\x0c=)\xeb\xb4\x12\x17\xa1\x8c\x8e\x8e\xe2K\xdf\xd9\xb3\x07T\x88\xab\x90\xdf\x0f(5\xfaD\x93\t\x19b\xea\xdb&lt;b=XD\x82\xa8\xfaCY\x99I\x86\x16^\x18\x7f"\xaa\xb3\xa3t\xf9G\xb8\x8e$P\xc1\x81\x9c\x9f\x0f\xa0\xcfW\xabi\x98\xbf\x97\x12W\x1e\xb1\xbe\x9a2t"\xb6L\xa6&amp;\xfas|7\xabT\xfaJ\xc2}}\xefni\xd1\xd5(H\xc5Q\xba\x08\xb4\xc7\x88\xea\x00\x8b\xbb_\x93\xa7{\x9dr\xf9\xd6}\x7fKgU\x19\xa8\xba\x18FMz)PQ\xb8J\x10V}9\xffa\x13G\x16\xf3\xc3\x80\xa5V3\x0c]}\x90\xc1\x89\xdc\x8b\xd9\xa1\xbcp\x15\x16n\xed&lt;\x11\x9aWPu1f\xfc\xc1\xc6^\xca\xe0\x90\x8cj{\'\xbe\xb1l\x8e\x88\xe7\x89\x8aa&lt;\x1e\x06ra%\xb2l|mz\xab0\x1fwW\x86\xa6\xd7\xde\x00\x8b\x16"\xa8Z-\xe6.SYoo7\xef\xe7\xbby!?\xc9djw,\x16 \xe3\xf9v\xb5\xdbc\xd6j\x19\xf7\x01V\xe8\xd6\xc6\xd2\xe1sA\xab\xe5\xed\xb7\xb6\x03\xac&amp;PYZs\\\xc8\x02\x81X\xcc\xedf\xc8c\x1e\x8f{\x90\xd0\x1aej\x86\x06\xe6\xb59Q!i(\xfcv~\xe9\xe6\xe1n\xd8\xf2\xc2\x9a\x89\xdd\xed\xf9\xb7\xd4\xe9W\x1d7]mj\xb5\x88\x88K\x8d\xa4\xd4(P\xc1]\x1e3\xe3\xf6\x04\x07a1Z\x82\x8cY#\x91H\xb4\x07X\x8a\x90c\xf4\xd5\xf6\xca\xeca\xde\x9f$\xaa\x99\xf9\xf1W\xb7\x08\x8b\x16bW\xabE*\x92\xc2\x8dM\xc0\x92\xb5\x0f\x06\x07=\x1e\xb3Y\xeb1\x07\xc9\xb4n\xa2\xf2ht\xba\x88D\xebAp5B-\xd6:\xbaQT\xf4r\xf6\xf0n\xa6\x17\xca\xfb\x933\xe3G\x81\xf5\xa5\x80\x85\xd82[\xa40pQD\xb5\xbb\xb5A\x8f\xb9\xd5\xac\xd1h$\xc3\x10\x88P\xd4\x8cD\'\x16\xebt\x120\xd2\xa6\x88F\xb6m\xa3\xe8D\xd1\xcb\xd4PM\xcd\xe1\x1c(\x16\xd6$_\xee\xcf\xcf\x7f\x0f\xab\xc9\xac\x11\xd9\xedbi+\xd3d2\x81\x01.4\xb7\xb6\xc2\xb3p\x9b$\xa8\xf5\xb8\xd5\x8cFCX\x11\x01KPK\x19\x06\xd6\xf8\xfe\xcb\xcc\xf3\x9aC\x18\xc5\xc3\n\xcc\xbc\xdeK&lt;;:&gt;~\xf4\xcdg-\x86\x1c\x16\xa3\xd1\xd9\xbd\xcd^\x11\xc9eB&amp;\x00T\xbdE0\r\xb0\xb4\xa0\xd4XtF\xb4\x1e:`5\xf2\x94\xe0\x94o\x8e\x16\x9dP=\x1b\xbb\xb7\xb7;\xf9\x7fzR./\xec\x9f\\\xcf\xeem\x8f\x11\x96\xfe\xedg9\xb1\xe0\xc4V\xa9\xd1\xd8\xdc,\xd60\x94\xc8\x05\xac\xd6z\x80\x9d\x16\x89$\x1a`i5"1QE\x82\x1e`\xd1@\xacB\xf9VU\xf4\xfe\xf8\x89\xb1\xfd\xb5\xbd\xbd\x9d\x91\xa1\xff\xfd\x9e\x01\xa0\n\x9fgvw\xd2\xab\xdb\x82Z\xaa\rW\xd5\x01\x16\xd3*\x12\xdb\xab\x9b\xc5XiH\xac\x08w@\x01KDT\x1apI"b\xb1]Lby\xd4\x01`\x81\xcb\xbaQTPDX\xd9\xf4\xea\xde\xde\xea\xe4V\x8d\\\xfe\xe3\xd9\xe4\x85\xf8\xdc\xca\xac\xaf\xa7\xd2Ow\tK\xaf\x1f\xd7\xbf\xa9\xea-\x83\xd1\x1c\x9eETk\xf7\xda\xc5:@\x98\xb5\x1a\xe8\x04k\x10N75A\xc9p\x04\xfd\x19\xd4\xd2i V\x00N\x84\x1b\xdf\xe8\x0b\n\n\xf4\'\x12w\xb2\x99\xd9\xf4\xfa\xdefv9\xda//\x94\xff\xb8\x1dI\xf8\x87+\x99lv5\x9d\xc9.\xac\x15%\xf6\x8f\x16\xeb\xf5\xaaW!0\xd1\x9e\xa86[\xe8\xf6\x91\xdd(\x96\x08\xa6\xa3\xa7\xa8\xb5\xb5uv\xfc,\x8eDt9*\x11\xf2\x03|H\x16\xe06&gt;\xac\xa8\xa8\x98\x7f\x96Hlnf3\xc9\xcc\xfa\xde\xda\xe6n\ny_\xfe\x83\xff\xbf\x0c\xc4\xad\xe9\x8fNg\xb3;\xa9\xe4\xf4\x82J\xff\xdb\xa3\x89S\xf3\xc5\xfab\xfd\x99\xc7e2\x13R\x02\xb6j-\xb8t\xe4&amp;\x0b\xc5vs\xb5\xb7\xbc\xbc\xfc\x98\xd7\xee\xbdp\xe1\xa3\x0b\xa4\x15\xfd\nJ\xd2P\x99\x0c%\x0e\xff\xf8\xc3\x02\x95J5\x7fgl\x7f\xa3X\xb50\x9d\x9cM\xad\xbe\xde\xdc\\\x99\x9e\xdd\xaa\xf9\xa1\x92\xc9\xfb\x9f\xa7\xd6W^\xaf\xa6\xd3\xc9\xa5\x1b\xaa\xcd\xd7;\xd9\xdf\'\x8a\x08\xab\xa2\xf4\tJ\x1auS.\xc8I/D\x93E$nn&gt;v\xec\xe4\xb1\xf3\'\xab?\x12\xceT\x90\xaeDh\xfe\xe1O\xec\x89t\xea\xe3v\xffs\xfe\x84\xaaT\xa5\xafH\x8c\xdd{\x9d\xdd\xd6ogS\xc9d\xfa\x1d\xd9s\xf4\x1f\xff\x15LN\x19}kd9\xbb\xb7\xfbtr2\x99\x9a\xb9\xb1\xb9\x9b\x9e\x98H\xdd;uG_\\\\\xac\xff`~\n5\r\x83\x97\x19aN!.&lt;\x15A\x94A\xac:\xbc\x9a\x8d\x14R\xf0\xaa\x98\x82\x1fk\x92:\xc8A\xcf\xd4\xab\x9f\x15\xa8JK\xf5\xfbc\xbf\\\x1a\x89&gt;\xdd\x1b\xfffa\x1d`\xc9hz5Kd\xc9\xe7\xfd\x14\xff\xf2\xff\xe8\xbd\xfe\x89\xcc\x12\xbc\x97\x1e\x99Lg\x96\x16JW\x9e\xde\x1c\x89\x8eD\x97\xee$\xde\x03V\xb1\xea\x17k2\x00\x99\x19F\x8b\x15w \x17\xf2\xbd\xddNN,/\x17V\x1f\xc2^\x022!S\xd0~\x1d\x0c\xc6\x1e\xff\xfc\x83\nPU$\x12\xfb\xcb\xc9\xe8\xc4\xe4\xeaJ\xa9~aiy6\x19\x8dFS;\xd9\xbd\x85\x99\xe5$\x96&amp;"\xed\xdf\x16\'R\x9c\xbc\x7f\x96"*\x93\x1e\x19\x99\x9d^Y\xf8f{==92\x92\x9a^Z\xd9?\x95(\x15\xe4z\xef\t#\x14\x06\x9a\x03,\xa9 Xm\x0e\x0bTR\xd2J0\rU\x10\xb4]\x0f\x07\x9f\xbcOb\xe9\xf5w\xc6\x12\xf7Vf\x96\xa3\x13\xd1\xf4\xcef\xf1\x99\x1b+\xd3\x19\x02K\xa6\xa0\xd9\xc2\xcct\xea&amp;%\x8d#\xdf\xcf\xb5\xb4\xc7l\xa5v\x89\x89H\x96\xfev\xe3\xcc\xbf\x988\x9f\xd0\xb6\xb5,\x8c\x9b\xe6^1\xfa\x93^!\x83\x10o\xd0TH$"^dF)\x1efa\x93\x85W\xc1&lt;\x18\x02\xda\x88\x97E\x16]h\x13\x04\x1e\xe8\xce\x0bC]\xa8\x9d\x85\t\x86\xa2U\x1cS\x9a`0/\xd8\x8b,BJ\xfel\x06\xafJ\x02%)\xcc\xa6\x90\x97M\xa7\xa5C\'oVo\xbe#\xbb\xe5\x1d\x1c%X\xf2\xd5\xef~\xe7;\xe7\xdeVi\x9d\x7f#\x91\x9d\xa3\xb3\x93t`\x07\xf9\xd6)\xc9e\xcb\xfe\xaf\x7f\xf9\xd3\xfc_\xa7T\xf4\xbb\x19\xd3C\xf6&lt;cq\xf5!Jr~\xfe\xd1\x0c\x8b\xd6\xc8G[\xdb\xdb\xbf\xf6u\x15b\x19Z\xb7\xf5_\xc7\xf6\xd3\x8b\xe1&gt;P&gt;\xbe\xb7Glr\r\x9az\x1d\xa9\xf9\x05d\xd7g\xc3\xfd\x17\xbf{L\x0bG\xbd\xe8\x0c\x7f\xf9\xf8v\xef\xe0\xa0~t&gt;\x9e\xb0d\xf0\x1eR\x1d\xa0\x12\x85\x10\n\xb7\xf5Rw\x9aF\xe9\xf8\r\x96\xbb\x87S"z\xbc\xf2p\x96\xc9\x95\xd5U\xfc\xfc\x80\xa0\x1e \x8f\xc4\xb6\xbd\xb5\xb5\xb5\xb4\xf4\xe6\xb8)\x8bL\xacV\x8b;&gt;\xe7\x83\x0fg;\xfb;\xc8\xde\xc5\x07\x1e\x86\xe9\xe4\x82\xd2\xb9s\x04\xb2\x93\x13\xc2\xec}\x7f\xc8\xf4\xe2\xe0\xd3\xdbO\xbb\x07\x9d\x83\x9d\xf3\xb3k)\x19\xa5\'W\xb0W}x\x11\nU\x15\x8ab\xa9\x18\xd3\xa24\xfa\xb5\xcbgs[\xf4\xbb=\x04\x04\xb7\xaf\xac\xcc\xcd=\xf8\xf1\xc1\xdff\xda\xcd?x\x88\xb6\x05\xc9\xf0\xb5\xb5\xb4\xb5\xb4\xf9\xfc2\x96\xb4\xd0\xb7\x1c\xd6jU-\xcb\xe7\x8a\xe2\x0f\xae\xcf\x91\xbcN}xu\xf1\xbeo\rF\xe9\xf5\xe1\xf0h\xe7\x80\xb2y\r\xb4\xa9\xcf\xff\xfc\xe2\x9f{\xbb\xf0S\xe7hx\xf8U\x1e%\xe9\xc9\xcfo\x0f`\xf5\x9d\xc3t\x14\xa8*^\x82\x0fNO\xbb\xa7\x98\xb1\xe1(\xf1\xe5\xf3\xb9\xa5\xd52\xc4Y\x99[]__y\\^%\x9e\x1f\xa7\xd9\xcc\xfef\xf0\x11d\xda\xa2\x96\xba\xb9\xf9\xfcV\xd7\x99\x08\x07\x96UmU%\xdb\',\x85\x0f\xd2\xf1\xb0^\xdf\xdf\xef\xd5w\xdf^\xfd|\xfda4\x9a\x8c\x89\xac^\xdf\xfbtuA-\xe1\x0f/:{\xf0\x13rw\xf6\xf5\xf3h\xf0\xe1\xe2\xea\xd3^\xa7\xb7\xdf\xeb\x9c_\x87"P\x15\xc2R\xd5P\xafV\xbb\x12\xa5\xc2b\xfa\xe5Oe,\xd4\x00[EcXx\xbc\xb8\x92e\x92\xc4\x03\xe7\x1c\x98\x97\xcah_s\x84\xb5}\xcbbMp\xa8\xa5w[\xa7$V\x86\xc5\x950\x1d\x1f\x1eu\xf6\x11\xb85P\xd2Q2\xf9zv\x9e\x19\x8d\xfe\xb3\x95\x1e\xa0\x90\xba\xf1$\x1d\x91L{ti\xefKo8N\xf1a\x15c\x00\x8a2y\xda\xea\xb6xhY\xb6\xcf\xe4\xdb\x1f\xe6\xca\xc5\xe5ry\xbd\x0c,\xbcH9\xe4\x12}\xa2\xbc\xb8\xbe^~5m\xabKKEP\xe9\x0cbs! V`\x853,\x1aUK\'D\x86{\xa1\x02\xb0\xf2\x9e\x84 \x83\xb7\x86\x079\xf4\xce\x83\x83\xdd\xc3\xafi\x9a\x92L\x07\xfb=\xe8\xd4\xeb\xed\x9c\x8fS8\xdd\x07\x16\xe7@\x12\x9a\xc6\x93V\xb7+\x85\xc2\xc7\x84e\xedn\xbe\\^.\xaf\x96\xcb\x00\xa8T\x16\x16\x1f\xa3\x0e\x81\xb8^^\x06m\x91\xe2\x15\xa4*\xfft\xa7!\x83\\(\x9a\xaa\xb7Z\x92\xcd)\x14e:\xd7\x80\x87\x83\x14\x1e?;\x1f\x1e\xcd\xda\xc4I\n[O\xc69x|x6IO.\xae S\x8f\xe2\xcb&gt;U\xa2\x9ch\x81\xc2}\x8e\x89\xfa\x02X\xbe3h\xb7[\xdd\xaa\xa07\xb8\xaa\x8b\xbb\xed"\xb4*\xaf.T\n\xe0\xdaX\xa0\x80l\xb4\xfc\x80\x0c\x87M\xf2\xd5\x9d\x88\x19R\xa8\x062;\xed\x06\x8d\xc8\xa0B$.A\xc6P\xb8\xe5\x8b\xd1`0 \xd9v\xa9\x83\xed\xbd\xfdx\xfd!Mr\xbb\xe7\xe3\xcf\xe9\xc9\xc7\xdd\xce\x97/\xc4\xb4_\xdf=\x1cO\x92v[\n\x02\xa6N\xb1,!B\'r\xe2\xda\xc8\x85\\*\xddFhqx7_$w=^\\\xa8T\n\x15\xa0-\x12\xd9Fqc\xa3\xb2\xb1\\Y^\xde\xcc\xa8\x9aR\x00ad]\x92ZU{`\x1b\x91\xd7\xf7\x852\xe3\xc2\xbc}\x14y\xdfV\xc4HL\xc6\xe7GT\x04;d\xf9\xeb\xa9\x9d\x90\xdf^\xe7\xe8\xfcp|\xfd9I\xda\x92$1\xa4^\xc3d\x14\x95[\xe8-\x86\x9f7kqR\xed\x9e\n\xa6itN\xf7\xef~X\x80\xed\xcb\x0b\x19N\x05\x99\xcc\xbe-,C;\xca\xe1\xab\xf2\xb3[\xb5)1Ea\xb2\xae\xeb\xcdV\x1c\xbbnSu\xa2\xc8\xe1\x84\x84\x97\x82\x91\xb9bCBE\t4\x91^\xa3\x7f\x01\xac\xbe\x93\xbb\xb8\xca\xb4\x8b\xf1\x00\x00\x05\x8eIDATB\xb3\xea\xf5P\x85\xe3\xaf\x93\xcf\x92\xc6d&amp;\xc9\xb2,\xc9\x9a\xc6\x18z \xd7\x02;\xb2-\xdb\x04V\x18\xd9\xdd\xaa\xca\x18\xc0pV\x17\xb7\x7f,\x16\x8aS\x96\xc5\x0cj\x16\x1b\x95\x85b\xf1e\xf1\x19\xdc.K\x81\xca$@IMe\x90w]3\x9f\x17^\xc3\xb1\x14\xaa\xf0\xac"y\xe8\x18}\x8b\xb8P\xf1 \xa3\xa6\xdf\xcb\xedt:\xfbux)\xe5Z\x92\xc8:\xee\xc9@%3\x16\xa8\x1a\x0b|[p#\xb2C\xae\xe5]s\x145\x1a\xbc\np\x9c\xc5Q\xd2\xb5\xdb\xbf\x17\x0b\x85\x8d\x19\x11v\x10\x19 \x1d+\xc5\'\xc57\x97L\x97p)\xd3\xb3\xf0#\xa3Yj\xdaV\xd3\xd4\x1d\xc1=(\x06\xdb\x07\xe8\x1c\x96\xe3\xd8\x16\xcfJ\x00\\BP\xd3\xcf\xedwvP\x86\x9a\xa6\xf0\xe0\x1b\x10\xa4\xa2\xd1T\r\x94\xfc\xb8\xe1iy\x8a\xb6\x03c4"]\xc2UR\x86&amp;\xeb\xf2\xed\xf3\xe2\x93\'O\n\x15R\x8c\xf65\x0bT\x92\xe4\xb5\'\x9bo&lt;\xb0H\x18*\x83j\x82\xca\xf3\xdd\xd8\x8eD\xde\xd4,\xfd\xb8\x11!s*\xd9\xd7v\xec\x0c\x0bj\x05\x01\t\x88u%\x872L\x12X\x89\xcc\xa7\xc9Yd\\Z\xa01)\xb0\x1b\r\xdbtMD\xde6\xdaF\x14E\xd4\xb4\xbe_\xa6\xc7\x97\xef\nkkO\xd7\n\x10\x88\xf6\xcc\x8b\x99f\x1b\x85\xc2\xd6\x9d\x05[\xc9\x924\x95J\xd7&lt;\xef\xd8\xf0X\xc9d\xcd|\xd3\xac\x99Ma4&lt;_\xd5T\x81%\xdc\xee[\xa8\xce \x0bX\x19\x19\xce}N\xda:9\x1cj\xa2\xbe\x18\x95\x0cc\x12\xcd2\xf0\x8dF\xc3h\x9b\x18\xc4\xac\xd5\xcc\xc4\xb1Ae`\xce\x92\xfc-$\xbd\xdd\xbf/\xafQ&lt;-T\x16\xa9&amp;\x11\x85\xc2\xc2\xbbK\x95\x06\xfa\x8e\xa5`\x0f\xe9\x18\x9e\x11\x97Jn\x1es\x84\xcb\x9a\xdcNB\x98\x8cC+j\xfdBE\xba\xc0\xe5\xdb\xf0Y\x0e?\x12\x8b\xacR\x9f\x13Z\x86\x15H\xba\xa4\xda\xd1\xcd\x8d\xa1\xcd\xa0\x805\x02\x14\xfd1\xc3\xf0\xaci\x9e\x81\x0e|=\xbc\xfc\xd7\xd3\xb5\x7f\x10W\x81\x88\x10\x95\xd5\xfb&gt;\xa5\x8ff7\xa5b\xd8.\x1bP+r\x9an\xe9\x14XM\xc1\x9b\xae.\xc2\xe8\xa6\xd1h\xfc/\xf2\xa8\x9b\xa1\xbc\x83\x0c\x0b\x909)\xf36\x935%\xe3\xa2\t\xa2eYF\xe3\xa6\xe1h\x98\x96i\n\'\x01VL\x19\xc4\xe7\xc1e\x0b\xb2V\xf6\x02\xbf\xde&gt;\xbe\x7f\xb5F\x0f\xa9)\nO+\x8b\xef.\x05A\x11\x95\x94\x91q\x9f\xf9V\x1f\xbb\x0f\xdc&gt;\xcc\xbb0\xaa\xe9Dv\x8c\xe9\xca\xb6\x87:BPYa\x85\x0b4\xc5\xca\xb0\xa0\x1c\x0b\xa8\xe0\xd5\x19\x17t\xf2\xc0\x14a\x83\x95\r\xd0\xf6\xa2\x04\x92\r\xa2\x99ZNh\xc6\xb3\xe2\x90\xc9\xcf8\x88\xe3\xfb\x97\xf4\x0fN\x81VX\xd8\xbe\xef\xb7\xb3\xb2\x98\x06\xbe\xa3\xc25\xd4\x9b\x07,+\x8f\x92\xce\xd7H.+&amp;\xcb\xa2\x19\xb6\x13tJ\xc1\xdb\t\xf9K\xc3\x86\x9f\xb0\xb8\xafP\xa3b\x1aj\xc2\x1a\x0c\xc2\x81A\xec\x86\xdf\xacVK\xae\x0b0a\xc8\x90,\xf6"oJ%\xa8\xf7\xe8lf|`\xe1\xd6qr\xfc\xdbKR\xac\xb2u\x7f\xdc&amp;c\x92\x19p\x06-KNj\xd5R5\x0f\x0b!\x8b\x0e\x93\xccR&gt;\xb4\x9b44\x99\xa3\xd9\x8cGa\xbbVz]-\x95b\x88\xc23*%\xa7X\x16\x0f\xa8\xf2\xb0z\'q;\xf4\x1a\xc8\x147\xab%=\xce\xa80\x1fj\x0f\xdcC\x00\xcan\xbbn[u\xab:\x9f68\xe9\x9b\xff\x93\xfeo\xff\xd9\xda\xbe\xbf\x14\xe8\n\x99\xf3tj2\x92\xa4\xc9.\xeeX\xad\xba2\xed!\r\xcf\xb3\\\x97G~~\x8ae\x9a\xbe\xd7\xf0\xdaf\xa9\xfa\x1a`\xae\xce\xb1\x9d\xeb\xa3I\xe44n[\n&gt;-\xda\xb5\xea\xeb\xa6\x8f\xce&amp;b*\x15+\x1a\x10N&amp;\xb4\xe9\xc6\x80\xc2~Y\x0c\x12\xbcgY.\xae\x0c5y&amp;\x19\xcb\xbe\xdaI\xff\xf2X\xc8\xfa\x94\x14\xa7\x98&amp;K\xc2\xd6\x80T\xcaB\xb2\x0c\x9a\x9b\'P\x84\x1cS6\x9b\xb8Ml\xdcx\xa38_z\x8d\x00\x9b;\x1aE7F\x10\xe44\x15\x0b\x0czB&gt;_\x8b\xb3\xc2u3O\xc6\x86\x91d\x15X\xa3\x9e\xe5\x86\x11\xb0,=\x161\xce\xe9\xcdR\x15#\x87\x02\x0bT\xc2\xa6\xeb\x02\xd3\xc2\x10od\x15#\xb3\x80\xde`\x12CU\xc9U`M\xc1t\'\x93\xcb\x10\x10\x8a\xb0l\x9b\xc1\x1da\x12\xd7\\R\x8b\xf2\xf8\xff\x1a\xcb\xd8\xc6B\x18\x08\xa2\x04\xf6I\x86\x95\x8c\xb0\x84\x9c !\x13\x10\x93\xd3\x81c\'\xd7\x813K\xf4@\xf2\x9dR\xc1\x0f\x08\x08\xa9\x80\x8e\xae\x84\x9b\xf5\xbf\xdb\xd8\xc0cfw\xbc}\x7fwC75\x95\xa60\x04l\x1d\xe7jb\xeew\n\xc9\x15\x95r\xc4\xf4\xa16\xa6R\xfc\x9f\xdd\x10b\xcb\xdc\xec\x89\xc2&lt;\xcf\x92\x04\xda\x95\xe7E\x07;7\xff\x84\xa5\x10\xcd\xe8\x8fZ68\xec\x9dy\x98k\x9fY-\xa9\xb2q&lt;N-\x02C\xa6t\xa7\xe8\xbc/r\x99-\r\xb7y\xa4\xad\x02\xd10\xd4\xcfq\x1c\xde\xe4,\xbf\xd9\xe9\xfec^N\x8c\xb5\xa1\xb7\xc6Be\xd5\x07\nX\xbdh\xea\x057\x83\xa6\x02\x05U\xb4RY-_l\x9e(\xc3\xadyg\x91\xb5\xc6\'\xd1\xf0\x92\x9f\xf3;\x94\x98h%\xeexgV\xf1\x17\x0e\x9d\xdc\xfd\xf9\x02\x97\x8b\xd7\x15\xfdq\xfcTV\x0b=\xd6\x07\x97\xef\xf3}M\xc8u\x0c0\xa0\xc6\x0eX\xe9\xb2\xd1Q\xe9\xac\x10\xd9`~\xbb_\x95k\x911\xb4H\\+\x90\xdbJx\xc6\xcb\x07\x8cc,D!\x85F,Z7\xf5\xc3\xee\x90\xdd}\xe91\xe2\xeczS\xc1\xda\x9c\x06\x17\x02\x15#.q\xec\x84@\xd3\xbdb\x07~\xfd\x02$\x8bPq\x13-e\xcc\x00\x00\x00\x00IEND\xaeB`\x82'</t>
        </is>
      </c>
      <c r="M203" s="3" t="n">
        <v>45492.67790509259</v>
      </c>
    </row>
    <row r="204">
      <c r="A204" t="n">
        <v>822729</v>
      </c>
      <c r="B204" t="n">
        <v>1977</v>
      </c>
      <c r="C204" t="inlineStr">
        <is>
          <t>Alan Franco</t>
        </is>
      </c>
      <c r="D204" t="inlineStr">
        <is>
          <t>Alan Franco</t>
        </is>
      </c>
      <c r="E204" t="inlineStr">
        <is>
          <t>VOL</t>
        </is>
      </c>
      <c r="F204" t="inlineStr">
        <is>
          <t>VOL</t>
        </is>
      </c>
      <c r="G204" t="inlineStr">
        <is>
          <t>VOL/MC</t>
        </is>
      </c>
      <c r="H204" t="n">
        <v>174</v>
      </c>
      <c r="I204" t="n">
        <v>23</v>
      </c>
      <c r="J204" s="2" t="n">
        <v>36027</v>
      </c>
      <c r="K204" t="inlineStr">
        <is>
          <t>Right</t>
        </is>
      </c>
      <c r="L20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f40594c-450b-4aef-858d-b600f6e4851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f\x10e\x00\x00\x00&gt;tEXtComment\x00xr:d:DAEewil2SDw:3759,j:3325205453230688475,t:24032721W\xbf\x04\xf4\x00\x00\x00\tpHYs\x00\x00\x0e\xc4\x00\x00\x0e\xc4\x01\x95+\x0e\x1b\x00\x00\x03\x00PLTE\xff\xff\xff\x03\x02\x04\xfa\xfc\xfd\xfd\xfe\xfe\xfe\xfe\xfe\xfe\xfe\xff\xfe\xfd\xfd\xfe\xff\xff\xfe\xfe\xfe\xfd\xfd\xfd\x06\x05\x08\x12\x19$\n\r\x14\xff\xff\xff\x0b\x0f\x16\r\x11\x19\x10\x16 \xfc\xfc\xfb\xe8\xb2\xa0\r\x13\x1d\x0b\n\x0c\x15\x1c\'\x0e\r\x10\x08\n\x12\xec\xb4\xa3\xea\xb5\x9f\x06\x08\r\xe7\xb2\x9c\xed\xb8\xa3\xef\xb5\xa6\xea\xb5\xa3\xef\xbe\xae\xfd\xfe\xfc\xe5\xa9\x9a\xe7\xac\x9c\xe4\xae\x97\xf5\xfa\xfd\xf0\xb9\xa8\xef\xbb\xab\x0f\x18"\xed\xb9\xa7\xe9\xaf\x9e\xfa\xfa\xfa\x10\x14\x1d\xf2\xc1\xaf\xe5\xb0\x9a\xdf\xa7\x93\xec\xb1\xa3\xf8\xfa\xfc\xf3\xbc\xad\xe7\xaf\x9b\xf7\xf8\xf9\xc2~o\xe7\xb2\xa5\xe4\xa5\x93\xe4\xaf\xa1\xd4\x9b\x8a\xcd\x90\x7f\xe1\xac\x99\xbdxc\xe8\xed\xf2\xe0\xab\x93\xea\xb5\xa8\xf1\xf6\xfb\xc1|g\xc6\x8b}\xd7\xa1\x8d\xe0\xa2\x91\xf6\xc3\xb6\x11\x11\x15\xc8\x86t\xb8s^\xd0\x95\x82\xed\xf2\xf9\xe3\xaa\x96\xf1\xc2\xb4\xdf\xaa\x9d\xb5pZ\xbbu_\xda\x9e\x89\xda\xa4\x91\xc6\x83n\xcf\x98\x89\xe4\xad\x9e;@I\xf3\xbe\xb2\xe4\xa5\x98\xe9\xaf\xa2\xcc\x8cx\xe1\x9f\x8b\xd4\x9d\x90\xd7\x8d\x81\xf5\xf5\xf6\xdd\xa9\x98\xec\xb1\x9c\xafhT\xa6aN\xea\xb9\xae\xd2\x8d{\xe2\xa4\x8c\xdc\x9b\x84\xe8\xac\x97\xd4\xa3\x96\xc1\x87y\xcb\x93\x86\x1f#,\xd1\x85|\xdd\xa3\x8c\xf2\xf1\xf2\xcd\xd2\xd8&lt;&amp;#\xce\x83v\xb2lY\x18\x14\x16\xe1\xe2\xe4\xd8\x98\x8c\xe6\xa9\x91\xdb\x95\x84\xc8\x96\x8a\xd5\x9a\x84\xd7\x95\x7f\xdd\xa4\x99nE&lt;\xc5\x90\x84\xd9\xde\xe4\xe6\xe7\xea\x88\x8d\x96\xbb\x83wBHQ\xe8\xaa\xa1\xd3\xd8\xdf\xeb\xa9\x9b\xbdth\xc4\xc9\xd1\xa8eR\xf7\xbd\xb2\xc9{r7:B\x9f\\J\x92\x96\x9e\xe4\xb8\xac~\x84\x8d\x15\x18 SW`\x16\x0e\r\x9b\xa0\xa8\xee\xad\xa1\xc2um\xc3\x82t\xaa}z\xb5wi\xe5\xa0\x94\xde\x9e\x90\xbc}nP1.\xb3\x82{\xda\x9f\x93\xa4qg\xe1\x9a\x8a\xd6\xa9\x9b&amp;)1\xee\xed\xef\x89UI\x92]Phox\xca\xcc\xd1\x1c\x1d$\xa4\xa8\xaf\xaeoa\xb2}t\xd4\x93\x85\xe8\xa2\xa4\x9b_T\xa8g]\xb8\xbd\xc5\xe1\xb4\xa6\xa8zq\xf2\xb5\xad\xe7\xed\xfa*/8\xeb\xbd\xb4\xcf\x9b\x8f\xdd\xc7\xc33\x1e\x1b\xe0\x93\x8a\xab\xb0\xb7\xee\xe5\xe7X^h(\x1a\x18agp\xb1\xb6\xbd\xde\xb1\xa2\xd8\xaf\xa0\x1e\x16\x17\xb7lb16=MR]\xde\xe4\xeb\xbd\x8c\x81KMU\xdb\x90\x88\x9cf[pw~y|\x83\xc0\xc3\xc9|D7\xce\xac\xa7`;5\xabrk\x84]V\xe2\x9b\x92\x97RE\x8cK&lt;|MB\xd9\xd2\xd5\xe3\x99\x9d\xd9\x90\x92\xf0\xad\xabH#\x1d\xcc\xa1\x93D-*\xf2\xc5\xbb\xd5\xb6\xb2\x98ldS;;\xf7\xc6\xc3\xd5\xbe\xbcm7-\xc7\xa2\x9d\xe2\xd9\xdb\xcdy\x87\xdb\x82\x85\xde\x97\x93!\x12\x0f\xc6\x9a\x91\xb2\x97\x96pOL[3.\xc5\xb6\xb8\xb6Uf\xdf\xe7\xf6\x9dvvbD=\xad\x89\x89\xf8\xba\xbb\xba\xa8\xa9\xd5vg\x89kge]c\xea\xd4\xd2\xc5k^\xff\xfe\xfe\xbdbr\x80fg\x9d\x83\x85\xaaMM*2\xfb\xbc\x00\x00 \x00IDATx\xda\xbc\x98mLZi\x16\xc7\x01\xadr\x89\xd9\xe4N\xd8\xdb\x86MZ\xdaL\x9a-\xb6\xb3$P\xabb+j.tv\x84\x96j6\xda\xc1h\xdd\xa6-Ye\xc0\x8d]\x83\xf5%\xae\x92\xa8\x151\xb1\xa4\xd0\xd2\xb5\xa0W4\xd0i\xe26\xc4\x94\x9ae\xb5\x1a|\t\x10\xcb|hI4\xe9\'&amp;\xf2a\x9d\x0f\x9d\xa4\xd9d\xcf\xf3\\\x9c\xee\x87\xfd\xd6\xeb\x1e^/\x04\xf8\xf1?\xffs\x9e\xf3\\\x1e\xef3C($\x84\x10G\x08\x12B S(d2\x19\xc9F\x01\\\x88\x02\xa1\x94\'\xe4\x1dz\x08\xffW\x10\x04!\x10\xc8\xe5_V\x0c\xb4\xff\xd0\xd1\xd3\xf6\t\r`\t\xc0\x12\x16\x16\x16\xfe\x1f\xb1\x8e`\xa6\xfc|\x84U\xd9\xf1lb\xecU\xfd\xf0\xf8\xab\xb1\xd1\xd9\xa5gK\x8b\x8b\x9b?\xf4(\x08\x12\xdeFQ\xf8\xf1p\xa9\x08\x02\xae\x85y\xe8QXP\x80\x8e\x04rE[\xfb\xc4\xc6\xf8\x82\xa3\xb8\xb8\x88\x82\xa0\x1d\xa6)\x13\xc3,\xf4\x8fol\x1a\xa5\x844//\x0f\xf0\x0f\x1dK(D\xfa\xe0D\x19{:ffG7\xc6\xeb\xa7\x98bZ,\x11KD|\xbe\x08\x85\xc4\xea\xa0\x8b\x8e\x16/\xf7v\xc8\x04$A\xe4\xf1\x0e\x17\x0c\xa7M\x08\x9e\x01/\xc9\xdb\xee-\xae\xaf-\x9b\x18+M\x17\xd3\x94D\x84\xa00\x15\xdcQ&amp;FrT"a\xa6\x87\xc0k\xf8\xbf\x1c\xb2\xb3\xe07H\x19)\x97?\xdd\x1c\xfdy\x8aFI\xa3\xe1\x1e\x84\x02,\xc4\xc5\x86\x88\xa2$\x00*\xa1\xfb{\x97:\xe4\x87\xc8\xf5K\xdd\xc1U&amp;h\x9b\x19\xabg\x10\x0f"\x12\xb3\x89\xc39\xc4Lp\x95`\xf5\xc4\xb4cy|\xf4^\x8eKx(T\xf0\xb5`r\x10K\xfet\xa8w\xcdD\x17Qb\x08\x89$G#\x12\x8b\x0f\xd4b-\x06\xb8b\x86\xe9_\x99\x1e\xed\x80O\xf1xG\x84G\x0e\xc7T\xc2\x02\xd4\x8b\x14=\xb3\xfd\xa0T\x11\x05\xe6\xf9D\xc5\xe7K($\x1b\xc6\xc2\\pL\x99\x1cS\xfd\xe3\xd3\xed\x02\xb0\xbd4?\xff\x10\xa8\x90\xd3\xd1Mf\x9c\xd9X\xa0i6\x81\x14MAS8P\t\xe4\x12\x89q\x06\x81\x0b\x88)\xc8a\x11c\xaa_\x7ff\x84"\x81O\x0b\x0fA+\xb4\xc0H\x05\xf2\xb6\xc5\x15\x06H\x90\xd3\x01\r%\x11\xa5\x12\xab$B\x07T.\x9d\xa0\xa2HL\xd3G\x8b\x99\xe1\x15\xe8\x13\xa4@\xca\xb9\\\xec\n##e\x02E\xc5b\xbd\x03\xb5( \xa2\x90\xb7(\x9c9\x84\x06``z\x8a\x12\xf1\xd9;8\x06\xc5\x8a\x8a\x1d\xcb\xf5\x1b\xed22\xefP\xd4\x02\xb1\xa0\x85\xb6mn\x0c;\x8a)lg\x10#\x17\xb9\xa7H$q\x0e\x8bu\x19\xb4.\xf0\xa0iml\xc8(#\xf2\xf29T\xeb\xbf\xd7cc\xfbD\xbd\x83q\x88s\xad&lt;\x87E\xb1\xe1tZ\xadN\'m\xa51\x1b\xcd\xf6\x0c\xdc@\xe8\xe1\xe9M\x05x\x8b\xcb\xdeu\x80U \x90W&gt;[\x992\x99\x18\x8a\xad5\x80r\x02J4j\x85[4\x13\x8dD\xc2\xe1H$\x12\x8dB-Xi\t?G\x05\nR\x0b\xd332RJ\x10\x1cc\xf1P\x19\xca\xbf\xde\xdcX6\x99\x1cb\xb6)\x89\x9d\x19\xe00\x7f\x8a4\x0e\xb3\x19\xd8\xa2V\xea\x17\x11%|&gt;\xc5\xbcl\'\xa5\x05BN;=\xea\xa2(\x89\xc6\x81\x89q\xd3\x14#\xc6Z93a\xf3\xdbl6\xfe\xdef\xb3m\xa5R6\xdb&gt;\x04&lt;\xdf\xb3\xed\xc7=i@\xcb \x15Q\xa5\xa2zt\xbc\x04\xcbs\x8bu\x90Dy\xcfL\xef\x02c*\xc6-\xca\x19~\x9b}\xff~k\xeb\xcd\x9b\xed\x91\x91\x96\x16{,\xe8\xf7\'\x93\xfeX\xcc\x1b\x8a\x05}\x80\x19\xf7\xb0\xaa\xa1\x15\\,f^\r\xc9\xa0\x0ey\x9c\xaa\x85\x07&gt;\xb2g`\xa9\xdf\xc48\xb0\xb12\xe6,b\xda\xdeFH\xcd:\x9d\xd6\xe5\n\x04\xbc\t\x97\xcb\xadT\xba]\xba\xe6\x96\x11\x9f/\x85T\x8bd\x9c(\x91S\xeb\xedd\x01\x9eS\x85&lt;\xae4c\xc5R\xbcn\xdf`\x18\x06\xca\x8c/\xca\x80T[X\xa7f\x8bE\xab\xd5\xab\xd4j\xb7[99\xa9T\x1a4\x1a\x83Z\xa5\xb54\xdb\xedA\xbf/e\xf3\x981\x97ic@^ d\x07U\x1eG\x0b6\xdb\x1ed\x15Cc\x0bV+rp\xe6-\xce\xdfH\x8b\xdd\xa2W\xe9U*\x95\xda`0h\x1a\x1a\x1a&amp;5\x9aI\x83A\xa9V\xa9\xb4Z\x9d\x05\xd8\x82&gt;\xdb\xdb\x0c`9\xc6^+`1\x95\xe2\xaf\xe3\xa8{\xb1\x95\x98W14:E[)L\x85\x12\x08R\xe9Tj\x95\x1e\xb4B"5 \xae\xaa\x06\r\x10\xaa!\xe0u@\x0b\x84\xfc\xb6t\x94\xa2\x99\x97C\x95\xd0!\xa4h\xc8\xce\'\xb8L"\xf9\xf5\xc0\xba\xc3J\x8b\xf8N\xa0BN\xb7\xeb\xb4z\xf4\xdbZ\x9d\x16\xc9\x05`ee@\x05\\\x80\t\x82\xa9\xb0f\xf6\xa0-\x9d\xa1\xa3\xa6\xe9\x81/\xe52\xe8\\\x88\x8b+\xb5\xd0\x08G\x1a\xdb\xd7h\xe8\xef\xe20\xa6b\x9d\xae\xd5\xa1\\!\xd5\xd4J0\x96A\xa9B&gt;\xcb\t\x86$\x03.\xbf\xcd\x0c\xed\x1fL_)#\xf00\xc8\x99\xe5Qi\x93\x8a%\xb0\x96\x88\x1f\xc9b\xadP\x056\xeb\xf4\xba\xe6f;&lt;\xb3\x80\xedA\x1b=x\x1d\x9e\xab\r\xc8\xf7\x98\n^\xb1\xfb\xe3\x11X\x91~\xfdj\xb3B\x90\xe3\xe2\x82\xaa\x90m\x10D[/\x18\x9e/~\xfb\xfe\xcdA\xb3\x02\x1c\xb0u\x0b\n \x04\x04\x9d\x0e\xa9\xa7\xd3c$\x15\xd2J\x0b\xa0-\xa94\xf4\xd5_9\xc6\x97*H)\xc9\xd5P\xff1\xb7NwL\xd3V\xb1(\xe3Ab\x01\xd6\x08\xa69\x08\x0b\x00\xa0\x94\x02\x92\n5\x08|\xac\xd7#\xcef,\x17\xec\x8d\x98\x95\xd9\xa7\xb0\xcb\xe6\xcc\xf1x\xc7J\x0c\xacQV1\x15\xf1\xe4\xba(K\x05?\x8fD\x02\xd3\xabr\x81=\x85T\x83\x0b\xdb%\xc0]a\'\xe8E3\xf5\x13mr\x92;,\xf8\x8b2b\xa6\x9e\xb2R\xd6p6\xb5\xbd\xcdJ\x05\x99\xd3\xa2R\x04$\xf5w\xd0\x1f4\xc8\xec\x1a\x03\x94\xa1\x1a\xcbd\x81\xf7q_\xf5\x81\xe9\xd1\xeaheV`x\x96rS\x89\xb0\x87\x06,R6;\x05Ko\xd4\x1c\x7f\xb3}\x90@\x9dvp\xf0\x9f\x16\xad\x12zCWggW\xab\xc1\xd0\xd0\xd0\xda\x00eh\xc05\xa8\xb3hUP\x13-\xfeT\xdcl\xa5\xd00K/L\xb7+8\x9a\xba\x90\xb3\xa4$\xd9\xb6\x01\x13\x815\x92\xb6\xf9FXcY\xf4\xae@(d\xb7k\r\xad\xad]7\x9f4\xde\xec\x82\x87\xae\xd6\x06\xb6A@;\x85\x00\xdb\xeb\xec&gt;X\x82\xa24\x1a\x0e\xc5\x8e\x95\xd9\n\x8e\xb8\x80\xeaH&gt;Iv\xfcL\xc3\xc8\x17\xf6\xa4FZ\x10\xd7H0\x16K\xfa|&gt;\x7f00\t8\x8d\x7f,i|\xf2\xe4\xe6\xcd\xae\x06\x836\x10\x08\xa0uR\x85\x8a\x11|f\xf1\x03V\xc4\tX0\x15\x9a`z\xce\xe7$\x8bH-R&amp;[\\\x86!4b\x8e\xfbCv\x98\x0fR[\xb6\xfd\xdd\xb4\'nK\xc5\\\xb7/_)))\xa9\xa9\xa9)))\xbd\xed\n\x04}\x88\xd6\x8ejQ\xafW+\xd5\xda`*\x9e\x0e\xc3(\x8d\xf6\x91\xd4\xf4\xc4\x80L\xf8\x91\x83\xe6%\x14\xe6\xa1\xbd\xe1\x98\x03Fc\x10\xcb\xeb\n\xf8mY\x0f\x9aB\xc3\xe1t6\xe5}\xd4\xfd\xe2\xc2\xf1S%_\x9d&lt;\xf9\xc5\x85k.\xef\x8e\xcf\x16\xcf\x02\xaf\xcf\xdf\x02d\xcaI\xa5;\xe4\xc3ra,I\xfd\xec\x90\x91\x10r\x82\x85N\x1aA\x0e\x91X\xb6` \x91\x84\x11\x0fC\x99\xd3\xbb\xb6\xa4w\xf5\xee\xadK\x97\xce\x9c:s\xec\xd2o\xef\xbf{\xf4\xe8yro7mN{\x10Y\xd02\x08kR\x00&lt;\x0f\xeeB\xa36l\xb2\'\xee\x19Q\xc7\xf9\xec\x89\x10o\xc5d\x9b\xc3\x90\xc3p\xd6\x17J$\xb3\xf0\x930 \xef\xed\xd9\xf6\x92;\xde\xb9\xbb\xb7j\xcf\xd7\x9e:\xf3\xbb\xd3\'N\xdc\xf8\xdb\x8f\xab\x0fv&gt;\xec\xedz\x90\x9a\x9el\xdcg\xd7\xba\x95\xee\x80\xcf\x96\x05\xb9\xf0\xd9\x00f\xfa\xb5\x11/\xd8\xbc\xcf\xc6* H\xc5\xac\x89F)\x8cy\xfd6\x94\xa0\x98w\xaeo\xb5\xef\xf9\\_\xd5\x9d\xea\xf2\xba\x9a+%\x7f=s\xec\xec7\x7f\xff\xfe\xd6\x8b\xd5G\x0fv\xfe\xfd\xe1Cro\x7fw7\x1e\xdf\xf2\x07\x80+\x06i\x0c;\xf1I\x80\xa9\x8d\xd7rR\xc8\xfb\xfcY\x10\x86\x07\x12\xb0\xa6Ps\x08&amp;vR)\x7f\x08&lt;SVz\x15\xa2\xb4\xb4\xf4\xca\x9fj\x1e\xce7\x964&gt;\xfc\xc3\xb1\xd3\xa7\xcf\xd76U\xdf\xe9^]\xfd\xf1\xdd\xdd\xd5\xe7;\xc9=\x9b-\x15t)\x95\xae\x18\xb8\x1e\xcb%Z\x9e\x85\x05\x9b\x8b\xe5\x1a\xab%\xd8\x1c\x8e\x9aw\x93\x89\x84\xdf\x17\x1a\xd4\xab4\xd7\xae65\xd5\xd6]\xa8+\xff\xaa\xfa/\x9d\xf3\xf3\x8d\xdf\xaa5\x9d5\'\xcf\xd5\x95_\xbcZ}\xa5\xb4\xfaby]\xf9UL\xe6\xf3y\xdd\x93nd/s\x06\xed\xb2\x17\x96*\xf3\x84&lt;N\xb0\xd0\x19\xad\xf6\xb5\x88go\'\xe1\x8d\x85\xd4\x06e\xc3\xe3\xf3\xf7o\\\xa8\xad\xad\xad;\xd7T}\xb9\xaa\xb5\xf3\xdb\xc1\xe6AM\xe7\x93?\x83\x80\xd5W/\xfe\xbe\xfc\xdco\xbe8~\xfc\xdc\xad\xee\xd5\xb9X26\x07\xbb\x0e\xaf\x7f\xcf\x13A\x9b\xf1\xe1\xa1J\x92\x93\xd9\x86=\xfdp\xef\xe5\xd4&gt;\x88\xe5\xf5\xba5\x9a\xb2\x87\'\x9bn\xbd\xbb\x0b\xc9\xba}\xbb\xeaN\x95[9\xff\x9d\x05\xc6,\xcd|Y\xf7\xdd\x17\xa5\xa5\x97\xaf]oj\xfa\xfe\xc6\x89\xb3\xc7\xafww\xf7yc\t\xf7\xe4\\b\'\xb9oFY\\\x1b\x10\x14p\xd4\xe5\xd1\x19\xdc\xa7\xeb\xcb V\xc2;WU6\xff\xf81\xf8\xe7\xa7\x9f\x1e&lt;x0\x17\n\x06`/\xa6QZ\xecv\x8b\xb2u\xf2\xf6j\xd5d \x94\x98{\xd4\xfd\xee\x1f\xf7\xbf9{\xe1\xc5\xe5\xcbUs.w_\xdf\x1c\x94\x8a\'\x03j\xad\xf7 ,\x8e\x06\x1b\x820\xf6\xee&amp;\xbd\t\xef\xf3\xee\xd2k\x8f\xaf\xaf\xae\xfe+\xb9\x9bN\xff\x87\x15\xf3\xfdi"\xcf\xe3x\x0ev\x11|6\xe4\x1e\xd4l\n\xb4\x89d\xe16\x0c\x95R:\x9a4;\x94\xeb\x12\xe8.n\xbb\x9dB\x07T\xeaJ\x9bJn\xd4\xd9\x16{\x8d\xe95mluI\xbc\xed\x0fZl)\xab\x9e\'N\xe9A\xb3\xa0\xc4\x98\xdb\xdb^\x82%\xee\x1a\xc4\xbb\xa3\xb8\x8b\xc2\xe9B\xa3\xecnP\x04A\xd4\xfbL\xf1.\xf7\x07\xcc;&lt;\xe0Y_y\xbf?\xf3\xf9\xf1\x9d[\xba=888\x11?\xe9\xf2\xb1n\x89\x15\xbd\xbd=\xf1\x93\x83}\xcbk/\xd7\x96\x9f&gt;\xec\xef.V\xef\xadU\x19\xec\x06\xc0\x1a\xbe\xbf4w}\xfb\xaf~\xf3EkN\x01\x87XU_\xdcX\x9b\x9c\x9c\x0c\x8fFt:[x\xe9\x87\xa3\xa7\xfe\xfe\xd5\x99\xe7K\x0f\xbe\xbbs\xfa\xce\xe9\xa4+\x99t\x89\xfd\x1f\x7fx\xe0@|`\xf0\xf6\xcb3\xdf\x1c\xfd\xf3\xdc\xda\xc3\x87\xfd\xed\xea\xb6\x88q\x1c7\xb0X\xb7\x9f\\\xdd\xbe\xfd\xab\xbfTr\xb7\x07\xe6\xe6\x17T^z~\x7f\x18\xcc\xea\xe8\xe80\xf6\x9d\xbd\xfa;h\xf1g\x97n\xff\xf3\xc1\x83\x07pm\xb8| \x93\xc9\xb4\xe7\xe4\x87\x83\xdf=x\xf2\xf2\xf9\x8dON\xdd\xb8\xfe\xe4\xe9\xf7\x1d2\xa5\xba\xdfbc\xed\xea\xbb\xbf\xf4\xc3\x1f\x7f\xfd\xa7\x13\x08w\x8bM^^^\xe5__.\x0f\x0f_\xb6D"\x91\xcb?\xc1&gt;\x7f~\xa2/&gt;8xa0\x1e\x87\xfc|\x1e\x8f\xcfC\x92\xfa\x8f?\xda3\xc0\xbeF\\\x80\x014w\xf5\xea\xd9eK\xdb\xd0P\xcd\xf7\xb6\xad\x14o\xcf\x1d\xfd\xed\xe7\xad\xec+\x177\'Fn~\x1e\x82\\\xbc\xb9\x1c\x08\xd8\x8d\xba\x08\x13?\xdfg\xc7m\xa3\x16CO|b0\x9e&lt;r$\xc9\x9a\xe5\xa3\xf4f\xea\xfd=\xe2\x9e\x81\x81\x1e\x7f\xef\xe5p`\xe2\xf7w\xef\xf6\xe9\xaa\x87\x86\xfa-\xffM\xf1\x9b/\xbf\xad\xcc\xe1(D\xc0\x82\xbeUp\xec\xf3\xe5@\xd8`T\xd5\xfb\x93b\xda\n\xd2\xe1=\xe0\xd7\xe0\x81#I\xd8Q]\x1e\x0fe\xd2S\xe2=\xae\x81\xf8@\xaf\xcd\xd8\xf1\xf5P\xbfm\xf8\xfc\x05\x95L&amp;S\x1a\r,V\xdf\xda\xd2\xf5?\x1c+G\x10n\x96\xe6\x17\xf9%\x05yH\xc9\xb9g,\x16\x8e5\xbb`\xf0Dh\x1a\xb3\xc3r:x\xfa$@\xb1^y\x80\x0b\xf4\xb1\x18\xcc\xea\xc5\x8d:eu\x8d\xd2\xaa2`mE2\xb5\ngC\x04\xbb\xbe\xbc\xd9\x89\xb0\xb5\xf56\'n\xb1GAI\xeb\x16V\xb3X\xac\xc0q\\\xa1\xe8\xedI&amp;\xe3\x07\xf6\'],\x12e\xcaJo\xa2\x14&gt;\x17`a\x10\xb6Ui\xed\xa8\xaf\xaf\xdd\xbd{\xef\x1b\xac\xe5\xb5S\x97\x10$\x8f\xb3\x0f1/?\xb7\xe4\r\x96A,\xf6\xb3\x12\x8b]=I(v\xa0\x12\x03\xd3\xe2\x18(EB\xd5\xeb\xa9\xf7]b\x05V\xaf\x92\xd6\xd6\xd6\xee\xed\xc2\xb0\xda\x8a\xdaz\xc80\x10\x18\x1e^;s\x11\xe1\xecM\x90\xc5\xdaV\xf2V\xeb\xb3@\xd8\x0e\xbb\xa6\x98}\xc9\xf2\xf8}PP \x97\x0f\x9c"ScN\xaf\xc3AD\xcd\xccq=\xe5\x81\x93L\xcfH\xa5]]\xf5\xa0f\xac\xab\xa9\x0bg\xb1\x02\x81\xb5\x9b\'X\xb7\xb8\xb1\xebm\xb8\xf4\x81\xad\xf5\xe7Wa\xbb8+\x05\xe4E\x89]o\xa0&lt;Tfjfev~\xbe\x9d\xa0Mf3pA\xa8LS\xd3\xe1\x96O\xb1fV0\x80\xb2n\x05\x96/U\x15\xe4\xe5s\x84\xf5\x02\x0e\x82m\xf9\xf9Uo\xb0\x14\x94\x9e4\xa7H\x93\xc7\xe7c\x03$M.Z\x96X\x99\x9f\x9f_\x9f/\xb5*\xf4!\x9a\xa4X,\xba\xe9\xa0\xe4`SW\xbd\xbe\xb9\x19\xc3\xa0\xb6\xc2\xe0\xd6\xabo\xb3fq\x84\x95\x9f\xc5*g\xb1\xfc\xfef\xd2\x1c\x8dF\xc7H\x13\xfc\xb8\x0f\x8a\x88\xf63\xed\xe0\xd4\x964\x11,D\xd0\xa4\xc9D\x9a\x9b\x9aZ$\x9f5H\xe4M]\xace~{\x18\xfcz\xf5/\xf8\x0c\x11N_\xdd\xc0\xad\xa7\xe3\xe3\xb0&gt;D\x83\xc1)\xc0b\xb9\xc4\x14F3\xd6\xf6[\xb7fWV\xc0\xaf\x91[\xb7\x1akt\x8e\x10\r\xb5\xffi\x0b\xc8Y&amp;\x14\nB\xf5\x80e\xc8b=&gt;V\x82\x94\xe4B\x83\xd8\xc6\x11\x16l6\xad\x80ec\xbaB\x12"8\x05\\\xe0\x97\x8921R\xe5\xc8\xe4\xd9\xb9\xc0\xc8\x88f6\x118;\x17\x9e\x95Y\xad\x11\xe8j-\x07\x0fJ$\x87\xf6\xf1e2u-\xd8\x85\xdb\xe1$Z~v\x0eArrK^p\xd4\xe5\x0br\xaa~\xbc\xf8\xef\xc7O\xc7\x8dtH"\x10\x10\xc4\x96a)&amp;E\xeb4\xca;w\xefN8\x8a\xdbG2\xe1\x9f\xee^P\xceZ#\xd6\xdd\x02\x02\xee\xd9CNgY\xa9F#\xab\x90b8n`\xb1~n\xcd\xbe\xeb\xe6r\xe3\xd6[H\xce\xfa\xd3\xfb\x13}a\x8b.(\x11\x949\x1c^\'\xcb\x15\r\x12S\xa9L\x9d#=y\xd9\x11\x9b\xa9\x91y\xbd\xb6\xc9t\xac\xce\x1aQ\xf3\xf8^\'h\x1f\x8f\x07X\xa5\xefT\xd4c\xb8a\x9c\xc5\xea&lt;q\xa2*\xdb\xb98\t\x11)\xef\xf6%?\xea1Xt\x84@\x8d\xa2\xa8\xd7\xc9\x1a\xe6\xf4\xce8S\xa4\xd3\xbd\x92XI\xcc$\x12\xfc\x99D]\x9d\xdb\x9d\x88\x10|\x91\x88\xefe\xc5\x17i\x1a\x1bE\xef\xaa\xa5F\x1b[\\}\xe1\xc7\xcb\x81+\xadH\tGX9\x95\xdd\x1bT\xb3a\xdc\xa2\x93\xb7\x15\xa2\xfc-/\xbc\tw\xc2;f2\xa5\xa7c\xd3\xb1\x197\x00\xcdxgb\xd3\x99)\xa7\xe8=M\x82\xcfG\xbd(\xdf]W\xd7X\\Z\xb4We\x84\xceu\xd9\xf5\xc1\x91\xfd\x1b\xfa\xf5\x9c\x12\x8eF5\x82\x8c\xac\x8e\x11\xa3\xe3\x8f\xac\x15\xbby2&gt;\xdfAd\xa9\xdc\t"ER\xecH\xcc\xcc\x88\x12\x89\x19"\x93^\xf4\x98\xc6\x82\xe8{un\x11\x80\xf1w\x82Y\x8d\x9ab\x99Rg\xb1\xd9\xc3~\x8a$\xc7\xc8\x8d{U\x05\xf9/\xb8\t\x11Y_\\\xf4*-\x8f\x94Z-\x9b\x96\xf7\x8dY\xcel\xfb\x82V\x9f\n\x12\xce\xa0\x9c\xc61\xf8\xe1h\x14Rt\xbbE\xa2R\x91FS\xa7)\x06,u\x87\xca6n\xc7\x0fKZ\xbc\x99\x8d\xb6N\xcej\x0b\xb9\x96^%\x89\xd1GJT+K\xb0!z\x9de|&gt;\xc1RQ&gt;\xd8\xb5Lz\x98\xd2L=\xde\xab is4$\x00.\x91\x08\xa8\x1a\xeb4\xa5\x9a\xe2\xf6j\xab\xca2n\x97\xee\xe0}\x16L\xaf\x12\x1cbuV\xafn\xd0\xbaG\xfdZmu"\x81\n\xcb\xa0p\xbcl;\xf7\xc0dt\xf9(\x0cc\x18\x86V\xd9\xec\xb0\xd2\xe8\x99TH\xb0\xd3\xed\xd6\x80Wu\xb3\x8d\xa5\xa2,\x96\xcd`\xd8\xbb\xc3\x195\x8f\xad\x12\xe78\xbb|\x90\xd6v*\xc5\xe0\x96\x0e\xb5\x16\xe5\xcbP\xf6c\xf4:C$.\xeeI\xc6\x8f\xf8L\x0c\x1d\xa2i:\x14\xd1ax\xb3B\xd1L\xd2rT\x94\xa5\xaa\x03\xb7v\x96\xcaj D\x03\xde\xd6@\xad\xae\x8e\xad::s\xb9Zl\x90Nk\xca\xd1l\xb0t(\xb5(\xaa\xad\xe6\xa3eBA\x90\xa1za?\x1d\xf0Qd*5\x06\x7fSS!\xfa8\xa6\xf0\x8b\x15L\x13\xc4X\x0cXl{\xe0\x15\x15)u*\xe3\xb8Q\x12\x05\xac\xc5\xd5\xa1V\xeeB\\O;\x84zX\x85\xad\x84\x00r\xe4k\x85\x84\x9c\xc6\xfc\xae\x0fz\\bX(`\x01\xccn\x82\xd1\xa8\xf98tN\x05&amp;\x95kw\xcaJ\xb7\xcc*,\xdb\xd5\xa6S\xd9p\xcc\xe3\x917Q\xab\xe4\x95*\xce\xb0*\xef-\xc6\x82f\xc68j\x95\x0b\xb4\xd52THHB\x8c\xc1\xefW`\x0cI\xa62\xd3\x99T\xd6-\xf0+\x14\xa2\xa5\xf5Ri-tz~q]\xa3F\xc4G\x85\r\x15\xd0Om\xf5\x9e\x8d\x0c\xdfI\xd2\xd78;\xf6s\xaa\x1en\x98 "\xa3*b\x05\xb7P-!\x01\xb3pL\xda\x14\xcad\xa6\xa6c\xb1\xe9tf\n\xfe!b\xb1\x98\x83P\xb6\xb5u\xe8\xdaP\x1e\xfa\xaeF#\xda\xc9\xe7\t\x1a\xd8vjl1\x9b\xa6\x1dN\xb2\xe3\x1a\x94\x167}\xab\xa0\xfc\xd6\xeb\xd7i"\xa22F\x08\x81\xd0\xa1\x15T\xc8\xe5R\xb0\x8e\x10(c1+\xb0Lg2\xe94\xdb\xee\xa7\xa7c\xda\x9a\xee\xee\xbfu\xb4\x15\xee\xd8W(b\xb1\xd0C\r\x11\xc8\xb0Kn&amp;\x1d3\xd4F\xff9\x98\x89\x1ca!\xf7^\xdf\x11\xd3j\x9dQ\x1a\x11\x08\x1c\x02yP~\xb8V\xd7VSS\x03&gt;e\xb5\xf0?\xa5\xa7\xab\x87\xda\xbb\xbfV\x16\xee\xd8%\x84\xe1X\xca/&lt;T\xc1\x96\x96\xb4\x82a\xaa3\xaf\xf7\xdf\xeb\xcc\xc9\xe7\xae\xe4\xfd.Z \xb3B\x8a\x02\xa1\x90\x08I\x00\x8bP\x0b\x94\xd6\xf4\xc2\xe6\xe6/\xff\xa7\xcd\xcd\xcd\x85ieMuuM\xe1\x8ew\x0e\xf1D\xa5\xa5\xbc\xc2\x06\xb9\xceh3\xaa#=~\xfc\xce?\xc4\xeb\xe5\xdca\xe5t\x8eD\xb4\xa8L\xa9\x92\xca\x85\xb0o\x85\xe4\x12\x89\\(\x8c\xd0\xfe\xf8k@\x01\x8f\x16\x17\x16Y-,l\xfe\x12\xefMGv\x17\x15\xed\xe0\xf1v\xa1"\xf8\x10Y,\x8bmtD\xcb\x04C\xc9\r\xdd\x8f\xe5\x08W\xed\xb4$\xa7\xeaJ\x7f\xb5\x17U\xab\xa4!\x02\xf4\x1fZ\xce-\xb4\x91\xf3\x8a\xe3\xc1\x17Yz\xd4&lt;\x8d\xb14\x92\xc6H\xcc\x18kd\x8d\xaa\xd1\xa5Y%\xd6\x98E\x19\t\xa4\xf5`\xcb\xd2J\x02\xdb\x92,b\x87\xc0\xfa"\xbb\xce\x06\xbcK\xd9B\x95\x87R\x8a\xb7t\xb1\xf1C\xa0\xa44&amp;\x8b-\x88_lBo\xd0bJ\x1e6\x98%n06[\xfc\xd0\x16\xba\xd0.[J\xffg\xa4\x85B\xfb\x94\x95&gt;Kc\x1b\x9b\xd1O\xffs\xbe\xf3\x9d\xf3]\xa4\xa8\n|\xcc5\xad\x8e\x7f\xf1\xd7\x7f\xfd\xe0\x19\x12\x08\xb8\xd7W\xe4c\xcf~\xfc\xc5\xcf\xc7\x1f\xaa\xbc\xcd\xc6\xdaY\xd1\xe7q\xdbK\xa2\xa6\x86\xd76\xab\x0e\x8f\xe7\x81oz\xfb\xf2\xc8j\xedX8\x05\xd6u\xd6\xfeY6OX\xea\xf4\xb4\xe4r\xf1\xb2(\xba\xd4\x87\xbf{\xf7\xd9\x9f\x7fq\xf6\xfc\xf9\x19]\x9e\x9f}\xb5\xbc\xac\xc8&lt;_\xb2\xd98p\xb1n\xbb\xbd$+\x8b\x84\xe5q\x8c:\xf4/\xdf=\x0ftj\x0e\x82\xd4\xb2\x1c\x9d\x86\xa6\x1e4\xf2i\x95rf\rT\x08\xf7[\xf8\x86T\xf5\xcc\xf7\xd9\xd9Y\x16Z\xc5\x90]\xf8\x18\x11\x8d\xb1\t6\x96\x15&lt;\xd4\x11Ee\xf1p\xad\xb6\x11\xf3\xf8\xed\x0f\xbf\xb3y\xd4c\xe9Pv\xdao6\xf7Z\x0b/.\x9a\xcd\xe6\xe9\xb2\x04\xe3Q\xc3h\xedC\xa8\xc8f)\x89q\xdb\xf5|\xfe\xd1\x06~v\xb3\x8c\x0fT\x9c pL\x89u\xbb\x11\xb6J\x1a\xd4Z\x0b!\xa3\xf0\xa9O\xe1\xf0V\xd3\xcbN\xcdA\x98\x9c#\x85\xa3\xa3\xbd\xa5\x8be\xb5\x08.\rr\x89\xbe\xec\xd6\x16$\xb3\xbb\xfd~\x81+\x1en\xaem\xf8\xdc\xe8x&gt;\x96\x17Y\xc1\xe1\xb1\r\x12\x96\xdd=X\xd2\xe2\xe1\xb5\xebF\xb3yp\xd1x\x11\xe8\xe9\xe9\xd4\xdc\x08aYGz,\x16S\xa0\x99W\xe1\xeb\x18\xa7y^d\x10\xeeA%\xf8\'\xa6\xfc\x1e!\xb4[\x0cz\xfc\xa3\x0e\x900\xac]p\x80\x8b\x85x6\x1bS\xba\x01\xac\xcb\xab\xbd\xbbw\xef\xee\x8d\xd0\xaeGT\xd5\xfd\x9d\t\x10\xad-\x94\xd6@\xf3P\x05\x15\xdc\x87\xe7A\xb5\xb5\xb5\xe5c\xdd\xa3H\xe3\x1f Q\xb0\t\xfeQ4\xbf[\x10b\x82\xc7\xe3\x11X;\xd9\x90)E3\xf1\xeb\xd3#\xab\xc5d\xc2m\xf0\x0e;7\xbfE\xb7s:\xad#WO3p\xf6 \xc7\xe8"\xc3d\xb7\\[dDX\xd1~\xbfR\xa9\xa0\xfb\xd1\xcf\xc0\x12\x0c,\xf4E\xf2|9\x9a\xc9__\x14\x88\xaa\xd7i\xc5\x88\x81\x8e\xd8\x91\xbd\xba\xad\xc5RZ\xb0&gt;:\xcdhr0\x16\x0b\x86D&amp;h\xa8\xe5\xf3!\x10\xdcWvVW\xcb\xb9\x8a(\x12\xa6`p!\xcf\xb2\xd9mv;+\x173\x87\xd7OFh\xf9\xa9\x9f\x88h&gt;\xa3#S\xba\x03\xed\x9d\x94N\xd3\xd2\xf9#\rj\xc5hp\xe1ZXYF\x9c\xce\xad\xde\xbe\xbd\xba\xba\xa3\xaa\xca}\x17o\x8fq\x1c\'\xc48\x16b\xb16\xb7\xcd\x0b\xac\xcb\'\xad\xadn\xafZG\xb0\xda\xf7\xeb7\xbd,4\xab.\x1d#^\x90\xa1a\xcf5\xed\x12\xb3\xf0\xff\x1c\xd2?P\xe5\xb6\x15\xe5&gt;/\xda9FdXPQ\x83Zb\xb1zxye\xec\xad\xe9\x1f0wx\x1b\xf8@k\x97\xee\x8bS=\x14B~J`\x18}\xd0#\x11^\xd5\x9d/w\x90\x02N\xdfGW\x10}\x1c#{e\x06Cb\xcb\xc0\xd9\xa1h\xf5\xfa\xf2\xa8K\xfb\xe5\x07hU\xb1\xd7zt\x9ejc\x85t\x0c=\xd3&lt;\x9a\x92\xdb\xde\x9e\xde\xa2pa\xf7\xc4\xb8X\x8c\xd15Mf\x18\x0e\x82q\xe8\x89r\xb1\xbav\xb9\xd75\xac&gt;\xa7\xa9\xd7Yh\x9e\x84\x82\xbe`0\xab\xeb&lt;\xb0(\\`d\xe4\xb3\xd9\xd8\xec\xac\xe3`*y0\x1b\x13\x82QI\xf2\x0e\xc2\xbf\xdc0%\xc7x\x8b\xd5\xcd\xd3%K\xa7&lt;\xfd\x7f\xa6\x04M}\x16\x93\xf5\xcey6\x06\x97\x0f\xe9Q\x1d9\xea4\x9f\x85\x1bq\xb1\xcff\x0f\x0e\x0e\x92\x07_\'\x93\xb3\x8d\x18\xb0nx\xa1Z\x0cjq\x1c\x93\xda=\\8-\xf4\xf5\xf5u~\xb3\xbc\x11T_Z\x10"\x96\x9a\xa1\xe0&gt;\xf5D=\x94\xd5\xb7t=D\xa13\x06\xadf\x0f\xf0H~\x9dl4\xf6CQ\xef\x10\xb0\x82\x0c\xc3\xc2\x05S\xd5\xb56VW\xa8\xc8\xe7{\x91\xe1\xa4\x8e\x8f\x19\xa4\xcbp\xfdP0\xb6\xdf\x98m\xcc\xce\x822\x95\n\x1al\x07\r\xb4\xfd\x14\xe2\x07\x13\x92\xf5h4\x15J\x1d\xd6\x16\xce\x03\xdd\xa1jo\xf2\x04\xd6\xc5a(\x9a\xa2\xe6J\x85\x1a\xc0\x98\x05\xc5\xf1\xf1\xf1\xc9n\xf1\xf8x\xbf\xb1\xdfh\x1c\xe0\xf7bJ\x07\x92W\xca\x14S\xc5|-\xb2p\x01\xac\xae\x9c\x8a\x82\xc3\xf6\xf7\x9aL\xbd\x81\x8b\x85|uc\xa3JkQ\xa9 \x08\xf6\xf7\xf7OvwwON\xe8I\x84xF\xa3\xc5L&amp;\xb3\x91\x89\xc7\x8b\x1b\x99\xc3Dd\xbc\x19p\x0et\x0b\xab\xd7\xd2g\xb2\x8c\\\xdc\x8aLN\x1e\x1e\xe6\xc3\xcb\xc8\xb0\xaa\xd5*p\xaaDt\xbc\x7f\x02,\xa8v\x92\x02S&lt;&lt;\x19\x0e\xe3\x19\xcf\xe7\xf3\xe1\xc4fs\xac\xafkXpz\x03k&amp;\x12\xa9\xd5j\x9b\xb8N\xd6j\x87\xd5\xeaS|\x81\x8b\xb0H\xb4j~\xb2\x16\x19\x1f\x1fO$\xea\xf5IZ\xf9I\x7f\xb2\xd9\x0ct\xebh\x1bq\xb5\xd4\x9a\x99\x8bL\xd66\xf1\xc2\x0b\x0b\x0b\xe3\x9b\x93\x00C\x83\x1dq\xcdTw\xabk\xc6_\xc6#\x89\x96\\\x195W\xafu\x0f\x8b\xc2!\xbaS\xe0\xe2\xe6\xcc\x9c\xf1\x8a\x93\t\xd2d|\xb36\x99\xcf?\x8d\xc7!\xcbdx\xb2\x8e\xb2~a!R\xaf\xd3\xfaX&lt;\x1c\xceD5)\xb7Zk\x8et\xf1 \xe0+\xac\xf5z8\x0c\x97Y^~\x14\x87\x19\x13dR\xf0\x18\xeba\x89H$RO/J\x92\xa4I\x12\xdc^G\x99\x98+\'\xba\x88e&amp;\xac\xde\xc2\xf9\xad\xb9\xf5z:\x83\xd7|\xf4h\x03\xc3\x8cD\xeeM\xf2\xd1:\x1d\xfa\x9e\xa4\r\x0f\r\xc9\xc3Q\xea\x8dE=(\xd8E%\x9dhv+n\x19\x91\xab\xaf\xcfR8\x7f\x7fn}=-\xe1U\x8b\x1bQ\x0c\xd4\xa2(G\xa5E\x15\x98@\x1a\xb4\xd9\x04\xb7[\xe0\x06\xbd\xde\xa8.I:\xc6m\xb6\xb4Bj\x99\xbav\xde\xee\r\xb3\xd3\t\xac\x9b\xb4oR\xd5t\x04L\x1a\xa8},;8({\xbdCC\xde!\x1b\xb2y\xc7\xe8(\xaa\x9e!/\xef\x92\xa2\x9cG\x90\xe4\xca&lt;a9\xbb\xa6\x16a\x99\x0b\xa73\x06\x96K\xc4\xe0\xc2S\xb9\xc8\xda\x8c\x06\x95\xdcn\x0f\x15\x19\x0e\x01\xd9\x8c\xec\x92\x8a\x8cG\x10\x18y\x85\xb0\xbahD\xc22-\xb5\xb1P\xff0\xf2\xb0Fu\x102c4*{\xfc\xa3\xc9\xa4!\x96\x1c\x1dVT\x1dE\xac0(+\xc0\xa2\xc1g\xa0\x9bF\\:\x85k\x95\xcb\x8b.\x11Y(&lt;\x9e\xf4\xa2\nvtt\x02\x95\xd9\xc4\xc4\x04\xe0\x84A^ST\xc9K\xb55\\k&gt;W\xbf\x08tf\x06\xf0\xffy\xbc\x81\xb5w:\xb7j\xac\xac\xcaH\xa5tIU\\2\xd5\x83\xad\x12\x91\xae(\\Q\xf1k\xf3\xe9Eo\xab\xe4_Q\xe6\xeb\xe7\x85v\xf5\xd4\x8d\x83\x80\xe4[\x84\xb5\x93^\x9cW\x86\x99XP\x97\x1eJ.\x11\t;\x95\xd1~\x8f\x1d\xb5\xac\x81eg\xb4\xc5rZ\xe6\x04\x8e+\x95Vr9`\x99\xcc\xdd\xc2r\x9a,P\xeb\x12X\x8a2?\xaf\x89HR\xb5\x8c\xc4\x8b(p\xdc\x82\xbd\xed\xf1\x0e\x0fU\xaeL4\x9e\x96dd\xa7b\x056,\xaf\x9e/\x99L\xc6v\xabNc\r\xb4\xb0\xacG\x97s\xebiES\x14M\xe6\x82A\x97\xa4\xe9py\x83\t\x0e\xe6O&amp;\t\xcb!\x04y5-\xd1\xac\x00\x0f*\x03\xcb8\xaa\xde\xf9\xe0e\xa6M\\f\x94&gt;O\xe7V\xd3\xaa6&lt;&lt;,3\xc1\xa0\x88\xac\x99\xe1@E\x1a\xf9\xe1\xf0\xc9)\x8f!\x97\xac\xe2\x9f*|\xa5R\x99\xdf)\xe7\xca\'G\x16+\x1d\xb8\xeb\xef\x02\x17\xee\t\xb5\xae\xe7\xca\xe9yI\xf3\xca\x88\x10&gt;\x86\x01[P\x98z01\xd5\xc6r\xc0\xb7&lt;\x8e\x98\xae\xa6\x17\xd5\\\x0e\xd6.\x97s\xb9\xd5\xea\xd5\x98\xd5\xe9\xec\xd8A\xc0W\x05\xba1q`6\xd1\n\x1e\xb0r\xf3\xd2\rM\x96\x89\tT1`\x19\xcb(\x0e\\\x1d\x1e\x075!\xf4\xb0\\\xae\xa3\xd2\xdeV\xe6\x11N\xd7\xc3\x7f\xf9x\xa95\x85\xd4\xf6{cK\xb3\xf95\xa8\xe8\xd1\x9a\x84\xe8\xb3Zz\x08k\xbd&lt;\xbf\xa2iZ\x14\xf6\xa3\xa2\x1f\x95\x97\xb1\xba\xe3\xf7\xb7\xc4"\xbd\x84\xe9\xb9\xb9U\x18/\xc7\x97\xf8J\xae\xbc\x9e\xf8\xf7\x87\x1f\xf4\xc0\x8a\xe67\xda\x9f\x8a\xf0Z\x9d\xd2\xdc&gt;L\xddK\x1fQ\xd0g\x1d\x1b{\xeb\xcd\xab\xb5\x99\x04\xed\xd9Wn\x10W\x08\xbeE\x13%\xb3\xd0kj"9\xeah7v\xf9\xfd\xdb;\n_Q*\xa5\n\xa9\x95\xf8\xc7??\x1e\xb3\xf6\xf4\x18\xa7\xa2,\xaf\xcbe\x9c\xd1"\xe9i\xda\xcd\xd2\xf3\xd6\xdf&gt;\xb8\xf7\xe47\xb7H.U\x81\x1d\x91E\xa0\x08"\xb8P\x90\xfa!\x19p\xd6AABTW\xb7+\x836vE\xa9TVVr\xeb\xeb\x7f\xfa\xe6\xf3\xc0H`\xaf\x10\xa0\x1b\xbd&amp;\x96aAz{4\x85\x17\xb8\xfb\x87\xcf\xbf\xff\xeb\xc7O~\xf6\xf6\x0c\x9c~qqQ\xba\x11\xc5\xe0S,\x16\xa9:\x8b"\x97`9\x01T\x18\x15\x1d\x828\xadTl\x82\rRU\x8c\xc0\xb5\xfe\xc7o~\xb8\x84[&lt;\xb9W\xa0\x19\xbc\xf6\xe9\x02\xf3\xb7\x0b\xea\xad#\xaf$\x95\xc5\x1ax\xef\xc3\xdf\xfe\xea\xd3\xc7\xef\\\xfd\xe4\xbb\xb7f\xea\xe94\xc0\x08\x8bv\x81\x17\xa9!\x1d\x15\x81\x05*\xc2b\x90\x85\r\x0e\x0e\x95J\x95\x12\x85\xf9\xf2\xfaO\xbf\xf7\xfb=gO\xe1\xce{\x05K\xcf\xb7?F\xf6_g\x96\x89j,\xd0\xf3\xe6\xa7?\xfa\xe8\xa3{\xef&lt;\xbe\xf3\xf7_\xbe}3\xf2\t\xc0H.\xa4\xa6\xf18\xc0R\xa9bQ\xe7&lt;\x8e\xd1\xe4\xc4\x7f\x189\xc3\xd04\xd24\x8e{c\xd3\xc4UfF\x07\xb1F\xcf\x16t;\xedx\xe3I\xdcn[\x19\xeb\xd1;z\x19S\xcen\xd7r\xb9b\x02\xb9\\wW\x8c_$$\x85\xaa\x880\x1f\xc2\xc4\x88\xb0W(GY\xe5\xb4\xde\x87\xc3.\xb1YpE\xf3!za\x8d\x94\xfbr\xf9R\xf6\xcb\xd2~\xd9@\xe9Q\n\x07\x85\xe3\x9e\xe7\x1dsw\x1c\xc7]\'\x12\x132\x19\x7f\xef\xf3\xfc\x9f\xe7}\xdey\xe7}!\xa3\x9e\x86N\xc753\xb3\x08X\xe4X\x8d\xde\xfd\xe0/\x7f\xad\xea)\x8a\nST\xc0\xffo\xea:\xde\x1cdb\xf2\x1d\xb1\x0c\x06\xdc!\x03\xect\x12\xda\x98\x92\xc2\x92&lt;\x00\xaa\xedWo\xbe\xf9\xc5\x07\xf3X7\'}h-\x18F\xc0\xe8\xe6\xfa.\x8c\xfc\xcf\xfeh\x0e\n\x1b\x82u\xc5e\xb1\xd8\xed\xf0\x02(\xe7\xe2\xea\xd5\xcb\x0f~\xffw\x89\xf2{\x02\x94&gt;\xad\xa4\xe3\x06|6\xf3?\xc1\xde\xc5R\xba\xa9\xf1\xa6/\x82 d\x9b\rE\x96\x07)%#o\xbfzu\xf8\xe5\xcf\x7frM\xc3\n\xb9I!\x7f\xe9\xf6\'\xd7\xaf\xef^\xb8\xb2t\x9a\xf8p\xee\xc9Y\xb0\x96\x1d\xb8,v\xc7\x0cJ&gt;\xb9N\xb0&lt;\xe1\x80\xdfO\x8dJ%\xb5\x9e\r\x98\xa1#\x83VC\xc7\xa1G\x97\xbc\xfd\x7fXS\x9a\xd6\r\x06!^M\xa7\xd3\xd5j\xa1]\xcce\n\xb9\xfdV\xbe\x87X\xd2\x9b\xfb\x1f\x1dc\x85"\xbe\xab7go\xde\xfebw\xf71\xde\xe0\x9a\xfb\x16\x8e\xb9\xb9s\x17\x1c\x0e\x8b\xc5aYt\xb8#\xab\xab\xcb\xc9\xdf\xcc~z\x9f`\xf9=~\xff \xd7\xed\x94\x86\x8d\xc2\x8a`\x16\xcc\xe8\x11\xf3\x99\x13\xef\xb2C\x8a\xb6\xc7\x89aEQ\x87\x7f\xebt\x87\x07\xa5XMIu8\x9b)\xa1n\x03\x9748\xfa|\xfe2\xc1\x02q-\x00\xd6g;_&lt;\xde\xdc\\\x02;!\xd5\xb7O6/\x06CA\xa8\xedgff"\xab\xcbH5\xff\xf9\xfd?\xbe\xaez\xc2\x1e\x0f\x05\x9e\x0c\xcbJ\xb13,\xa3\xc9\x80l\xbc\xf2t\xea\x7f\xc7\xa6\xb6\x95\xc8\x94!\xde\xacmT\x12\x95\x8d\xfe\xb0\xac\xc8\xa9\xbe\xb5\xd59(\xf6d4W\xf8pM\xd3\x16\x18\xcb\x1d\xf4]\x9a\xfdl\xed\x93\xc7KO\x8e\xa9\xe66w\x17\x16Bn\x11\x06en\xcc\x0e\xcb\xd1\xf5\xf9k\x0f\xee\x7fs\xb4\x82X~\x8a\x92\xb3\x92\xc7\x93\x1d\x95s\xb9FjE0\xa0\xcd\xccf\xbd\xee\xbf\x84\xe7\xd4\xbf\x12\xc28\x02\x85\x95\xccaJ\x19)\xa9\x8c$K\xcdR_U\xd2\x924\x08\x87\x01K\x8e\x7fuoV\x93\x96(\xba\x17\xa20|\xbd}}\x13\xb1~\x86\xc2Z\xda\xdc\r\x86|AqF\x84*#\xe2K&amp;\xa3\xeb\xb3\xf3\x1f=x\xf8&amp;\x0e\x1e\xf4S\x82\xbf^\xab\xa9\xcd\x82$g\x94r\xb1\\O\xc7\x05\xd4\xaf~\xfc\xc1\xda\xad\x0e\rO\xa3\xc1[E$\xcf\x9d\x80\x16\x04\xaa\xd9tV\x92eY\x1a4\x0fJ\xb9\x14\xfe(K\x04k;\\\xfdn\x07\xb0\x80K\x14\xc5Hr\x16\xd78\xec.--\xcd\xdd\x82$\xbf\x847\x03\xc1\x87p\x00U\x08\xb1\xa2w/_{\xf0\xdbz\xd8\x83\xd2\xf2\xfb\xdb\x95\xadG\x95|7\xd7+\xa4\x0b\xcdv\xbb\xa9dV\xe2\x98\xfbQ\xf9\x93o\'\x91jr\xea\xd8q\x18\x12\x10\xb5\x98\xcf\xcd\x02\xca\xbc\xd3\xef\x1c\x94\x9b\xbd\\go\xbf\t\x16\xcb\xd6\xdbj[\x02\'no\x87=_?\xbd\x94\xbc\x01\tBt\x88\xee\x1b\xd1u\xc8\x10\x0b\x17\xae\x9c\xbeu\xeb\xf4\xd2\xd9\xcd\xdd\x8bA\x14\x96\x03\xb1\xdc\xa1\x10t\x07\xc9\xf5\xbb\xf3\x0f^\xa7)p \xf4\xf5T*wP\xcb\xb7\x12\xd6V\x7f\xd8H\r2\xf5^\xa3\xa7\x14\xd2+\x14\xceR\x9d\xc1\xe3$\xa9\x16\xd1w\xb8.R\x8f\xf5\x10BeG\xb9\xee\xfe^\xc24M\'Z\x15c\xa2\xa6\xc8R\xbd\xdc\x8d\xb5\x12\xf9fX\xc3\n\xbcxzuy\x19\x9d(\xba}W\xa3\x90Q\x17~I\xa6\x9f\xa0\x9a\x11\xf6d(\x00\x00\t.IDAT\x00[\x85D\x0br\xb9\tW(\xf4\xab\xe8\xdd_\x7f\xfa\xa6\n\xc9T\x8f\x89P\x065\xa4\x9a\x8db\'\xd6\xaa\xc4\x86\xe5Q*SP\xda\x8d\x11zS\xdb\xea\tz\xa7\x93Z\x9e\xc2\x1c\x82\xb3s\x82\x10\xc8\xf4\xd4\x9c\xda\xe8\xf5\xca\xc3|b\x0b\x9a\xa4\x16\xb6S\xb9|\xc5\xc8\x1a\xad\x95\x1ch~[\x06o\xc4\x0f\x9f\'\x97\xb5\xbb\r!\x1fR]\xbfh\xb1\xb8\xae\xb8pn#\x18t;\x08\x16\xb1\xd7*\x18,\xba~\xf7\xdeW\x01\rK\xa0\xa4\xcc`\x1b\x15\x91Q\x00-\xbf\x17\xeb\x14\xcbM%\x95J\xc7A\xfc\xb8\x92\x18\xc0NL\x8d\x97Zh\xa0 \xf4\x9eZF=\xa2\xa8\x94\x86\xaa\xb6SR\xa6\xdcO\x18\x8dVxY\xbb\x03\xc0\n\x87=\x94\xa7\xfa\xdd\xb3d(r\x07m\xe2\xbb\xe1\xf3\x05?\x86\x9a\xf0&lt;\xfc\x06o\xa2\xa8\xf9P\xb3W(\xb4\x9c\xfcit\x1d\xa71P%fsX-u\x86E\xb5\x97\x1a\xc8\xf2\xab\x02nB\xd5\xcf\xf7;\xb5b\xa3\x8e;di\xbbc\x19\xcc\xe3\xbdM\xcc\xb8aG\xb6\xde\xc8\x95G\x83l\xa1\xae`\x08\x86\xf1\x90\x94a\x8b\xe7y\xa3\x11\xb1\xf2JX\x96\xc3$\xa0\xb2/\x9f\x85\xdcw 5\xb9C\xd0K\x07!}\xc2\x00\xdf\xe1\xb0cvw\x90\xc3b\x17\xdd!\xc2\xe5K\xae\xbd\\1\x93|n\xa62y\x8ee\x8d\x89\xbd|\r\x94%\x87\xd1jmuX\xda\xef\x97:\x07*\xa8\xacJ\xd0\xb4U&lt;\x06s&lt;=R\x87\xddb/\x03j/\xc56\xf6 T\x9a\x03IJ\xa9yp\xdf1V\xab\r\xa0\x98{\x0cf\x7f\xfa\xe9\x0e|(\xa4\x01\xc4\x12\x11\x0b\xe7S\xa0l\x00\x9e\xf1!\x06#\x9a\xba\xd6\xbf?\xc4\x05\xc20\xc4\xa0\xa8v\xcbhd\x81\x8c\xb5\xb6\xf6\x87j{T\x80\x80\xdf\x06\xe57\xcb\x07\xb5ni\xbf[\x84l\xe6G\xac3\xe6@\xbc\x9e\xeb\x96:\xc5^AQK-\xab\x91\xe7L6\xd3\xd6FwX\xeb\'8$\xe2\x11\xcahL\x14%\x92\x12\xb1\x1d\xfe\x17\xcfw"\x91\x19\x07\x82\x85p.\xc5\xf2\xb1\xc3\x85}\xa1\xc3\xeet:\x91\xca\x81\xe2\x87?\xbaC\x7f\x02\xc1\x93$m\xa0\xa8\xa2\x95`\xe1\xf5x&gt;\xd1\x8a\xf5\xbb\xc3\\\xb9W\x07\x13H\x83\xc2\xa8\x0cr+\xa9\x85\xb8\x0e\xd7\x1ef\xd4&gt;\xb1)\x91\x11\x0b\x14\xf4\xf4\xb4\xcdDsV#\xcb\xf2DWF+\xcfs\x1cW*\x90\x0e\xc4p\x12S\xdb\x8b\xe7k\x91\x08v2n_\xd0\x0e#h\xd1\xe2\xc4\xe1\xbd\x9d`9\xd1X\x80%\xbaE\xf7\xe5\xd78\xcb\x89e\xbc\x99\x92:p1\x0e\xb1\xe0\x8b\x076/\xc3Z+{\xb1R-\xd7V2\x18\xa4\xed\x83R\xad\xad\x13\x84x\xbd\x16\xab5\xb3aiT\xab\x10w\xb1\xcc\xf4{\xef\x99\x18h\x10r!\'\xeb\xf52\xb4\xcddz\xa4\xca\x1e?&amp;&gt;\n\x8b\xb0\xc3\xa35\xf0\x92\xe3\xc7"\xa6\x04t\xe0)\x97\x0b\r\x05\xdf\x9c.\xa7C\x0c\x05\xa1\x0fr\x9c\x9f}\xf82n\xc6!\xe2\xd4\x84 \xd47X@\xe1Xrm\xc0\xb2\xb2\x0c\x07m\x86&amp;\x1b\x13\x1b\x9dbC\x01\xb3)\xb9\xae\xce\xbc\xd2\xec\x97\xda\x92GN\xe5bp\x06\x8f\x10&amp;\xa0\x023\xe1?A\xbb\xbc,\xcb\xd8\x80\t_\x1b#\x0f\x10M\x19\xa8\x13g\x04\xe4\xba\x07\x9flAi\x83\xa2\x16\x17\xcf\x13I\xb9\x9c`3\xc0\x13!\xb1Y\\\x96\x9d?\x1fe!QN\xe1\xa3\xd1T\xbc\xfc\xc8F3\xdc\x18\x0b\x0c\xc62\x88\x85\xbf\x00\x19\xcb\'bD\xd3u\xddJc\xbfX\x08\x873j\xfe\x11M\xb3$\xe8\xbc\xd3?\x98f\x88\xc6\xad M\x96\xa6MHe\xc2\xefL\'\x83\x0f%\x1b&amp;\xf48\xa3\x1e8|\xbdv\n\xc2\x0fs\xd4\xcc\x9dH\xe4\x0e\xd8\xcea\x01\xa4s\xe7\x08V\xd0~\xf1\xe2\xceC\xa4\xd2\xb0\x84@\xba?=M\x04\xe25jX^\x86\xd1\x109\x82\xc7\xb2\x1c\xdf\xea\xe7\x14\x9d\xdamH\xe1L9oe\x18\x86\xf6"\x15\xcfMO\x9b\xc6\xe1\x07g\xd3&amp;\x8d\x8a\xbc\xdb\xac9\x992\x9f\x84P\xd7c\x1c\x07^\x1c}o\x07\x8dC\xfc\xb9?\xfcp\xf5\x0eI\x11.\xbc\xdd\x86\xda\x82^ \xb8\x06T~&lt;uJ7A\xf9\xe3\xe5-\x82\x05\x17\x04\x9b\x8d\xadE\xb08\x9a\xe6\xb6P3D5-\x1d\xf6-\xbd\x12\xcb\xb0\xf0\xb94\x81\xe19\xdb4\x9c\x0b\xa7lq\xf8\xcf\x0c\xe1\xa1\x194\x9a\xcdVi\xc7)\x9c\x895\xe8\r\x13\xb8\x80\xf8h\r$\x0e\xba\xb2/B%z\xdeN\xe2\x10\xe7\xf5-\x98Q\xc5\x9b\x0f\x8f\xaa`*\xb2n\x0c\xc6)\x85&lt; iT(\n\xda\xbb\xc52\xde-b,\x93\xc9\x8b\xef^/\x0f`^\xdd@\xae\x17+&amp;\xce\xc8\xc0\xd9\x0c\x8b\xd9\x80\x85841\xbc\x15\xbd\xc7l\xb1&lt;h\x1d\xcdE|\t\xef\xf9\x02T\xbcz2\xa4\x9a\x84\xf4\x98~\xf3\xec\xd4\x154\x8e\xd3\x85\x89\x8b$\x07\xe7\xfb\xe7\\\x16\xb7[\x0cF\xff\xf0\xfakD\x9a$\xa3\x02a\xa5HZ\x86\x96\xa7\xe9\xb16h\x06\xfd\xc9#\x16\xf1\xa9\x97\xe5Af:E\x8d\x01"\xc7A\xf4\x998\x08\r\x8e\xb6\xc6\xf6\xf3\xf9NQ\x8d\x81\x94\xb6\xac&lt;Z\xcbt|\x19\xb8P\xa2\xe9\x17\xccX\x01M@\xc0\x0b~\x0f\xe4{\xf1\x87\x98\x1a\x9c\xe4\xa9\x8c\xf7\x9d\x16;\x11\xbc;\x14\x89~I&lt;\x88E\x13V&amp;\xf1v\xcbD\xdb\xb4k\x91\xeb\x8d\x1b\xcaZi\xb4\x1c\x1a\x8b1\x81\x8eX\x8e\xd6\xc5\x12\x1c\xe7e\x08\x96\rR\'\xbfW+C\x9f\x9e\xc9V\xd3\x1d\x1b\x03\xa7\xf2,\xa8\x12\x8e\xf15l\xb6G\xedp\x00\xb2\xd0\x04\x94i\xb8:\x9d\n@\xff\x18\x04=\xe1\x8d-|\xb4\xc6\x81\xfa\x02\xad\xad.\xaf\xff\xeeMV\x08\x90Q\xf4\xdb\xb7\'\xcc\xfaL\x89\xb4\xed\x9fX\x9a\x0b\xe8\x7f\x14q\xf5\xa0m\x03a4\x9c\x1c5\xc2B\'U\x98\xa6SEQIb-\x07Z\xda\xe0"\x9a\xcdS3x*\xee\x14\x92bZ/\xa6dR\x8c\xf1fBd&lt;wH\x0c6\xdd2$[\x83\xbb8\xc6\x90BF/\x81\x0c%Y\x12\xf0\xd6\xa9K\xdf\xf7Ii\x0e[\xc8\xf88\x9e\xde\xf7\xf7\xbeC\x92\xd5i^t+\xb5\x00\xa4\xd8&amp;\xa8\x81%\xe5\x82\x0bp\x92&lt;\x08\xb0\xe0k\x83\x9f\x93PA$\x08\xa7?2)\x17\xaf\x80T\x9b\xa1e\x01\x99\xf4\xa2\xd0I\x95\xe3\xa2\xe0\xe6\xa8?\xbc\xf9\xf8|\xf5\x05o~\xbfZ\x83T\xde\x06\xa8\xb7\x9b\xbb\xf7\xf3~\xb1\xa8\xbc\xf4\xfd\x87 \xb6\xdd2%\x93\xf4\xc8\x16\xce\xa5\x9c\xd6\xa906\xcfN\xf3\xf8\xdb\xa5\xbci-\x803\x9b\x12\t\x19\xd1\xae\xf4&amp;&gt;\xb4Z9\x82\\+\x8d\\\n\x11r6\xc0B\xa4H^\xd1\x0c\xf6\xab\xd5\xa2\x91\xed\xe1\x08Vh\xd5\xd9\xe5\xe1\xd3U\xde\xabYF\x03F\xe3\xf3\x87\xbb\xf9m\xaaU\xd2\x8d\x1aCE\xeds\x99\xf0*\x04,\xf3\x0b\x82\xd5\xaa\xfb\xd0\xf9Q\x0c\x1d&lt;\x1d\x17V\xc8\x94\x0b\xc4\x05P\x11,+\x18\xc5*\x0cu-\x8a\x80mo\xc4\x91\xbbB\x0e\x89I\xa0T\x06\xf4q\x9b\xf4\xa0\x07\xe1z\xa2\xeb\xdc\xe5Q!\xba\xdeY\'\x97Z^CS\xb1\xf5uk\xe3\xear\xd6\xc7\xb5\x01T.\xa7\xe7r9\x03\x0b\xc7]\x99`\x19\x06$\xe5\x03a\xd2\x02,(\x00G\xf8\xa58&gt;&gt;\xa8\x14RX\xa8v\xf8J\x84\x9f9\xad\xab\xaa\xd0\x05`a\xce _\xa8q\xf5\xa1\xf8\x05\xac\xc0\r\x82 \t$`e\xbb\xb3\xdc\</t>
        </is>
      </c>
      <c r="M204" s="3" t="n">
        <v>45492.67822916667</v>
      </c>
    </row>
    <row r="205">
      <c r="A205" t="n">
        <v>823653</v>
      </c>
      <c r="B205" t="n">
        <v>1954</v>
      </c>
      <c r="C205" t="inlineStr">
        <is>
          <t>Mateus Vital</t>
        </is>
      </c>
      <c r="D205" t="inlineStr">
        <is>
          <t>Mateus Vital</t>
        </is>
      </c>
      <c r="E205" t="inlineStr">
        <is>
          <t>PE</t>
        </is>
      </c>
      <c r="F205" t="inlineStr">
        <is>
          <t>ATA</t>
        </is>
      </c>
      <c r="G205" t="inlineStr">
        <is>
          <t>PE/MEI</t>
        </is>
      </c>
      <c r="H205" t="n">
        <v>175</v>
      </c>
      <c r="I205" t="n">
        <v>7</v>
      </c>
      <c r="J205" s="2" t="n">
        <v>35837</v>
      </c>
      <c r="K205" t="inlineStr">
        <is>
          <t>Right</t>
        </is>
      </c>
      <c r="L20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9626898-8d4c-4539-aebc-c7af376993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c2\xf0\x9d\x00\x00\x00&gt;tEXtComment\x00xr:d:DAEewil2SDw:3796,j:1497870925631122622,t:24040619\x85uW\x81\x00\x00\x00\tpHYs\x00\x00\x0e\xc4\x00\x00\x0e\xc4\x01\x95+\x0e\x1b\x00\x00\x03\x00PLTE\xff\xff\xff\x00/\xc3\x00&gt;\xdc\x00.\xbf\x00.\xb9\x002\xbf\x001\xc5\xff\xfe\xff\x00/\xbc\x002\xc2\xfe\xfe\xfe\x00@\xe1\xbc\x89\x81\x00,\xb5\xbf\x8d\x86\xbd\x90\x8a\x00\x1f\x98\xc5\x97\x92\x004\xc6\xbb\x84|\x00=\xd7\xb7|v\xc1\x94\x8d\x008\xca\x00E\xe3\x97gd\x003\xca\x00$\xa4\xbe}r\xc2\x88~\xb4uk\xba\x8b\x86\x00"\x9f\xabcX\xa8lg\xadtl\x94]U\xb7\x85\x80\x01\'\xad\xb3qe\xafmi\xc4{m\xa3rl\x8eYQ\xba\x81w\x01(\xb2\xb4yq\x00%\xa8\xb1}v\xadhd\xa8f^\xc3rk\x00J\xe5\xa1g`\x009\xd0\xadwq\x9c[S\xb6\x7f}\xb0\x81|\xb6ka\xc9\x95\x8c\xb2h\\$23\xbe\x80}\xbcrg\xa4_\\\xcc\x99\x91\x04)\xb9\x9cbX\xbbxm\xc0tt\x00\x1a\x90\xca\x8c}\xc7\x81t\xc5xy\xc6\x9c\x98\xacma\xcb\x91\x85\xf3\xf4\xf5nHD\xaa{x\xca\x9f\x9a\xc4\x91\x85~YU\xa3ZQ\xb6qp\x97UM\xa4vssPJ\x94b_\xa2RG\xc2\x82v\xc1\xd5\xe3\xb5aV\xc1ki\xc0\x88\x86\xa1jg\xd0z}\xd0\x93\x8b\x1f((\x9eWM\xd3\xa3\x9d\xb2\x88\x84\xba\x97\x94\xcc\x88\x83\xc6\x8c\x82\xc5}{\xc5\x91\x8b\xaa[P@OP.&lt;=\xf9\xfa\xfa\xcc\x82{&gt;77\xc9\xda\xe7\xb2WS\x9anj\xa4aU\x89OF\x00P\xebKPN\xb7ii}PI\x92NE\x9aOHR\\[sWU\xcavsP87~HA\xca\x80\x84\xaaJH\x86VN\x8fE;\xeb\xee\xf1J//\xc7\x84\x7f\xca\xa3\xa1\xc8\x88x\xbd_a6EG\xd3\x9c\x96\xb4_`\x17\x1e ftr\xc7\x89\x8aC&amp;&amp;_pn\xd5\xa7\xa5\x8a_[AED\xd3\x81\x85iQP\x13\x0e\x10t\x84\x82Sdc\x00D\xdc\x8deau=5bA&gt;^KIj{y\xd3\xa9\xabWBB\x7f\x90\x8e\xce\x8b\x8e\xb5\x90\x8f\xbek^\xd5\xd9\xdb\xdf\xe6\xec^73FXY\xe1\xdc\xdc;-,\xa7\xbc\xd5\xd5\x92\x99\xabSY_feJ@?\x99L=\xc7\xcf\xd3\xba\xd1\xe0\x00U\xee\xe9\xe8\xe9\xc2\xaf\xaf1#"\xa7\x82\x7f1-0\xd4\xe1\xe9w]^\x99\xad\xc8\xd6\x8a\x8e)\x19\x19\xcbdc\x98ts\xc7\xc5\xc7\x80``\xbc\xa1\xa3\x9dB=Xkj\xb7\xca\xdd\x1a9\xb9-H\xbb\xae\xc4\xdaw\x91\xcf\xd8\x9c\xa3~\x93\xba\xcfgs\xbcKS,9\xa8\x00[\xf5\xa5\xaf\xb2\x93\x9a\x9e\x9b\xb1\xd7\xcc\xba\xbb|kl\xa6\x8a\x88]q\xb1\xc8Q]\xa67&gt;~&amp;%Rn\xc6\xb9\xc0\xc4\x9023a&amp; \xd8\xcb\xcc\x8a\xa0\xd0\x15,\xb2\x8bkl\x13A\xc3\xa4\x9e\xa0l\x81\xbfFb\xc6\xb0\xb8\xbb1R\xc3\x10\x16a\x05,\xa5\x9b|\x80G\\\xa8\x04J\xd6\xb87F\x17\x14Iwc\x94]\x82\xd4\x1a/\x9d\x04\x16\x80\xda\xaf\xb8D\x13\x10KH\x93-\\\xcdjQp&gt;8t\x13,\x8eTBp\x84\xa4\xe0\x1a!p\xd7P\xb52\x00\x00 \x00IDATx\xda\xc4\x97\xd1O\x1a\xe9\x1a\xc6\xbdkBN\xceI/\xba\x89\x89v\x83k\xe3\xb1$\'\x91\xa6Y\xb6\xc8\x14\x8d6\xd2\x16i\x17\x96*\x86\xae\x11\xdb\xa3[gtR!\xa38\x08\xa9\x15\xdb3.\xb3\x8e\x12\x9c\x89\xc2\x14R\x14j6\xa0\x89A\xd6\xc4l{\xcaU\xaf0\xb1W^\x99&amp;^\xec\xffp\x9e\x0f{\xd2\x7f\x00\xec[;\x90X\xe5\xd7\xe7y\xbf\xe7}\xbf\xba\xba\xaa\x94FsA\xa3\xd1\xe0\xa5Ru_\xbf\xce@\xc6{ww\xff\xd8\xd8\x9dG\xf5\x8e\x8f\x13\xc0\xaf\x0e5\xbe\xfbf\xa7\x9cRU%+\xc9\xa9T\xea\xb0\xfcvsw\xfc+b\x11\xd3z7w&gt;\x01\x88\x11\x18O\x84\xa2\x04\x81\xa1&lt;\x1eAL\x9d\xfe\xa1\xa9\xfbJ\x8aA\xa8\xddSY\xa1\x19\x8a\xa1\xe8,CQ\x8c@QT\xc4\xc3\x80\x91.\x1d\x9e\xee~\x8d&amp;\x83P\x1b\xe5\x12\x90\x18J\xa0\x15%\x9b%\xaf\x02\x9d\x15\x98\x08d\xf3@\xb9\xd4N\xef\xf9\x83i\xe6\xcb\xbc\xc0d\xb3|6+I\x92\x92-)4\x9d-\xa9\n\x9d\x05\x9c@y"\x1e*[\xde\x1d?o\xff6\x0fa\x19-I\xa2XR\xf8RIQUQ\x95e\x89\xe7\x04^\x16\xb3\xe0\xf2P\x1eF&gt;\xee\xd5\x9c\'\xd5\xeei\t&gt;E%UR\x94\x92(\x898\x81\xb2\x8csXR\x14Z\x00/\xdc$\xddF\xd1\xa7\xe7\xc7\xa5\xe9\xdd\x91\x85U\x8f D9\x8e\xaf\x10IjJ\x16EUU%UV%\x89Fo\xd1\xa5,\x8e\x02%\x1c\xce\x8f\x9fSZ\xf4\x96yj\x95RD\x85\xcf\xc92\x9cC\x89\x92\xac\x8a\xa4T\xa9\x84\xb8`\xb2B$"\x084R\x83I\x9575\xe7\xa2U\x99\xa6"\x11)%\xe7\xa4\x14)1\xa7(r\x8eS\x94\\\x0e\xa6\x96$Q*1H\t\x98L\tTd5"\x1c\x9e\x03\x17\xa8\xb2\xc4\xa3\x94\xca\xe7r&lt;\x0f\x13!S\x8eWr&lt;\x1d\xe5xI\xcd\x96`\xab\x94e\xe8\xca\x81\xa4\xa0W\x84\x92\xdf\xd4&lt;)zO\xb3T\x84\x11D5\'\x02L\xe2\x8a\x1c\xa08\x8e\xe6\xf8\x12\xcf\xd2\\\xae\x94\xe5\x15\xb5\x04(\x06Q\x81\x7f\x8a|\x8dP\xe5Zk5~\x0c\xad\x18ZQ\xa5\x9cB\xc38&gt;\xcaFy\x9e\x8bF\xa3,M\xde\x03\x90\xe68IT$\x0ei/\xd0\x11\x8fg5\xe29\xac\xf5y\x9cO\xa1i8^VA\xc2\x01\'\xcfq\xf9&lt;`\xd8"\xcb\x126\x96\xcdsy6J\xdaL\x892\x0c\x19\x91\x91\xd5U\xa6&lt;\xaf\xb9PK\xb1\xca\n\xe5\x11hQ\xe6\x88F\xf9d&gt;\x98L\xc4\x12\x89d2O\xa880\xb2\xc9D&lt;\x1e\x0c&amp;\x12\xbc\xc4E\xb9(S\xc1Z\x8d\x96k\xa8\x97\xa6nS\x16&lt;\x14\xcf\xcb\x12\xc7%\xe3\t\x9bm:4=7\xb7\xb2\xb2f\xef\x8b%c\xb1\xd8\xfe\xfe~\xdc\xd6\xa7k\xd6\xf9B\xb6@\x80\x87\x8e\x98\x91\xe44F\xe4]M-O\xa1\xc2PQ1\'\xf2\x898\x90\xe6|3\x06\xafV\x7f\xf7\xee\xf5\xc1\xfa\x95w\xf6\x80}\xad\xfezWW\x97\x97\x94\xd3gK$\x82A\x16z\xad\xaeb\x12\xa5vk7s6TlVJN\xcc\xc5l\xeb&gt;\xdf\xf3\xed\x19\x97w\xccm2\xb5\xdcm\xf9\xae\xe9\xead}\x7f\x97\xded4\x99\xdcc(\xc7\xb03\xb4n\xcb\x84\x83\xec\x81\xc7\x03\xc5\xf8\x8dZ\x85\x84\xa6\xf7\x10\xebA\x94\x17\x8f\xf6\xed\xa1\xe7\xcf\x9foo\xbb\\c\xc02\xb6\xb4\x98\xcd\xe6\xcb-\xa03\xa6\xd3F\xb7\xfb\xa9[K\xb8\x1c3\xfe\xe9\xf5L\x90-\x16&lt;\x90K\xaeQ\xa8j\xc6\xdfJY\x1c\x7fI\xde_\xf3}\xa1r\xa7\x8d\xc6\xb4\xb9\xbb\x15\x85\x87\xd9\x9cN\xbb\xddn(\xe6p\xb9\x86\x87\x9d\xbeP&amp;\xc9\x1e\xa0\xb9"\x82\xbcQ\x13.\xcd&lt;\x16\x84\xac\x02\xb1N\xe6\x9e\x93\xda~\xf6\xec\xe9S`A\xaa\xd6/\x05\xaet\x9a8\xe9r\xb9ff\x9c\xb02xP\xc4y\xa4\x94\x9dZ\xd8\xa8\xd1\x1c\xab\xa5RN\xe1\x8fNt\x84\xe9\xf9\xfb\xf7\xcf\x08T:\r(\x8b\xc5\xf2\xd2\xf2\x99\xebZ\x85\xcb\xfdt\x8c`\xcd\xf8u\xa1\xccV\x91\x84=\x96\x89Z\xc85~(Ij\x89\xcf\x1d\xad\xf8\x88\x83\xef\xb7+TD(\xcb\x00\xa8^~\xe1B\x01ll\x8c`9\xfd\x90k\xabH\xba\x8b~[\xfd\x15\x07\xfb\xa8\x8c\xed\x05\xcb\xcc\xfe\x1c\xd1j{\xfb\xd9\x18\xa4\xbaF\x94z\xf9\xff\x9a \x8f\x01\x0b\x11\xaf\xd5l\xd4\x8e\r\x03\xcc\xef\x87\\\xac\x87\xd8X\x8b\x19\xa4)c\xd9\x93r|b\xda\xe7\xdfF\xb9\xc6\xdc\xe6k\x15\xa6\x9e\x9e\x97g\x8f\x9e\xb3\x02\xdd\xc8\xc8BC7\xe1\x1aFw\xf92K,\xe9\xae\x88Zu\x17/\xa0\xe1yQTr\\l\xda\xef\xafP\x99\xcc\x03\x0b\xa3\xa3Vk\x0f\xbe~\xac\xf0XQ\xed\xedV\xebP\xe7\xe2\xfd\x8b?\xdf\xbcl4y\x11_~\x9f\r.\x92M\x82\xae~viv\x14\xec\xc14\x97\x8f\x85\x08\x96\xcb\xa1mi\x18mo\x1fj\x1f\x1a\x02\x16\xd1\xe8\x8c\xab\xfdG\xab\xb5s\xf1\xd1\x8b\xce\'\x8d\x97\xcc&amp;\xad\xa3\x12\x12\xf1p\x81\xc1\x08\xa2\xca\xe3\xd5\xc7\xe2Xl.l\x12X38\xfbc\xc6\xee\x01`\x11m\x86\xac\x04\n\x1eZAh\x1d\xb5\xb6w\xa2.\x8e66t\xb7\x98\xbc\xb0\xd1\x1f\x8a\x07\x0bEfu5rXm,\xc4\x03\xc7f\x8bE6\xdf\x87\xd6\x02\x16\xc4\x1a\x80\x83C\x95\xaf\x8a\\\x13#\xe4\x9du\xa4\x07\x1avv\xfe\xd6\xf8\xcb\xed\xee\xee\x16\xbd\xd7\xe1r\xcee\xc2\x85\x02\x85EB\xec\xad&gt;\x16\xcd\x82j+\x18\xf2\xf9\xfd\xc3\xc3\x0eS\xf7\xcdF\xd2Y\x84j\xa4\xe7\xa5\xc5\xd23B\xb0\xf0n`tttada\xe0\xd6-sw\xcb]\xbd\xd6a\xd0\xa1\xb9\n\x07\xc0\xe26\xab\xdc\\D\xad(V=\x96`\xcd\x0c\xa3\xb3\xba\x07\x06\x1a\x1b\xcf\x8e\xde\x04\x02\xc12111\xd2\xd3ci\xbd\xd5z\xbb\xb5\xf56\xa2\xcb&lt;5\xd5r\x19\\^o\xb3\xdd\x16,\x1c\x80\x8b\xd9\xa8:\xd6)v\xcfh4\x1fG&gt;\x0c;\xbc\xc0j@\r \xdcIH\x91\xa0\x00\xd6\xe8\x84\x05&lt;\x0f\xc9\xdf\xff`T\x1a[\xcc\x04\xab\xa3\xcb\x1eK\xb0\x84+Zu\xac\xf1\xb2@6\xe2d\xdf\xb4\xcf9&lt;\xa65a\x10v\x9b\xaf!Mg[o\xe1\xd9:;A\xca\x02\xac\x87\x0f\x1f\xa6\x8d\xbf\xba\xf1\xc7d4\x9a\xf4m\xfa\xeb\xd7Wb\x89&lt;\x0b\x1f\xd9\xea\xabu\x1c-n-\x85\xb1\xfd\xe9\x9c\x06\xa8e4\x9a\xcd\xd8\x1c\xc8\xa01W\xa2\xfe3V\xeb\x19\x17Y#\xdc\xbfjMmZ\xbd\xbei\xb0&gt;\x90H\xe6\xb7\xb6\n\xd5\xc7\xbap\x8c\xdf\xbb\x14\xce\xc4}N\x83\xc1\xeb\x18#J\x98\xd2\x15\xae\xd6\xca\xa8\x9e\x98\xe8\x99X\xb0\xcc\xce\xce^\x9b\x9d\xc5\\4\xe3\xdb&amp;\xadV\xdf\xe1\xd5\xb75\xd5\xdb\x13\xb1$\xe4*\x1eW\xbf\xb7\xd8\xadp0\x98Y\xf7\x19\xbc\x06\x87\xc3\xa1\xc5\xa7\x9a\xd2\x0f\xcd\x84\xc8b\xa9X8\xd23B\x9e\x18&lt;\xbf,\x0c4tO\xb5\x01\xab\xc3\xdb\xa1\xbf\xdb4\xd8\xdf\x07\x1b\xb7\xb6\x8a\x9f\xaa\x8eUF8\xc4m\xf1\xf5\xb9\xae\xaea\x17\xc9S-i\xb0\xd6\x89\x05\xc0 \x1cF\x00e\xc5shh\xa8\x93\x04\x7fc\xc3OSmmZ\x87\xc3\xd0\xd1\xd648\xb8F\xba\x8b-\xa6\xaa\xde\xf2\x9f\xb6\xd8p\xb2o}\xdd\xe75`\x91\xaap\x19\xbb\x1b\x16* \xa4\xce^\x17\x17\x1f}\xf8\xf0aq\xb1\x133\xf1\xa7\xa9\xa9\xb6\x0e\x83\xc1\xd1\x01\xacA\x1cF\xdc\xda\x90\xa7\x17\xaa\x8d\x15\x86Z\xb6\x90\xce\xeb\xdc\x9e\xf1\xcf\xcc\xb8 \xd6\xcd\xd1\xdf\x9etv.\x92\xfa\xcc\xf4hy\xf9\xd5\xabW\xcb\xcb/^\xfc\xfb\x9b\x1f\xda \x14\xb8:\xf48\x8c\xe8z\\\'\xe5*c\xd5\xf5~\n\xe6\xe38\x87s\xcd\x18r~\x92\xa8\xfa\x7f^\xfa\xdb7\x17/\xde\x7fT)\x82\xf6;\xa0\x96_\x81\x0bP\xaf?\xfe\xf5\xe7\xc9\x9c\xae\xffzG\xb3\xa1\x03T\xf5\xfb\xe4\x9e[\xed\xeb"n=\xc9d\x12T\x06\x03\xc1\xc2\xd2\xd9\xdc_\xff\xe0\xde\xde\xde\xde\xe3\xd7w\xee\x03m\x19h\xbf\x83j\xf9\xd1\x8b\xff\xbe&gt;!\x8e\x05\x83\xe4\x07t\xba~\x9d\xe1:\xb8\xde\x05p\xbf=zSu\xacD"\xd6g\xd7\x19\xb0@\xf9\xfdN\xdf\xf4t_ \x80\xfbi8h\x9b\xbcw\xe5\xb3f\x84\xea\xce\xe3\x93X\xf8\xa0P(l\x15`{\x06\xb6\xaf4w\x11\xac}p\x1d\xedT\x1b\xeb\x13\xfe\xb3\x01\x9d\x81`\xf9|\xa1\xf5x&amp;\xbct@j)\xd3\xb72\xf8\xc3\xdf;\xe1#!\xbb\xf3\x8fz{,\x8c\xe8,\x14\xc2\xb1wG\'\xef\xa6C\xf6\x95~\\\xbb\xd7\xf6\xf7c\x81\xa3\xb7\xd5\xc7\n\x04\xec\x15,@\xad\xc7m}\xb6\xe0Ra\t\x01k\xc3\xc7\x0e^zR\xe9\xfc\xfb\xf7/&gt;\x9e\xac\x7f\xd7g\x8bg2\xb6\xb5\x07{\x1f\xf7\xfe\xfasr\xa5\xbf\x1fj\xad\xed\x07\x02\x04\xab\xaa\x11\x01\xac&gt;\x82\xe5\x1c68}\xeb\xeb!\xfb\xe4\x83\xbd\xbd\xab+v\xd8:\xd7\xdf\xdc\xdc\xf4\xafF+YT;\xdb\x9f\\\xf9\xfe\xea$\xee\xfdk\x93\xf7n\\y\xfc\xed\xb77\xeeM\xd6\xa3\xba\xfa\x81\xb5\x7f\x86\xa5\xa9^\x98j\xe6?\x02+\xa0\xd39\x9d:\xdfz\xa8\xf9\xea\r|\xe4\x95\xef\xfbu\xbe94N\xd3w\xff\xa3\xd5|_\xda\xc8\xf38\xdegB\x10K\t)\x042#I&amp;$gBp\x12$?\xc60I\xc9\x0c{\xb3Y\xeb\xd9DM$\xbf\x8a\x97\xd6I@\x8fQ\xd9\xa9^S\x13\xa3\xe9\x0e7\x9c\xde\x15\xe9\x81\xd9]\x97t\xad\xb8$\xdd\x16L[\x16\xebZ\xf3\xac\xd8\x07\x8bW\xb6r\x89p\x14\xf6A\xe1\x1e\xb5O\xef\xf3M\xb9\xfb\x0b\xc6\xcf\xb3\x90\x07\xf3\xe2\xfd\xf9|?\xdf\xf7\xe7\xfb\xfd\xdau_\x81M\xbd&gt;8\xd2ms\x19\xb5K\x15\x90pv\xd6\x05d\xa6\x8cwlV\x0b+q\xf3\xdaO?\xdd~y\xa8Z9\xdbS\x8e\na\x8d\xdf\x1e\xb7\x12n\xc2:?O\x18\xbd\x00\xd57\xa0%\xacK\xed\xf6R\xd0a\xc6\x19\x0ce\xf1\xca\x08f3Fw\xda_\xdf\xf9au\xf5\xce\xcb\xcdh\x1f\xe2\x1a\xeeKi\xb5\xd1k\x90\xc5\x97\x87\xdb\x9bK\xc3\xbb\x8a4\xaf.\xd5\xde\xe1\xee\xca\xbb\xab\x80\xb5L@\x8c\x06\xfb\xec\xfd\xde&gt;"zo\x1c\xad\xceJ\xbb\xe2\x0e\xe1\xcc\x14\x14\xfd\x1f\xafd{\xfaSK\xed\x9d\x1f\x9f?\xbd\x0f\x06ku|9\xd8\xdf\xef\xf5&gt;\x1b\x83\xbc^\x03\xb5_\x1e-\x9f6\x17\x1bJXzP*\xd3Z:i\x8c_\x1d\x1f_\xb6\x12\xb0\xda!g.b\xe9\xd6\x0e2\x9c/\xfe\xb4\xd3n\xcf\x07\xc1\xac^GjMu\xdb\xb5\xf3\x95\xab\xffx\xf4\xd7\xfb\x8f\xbe|\xfe\xcd\xfa\xce\x92\xdb\xe5Ey\x9c\x8d^\x03\xae\xf9\xcai3V:R\x06\xebl\xb4uZ\xf9\xf9\xea\'\xac\xe0\x80\xc5e4.Tv\xd6\x9f\xbex\xf4\xe2\xf9\xa3\xbf}\xdb&gt;]"\x1c\x943\x9d\xde\xa8Na6\xbbq\xe0T\xfb\xee\xcb\xf5\x8f\xebO\xff\xfc\xcbx\xbb4g\xf4z\xbd\xb0\x0c\x10\xd6\xb2\xfbq\xb3\xbeX:S)\x82\xb5\xbb\xd8|{z\xba\x04X\xb7\x90X!\xb31X\xaa|\xfc\xfa\xd1\xd3;\x1f\xd7W\xbf}Wi\xb9\xe7\xf4&gt;\xc9\x99O\xe7yL\x83\xdb\x1c\xa5\xd1\xe1\x7f\xdeY]\xfd\xee\xdfcQ"\x1c\xd2tw\x9b\xfa\xc7R\xd1{\xd7\x96\x89\x90^p\x84-\xbb\xca`\xed\x19\x9a\xc5\xb7\xad\x12p\xdd\x02\xb5B\xb8\xd9\x18rW*\xf7\xde\x7f\xf3\xc3\xfa\xfa\x8f\xefg\x97\x16\xe6\xdcs\x94tp\x0c\x16P\xa73\xdbC\x93\x93\x01\x87\xfb\xde\xe6\xfb\xb1\xb1a\x9cQc#=j\x8dk\x16\xb0\xacA#Y\'\x8b\x1ae\x8e\x9dU+\x9e\\N(\xc6\x16\x96:I4\xebl6\\?\xe9\x8e\xa6fo_\xbdJ\x04\x16J\x0b\xc1I}\\\x90\x0e\x0e\xf2\tV\xc7\x18S\xc1\xd19\x87\xcfb\xf7z4\x11\x8d\rKb\x18\xcd\xba@\xade\xc2a\x01S!\xf4(2-v\xa9\x86\x92\x82\x90\x8b\xe7b\xf3\xb7\x96\xad\xa3a\x9fn\x02\xbcgHO\x1a\x0c\x16\x07\xe9\x0b/\x94\xac\xc1\\\\(v\xb0\xc0A\xe3\x86\x01wXO\xe1\x8c\xc6\xae\xd1\xa8i\x08\x9ef#}\xda\xa8\x950\x18\x02\xe1\x80\xf0\xf9\xb4B\x1d&gt;+\x89\xe0\xfa\xc2\x8f\xe7;X\xce\t\x9eCV\x1d\x9d\x99\x9a\xf5\x930\xcd\xeaa\x9e(\xbe&gt;8pJ\t\x181\x18\x1c\x80q\x8dM\r\x01P,\xcfs\xac%\x05X\xd0xS\x86\x80\xfeD\xa1\xb65\xfd\x07I\x8e\x85\xe7\xc2\xa3\x1d\xacx\x82ca\xae\xd01\x108\xe5\x00\xfb\xe9\x03*\x01a%$\x11\xa6\xc4&lt;\xcfFp\xbbM\x8da:\x1d\xcb\xb2\x1c\xcf\xd1\x9f\xb0\x88`\xa9D\xcaF\x85.\xa6\xba\xa6\xb7\x84\xba&gt;\xbc\x08\x9b4l&gt;1A\x92\x12,\xc7\xea&amp;h\x9b\x0e\x8d\xa7&gt;\xca/\xc5\xe3\xb9OjQ"\x0c\xaf|\xb9L#\x1e\x96u"*\xa4\x16\tX\xf7\xa2\xa3\xa5\x18%\xb9\xf6\xba\x94q\xa8\xaa\x13Y\x90\x9b-\xf0~\x1d\xac\xb8\x84FA)\x91\xe8\x0c\xaaP\xe5~I\xc8\xc5\x10\xd6\x81$\x03W\x82+\xaf\xad\x95\xb9|\'\xd2|\x81\x07\xf5\x90Z\x9b\xd1pLO%&lt;+\xca`u\xa9v\xedr\x02J\x1e\xb6i\xab;,\xc8\xa0H\xde\x998@C}\x9e\xe3\xcb\x9c?\xde\xc1\xfa\x15\xb0\x04\x9f\xe8\x07.\x9e\x9bI\xa7\xa1\x8f\xe5\xd3\xe9t\x01\xc4\xea`E\x07`\x14\x92\x13\xf4\x90RXC\xbdrB\x8a\x0ba\xc2J\x8cv\xb0\xd8\x8e\x10(f\xf2\x9cN\x8a\xe7r\xb1\xb7\x08\xebWA\xf6\xc3B-\xcfp\xe8\xaft\x01Q\x15\x80\xaa\x83\xa55Z,\xa4\xcc\xd2\x8a%Qu\x97u\x8aq\x81\x0c\x82\x83\x08\xebeYd\xf3\xfc\xcc\xcc\x06\xc4L\xde\xc9\xea(\x9f&gt;\xd7,\xbe&gt;&gt;&gt;\x86,\x8a\xa2\x1f\xbcWucf#\r\xff\x17 x\x16\xd42h\xa3}\x1e\x91\x89PlrE)\xac\x0b\'\xb4\x93\xfd&gt;N\x99\tH"\xcc\xd3\xa2\x93\xbbys\x7f\x7fc\x03\xd2\x04X\xb8\xbeSZ \xcdqB\x96\x8bE\x99/W\xf7\xff\x17\x1bi\x9e\x8b\x88\x08k\xac7\xc2\xfa\xe3\x89KC\x8a\xa9uV\xe68g\x9cQ\xc3"\x9fC\xd3\xb4\x93/Tk\xb5\xfd\x0e\x96\x1f\xcf5\x9b\xc5\xa2\x04[5\xfc\x96\x84b\x11\xd2\xec\x9c\xa9\xee\xd7`\x90}U\xab\x168\xee\x93Z\xde\x8b\xf6\x88,Hw\x95r\xa7\xaa\xae\xb3\xe4\xda\xda\x15\x86\xc9\xa6\xac\x84\xc3AR~\x0eQ}\xc2JPr\x11]h\x14j\x1b\xa0M\xe1XB!\xea\xe3\xf94pmm\xbd\xaam\xa4\x01\xcb\x08X\x0fn\x04r\xc0|\xa2\x94k\xee\xea\xda\xa3\xf3k[\x98\xff\x92\xab\x83%\xfa\xb9\xb5\xbf\xbcBX@%\x93\xf5b\xb1X\x97\xb6&gt;\xd4\xf6_}\xa8A\x81slB$\x17\x8b\x89\x99j\xed\xd5\x87\xad\xffciodZ\xcd\\=\xa2\xdc5\x7f\xd7t\xf2?\xafY\x8a\xbal\x02\xac\x10\xe5g\xf9\xb5+\xc0U\x9d\xc9\'ra\x87 \xc8\xb2\x9c\xa8}\xa8\x01\xc5\xdf\x0b\\$"\x8al\xc4\xd1,:gnB\x1ek\x1b\\\x07+:\xfb`8\x96\x13\xc7\x1a\xca\x1d\xeb\xaa\xa6\xb7\x8a\xcd\xb7\xadVO\x0fa\x05\xbb\xe5\x87\x8a\x1f\xbcR\xbb~\xf3\xf7\xce\\i\xd2Q/\xd6\x03u\x99\xdd\x80$\xd6\n,\xd9:\x8dE\nI\xda\xf18\xe7,\xdf\xacV\xa1\xb6X?4\x88h\x9f\xd7\xe3\xa1=o\xf6\x94;\x84\x80\xe2\x1a\x90_\xbfm\x1a\xd5\xdaOXl9;X\x05\xaaxi\xc1\x01\t;mW\x16\xebR&gt;]@\x1d*\xb0H&amp;!h2,0&lt;:\xedB}\xcb\x90\xd2\xf6\xd9\xd4&amp;\xd33E\xaf\xa3T+\x0fH\xf6{\xca\x8c\xa7\xacA\x94E\x86/\xc3\xf7~G\xc5J\x0e\x8a\x12\xc9\x85\xd6b \xe0\x0e\x88\x91H\xc4D\xb3\x1ade\xcaI\x1a\xf7Q\xcc\x04\xcf\xd3\x9c_\xb4@;\x1dV\xab5\xf6\x07\x8a\x9e\x8dtM\x9f\xf5\xd9\xc10\x98\x07\xa0\xb8\xf4&gt;\x8ar\xea\xf8\xf2\x04\xa3\x8f\x91LD\x14dR\x1f\x0e\x0c\x04&amp;\x17\x03\x06\x17\xb2~\x1e\x8d\x87N&amp;1\x1a\xd3u\x8e\xa3\x19\xbfh\xb6\xa4f3\xddt\xc4{\xa6\xec=F\xd7\xd0\x91\xc1bf\x18\x03j\\&gt;\x9f\xcf\xcc\xc0\x1e\xc3\xf8\xcc\x1a\x1b+\xd6e\x92t\x90\x03\x81@=`\xe9\xcf\x98&lt;\x1a\x8d\x07E765\x82M\xd8:TfK\xdf\xec3O\xe6H\xe1\x03\x9b\x0b]\x17\xf6\x8e\xc6\x02\x14\x83\x13\xa0\x16\x04e\xf6\x83G\xd5\xd9hM\x844\x90$\x8ch\x1a;\x0e\x86\xd4\xa6\xeeF~\x94\xf6x3\x19S2\x0b\\\xa0\x16n\xc6\x8d\xa9g\x8d\xc6\xee\xf49\xbc\x1d\x19\xdamd\x0c\xa9M\xd4\xe6\xa1\xd1S~\xddW\x9fa\x98i\xd8h\tY\xcc\x14C\x97g\xf8\t0Z7\xab\x1c\x04\xc2z\x96\xe9\xcd\x0ef\xa70\xcc\xc6\xe0\xb8\xc5p\x03=/;\x87k\xce\xce\xc3\xd7\xdd\x061\x07r\xa14\xea&gt;\xfb\x02\xf3\xf4\x0f\xbbp\xf0\xce,_\xadn\xa0\xbdy\xbfV\xab\xae\xd1\x1cK\xd3\xa6L&amp;s\xf1\xd2\xe0\xc8\xc8\x94\xda\xa6\xc1\xcd\x86\xa3sz\x07\xa1B\x0f\x97\xa7\xcf\x88\xb9\x90\xdeg\x86`\xa6\xbeH\x9a\xc6\\\xc6\x88E\x14#,_H\x83\x838\x06#\xc3\xb1"\xb4\xd7\x88\xc7\xebEX\x83\xd9\x91n\xb5\x06\xdai\xe3\x1c\x1f\xff\xc0(\x1b\r\x86B!\x1c\x19y\xac\xa7\xc7k4\x92\xb0\x02\x9b\xc5z]\x96\xa4\xd7\x10\x92\\\x87\x99\x12"`\x18\x06\xac\xcb\xd9l\xb6\xc7\xa4\x81vzr\xaeX{?\x07C\xe6\x10\xae\x83R\xc6z/f\\\xe1\xe6)D\xab\xd5l\xbeEQ\xefD\xaay\xfa\xf1c{\xb1\xbf\xf7\xf2\xe5A\xd0\x0ba\xcd\x9e\x9d\xeb\x8b\xb7\xbd7\xee\x90\xd9\x8c\xa3Y\x11\xb0zC\x15\xf8~k\xcc+\x1e%3G7\xc4\xde\xc6\xc9\xdd\x93\xc6\xe7\x87\x0f\xde\xac\xdeo/\x9a{\x11\xd5\xe5\x8b\xa6~\xa3av\xfb&lt;\xb1TCG\x04\xc2b&amp;\xb0\t,{\xe9r\xe8\xf4\xfe\x8b\xcd\xfe\xc6\xe1\xd1v\xe3\xec\xe1\xf6\xc9\xd9\xee\xc3\xc3\'O\x0e\x9f\x1c\xfe\xf6\xdd\xc7b\xc4\xd6\x03XW\x06{\xbdvW\xea\xcd\xca9b\xc1j&lt;!\x1c\xa8\xde\'0\x0c\x1b\xb94\xc2\x08\xed\xf5_~k\x1c\xfek\xfbp{w{{{\xf7\xe1\xf6\xf6\x13\x88w\xab-\xa9{$\xfb_\xde\xed&gt;\xa6\xa9\xf5\x0c\x00\xb8\x89\xb8r\x9bCK\xed\x0eK\x03\xed\xc1\x9e\x1ehNk{\xda\xd8\x9c\xb6\xeb\xc2 U\' \x14\n=m$k\x97p\xc1\xd2\x9b\xa0\xa4j\xac7Dk\x05tsKoB\xc4\xe4V\xc8\x0cf\x18\xd7\x91\x05\xd0!\xb0\xbb\n\t\x1f\xde^\xcc\xe6G\xafW3?\xd1\x0bWd^\xb7kv\xb3\xecy\x0f\xfc\xb1\xffv?&lt;\xbc\x01B\x02\x7f\xfc\xf2&lt;\xcfy\xde\xe7m\xdf\xf2\xd1"\xec,\xab\x98\x12\xf4\x1e\x1e\xd4\xbc\x02\x8a\x8bT\x15(\x83\xca\xda\xb22\xe5\x8f\x8f\x7f\xd6\xfe\xf4\xf9\xfd\xe7CC\xbf[]`\xba\x7f\xffo\xbe\xbb\xf3\xf5\x12\xf4^:\x9fC\x96V\\\x13\xf6R\xac\xf8\xf2(\x8c\\\x95\xa4J\x1fT:N\x97\x05\x7f\n\x0f\x9e\xe7\x8b\xa7O\xef\xff\x95\xcf\x1eB=\x7f\xca\x1d\x9f\x9f\xffu\tz\xf1\x19\x82\x85\xd98:\x90\x12\xfa\x8eg\xeb\x14\x1a"*Q\xb8\x1c\xef\x9e\xde]`\x1a|\t\x0f ;5u\xed\xda\x95[S\xb0\xea\x07_\xbe|9?\x88KC\xe8\xe2\x81CB1\x1c\xadH]\x12\t\xaa\xda ~\x90@\xe1*.\xd0\x07w\x97\x95\x05\xf7\xa8L\x83w\xef"\x08\x9a\xe1?\x9d\x9fG\xbf\xce\x0f\x0e\xd6K\xa5!H\xa2\xa3\x16\xb3\xb3t \x91\xba,,K,\xae\xba\x83\xc2U\xac\xd2C\xb8\x1c\xc1=\xdbU\xda\xc1\xe3\xbf\xfc\xf9_&gt;][\x9fD\xfb\xcb\x0f\x1f\xc6%R\xbf\x1f\\\x8eZ9K\xd3\x8an\xee\xb2\xc07O\xc5\xe2k\xdd\xc8\x85\xb2\x18\xfc\x99rW\x81\x01\x8eY;\xfe\xf0\xdb?\x7f\xc2\xaf3\x1f\xff\xf3\xe3\xe8\x0e\nPJ\x88\xa6#\x84\xd9X2&lt;\xd9M_\xda 4\xab*\x15\xd3X\xc0\xb5\'\x18T\x9e\x02\x16.\x97\x97\xf8\xfb\xcf\x80\t\x8e\xd0g\xce\xf4\xcbd2\xa9\x04\xfa\x87\xdf\x81*\xcbE\xd2\x89IK@h\x16\x14\xfd\x9dH\xcci6W\x16(a\x9c\x82M\xa8@\x8fI+*Bq\xb4\xfa\x1de\'O\xd6\xc8\xe2J\x98M\xa1\x7f\x840\x86\x0b(\xc6\x15\xa6\xc0%\xb1\xc05/\x127\xc7"\x90F3T\x17\x86\xc6\xbc=rL"\xab\x80\x18\x85\xa4y\xf0\xb3\xa6F\xe6\x00V\x97\x12\x9eD\x89\xdd\xc5)&amp;\'\xd5f\xc5\x03\xb1\xe0\xc5\xd5\xdc\x18\x89h\x9c\xceJ\x03\xb4z\xc4\xda\xa3\xac\r\x85\xe2p\xf0\x86o\x7f\\\x06\xcf_\xb0\x0b\xa2\x15rH\t\x17\x1dN\xb8\x15\xeaR\xcb\x03\xa1?c \x12O5\xea\xbc1\xf4\xbe\x81^"G\x17Z\n\xd0\xfd\xb2\xbd|\x0e\xfbC\xfd\xa0\x02VW\x89\x9c\x80m\x87\x03U7\xad.\xb5\xdej\x15&lt;ZW\x1a\x0f\xc4"\xc8E\xca\xf5\xfcE\x1b`\xc5\xf7F\xf7\xee\xed\x07\x17,\xc7\xee.\xc4\x82\xf1t4\xacH\xb8\x03$\xb0\xae\x08\x1f-`Y#\xc8\xa5f\x188X\x14\x9c:u\n\x86\xf8h\xf4\x17\xd1\xe8\xdex\x7f&lt;\xbe\xaf\x0bN\x870\xce\xdf\x19M\x81\xaa\x9b\xd4\xaa\xcd\xd6\xa9\xaa\xf5`m\x814\xeatN\x9aaI\xad\xaa`\xd7\xae\xf2\xaeh\xb4\xbc&lt;\x1a\x05U4\xba\xaf\xa5\xbc\x05wq\xa3_\xa4\x1e\'&amp;\xdb\xf9\x17\x01K\x9b\x85g\xdd\x02\x969\xe6\x8d\xc5b&gt;\x9a&amp;iu\xe5\xe1\x82\xed\xe5\xf1hK\x0b\xf4\xadx\t\x8aT\xb9\x81Mq\xa3\xa9\xdb\x89n\xa8,Rk2\xd5]X\x0fV\xdd\x96Jg\xc4\x1b\x89\xb8\x15aE\x98\x0e\x98\xe0|\xef\xf7C\xea\xf6\xb5t\xf9\xe3\x84\xcd\xc6\xb0\\*\x15~&lt;9\xe9v+H\x95\xd6d\xaek\xaa\xda &lt;\xeb\xbd-\x95jg\x04`\xee\xeeD\x98\xa6\xd5,\xe5\xc7xWK\x97l\xeaB\x93\xdd5\xca\xa1\x04\x8e\xb7\xbb\xe1\xcfZm\xa5\xb9\xce\xd5!&lt;\xcb\xf3\xde\x163Ik"\xd5^/\xb8\x144\x1d\xe6\x9a\x9a\x089\xb4\xf6\xae\xf8I`\x8d\xa2\xb2\x9a\x9cl\x87\xbf*h\xa8&gt;\x88\x16-\xf4\xe7\x02\xd7XZ\x16\xb9\xaa\xbdn\xb7;\x91H\x849{\x13\xe1\xf7\xcb\xfd\xa1\xe6\x0b\xa3\xe8\x1e\xcbm\x08\x95\xd7\rd\x96\x01Vi#}Y$8\xcbz`\x0b\xcc\xa7L@\x87\\^oO;\x1f3\x86\x92S\x94\xcd\x95B\x91\x1a\x1fo\xef\xa9F\xb1rA\x0bA,\xc5%\xc1\xa3u\x05\xb1T$\xc3Z\xc0\xd5[]\xdd\xd7\xd7\xd7\x83&gt;\x88\x11&amp;a&lt;\x0e?\xbe=\xde\xd3\xd3\xd3W\r\xaa\x04\xcd\xad\xb2\xccu\xeb\xc32\x17\xabT\xac\x81u\xeab\xd5\xbd\xbd\xbd\xe7\x8f\x1e=z\xbe\xaf\x1d\xf2\xd9\xee\xed\xe9;\xcf\xafj\xb7/\x1c\x06\x15nP\x1d\xd6\x9a\x1a}\xeb\x13\xad\x9f\x14\xab\x18\x83\x81\xf4\xe9b\xde^@uv~\xf0\xc1\x07\x9dh\xed\xefD\xc6^/\xf4\x8e\x14g\xb7\xc3?!\x96u\xbd\x92Xl\xd0C{\xa25\x1aM\xcc{\x11\xa1\xd6V\'bU\xa3\xc6\x00*\xca\x86\xc3\xf0Z\xaf5\xf3,\xd1zD\x0bM\xa5\x0cmq\x02L\x07\xb0\xceUS\xe7\xd1\x8b\xbd\xd5\xdd&gt;h\xb2)\xdae\xc7\x81\x05*\x93\xb9\xd4w\xad\xa3UP\xd7\xff\xb0\xe0`jq:5&gt;\xa7B\xd1\r\xc5\x0f h\xb0&gt;\x05\xcd\x05h\x9a\x83r\xb7\xdbl8^_\xaf2\x99\xad\xba\x7fgn\x0e\x08\xf9\t]\x18l&lt;|\x12q\xbd\x9ca\xd4\xe8sP\x00q\xb985j\xab.\x17E@\x97wq\x1c\xfcj\xa3\xd0+\xa9\x88\xe5\xd4\xfc\xfe\xec\xe2\x8bi\xc1\xa6\x1b\xf1\x06q\xebT\xe3\x1aK\xafgH`Y,4g\x97\x12\x18\x86\xc9\xa9f\x99\xac\xa2\x19`\x1c\x1f+\xca&amp;\xb7\xe1\xdbU&amp;S\xa9\xae\xfaOg_\xcf\xcem\x10\xa4\xf0E\xe2\xd6\x81\x89\x7f\x8c[\xad\xa5&amp;\x95\x01\x07\x97\x81T\xa3\x8bR\xb4\xab\t\xe6x8\x15\x86*jj*\x9a\xa5\x14\x84\x0bTz\x8a\xc0\xf0\x1d\xa8qYt\xc7\xce}\xb4\xb8\xf4\xf9\\\xc7\xdb\x0f\x98H$\xaeJ~\xb5r5\xe2\xf1\xf0,\x88\x16NB\x16-j\xd8\xab\xa5\xb2\x9awk\xe0\xeb\xe4\xc9\n\x18\x96].\x17\x03)\xa40L\x8f#\x96Sw\xec\xd8\xdfW\xf2\xb3\x9f&lt;\xbb\xd9\xf1\x96\x1fIt\x8b\xeb\xe1\xd7\xbf\xf9\xe8\xdcA\x8f\xc7\x8c\x1a\x84^.\x07\x96\xda\x82X\x0c%);]\x83\x16\xa8\x08\x9b\xcb\xeebm\x84\xd4\x8f\x95\x94 \x96\xba\xd4\xc3\xb3r6-\xcd\xbcj\xa8\x12\x8b\xde\xea\x8d\xb7\x9b\x99\xa5\xc5\xb3\xe7N\x1c\xf4X\xe1\xf4j\x80\x03"\xef\nX\x02\xc0\xb2\xf9Cye(\x85\x15y\x94\x8d\x81h\xd9\t\x89\xc4\x8f\xc9\xe5\x10.\x18\xe6u\x91\x83\x17\x17\x81\x95]\xb8\xfc\xe6\xe1X\xeb[\xbb\x8a\'n\x1d\xbe\xf7\xe5R\xfe\xca\xbfN\xac\xb2\x8aU8\xb00\x0c\x9e\xc5@@\x8d\xde/\xf0;*\x00%\x93\xc2\x18\x88\x92H\xf9\xfd~\x0c+Yci\x0ez\x10+kS\xee\x93\x91\x99\xaf\x16\xc6\xdeN\x13\x13\x8b\xc7\xfe3[\xb8\xb4T\xb8\xf2\xd9\x89#k,t\x9c\xc6\xe4zVmQ\x07\xccf\xad\x16G\x87\xd8\x10A\xd9l6TZ\x14!!\x08`\xc9q\x16\nP\xa3\xd3\xec\x7fm\x04Va\xd6\xc8\x93L:\x9dD%&amp;\xfa\xbe\xa8\xaa\x86WOv\x1a\x11\xeb\xdc\xfbG\x8ex\xac\xa5\x95Z\xc8"\xbaF\xa37\xb0\xea\x80\x1aN\x11f\xad\x01&amp;g\x84\xc2\xeb\xed\xa89H\xa4\x90Ee\x89\x9ea\xe0?|:\xcd\xca\xce\xa2\x9c\xac\xec|`\xa5\xa7\x93\xe94\x94\xd8\xf7\x82\x89\xc5\xad\r\x0b\x9f/\x17\xe6\x1a\xf3\xf3\x81\xd5\xf8\xfe\x11\xab\xf3\x00\xcc[\x06Par\x8c!!\x1aj8F\x98\xd4Z\x92e\r\x0c\xc3\xa0\x8ej\x83\xd2\xe2\x8b\x0b\xc7y\x96\xc6\xbdR\xb85\'\'\xbbp\xf3\xc8\x93\x17\x0b7\x87\xd3\x19\x141\xd1w-~\x11\x94\xfa\xd0tfy97\xdf\x08\xae\xc5\x8bu\x8d\x1e+\xff\x02\x17\xb00%\xc0\xe0P\xc6\xb20\x1ak\xd5&amp;\xad\x16j\x1f\x9a\x15e\xb7S\x84T\xe2\x97H\x80\xa5\x87\x1d=\xe0\xf3\x9d_,\xcaA\xd1\xfa\xe1\xc8\x8f^\xe7\xcf^\x1fN\xa6_\xbcx8\x00\x0f\xa5\xe8;=\x7fUcCc\x1d\xf7\xb6\xad\xb1^w\x1e\xb0Z\x81e\xd2\xf2,\x89\x12\x8a\xde@\x92,\xc3\xe0\x0c\xec\xca8NH\xb0\x12\x8a\x02\x95$/\x14\x92\x02Ko\x87s\x10\xad\xe8\xbe\xba\x13TY9\xc6m#9_\x7fY4s/9\x87`\xe9\xb6o\xdd.\xd0\xbbO\x1dm\xc9\xa1\x81\xe9\x87o\xb6-\x17\xf2\xac\x9dW\x1b\x0f\xc0.\xc8\xb3p\x88V\xad\x04\x83\r\x1b\x164}\xfe\xca\x16\xda\x81\xa8&amp;\n#\xf8\xf7Ux\x96\x1dv\xc8\xb0w\xb1(;++\xbbh\xeb\xc8\xb6Lrb\xe1F\xd1\xec\xf5\xe4\xf4\x1c\xc0\x16\xa6\x07ZE\xdfJ%\x1a\x98KO\xb4\x8d]\x9f\xc9\xddth9\xdf\xb8\x84\x8ak1b\x81\xbe\x8eX*(yI\x10\\\x0cZ8\xcf\xc2(\x0c\xc9\x88&amp;B\x9a\x17\xca\xcb\x03\x16e\xb3\xa3\x9d;\xbc\x7fg\xf6\xc6\xec\xecl\xe3\xe6\x91\xe5\x89\xb6\xb6\xb6d\x86\x87\r\x0fOd^\xc0l\xf1M\xab\x1f2.\x1e\x98\x00T\xc7\xdc\xb3\xadK7f\x0em+2\x1a\x01f|\xddk\t\xa0\xfdFK\x82K\x8e\xd5\xd6\xd6Bu1\x8cMo\x03\x0f\xda\xae1?FP\x04\xb0`A\x8b@\xd7t\xed\xa3.\xf7b\xce;\xc0\xca2~8\xf2f\xa2a\xac\xad\xa1!\x89"\xf6\xea\xe60\x14Y&amp;\x93n\x83\x88\x89\xbfA\x9d\xb7\xae\xa2\xda\xae\xcf&lt;\xcaL\x0c-|xhS~Q\x11\xd0r\x7f\x05m\n\xb6\x1b\x92D\xbb\xa2\\\xb2\xe6\x82m\x19\x82$Y]RB\x8aT\xa1&lt;\xc4$\xd0+7\xdc\x1fs7\xff\xe0\x9d\x8d\x1b\xb7n:42scv!\xd9\xd00\xdc0\xb7p\xe3\xd1\xcc3\x94\xcb\tx.\xa7;Z\xffO\x91\xc1\x96&lt;\x96LO\x8c\r\xb4]\x9f}\xf4_B\xce\'4n\xec\x8e\xe3~z\x92\xf6\x89\x892\x1a\xa1\x8e\x06\x89t\x04au\xc8\xf6E)\xa8/\xc4\x04\n\xd1a\x0e\x86%I\x0f\xb9\x0c\x04\n\x8e\t9\x94\xce\xa1\x03{\xdaCh\xf1a\x0f-\xedM\xf4\xb0\x07\x83\x0f\xf5\xa10s\x08\xee\x9c\xb6`{\xbc\x0b6\x98\xc6\x87\xe9\xc1^\x13\xe3\xcd&amp;4\xc9.\x89\xf3\xaf\xdf\xdf\xd3\xc4\xbb-[\xfal\xc7dl=}\xf4\xfd}\x7f\xdf\xf74Ay4\xeau{\xa3\xc7\xc3\xc7\x99\xeb\xba2M\xdf\xfe\xe2,b\x9d\xa8h\xb1\x86\\Mp]\xba@\x89\x8f\x9aQX\xd5\xebm8\x8b\x8a\xd8\xa6AX\x7fz\xcb\xa3\x08\\\xb2\x1c\xe6I,\xe5\xfa\x042\x01\xec\x8bG\xfb\xfb\x1b\x93\x8a\x8c\xc0\xfeO\xf3\xad\x8c\xfe\xb9\xbc\xbc\xb6\xb9Ql}\xd1\xed\r\xba\xdd\xf1\x8b&lt;\x97\xd2\xc4p\xbd\xbf\xd2\xfb!g\x11P\xe7\xcfk\xac\xeb\xb0\x17l\xfe&gt;q\xb5O\xb5\xdb\xc0\x82X\r|4I\xb6\xf6\xd2\xd2\xad\xab\xafeHX\xc2\xeao+\xc4\x97Y\xc8\xe2hs&lt;\xe8\xf6\xba\xa3\xdd-Y@\xb3\x9d\xf1\xcah\xd4\xfb\xdf\x8f\x90P"\xac\xf5\x96\x07o\x0e\x0f\x8a\xf5]\xa8\xdd[\xdb;\xdc8\xc8\x87aj\naY\xe6Wwo\xe0\x0e\xfe"\xc4\xa2*\x9e\xa1*\x9e"\xafc@\xad\xd3m\xc4\x15J\xd8h\\\x06V}\x89\xc6\xfd\x7f\xbcR\xc0\xf2\xed\xa2\xdc\x1e\xba\x14_\x18E\x01g\xad\xe1\xa2\xc7{\xbb\x1b\xfb\xc5:D\xdb\x1b\xa1+\x7f\xb8\x90\x1f\xae\xf6P\xbc7O\x8fX\xb1\xf1`\x0c\xa5\xa0\xd9~\xe1fe?\x97\xa6\xb0\x1c\xc7\xf7&gt;\xbex\xf1\x06\xc59\xf5\xdeO\xceTr\x11\x19qU\xde\xd2\xef\xed6\x1a\xcd\x85\xfa\xd2\x02\xb0\xbe~\xc9T\x84a\xfb\xc3mUQ\xa1)\x85I*\x8d\xbb\x18X\x8cv\x1fm\xaco=z\xb0\xb2\xfa\x03{\x0b\x8a\xf4\xe5\xde\xce\xd3\x17\x07\x80\x1fu{=\x82*\x907f\x16\xe6\xfdP\n\xe1\xf8~\xf4\xd5\x07\xb3\x17\xaf\xa2\xfb\xcek\xb5n\xdf\xbe~\x9b\xaa\x08\xa83S.P]n\\i4\x164\xd6\xc2\xfd\xd7\xae\xa6\nY\xb9\xdd\x97Z*\x8d\x85\x01\xc9&amp;{\xe35\xd8\xa4\xd7\x1d\x8cW\xf6vwG\xab\xff\xfd\x7f\x18\xbdG\xe9\xa9\x99\x8e\x1e\x8c\x06\xd4\xc4\xdd\x9d\xc3\x82[\x96%L\xd7jA\xae\xc2\x04\x97z\xf8\xf1\xb9\xd9\xd9Y\xec\xd2\xcf_\xa8Z\xb1\x92\x8b\xc4\xd2\xc6j\x12\xd5\x1c\xc6\x02\x98\x16\x16n\x1d\xa7\xa0\xf2\xf1\x19\x0e\xb7C9\x85\xb2\xc4\t\x199km\rl\xbd\xde\xea`\x84B~\xf8\xfd\xa0z\xefW\xbd7\x93\x83\x03j\x8c\xee\xea*\xa8\xc6{\x93\xf5\x82\xa0\xb4\xe2A&gt;T\x98\x13\\\xe1\xdb?_\xc5\xa2\xf7\xfe\xfb?:\x7f\tXw._\x06\x17x\xf0U\xb9J\xbf;\x7fmJu\xff\xf8\x99\x8al\x1bb9\xf9v\x98\xb9\x82\xc2^X\'X\x04V\xac\x1fM\x9e\xee\xed\xec\xe8&amp;\x18\xaf\x8c\xbf\xdf\x80\xbd\xcd\xa3\xa3\xc9&amp;\xb9\xb0\xb7\xba\xda]\xd9\x9clX\\K%\xf4\'\xcb\xfb\xb9[\x14\xa6i\x87\xe6\xbf&gt;\xa27\xb4\xdat\xbbu\xea\xb4v\xf7\xf5\xban\xc0zsa\x81\xfe\xe9\x80\xb6\xa9\x8df\x1dTK\x7f{\x16\xa1\xf0$V\xb0\xad:\xdft2\x93&amp;\xd5\xe3\x04\xcc\x14\x85(\xf6\xf7\xd77\x0e\xb1\xb7X\x1d\x8c\xbf\xdb{\xf6\xf6\x1e\x00\xa9G\x032==Z\xaf\x98Nf\xb0L\xbf\xec\xfb\xe0\xc2V\xce\x7f\xf8\x97\x8f\xee\xdd\xa2LB\xb4\xb7\xa9d\xd4t\x94\x06\x00A2\xa0\x82\xd7\xe6\xfe\x0e\xb5\xa0\x15\xa8\xd0\x826\xb0\xa2\xfecPax\xd8&lt;;\xd3\xcb5\x85\xa9\xb1HC\xe4"\xe9\xf6`e\xf0\x0e\xea\xb7\xdd\xd1N\x97\x88\xba\x83\x9d\xcd\xc3\x03\x873\x87\x8e&lt;a\x12B\xca\xa2\xec\x97H\x1cW\x82\xeb\xd5\x1f\xee\xde\xc3\x02C)^G\xc9\xa0O\xb3\x12\x0brQ\x19\xb1{^\x9c;\xa1b\x0cz\xb1 \xe7\x89\xe7y\x04\xd6I0\x89\xa69Q\x8c\xa0\\\xb3\xf2\xdad\x9aT\xcb]Z\xa6Vv\xf6\x9eN\x8e|\xce\x18\xfa\rP\xdf\x91\x99i\x92DL\xf4\xfb\x8e%\x10\xf4\xae\xa3^\xfd\xee\xee, \xb0_\xaf7\xaa\x1b\x8bf\x85\x85q\xa7\x89\x97\x16\t\xeb\xde\xb1\xa6rPD\x9b\x97a\xa4\x94H\xa0\x16&gt;=\x80\xbd#\xb2\xb8\xd0A=\xe5\x12\xa6\xac\xa0\xb0\xba\xf4V6\x0f\x8f\x0e\x18c\xdc\xf1\xf1\xe1\x00\x89\x06\x90\xb8efI\'\t\x83\xa8P\xdb!\xf7\x85\xccR)\xfcg\xbf\xfe\xcd\x85:\xe5\xf8\xe9\xc6\xb5\xc5y\xed\xa4z\xe5\xaff\x9d\x8a\xb8\x08\xcb\x9f{\xbdO\xd9nc0&amp;\x98R\x81a(\x9ez\xa9\x90\x90-\xd6\xf6\x9fjUa\xa1\x19\xa8\xedM\xd4o\xb9;\xe8uw&amp;\x1b\xd0\xd9\xb65\x8d\xedL\x9a\xb3g\x98\x00\x00\x04\xccIDAT\x87O\\"\x8d\xa5\x97F\x81R&lt;y\\r\xdf2e\x9aA\xb0\xfd\x97\x1f\\]\x02\xd7\xe9\xe6\xb5\xf9\xc5\xf9EpM\x05\xa3\xa2B\xac\xc5\xf6\x97/]\xcaPf\xfb&gt;\xe3(\xa0m\x18\xc2TF`\xa5~\x04\xac\xc4K4\x19\xb9\xecD,\xab\xc2\x02Tw\xb0wx`\xa3]\xb4F\xa8\xddT)=D\x9a\xc4\x8e+\x03#Pn\xe7\x9b$@\x81\xb9+3\xccgY/?\xbbq\xab^\xbfy\x87\x1e\xb7[\xa4\xd6k\x10\x9b6&lt;\xb0\xda\xc7\xcf\xb8\xaf\xa9084\xf2\xb2\xb2%\xbc\xc2\xa8\x19\x8c)\x176K\x12\xaf\x93p\x9b\x13\x08\xbc%\x91\xb4tr\xc2Z\x1b`\xc5s\xa20\xf4\xab\xa2M\x99\xf4w\xac\xf8n\xecy\xa9\x8c\xc3 \x08\\\xb2jjG\x8c\xc1_\xd8\x10\xa6\x82m\x1d\x9f\x9bm\xb7\x7f\x7f\x85\x1e\x01\x84&lt;\xfa\x9ez\xaeqe\x8e\xb8\xee?Om]\x00\x0c\xda\xd1xI\x16\x87y\xc0U\xabU\xc3(\x01f\x86\x98\x13s+\xdf\xa9\xfa\xd0E(\x12\x96;\xb3\xb2\xf9\xc2\'(\x9f\x8e\xfe\x0f,\x87\x9b\xa9\xd7\xf1$\x0e\x03\x94#\xc9\xab\x9c\x0b8\x0f;\x01\xcd\xe5\xda\xd6\xf3/\xcf^\xfa\xf9\x1dz0\xf1\x8f\x8b\x9f.\xa2\x96\x80\x03\xde\xfc\xd2\x93\xad\xc2\xd6\x93\xd2\x1f\xa0J\x12`\xa5A\xdej\x11\x96\x11@\xb3\xc8Wt\xa9\x9e\x08@\xe9\xe3\xc6\nE|\x87u\x14\xfa!Q\xf9\x9a\x8ak\x93\x93\xb9\xb8\x9b\x11\x07&lt;e\x18\x98D%\xc4\x18\xbb\xa9\x94\x9a\x9f\x17\xd8\x11\xc2`\xf6\xfa\xf1\xcf~|\xf3J\xf5\xc8\xab\x1e\x00\x9b_\x00\x14#"t4|% z\x12\xc7q\x96\xb8\x01\xa0\x08\x8bg\xc2\xa8\xa9\x90g\x94\x17Y\xd8jY\xd0-R\x8eE\xc2\xb9r\x86\xa8\xfcP\xfb\n\xe7\xb3*(.\xe3D\xa7\x1e\x15/\x08\x08+\x15d\x84\x14"\xb9\xe8*\xe6\xb0\xca\xa2N\xe4&lt;\xff\xec\xa77\xf5C\xaf\x9f~\xfb-=\x8eKP\xfb\xbc\xea?\xa09\x0c{e\xe9\xd2\x91ql\x9aaM\xab\xc5\x118\x10\xcc\x08B\x93\xced\x06\xa5\x10\x81\xd1j\x05\x8e\xd0X\x9a*\xf4mK_\x185\x85\x9b\xc2\x8d\x15\x13\tET\xc0\x82\xc7\xe0Q\xd7LS\xc9\x1d\xe2rt\xff\x08\xcb\x8f\xf6_\x9f\xfb\xe5\xe7\x9fO\x9f\x11\x9e\x9f\x83R\x1cL\x8e\xed\xdb\x0c\xde\xe2\x8c\x17\xb8m\x95D\x95)e\x83\n\x97i\x04vP+1\x7f\xad\x15\xf80pl\xa1\xac\xb5\x1a\xd6\xb7P\xc0\xfb\x84Evg\x98\x85$3\xb5\xaaI\xcaC\x14\x1cG\x19\xa1\xe9S\x11]\x04\xa0\x97=tMi\x95!\xf2\x96\xa1Fhz\xa0\xa1\xdb\xec\xad\'\xf5O\xd0\x8c\x88/xJrHDI\xa5\xd9\x10\x84\xcc\tC\x9c\x8a\xb8\xac\x10j\x192S\xb5j\x18\xfa\x1c5\x84\x99\xcb\x80\xd5\xea\x0f\xb7\x87%s\xd3\n\x0bW\x8ef\xf4Y\x14eI\x12\x17QP\xea_\xc7Pq\xc7\x04U\xa8\xdb\x191\xea\x86\xad&lt;\x0f\x98S\x15\x92c\xdd\xe4\xdc\x89"\xbe\xf5d\xe9\x93+7\xbf~NJa\xa9\xc1\xcf)\x96\x19\x19\x82\x05t\x08\x9a$\x89\xe1\xfbX\xb5\x82\xccs\x8d\n\xaaf8i\xc6\xc1\xa3\x9b\xa0\x95\xf7\xfb\xc3~\xe9\xb8\x1d]D_\xa7\x01\x8b\x0c%\xa5EI\\\x0b\\\x87\x84\x86\xd4\x99E}\x98Q\t\x1f\xa6\xa9\t\xcb\xe6y\xee\xb8\x10\x813\xbb\x8a9\x8eva\xc5\xd6sX\xaa\xe0\xa4$^\xd7\xd6b\x94\xedQ\x99\xe78\xa6\xf4%\x160$UZ\xd6\x028L\xd7\xa2VS\x88\xb3\xc2hU\x7f\xd3T\xb8!\xf5:3\x96\xae\x1d\xae:2Z\x81\x85-\xa8n_\xe9\x99\x95\xc0:\x1c\x0cNT\xb8\x1fC#\x95~\x00\xac\xa2\xe0\xc4\x85\x0f\xa7\xba$.\xd2\xac`\x14\xbf\x1a\xcc\xa9:\xc8\x16\x8e\xa2\xcb\xa0ki\xf9)n~\x93X\xe7)\x15LI\xaep\x02\xa1\x02\x12k\x8a\x85\x11\xe2\\3\xae\xe6\xe2\xaa\xd6\x1f\x96\x8fQ\xd9~\xa9\xb1L\xf5\xae\x8c:\x1d\xc8\xee\xf0-\xb4rR\x95\x97\xb0\xba+\xa8~\xf0\x8d\x83JV\xcb7m_\xa8j\xb4!\xe2\x80e\x1c&amp;"\xa9\xb4\xc2y+4\x89+3av\x1d\xa8\xa2\x93\xa0\xadt\x8e\xe9\x93\xb5\xc04\xcc\xfd8\xf1\xe2\x99\xd8\xf4\xfd\x82\x19\xf0\x1aF^\xaa\xbc\xfa\xadZ\xa5\xab\xa6\n$-\xf8&amp;\x8a\x8d\x97}\xa7\xcc\x15\xf6E\xc8\x07\x02\xa3/\x13Kd\x81J\xea\xe8\xe3\x9a\x13\x86s\x04\xa2\xcd\x8dp\xd6\xbc\x0c\x15}k),d\x9e(\x1dE\xaeB\x0bf\x1d/I\x852\xa6\x15mQ\t\xf32\x10^8\x93\x99N\x11\xd5rM\xb5\x1d\xa6iX\xd1\xa3_\x02\xdd\xc8\xc6\xb4\x84\x89\x8bP\xc6\xcb4\xbf/)\xb2\xd0\xf4\x05\xa7&lt;I]\xec79m^(\xa4\x1c\x92\x0b;\x15\x89\xfe\x90\x92\x83&amp;\xc7\x9d\x9c\x91k&gt;\x84\x1fv\x0fN\xd5\x85%\x95\xeb\xdf\x03\x9a\xac\xcf\x02.\x8a$$\xccL\x80\xee*7a\x12\x17\x01\x00G\x05\x99L\xfcD\xeb\xd3\x00\x00\x00\x00IEND\xaeB`\x82'</t>
        </is>
      </c>
      <c r="M205" s="3" t="n">
        <v>45492.6765162037</v>
      </c>
    </row>
    <row r="206">
      <c r="A206" t="n">
        <v>824626</v>
      </c>
      <c r="B206" t="n">
        <v>2020</v>
      </c>
      <c r="C206" t="inlineStr">
        <is>
          <t>Tomás Pochettino</t>
        </is>
      </c>
      <c r="D206" t="inlineStr">
        <is>
          <t>T. Pochettino</t>
        </is>
      </c>
      <c r="E206" t="inlineStr">
        <is>
          <t>MEI</t>
        </is>
      </c>
      <c r="F206" t="inlineStr">
        <is>
          <t>MC</t>
        </is>
      </c>
      <c r="G206" t="inlineStr">
        <is>
          <t>MEI/MC</t>
        </is>
      </c>
      <c r="H206" t="n">
        <v>178</v>
      </c>
      <c r="I206" t="n">
        <v>7</v>
      </c>
      <c r="J206" s="2" t="n">
        <v>35095</v>
      </c>
      <c r="K206" t="inlineStr">
        <is>
          <t>Right</t>
        </is>
      </c>
      <c r="L20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c1aa5cc-2d24-4665-8d4c-1ccd68192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a6x\xda\x00\x00\x03\x00PLTE\xff\xff\xff\xce\x8d\x84\xd3\xce\xd4\xd3\xa2\x9d\x19\x14\x0f\xd0\x9b\x95\xd1\x8e\x86\xfe\xfe\xfe\xd9\xa6\xa0\xd8\xa3\x9d\xd0\x98\x91\xd0\x92\x89\x13\x12\x0c\xd4\xd0\xd6\xd5\x9a\x92\xcd\x8a\x81n=6\xc5{t\xd5\xa5\xa0\xdb(/\xd6$*|MG\xd7\xa9\xa4\xd7\xa1\x98\xd8\xd4\xd9\xdc\xa9\xa2\xd0 %\xce\x85~\xb8qi\xca\x1e#\x90WP\xafkb\xbezr\xd2\x95\x8d\xa5cZ\xc8\x86~\xc5\x81y\x97]U\xd2\x9e\x9a\xc9\x90\x89fA;\xdc\xac\xa6\xb1pf\xcc\x95\x8d\x8aUN\xbavm\x03J\xa7\xdd08\x02@\x9b\x7fTO\x91\\V\xce\x1a\x1e\xb3uk\xd3\x9d\x95\xca\xc3\xc9\xa0_V\x83QJ\x8bPG\xcf\xcb\xd2\xcb\x80y\xd8\x9d\x96\xb6zp\x97YP\xbf\x80w\xd4\x9f\x97{C;\x9ee[\r\x0c\x07\x83YT\x80G&gt;\xbf\x85|\xd5\x95\x8f\x93d_\x03?\x93\x88LC\xd4\x92\x8a\xd9\xa1\x9a\xce\xc8\xcdi;3\xa5i_\x83JB\xc4\x1c!\x8fSJ!\x17\x14\x89YSiFA\xdb\xa5\x9f\xb7\x14\x16uHA\xb9}u\xfc\xfb\xfc\xcc\x9d\x97\x97TL\x93kh\x9aaY\xc7\x8c\x85\xb7lduC;\xdb\xd6\xdc\xc3vn\xc6\x89\x81`71\xb7\x83z\x02-t\xc9\x98\x91\xc3\xae\xb0\xf4\xf2\xf3\xef\xec\xed\x8db^\x02E\xa1\xe36?\x87^Y\xaamcsMGv?7\xabh`\xf8\xf7\xf8nD&gt;\xd1\x89\x82\xc0\x89\x82\xbf\x16\x19`=7,%#\xc4\xbb\xc0\x9cYP\xc9\x17\x1b\x94\x06\x06*\x1b\x17\xc5\xc1\xc6\x9erq_1)\xbf\xb2\xb8nHB\xda\xa5\x9b\xacd]\xb6\xaf\xb4\xacum\x034\x81U3.\xbeum5($\xabqh\xcd$+\xaf\xa9\xad\xe9:C\x1a\x1a\x14X+#A)%\xbc\xb9\xbd\xae|u\xa0\x9a\x9cH/,\x02:\x8cj2+N\'\x1f\xb2\x96\x99\xd5+3\xbd\xa3\xa5s80\x04G\x9d\xa0\n\x0c\xce\x8f\x8ewRN\xaa\xa0\xa5\xab\x0f\x11\xa0ZRX"\x18\xbfqj\xa3ph$!\x1d\xe6\xe6\xe86 \x1c\x86\x02\x03\xd5\x1d"\xe1,4M\x1a\x12\x9bhg\x0fS\x9f\xbe\x8e\x87\xa0z|b(!\xa4\x88\x89631\xc2\x92\x8e\xdf\xd0\xd5\xc4/9\xec\xde\xdeg\x87\xaf\xdf\xb6\xba\xa8\xb3\xca\xed?G\x8c\x8a\x8a\xcc\xb8\xbc\xe85?\x03Q\xab\x91ss\xb6c_\n(U\xb6\x88\x82\xc5ALN;8\xd9\x88\x88\xcd\xa9\xb2\xb7/9\xcb\x9e\xa4\x04-g\r:pSz\xa8\x94\xa0\xbc[Y\\GFC\x81||RPM\xc2\xce\xdd\xa8\\V\xd3\xbf\xc2\x92GE\xe2\xc5\xc8\xd3z\x7f\xd7AJ\xed\xd2\xd1$]\x9emll\xb2PV\xc9sy\xdcz\x95\xc2Ub\xd7lw\xdc\xdc\xe2\xe3\xae\xa9\xdf\xa0\x9e\x9a,2\x83?6{\x95\xb7z93\x92\x17\x1a7j\xa2\xba%+\xb2\x7f\x8c\xc7hn\xe3Vp\xd9\x8e\x9c\xecg\x80\xc2\x96\x993V\x88\x17L\x8f\xa2HKiu\x89Eg\x8f\xd5U_$Jyy^\\\x9es\x90\xba]}i\x02\x04\x0c!=\x84\xe5z\'\x00\x00 \x00IDATx\xda\xc4\x98\xdfOZi\x1a\xc7\xcb\n\x9c\t\x87\n49\xdd&amp;\x128\xc0A\t\xc2\x05\xc6\x19q\x0cR~h\x1b\xcd\x88\x01M\x80V\x84\x02\x9b\xae\x9aXQ:\x8149-\xdbX\xc2\x8f\x98\x03\x16R.&amp;\xb1\x8d"pa3\xd30\xc9\xdex\xd1fC/Ab\x9cd\xe3U/\x9a\xbd\xd8\x7f`o\xf6y\x0f\x9a\xd9\xce\xed\xe6\xd8/\xe7\x07F\x13?\xf9&gt;\xdf\xf7y\x9fs\xae]\xfb\xbf\x85]\xc8\xbf\xb5\xba\xba\xba\x82\xbe]\xfb\xfa\x02\x9c\x95\xfa\xf5\xdd\xdd\x9d\xe3\x93\xf3v\xb7\xdd&gt;~\xba\xea\xffz`\x17\x9e`X\xfdi\xe9\xbc\xd3\xac1\x0c_,v 1\x9d\xd2\x03D\xf65\xd00\xbf\x1f\xfdgle\xa7\x9bd\x10\x8e\xf8R\xf0\x95iv\xceK\xb7\xb6\xae\x1c\x0c&lt;\xda)\xed&lt;}\xb0Z?\xae]\xe2\x80Y|\xfe\x05\x18\xa2l\x9e\xec\xd6\xaf\xd42H\xd3\xad6\xc3\xd4\x92\xcdn\x97\xa5\xe2\x7f!\xe0\x82\x8f\xd8\xc1\xafuv\xea[\xd8\xd5Qm\xedt\xf8l\xd5\x18&gt;\xffK(\xc6\xc3 0~\xef"\xaeu\xdf\\\x15\x17\xb6\xf2\xe2\xbc\xc6Z$f?H\x9e\xde\xe9\xf1xj\x1e\x0f\x037\xda\x83~\x84\xbf\xaa\x95\xb6\xae\x06\xcb_JBz\xfe\xd7\xa0K\xd1\xb5$\x88\xae\xd5h:\x99\xcc\xd5h\x0f\xaa\'p]\x89_\xf56$\x87\xff\x07,\x9a\xa6\x1b\xb9F.\xc7\x9e9\x80\xcb5\xe1ZCm\xa3s\xfd*\xa8\xb6^4\xbf\xc0b\x18\x0f\xdfC7\x8a\xa0r\xb9X\x04\xa8b\x8f\x0b\x8e\x1c\x8b\xf6\x86{\xb7\xfc\xf5\x1f\xce\x191\x82\xb9L\x95\xa7\x86\x8c\x02\xa4\x0c\x1c\x99L\xb9\x87\x97k\x80\x7f\xb0T\x9b\xc0\xd5}\xc05\x17\xf6\xe9\xa4\xc9\xb0\x0b\x90\x8fN\xa8]\x03\xaa\x06 \x00\x14MD\xe7\xa4\xf1x4\n\xdf\x12\x99B\xb9\x08\xb1O&amp;\xe1H\x9e\xacp\xcb\x85=8A\x15d{\x02\x83\x02\xd5\xc8\x95A\xa9DB\xa7\xf3\x12\x0b\x06\xc3\xe4\xc8\x88\xc1`0\xc3I\x10\xdeL\x11,\x13C\xf0\x9a\xbb\xdcbA\xbfbz\xdb\x0c\xff"O\xc8$\x9d\xd7l6\x8c\x04\xec\xf9|~ttT\xaf\x1f\xd5\xe7\x95z\xe5#\xbb\x82\x88g\x1al\xfc\xce\xb9]\x8c[O;\xe2\x0b,D\x95\xc9$tq\xaf\x970(\xb4\x01\x97R?j4Z,F\xa3Q~!\xfd\xa6K\x11/\xd3|\xb1\xa7[\xe7\x14k\xf58\xc9\xce\x08\x0e\xb1\xa7Q)\xa4\xe6\xe6\xa4\x00e\x06*\xbb\xeb\x91~\x14\xb0H\xa0"I\x003\xca\xabU\xb9&lt;\xa8\x1c3\xccy\xc4\xfc$\xa7\xbd\x0b\xbb\xde\xe9\x8d.\x0e\xba\x92\x8aF!\xe1!\xa0r\x03\xd5\xe6&amp;2+Kf\xb3\xa4LF\x92p\xcfV\xab\xd5l5\xb89\xa6M\xd0bq\xf2)\x87{6\xf6\x82\xb9\xa4\x8a\xce\x81\xa4\xa1\xa9\xf9q\xf7\xe4\x13\xf5\xa62\x08\x06\x01\x16@Q\x132\x99,\x1c\x0e\x03U6+\x0fn\xab\'\xa3|\x87\xe3\x84C*\xacTk"0O!\x8a\xb0\xa41D\xa5\x98\xdcW+\x01\xcb\x98\xcd\x02\x13\x08\xa8\xc80\x8b\x96\r\x83_\xcamEE\xec\xe8\xaer\xc8Uz\xb3\xdb\xbc\xa4\x92J\xc1\xac\x19\xc5\x88vL\xbd\rTUT&gt;J\xa3\xd1LP\x13\xc8/Y\xcf\xb3p5\x18\xdc$\x1a\xe2\xe6\x0f\x1c\x86\xcb\x8f\xed\xd6\x1c\xe2\n*\xa0\x8e\xc5\x1aWh\x01K\x19\x0c\xca\xc9\x0b*\x89F3\xa0\x99@\xba\xe4\xaa\xca\xd5\x19&gt;S\xf2s\xc9u\xe2p4\xd8\x02"\xd9\xe6\xc7\xef\xef\xab\xd5\x9b\xc1 \x1bu\x8a\xd2\x0cHx\x12t\x0c\x80&amp;\x10\x16\x9c\xd9\xac\x9e\xa0\xc5\xe7\\v\xfaOM\x07?\x83\xa0\x90Y1\xdb\xbc{\xfft\x1b\xe5\xdd\x08T2\x96J\xc8\x03I\x1e\x83X0dY\xd6h/\xf2\xdb\\\x86k\x87q\x14\xa5\x08\xab\x17-\xf3\xfd\xd3m\xa5\x1e:\'\x94\x10\xbc\x92\x00\x91\x10\t]\x11\xd6\x84\x8c\xb5\xcc\xa8\xd7\xd1\xc9\xef9\xc3\xc2\xb6\xce\xc5\x9e( \xb15D\xebp\x12z\x03j\r$\tP,\x15.\x14\xe2\xb3\xb3\xaaYa\xcf/6b\xa4\xd1\xd4\xe0\x97\xb8\xc3\xaaw\xc4\x8d^\xacP\t\xa7f\xdc,\x96\x11q\xf5\xbc\x02,\x1cW\xa9TwT\xb3\xb3`\xd8\xe3^\xc4H2P\xf6p\xd8\xb9n5\xf9\xc5\x9eU?\xc5\x90Y\x10\xf8m\xa5\x11m8\xb2\xdf\xddR\xa9D\xfd\x17\\B\x94\xfd\t\xca\xeas%h\xee\xb6k\xec\xfb\xa4\'\xd3\xb3*\x06f\xb1X\xc8\xad\x1e\x16O\x82\x92\xd5sK\x05T\x08\xeb\xf1c\t\x8b\x95\x8f\xd3]\xee\x96\xe2.CG{\x8b\x10Q\xcd\x8cO\x8e\xb1\xd9\xfaC\x11\x01L\x08P\x80\x05A\xe3\r\x0cPV2O4:\\M\x11\x18\xec\x89t".\x95\xc6\xa5\xa1\x90mjjf\xdc=\xa6\x86^*\x0f\xca\xb3\x97X\xbd\xd0#\x9f\xd8+\x0eni4V\xeb#\xa2\xdcz\xc0\x19\xd6\x1b\xa6\xa1\x8b\xc7\xe3\xa1\x10\xeaY\xf33\x10y\xb6\xc5\xa3&amp;\x8f\xb2\x05mT"\x11^\x8a\xc7\x03\xdf ]\x1a(\xe2!Qn~\xc7\x19V\x89\xc9\xa1\xb9/\x84\xccBX\xe3\xf7\'\xc7\xa0\xc7C\xdf\xa2$\x08\x0b\x02.A]\x0bW\x89T\xb3\xa8\x9a\xe0\x9a\x06\xb0,i"\x93\xdb\xe1h\xb6\xc1\xb0cOQ\xb7\x01S\xfa\xefX\xe0\x16\x1b\xad\xc8\x1eO(\x91h\x10\x16\x0fW\tn\x0f\xde\xee\xbf\xa3B\\&lt;\x84\xe5K\x9b29\xaevE\xc0\xaa\x15\x17M&amp;\x13pA\xb4P\x11\xb5j\x174y#\xa9\x19\xda\xc3a\xcfAT\xb8`\xb0\xaf\xef\xe6\x8d\xbe\xdb\x02X\x8e\x08\x0bf\x1d\xf2\x91\xa9\xc55\x96\xd3i\x02,\xb4\x12\xdd\x93hX\x86\xfe@\xf1\xf6D8\xbe\x07e\xe4\xed\t\xfa\xfa\xbe\xb9q\xf3\xc6\xe0\xa0\xa8\xe7\x96\x84\xa2\xac\xd6\xbc)\x91;\xde\xe2\xae\x88\xe5\xc5\r\xc0"B1\xe0\x1agg\xf8Q\x98\x91)\x9e\x08\xb4\'\x84\xc5(\xea\xeb\xbbq\x03\xb0\xfa\xfa\x06EC\x91Hd(\x82\xb0,\xceD\x91;\xac\x13\xba\x98\xb8\xc4\x82\x110\x10\x08\x80[\xa4uZ34,\x12\x0c\np\x9e\x10\xcc\x12\x0c\x0e\x0e\xde{x\xef\xde\xc3_\x7f\xf6Y,\x91e+i\xb5\xfa\x9c\x892W\xa3\r*b9aZZs\x12\x90\xf9y4\x02"\xbbP+\x1d\xdaS\x01\xcd0\x8e\x0f\x0b\x04C\x91\xa1\x9f}\x87kw\xdf&gt;{yx\xe8\xca\xfb\xa6-&gt;\xeb\xf4\xddD\x99\xab\xd1\x06\xf3\x1f\'\xcb\xba\xf5\xa5\xa5u\x02Z\x97\r\x06f\x90a\\\xeb\x82\xc8C\xb8\x04\x02\xa0\x12\r\x0f-G~Lk\xa7`\xb5z\x17\xe0\xf7v{:\rX\x87\x8b-\xce\xb0\xb0\xe3dkqmiim\x03\x06\xae\xb98\xe1\x8d{\xe3\xd1\x84\xd7\x10\xd0#\xc3\x86"&lt;\x95hphzz:\xad\x98\x8f\xc5\xccZ\xfba\xfa\xe5\xcb\xbc]k\xb7X\xa7\xd3\xcf\x13\xddU\xce\xda\xe9%\xd6\\\xaaP\xc8D3\x85J\xa1R)H\xbd#y\xfd\xa8\xd5JR"(dd\xda\x9a\xb7\xef?q\x8d\xfa\xa8\xc8\xf2\xf0\xf0\xc3\x1f\xd3\x81GVkzC\xc7\xd5\xa35\x86\xed\xe4Z\x8b\xebkk\xce\xe7\xa9\n\xe0\x80\x8e\xd0=%\x9d\x82\x8c\x8d\x1a\xe52Q\xdfM\x114*\xa3\xfd\xc9\xa9r\x94\xa4H#\xb9&lt;,Z&gt;\x0c\xf8\xa6\x0f\x9f/v?q\x85\xb5\x8b\xb0\xd6\xd7M\xf1h*\x1a7\x07\\v\xc5|H:\xf7\xeaUl\n\xe6T\xa5\x9c\x12\xf5}\xf3-.\x91\x9d\x9e\x9d\x9d\xb9\xc7\x90\x7f\xc1\xe0\x84\x90\xe7\x0bX\xfer\xb8\xa1\x83\xbd\x9a#\xae\xef\x9a\xadE\xa7\xd3\xf9\x1a\xf2l\xd6\xba\xf2.\xadVm\x0f(\xa4\xef\xde\xa5\xe6B\xf3\x93J(\xe2\x9f\xbf\xc5)\xe5\xd9\xe7\x9fR\xa9\xd4\xe2Z\x9a\xac~\x08\x0e\xf0\x86,\x16+\xb8\xd5\xfa\x13Wo\xe9o\xb5\xca\x8bN\xd8}^\x9b\xcd\x8a\x80\xc2\x16\xb3\x99\x17\xde\xbe=\x0c\x84\x0e\xd0{\x92)5%T\xf5\xdf\xd1\x18\xef\x7f\xfeW\xb4L7\xdbe\x9dy\xbb\x1a\x9c\xc0\xf1\x88\x0f\xb2\xb5\xd8\xda]\xfd\xed\xef~N\xde\x05v\xca:\xd3k\x93\xc9i6\x1b\xa6R\xa9B\xb1Ql\xb5`\xef\x8e\x1e\x1dUR\xb11\xa3\x06\xb6\x1bJ\xfe\xe4l\xe4}\xa7\xd9lw\xdeo\xfc\xb4\x1f\x1e\xc0y\x12\xcd\xb4eC\x97\xf8\xcf\xcb\xf0,\x17M\xc2_\xef\x02\x16ar\xae\x9b\xe7C\xa9L\xa5\x91\xa3\x93\'\xed\xd2\xebw\x85\xca\xd1A\xc1\xb6/\xd7\x08\x97%\xe1\xac|3\xf0l\xa3\xd5j\xbd\xff\xf7\xdb\xcf\x9f?\x0c\xa0\xe7F\xcag\x8a.\xd8e\x1f?\xfe\x93\x03,\xac\xde-f\x08\x93ii\xddlK\xa5*\x8dV1\x97\xec\xb4\x7fy\xfd\xee\x00\xb0R\xf3c\xf2\t\x1eO#\xa3\x94\xfbgg3\xde\x85g\xbf\xfc\xc3\'\x97\xcb`\xfb\x16J4\xbe\xbbQ\xfbr?`q\xf2@\xd6\xcd\x95\xbd\xc4\xda\xd2\x02\x11+\x1c\x1d\x15\x12\x99r!N\x98c\xaf\n\x95\x83\x839\xb7\xba:\x80\x0b\x07Hj\xd9xz\xba\xbfoy\xf8P\xc0\x93\xe0\xaa~4Eh\xac\xf9\xe8\xa1\xa0_\xc8\x81[\x18\xe6_m7\xca\x1b\xa6\xf553\x11K\x15\xa4!\x1b\xbba\x8f\xc7R\x07\xa8\x86\xee\xed\xb0\x04\xc7yT\xd6\x18\xdc&gt;=U\x92\xcbhh\xee\x07\xc1\x8c\nU$\xd2"\x9c\x83"b+\x7f\xfb\xeb\xad6\x9d\xd90-\x18\x88\xa9)\x9bT\x8a\xden\xb9\xdd3\xb6W@u\x90\xb2\x9d\x9d\x86\x07\x84B\x95d"\xfca[\x194Z50\xa6\xce\xaa\x00\xeb\x0e\xaa\xa2u!-\x12\xce~\xfc\xed\xbf\xbc\x9a\xcdkZ}\x16\xc7\x9b\x115\xde\xc0U\x03\xe6"\x8a\xf1%\xc6T\xcdBQ\x12\xf1j\xae\xa2^Q\x89\x12\x8c\xc4\x18\xdf\x9eX\xb1I@c^\xa4L7:1\x84\xa7d\x93\xc1\x85\r\x11\x92!\xa6\xcc,\x12\xac\xc1\x12\xba\x08T\x02)\xcf\xbaiK\xa1\xe5)\x86\x92\xc5\xd3E\xa1\x9b\xd9\xcc\xb9\xa6\xf3\x1f\xa8\x07t\xfd\xe1{\xce\xfd\xfe\xbe\xe7\xfen\x87\xb3 s\xfe\xf1\xdc\xf4\xec?)\xac\xc9I\x9f\xcf`\xf0A\x88p\xb9\\\xbel\xb9^\x07\xbf/[\\\xc7\'\x82\xcd\xcd\x01\xc6\xa6\x80\x1b\x1b\x1e\x16rG(\xb5$$I"\x10\\e\x0e\xeb\xae\x84q\xfd\xb1\xd5\xe1\xd0\xc5d^N\x96\x0b\xbf\xff\xe7\xc9\x91f\x92J\xf1\xf2\x88|\xc6e0\xb8,\x95r\xb9\xfc\xa8P\x98\xce\xba\xde\x9d\x18!5\xb7\xb3\xf3\xc8\xb8Px\xb2\xc85\n\x18\x12\x12\xba8\xd0\x97p\xbc8S16\xbf^w\xfa\xbcf\xbe\x9a\xb4g7\x9e\x83\xcbON\x1a\x0crkDn\x16\x19\\\xf6\xbb\xca]6;](p,\xef\xb7O\xb8F\xa3Q\x06\\\x0c\xf0*#\xf5v\xcb\xd8\xe7\x96\x908\nX\xb9\x9d3\x04g|\xfdx\xc1\xec\xf4c8w\xa7^\xfd\xfd(\r\xa6\xa5\xa6\x12\xa0\xdc&lt;\xe3\xfa\xf6\xed\x9b\xddg\x8f?*\x94-\xbe\x85mPkS`dH`\xed\xa7\xf6\xfcM#\xa8\xc5 A.\t\xa8U*\xd1\xf9h\x17\xb0\x96yU\xb5\xe6\xc9\x7fW\xd2`\xf1"\xb3Y$\x9aq\xb57k\x83\x9dS\xd8\xcb\xfa\\\x0b\xcdE\nK\xc0F1j\xe7q\xff*\x92A\r}.\xa9\xab\xd1Z\x81\x8f\x9do\xe2\xba\xa6\xea\xd3@8]\x81&amp;\x02\xd3\xcc\x8c\x01\x1eD\xb3y\xc1`\x9f\xde\xdb\x8b\xff\xc2\x02.n_\x80\x8f\x81B\x12\x18+\x90\n\x87\x92D\x1d\xc9R\x83\xb8m]\xdfv:\xd03\xd7\'\xab\x15\xde\x06df\xff\xa4Z-R\x03\x94Y\x1e\x99xj6\xc4\x0b\xd5\xb2\xcfe8\x16\x1a\x05\xd7\x9b\xd7\xd7\x02\xe3!\xff!\xcb\x83\xe1\xff/\x8f\x1eU\x00V\n!o\xc9\xd7\xf3\x9d\xc7\xaa\xdb\xe3\x1b\xe9|&gt;M\xdd\x80\xa9\r3\xb0RK\xa5\x13f\x03g\xafjQ\xabg\xb6\xc5l2\x80\x93\xa4[ \xc0\xf9\x0f\x87\xf8\x01V \x10\xf0x&lt;8F\xd0\x15\xc9d2\x84|\xbc&amp;?t\xdcN\xd7\xfdeK\x9dc\x0b\xe7W\x80\t\xf4\x12\x99\xa5\xdbkk\xdb\x13\x86\xf2i\xddg\xd5\x9a\x87\xb9\x03\x9e\xd6-\x8a\xa3\xe4&amp;\x89\xf7?\xbc/~\xe0\x16\xf7\xb4\xb1\xae\x86\x90\xef_\xc9\x8b\xce\x1f&gt;\xe1J\xfdt\xda\xe6\xcc\x87\xd3~5\x85\x15\xd9\x1eV*\x87\xa5\x805\xe7\xd4\x8aD\x13\xcf\xd8$\x88\xc50\xba\x19(\x86\x10\xfd\xfc{\xac\x00\xb4\x11\xc99\x92\xa9\x96^\xb0Iv&lt;\xd80\x99\xe7\x95\xea\xe9\x9c-\x1d~\xe3\xf4\xfb\xd5~\xad\xdc\xba&amp;\x14\xea\x84\xc3\xe6J\xd5\'\xb2g!\x9dr\xfb\x06\x18\xcf\xde\xfd\x8c1&lt;\xfdz\t\xda\xff\x90\x7f\x8f\x85\xa2*G29\xd8\xeaGY\x83K\x9d\xc7\xda\xaf\x9c\x9e\xf2l\xe9\x95|x\x85\xda\x10\xe5\x13\xc3\xb1g\xe2\xf1q\xaf\x0f\xc2\xfct\xf5\xb4\xf24&amp;\x96\x81U-rQ\x8cUD%D\x80\xcf\xe7S\xe3\x85#0\xf1\xb5\x87-&gt;68\xd4\xf1t\xcad&gt;\x06,N\xda\x06\x1b\x99sE\x0bj\xc1R!\x1e\x19\tfD\x96ra\xafZ\xad[\x8ec#}\x87l\x81B\xa5g\xb1\x08\x04\xf5\x04\xf8\x81"5\xf3\x14V\n\x94\xeb\x1f|\xdd\x85\xd0|S&gt;=-k\x00\xcb\xe9\x04.\xc0R\x8eS\xaf=\x94\xa29N\xe1y\x15\x8e\x9f\xa7\xbaD\xc2\xa4\x0cF\x15(&lt;}z\x14\x0f\xf0\xfb),\x0c\x05\xdb\xa2\xf1\xa1\xa1\xac.`1_\xc5\xab\xf52\x95\x02\xc3NJ\xaf\xc8\x9apJ&amp;K\x04\xbd"\xcb\xf4\xa3\xbd\xe7\x05\xcbLF\xa7s\x04MIG\x02\x92\x83\x9e@\xf5E~\x11\n#\x90\xa8#GC[\xfc[\xbc\x1bj-\xafd\xcb\xe58XD\x98\xd2K+_\x1b\x9fJ\xc8FL\x11\x9f%\xcbyT\x98v\x99\xbd^\xafC\x91\x0b\x06\xa9\xb7\xbb\x03(N\x14\x03EP\x8b\xa0\xb0B\x17|~\xab+X\xcc\xa5\x97\xeaJ\x9cS\xe6\x85\xc3g\xe1{,YbD\x9c1d9\x9c\x8d\xb1i\xdfDf7\xb3=\x0e\xbb\xfe\x14u\x81\x97\x90\xa0\x18Q\xa4\x9a\x88\x13\xaah\xee5\xf3\xd3m\xeb\xf6\xf6S\xe77E\xe6\xfc\x81\xda\x0e\xa1o.\x9c\xbfWK)v8F\xc6#\x16N\x96\x13\xe7\xb9\x9e\x0e\x0b\x85\xb1\xe6\x89\xec\xf0\xf0\xb0/\xca\x96%`\xf0\xf5X\xbb\x87\x14\xd6\x05s\xfdC\xab\xf5z\xa9\x1b\x1b\xc6\xdf\xce,\xe5z\xb5\x00XT\x1b#J\xf18\x0c\xbc\x9aS\x89[\xd4\x13\xdb\xdb\xb1\xc5/\x8b\\\x81\xfb\x90t\x93\xa8D\xa5P\xa8Tz\xa2\xe8\x01*B\xa5h@p\x98_Z\xea\xc6\xf2\xfa\x80y\x91\xb7\xd4\xab\xf5j:\xdf\x1e.\xabR\xa9\x0c\x9a2\xea\xb8\xc5eXXx\xff\xfe\xe7\xcf\xcf\x9f\x9b\xcdflx\xbb)f\xd3U*U\x8a\xc0\x8a\x18\xae\xc7\xf4*\xc5\x1f\x94\x8dvi\xd7g.\xfd\xe5\x02\xb5\xaa\xb6_X\x19\xa9Rg\xdaUg}3\x90\x06!\xa5\xba\xcc\xc7\x99\xab\x1f\x8d\xc6K\xa7\xf6X\xacHD\x11\x82Ea\x11\x80\xf5\xb6\xab\x9f\x8d\xbc\xd5V\xea\xf5\x95\xfd&lt;\xf8\xfc\x8a3b\x95*M\xc9\x92:\xee\xb3\xdf\xf9\xe6\xd2a\xdb\xf9\xc1\xfe\x8f\xcb\x9b\xc7P\xffz\xc3\xf1M\x88UD\x91\x8f\xe9\xf5zh\xe2\x87n\xdeT3\x97\xff\x8a\xd7y\xaf^\xbd\xa4\xb0(\xae\x8cC\xe1\x90\x97\x9f?\xdf8\x0f\xbf\xdc??\x00\xa0\x9bW7\x97\x97\x7f\xff\xc7\xfe\x98\xbd\xc9\x1d\xc0\xdaX\x84\x1eI}\xea\xa6XL\xe6\xf2\xe3\xfd\xdf\xe6\x97\xcf\xdbjA\x1b\xbd\xd1P4c?=\x9d~\x93~\xb3\x7f\xbe\x0f\\\x977oC\x8dZpM\xca\x15\xf4I0&gt;`\x11\xd0\xc4\xd0E\x97\xbf\x94\xa2j\xfd \x7f\xe6\xa4\xb8\xac^E(7\xe1\x82\xc6f\xef\xec\xa2\x89\xe1\xd2\xce\xee\xae\xb0\xd9\xfc\xfe\xfd\xe4d\xaa\xcfM\xe2E~?A\'BtUh\xa9\x07\x9f\x072o^RX+\x80\x95@\x1cO\xa9M\xb1r\xf7\xfe\xe7\xe7?\xff\x84\xdf\xf7/\x1f\xbf|\x91\xc9\x0e%n\x12zX\xa4#tzJ\xf5\xb6\x17\x1f-2/(\xactz%b5E\xa7\xa4\x96Je\xae\x8d\xd5\xfc\xdel~!Y\xa3\x87\xd4\x95\x06\x02.\x0fj\xd1Ut\xba\xaa\xf1\xa1\'X\xeb\xfba\n\xcb\xaf\x8dd\xa6\x82J_\xc5\xa2\x86\xbd\xe7\xb8\x19\xe3\x8e\x8c\x1c\x8e\x0eB\xd1\x08\x14E\xf5\x1e\xc0\xd2#\xe0`\xb5\x8b\x9e`\xcd_RX6[\x1a,u\\\'\xaf\xc4!BOdt&amp;G\xae\x91\n\xd1\x06i4\x1a\x8e\xa3\x98\xc7\x03\'\x8f\x1eAT\x8a\xda\xbf\x1f&lt;\xe8I\x17\xf3@\xa5\xb1\xd9\xb4\xe0\x11\xba\x8c=k\xd0F\xbc\xbb\xa6\x9d\x9dd\xae\xd6\xe6byp\x1c\x03\x8b\xc7\xc0\x1f\x10E\xae\xb6\xdc\x93\x0fb\x99\xeb\xe7\xa0\x95\xcd\xa6\xf1S_\xdfe\xe4v\x83(\xe2\xdd1\xedzw\x1c\xb9\xd4\xe8\xe0P?\x8b\x05DpN\x83\xc7#\xa9Z\xf2\xaa7X\x0f\x98\xfbi(\xc0\xd2jEr\xafU4#\xb7*\x83\xc9d0YS\x84hCCC\x834\x0c\xc0&lt;\xed\x166r\xa5\xc6R\x8f\xb0\x0e\xdaj\xf9m~\xd8\x81\xe4\x11\xb9Y\xee\xd5\x05\x1d\x8e\\N\xa1BF\xfb\x87@.\x80\xf2\x80T*\x18\xac\xd2\xceh\xcf\xb0(\xaa\xb4-\xad\x01.\x91\xdc\x1a\xb1zu&amp;\x9dI,\x96\xb1\x19\xaa\xd16\x15\xe6\xc1Q\x98vE\xeej\'G\xeb\x15\xd6c\x8d\x86\xba\x1c\xa6\xfe\xfcj\x11Pe2\x99\xb5\xd8\t\x97+\xd8d\x90(\xee\xc1\xa0\x89z\x89\xaaQ\xcb%K;\xc8h\xef\xb0x\x80t\x04\xa5\xa1\xdah\xf5z\xa5\x13\xd2\xe6\xc9\xe2\xa2\x91\xc1p\x93$\x8e{\x8a\x98J\x95\xcb]\xe5\x92;\t\xb4wX~\xcd* i\xee\xb9\xa0\x8d\xd2\xe3\x85w\xb1E\xc0b\xbbI\xb7\x1b\xd5\x134\x1a&lt;\x82\xc9d\xe9E\tEC\xbd\xc3\xb2ml\xad\x1eiVWW\x8fl~\x91Y._\xa0\xb0\x8c\\.\xbb\xfd\x12WO]U\'K\xa5\x92\xf5,EH\xe8\xcb\xbdS\xebhv\x0b\xa0\xb6\xb6@/\xf5\xa4Z4c\x96\xc6\xb82\x81\xe0pt\x94N\xa7\x8f\x02\xd6U\xfeE&gt;l\xcd\x8d\x12\x12d\xf9A\x8f\xb0\xd4\x9a\xa3\xb1\xb1\xd9\xd5-\x8a\xed\x88G\xbd\xb6\x94\xaf\tG\xd8l\xf6!m\x88\x16\x82J\xd5J\xf9\x17\xce\x95$\x9dF\x90\x03=\xc3\xf2\xf3x\xc046;\xbb5\x0bp\xab\xbcI\xb9\xdck\x92E\xfb\x14\xc8\xe8\xe0\x1f\xa1\x1f?R\xb5+\x08e\xfe\x12B\xa3\xe9I\xc5E\x8f\xb0\x0e\xfc\x1a\xde\xea\xec\xec\x18\xd4\x16(\x06\x9a\xf9#^8\xaa\xa3\nE\n\xa6\xaa\xd1\x00*g\xfa\xac\x94\xc2\x08\x9a^\xd2\xd7;,\xde\x1c\xcc\xd5\xec\xec\x93Gc\xb3m\xb6U\x91u\'\x98\x83\xaaE\xff\xc7\xcb\xd9\xc74\x9d\xdfq\xfc\x80\x94&gt;\x10\x8a6\xd7\xd2\x06\x06Xl\x81"\x08MK\xa1XZ\x88 O\xb5\x1e\x01\xc6C\x85\x13y*^#\x1cVC\xca-`=@\r#\xb9@\xa3\x12(G\xe7FH\xb6\x03\x199N`\x9e\xb2z\xd9\x9d\x88\x8ba\xce\xf3tf\x9ac\x1c\xec\x96\xe5\\8u\xc9\xf6\xfe\xfc\xca\xb2,\xdbn\xf3\xe4\xfa\xe3!\xfd\x87\xe4\xc5\xfb\xfd\xf9~\xbe\x9f\xcf\xf7\xe1w\xa2\xfez}\xfd\xc4\xd1\xe2\xce\xeb\xef\x0b\x04\x065\x7fG\x88\x8f\xb0^\x19\xdc%\xb4\x91\x87\xb1\xc4\x85\xa7-\xf6\x94P\xd6\xacCB\xc0\xcc\xa8\xeb\x19\x9bx#9y\x0cT\x12Nh(\xbf\xc0GX\xec\n`\x95\xd9\x88\x07dum\xb1mm\xe0JV\x8e\x8d\x8d\xf5\x8c\x8d!\xa4\x8a\xf7\x8e\x1e\xad?\xd1\x18\x10\x17\x87y\x88\x1f\x18v\xd97\x85M\xc54L&lt;\xc5PA\xb3\xb6\xba\xb6\xba\xba\xb6\xb6\x922a1\xaa\x8a\xe42a\x99\x10R]\x8a\xaf\x14\x01\x0bscA\xd8g\xbe\xaa\xb7\x8aS\x19\xb9\xda\xc0\xc5\x80\x81\xab\xee$\xf9Yb\xb3\t\xf7\x8e]jD\x9d*\x8f\x8b\x13\xc5q\nC\x0bB|\x83\xf5J\xd3T\x04\xb0\xbc6\x96\x94\xd8\x10\xf4P\xac\x8d9\xda\x7f*9w\x00%j#\xa8\x04\xb4\xd4\xcc\xe1\xaa\x0b\x8e\xfbH\xad#S\xca]\x94\xb8l6$\t\xe8e\xc3W\x19\x92W\xb1rb\xe0\x12\x1d\x92\x02V\x80@$b\xb0B\x0b\x8e\xdf\xf5\x11V\xa725U(\x84`\x08\xb0S-\xb62|.V\xe6\x8e\xe9\x10\xe7\xa8\xe5\x91\xe7\x1bY\x10\x8b\xb0$\x85\xfc}\x81&gt;\xc2\x1a\xef$\xb5\x84\xc2Ta\x8b\rS6}H\xcd\x1d\xeb\xb9^\x1dOP"Qe%\x8b\xa5f&lt;\x8c\x13\x84\xf2w\x04\xce\xf9\x06\xeb2\xb0H-H\xd6Rf#\xacTeVo\xfd%\xc49Q\xd1\xac\xc830\xfb+H\\\xfc\x82@\x91\xaf\xb0\xaa"v\xa5b\x82..N-\xb31W}\xb2\xc6\x80\xd5\xe8m0\x04\x01ry\x00\x97\xd9\\\xe1p\n\xf9\x05\xc7\xe5&gt;\xb9:\xc9\x9e\x99PFD\xa4\x81J\x99\xab\x1427\x90d\xa6\xde\x9e\xfa\x1co\xdf\x83\xc6G\x1e \xe0H\x98\x87\xd4\n\x8b\xf7E\xc1\xc5f\xdf\xc9U\xa2\xc2\x02UU\x96\xb2\xb8\xec\x10\xdd 3\xa1y\xcd9\x11\xef\xc5Bc\xcd\xe5\x94\xd2\xe6\x8a\xe4\xed=P\xcb\xcf\x17\x19\x82]aA\x7fXT\x14\x81by\xa2J\x99\n\xb5\x10Y\xaa\xf2\xfa\x9c\xda\x18\xb9\x17\x0b\x8d5Q\xc5I$\\&gt;\xb0B\xe6*\xd8&gt;\xc0\x1a\x92\xc9\x94\xb4!,m\xee5\xc9"\xd2\xd2\xd0\xfc4\xf7\xe8\xca\x81\xa5\xc6HD\xd4\x0b\xb8\\\xafX\x12.\xa9\x15\xe6m2\xbc7\xfb\xbf\xc3\x15\x9b*\xc4\x16s\x1dJ\xd5\xd3\\U\xb4\xab(\x03&amp;\x96\xd7\xa3\xdc\xe2\x81\x8b\xe9\xf6i\xeb\x15`\xa5H[\x05~!\xd1\x9f1\xebuM\xf4\xaa\x81\xefD8\xfc\xb7\xec\xa6\xa9*YD\x919C#U\xa8T=\xd0\x8b\x8e\xeb\xf6\x94\xe7T\xa3\xa96p9x\xb8\xdc\xc2R\x8e\x886\xee\n\xf7\xec+\x08\x0cK\x8f\xb9&lt;^\xe3o\xefs:\x07\xdd\x16\xf1\x96o\xa3{\xdf\xafp\'\x97\xb0\x8a24\xad\n\x95N\xd7\x9b\x95\x91!\xcb\xa2u$:\xabk\xc0\x18\xe4\x08H-\x8e\x04\\o\x87\xee\xe1\xef\x0b\nI?\\\xef\xa0w ,,\x1c&lt;\xb8\xe06\x1e\xd9R+\xd9M\xe3\xfe\xdd\xee\xe9\x85\xa3\xca\\\x99\xd2\x0c\xb5\xba\xa0\x96\xaa\xd7T\x05,\x84\xfc\x89\x18\x1e\x8b\x15\x00,\x91\x88\xa88H\x11\x9cR\x06\xcb/l\xfb\xd9\xeb\x0e\x87\xfb\xf6\xf3\xe7{\x93\xf7N\xdb\xfd\xb7p\x93\x85}\xc4\xd8w\xe5A\xc9\x993u\xa9\xca\xdc*e\x86\xb9]\xd3\x1a\t\xb5\x14\xcd\x90\xcb\x8b\x15\xcf\x923T\xa4\x96\x84\xcc\xe4x\xd5\xa2\xa3-\xe1\x03\x83\xce\xdb\xa3\xa3-\xb6\x96)\x87\xf1q\xc5\x96)e\xecsN\xdf\x1e=s\xe1\xc2\xfe\x03\xca*\x99\x0cX\x14\xf2*\x9d\xaaY\n\xacfUym5\x0f\xd9\x1d\xe3\x10\xb1U\x08,\x80\xd1\x960\x82+\xc8o\xe7\xce\xed\xe1\xbdS\x0b\xa3Td/XR\xfc\xb7(\xbfV\x8c\xf7w\xf7\xb9\xa7o\x97\\x\xef\x9dm\xd9\x18\x86\x11f\xb3\x19Xt\x01Wa\xd2x\xb1b`!3U\x13\x16#V)\x99\xc8\xdf\x11\xe4\x17\x1d\x9d\xbe\xfdpd\xd6h\xec\x99w\xea\x80\xa5}\xbc5\xe3\xb1i\xb0\xaf\xbf\xcfy\xe5\xf9\x99\xf7.\xec\xdf\x96\x99O\xe7X\xa0\x96\x06Xt\xe6@#\xd3\x98\x14\xfaZ\xf2\x90\xc1\xf2\x9a\x08\xb5\xde\xe6\x16\xd2\xb9\x96\xa0 4\xb6\xe9\xe9g\x15U\xd9\'\x7f|\xb2\xd3a\xf4\xd7n\xc9hd\x8f\xbb\x1d\x18\xde\x0b%\xb0p\xdb\xf00s\xb5\x00\xb1\xa5\x91F\x12X\xab\xa6\x1dXQ\x84\xc5\x98(\x00\x16\xa7\x94\xb0\xb8\x85\x85\xa1j:n\x13\xe4G\xe7&lt;\xa3Z\xdb3\x7f~~\xda\xae\xf5\xd7n\xc9\x91]\xb6\xd6\xdd\xdf\xd1\x07\xb1.\xec\xcf&lt;\xf4\xe60s\x7f\xcc\x9c\xd1N\x97\xa2\xf0tI\x01\xa8\x88\x8a\x8e!,\xba\\\x80\xbc\xc5A&gt;\xe50\xebo\x90\x8b\x07\xc1v\xec\xf0\xab\xd5+4\xd9\xe7\x0f\r\xa6h\x83\x83\xfb\xb4[`#\xdb\xeevt\xf4\xdd.9\x13\x9by ;\x93n&lt;\xd0e\x9a\xf6vF\xae\xc8V\xa9\x14\x1f\x12\xf4\xd5\xf1&lt;\x9e\x1a`\x01\xf0\x90\t-J\xab\xa1\x06\x83ZM\x8a\xf1\x83jsze\xd9\xe7\x8f:\x8c\xc1\xc1\xc1_\xfdu\xfe\xa57\xf3\xd8\xc7\xba\x9d\xdd\x1d\xdd\x0fbme\x07\xf2\x0fd2\xd7V\xd2@\xb5)\x17\xb0\xa4]\x91\xba\x9c\xea \xe4S5\xc0(\xb6\x90\xba\xf0\x03\x13\rj\x83\xc1\xc0\x18Y\xabo-\xca\x1c\x9e\xee\xf0\x17\x07\x8b\xdf}wu\xbe\xe9%gH\xf6\x11\xb7\x13.^iIK\xcb\xcfO\xa3\xc3dttK\xa3Axm\xda\xd8\x15\xa9\xa0\xc9\x87\x87\x84\n,\x86\x8a\xe3\xc5\xe2\x02\x8aV,\x0b\n\x02w&amp;H\xf3\xbf\x10\x0e\xa5\x04\x8b\x83\x83\x1f&gt;\x9c_\x9f]nz\xa97\xde\xb0g\xa6\x06\xdd\xdd\x1d)SJ\x94\x0bi\x10\x8ay\xbcX\xe0\xa2\xa8g\xb0 \x16\x8b\x19\x8d\x9b\x0e\xd2\x83\xe0\xa2\xdf\xbc\xa0\xc0\x90\xb3]\xe6?\x0cO\xd9\xb5b\xb1\xd8\xff\xe9\xa3\x8eu\xd7\xe4\xd2\xad\xe5o/\x19\xfb\xd8W\xe6Aw_\x7f\x8a}J\t\x99\xf2\x8bdY\x1a\x04\xb9F\x03\x1b\xdb\xa5]\xad\t\xf4\xfe\x00\x9d\xfeDu&lt;Q\xc9\x19*\x92\xcb\xcb\xc5EI(\xa0u\x9b\x9d\xe1\x9a\xfc\xe1d\x8b1\x18Xw\xee}\xaa]\x9aLJ\xca\xbb\xbf4?\xfe\xad^x\xc3f7uL\xac|\xe9\x86\\F\xfb\x02\xea\x99\x03\xf9\x1a\x93I*5\x99\x80\x05\xbd\xbaZ\x15\xba\x04U\x82\x0e\xd5V#\xab\xd2\x8b\xe5\x8d\xf9B~!\x83\x86\x8f\xa1\xea\xa0\xe8\x04\x12\x8b"K,\x9e\xf9\xfc\xde&gt;`\xb9\x92\xf2\x88lu\xf9\x85\xc1\x00\xb5\xbc\xb1\xd1\xb96\xe1tw\xf7\xa7h\x1d\x9d\xb2\x8c\xa2"\x94\x7f\xbd\xcd\xcd&amp;\xa9\xa6\xddl\x86\\\n]\xb9N\xa7Gh5\xb2X\x95^,\x8a+\x8cBF,P\t\xe4\xbc\x18}\xe4\xc5\xfc\xe17\x1cZ\x12k\xe6\xd1=\x11\x83\xc5&lt;\xae\xfb\xb3\xe4\xe5\x8b@U,ox&lt;\x1bSk+p\xb1\xdb\xee\xe5jGA\xa3".\x93\x06S\x10\xca\x9b(}\x14CEjQl1\na(J6\xc5\x12q\xe4\xf1\xd5:i\xd1\x17\xd9C\x8c\x85\xe2\xb9{\xf7\xee\xfc\x13\x8b\xc8f_@1\xf6\xb1\xc7\xb3\xcf&lt;\xc0\x9a^Y\xeb\x04V\x7f\x87\x11\\Ut\xd0@\xa5RDF6K!\xd7\xc5\xd6\xf0(\xbd&gt;\x87\x8a@\xc4V\xa5Z.7\x18\x02\x98\x1ec\xb3\x8a\x10H8\x01\xac\x98z\x95,\xfbM\xb2\xb0\xa6F&lt;\xf3\xab\x9f=\xf2\xefX\xff\x07V\x1e\xfd\x9a\xfc?\xc10B\x8e\xdcz\xb6\xb8\xb8\xe8\xf1&lt;p\x9a\x7f\xb02\xd8\xc7p\xf9;:Q\xf2\xe9\xc0EdRr1&lt;*\xe7DNN-\xb8X\x954\x16\x91\xa9\x90$\x88HDk6\x14\xf0\xf1\xb5:S\xda\xb6\x83v\x04V\r\x89\xb5\xbbT&lt;\x7f\xff\x9a\xcbj\xf5B\xb9\x92\\.\x17\xc0\xfew\xbe\x00\xd4\xfc\xd77\x1b\x1aN\x9f\xf6x~\xed\x9cZ[\xeba\xe4J1\xfa[\x06t\xe5\xe5\x88&amp;H\x16\xde\xda\xee\xc5\xaa\xad\xaef\xb0X\x0c\x15\xa5z\xaa\x1f$\xa2\xb88*\xec\xd5\xbcj}\xaf2y\xc1n\xb7\x1bI\xacOw?\xbd+\x9e\x9d\x9ctY\x93\xac\xaeM\xb5\x92\\V\xd7\xfd\xd5\xc7\xdf\x0cFA\xf5\xf5\xcd\xc5\x86syy\xc0\xf2\\q\xfev\x04ru\xf7\xdbSR\xb43\x96\x81\x81z`\x91d\n\xc8\xa5\t\xd7\xd7\xc6\xc4\xc7\xe0idQ&gt;e\xa9y,\x9a\xb1%\xd4\xeeC\xadP~P\x88^\x91\xbb\xd0\xed_\xa3u\xb4\x86\xcf]\x86X\x9f\x8b\x97\xd7\'Wg\xef[\xad\x89\x89V\x82\xb2Z!\x1d\xc0n}CA\x8d&amp;E&lt;\xfb\x0cJ\xe5%Z\xf3\x1a&lt;\x7f\xf3l\xb8\xa7\xd7F~3\x04\xac\x8e;\x1fZ\x1c\x96\xa1\xc1\xeb\x03*h\x86\x1a\xb0\xdd|\xf1u\x14\x0f\x8d\x8d\xf11\xf1\x8dd\xa2\x9a\xd8\xe4\x02\x11IEb\x19v\x84\xecL0u\xba\x8d\x88\xaa\x99?\xdf\xfb\xde\'\xaf?\xdd\xfd\xe8\xaexu\xf2\xc9\x97\x1f\xf7\xaf\xaeO&amp;z\xc1\x88\xca\n+\xd7\xe7\xff\x1b\x18\x9b=\xbe\n\xa8\x86s\xf8\x8b\xa4\xd3\r\r\x1e\xcf3\xa73bdm\xc0\xe2\xf8\xf0\xc6\xc3\x1bC\x83\x16{\x8a\xdd28\xa0\xdf\xa9\x8f\n\x97\xb6_\xecJ\x88\x86}&lt;\xd0\xf0\x18\x17\x19,\x10\xa1}\x15\x18\xf6\xd5\xa2\xfe\xd3L\xd9\x83AU3\xf7\xf4\xea\xd5W\x7f4\xf2\xc9\x1c\x895\xfa\xda\x1f\x7f\x7f\xc3~ki\xf2_\x04\xb3\xba\x96\xe6\xffS\xec#S\xcd?\xa1\xa0r]\xbb\x96\x98w\xfa\xf4\xb9s\x8b\x9e\x9b\x90ked\xe5\xfd\x1b\x7f\xfa\xe0\x87\x1f\xc9-\x16\x87\xc3\x9ebt\x0c\x96o?|6Rs\xb1+&lt;:\x88%g\x0c\xa4o\x1e]V\xe4\xd0\x8a[!\x9a\xb1\xf4\xc3?\xf9e\xd6t\n\xe5\x05\x86\xea\x17W_\xfd\xfe\xc8\xef,K\xd7\x9e|\xf0\xd3\xb7\xdez\xed\xa3\xe8\x8f\xe7g\xefO&amp;Z7\x1f(q\x8d\x06\xe5\xbf\xf7\xcc\xcbK\x80j\xc8K$*\xf8\xf8\x97\xa5\r\xcf\xe23\xa7\xfb\xefm\x9coH\x1bw\x18\xc7\xdd\x15K\xd7\xe1`\xdc\xef\xc5\xb8zk\x8b\xc52\xc6zBF^\xdc\x06}9\x02\xcb\x8b{u\x94\xbeP\\\xa1\x93\xe1\xbd\x19\xd8crGJ\xc0 \xc2\x19\x98\xdd\x02\x9e4\xe2\xc1^\xac\xc9ZJW\x0f[I:\xda\xb0$j\xf6bs\xb5+6\xb1 b\xe3\x9f\xb6v\x1dh\xd9\xf7\xf9]t\xae\xec\xc1`\x04\x89\x9f\xfb~\xbf\xcf\xf3{N4\xd7W\xd3\xf5\x92\xc6\x98Sh\xce\xc59Wx\xec\xc2\x89c\xad\x03\x03\x03\xad\'h_\x86}\x81V\xe3\xc7\x9b\x0f`\t\xfc\xe4\xd3\x83\xf4&amp;\x07\xdf\x7fuu4*\x10\xd6\xfd%#\x99L\xe6\xb3\xa2i\x96~\xdd\xfa\x83eBV\xc8\xd2\xfc\xda\xb3\x91\xca\x93\x06\xd8\xa9\xa0\x1e\xae\xfc\x8f\x7f\xf0m\xb0\x03T\x97S\xe7\x07\xb7^V\xc6\xde\xfbzf\xf6\xe5\xc4\xc4\x80\xa7kLd\x92Y\x7f\xa7\x08,j\xca\xdc\xcd\xd3C]\x03G\t\x0b+\xe9\x014`{s\xf3\x07\xe3\xe3\xcdo\x1e\xa2?"\xa67\xd1\xf8\xfc\xe8\xc5\x04\xa7\xea\xbe\xbf\x00\xaa|\x1eX\x96\x15\xaa/k\x19`Y!\x94\\\x18\xcfUx\xc8\xf6\xea\xda\xeb\xfe\xf1\xa1\x10\xe9\xe5\x06\x9e\x1f|\xbe\x12\x7fT\xb2\x7f\xbc;;\xfb\xd7\xb7\x8b\xba\xa3(\n\xd3t\xbd\xbeX\xee\x19\xe1\\\xe1\xd13\xad]]]\xc7Nb)=\xc4\x7fU\xd3L\xffz\xf1\xd6\xdb\x90\xaa\x0fZ\x1d\xf9\xb8\x15\xf7_\\\xab\xc9_\x1eLO\'\xf3F\x96cI\xa6\x99aR\xc82\xf1&lt;\x03\xb0\xb6xe\xee\xe1&gt;\xb2\xff\xf8\xf7x\x8a\xfcK\xf5\x9e\xbas\xea2b\xb55\x97\xb8Y\x90M\xfb\xd5\x0fwg\x7fZ\xd5\x99\x914\\P\xa1J\xe3\xb9~\xe2R\xa3c\x97&gt;\x04Vg;\xd6\x06\xfe+\xa4\xe6\xc3o\x1c9r\xf0\xf8qz\x9f\x8a\xbe\xbe\xb6\x8f\xae\xf7GU!hBP\x19J6\x9be\x84\x152\xad\x8c$kf X&amp;\xe4?\nBv\xe7u\xac\xdd\xa8G\xc8\xe1\x8e\xd4\xe0 \xfc[t\x98\xec\xd9W^}\xf3\xdd\x15\x9d\xe5\x93\x86c\xea\xfa.W\x0cX\xb8\x87\x19\xbb444\xd4v\xb8\x9d\xff\x7f0\x82\x7f\xf2\x02\x1dD\x9d\xe70a;\xcf]\xba\x01\xaa\x96=\xaa\xbc"\xa2\x184\x92$b\x935M\x96\xe5\x10/\x19!\x8b\xefy\xf9\xaf\x81\r\xa9p\x0e\xf4\xf6\x92TS\xf1\xd6\xba$2\xdd\xbe\x82J\x9bb2\xa9\xc8f\x80\x85O\xf5\xf1\xf9X\x18r\tB\xcf\x99c\xa7\xdbN~q\xf6l\xb9&lt;\xd6\xa8\x9e\x9e\x1e\xfe\x18\xbd\xb1\xab\xd5g\xa0\x82X\xa2\xe8\x8a\xa2\x04\x18I\x92\t\x8b\xa0\xe8\x01\xc9\x105\xad\xd0\x97\xbb=w\xed\x0ej\xdfT\x98\x99\x81Tt@\x05R\xad-\xeb,+jiN\xa5)\xc9\xe9\x80\xca\xe3X\xa6V\xea\xcc\x85\x1b\\\xf7\xee\x8d\x8e\xf5\xe4b\xf4\\\xc0\xed\x03-\xc5Tj8\xd1\xafr\xaa\xee\xf7\xff\x06\xd5t^a\x0cbI\x9aeIL\x02\x96\xc4\xc1diW1H\xc6\xbdl`\xa1\x01\x03\xa9"\x91\x8eH$\x92J=_\xe9\xf9=m\xb2l\xd6\xf1\x02*\x17Zi\xa0\xd1=\x8f\xa0L\x88__\x98\x07\x97\x8a&lt;\xc3\xcb\x80\x05T\xbb\x1f\x82\x00\xaa\x91@+\x0c,\x83[\xc8$F\xbdlYP\x0bX\x99=,\x02\x0c2\x16\xf2\xd7\x8bP,X`\x1a\xa9j\xd4\xd6\xdc\xf0\xda\xb2g1E\x91\xc8B\xdbkh\xa5iz:\r,M#\x1b\x1c\x7f!G\xdd(4\x88\x02\x98\xbd"\xad\xa2\xaa\n\xaa\xc7\x18X\x98\r\x86\xe2:\xc0b\x0c\xfe![\x0cji\xfc\xfa\x08*\x10\x8e\xc7\x9f\xc0*|WX\xc1\xa9&lt;\x98\x8ap\xa1"\x91\x87\x95\xb1\x17vZ\x13\x8d\xbc\x1bP9\n^\x94\x81\xc5K\xdb\x18^\xfc\n5\xd9!.r\x91\x94\xda\xa3!B\x82lh\x85\xb8?\xc6\xc6`\x18yC\x11%\xd9q]\xa8\x15\x90 P&amp;.Q\xa6+d\x01X\x08\x92I\x19jKH\xf5\xdb\xcb\x99\x06\x15AmM%\xd6\x96mO\xce\x1ay\x85\x82e\xeb\x8e\x81\x82X\xbag\xa7=\x93x\xa8\x854\xcdq1\x07\xf7\x85\x10\x91&amp;\x00\x00\x02\x08IDATsEa*v\x17z\xa8\xd18vl\xde\x84\xdd\x9b\x0f\x14*\x91\xc9N\xadV+\xf8~\xa9T\xf2\xf1"\x96\x853\x83.\x90\x90\x18\xd0\x02\xb8\x0c\xd2\x9fi\xfarj\x96g\x9dSu\\~R)/\xae\x12\x15\x04\x92\x11,\xdbt9\x95d\xa6m;\xadkN\xddu\x19a\xe9\xba\xe6\xba\x852\x0f=O\x96\xd0\x92\x88\xc7\x12\xc3\xfd\xe1\x04\xb5B&lt;\x11%*`\xdd*p(\x88\xe5\x14\x9e\x15\x8b\xe5\xd1\xd1\xd1gk\xeb\xb5BI\xb60Z\x99C\xc2qs\x19\xcb\x10\x15\xcb\x10\x165 e=\xc5\xa5\x9aK\\X\xb6AE\xb69\x98XhA\xa2r\x1d\xd8\x89\x8c9\xee\xe2\xf6\xa2\xeb\x94Jut$\x86\xbe[+\x06r\x01L\x10\x86\x87\xfb\xe3\xb8\xfd\x1e\x8e\xaa\xb1x\x82\xb4"\xac\xc9Gn@\xe5\xfa\xb5\xea\xad?\'\'[\x04U-.m,\xed\x94\xac\x10\xfa\x92z\x805\xb0\x1a%fBM3\xb4\x81\x12\x14\xa8\x02\xa9\xec4\xa7r=\x9b\xc2\x8e\xd1n\xb8&amp;\x11B*\xd7/\xb6l\xfb/\xd6\xb6\x97\xd3\x1e\x1dE\xae\xbf\x10\xc8\x85\xfbwA\x1dN\x84\xfb\'\xe2\xfd#\xc3\x89\x89D\x98{\xdb\xfdnw\xfb\x03\x11L\xf8\xd6Bu\xb3Z\xdd\xdc,\x17U5\xba\xb9\xb1\xb1Q\xdd)\xd5\x19a\x89\x1cN\xe4O\xf8\x17"\x0b5q\xaa\x08&amp;U\n\x03\xf4t)\xdd\xa0Jr*\x87\xb4R\x1c=0\xd0/\xf9\xfe\xf6\xed\xed\xab\xf1\x18\xd6\tt\'z\x8b\x15\xca0K\xe0\xc3J\xa5\xe5u\x04\x8bul$\x11\xa6\xf4\x07\x16b\x80\x8a\x10\xacV\xad&gt;E-mF\x85\xfbD\xf5\xb4\xbaS\xde\xf19\x11\xbc\xdcW\xf8"\xcb\x9a\x02\xad\xb0V=\xaf\x14\x17\xf1\xe3\xf9\xe8\xccS\x13\xeeR\xc9\x1e\xa7\xaa\xbf\xb8\xb8\xb6vu[\xbd]\t\xff\xbcj\x9b\x98\x19\x86\x8b\xcc\xae\xcf\x07\xe9\x02W8\x86\x03)\x1c\x8e\x85G\xc2\x98\x16\xfc\xd6kr\xdd\r\xf4(\x04TO\xcb\x820_\xdd \xb1\xaa\x85\xf1\x96\x1d\x97\xc4Q(c\x1c\t\xa2\xd2\xa9\x99\x15\xff\x01\x96L\x0f\x9a,}\xb4\xe2\x00\x00\x00\x00IEND\xaeB`\x82'</t>
        </is>
      </c>
      <c r="M206" s="3" t="n">
        <v>45492.67796296296</v>
      </c>
    </row>
    <row r="207">
      <c r="A207" t="n">
        <v>828839</v>
      </c>
      <c r="B207" t="n">
        <v>5981</v>
      </c>
      <c r="C207" t="inlineStr">
        <is>
          <t>Allan</t>
        </is>
      </c>
      <c r="D207" t="inlineStr">
        <is>
          <t>Allan</t>
        </is>
      </c>
      <c r="E207" t="inlineStr">
        <is>
          <t>VOL</t>
        </is>
      </c>
      <c r="F207" t="inlineStr">
        <is>
          <t>VOL</t>
        </is>
      </c>
      <c r="G207" t="inlineStr">
        <is>
          <t>VOL/MC</t>
        </is>
      </c>
      <c r="H207" t="n">
        <v>172</v>
      </c>
      <c r="I207" t="n">
        <v>21</v>
      </c>
      <c r="J207" s="2" t="n">
        <v>35491</v>
      </c>
      <c r="K207" t="inlineStr">
        <is>
          <t>Left</t>
        </is>
      </c>
      <c r="L2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5d81f21-d171-4c25-b92a-07a6d072d8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\x8bt\xec\x00\x00\x00&gt;tEXtComment\x00xr:d:DAEewil2SDw:3546,j:6929206598306459679,t:24021316\xc2\xfc5\x92\x00\x00\x00\tpHYs\x00\x00\x0e\xc4\x00\x00\x0e\xc4\x01\x95+\x0e\x1b\x00\x00\x03\x00PLTE\xfd\xfd\xfd\n\x07\x07+)*/-.\'%%$""\x10\r\x0e\xff\xfe\xfe\xff\xff\xff\r\x0b\x0b\x18\x14\x14\x1f\x1d\x1d\x05\x01\x01\xf4\xb2\x7f80-\x13\x03\x02\x13\x11\x11\x1b\x18\x18"\x1f\x1f\x8c\x02\x0c5,)\xef\xa5t\xf3\xaf{1*\'a\x02\x03\xf2\xb1\x84312\x1a\x04\x03\xfc\xfb\xfb\xf7\xb6\x85\xed\xa9z \x1a\x17(\x0e\x08\xf8\xbc\x91&gt;41\x7f\x01\x08\x0c\x02\x01\x86\x02\x0b\x1f\x0b\x07[\x02\x02R\'\x14\xf9\xba\x8ah\x03\x04("\x1f\xf4\xaawx\x02\x07\xf0\xacx!\x15\x11-\'%\x18\x0f\x0c\xea\xa5tm\x02\x05\xee\xa9rA\x17\x0bI\x1f\x0e\xe9\x9dl\xe7\xa1rC\x06\x03%\x1d\x1a#\x03\x02g3\x1dV\x03\x03,\x03\x02\xec\xa2nl9$A:8\xe3\x9do\xe1\x96e1\r\x06\xf0\xad\x7f\xda\x92g\x12\n\x071\x16\x0e6\x05\x026%\x1fr\x03\x06-$!\xa2_?[,\x17\xda\x8f`O\x04\x03\xe5\x9biI\x03\x02&lt;\r\x05\xd4\x8b^u?&amp;=\x03\x02\xdf\x98k\x9bY9\xf6Q=A+#\xfa\xf7\xf6\xf2\xb3\x89G%\x19\xb6\xb0\xab\xfe\xfd\xfdnhe\xb5pL\xf9\xbf\x96\x9a\x05\x10\xe8\xa5y\x81E)\xf5\xf3\xf3\xd0\x86X9\x15\n\xe3\x91`\x93\x07\x0fQ\x17\x0b:\x1d\x14,\x1f\x1a{G0\xcdm;\xa0\x07\x14\xc0\x13\x1b855OFB[ \x0f\xcc\x85_\xd8\x87X\x8aL0\xec\xb7\x97r4\x1a\xb0jH\xbc\xb6\xb0\x8a\x83\x7f\xbcuPF@&gt;e_\\xpn\xc3\xbd\xb7`:,\xc9\x80U\x92\x8a\x86P1%\xc0.(\xe1\xdb\xd8I\x0f\x07\xc8\xc2\xbe\xc2yR\xd1uB]1 \xea\x98f\xd1\x91j\xe6\xe2\xde\xec\xb4\x90d*\x13\x7fzw[\x10\r\x90G\'^US\xad@:\x8eT9SMK\xa9eD\xf9\xc2\x9b\xb7g@\xf6\xb7\x8d\xad[5\xc1qI\x94S3\xb0\xaa\xa4\xcf\xca\xc7};\x1f\x96\x91\x8e\x83U&gt;\xea\xac\x85\xaa\xa3\x9e\xf9\xe1\xd7\xed\xe7\xe6\xccL:\xb6\x11\x19\xbdH7\xde\x9ex\xd6\xd1\xce\xe5T&gt;\xdb\x7fL\xf0\xed\xed\x9e\x95\x90\x81M6\xb4{Z\xd0|Oh\x14\x13\xca\x8bgP:0\xc3~Y\xb0#"nE1\xdb\xd7\xd4\xfb\xec\xe9\xa1iM\xa9\x0b\x15\x9fP-t\x17\x17\xe0\xc5\xbc\xef\xdd\xddtQ&gt;\x89]G\xd7\x97r\xc3i:\xe0\x89W\xa3\x9b\x98\xb1\r\x16\xeb\xd3\xd2^&amp;!\xa8qS\x92?;\xef\xbd\x9ew3,\xd8P&lt;\xf4\xa4o\x8a0+\xc8\x1a\x1e\xacTM\xbd\x84d\xa0\x1a\x1d\x80&gt;5\x91\x1d\x1e\x998.\x94aH\xee\x93\x82\xf7\xca\xba|%\x1e\x86\x19\x1b\xde\xac\x98\xc8\xa0\x8c\xe4\x87{\xba]M\xdd\xa4\x83\xe4m[\xf6\xd6\xc9\xbaQX\xa7,*bG&lt;m#\x1f\xd8\xad\xab\x97hV\xee\xb9\xae\xd4yn\xe9{l\xe9\xc9\xc5\x99OD\xcddZ\xb8\x89\x7f\x7f\r\x11\xf2\xa0\x93\xb1np\xc4g_\xd7\\H\xe6:1\xca\x8e\x92\xf2]A\xa1zg\xc1\xa1\x98\x7faY\xe5\x8ap\x92rf\xed_\x9b\x13\x00\x00 \x00IDATx\xda\xac\x98_LSY\x1a\xc0o\xb3\xbb\xdcB\xb4\xb8\xb1\x15HoZ\xb6\xfc\rH\x9b\xc2j\xa1X\xfe\x95\xb6rm\xa7\x94Q -\xb0\x18\xb5\x82R\x1c\x07\xc1Q\x91\x02\x0bA@dD\x1a\x990\x80\x0c\x8e!FB\x05\x96N \x0c\x0f(`\xc6}\xd8\x07\xb3\t/k2/$\xbe\xf9j\x88\xfb\x9dso\xdb\xdb\x02Z\x18?z\xe99\xf7^\xee\xf7\xe3\xfb{\xce%\xf8&gt;!\xf9\xbb\x08I\xee&gt;c\xce\x10$\x01BQ6\x8a\x82\xf1\x0e\xb7\xee\xfa\xec]\xae\x10\xfc?($\xe6\xa1\xec \x93\xe3U\xb7\xba\xdcn\x80#\xc8?\xf8T\x82\xc4\xff(\xe1\xfb\xf6\x0f\xf8D(\xe2\xee\x9e\x98x\xf2\xe8Qw\xdbzG\xeb\x90,\xdf\xe5l]\x9f\x9a\xb4\xdb\x01m/\xb2M;RN\xb2s\xef\xe1\x9f\x10\xde\xab\xde\x01\xe1\x1dPv\xb7\xdb\xdd\xdf5\xb5\xeel\x90\xb5\xb4\xb4\x0c\xb5|+H\r\x8b\xe7\x19\xc2\xa4\xf9\xce\xe6\xe6\xe6\xf5\xee.;\xc1y\xb4O\xe7\xf6\x13\x01\n\xbd8|4\x86\x01\x1f\x07\x05s\x819\x81\xce\x90\xec\x84\xf93\xff\x80\xb2-N\x0c\x0c4\x0fT;[\xd4F\x87Z\xa9\x0c\xe7IS\x15\xbc\x03 \xf1\xe1\x87\xfe\xfc\x97\xd4o\x87\xaa\x9f/\xb2\x16\xc3\x8f\xc4\xbaH\xf6i|\x96\x0f\xeb\x08P\x18\x80\x83\x0f\x92\xcf\xf7\r\x98\xc0%\x99+\xf8\x9b$\x99\x01sP\xee\'\xf9Ri\xaa\xf4PD\x84\xd4hT\x1ax\xe1aF\xb5\x12c\x1d\xe0\x19\x94J\x1e\x8f\x17\xf6\xa7\xd6\xb6~\x8a\xf0\xff\x1dW\x87\xef\xd1\xde\x01;\xe1{\xc9\xf7\x15\xe6$5\xf9$_\x11\xa14\x18\x0cJG\x94\x9a\x17\x1e~H\x9dz\x88\x07X&lt;\x04\xa56\x1a\x0e\xc4\xc7\xc7K\x1b&amp;\xfa\xa9\xfd\x05?\xb1/*\xc26\xd9\xe62*\x94J\xa5B\xaa\x00[I#\xa4\xc2\xd4p0Y8\xa22\xfcU\xa8\x8cG"\x96\xadw\xf5\xdb\xf6\x93\x96\x04\xf6\x0e\xc9\x8ao\xe0\x9d\x07\x9f`\x84\xb2\xf5\xdfjn0F(#\xa4\x10W\x06C\xb8Q\x8d\xb1\x0eI#x\xf1\xf1\xbc\x03&lt;\x852\x12\xa8"\xc5\'\x87\x9a\'\x16m\x14\xc9}&gt;?X\xcdN\xda\x99| 9)\xc6\x1d\xf8.p3\x19\x8a\xd4\xd4\x84\xab\xc5\xa3V@`9 \xe0\x15J\xb5\x1a&gt;a\xbc\x08\xb5\xc2\x00X\xc0e\x88D\\\xe2XZ\x96\xdf\x01\\T`R\x07&gt;\xd5\x97\x9bd\x10\xc46"\xceM\x1c4\xfc@\x80\x9a\x1c\x1fh\x10\n\x84\x8a\x08\xb5Z-\xcc\x97\x19\x1d\n\xa5T\x89&gt; (\xda\xe0\x97\x12cE&amp;\x82\xe4O\x8cw\xd9\xa9\xbd\xe8\x08*\x10\xbe\xca\xe1?\x118\x01\x97S\xf6\xfe\xf1\'\x032\x19-\x14*\xc2\x14FZ \xa3\x15\n\x87R\x01"u\x80\xe1\x14j\x05\xe6\x8b\x14c\xae\xc8Hq\xa2\xb0\xc1\xd9m\'B\xd5A\xec#\x13\tj\xb2m\x1dL\xe5\x80\x1f\x99\x03&lt;H\xd3\xb4\xc3\x10\xe1\x00\x81\x01m\xa5\xc1|\x0e\xb0\x962Q\x1c\xc9b\x01W\xa2\xbau\xcaF\xec3\x13I\x02g\xc0\xa7\xef\x9e|4\xd0\xeaL\x95\x1a\x05\x0e\x1a\xb0\x8cB+mD8XhG]\x1d\xb2\x9aA,N\x8cMd\xb0\x80N,\x8e4\x18\xab\xc7\xed\xe4\x0e\xedtW\x8dD`/\xffL.SU\xd5N\'\x14\xac(\xabPf\x05\x1c\x8f\xc7\x03\x87\xd5\xda\xd9\t\x9f\xce\xca\xca\xca\xba\x93\xb1\xb1(\xa0b\x01\x06\x04\xb8\x90\xdd"\x13\xeb\x9a\xbbv\xa8`\xbbk\xdcSC%\xdc\x03-\r-\x0e\xa5\x14\xdc\xd5\xe9\xf1,\xac&lt;F\xb2\xb2\xd0\xbeP\xdf\x9e\xb7\x90w"/\xef\xc4W\xc9\xc9\xc7jj\n\x0b\xb3\xb3\x11\x98\x17+\xbb\xd0U5\xb9\xa7\xe6\xbdcvl\xef\xdb\xf8\x16\xdb\xad!\x01D\xbbZAwv\xd6?,7\r#9{\xf6\xe6\x0f\xa6\xf2\x87c\xe5\xe5c\x83\x83\x17~\xfa\xe9\xc6\xfdk\xd7.\x1f?\xf6uaN6v!\xfa\x95\x9dM\xbb\xaa\xecA\x19\x18\xac0 7\xf9\xdc\x1e\xcc\xe9\xa9\xdb\xb3\x84\xb2\xb7U\x0bh\xccem\x9f1\r\xaf\xae^\xb9\xd2{\x05\x8e\xde\xde\xd1Q\x048\xb2\xbc\xbc&lt;88\x08`\xf7\xaf]\xbes\xe7\xeb"\x00\xc3\xce\x04\xac\xd8\xba\xd6)*\xa0os\xffu\x92\x1f\xb0\x82\xc0\n\xbd\xcd\x12E\xa0\xaf\x123\xdd\xd3{\x05\xb7Pj\xb1Z\x10e\x84\xf8\xa6\xe9\xbc\xb1\x91UD\xc5H/&amp;\x83\x13&gt;\xae\x1b\x0cWi\x11\xb6\x188Q,\xce\xd9\xacr\xdb|\x8b\x86]t\x90,\x01[ H2h5\xec?\xe1=\x0bXS\xae(\xa1\x10J\x82\xf5L\xf90\xa2Z\xe5b]AX\x0c\x17\xeb\xc8;YY\xa5\xa598\xc6\xc0h\xb1\xd6\xd6q;\xc1}\xe4v\x1d\x819\x1aj\xcd\xear\n\xa1z\xd2\xed\xf5&gt;S\xf5ze\x0e\xb8\xae\xb0\\\xcb\x0c\x17\x98\x0bq\xb1\x06\x83\x9a\xe1y\xee&amp;\xf6\xd4\xaaC\x12\xc2\xde6\x14%\x90Y=\x8f\xb1\xa9\x00i\x1a&gt;\xd3\xf0\x01\x99\x9b\x9b\xeb\x1d\xed]\x1d\x1e\x01\xb0\x91\xe5A\x1f\x16\x80y\xb9\xb2\xebZ\xfb\xa9\x90\x95\x85,T\x7fs\x83Ph\x95-\x98\xb0\xa9\x18\x9c\xe9\xe95\xf8\x99nj\x9a\xbe\x08ds\x98k\x04\xf9\x11c\x95`\x01Gbs\xd1\xd0\x83\xa8\xbd.\xf0In\xa3\x0cXR\xb0WmS\xd5-\x02\x1a\x1b\x0b\x9bj\r\xa4\x96\x91\xa6\xb5&amp;,\x17\xe7PF\x8e`s]\xbb\x0c\\\xc5\xc5%\xc5\x9a\xe2\xa2\x9cH\xd4\xb6e\xd5\x8f\xdcT\xa0\x8e\x00\xa5\xbe\xb5\x05\xce\xc4\x1d\x1a\xe5\x8em\xd4\xb6\xe8\x14\x08i\xeb\x82i\x14\x05\xd3\xf4Zm_\xaeD"\x11\xe5\xaa,}\xda\xda\xb5&amp;3\xe2\x9a\x1b\x1d\x1d=;\xec\xf3b1\x88&amp;:\xba4G\x0cX\x8a\x86\x89)\xbcU\xe3(\xfc\\\xab\xf6\x85&gt;A\xee\x90\x0b0\x81\xa5C\x9bK(\x14z\x1e\xdf\x840\x02\xdf\xd5\xaa$1\x15\x151\xba\xf4\xdc\\\x8b\xa5\xd6\x8c\xa9\x9a\xe6z\x80\xeb\xe6\xc8\x18\x83\x05\\\x1aMtJFV\x8e\x18\xd5{\xc1\xc08\xb3Re\xd7\xf2\x9fH\xbe\x903\x91\x84\xd0\xca\x8f\xa2e\x9b\x1b\xb7\xe7\x9a\xc0\x81\xb5*\x91\xae\x02D\'\x11\x9dW\xa9,Zm\xady\xcd\x8c\xcd\xd53\\\xce`\x01\x97F\x93\x94\x92\x96V\xcc\x04\xbd\xc2u\xcbN|\xe1\xb5&lt;`\xb5\xca\xa2\x84\x9e\x95\xd7\x8d\xe65/\xd5\x8f?V\xc40~\xb4X\xb4\x10cf\xc0\xea\x19\x1d6A\x13\xbaq\x02\x99K\x93\x14\x9d\x11\x17\x97\xc4\x16/\x19T\x88\x10\xd7\xf5{H\xc4\xd6|\x81\xac\xfd\xc5\xec\xe92\x00\xe8\xcbEX\x7f\x03,\xb9H\x04T\xb5\xc8\\\x8c\xb5\x00k\x0cU.\xc4\xf5 )\xfaT\\\\J\x11j\xdcb1\xdd\x11z&amp;\x92\xdc&gt;\xc9m\xa3A\x13h=\xf92\xcf\xca\xd2/\xfa\x02-\xa2\x92\xe8 \xb4*bbt\x120\x96\xb6\x16\x8c\xb5\xc6\xa6"D\xfc\x05\xe8?7\xbcX\ti\xa5\xd9\x98\x8b\xee@!\xcf\xcd\xb7\x9d\x15r\x17\xcd8+\xb9m\x94\x1f\xd89\xed\xe3N\x99g\xf3\xc5\xd9F\xc0\xd2\xaaD"\x91\x04\x89N\x8e|\xd8\xd7\x87&lt;\x08\x85\xa2)\x08\x0b;1!\xae8\'\x87\xc5\xe2\xe8\xe0o\xd7\xe1m\xe4\xfe]5\xc1\xb6j\xe6.\xee\x84\xbdj\x1bw\xe67&lt;~\xfd\xcbi}\x81\xa5O%\x92\x00\x98(\x17\x7f\xb1X\xb5\xc8^s\xa3\xab\xc3\xb8\x9c\xde\xc0N,\xd6$\x01VBt\x11peg[\x9fS,\x16\xdf\x8b\xe5\xdfoo+\x10\xec\xa2\x81],r\x9a9\xdf\xb7\xb1\x83\xc36\xe5l\xd9\xdc\x98m4\xeb\x0bT\xaa\\\x91\xe8\xa8(7\x17\x19\x8d\xc1\x02/\x9a!\xbc\xb0\xb9F\xca\xfd]\xb1\x18\xb0\xe2\x122JJ\x11X\xe7:\xe5[#\xf8\x94\xf2\x83\x942WB\xccD\xf2\x1f\xb6qW\xc3\xca;0VY&amp;\xc6b\xac\x05\xf2\x1f\x84\xd5\xa7\xed\xab\xedSYP\xd0\x0f\x8f\x98\x96\xd9L\xc4Xiiqi\xd1\x9a\xe2\xac\xa2\x1c\x84\xf5\x85[5a\xefvmn\xcd6\xea\xcb,*U_.\xcb%:*\x97\xcb\x91\xd9,p\xd6\x92\x9en\xd1\xebO\xf7\xc0Zu\xec\x02\xb2\xd6q\xc0\xd2d\x9c:\x15\x97\x96\x96\x96\x91TR\x04X\xc4\x97n\xd5\xb6n\xd7\xca\xbby\xbd\xd6\xa2B\\\xc8^:\xb9\xfc\xe8\x91#\x07\xe5\x08O\xa5\x92\x88,\x99\x92Lm\x99\x19\xb0L\xe5\xd7/\x9c9q?\xf9\xf2\x9d\x12MJ\n\xb2\xd7\xe1Kq\xd1%\xbf=\xa7\xf6\xb4\x96\xf7\xbd\x82\xe3\x13;\xec\xb7\x19\xb1W\xb9\xb6&gt;\xbc,\x00&amp;h\x82\x08K\x17\x13s\xf0\x88\xee\x88\x0e\xac\x95\x9e\x9e\xa9\xd2\xc5X\xb4\xe9\x99eZ=\xb2V\xf9\xc3\xebg\xd0v\xe32j\x89)\xa7\xd2\x12\xce\xfd\xfaM\x9c\xe6\xb7\x0ej\x97\xfd}\xd0\xae"\xa8U\xf3?\xd1F\xdd\xcf\xb7&gt;\xbe\xff=S\x85;\r\xd4-\xb9\x0eJ\x16*\x11\x92t\x95\n&gt;1\x15\x05M\xdaL\xad\xb9\xf1\xac\xe9\xe1L}\xfdB\xde\xdd\xe4\xe4\xe3\xc7Q\x89\xc0XO\x9f^Jy\xf0\x11\xcai\xe0\xab\xbd\xdd[5n\x9c\xcc\x1a\x9b\xd3FI\xef]\xcc\x98ONvl}x\xfb\xfdy\xe0\xd2\xea\xb5\xaa\xdc\xf4g\xcf\x9e\xfd\xfe\xf2\x1e\xc8K\xbd\xbe,]e\x01k]\xbc\xa8=\xddsscf\xa1\x9d\xd92\x9e\xac\xa99V\x82\xb1\xe2\xce=\xbd\xfak\xda\x83-7\xc6\xf2\xab\xf0\xbf\x82\xe4\xccH\x7f\xab\xfelFB\xa7\xfe\xf8\xfe\x7f\xdf\xfd\x9c\t\xc6\x02\x8c\xf3/\xdf\xcc\xbe\xf9\xf0\xee\x05l\x137\x96f\x1b\x0b,\x16\x9d\xce\xd2s\xfb\x9f\xb7M3\x0b\x9d\xb4B\x817\xfc\xb1 \x85YI\x19\xc8Z\xaf\xae\xbe:\xfc\xaf\xad\xc9\x90{b\x88\xa9Au5\x7fx\x0bX\xe9\xaa\x822\xbd\xfe\xde\xfc\x9b\xd7\xef\xb6V6=\xb0\x95\xeel\xaf_j\xd4Ztr\xed\xa8\xe9\x07S\xfd\xddJ\x87\xda\x80E\x9c\x88\xc0J\x93\xc0X\x10[W\x9f\x9e;\xf5\xb8\xebKg"`\xbd\x7f\xfb\xddw?\x9f\xcf,(\xbb7\x7fo~v\xe9\xdd\x0bpV{\xfb\xdd\xbb\xed\x0b\x1b\xb7\xcd\x99G\xfen\x1e\xbe~\xa1\xfen\x1dl\xf6\x11\xd0I,\x85\x85\xa5\xd1@u\x18\xb0\xc0\x8b\xff]\xa4\xf6\xb3\xab\xde\xfe\xaa\xdb\xf7R\x8e\xea\xea\x00\x1fb,\x88\xa8\xf9\xf9\xd9\xd7KK\x1b\x10\xdbg\xea\xebgfL\xb7O\xa7\x1f\x947\x8d\x9c\xf9*\xf9\x18z\x05\x11{\xb2\xae2\xb9\xb2\xae\xa6\xae\xb2\xb2&amp;+\x1a\xa8\x0e_\xfa\xe6\xe9\xd5W\t\xfff\xb1\xc8mJ\x837\xd5\x04\x9f\xd3\xcc\xff\xcf\xaa\xf9\xc7\xa4\x9d\x9fq\x9c\xff\xbe\xfeQ\xe2\x1fF\x03\x91/\x938\x14\x08\xba\xac\x16\xaa\x11-\xb1\xda\xe0\x11\x99\xa9r\x92\x011(Z\x8a\x86\xd6D\xe6\x8f\xc5,q\xf3\xea:\xea06e:Z\xb7\x0b\x9c\x8dc\xa9\'\x96Y#\xd6V\x99\xb1\xa2\x8dU\xae\x9b\xb5w\xfe\xe8\xb5w\xf5\xec\xa9w5\xb9\xd4u{&gt;\xdf/\xe0\x17\xabmo\xed\'\x86\xc0\xd7\x84\xcf\x8b\xe7\xf3\xf9&lt;\xcf\xf3~\x9eO\x14F\t\xa3\xe1|\x9blT\xfc\xf1SXC\xabS\xafw\xa1\x8d\x1eh\xeaT\x15\x80\xc8\xef\xeeVu\xea\x9a\x06O\x1dO\xc5S\x07n*\x0c\xb9\t\xb0p\xd5\xcd\xfd6\x9b\xcd$\xd1\x02\x9c\xb85\x99\xc4\x9a\xac\xe95\x12X\xfbe\x10\x18u\xf6p\xad\x1c=\xdd=\x14Xd\x01\x9d\x94\xbe\xb4 \x16[\xef\xca)))n*hl[\xd5\xe7\x14\xff\xf6\x8an\xb0\r\x1c\xff\x918~\xdc\xa9n1a)\x85\xc3\xef\x1e&lt;\xdf\xa82Y\xc4"\x9e\xa2*+%\xc6h4\xc2\x9e\xaf)\x9f&gt;\xc7\n}]D)&gt;\\h\x0f\xebm\x1a\xa5\xd8\x1e\x15\x15\x8e\x98\x18\xf5\xbc\xa2g\xb4\xab\x9f.\xd5\xcfX\x9dNX\xc6\xf4\xe3\xa7\x9a\xcc.\xa7\x86]R|^\xd7\xa83\xe7\xb0\xc1\xdd\xe3q\xa7.\x8a\xe2\xa3\xe3\x13x\x0ew \xe0\xf6\x17\xd8\x94\x12\xb1H\xc4\xe3U\xa5\xc5\x94\x97\x97#k\x9d\xdd \xeb\xe1\x18\x16\x0e\xcad)&gt;\x9c\x1a\xd0(\xb3\x1f\xdc\x15\xc3v\xb5\x00\xd6\xf7\xc9\xd2\x17\x04\x16\xe4}\xc7\x8b\x8b\xd3\x9dV\xab\xcb\r\x8b\xd8\xadj&lt;\xc1\x8e\x13\n\xe9G\x06.\x8a\x01K\xd6\xecu{\xc7\xc7\xc0sU\x8bD\xadEb^\x95\x80k,?\x0b{\xab\xb7|\xa3\xaf\xf4\r\x19Ah\xd2\xc8\xed\x1f\x85\x1d\xd4"*\xed\xfb\x0b\xb1\x88Nf^\xde\x11\x88\xcc9\xbe\xc0\x8b\x17cZ-OZ\xa1jJ\x8f\x13\xce\xc6\x1d\xbbv\x93\x97\x14\x1d-\x1br\xf4\x8f\xff\xe6O?\x89G\xde!\xbf\xc8 \xae\x82=OZ\xeb\xb3\xb5\xca\xfd\xbe\xfa\xe0\xbe\x14m\xb79s\xc09\x05\xa9\xbf\x03XD\x9a\x9cz$\xbd\xb8\xc9\xbb6\xf6\xd5\x07?O\xaa\xb6H\xebt%\xb1Gf\x85\x17\xae]n\xcf\x8d\x8fN\xb0\xb44\xbf\xf8\xcf?~\x96\x00.\x029.\x83(K\x9eh$\xb1\x9e\xab\xf7\xfd\xea\xfd\xb0^\x8d\x89\xfb\xd5\xb70\xc8N\t,\'\x80\xa5\x1e\xfe\x85\xce\xb6\xb0\xf5\xe2\xab\xea\x04\x99\xc5dZh*9\x16+DX\rE\x99\xd1I\x86\xea\xa1\xad\xff\xb6\x18\x08\xef\x00\xe72\xb7\xa8P \xe7\x02Vo\xef\x93-jv\x1a&gt;\xf1\xd8\xfe1\xf1\xa0P\x1d)\xb1\xd5\xe7v\x96\xacVBU\xa4\xe6\x98;\xbd\x81\xa5%\x87\x85g1\xd9\x16\xdc\x9e\x9cc\xb3\xc2Y\xc0zX\x95\x1b\x1d\x9d\xa0\x1dZ{a\xb2(,\x16\x9eV\x04qQ\xd4\x9a,H\x04\x07\xd1;yi\x87\xf6\xba\x9fN=\xfa\xb4\xf0\xe4\x11\xa1\x9a\x94\xdb\x94\x83\x81\xb1\xae\x12XLHgR\x0f\xe7\x94\x98=\xbe\xd5\xad\x85:[Ag\xa3\xa7\xe4\xe8,\x0c\x84\xd5\x91\x91\x14\r\xebjr\x80\x9f\x85\x14B,&amp;\xb2\x88\x0eA\n\xb8\xf9\xde\x91K\xb7\xb0\xd0\x1c\xe1&gt;\xd8+\xd5\x85p\x14\xdf\x13#\xa3\xf6/Tc\x95\xbf&amp;\xb048\xce\xa43\xf3\xf4\xaeUW[@\xd7\xd9\xa93\xfb\xd2c\t\xac_]~\x98\x96\x95\x1b\x9fd\xe0I\xc1\xf3\x9b\xa4\x12\x8bE\np\xb5\xb5\x1d\x029\x81\xf5\xf86\xf6\x96\xb55\xec\xad\xeb[\xa5\xea\xdf/}\x81\xb0\xecv\x00\x83\\+\xbd\xa4\xcd&lt;88\xe8\xc9a\x0b\x85\xc2Y\xf8\x9b\xf8\xf3\xbdQFQR\x92\x0c\xb0\x1c\xb6\xe0\xe8\x87,\xf5\xba \x8dk\x1c\xe9\xbd\xb1]\xc9b\xbd\xe7P\xad\xae\xac&lt;\xb7\x83\xb0p\xa0\xd2\xe0v\x8d&amp;O\x0f\xee\x1e\x04G\x1eN\x07*p\x11\xa7\xaf\xfc{4\xad03I&amp;\x96\x98\xfam*U\x01\x0c\x95\xadB\xd9@bM\xdex~\xf5\xef\x7f\xfd\x11ep\xd2/D\x94\x9f\xb1=I-\xab\xe7\xd6\xb7w\x08k1\xe9t:\xce\xe7\xf3q&amp;\xfb\xf0\xe1\xc3\xa0\xadq\x1c\xacE\xc7\xed\xf4\xa3\x037\x1f\xca;\xf2\xe3\x13\xc4\ni\x85MU\xd0\xd9\x89\n\xe3u\x15\r_\xa7\xa5%"\xac\xf9\xdf5\xdf\xdd\xea+\xa5NH\xa3ly\xea\x03\xda\xde\xf2\xf3\xab\x05p\xf4dx\xc6\xa9_]\xad\xaf\xd7\x90T\x1c&gt;\x8e\xe3 1\x00\n\xd64N\x88s\xba\x16\xcbbO\x01\x162\x97\x81\'QVt#k\xa9\xba\xeb@\x03\x8d\xa6\x81\x87\x18\x99\x1c\xf9\xbc#+\xe5\xd2\x1d\x16EH\x87{\xea\xd40M\xe9\x90a\xc1\xa49tx\xa3\xa8\xaa\x1a\x8ea\x8f\x06\xd2v+\xda\xf2@\x05\xc6\xe2p\x80\x0c\xde\xda\xed|\xe0\xe2\x94q8]\xf6\xa3W.\x8e\xca\xe5\x82\x8c\xcc\x04q{CE]\xb7\nF72\xd6(\xca\x03\xc1A\x94s\xb91O\xbee\x91)\x01\x8d\xda(\xa76\xf1\t\x1a\x1aUDGE\x86\xd0\xa8\xf0\x07\xf5\xe2\xc0\x95\x13\xcc\xfa\xfaz+\x13\x16\x8d\xcf)\x83\xc1Ao8\x1c\xbb\x1d&gt;\xd9\xe1 \xb0\x8bU\x0f\x19\xc9p\xea&gt;D\xe6\xfa\x18\xb8\xba\x11\x95\xb2a4\x85K\xe4[5\xbd#F\xf9\xf4\x1d\x1a5%\xd8\x8d\x82\xe1\x0fd\xd7\xf9\xad4\xb5z\xf1\xcc\xe5+l\x0e`i\x90\xa9\xca\xba\xba\xba\xc0@0\x88W\xe7\xa0\xc3\xb1\xb6\xea:_W[\x94\x9d\xdf*\xbfN\x98\x0b\xb8.\x12K\xd8~\x1d\xbc\x16\xc4\x9e\xb9\xb9\x9aI\xe3\xf5\xb5\xab\xd8\xfb\xabo\xa9\x17\xaf\xfds \xcf^?S\x0f\xab\xc6\xe7t!\xac2D\x07\xaf\x1cf\xf1\xc7\x06\xd9/\xfd\xe6F\xa5!\xfa\xa7\xd1\xd9\x1d\x82\xcc\xf8\\\xb4\xbb*\xeaH*p\xa6$\xd5\x88\xd1x\xfdy\x1f\xed\x1d\xc6\x9e\xe65\xeb\xcb\x893\x13qL\xeb\xcc\x0c\xec)b\r\x11\x11A\xc7\xb1\xe7\r\\\x94j\x9b\xdd\x83\x05S\t\x87\x0e\x1d\x8ao=\x19\x1f\x9d$R4\x00\x17\xac`;8S8\x86@57\x19\x93h\x1c\xdd\xa9,=p.loS,| (\x0f\xa8g\x96\xd5s\xfa\xccia\xacsf\xa6\x8c\xe0\xe2\x90L0`\r\x99\'\xcc\x9e\x80\xc7\xd5\xa6R\xe4\x82\xb5\x92r\xb3\xe3\xe3\x13D\xedR\xa5\xf2ce\x83\xa4\xb6\x83\x01\xde\x01\x19k\xce\x08|\xf7n\xa9\xf7m\xd3\xbf\x1a\xb7_\xab\xaa\x83\x8c\xac\x9e\xe3\x7f\x88\x9d\x9d\xd0\xd7\xcft!,\x82+d\xad2{l:\x13\xe0rtJ\xad\x0c\x89\x1eHg\xc4\n\x89\xb4A\xaaDe\x1b\x08\x88\\\x02\xab\xe6\xbb\x93i\x9f\xcd\xdff\xed\xfd\xe9\xaf\r\xd5!,,*\xe4\x1c\xc8\xd3A\xfe\xb7\xb4\'}".\x88\xc5\xe7\x93\\\x1cbo\xc1\xab\x9d\x19\x0b\xc2\xc3\xe5\xf3xM&lt;\x19\xa4Y\x06\x11\xec,i\x83\x04\x8dv0\x16\xaa@ \xac\x98\xc2\xac\x7fm\x0f\x93B=4\xcf\x1e\xac\xdd\xec4j\xf7\xa6K\x18\x8b\x92N\x04s\xecaM\xacp\xf6\x98f&amp;\x84\x15\xb4\x17:\x88vf^\x8e\xc7\xef\xf5\xeb\x02~SK5\x88\x1d\x85\xc2"\x85\x04B\xd2\x0e\x03\xd6P\x9e\xc8%\xf6VMy\xd6\x87\x1d\x8f\x83XX\xe8\xe7\xd3\xc2s\x045\xcd\x9bTu\xc4\xd5\x0e\xf5\xa2\x1d\x17\xc6qv\xb1\xf8A\xf7`\xc7\xf3\xd2=n\xc7P\xffP\xbfw\xbcY+\x93iy\x12\x89Tj\xaaPJ\x14\nH\x1e\x18\x02RS\xcf\x81\xf0\xc9\xca\xce\x98\xbeM{\xc7PM\xfd\x17K\xddSF\x17\xd29\xa1E\xc4\tW\n1\xc8\xceL\xf7\xf8m\x8e\xa1\xa1\xa1\x16\xe9\x02\xc2\x02\x95\xa8\x80tF\xa9\x94\xb6\xd7\xd6\xd6\x12\x1b\x9e\xd0\xd4`-cFv\xfe\xdds,\xda\xbb\x8f0\x1ak\xb8\x0b\xd2\x04p\\\xe0\x10\x10\x14\xce\'\xc3\xb5\xcb\xe3w\x98\xfa\xc7\x1c\xfe\x02\xa5\xc9\xebu\xb4\xc8@T\xcbZ,\x16\xb4\xadj\xab\xaa:\xd0\x86\'\xa5\xfe\\\xaf&lt;;\xf3@,l\xaf\xc2\xc0(\x01=\xe2\xac\xd2"\x8a\xd3\xc3]\xb3\x17.h \xfc\xd8Q\xbeEb\xe1l\x8f\xd71\xe6\x18\xf7\x06&lt;\xbe\xe2&amp;]\xd3y\x9d\r\xec\x95\x94P\x8dv\x18X\n\x06*4\xc7\xc4 \xed:w\xb6033\xff\xfem\x16\xb6\xb7)\x16\xb5\xc7#Q\xeb[h=\xc3\xa1)\xd4P\x0e\xa7\xd3hs\xcd\x9e\x9e`[\xeb\xadv\r\x8e\x12\x1b\x84\xa6w\x8f\x8f\x8d\x8d\xbb=&gt;\xdf\x89\x97\'\xd6\xcdM\x8d\x05\xb6\xfe!Ku\xf5\x07\xa0,\x0cU\x1d\x8c\xe4\xe4d\x86\x9c\x1b\xb4V\x8d\xb10;\xbbu\xad\x8f\x14\xd1\xa4l\xa6^)\x0bw\xca\x83\x1fv;\xc6\x91\xd25\xe2\xfa\x04\xa6\xfe\x12\x9f\xbd\x10k\x05ki\xe889\xe8\x01D\x15X\xf5\x99\xcd\xebf\xf3\xf9\x95\x82\x8d\r[\xbfi\xc8biA\xee+\xbf\x90\xc1Hf\x08\x12\t,\xb0V\xaf1\x85\x91&lt;\xba^\x89\xed\xaa\xf7\xc8+\x1a\xd4\x07o\xdd\x8ab\xf5pp:\xdf^O\xa66(\xa9\xa1\xb3\xfd\x8eq\x7f\xdbj\x9bneE\xb72?=}\xef~\xdd})\x8cf\x8b\x16)\xc4\x0c\x86\x80!\x90\xa35$\xb0Fb\x00\xef\xc9S5v\xd0\xed\xd5\xff\xa7\x15U\xaa\x1e\x06o\x80s\xea\x89\xfc\x94\xc4\xf2-\xac\x05|.O\xe7\xf4\xfc\xca\xca\xca\xfc=\x18\xf7\xef\xde\x9d\x9a\xb2X\xc8;-\xf9\xc9\xf2\xb44\x12\x0b\x12\xf9\x1ac\n\x84Fp\xf2\xb4\xf790H"\xc07p\x82\xd6\xc2\x11V\x9b\xd7\xed\xf3\x05\x1a\xe7\xb7\xd7\xd7\x1f=\xda\\Ac~~Z:\x05P\x00\x96\x0bXry\n\xa2"\xb2-\xae\x80{\xf6\xa3\x1f*\xdf$\xa8i\xfb\x85\xeb\x88^u\xc4\x03\x9a\xba\xa7\x0b\xdc\'a-&amp;\xb2V\x1c\xbd-\xe0i\xf3ot\xae?\x80\xb1\xfc\xec\xd1\xb3g\x8f677\xe7\xefO\x19\xc0wi\xb5\xa2\x93\x8c\x94\x94\x14\xc2X\xdc\x18\xc0\xfa.\x99{c\xf3\x0ek\x9f\xab\xa6{\t\xf6\xde;\x8dT\xbcX\xa4\xd8g\r/r\xecNB\xc0\x82\xf2A\xd6r\xb9\\mn\x7f\x00\xa0\xbe\xff\xfe\xc1\x83g\xcb/\x9fmn\xafl\xdc\xad*\x02\xaa\x16\x9e8\x0b\xfc;l\xf8 \xd6G\xd3_\x7f\xfe\xf8\xa9\xfa\xcd\xaa\xfa\x95{\xa7\xe1\xc2\xd7~\x1f\x80\xabgF\xefr\x92\xd6B\xfa\x87\x894\xac\xcb\xb5\xecZ&amp;\xcc\xf5ryy}\x13\xa8\xa6\xaaZEZ\xad\x16\xb0P\x13*\x86\x1c\xe5\xbd\x7f\xfbag\xeb\xe9p\xe9\x1b\xe6\xc0\xb0\x1f}\xef\x14S\xf7|\xf3\r\xb1\xb7\x10\x17\x89\xa5\xd7\xb3\xf5/\x89\xb1\xbe&gt;\xb8\xbd=?MP\xb5\xb6f\x88D\xa2B\xc1.\xd6\xd9\xff\xd1r\xfe1MeY\x1c\xaf\xfc\xd8\xc7\xcc\xe8\xb0\xbb\x08[i\xb71\n\x94t\xa0\xac\xfd\xc1\xb4\x96\x16,\xb4\xf8\xacBm\xb1E\x18\x87%"\x12DB\x9ce5\xdd\xc5\xdd-\xe9\xae\x12\xc2\x98%\xd6\xf0\xd7\xfc\xa3v:UB$ a \xa3\x02\xc9\x06A\x1a\x83\xd3\x85q\x9cLVw\x1d\xc7Y\x99\xc1\x1f\x8b\x99\xcd\xee9\xf7\xf5\xd1\x1f\xb4\x0c5\x99\x8b\t\xc1\x84\xbeO\xce=\xef\x9cs\xcf\xf9^&gt;\xfa\xf6Iuu\x0c\x1a\xd4\xb5\xabFP\x93\xc4\xbf{\xe6\x1d\x9d\x0e\x88\xd0f\x9b\x04@%H\xdd[\xfe\xdb\xf6\xb6\x9e\x85\xe3W|\xbe\x99\x82\xec|\xb9\x996\x93e\x12\x91-\xccd\xac\xf5\xcd$\x15\xcb\x8a\xf1\x8d|pb\x93\x0e\x16R\xe9t\x88U\xa7(\xae\xe8\xd8\xd3\xdc\x89!\x01;\xdedDP\x02TJp\xf9\xcc\x80\xb5\xbe\xfc0\xe6l\x1c8\xd3R\xd1:u\xec\xcf\xae[\x17\x80\x8a\x81\x12\x00\x93DQ\\~\xb8\r\x87\x04\xbb\xf2\xb6a\x97mgI\t\xfc\x03.\xa5\x11\x1b\xf2\x99\x8c\xc1Z&gt;\xfa\xa2&gt;\x9aT%p\x96\x8d\xd6v\xa3V}K\xf0\xf7F\x1e_\x10\x08\x80\x8b\x98\xaaN\xa1\xd0Z\xcb+\x0e\xc3\x1eV^A{\x91v|~S\x03`)\x8dj,\x00\x99\x95\xd2\xe2|\\\x13\xf6\x82\xff\xd0\x9b\x18!@D\x1c\x1d\x93Z\xb7\xfa\xee\x05\x9c\x8a\xa1\xad$@e-\xd6\x03\xd6\xe1\xf6\xd6\xd6\xa1y{\xf6\x01\xa8\xb4\xf6\x15\x10m `\tq\x04\x05`\xe8a-\xcf\'\xa9\x1f~Fh\x0b\x9e\nn\xf1F\xfd\x81yAj\\g\x14\xd8\x11\x01*\x85Vk\xb5\x96\xc3*\xd6\xeb\xad\x97&amp;\xfa\xe7\x9b\x9bq\xa2A\xb8\xcc\xb4\x12U,\x10N\xc9J\xf9tid\xad\xcfX.\xa7c\xd2~\x8f&lt;\xbe\xa4U \x17\xec\x9f\x15\x8cU\\\xbcW\xa1\x00\xcf\x9f\x18\x9c\xc2Y\xcb\x95\xe6\xe6\xa2l\xb9\xdcl1\tE"\xa9\x01\xe2|.d\xa0\x14\xe7\x13\xfe\x8f+L\xe7?\xb9d\xb5"\x18\x83U\\\xac\x95\x08t8p\x81\x8a\x10;\x93\xa8\xf1\xcc?\xa54\xa9\xb9RH\xd4\x06\x80\x92Js\xef-\xf5\xc5(N\x8f\x9c\x1c#\x9fvI\xf5|\xe3\x1f\xad]z\x00#{\x88\xdf%\x02m\xd7\xe0\x9d\xfe\xfe\xd1+\xc3\xc3\xf6\xb2\xec\xec\xce2T"q\xa5\x06\xe4\x92JE"\xd1\xb5\xd9\xc9\x98\x0b\x87\x10\xbdeR\xb0\xb6\x84\x13!oC\x88\xf8b\xb0\xbd\xb5B\xaf\xc5\xa5 V\xd3\xdf\xe9\x9f\x9a\x1a\x9d\x1f\x1f\xb6\xdb\x1dP=\xe4\xcb\x91J\x04f\x82m\x14A\x89*\xba\xf7\xa8&gt;\xec\x938\xe1\xa9\x9aC\x85] Y\xf1&amp;F&lt;\xf1\x06\x0e\xe1\xae\x13]C\x1dC\x00\xa6gl\x06\x96\x1a\x85*ull\xd8\xeepT5a\xe4\xa2\xc1\xb1\xfc\x86\xe2\n\xd5B\xe9\xdc\x13~\xd8\x8b\x17]\xcc\x12h\xd2S\x81\xef\xa1\x8a\x8e\xb0\x1f\x98\xd7\xc4u\xebRk-\x1c\'\xd0dV\xed\xc4`\xff\xd4\xd7\xe7\xc7\x1c\x0e;\x98\xaa\xaajW\x1e\x86T\x8d\x05\xa2\x03@A\xd5,T\xabE\x99\xce\xc9\x9aU&gt;6\xec\x19!\xaa\x11j\xcd.\tq~b\xc8f\x03\xb2\xb6!\x9cv\xce\x9f\x1f{h\xaf\xda\x85*\xd9\xa6];\xf3JK\xb3x*\xdab\xe4\xa2\xa5\x18\xaa\x16\xe7d\xcc\xb718Tl\x0b\xb06\t\xf4C\xb56[\x8f\xad\xb6\x7f\n\xb6\xef\xa1\xfdj\x15J\xf9\x8f\xe6m\xcf\xcb\xdbV\x9a\xcc\xcbRi4J!\x17O\x18B\xa14\xf3`\xcb?o\xd4\xc4\xf8\x14*\xe6\xf2\xd9u\xeb\x9dMu\xfa\xa1\xb6Z[O\xcf\xe8\xf8\xc3\xab\x0e\xa2\x94\xc7\x0b,Y\xcc\x9d\x87R\x1eO\xa5\xb2 \x16,\x03\x9c+\x00\xeb\xd5\x0e\xceT\xb8\xa8\x8b\x8a\x96\xb7)\n\xb0\x90\xab\x15\xc1\x00\xabj\xd7\xf6\xbc\xedG\x8fn\xdf\xce\xde\xc2\xc0+\x05&lt;\xc4\x12\xa1^dk\n\x8b\xb5\xe2\x19\x9c\xe0\x1e\xda\x8a\xa8\xb4\xb6\tY\xa0\x07\xe7:\x01\xc5\x96N\xa1om\xefh\xab\x1d\x1ds\x1c\xcd\xdb\x96\xc7X\xa9\x14\x992\xc8\x9d\x02\x8d\tM\x05\xd9\x07\xf2t#\xc1Z\xf9\x8c\xe5N[\xd2Z\'d\xab\\\x11\x81\x00\x01\xc5\xe9\x06\x81\x16\xb8\xc0`\xa3\xe7\x1d\xe0TxU\x85eBci,j\x82\x05\x95\r$\xc4HXk\xd4\x9d\xaeY\xecY\xe3:\xa1\xdb\xf0\xcb\r:\x89U\xdf\x8a\x1b9:&gt;\xec 70\xb2\xb2x\xa5\xa5(\xf5V\xa9h\x93\x1a\xcf\xf9\xa4\x82\xc8%X\x11\x94\xa5\x14;s\n\x9d@\xc5\xac\x00g&gt;\x88r\x9d\xd1\xc1\xa9g\x83X\xa1\xef\xaah\xef\xa8\xed\x99?\xdfl?\xd0\xd4\xc4V\xa6\x1a\rm1\x19\xd5j\x0c\xa3$Q\xe7"V\xec\x01"\xd6_x\x80X`.\x81v\xa2\x0b\xcce\xdbs\xaey_g\x19\xd4\xf0x\x03\x03\x17mQ\xa2f\x18\xb3"\xa6\xc5W\xc4\x8au\x01\x96.\r\xcd%\xd1\xea+Z\xc1\\\x95W\x9aq\xa2)g\xb9h\xe0\x82\n\x02\xe3&lt;\xf8\x17\x83\xf5J\x01\x82\no\x84\x87\x1d\xb3C\xc6e\x0f\xa0&lt;\x15\x03\x96N \xb1\x12s\xf5T\x9ec\xb9J`\x17!\x96j,X\xd8@8U\xe3N\xfa]\x9e\n\xbf\xa3EQQ\xae\xa2P\x9c\xb5\xe8NC\x9a\xd3~,4W\x9aDk\xad@\xaf\xef\x9f\x1a\xad\x84\xa2\xb4,_\x0e\xde\xa5\x82\xa5\x01\xef\xc2\xc4c4\x19\x03XI\x91\x043\xe1R\xd3`1K\xf0|*\xfc\x9ag s\xfa\xc7W5\x88\x95\x93\xc3l\xa3U\x0f\xfb84\x84l\xe0bE\x00V\x82\\\x1a(\xe4\xb9j\x93\x12\x8d\x86\x93\x15\xe7$g9!s\x92\xc2&gt;\x9f} +@\xe5P\xc1\xc2t\x8a}\xd3\xa8\xd0\x81UX\x1f\xce\x8f\xc5\x98K\x86\x85\xa0\xbe\xab\xcb\n\xbb\xd9\xe1\x07\x83\x8d\xd4\xd0@\xc55Z\xc0\xc9Lp\xe2G\xac\x9a\xe0\x0b\xd6\x01\xc1L\xc8\x93\x93\x023\xba\x18f\xd5\xac\xbc\x0c\xb0RS\xc5i\xc0\x95&amp;Vh\x15L9\x88\xe72\x00;\x8e\xe7\x0bx\x15\xd5P&gt;\x98h\xf01\x93\x90\xc1\xe2G\xe9\xabG\xed\xba\xaf\xae\xe2X\xf9\x7f\x88%I\xcdAeg\x9aX,\x86\x03\x90\x04j\xd4\xba:\x00k\x07\x83\x1d*\xc8\x87\x93\xabP*\x12Z\xd0\xf5M\\\xc4\xfat\xe9\xf4\xc7\xf5\x9c\x1fu\xd5?\xa9\xab\x93\xa4\x12\xc1)|\xc1\x12\xcb\xf0\x80V\x07\xb53n\xe4\xf1"\xc0\x02\x18\x91\x91F,#b\x1dl\xb9\xfd\xf0\x8f\x17\x97\xc1\xa8\x98jy\x7f~\x0cK\xd5\xcb\x93l~\xf5\xc8\xc8\x87}\xf5\xf5\x97\xbf\xbf$\x91\xa4\xcap\x17\xd3\xd2\x88\xe3\x8b\x89\x14\xbc\x0e\xa2X{\x87\xed\\Q\xbe\xdcl\x14I\xc9\x1eb5h\xd8\xda\xd8\xd2\xb2\xd5\x92\x9c\xf0\xeb?\xd5\xb3\xa7\xf8(\xa9\x9a\xe2\xacL\xd5\xd4ji\x94_?\xe2\xba\xfb\xf8\xe9\xd2\xc5w\xdf\xfd\xfd\xff&amp;\x00+5\x80\x05`\xa4\x1ba\xc5\xe0\xdas\x1c6Qi\xe4r\xd5\xb8\x87\xb4\xd2\x8f\x95)T\xad\x7f\xed\xec\xef&gt;~\x1f\xef\xccG\x1f\x8aEi\xbb%\x85\x8e\xa2\xd8\x90P=\xf2\xe0\xf1g\xf7_x\x9d_\xed8y\xf2\xe4\x7f\xbb$\x92B\xe0\x12\xb3T\x1btbrj\x04\xac\xb6\xca}\x10$ &lt;\x08M4\xc6{%\xd9D\xc0\xe2\xaa2\xd6\xffd\xe3\xd9\xbf^&lt;}\xf9\xf2_\xfa\xf8T\xd0\xd99\xb8\xed\x16\xb8@\x12\\\xd8\x84kY(\xc2\xe4\xba\xfb\xf4\xdf\xf7_\xccN\xcf\x1c\xd8\x82X\x7f\x18\xf4c\xe5\xf8\xc1\xd2t\x10\xf0Q\xa9Q\xd1n\xfb\x00\xb0\xcc\x10\xad\x8c\x16LCf%\xb6GR\x0e\x1e\xdc*\x04\xac\xf5\xbc\xcd\xdb~\x9axl\xcb\xd9\xbf]\xeec\x1ap\xec\x13C\x07wQj\xf9\xe5\xbb\xd45|?\x13\xb6\x91\xdd\x9e\xcf\xab\x8e\xed\xd8ql\xc7\xd9;\x12T\xa4\xa3\xccZ\xcc`\xe1\xebh\xd5\x97W\xb4\xb7\x81\xc7\x97\xc9\xb1\xb5\xa5\xa4K\x1a\x1a\x90\x8f\xc1\xca5"V2/\x19o\xa9\x97\x1c\xf1}7Y\xcfY\xfd\x02w\xb4\xa0\x80H\xb0w\xc0\xf4|v\xd6\xdd\xdb\xeb\xf5\x0c\xbcy\x0c\xd7{S\n\xe0\x02\xe7\x02(&amp;\xaa\x8a%$n\x81\xc3W\x1e*\xc8\x867\xd1b\xb1\x98\x1b\x1a\xe4\xcbX\x8d\x06\x13\x8f`e\xe0\x95\xfed\x8dr`\xe1\xfb\x1b\xd5\xab\n\xdc"\xde\xf2\xc6A\x1dAB&amp;\xcf\x8b\xde^\xf7\\A\xf6N\x82\x95\xbee\xdc\x8aby\x88Y\x10\xb7\xd2\xfc\xbe\xa5\xd5\x97\x93.\xd7!\xa6KI\x9b\xe5r\xf8\xae$.\x9f\xd2\x98"\xa2\x81(#\x99P\xc1w\x1e\xdd\xfd\xf9\xb3\xeb}\xec\x9f\x8c\xa0"\x8e\xc9VH@\x01\xea\xc1\xd3/\xbfy&gt;\xbb\xb0\xb0\xe0q#\xd4\xc20\x1co\x8e\xa6\xa7\xa7\x1fK\x8f\x8b\x1f\x1b$"\xfe\x1c\xdcEt|\x12S\xad~,\x92\x17KJ\x1a\xf2\xf3\xa1\xa2\x00,H\xd5\x99)\x99\\\rl_\x06C\xb5^Ck k\x0eL?\xbb^\xcf\xaf\t\xd6\x9dr\x82\x9b\n\xc1\xbaS\xc6\xfbjF\x1e=\x1b\xf7\xf9\xa6\x9dN\xb7\x17\x98\x9c&gt;\xbb\xa3h\xce\xe9\xfc\xcdF\x82\x95pu\xf4\xed\xc2TY\xaa,\'\'\x87`\xa5\xe9\xc4\x02\xf0-\xc0\xb2\xa1oa\xd7M\x8er2\xb4\x16\x9c\xfa\rP\xcf\xabU\xc9\xeb\xd9\x95aQ\xab\x8d\xb4Js\xea\xda\xf4\xb3\xd3}\x9c \xdd)\x1b$\x19\x9cp\xdd)\xdf\xf5\xf4[\x8f\xc7\xe3v{\xbd^\x0f2u\xfa\x9c\xee\xde\xfd\xff\xb9\xb61\x1e\xec\x15\x97\xf8\x8b\xb1\xd6\xc2B\x99\x18W\x0e\t\xabPz)0\x98b\xa5J\xcc\x05TX\xae\x9a\x89sI\r\xb9\x06\x93*#\x80eVC\xb4\x85\xb8F\x1b\x01\xec\xd1\r&gt;\x95\x14\xdcK\x88$\xf0\xc4\x99\xd3\xc8\xdd\xcf\xee\xf7z\xbdn\x8fsnz\xc6n/\x9a\x99\xf3x_\xbe|\xd9\xfb\xe7\xee\x8d\xf1\xf1\xf1\xe9\xf1\t\x89[\xe6\xb5\x80\x05\x9b\'\x13\xcbd2\xf4/pzk\xc5a\xacT1Y\xe7\x03\x15\x96\x85\xa7\x00\x0b{7"\xae\x85\x17\xc0\x828\xa1\xec6\xe4\x8a\x84J\xda\xdc\r`K\x93+\x05\x1b+\x12\xf1\x08\x04\x84\x17\xcei\x9f\xaf\xa8\xd3q\x13\x90\x9c\x1eo/0y\xe6fn6\xfd*..\x1e\xcd\x15\xf7^\xbf\x84\xb1\x96\x0c\xb1\xc4b\x9d\xd8\xef\\\xb6\xca\xe3`\xae\xec\xec\xb2\x02t}\xb2\x8bP\xd4\xabM\x1a\x16k\xdd\xbau\xc9\xbcR^\xc9\xa9\x81\xc5\xad\x06\xaeQy\xaa\xfb\xda\xed\xd9\xef\x1e\x85\xbd\x96\x91\xa1|\xf6\xaa*\xc7\xcd\xafn\xcfy\xdc\x88\xe4\xf5|\xe2\xbbY\xb5\xfb\xad7~N\xb0\xc0\\o\x8e\r\x12C\xf9\x97D&amp;Q\xec\xd5\xfb\xad\x85X@UF\xb0\x90\x0b\x16\xadJ\xc6?\x12AV\xb2\xb9[\xa9J\xce\xdayd`1eQ\xaa&gt;\xd2\xdd=\xf0\xf7\x85gK\xd7\xc3\xc9\x96e\xb8\xd5.\xc6R333\xb7\xe7\xfe\x05H\xfb_\xbe\xf4\xba\x9ds3\x9d\xc0\x94\x90\x90\xf8\xb3\xd7\xe3\xfc\xe6J\xd82\xde\xc5\x10\x15\x16\x16J\xe0K\xb1\x971\x16\xd9\xc4\xb2\xb2\x00\x96\x05\x17\xad\xc9*]\xc7\xae\xac\xc5\xc6E\xaeR\xc3\xdb\x86`\xf7\x1a\x17\x07\x80k\x80\x98l\xb2\x9a\x13\xaa\'\x81\x97\x8f\xc4\xf3\xfb/&lt;\xce\xe9i\xd8\xb6\xfd\xb0z\xd1\xbdn\xdf&lt;\xb0{7@%&amp;$&amp;\xbe\xf1z\x02k\xae\xb8\x1d_[\x19(X\x8a\xc2\xb7\xf7b\xe6\xe9\xa8\xb5\xed\xf9\x00\xb1\n\n\x8aX,\x1aW\xc9\xe6\xac\xd2\xd7\xfck\xdd\xe6{\x07\x1b\x1b\x17\rF\xf3\xe6\xac\x9d\xf2\x81\xffsq\xfe\xa1m\xdcg\x18\x97Og\r\xdd\xc1!\x1d\x82\x031\xaa F\t\x08\x92sX~ \x02\xcb\xc5\xa5\xc9\x82R\x13\x96\x90\xcc\xc1\xb7\x1b[f\xd3$\xfbC\x17\x92\xd2S\xa4\xbb\xec\x12M\xa1L\xe1\x82&lt;\x85\xc1*\xa1NU\x1ad\xd0F\x9a9\x1a\xc3\xd9\xf6\x87\x89[:\xdc\xd5\xb3;\xec\xacd\xd4s\x964\x84\xfdh:\x06\xdb\xf3~\xef\xec\x84\xbdXw\xb2Q\xe4\x0f\xcf\xf3\xfe\xd2E\xf2\xcc\xe2\xc2"\x91\xad\xcd,\xcf\xff\xf3A\xe7\xf8s\xeb\x04\xad,o\xb3\xd54cZ\x00\x00\n!IDATa|}r\xf2\xc6\xd4\xbf)\xdf\xaf\xdf\x00\xd2\xda\xd8\x81\\&amp;\x93!$\xba\xc9\xe4\xa2\xcf\xc5K\xe6{{\x03\xaeC;w\xee\x1d\x1e\x1e\x19\xbf\xcc\xc4:qd\xf7\xee\xddG\x8e\x10\xd6\x0e\xba\x0e\xfeu\x1a\xd9\x9b\x86"~\x80\xeb\xc5\xab3+\xaf~ga\xe1\xd5\x99\xab\x13/\xed?5\xb7\xbc\xb80\xbd\xb02s\xf5\xcc\xdc\xcc\xfb_&lt;\xee\x1c\xffV\xf0y\x91\xb7\xef&gt;~\xf8\x8fO\xfe\xf29\xa0\xa0\x13\x93hynn\xec\xd4\xe9\x0c!\x81f0\xa0\x02\x17\xefs%9.o\xfeb\xd7\x16`\xe1\xeb\xd00\xa8(\xb3^g\x9f:\xda\xb3\xe7\x08\xbdcd\xb3\xcf\xf5\rP\xed\xdf*\x081\np\rD\x07^\xdc~se\xe1\xd7\xef\xbc3=\xbdr\xf3\xe4\xc4\xc4\x18#\x03\xda\xcd\x9b+\x93\xc8\xb1\xef\xb11\x1ez\xf4\xe4\xc9\xe7`B\xa3B\x9bZ\xfa\x00\nA\xa2l6\x0b\x1cY\xf6\xa1\xd6C\x169\x8e\xe7\x92\xf9|\x98Kj\xe0b\xd9\xb5\xd3\xc7b\x1e\x1e{\xf3\xc4\t\xf6n2J0\xe2Bk\x9d\x988\x95\x8a\xc7\x05D\x8c\xc950\xf0\x95\xa1\t\x80M_\xba\xf4\xe1%B\xdbqjl\xee\x83\xa5U\x90\xfd}fq\xf2_\x0f\xeev\x8e\x7f\xf9K\xa1\xeb\x10\xe8\xc6\r\x1879\x7fa\x14\xae\xc9rV\xc6M\x14e\n\x08\xc5\x0f\x06z\r\xcaq\x99\xe3\xc1\x95\xcc\x87\xc3\xf9\xfc_?\xda\xc6|\x04\xd6\x08\xfb\x8f\x1f\xc2:G\xefT|\xf3\xc4\x1e$=q\xd1\x0c\x1a; \x8bb\x1cd\x90\x8ba\r\x0c\xec\xdb\xb7i\xfb\xcd\xc5i\x90!H\xa8\x1d \x9b_]X\x9c\x99Y\\\xfd\xf4\xd1\x83\xbb\xbf\n\x91J\xd7!\xd3\xc5\xd1\x84\xa2\x0e2\x16\x9f\x88\\\x13e`1.\x1cs\xaa\x9aQ!W\x98|L\xe6\xd3\xe0B\x9bX7\x91.\x93\x1c&lt;x\xec\xd8\xc1k\xf0\x12VR5\xc2\xc9\xcdcc9\x96\x98b\x9c\xc9ET`\x8b\xee\x1b\xda\xba\xff\xe4\xda\xe2\xea%\x1fmqyn\xc7\xdc\xf2\x02\xc0\xd0\x98&amp;?}\x14"\xa47.\x8e\xe6r&lt;\xcf\x08x\x1f\rT\xfe=\xdf?\x9e\xcf\xa9JB\xc9\xa0S\xb0z\xa4]"\xf1\xdbw\xd1Q\xc9\xc5\x91\x91\xf1q\xba\n\xc7.\xa8\xc2L\xa4\xd8\x11&amp;\xd8+\xaf\xbcq1\xa1p\xf4\xc4\x84\x15\x13\x02\xac(\xdd\xa2C[\xb7\xee\xdf~f\xd9g#\xd1\xce\xac\xacN\xaf\xae.\xce\xcf/\x85\x80t@Q\x99$8\xb0\'\x10\x03\xa5\xe8\xc4\xb8xEJ\xa895\x01.\x06\xcf\x12,\x9fT\x02.\x88u\x98q\xfd\xf4\xfc\xf9\xcb\x97\xa1\x1aR\x8cq\xed\xde\xb3\xe7\xc2h8\x8cB\xf1\xb1"1`E\x19W\x94\x12\r\xb7\x88\xcf\xb6\xb68\x8dD[X^[^\x9a$\xc8\x90\xaa\xf2A\x10\x16\xd3\x88\xbc\xa3\x84O!\xe2\xe2 p\xa4t:\xad\xe4\x14p\xb1\x07\xa2U\xd0\xee\xc5\x1dx\xebG\xe0",P\xf9Ax4\x83\xc0Eq\xfb\x96\x14&amp;.\xc2"\xaegX&gt;\x17\xce\xb0\x16l\x9b&amp;N./\x80lu~y\x19\xfd&lt;\xc4\xf3j`\x1f3P\x94}\xebx$R\x96\xb0R\x19IKKX\xe3\xd3\tU\x81\x8f*\xcf\xf1q\xe4&gt;\xe9\xc5\x8dR\xbb\xf7\xb1\xc03&gt;~x\x04~2\xacs\xa8\xc7s\'\xbe\x7f!\x1d\x0e\xb0dpQ\xce\x0f\xacwV_\xaeH$\x16\xe86\xb4i\xfb\x99\x15V\x05\xabK\x84\xb5\xa1\x16\x85(\x0e\xf2`C\x8bP\x94\x1c\x8e\xa9TVMH\x84\xa5\xa5\x13\xc0\x92\x14LlQ\x00W^\xcb\'s\xa3\x1f\x1f\xdd\xc0\x02\xd4\xcbG\x8f\x0e\xe3\xd55\x8a\x91\xc5\x8foka\x8e\xb0\x98\x05b|\x83* \x81T\xc2\x06\x16\x0eC\xfbw\xac-\xb1\x1a\x00\x16\xf7\x1c\x15\xcfdJ\xa52j&amp;\xa3\x80"\x81\xfb\xa9l\x8e\\\xd4\x88+!%\xb0\xdf\xf0\xe8CL\xafp\xe6\xe2{\xdf\xfd\xea!\x86u\xf8\xf0\xc8\xf0^\xac\xf5\xc3\xe3\xe7\xaf\xd1\x9b\xbfQ\x96?\xbf\x95$,\xa2bbE1\xb0\xa3\x91u\x99\xe8\x1c\x8b\xc7"\xcf\xb0\xa8\nNm^\x9b_\x05\x16G\xe1c\xe1~\xdd0ju\r\xa9$er9%\xad%\xc8JpA1\xfcT"&gt;)\xcc\r\xc6c\x82\xcc\xd3\xf6u\xfa\xc2G\xdb\xbe6|\xf8\xec\xf8YH\xb5\xeb\x85-[\xb6\x1d:\xfb\x03\xfa;\x07\xaf\xff\xe4\xda[\xa0bj\xf1\x04%D\xe8\xcfsA\x1f\xea\xf71f_4BX\x0c\x94q\x91|@\xdb\xbfy-\xc4\x98|,y0\xa9\x94Z\xba\xde\xee\xb5\xdcB\xc1.I\xa6a\xdbF]\xca$L\x04\\\xc4\xf7^\xa1`\x14\xc3\xb01\x16\x97\xd1\xc28\xf9\xf4\xedwwQ)\x8e\xbc|h\xd7\x0b\xb4\xa9\xee\x1ca\xe9\x7f\xf9\xdb\xbf#*\x96Z2u\xd3(Q\xc5\x04\xca|!`C\x08\x01\x16\xd3*\xc0C\t\x84\x98V(B\xf2N\x0c\xe7K^\xcf\xea\x96\xab\x88\xb2n\xbaN\xb3\xd9\xd4\r\xad6;;\xdbk\xd9\xa6\xed\xe0Eq\xb5b@%Q\x10P\xa4\\\x98O\x8d\xfe\xed\xfe\xfd\xfb\xf4\xd9\xce\xfb?\xbb\xf2\xdakW\xae\xe0\x1b\xfaL\xde/?\xbe\x85TgT\xa4m&lt;\x06\x03!\x0e\xeb\xf6B\x10\x8c\x10 \xb1u\xb9\x02\xc9"\xd1\x10\x8d9`\xf9y\xc4\x95\xda=\xdbk7\xfb\xcdn\xb5\xdf\xab[\xe5\x8a\xde\xac\xeaF\x0bg\xa7\xdf\xa4sk\xb6Yma\x8b\x18\x14\x18\x17\xcf\xcb\x99\xfa\x7f\xee\xfc\x7f&lt;x\xf0\xe7\xff\x9a\x1c\xa3\xc2Ca\x94\x10\xa3\xdf\xc6\xa4"*\xe4f&lt;\x95\x12S\xeb\xb3r\xbdYl\xa01\x13e\x99\xcf\xa8\xe9\xa2"\xaa^\xb3\xdam\xd9n\xa3\xed\x94\xbbv\xa9R)i^\xd3*\xe8M[\xabU\xca\x9e^m\xd5Kz\xdf\x03\x16\x87\xf6\x18\'\xaeAQ\xb1\x1f\xdcy\x8c\xb8\xcb\xa2|\xb7\xfa\x9bj\xb5;[\x0f\xf3\x8c*\xc9\x89\xb1(,GGV`\x08\tDt\xf1\x94\x1fb*\xc5\x0c}\xae:\x19V\x98S\xf9\x1c\xfcS\x8aE%\xc5\xf5\xfax\xcaB\xb1\xd4\xe8\x97+5\xbbi\xd9F\xa3\xdb\xf3\xbaM\xc3,5\xbbv\xa5\xd3p\xf5\xben\xe6%\xec\xa8\xc8b\xd1\xe7\xca\xfd\xf1\xc9g\x9f}B\xf1\xc5\x9f\xee\xdd\xbb\xf7\xf0\xe1\x9d;\x8dZ\x98\xa6g\x92\xe9\x1a\x81U\x92\xe1\xbaH\xd7z1-)\xa8s\xd5o\x8b\xd8T\xb2\xaci\xfb)\xb6\xe1"\xb0\xc2\x94U\x82,i\x9a$\'\xf52r\xaa`\xd8\x8dr_\xaf\xb7\xba\xfd~\xb5\xa3\x97\xbcj\xbf\xdd\xa8t{v\xb3S\xeeW\xcb\xad4\xfa\x04\xa7Ru\x91^\x83r\xea\xd4*[h\xfd\x98\x9a\x9a\xfa\xfd\x1f\xcc\xe4\xfaL\xe7\xe2H\xed\x88\xa0\xd5KnCG4\xda\x05\xa9fS)\xe53*+$\x05=RRy9\x1e\x8bn\x04\xd4R@%d\x13\xe8KJ\xdd)W\x9b\xc8s\xd7\xebw{u\xbd\xdb\x9e\xb5\xaa]\xb7\xd7)#\xd5\xdc\xba\xd7o\xb6\nz\xc72\xd1-$\x8e\x1b\x94\x03.1\xf5\xc3\xe9\xa7\xcf\xb8\xbe\xf9t\xf2\x82\x14h\x05\xb1\xc0\x14\x89\xf0v\xcf+\xd9m]\xb7\x1c\xcb\xcd\x17\x00\xa7\xeb\xad\xa2\xd9\xb0\xc0\xe9i\xaa\xd1s\x0b^-\x1c#\xb9h\xc1\x18\x08\x85\x15\x85\x86\x1fa\x155\xa3\x02\xb5\xaa\x9d\x8en[M\xbb\xe68\xb5b\xc9)7\xf4n\xcb\xeb\xf7\x8db\xaf:[\xab\xb7\xaaV\x91\xb0\x14\xe4\xa4\xaf\x17d\xdbz\xf5\xd2sT7@\x15\</t>
        </is>
      </c>
      <c r="M207" s="3" t="n">
        <v>45492.67818287037</v>
      </c>
    </row>
    <row r="208">
      <c r="A208" t="n">
        <v>829832</v>
      </c>
      <c r="B208" t="n">
        <v>1984</v>
      </c>
      <c r="C208" t="inlineStr">
        <is>
          <t>Arthur Caíke</t>
        </is>
      </c>
      <c r="D208" t="inlineStr">
        <is>
          <t>Arthur Caíke</t>
        </is>
      </c>
      <c r="E208" t="inlineStr">
        <is>
          <t>PE</t>
        </is>
      </c>
      <c r="F208" t="inlineStr">
        <is>
          <t>ATA</t>
        </is>
      </c>
      <c r="G208" t="inlineStr">
        <is>
          <t>PE/ME</t>
        </is>
      </c>
      <c r="H208" t="n">
        <v>174</v>
      </c>
      <c r="I208" t="n">
        <v>45</v>
      </c>
      <c r="J208" s="2" t="n">
        <v>33769</v>
      </c>
      <c r="K208" t="inlineStr">
        <is>
          <t>Right</t>
        </is>
      </c>
      <c r="L2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43f2861a-441a-4672-bab2-d11b60c8f6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E\x17\xef\x00\x00\x00\tpHYs\x00\x00\x0e\xc4\x00\x00\x0e\xc4\x01\x95+\x0e\x1b\x00\x00\x03\x00PLTE\xff\xff\xff\x14\x15\x10\t\t\x03\x17\x17\x11\x1a\x1b\x17\x12\x13\r\x0f\x0f\x0b\xff\xfe\xfe\x11\x12\x0b\x0c\x0c\x07\x1e\x1f\x1a\xfd\xfd\xfd\x1c\x1d\x17\x18\x18\x15\x1b\x1c\x1a\x0f\x0f\x07\x15\x13\x06\x17\x15\x0c\x13\x10\x03\x1f \x1e\x15\x16\x14!\x1d\x13#"\x1c\xb1\x81^\xed\xc3%\x1e\x18\x0b\x91c@\x0e\x0c\x03\xea\xbd#\xb2\x89n\xb0\x7fW\x9eoL\x91`8\x92gF\x1a\x15\x06\x1b\x1a\x10+\x1e\t\x99h?\xac}UpD\x1d\xb0\x85e&lt;0#\xb5\x86_\x8b`=Z6\x11E7*\xf0\xc5(\xe9\xbf\x19\xeb\xc1!#\x1c\x0c\x98mHxL"\x98rU(\x1f\x13uI\x1e\x9enD\xc0\x9b\x80\xb5\x91y$%#6"\tjE\n\xe1\xb1\x1b\xef\xca-\x9etP\xa4rJgB!\xf8\xf7\xf6\x94e:\xa6{X\x83W3\xb2\x8bs\xacxT|Q%\xa1uV\x96oO\xad\x80c\x98hH\x8b[2\xa6xQ\xbc\x91r\xee\xbe%\xf5\xcc\x1b/#\x12\xb0\x84l\xe7\xb6\x1f\xb7\x8bj\xb7\x87ec&lt;\x16\xe2\xb3\x10\xe0\xac\x0b\xf4\xcc1\xbb\x95{\x81T(-&amp;\x1a\xab{^\xe7\xbc\x1f\xe0\xa9\x15\x8ceJ\xb6\x8es\xd1\x99\x06}S1\xdd\xa5\x0e\xe6\xb2\x1cD0\x1d\xa1y\\pG(\xbb\x8elmD\x15\xe5\xb8\x165(\x1b\xef\xc9$\xbe\x96u\x84\\:\xe4\xbc\x16\xda\xb0\x0ci@\x17P?0gK:\xf4\xc7+O/\x10\xaaxN\xa4wf\xf0\xc7\x0b\xfb\xfb\xfa\x86Y-.+%\x9bv[E-\x0fZ&gt;-"\x18\x04\xa3\x80k\xf2\xc2(\xd7\x9e\tQ8#\xd5\xa6\x08\xad\x8dw]9\x1d\xa8\x84sA$\t\xa9\x84j\xbd\xa3\x96\xaa\x81\\\xed\xed\xeb\xe2\xe0\xdf\xe8\xe7\xe6uN*\x8ca3\x83_H[J&lt;\xa5\x7fc\xec\xb8!\xb9\x9c\x8d\xa6rRO8\x12\x9cwcpI\x18=)\x15\xa0k`\xd4\x90\x05\xec\xc6\x1brL#\x90kTwYG\xc8\x8f\x04\xa7ymZUM\x98]U{M+\xaa\x7fp\xb2\x8e\x80sP7\xe5\xab\x18\xe2\xb8\x08\x92ZI\xb8\x94\x82\xd7\xd8\xd7C?9\xf3\xf2\xf1\xae\x84{]&gt;\t\xf3\xcd\x06\xb1\x97\x88fG/{X=mSAh_Q\xc7\x9fE~cQ\xc1\xa0\x87\x89eX\xc0\xc2\xc2{E97.\x14Y\\c\xe0\xd5\xd1NHA342\xcc\xca\xc6\x89\x8a\x8c\xea\xc0\x0b\xcf\xd1\xd3\xcf\xc2\xb8\xa6\xa5\xa4FKS`D/\xaf\xae\xac\x96m_\xbe\xbb\xb5\xcb\x80\x02\x98iV\xa0\x9d\x97|{zsz\x85\xc9\xa2\rlhbekt\x9emT\x96\x93\x8e\x90\x89}\xe6\xd0m\xb0\x8b\x0e39?\x97\x9e\xa6\xc5\xb2\xa6\x95xg\xea\xe4\xb3\x89MD\xdf\xbc;)-2\xd1\xa6\'\xdd\x99\x0c\xbc\xb6\x97\xb2\xb6\xba\xdd\xbdY\xa4|\x12q\\\x0cP#\x1d\xeb\xd0H\x82ug]-)\xd1\xc2\x96\x86h\r\xba\x98\x08\xe9\xdd\x8fyk`\xd3\xae;\xd7\xce\xa4\xcc\xb5o\x9bj\'\xec\xec\xd6\xa5\x8e~\xde\xcc\x88\xd9\xd4\xb9m22\xbb\x94 \xad\x7f3\xffU\xf5_\x00\x00 \x00IDATx\xda\xcc\x97\xdfK\x1bk\x1a\xc7;3y\xe7\x87I\xfa\xbe\xef\x9cNd2\xa8q&amp;\xdaD\x9b\x8b\xd1\x1d\xb5\xf6B\x8d\xf1\x18\xab&amp;\x90%\xf6"Ia\x83\x90\xd5\xa5(\xd4\xc3\t\xa8\xdb\xe3\x85\xac,h\xacm\xa1nsqX\x08\xb2\xbdX\xf5\xa6\xe7\x84-\x12\x90J\x8f\xb4+X\x90\x8dW\xe7b\xaf\xbd\xf2\xaaW\xfbLz\xfe\x84h\xf7\xc5d\x04/\xe6\xe3\xf7\xf9&gt;\xdf\xe7yo\xdc\xa8\xeb\x11\x04\xfb\xe7\xff\xe2\x08\x82\xe0\xac\xb1\x08\xf6\xb9\xb1\xb8h\xff\xf2\xf5\xa1\xc2\x1b\x1b\xe1\xb0\x13@\x9c\xfb\x9b\xc7G\xbb\xc7\xa7\x85\x8d\xfdE\x1b\xf5kR-\xeeV\xcbg\xd5\xd3\x83\rg\xf8\xfd\xf9a\xc6*\x05+\xa5\xd2\xa7\x8f\xefv\x0b\xe1\xaf\'\x9a \xbc+\x05M"\x93L\xf5\xfdI)\xe4\xb1\xcc\x95\x95\x15\x9d\xe8J\xf0\xb0|\xba\xf1\x95\xb8\xa0\x80\x85\xb3\x84JtS])\x9f\x96\xd4\xc3\xa0b\xa8\x04\xab\x8aa\x98Vb\xe1\xe2dcQ\xb8^\x9e\xda\xb7s\xf3\xbcTQ\x89j\x9a\x89J\xa8\x941\x9fWT\x85#"Q\x14\xc5\xd0\xfdV"tq\xb2\x7f\xad\xadW;`\xa6\x8a\xe9\xa7\xb2\xae\xab\xaaJ4(\x9dJd\x99R\xce\xbd\x9c\xf1P\x9d\xaa\x8fJ\xa5\xd3\xfd\xeb,]a_\xd8xw\xfc|\xd5o\xea\x84\x18\x94\xba8\xca\x88\xd4 \x98C\x842\r\xfd\nG\x89\xaa\xd2L\xb9\xfc\xdeyMT\xce\xc2y\xf9\xe2\xbcZ\x0e\x05\xfd\x15SUe\x19c\xe428\x8f\xcb\x81$,r\x1c\x968\x1e!\x91#D\xc4\xc1\x85\xf3\x8dkI\na\xf1])\x13\n\xe6*\xa6\xc7\xd41\x86\xa2\x89\x9a\xc89\xfaE\xc4\xf4s\xa2\x84\x1a\x1a8Ib%\x06;8j\x11ea\xe1cX\xb8\x0e\xad\xde\xef\xe9\xe6\xf2\x1e\xc8DA\r\x19\x83\x95\x1a\xfa\xdd&lt;\x87\xb0\xf4_xp\xee\x06\x17\x8f\xb1\x84ylx\x162\xcaB\xf9\xe2\x97\xf0\xd5c97&gt;Q\xd5\x0cU\x08%\x0eN\xd44\x8dP\xeaYvK\xfc-\x86w#\x11\xf1\x98g$\tK\xac\x1bq\x9e\x8crS\xad\x84\x9eW7\x85+/\xe1\x89\x07sT\xa1\x98\x12Nb5V\xc3\x88\xeb\xbf\xc9J"B\x12\xcbJ\x92\x8d\x84y\x96\xe1\xa0\x96\xfc-\x00U-\x7f\xe54|\xc5\xb9*\xec\x9fa\xb1\xe1p\x8f\xd8\xde\x06\x0eM4\x18\xee\x9b~\x86\x97x\xc4\xb2"\xc30\x80%!\x8ds\xb8EIb@1\xd3\xca\xf8\xcb\xbbWk{A(\x94\xc0M\xa1\x0c\x11\xd1\xf22\x00`,2\x1cB\x0c\x07\x14\xac\xe4q#7\xb4%\xcbc\xd1\xe1\xe1YICn\xa4*\x96b\x95O\xae\xd2\xf7\x82\xb0xP\xc6T\xc4\x9a\x88\x99\xfe\x9b\xa0\x87\x88A#\xc4J\x1c#b\xec^v3\x08\x92\xcb.%|\xb1,\x8b\x112`\x1c\x11k\xef\xe0\xea\xe2\x0bbt\xf7\xbc\x9cA@\xc0\x88\x0c\x8f\x00\xeb\xcb\xbb\xd9\x9a\xa3\x90\xeb\x96\xc4\x8b\x92\x83cj\x0e\xb3\xff\xc4bhVU\xd7\\\x9e\xd2\x95\xd5\xd1\xde\x16\x0e+\xa6\x02\x02\x81B\xc869\xb0\xd8u\x04q -(\x87l\x10\xce\x01\x0f0\x19\x14\x11z\x00\xfe\x07\xc3\x94\r\x0f\x7f\xb6\x7fUe\xdc&lt;\xd9#+\t\x93\xc0\xfb8\xc4 \x89\x91X\xec\xe68\x8a\x11U-;\xc8D\x91eU\xcb\xa3\x80\xcdl\xadD0\x99\xdb\xf1\x8dG\xd1M\x8a\xfaO\xae\xa6\x1bA\xac3\x85\xaa\x15\x1dk\xa0\x02kca\x96q\x19"\xa2\x89\\.W,\xde\xf3\xebT\xa2Ak\xe1\xe7\x9cj\x97W\xe4`\x169\x96\x97=\x06\xb5&lt;\xd8}t\x15X\x02\xac\xc4\xa7\x19BXM\x03-X\tb]b\x18\xac\xc90\x91\x13\xabCCCkk\xab9 \xf3\'\x1e=\xeb\xfc\xe9C\xc2\x80~\xe4\x197r\xf5#l\x18\x8a\x079&gt;]\x85\xb9 G\xcf/2\x14\n\x881\xb6_\xc8\xf1\x12\xe2\x14\xcb\xb2\xd4\xc4\xda\xcc\xce\xce\xce\xb4}\x00\xee\xcdP\xa7\xafsr(\xf7\x88@\x8cq\x12$\xaa\xc6\xb8\xdc.\xe3f\xa9P\x7f.a\xbfZ\xae\x9eg0\xd6$\x91A&lt;\xc3\x88&lt;\x92xs\x05\x16\xad\xdc\xccN\xda\xd7\xe6\x1bnk\x9d\x98\x18\xd9\x99\x1e\x19\xf1\xfa\xbc\xbe\x9d\xb5\x9c\x0e\x92b\t\xb9E\x8dR\xcc1nOu\xdfY\xef:\n\xc7\x87\x07\xe1S\x8bh\x1a4\x17\x8f\x11\x0f}\'i\xf7\xfeZ\xfc~fdr\x0b\x98\xdaz\xdbz{{\'|^x\xb4y}\x93kOt\xe8X\x1eS\x1e\xc6\x13\x04\n\xc3\xb8\xf6\x8e\x0b\x1b\xe1\xfa\x92\tGg\x9b\x9b\xe7\x19\x02ng9\x17\x0f9\n~\xf7\xdf\xe9\x89\xa6\'}\xbe\xe1a\x1bipp\xb0ep\xf0\xe5h\x0c\x9emm\xd3\xdf\xaf\xc8\x84Bwj\x1aD\x1a\x85\xe9\xa4\xc9\x99\xe7\x97\xe7\xbf\xd4u&lt;\n\x07{\xa5\xcbCS\x03\x054W\x03\x82\xd4b\xb5\xc4\x83\xeet4\xed\xf3\xb5\x81T\xc04\x98\x7f9\xfar\xb4\xb9\xb9\xbd=\x16\x8b\xbd\x9c\x98^\xbb\xe7O\x14s\xc5\x8c\xaa1\x1c\x040p\x11\xb3R\xf9p^\xa8g\xde\x87\xab\x1e\x88E\xc0\xc2\xc8\x81\xa8\xe2\xf7\xfb\x9f\x0c\xf5\xa4\x97\x96&amp;}\xb6R\xf9\xfc\xe0\xcb|~4\x96oo\\_o\xb4O$\xd2\x05\r\xf0\xe1\xf5\xeb\x1f~\xb0\xe0&amp;\x043I\x04.%X\xa9\\\xd6\x8f\x0b\xd6\xf7\x93\xc3\x15U\x86\xfc\x14\xa9(\xd1\xc4\x93\'k?\xf6t\xa7\'\'\x87\x87\xa1|\xf9X\x1e\xc4\xca\x8f\x8e\x8e\xb6\x03Q\xc7T \x19\x18\x1f_\x8f\xfc\xc7;?\xef\x9d\x9e~S\x0cfj\xa3\x016\xd9P\xc6\xac\x1c\xd7kl\xc3\xfa^}\x1e\xd4\xc1Y\x92\x04\x9b\x1fV\x8a\xdbk\xb7\xbb{\xba\x97\xc0\xecP\xbfX&gt;\x9f\x8f\xc5\x00\xaa\xb9\x19\xa8\x02\x81d&lt;\x9e\xca\x02Xd\xa0\xcb\xeb\xf5v\xce\xaf.\x84,\x04#\x81P\xd9PT\xfdb\xa3^r\t\x853K\'"\x18\x9e\x87\x85\x8fKl\xdf\x19\xea\xe9\x8e\xa6\x97&amp;\x87\xdb@\xa5v\xfb\xe4\x9b\xe1t$\x93\xb3\xc9x*\xd5w7u\xb7)\xb0&gt;60\xd8\xd22\xe1}\xba\x9a\xcb`\x9es\x1bT6\x15c\xe5\xb2nX7\x16\x0f@,\x825\xecF\x8c\xbb\xa1\xb86\xf4\xaa;\x9dNoA0\xc4\x00\xa9\xb9\xbd\xc6\xd4\xd1\xdc1\x1b\x9f\x8bg\xfbR\xa9\x7f\xa6R\xd9\xa6\xf1\x08\x98\xbf\xa5\xb7\xab\xf3CQ\x85\x1a"*\xca\xaa\xaa?:\xdf\xaf\x9bZ\x8b\xa7\x8a}\xbf\xb2g\x0e\xba\xa5\xac\xde\xfe\xb1\'\x1a\x8d\xdaX\xbd\x83\xd0z\xeb\xbfqM\xc5S}}_\xa0@\xae@\x00\xfc56\xd0\xd2\xd59\x93SE;Z\xe1\xbem\x95\xabu\\q\xf6?\xd9\xf7A\r6\x19\x86\xe7\x8b3\xdd?F\xd3\xdd\xd1\xa5-\xdb\xef1\x9b\xab\x1d\xb4\xea\x98\x9a\x9d\xeb\xb3\xb1\xfaR\xd9l\xean\xb6)\x10X\x8f\xc4\x00\xabuz5\xa8 ,\x8a\xb2\xac\x07\xdf\x85\xeb\x18\x10\xce\x83\x90.\x13HF\x9eg\xc9\xf6mP*\x1d\x8dB:\xf4\xb6\xf4\x0eBPA\x19\xa1\x01\x93s}o\xdf\xbe\x05\xb5\xbemjjJ&amp;\x93\xbfaM\xb4\xce\xbf\t*"\x81;\xa5.\xef\x15\xea\x18\xa7\x82s7D\xec#\xf2\xacV|\xd0\x031\n\\\xe9-\x08\xad\x16\xf0O,\xd2nc\xcd\xce\xd5\xa8\xe2\xd9\xdfCB4\xaeC\x84\xad\xdb\\\xad^\x1bK\xa1\x1a!\xba\x1e*\xd45\xe5?zl*\xa8\xa2\xec\xdf\x06,\x08R\xf8\xd8\xde\x02\xac\xd1\x18\xb8\x0bj\x18\x9f\xb3\x8d\x15\xcfN\x05\xa6\x92\xc9\xa9\xa9\xc6\xc6q\xc0\x8a\xc4\xa0\x8a?\x87&lt;.Q\xa4TW\x83\xbbu\xc5\xaaRB8X&gt;\xc5\x95\xe2\xf6c\xc8\x06\xe0Z\xfa\xe2\xad\xd1\x98\x1d\xa2\xeb\x1d\x1dI\xc0J\xc5\xe3\xf1Y;%\x92\xc9Z\xd6\x8f\x8dE"\x03-\xf7\x9f-(\x9c\xc1\x19\xb0\x9b\x957\xea\xbaD\x1cQ"S\x8d\xc5\xd4*n?\xe8\xaee\xd6\xd6\xd6V\x9b\x8d\x05\x01\x01\x15\x9c\x82\x1a\xc6\xe7\xe6\xb2\xf1\xda\xc9\xc6\x93\xe3\x0f\x1f\x02\xd5@\r\xeb\x0f\xdfY\x10[\x06\xd1\xc9\xa7p]\xaf@U\x8e\x10\x99\xd5\xa8a\xdd\xdb~\xf0\n\xbap\x12\xb0\xbc\xa0V\x0cD\x19o\x84\xa2%g\xe3\xb3ss@\x04\xdfP\xcc\xbbM/\xfex\xbf\xf5\xfeX,60\xd12\xf1\xacH9\xc5\x90\x89~V\xd7\x0bc\xcd[\x80E\x14\xf3\xde\xf6\xe3W\xb7\xa3\xe9\x91\x91\x91\xf9\xad\xae\x81\xd8z \x00\x03\xc7.\x1c|\xe6\xfa\xe6\xb2\x81@\xd3\xb7\x7f\xf9\xc7\xe7\xcf\x9f\x7f\xfd\xf7\xdf\xbf{\xf3S\xeb\xc0\xc0\xc4DK\xeb\xaaJ\x15\x05,__,ga\x0f\x1c/\xc3\xce\xe4\x7fr\xe7\xf1\x9fnwG\x9f&gt;\x9d\x9e\xef\xec\x1a\x1b\xfb\xdd\x8b\xf1H\xe4!\xcc\xc1\xd9\xd9\xa9\xd9d__\xf6\xc5\x9f\xff\xf6\xeb\xbf.\xcb\x97\xe5r\xf9pa\xe1\xc3\x8c\xb7e\x02\xce\xeb\x04,\xb2\xba\xae\x1f\xd5\xb5\x88\x82\xf3\xc8 \xf2\xffX5\xbb\xd7\xb4\xf24\x8e/\xdbI\x9d\xc1\x9d\xbe\xed&amp;\x87\xb8\xd4h\xd6w\x8f\x17\x89F\xd3*\xe8\xa9\xb1\xc6wHP/b\x04\x07\xc17B\x84\x93\xa0\xa1VM@b\x8c\xe9\xc67jL\nF\xd2\xda\x08\xc9t"\xd1\x94$\xc3\xd2t\xcbf\xc9t\t\x0b\xddNaHX\x16v/\x86^\xf5\xaaW\xfb\xfc\x9c\xf9\x13\xce\xef\xd6\x9b\x0f\xdf\xe7\xf9=\xbf\xef\xf79\xc2\x01\xb1\x9c$Y\xadV\xd3i\xa25;[k7\x1a\x1e\xb6qd\x05\xca\x18t8\xa0z\xdf\x187\x8f\x0f\x8a\xc5\x93\x99\x17p\x9e&gt;-6&lt;}f\xae\x99\xcbH\xf5\xf6\x03\xd6\x8d\x1f\x1fP\x8aE\xfb\xfen\x07k&gt;\xd3\\\x0f\x91Ugdc\xc3\xe7\x93H$3\xc9\xd4Y\xdb\xf3\xde\x8du\xda\x0b\x8ah\xf7\x14\x0e\xcf\x8a\xc5\x99\x99\x93\x93\xa7\xef\xde}\xfax\xb9\xe91\x83Q\xe4\xb6\x07\x00\xeb\xc6\xf5\xbfS\x8a\xf5\x1b\xda\xa3\x93[\x1d,&lt;\x04X\xce\xc4\xc6\xd4\x86pjrJ(\x99I\xa5ZmF\xdf/\xb7\x11\x1ej\xc1f\xa1P+\xd4\x0ef_~\xfa\xb0\xff\xf9\xf3\xd2\xe5q\xad\xcd\x00,\xf1\x18x\x9a\xfe+\xff\xa36\xfe\xd0\xee\xbd\xb9\x85\xe4\xe28C*\x953\xa2Tn\xf8\x84BD\x95L\x9e\xb5r:-\xf8\x1b&amp;\x86\xb0L#\x06\x99Z&amp;\x8b\xc7\x17\xf7\x1fg\xb3\xfbK\x9b\xd0\xf7^\x06W\xcb\xf0\r\x0c\xf4\xf6\xf7\xfc\x8d\xda\xecC\xa3\xff\xb5\xa7\xff\xd6\xad?rTp\xd6\x80j\xc3\x97\x9cm\xb4\xdb\xedB\xdb\x9b\xab\xd6-`QyXpx\xd8\xe6\xd0\xc3c\xb4\xb2"\x80\x82f\xff\x9b}\xbc\xb8ll\xb7Z:\x90+509\xd4\xfb\xf0[\x8a77\xf4\xd5\xa77\x10\x16\xa9R53\xcaD\xba\xd56\xfaW\xdc\xcb\x8b\xcb\xa5A\x0br\x13\\\rOd;\x1a\xb6\x89\xf4z\xeb\x08L\x8d\x11\xbf\x7f\xf9\xce\xd1\xd1\xc4m\xbf\x11\xc8\xb5\\mkhr\xac\xf7.\xe5X\xf7\xdet\xc1\x88\xe0\xa8\xd6U\xcd\xc8Z:\x17\xe6ZaBM\xc0\xe3\xbc(\x13K\xe5\xc0\x15\x15M\x1f\r\x07E\xbc(od\x84\xad\x0b3\xd4\xcb\x8bK\x95\xd2\xf2\xb2Z\xc6\x16\xb3\xb8\xda\x00gr\xaa\xf75\xd5\xfb$:\xfd\x87/`\x1c*\xa1\x86\xcdH\x93?\x9aWXWJ~\x7f\xe9\xf2ra\xd9\xe8\x95\xcb\xa5y\xc0\x1a\x9ev`&lt;\xabA\x1d\xaez\x1b\xad\xd6\xd9\xe1\xe5B\xdc\xa3\x1eQ\xab\x07\xb9ZVN9%\x1cx\xbaJ\xa7\x9a\xeb\xfb\x9e\xde_\xb0TM\xd5\xfah&gt;\x1fn\x9c\xcd\x14\x8b/\x0fk\x07\x85p\x8e\x1friD\xc1i\xbb\x88i]1\x86sDb\xe8\xd6o\x7f\x7f\xb7\xd7w\xe0\x11\x0f\xaa\xd5}\\\xad\xd6\x0bX\xdd?\xde{D\xf1\xe7)\xfa\xb7\xaf\xfb\xfb\xe7;X*\xc0\n\xe1\x89\xb1\xdek_\xfftWX\xac5\x1a\x01~H\xaa\x00+/b2WJ\x9bm"#9\xf9\xc3W\xd7\xae]{\xd1;\xd6\xf0\xa8\rj\x86V\x1b\xdb\x00\xac\x0f\xfb\x95\x85Sj\x9f\xc5\xd5\x93\xf9\x81\xf9\xceM\\W\xad\xe3\xca\x81\xee\x87W\xafv\xfd\xf4\x9f\x7f\x9dH\x92-\x84\xa5\x8d2EL\xbd\x1e\x13\x18\x03\xe9\xd4l\xb1\xbb\xbf\xfb\xca\x8b\x97\x12_\xaam4\xf4\x01\x96%15\xc5i\xb0\xcfw\xd8\xa7T\xd6\x91\xfe\xe0\x1d\x87\xf3+\x16P\xf5\xf7JN\xba\xc0C\xbf\xfe\xe7\xa7\x83d\xc3\xcb\'\xe5,M\x94\xc9+k\xf4"S\xdc\x03oR\x03\x06\xea\xc7\xe3\x82\xc7(3\xbf73X,\xd6\xda\x98\xafa\xf0\x9f\x17\xea\xf1U\xca\xac \xfaP\xf7fL9\xcfiBg\x85H&lt;\xe2K%\x933\x12I\xf1\xf0\xb2R\x89\xb3\xa5\xf2\x90\xdc\xa2\x80\x89\xaa\x07\x03\xb6\xe27z\xd8l\x8f,^YZ.\xf9!\xfb\xb0\x81J\xcbZ\xf3\x15\xc6Ms[\x95\xb7\xff\xceR\x96\xab\x1f\xac\xfe\xe3\x87\x0f\x93\x1d,\x15Y%\xe0T\xbd\xe1\xb0\xc7\x18\xafT*\x972\xafTN\xf2c\x08\x8b\xa9Qh\xcaV\x83Lv.\xf3\x97J\x0b\xa5R\xc9m0\xf4u\xd4J\xcf\x8e\xef\xcd\xed?~\xb2\xf4vk\x95\x9a2\xd2\xe8\xaf\x8e\xf1H\xa6\x1f\xaa\x08Td.@\x04\xaa9\x9d\x98\xcd\x1e4\xcad\x95\xb8\xb8\xeeBXPD\xe8-\x8dF\xaf\x17\tJ\xfexi\x19% 8\xa6\x91\xb2\x99\xc5\xb2\x04\n\xf7\x17\xb7.\xb2\x86\'[\xcf(\xea.\xda\xa3K\x1cw\xe2\x19%g\x1eJX\xcdu\xcc\x16{p\xd0\xa86\xaa\xfd\x06s\xcc5\xca\x0f\xf1-\x1a\xa6\xc3\xa1\x07\xae\xb2^\x14\x0c\xde\x1e\x07\xa0\xfbw ]C`\xc4\xcaf\x0b\xab\xde^|&gt;\xb7\xfbx\xee\xd9\xd2\xb3\xc7\x94l\xc3i\x0fN\x89\x88\x93O\x10\xb8\x92\x13R\xadWsa\xc6 :j\xb5\x01\xb2\x8d\x86\xcbrI\xf9!9+*\n:0\xbd\x1e\xba\x1e\x0b"Sh\xeb\x84l\x08\xb3\x027*\xa3\xab\xbdP\xba\x9f\xcd&gt;\xd9Yz;\xb7J\xcd\xc3\xb3\x8f;\x03:0\x7fk\x99P(T\xd51P\x0e\x03/\x83\x89\xe0\xadAX\xf2_\xb0\x1c\x08\x0b-\xdf\x1c\xe8\x04m\x00\x05\xc9\xf1\xcemw\x19\xb0,\xdeJe7\x9b\xdd\xdb\xd9\x9a{\xf6gjjx\x98v\xf2uU\xfezsME\x86\xa4:\x96B\x0f9\x1a\xc6\x14\x04}M\x07+\x04sK/\x02*\xb4Q\xeax/\x0cqM \xac\x89o\xdc\xe5&gt;.+\x96\xdb\x0c\xe8\x9elg\xcf\xcf\xb7\xce\xa9\xc1zE\xa4\xc1*\xe3\xceu\x1c\x0f9\x01K\xdb\x87b\x184x\x94\x17\x8dj\x14\xda\xd1\x10\xc9\x97\xb2x"\xcc\xad7\x94\xcbe\x0c\x19{H\xd9A\xe0:\x1a\xdeEj)\xb8,K\xbd\xed\xe43\xdc\xbb\xcf=sOV)\x99Y\xd9t\xda\xe9$\xab0\xaf\x9a!24jA\xcbR\x9e\x9e\xc7\xec\xacJ\xa3Q-\x1f~\x95k\x01\x0b\xd3\x97!Q\x94!\x9cMOO\xd8&amp;&amp;&amp;\x86wA\xac\xf1\x8eZp\x15\xdf\x06\xbc\x8c\xb9\xfb;\xf1-J\xb0\xe8\x97i\x1c\x0fH\xe58\xde\x84\xb1\x05j\x89\x19\n\x05\xc2bbhUcu\x91|\x92\x94r\xe1\xa9\xb6\xb9\xad\xd0\xddf\xb7\xc3n\xeb\xecn\xd0\xfa\xe6\xcemS\x19\xb0,\x16~-{\\\xaf[J\x9e\x9d\xedGT\x88\xf5\xdda\x1a\'s$\x9e\xc9t\xb0\xe4.\x8bX\xdb\xc7[\xe9\xd4\x11s0Y\xfcz]\xbe\x1e\xe3\x05\x87/\x8e\xec\x1d\xbd\x0c&amp;=\xd3\x86\xda\n\xb1\xdd\x01\xb1\xcc\x08\x8b\xa8e?\x17\x02\x81s\xf1\xce\x05\x05c\x9eF_\xad\xe18L\x87\x8cR\x19\x81\xb1\xb5.\xef\xac\x904Vk\x14i\x85q\xf9|\xaf%6\x1a\xc3l\xc3\x17Y;t\x94\xdd\xf0\xde].\x8b:\xf7\xb0\xb3\xc0\x81\x1a\xf6\x99-:\xdc\x93\xdd=\xe7\xf3\xcf\xc5\xb2W\x14\x8cSP\xeb\x18w:a\xca+#\x80\x05\x0f\xb5\xdc\x15cq\xd1*\x1e\xae\x9cH\xe3B\xcf\xa1\xd6\x05~\xcb6&lt;\x8d\x89\xec\xe3v\xcc`r\x97\xf5\x90\x1a\x8f&amp;\xd0\xb2R\x80\xb0\xb8\x96z\xe4\xf2t\x91M\x86\xdf\xef,Q\xb2\x1f\xa1\xd1\x16pg:\x92\xc9$\x08\x1cGEDri\xd1\x87\x0b\x10K\xcf\x92\x93\xf2X\xde"\x95\xe7\x15\xbc\x15\xa6\xba\x90\xfc9`6\x8cC\xf3c\xf6\xe9\x89\t\x9b\xcd.\x10\xa0\xc22tD\xe2\xe3\xa5\xd8\xccx\xfe\xd6sA\xa7\xc6=\x9c\x82X\x99L&amp;B\xe0\xa8\x8a\x9d%3\x0b}\xbb\x80\xee\xd2X\xa4\xa4\x13O(\x95\tB\xe7\xd5\x85k\xb33\x1b?{\xdd\x02\x07\x86\xa11?m\x0b\xda\x1d ]\xb9\x8f\x95K\xf9\x08\xe9\xf8\xb6_\xe69\x7fE\x8d\x81\xa0\xad\x1e:\x9d\xd0Y\xe9@:\x83\xaa\xf8+\x16\x17}#\xd0pcU"\x92\xe1p8\xcad\xabQ{\t\x81\xfal\xb3d\xb2c&lt;\xd14`\xa1]%\x06Xf1\xe1K\x15\xc6w\xb7\xe7\xcc\x9e%\x8a\xfeFB\xbf\x97u\x12\xe9L\x04O\xa7\x948\xf4\x16\xc2\xcaC\xc6\x82:Z\xad\n\x86\xaeN\xf8\xc6\x06\x86&amp;\x85\xb3\x87\xc5\x87\x0f_\x08%\x07\x85\xcdx\xc9$@;\x1c\x81\xdd\xee\xc0\xdc\xee2;\x9c\xe2\xcc\xeee\x1fo\xef\xcd\x9d\x9fR\xe4\x02\xc1\xd7\xb4\t&gt;\x91\x0bD\x12\x89L\x13]\xc5Q\x97E\x0b\'\xcf\x8dj\x06\x19\xe1\xd6\xc6\xd0\xcd+__\xeb)\x16\x87\xae|\xf9\xc5\xefz\x84\x92\xe2A\xed\xb0"\xb09\xe0\x06\xd81\xcc=\xd2\xc7h$\xc6\x0e\xb6\xf7\xb7\xb7\xb7\xe7\xb6\x1fQeNi\xdf}&amp;\x9cd\xae^\'pN\x02\x9ak\xd4\xe5\xb2\x80\xdf\xcc\xc7\x14\x9aAq#\xf9\x97\x81\x9b\xd7\xbf\xea\xba\xd2\xf3\xe2\xa4\xf7\xea\xd5/\xff\xd4\xdd\xdd3%\x91\x08\x8b\x87\xa5 \x0f\x03\xc1\xdc&amp;\xf7`\xb8\xb1\xc19\xd8\xdb\xdb\xdb\xde{\xfe\x8a:+O;m\x13$X?"\xadT\x82\\\x1d\xac|~4?\x98k\xa5|S\x03]]\xd7\xaf\xdf\x14J\x84\xc9\xa4phhJ"\x1c\x13\n\x85C\x0f\x8b\xb3q\x01O\xe0\x10\x98Lns\xf8\xcc7v\xbc\xb5\xb7\xf7|\xeb\x82\xc2\xe0C\xbb\xf7\x99\x1f\x08\x10D\x80Pr\xd6\x9a\xa1No\xb1b\xd2|nc\xb2gr\xe8\xe6\x8d\xff\xd3r\xbe1m\xdcg\x1c\xef\xe5|\xe7\xf3\xbf\xde\x1d\xe1\\YhS\xea\xf3\xea\\\xf1\xbd\xf0\xccy\x12\x96\x86p@\x82$\xf4\x85\xf3\xc2o0\x92%K\xc6\x8aNB\xc2\'\xcb#\x8em$k\x86\x0c\x081\xd3\x04\xd8*\xb6\x80\x10$+\x85*\xc4\xad\xe5\xd1\xfc!+\r\xa3\x82\xa8m\xbae"\x8b:\x91m,L\xc9\xb4\xe6M\xa5=?3i\xaf\xd7r\x8f\x0c\x92_ }\xee\xfb|\x7f\xcf=\xbf\xbb\xe7\x87U\n+\xdb\xf1\x9d\xf8\xd2v\xadV{ZS\x14\xc8\'\x7f_P\xce\xfd\xf8]\xc0\x82Nq9#\xcb\xdb\xf1\xf9\x91\xd5\xe3\xa4B\xc35A\xe0\x8aD&amp;\x93\xe8q`\x17z\xca|\xa6\xd7\xd5\x9e\xe7X\x8es\xfa\xc2\xa9R\xb0\x0c\xb1\x88\xa2\xfc\x0c"W\x91\xad\xc6\x84py\xac\xef\xc2\x8f.\xf4\x07s\xa9\xbc$\xdc\xda\xdb\xdb\x9c\x18:\xde\xb7\xc2\x86\xcd\x01\xf7d\xc4n\xcf\xa4=1\xc7,\x14\x88k\x97\\\xeda3\xcerR^Y\xff_|wxxxp\xf8\xdd\xba\x12\xf6q\xbc\\\xed\xeb\xbbr\xe5\xcaL\xf1vFv\x8a\x1b^\xef\xd0\xb1\xbfE\xf7n\x06\x01k\xb9\xe4L\x83\\sP\xd7{g\xa7}\x1a&lt; f\xb2\xd9\xc3\x83\x83\x83\xd1\x03\xf4\x1b\x88 \x10Z&amp;\xe5\xb3\x08\x95\xee\xbes\xbfn)\xe6\xd62&gt;I\xd80\x18\x8e\x7fDC\xab\xbd\xba\xb9\xb7w\xf7\xe6\xbd\xf4\xe8t\xfb\x9c\xab\xf7R\xd7\xc5i\x8e\x0f\x88Q\x9f\'\x7fp\x08\xfa@\xea\xe0\xa7\x9e\xc7g\xeb\xeb\xa5\xdb\xcb\x99\xb0r\xbb\xef\xdc\x85\xcb\xc1Re+\x13p\xfav\xbdj\x8c%i\r\x86\xa1!\xc3\xf8#\xab\'\x99\x85mb\x97\xebbV\x0e\x88J\n6\xb2k\xeb\xeb\xcf\x16\x0b\xf5XZ\x9d/ \xb2\xfesm\xc1\\\xae\xbb\xa3\xbf\xbfX\xdaRRb\xc0\x99|\xb1\xa2\xca\xb4\x14\xdaY\x1b\xbc\x0fX\x9b\'\x99\xc9\xb6\xbb\\\xee\xd9l*\x17\x0cE\xec\x11\xf0Ty\xb1\xb0X\x98\x9f_\xbdqcu&gt;^\x80\xdc\x8du\xb4\xb5\x9c\xed\xe8n\tV\x14\xc0\x92\x9d\xb6\xe9\xcf\xbc\xaa\rq\x19\xbc\xbb\xbc\xc5\xe9\xcbC\x1e\xbb\xa0\x93\x18\xf8\xe9\x99\x9eK\xbd\xa1\xeb(\x83h\x1d\x02Z\xbc\x10\x8fww\x8cA\xcb3v\xb6\xed\\\x7f\xb1\x92\x89\xa6Ra\xa7\xc5:5\xf1\x86j\xa15|\x1e`,\x16[\x12\xb8\xdc\xbd\xd7\xa0z\xa1b\xdf\xb9\x1cY\xcb\xa6\xd6\x14EI\xa5\xb6\x94\xdc\xd9\x96\xb1\xb1\xd3\xef\x9e&gt;\xdd\xd1\xd6\xd7\x9d\x0b\x0b\xa2(\xca\xf0\'\x7fXQo\x10O\xeb\xfd\x9acX\xab\xd3\x87\xf2\xd8\x85^\xed\xff\xe4\xcc\x99\x9e\xb9T8/\xcb\x81\x80$I\x01Y\x88\x96\x82\x1dc \xd7[\x1d\x1dmg\xd7\xc0\x7f\xa2\x1c\xb0X\xc4\r5\xe7\x16\xaf~de\x18\x0b\xcf\xf9\xc2\xd3\xd9\xb9\xb9\x08z\x86|\xa6\xc7\xe1q\x06$3\x0f\xd5\xde\x02\x9dD\xa6\x92\xeb\x18{\x07\x8dh\xb4\x04s\x19A\x12dI\xb2r\x0bWU\xc5\xaa\xa6i\x86gX\x8b/\x1fk\xf7\xb7G\xae\x9d:\xd5\xd33W\x9f\xa8ax\xc9\'q&gt;1\xb3V|\xe7\xbd\xb7\xfa\xda\xfa/\xb7\xdc^\x13\x03\xe6\x84\xc5\xc2\xf3\xd2GjbiWn\xf9\x1a\x1a\x18\xc8\xa3\xc5\xe9\x99\x9e\x9e\xde\xea\xec9u\xeaTg\xbb\'\x9d\x96$!\x9a\x12e_T\xc9\xf5\x9f\xee\xe8o\xc9UK\x15\xa8\x0cf3\xc8\xc8\xf2\xce\xaa\xba3\xd7\x9ba\x06\x94\xa1\x19\x16\x04\xf3}\x92\xd9\x8a\x00Xs(#\x86\xc3\xd1\xd4\x16\xf4\xcc\x82\xa8\x14\xaf\x0c\xb7@\r\x9d\x8aF3\xa2\xa4\xc7\t\x9e\xc5\x19\xdf\xbfTU\xeb\x8d\x8d0\xd3\xd4D\x11\x14\x85Q\x16\xe8b\xc2\x99\xad\xd0\xdbo\xdf\xce\xc0r+U*%e\n5Z3U\xc4$\nrT@\xb3\xf4\x18\x81qBUU,\xc3f\xd8J7\xd1@\x85Q8\xc7I\x92ON-/+b4\x1a\x9d\x8aN-D\xa1\xd3\x8aNU\xa7\xa2b"\x90\x00[I4a\xc4p\x1a\xe7\xc4\x17\x13jb\r\xed\x85mMMt\x13\x89\x91\x14\xae1\xb2\x1c\xcf\xcb\xe1\xb0(C\x13(\x0bB"\x01\x05B\x10\xefE\x13\xf7\x13`*\x8d\x89 @+\n.@\xac\xaa\x8c\x95\xb4Y\xd1\x8c\xa0\x8e\xa0\x08\x1cg\xa1E\x0e@\xb1\xe2\x02\x81@"a\xe68.!\xc0.\xe3\x83D"\xa11\xeb1\r\x8b\xa0(\x82O\xa4\x8ajb\x19\x86\xf6\x93yg\x03r\x17A"\x87A\xc3\xf5\xdf0\xeb5\x18\x86\xb1\xe6\x00\xe8\x04\x9fV\x13n\xc2\x08\xe4A\x0c\xc3\xf5\x01\xe5\xa9\xaaX\xde[1\x8f\x95A\xe6\xa2(\x9d\x8e\xa41\x82\xe5Y\x8e\xe5\x8d\xbc\x11\x94\xc1L&amp;\xbd\xde\xac\xd1\x18\x8dz\xbd\x11\'HD\x0eX\x18/\xa4\xaawU\xc5\xda\xf5\xd8$+`a\x14ER$I``0\x14\x04\x0e\xd2ah\x92S\xaf7\x195\xad\x1a\xc0\xd2\xd1\x18\x86D%x1\x95\xbb\xab\xeaJ\xdc\x0b{lN+M\x00\x81\x8e\xa8O\x99a\xe8\xb0\x03\xa8B\xea\x08\xa0 \xf4\'\xf5\x1a\r~\x12\x00\xc9\x13$\x1a\xed\x04\\\xb3\xb0UU\x17k3;*Y\x18\x16\x07\xb9H\x1c\'A/\x9dN\x07\xae\x06&lt;\x800\x01\xae\xde\x84\x990\xc8 \x81&gt;h\xcc\x1f\x96\x85\x90\xaa\xa9\x8ce\x8f\xa1CG4R\x08C\x0e\x03\xad\xd0\xb2D\xf9"\x1a\xd1\xf8.\x18\x0cj\x1a\x08\x89\xd7W\xa1\x11\xe7\xcdrty\xe7\xae\xba\x05\xc2\xee\xf8\xc4\x8a\x96"\x8d\xa6\xb9\xd0\xdc|#\xc8\x05\xaai04\xeb\x8c5\x92\x84\x06CI\x85\x8d6I\xd1,\x0ewD\x10k]U,(\x10\x83\x0e\x8f\x85i\x80\xa5H\xeb\xc07\x04\xd6\x88d\x03\xa07I\xa2&gt;\xf4\xad\xd3a\x8d\xb0D)\x82\x06\xb3\xf1\xb8\x91e\xd8\x80\x98Z_Tw%\xfe\xc6\xef\x18\xb554@\xeet\'L`%\xe0\xa9\x1f\\iDb\x11:\x12\x9dx\xa0\xean\xc3L\x1a\x13\x8fCpB8RV\x1d\xcb\x1f\xf38-h\x08\x95\xc6\x91\xbd\xd0\xd1#H"X\x0btB\xe3\xce\xf5\xa0i\xccl\xd4\'0\x9e\xc3Y9\xbcUV\x1b\xebW\x17\xed~T"\x9ah\x14`z\x9a4\x99\xc0d\x8d\x90Lt\xec\x80\xacW\t\xb0\x16\xc1\x12T\xab\xd9\x08\xc56\xaa\x94\x17\x9f\xa9ky\xef\xfe\xc5A\xbb\xc3\xe3s2\r\xe0z(\x07\x04\xaaV \x16\xd4Rp\x1a\xac\x034\xbeOA\xf1g9#\x8bk\x18\x0b\'+\x8b\x85ryGu\xb5\xec\xf6l\x0clO\xd3,\x0b\xd5\x8b@6\x83\xba\x05\xb5\n\xdd\xbeO\xd4\xbde&amp;x^\x93\xc0Qm\x10+\xb5\xc2\x8e\xcaX\xda:\x96\xdbnw\xd8,V\xe8Pq\x16Go\xacM:\xc8%\x81\x9c\x05\xcb\x12*\x98\xd1\x0c\xa5\x81\xe5\xcc&lt;\x07\xfb\xa0\xda6\xec\xb3\xcb\xdd\xaa\xaa\xb5\xf2\xcbYP\xcb\xee\x1et\x8cBQey\x1a\xcc}t\x83D\'\x90\xea_p\x9c6\x13\x14t\xfc\r\\@T\xaa\xdb\x85\x99\xc2\xe3\x9d\xf3jb\x19\x0c\x1bs\xb3n\xc45\xe8\xcf\xc6l\xb0\xd7hb\x18\x9a\xa1h\x94J\x02\xd9\x1f\xfa\n\xf8F\xd2P\xadX\xd8sTj\xb5\x99\xedB\xa1\xb0s\xfe=u\xb0\xb4Z\x83\xc104\xfe"\xefv\xbb\\n\xb7\xdb\xde\xde\x9e\xf4\xd4oCM\xe02\x10\x8aa(\x1d\x1a/&amp;i\x82A\xe7\xa4$a\xaaR\xab\xd6\n\xf3\xf3\xf3\xf1B\xe1\xfc\xcf\xfe\xad\xc2\x11\x11\x045~\xf3\xcf\xaf\xfe\x1a\xf6!\xac\xeb.\x97\xcbn\xf7g\x93y[\xba&gt;\xbe\xcbX\xadi+\xd0Pp+d8\x0b\xces\xbc\xa0Tk\xdb\xc5\x99\xf9\xa5%\xc4U~\xfd\xc7\xcf\'\x8e\xf5\xc4\xbc\xf6\x08\xea\xf9\x9d/\xbf\xfd\xcb\x13\x9b\xcfm\x07&amp;WW\x97\xdb=;\xe8\x8f\xc5\x926g\xda\xe6\xf1\xe4GG=\xe9\x06\x9e\xa5X\xd8XKNqJ\x9c\xaa=}\xba=\x13\x07,\x00{\\~\xfd\x8f\xdd;\x1b\xc7v@\x04.\xd0\xe0]\xf9\xf4\xb3G\x0b\xad\xe4\xa3o_\xfe\xbd\t\xb0\xdc\xae\xae9\xe0r\xcdM\xda\xa1\xe4\'G=\xa31G2\xe6p\xc4ly\x9f\x05\xb6B\xb2(*%%7\x13\x9f\x19&gt;\x82ZBj\xfd|\xff\x9b\xfb\x8fn\xfe\xf0\xc7\x94G\xcf\xb3\xae\xde|\xfe\xe0aB\x8f\x91D\xeb\xee\xc7/\xa7O\xd8\xec\xe8\xa5O\xd7$\x9a:\x08M\xda/\xa2wg\x80\xf4\xa1\xdf\xff!\xb0\xe5a\xdf\x93R\x94R.\x97\xdb\x9eY\x1a\x19\x19Y]\x1dA\xe6\xea/\xbf~\xff\x9f\x7f\xe2[\xef=\x9f\xf8ag}\x10\xd3\xd0\xf8\xc6\xee\x9d\xfb`\x17#K\x13\xe4\xc3\xfd\x97/=\'\xd2\x83\x90\xc4\xaeP(t=\x14\xea\xec\x0c\xb9\xdc\x88\xcc\xef\xcf:\x06\x07\x07\xdb#\x11\xa5RBL\xb9`q&amp;&gt;\xbc4\xb2\xb4\n\\\xf1x\x1c\x92\xf8\xfe\xab\x87\x94Y\xd3\xba\xf0\xf5\xa7\xdf\xffi3\\\x91v\xe5\xb7\x0f\x16\xbe\xc1\xe1.\x02\x9b\x08Xj\xba;\xfb/\x9f\xa4\x9b\xd2~;Puv\x0e\xa0\xcf\xc0@g\xe8\xbak\xce\x0e\xcb\xb2=2\x19\xeal\x0e\x06\x83\xb5Z\xaeX,\x82\xab\x86\x87G\x96\x96FVG\x86\xe3\xf3\xc8[\xbf{uGwRc:\xd9x\xff\xd1\xc4\xf7\xfbw\x11\x90\xbb\xf1\x8d\x07\x0b\t=\xdc=p\x96\xc58\na}\xb5\xff\xc5\x93tC\xdaaw\xf5\x1e!5C\x0c4\x83dG\x19\xed\x1ch\x0e\x16\xeb\xb1\xbd\xbd3\x03P\xc3\x90\xc4\x91\x1b#\xc8[\x8f\x9b\xff\xf6\x8bW_\xd5\xb1\xde$\xc8\x0f~?&gt;d0\xfc\xdf\x8e\xf2\xfe\x87\x92\xf3\x8fi"\xcd\xc3\xf8\x0e\x9dz0\xd7\x19\xa23V\xd3\x83\xd4\x8a\xde\x92`\x96n\x97\x9ca&lt;\xb6Y\x17\xbbK\x8b\xc6\x04\x8c31G\xa1cI77\xc9\xc9\\\xb2\x86\xde\x81\xb7\xb5\x99\x86mTn/\xdd[\xf7\x0f\x88\xa9F]\x89\xe2\x8a\xff\x98\x0b\xb9\xde\x02\xb2\x10\x16N[\xf1\xc2\x8f;\x02\xec\x81\xc4\x044\x80\x17\x8dw\xcf;\xe5\x12/\xf7{\x12\n$\xa4\xfd\xf0&lt;\xcf\xf7y\xdf\x17\x06n\xdcK\x894N\nl\xd1f\x1c%\xcc\x16\xf2\'\x0b9\xe9,\xd6\xc9\x1f\xbfu\xf9\xc0\x81\x92\x12\x87\xad\xa4\xc1\xd1\xd0\xf0\xab\x13\xc4K0\x01\xb3\xc1a0}\xd3\xfayss[\xdb\xc5H,\x16\xbb\xfa\xe5\x95+5\x17\x9b\x1f\x1e\x9c\xccb\x99x\xdeb\xcacSC\x83g\xbf\xf3\x7f\x84\x0cUp\xb3\xf7~\xb7\x85f,\x0ck\xc2\xae\x00\x1b\xf3\xa2\xaddSN\xb0\x9e\xec\xda\xb2\xf3\xe4\xd1\x1f\\\x06\x95\xcd\xe6p8\xbcee\xde\x86\x92\x13\xe4\x82rp\xb0\xec\x02\xb9G\ta"ZE\xbe\x8c\xc5&lt;55\x855\xbe:\xfb\xc1L\xcfL\xca\xc0\x12\x8bh:/\x87\xee\x1e\x1f\xfa\x9f\xc7\x12m\x80~\xea\xe3\x19\x8b\x85\xa6\xb1\xb3\xa4L\xb4\x89\x15,[\xc9Y"\x07&amp;f\xf6m\xd9\xf9q\x16\x0brU\x83\xaa\xac\xecB\x03\x01s8 \x9d\xe3BY+\xdckF3\xb4\xc5\xae^\x8f\xe1\xc1\xc0\xaa\xab\xaa~\xa6\xf5\xbc\x18\xce\xe5Y\x13\xd3\xc2\x98-\\^\x9e\xc0\xb7t\xdf\xef\xdf\xff_oa$\xff\xece\x7f\xfbH\xaa\x05\xe7O\x0b\xcd\xb1\xb0\x90\xc29\x94\x15\x04\xda$`\x0f\x8c\xc8g\xf4\xf3\xdf\xdb\xb9\xef\xe8\xeb\xc4\xc4\xacX\xad\x86\\\x84\xd1[\xe6%7\xe7\x02\x08\\\xf1X\xac\x1c\x0ez&lt;\xe5\xe5\x855\x10\xab\xca\xf1(\xfc\xb8w\xce\xc4S,/\xf2\x14\xc5\xd399\x14/\x8a}\x0f\x16\xda\xf7\xe3u\xffso\x9e\x1b\xba\xc4X\xac\x90\x8ahE\xa88\x9ae\xa1\x96I \xa7\xae\xbe\x91ymi\xcb\x96}\xc8&lt;\xa2ds\xb8\xaa\xbd\xe0j\xf5: \x96\xcd\xe5\xf5\x92\xcf\xa0\x15\xe6\x0fom\xe0\xf2\x10,\x0f\xa8\xea&gt;{7\x13\x9e\x18\xe28&gt;\x17X\x0c\x97+\xf0lN\x8e\x19\x1f2bj\xe8\xdc\xbfW\x0cP?\x1b\x1c\xf8J\xb40D*\x1a8\x90\x88\xa6\t\x15\xcbZ\x8a\x04\xb3\x99\xca7O\xafkO&gt;\xda\xb2\xeb\xe4O\x81UB\xe4\xf2f\xe5\xb2\x91`\xd9\\\x8ej\x82\x95\x88\xc4#\x91x\x1cD1O\xb9\'PXS\\\xec{\xcf\xfe\xe8n\xe7LZ\xe0\xe9M\x16k\x0b\xcdSf\xbcA/\xc6\xca\x8b\xd6\x96K\xf7\xda\xffu_\xa08o\xf6\xdf\xef\xb6\x12&amp;\x02\xc5q\xb4iC*\x16\xc7\x17\xb6\x88\xca\xc5\x06=g|9\xd3\xf5\xc3\x9c\x8fN\x1d}\xeb\xc0\xc1\x1d$\xf2\x86m\xa12\x07\xc9\xbf\xcbn\xf7\xba\xabB\x89D\xbc\xc6\x17O\x00\x0bT\xe5\x01O!L\xac{o\xaf\x1e~&lt;8%pl\x1e+\x8a\x1c\xcfQ\x14\x97\xe5\xe2q\x01l\xe4\xec?)F\xda\xbc}\xf4~\x1fo\xb1\x18\xeee\xb1\x0c*A \t\xc3@\ns\x02\x0e6}\xa3\xab\x1af\xf1\xe3\xa3\xaf\x1f?Xb\x83\\^\x84\x1eX\xb0\xb1\xc4\xe1r{]\xf6\xaa\xaaP(\xe1\xf3\x11\xb1&lt;\x01\x82E\xd4\xf2U\xda\'\xc3\x9d3\xd3xZaxX\xe4i\x8eg\xcd\xe8/\x9cH@\xc73V+#&gt;\xe8\xbf\xf9\x0f\\\x04j\xf0\xde\xa5\x16\xc3=\xce\x92\x85\xe2X\x93\xc1\x03*\x16\xe17\xf3\xe9\xdea\xf3f\xca\x9c^\xcbt\xad\xec\x84\x8b\x97\x0f\xda\x88B\xd5.7F\xb1\xb5\xcc\xe5\xb0\xd9\\v\x97\xcb\xee\xae\xaa\xaa\xac\xf3\xc5\x0b\x03\x1e\xc8\x14(\x07W\xa1\xcf\xe7\xfb\xec\xaf]\xe1\x89s\xc3\x10\xab\xa5\xf7\xdc\x80h\x16xN0\x0b\x1c\x9d\x8f|A/\xbc2o!\xab\xf8+m\xf1\xdd\xfdh\xa9\x1f\x19\xe6e\xb5"R\tT6V\x02m\xe1\x84M\xc2\xd4t\xff\xc4\nN6\xb9}\x0b\xeb\xbav\x0b.\xfe\x12\x93h#\xce\xb9\xab\xe0b\x95\x9d\xdc\x92G\x1e\xc0U\xe9+\xae\x01\x14\x89;\xb8\x025&gt;_bo\xa6\xe7\xed\xbfL\x0b,\xc3\x9e_}\xfe\xbb\x85\x94H\t\x9c\xc0\xb2&lt;\x9bg\xf8\xc81 \xb3\x8a_\x8d\xbc"\xd8\xc2\x83&gt;+O\xa8\xc8O\xca\x08\x15\x03\xf3(\xa3\x1f@F\xb3\\\xdf\xf8t\xff\x1f\xef\xc8Ov\x91\x1f\xc2\x8c\xf7\xae\xca\x99S\xbb\xf6|p\x9c\x88e`\x85\xc0\xe5\xce"\xd9\xc9\xdd\x82\x95g\x8a\xc9\xcd\x8a\x84*P\xee!s\xf8\xf0e\xb8\xf3\xe9\xe0\x94\x99a\xd8\x95&amp;iv\xf9\xeb\xd1\x81\xd4\x9c\x80\x01g\x84|\xc2\xc51\xe4\xe2\xad\xaf\n\x86\x19\xb5fCE\xb08Be2a\x12\xf1!+P\xe2\xf0\xc0\xe8\xda\xc4j2\xa9kK\x9bX*\x97\x9f^\x9b\xef\x9a\xdcw\xea\x9d\xcb\x86Z\xb6j;\xb0B\xa1\x90\xdd\xb5\x1b\x91\x07\x98\xdd]I\xee\x96\x87\x83@\x83\x95\xe47\xd5\xcf\xee\x86\'\xce\xa6\xcdx\xfe\xad/K%I\x89\xceN,\x8f\xa4\xa7\x04\xc4\x8b\xfc\xab\x0b\x13\xc3q\x86\x93\xa2\x15k\xe5F\xef\x93\x96\x02\n\xdc\xe2\x98l\xacX"\x14\xbc\xdb\xc4\x0f\xa7G\x96\xef\xbc\x94%YI*\xda\x937\x05\x13\x957\xd5\xbb\xacwM~\xbc\xe7\x83\x03\x18D\xc2\x85p!\xe5g\xdc\xd5\xa0\xaav\xb9\xf6\xeeu\x1f\xaa\xdcv\xe4H\xa0\xb0\x98`a\x0c\xe3\xbbuX\xb8 B\x13\xee\xb7Z\x97,\xebR\xa7\xaa\xcc/\xfe9\xb6\xefFq\x00\x00\t]IDAT=\x97\x87\x19\xc8\xcf\xc9\xc3\xe2\x9b\xe5\xb2Z[\x1e\x0cf\xbb\xc2\xa0\x02\x16Y\x98I\xacX\x16_\xc2Q\xdc\\*=\xb4\xbc\xbeZ\xaf$eI\xd7\xf5dF[\xd9\xcc\x9a\xa8M\xa9\xc1u\xad\xeb\xd1\xc9w\x8ec\xed!`d\x16[C\x89*\xb7\x9b\xfc\xc9\x9f\xcd\xb6\xc3u\xe8\xfb\xc4\xc7\xe2\x9aB\xa3\x1c&lt;\xeeLO\xe7\xcc\x8da\x81\xb7\x8a\xec\xd2\xdb\xa5r\x97\xa4\xaa\xd1\xa4\xdeT\xb1&gt;2.b\nr\xc1\xc5\xb3t6\xf9Vk\xf7P;\xd9[\xd0Fy\x1a\xbd\x80\\\xa1\xdb\xa1\x1777&gt;=\xba\xbc8\x1f\x0cJ\x15r2\xa8\xe9A]\xd1\xb4\xcc&gt;\x81\xa5(:}\x03\\+{\xbe8A\xb2\x85b\xb0\x03+A\xee]\xae\xb2\xa3\xbfv\xec\xc0H\xda+ac\x80@\xd5xB\x93\xe1\xf0\xd3\xf6\x01\x01Rp\xa7\xe6\x1f?V\x9d~\r\xe2K\xfe\xd2\xfa\xf9\xf5\x91\x94(\xd0TN&gt;\xcdlpY\xad\xa2\xf8`\x10\xcbQ\xb6\xa7\x88PX\x07!&amp;M\t\xc8\xd3\xf3\xc5yI\x92\xa5\nM\xbe\xd6\x11\r\x06uM\xd24ie3Y\xbc\xb9\xe9\x1b\x8b\xe0\xfa\xc5\x89\x06R\x0b(wTha&lt;\x12j\xad\n\xb9\x1c\xae\xdd%;v\xdb\x0f\x1d\xaa#\xb1\'T\x17\x9fu\xf5&lt;\x86\x85\xb4\x95\xe7\xb7Nv\xfag\x0b\xb6\xcb\x8a\xa2h~\xbfz\xd8\xa9\xdcY\x1fJ\xf1fS\xbe\x99\xe1\x04\x83\x8b\x83^|\xf7\x1f\xda_\xe3\x8c\x8b`!a\x0cm\xe6S\xd3\xfd\xeb\xab\x15rP\xaa\x954\x15\xef\x82\x1d\xdf*\xba&amp;\x83\xabi\xc9L\xb3\xa6Ms\x0b7V\xbb\xb4\x95/.xaZI\x89\xab\xd2\x97\x88\xb7E&gt;\x8f\x93e\xc8\x0b2\xd7\xa1\xec0\x06\n\xe3\xf1\xc8\'\x08\x16,4\xe1%\x85%U\x95\xf0=*JP\x96\x9c~\xb5\xe0\r59\xb6\xba~/\x85}\x80\x89\xa1)pq\xd9\xd6\x17/m`\x91pA.vn|\xe4\xc5\xf3\xd9\xa0\xaeJ\xba\xacJ\x92\xea\xaf\xd0\x1a\x83\x1dI%\x1a\x8d\xea\xba\x949\x8f\xdd\x17k\x1e\x1e|1\xdb\xa5\xfd\xbc\xc1\xeb\xad\xb6\xd9\xdeuU\x16\xfb\x12\xb1X$\x16!!\xf3\xbaQ\x12\x95g\x02\xe5d\n\xe3\xf1O&amp;{:\x9f\x9e\x1d\xc7+Z\xb8\xf3\x192&lt;\x1dc\xe4\xd9*\xdep\xaa\xce\xed\xaa2\xd6\xa1\xac.\x0fL\tf\xe8\x82\xcd\x05\xe0y#a\xafmHE.an\xbcwf\xa2B-\x957\xb0T\xbf\xb3\xa0\xf1Z}PI&amp;\x95\x8e\x0e&lt;&gt;\xda\x85)\xb5P\xe3\xedkM\xe1L\xc97\x0f\x1f:l\xbb\x11\xa4\x80\xe7\xfaUlc\xfe\x94\x88$\xbc\x88&gt;\x92\xf5\x93c\xd8\xd1\xc4\xe3\r\x8fz\xd0\r\xd3\xa2\x88\r\xdc\x9b\x93\xb2,GA\xa5Kr4Z\xfb\xa1Zp\xda\x1f\x1d\x1bKj\xea\xe2\xd7\xe99\x8ae8\xb3\x89he\x90\xfd\x1d\x8b\xe6(\xac0k\x8b\xfe&amp;\xd5\xe9\xd4\xf5RI\x0f\xd6\xfa\xfd\xdb\x0b\x82\x1d\x1d\xdf\x06\x83QP%\x95`4\xb9RD*\x84\x9bn\x7f~\xb7\xe7\xe5\x05\x1ch\xaa\xab\xa1V\xcd\xb1\xdf\xdc\xfe\xf5U\xb2\x95\x89\'\xca\xdc\x95\xdb\xb6\x1dA\x91\x96777\xac\x90`\r\xf61d\xa3\xbc\x04*I\x19K\xca\xaa\x1f3\x14,\xd8^{\xba 86\xd6Q\xe1\xac\x9d_\x1fM\xf3\xb9\x8c\x85p\x19\xdd\xcao\x98\xc8\xb0\\jam\xd6_\xea,m:\xad*Z\xa9\x1a\xac\xff\xd4y\xb8\xb6\xfeZ\x10DP\n.&amp;;dMY*b0\xb6s\xbd\xed\x13\xe1\xf0\xcb\x8bWB\xbfG\xd1\xfb\x8a=\xd7o\xdf\xbe\xdd\x16\xb9\x1a3&amp;\xf2L]\xa1\xe7\xd8\xf5+\xad\x0f\xdf\xc7\xa23s.E\xa3\x81\xcc\xb7tX\xd81\xa6H\x05\x87\xfd\x15z}c\xed\x87\x87\x0bNC-\x05fJ\xb5\xf3\xcb#\xc3\xe4\xf0\xc1ZyB\xb3\xa1\x16\xcdNM\xbfXl*u\x82\xaa\xd4)+\xeav\xa7z\xad\xf6\xd3\xc6\xc6\xda\xc6\x8a\xfa\xa8qA3%)I\xfa-\x81\xff[\xd9\xe6\x13\xda\xb6\x15\xc7q\x97e0B,(\xf6\xc2;\xbc\xec\xd2K\xd9\xe0I9\x8c\xcd^\x9fO#\x10\xd2\x83\xdch \xabP\x89\x19\x89\x1d\x84@&gt;\xe8\xa0K\x0f2\x0e\xa5!\xcd\xa52\xbd\xd8\x07_\x16d\x0c\xeb\x9cK\x0e\xa1\x81Rw\t\xa5\x81%\xb4\x90?%d\rKJ\xa1\x7fX\xb7.\xa5\xdb\xf7)-\xdb\xd8#\t\x04\x8c\xf9\xe8\xfb\xfd\xfe\xbe\xef\xe7\x83\x87s\xd9\xb5\xbb\xaf\x9f\xf6\x07\x9f.\\\xf9\xee\xfc\xf9\x87\x93g\xc7z\xb3\xcd\xe6\x9fW\x16f\nW\xaf\x8bK\xf1\xdbBo\xe1\xfb\xeb\x9fm\x87\xe5\x97s?\x0f\x8dJ#\xa7\xbfzQ\xb1\x11\xac: \x88i\xd9\xdc\xa4\xaaJ\t\xd4\xaa\x9a\x84P\xb3^=|\xb5Q\x94\xa4\x8f0\xb1\xc2\xbd\x14+/=X&gt;\xe6]\xdf\x85X\xb2b\xd6\x1b\n#J\x92$ND\x1dKp\xd9\xe2XV\xb5\xaa\xeb\x9d[b\\\xf2+\xf3{\xa5\xbe\x0f\xaf.M&gt;\x9c\xbc4Uh6\x9b\x8b\x0b\x8b\x0b\xc0\xfaz\n\xf5^X(\xdc|\x98^:\xbb\x88\xd5\xf0\xd0\xf8Q\xa5a\xd7\xeb\x96\xc2pL\xcb\xd2L\x1a\xc4*q\x80E\x19#\x95\x96-\xef\x1f\xaf\xae\xe5G\xb2#x}\x8a5\xf4\xe1\xed\xddW\xbfU\xba\xbe\xaf\x83IQx\x95\x93\x80%v\xa2i\x146r\x0e"\x0e\xd9\xb8cu\xea\xbe\xbe}A\x04S\xda\x98\xdbk\xf7\x1fc\x83\x99\xbe4uv\xec\xcab\x136\x02k\xec:\xfe\x9b\xe8\xf5z\xcdit\x83\x81`I##\xd2i\x04\xcbw}\xa5Tb%\x83Q\xce)\xa5F\xa0\x06jk\xbdNJL\xb1\xab\x15B\xb4\xc3G\x1b\xd8\xc5\x10-\x815$\xad,\x1f?\xc6M\xe5\xfb\x95T\xe2z\x9d\xb2\xc8:\xb0\x9c8\x8eU\xbc\x85\xa6\xe1m\x14j\xe2XU]\xd6\x9f\x7f\\\x04V\xee\xde\xdc\xcb~\x7f\xe9\xe6E\xb1.\\\x9c\x01S\x13F\x16\xd2\x1d\x19\x83\xd9\xec\x9d\x17\xab\x1f\x82\x85\xcb-{\xb9\xd1\x1d\xb4=/\xa52X\xcc\x1d\x95\xc6\x91\x11\x05Qk\xdd", v\xdd\xf5\x98\x11&lt;~\xb6\xbb#\xe4\x1a\x962\xd9\xe2\xc6\xb5-Wntj\xb2\\q\x89\'\xc4R\xd4\xc4\xb2,\x84\x0bX\x0e\xd7@\x04\\B\x181\xabUW\xd6\xcfa\xf1\x1d\x96v\x96\xe7\x9f\xf6\xfdO\xc4\xf22\xd1k\x8a/#\xce\xce6{\xb8\x07\xcfN\x17z\xcd\xde\xd4\x11V\xbf\xb9;y\xb1\x9c\x8c\x1f\r\xfc6\x01\x15\x0e\xb04\xae\xa9j\x1c\x07A\x14\x1c\xb48\x13&amp;\xda&amp;S\x02\xb5bo\xdd_\x91$,Z\x99\xdb\xabo\x0e\x11\xa9Z\xa7n\x9a\x15\x07/\x019q\xb8\xe0r\xb4X\x8c\rG{)`\x02\x97Z\xc3\x90\xca\x9b\x97\xa5b\xb1\x98_\xbb\xb6\xe7\xf5\xf94\x1aj\x06X\xb3\xb3\x8f \x97\xd8\xfc\xc6\x10\xb4\xde\xf4\x1f\xb5\xd0x\xfd\xeb/g \xd6\xa9\']\xd9;\x81\x02U\xa0B\xfcHp\xc5\xb1sp\xe0\xb0@`\x11\xa6\xb0\x8a\xed\xb7\xf7\x9f\xdd)\xe6Gs\x99\xe57\xfb&gt;\x06\xd0\xadv\\\xc5J"F\xeb\xb6\x82\xc7\xe1B.\x07\xe1\xa2\xa9\x85\xca;\xb9\\t\xbd,o\x7f\x8e\x8fx\xc5\xdc\xc6\xdc\xcbr\x7f\t 3\xcdT+\xa0\xf5\xc4\'\xb0\xc2\x97\xbdo\xbex\x11\x8a\xbd!+\xb6\xde\x1b\x8d\xc1?T\xa9\x87$P\xd5\x08`\xd6z\xcb\t\x0cF\xac\nS"\xd9\xae\x10\xaf\xcd\x8fWw\xf2\xb9\xcc\xab}_\xc6\xf8\xc1E\x8b\xf0D\r\x9c\xba\xa6&amp;\x1a\x15\\\t\n\x02\xd9\xd4 \x179\xe1"h\xc2\x86\xdc\xf6\x9f\x9f\x01\xd6hqun\xab\x1f.\xf5\n0M8\xb8\x88l]\x9d\x98\x9e\x98\x99\x19\x9b\xdc\xc6\x14\xceod\xc5\xca;~$\xb7\xbd\xf7\x0e\x1aD\xd5\x1c\r\xba\xabQ\x14\xc7Ik\xdd\x0e\x8c \xe2&lt;P\x02\xc7\xd6\x99\'\xeb\xf2\xd6\xfd\xb5\xa1\x0c\x97\xfd\x94K\xef4\x98\xc0\xb2\xeaQ\xcc!P\x8a%f\x11zi\x94(TP)\xd4M\xb9\xf</t>
        </is>
      </c>
      <c r="M208" s="3" t="n">
        <v>45492.67655092593</v>
      </c>
    </row>
    <row r="209">
      <c r="A209" t="n">
        <v>831778</v>
      </c>
      <c r="B209" t="n">
        <v>1957</v>
      </c>
      <c r="C209" t="inlineStr">
        <is>
          <t>Maycon</t>
        </is>
      </c>
      <c r="D209" t="inlineStr">
        <is>
          <t>Maycon</t>
        </is>
      </c>
      <c r="E209" t="inlineStr">
        <is>
          <t>VOL</t>
        </is>
      </c>
      <c r="F209" t="inlineStr">
        <is>
          <t>VOL</t>
        </is>
      </c>
      <c r="G209" t="inlineStr">
        <is>
          <t>VOL/MC</t>
        </is>
      </c>
      <c r="H209" t="n">
        <v>175</v>
      </c>
      <c r="I209" t="n">
        <v>7</v>
      </c>
      <c r="J209" s="2" t="n">
        <v>35625</v>
      </c>
      <c r="K209" t="inlineStr">
        <is>
          <t>Left</t>
        </is>
      </c>
      <c r="L20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29&lt;/Attrib:Created&gt;\n        &lt;Attrib:ExtId&gt;5733f732-7ecb-41f5-90ba-0410cd2f08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$\x89K\xc6\x00\x00\x00&gt;tEXtComment\x00xr:d:DAEewil2SDw:3444,j:3416397364158252647,t:24012921\x9f-\xb3\xd0\x00\x00\x00\tpHYs\x00\x00\x0e\xc4\x00\x00\x0e\xc4\x01\x95+\x0e\x1b\x00\x00\x03\x00PLTE\xff\xff\xff\xf8\xf4\xed\xfa\xf6\xef\xfe\xfd\xfc\xfb\xf8\xf0\xff\xff\xfe\xfc\xd0\xae\xfc\xfb\xf1\xfc\xf9\xf1\xfd\xfc\xf2\xf7\xf2\xec\xf4\xef\xea\xfb\xce\xab\xef\xb8\x94\xf1\xacy\xf1\xbf\x9f\xf1\xb9\x97(\x1c\x19\xfd\xd2\xb5\xf2\xed\xe8#\x17\x14\xf3\xb1|6(%\xfb\xca\xa5\x1d\x12\x10\xfb\xd2\xb2\xf5\xc3\xa1\xee\xa6v\xec\xb8\x96H61\xea\xe4\xe1tG9\xf9\xca\xa9+ \x1d\xf3\xbc\x9a\xf9\xc7\xa51$!\xd8\x92k\xfd\xd5\xba\xfc\xcf\xb0\xee\xbb\x9a\xf9\xc3\x9e&lt;-)\xf4\xb6\x89\xf0\xea\xe7O;6\xee\xe7\xe4\xf9\xc6\xa2\xf5\xc0\x9d\xf4\xb3\x82\xe6\xdf\xdc\x9e\\DA2.gA5\xd2\xb3\xa9\xbd\x97\x8c\xe1\xad\x8e\x9egS\x87XG\xbfyZ\xf5\xcf\xb4\xf6\xb9\x8e\xc7\xa5\x9b\xf2\xc3\xa5G/\'\x83QA\xd1\x8ag\xf4\xc7\xa9\xe6\xb1\x8f\xe0\xa9\x88\xc7\x80`\xc2\x9e\x94\xf6\xbe\x96\xe8\x9dp\xe2\xdb\xd9\xaev`\xeb\xa2s\xdf\x97pW6+\x98]G\xf2\xaf\x81tMB\xf7\xc2\x9b\x98aN\xc9\x9f\x91\xcb\x86f]D=\xa6^B\x8ch_\x9fbM\xef\xcb\xb4\xd9\xa1\x83\xf9\xf6\xf5\xda\xd3\xd1~K:\xd6\xcd\xcd=\'\x1f\xaap[\xfc\xfa\xfa\xb6}h\xdf\xd7\xd5\xd0\x96z\xf6\xbc\x92\xf7\xd2\xba]=3\xbc\x91\x85\xf3\xca\xae\xe8\xb5\x94\xbf\x84jmF;`9,{TI\xf8\xc2\x95\xaadO\x91]K\x8fXF\xdb\xa5\x89\xb1kP\xc8\x8an\xf8\xce\xae{N@\x96U?\xd6\x9c\x7f\xc4\x84g\xec\xbd\xa0j:+\x81ZO\xed\xb5\x8f\xa5aI\xa4lZ\xc0\x87q\xe3\x95f\x91dT\x8aS@\xabzjSB&gt;\xbe\x8dz\xa8kS\xb6za\xfe\xfb\xf7cKE\xe2\x9dz\xdf\x8fd\xeb\xc5\xae\x86aW\xb7pT\xb6\x8b\x7f\xa5uc\xbe\xb2\xb2\xc5\x8cv\xcc\xad\xa4\xf2\xb8\x8e\xbd\x7fe\xc6\x9b\x8d\xfa\xbe\x9b\x90rj\x9d{qhTP\xb8\x84r\xe6\xb8\x9c\xf9\xbb\x96\xac\x87}\xd7\xba\xb0\xef\xb3\x95\xe6\x99jlMD\xcb\x92v\xed\xb2\x8b\xb3tY5\x1f\x18\xadbE\xd7\x8dd[0#sUL\xc5\x92\x80t@0\xde\xb3\x9a\xaf\x82s\xc1qP\xce\xc4\xc3\x15\r\x0c\x89^Oz_W\xb7hI\xca\xbe\xbd\xf0\xa8~\xcd\xa5\x97\xa5\x80t\xe2\xa5\x81\xd1\xc8\xc9\xc5\xb9\xb9\xf5\xf2\xf1\xf1\xdf\xd6\xc5\x96\x86[JF\xe4\xbd\xa7q[V\xfc\xda\xc3P0&amp;\xd8\x97v\xcazV\x96l^\x97si\xea\xae\x87\xfc\xe8\xdb\xec\xc2\xa7\xb8\xac\xa9\xd2\xac\x9e\x82f_\xd0\x82\\\xfa\xee\xe4\xec\xd0\xbf\x87F5\xb1\x90\x88\xd8\x87]\xda\xc6\xbf\xe8\xa9\x88\xe8\x9b\x82\xf4\xb0\x87\xd1\xa0\x88\xcd\x9a\x83\xd1\x8dt\xdf\x89u\xd6|q\xd8\xaa\x92G!\x17\xc8uh\x7fmh\xfe\xdf\xcc\x9a\x89\x84\xb4g\\\xf1\xda\xcb\x8d}z\xa6\x98\x96\xe2\xc3\xb5\x7f4.\xb7XW\xbbqc\xea\x96\x91\xe5\xd4\xce\xf8\xb2\x90\x9do`\xf2\xa5\x98\xb1\xa3\x9fsc`\xcdjX\xe0\xcd\xc8\xa5TJ\x95,/\xc7^i\xe3\x87\x86\x94E7\xf6\xb1\xa9\xa3@=v&amp;\x1c\xf8\xbc\xb5\xa2RWC\x00\x00 \x00IDATx\xda\xdc\x99\xedOSi\x1a\xc6\'\xdb\xc0\x17\xa5Rl\x0f\xd8r\x84\x03\x07\x87\x9eZ\x0bK\xab\x14\xa6r\x10\x06\x01\xa1-4\x14\x19y)\xac\x96\xa2\x19\x907\x91\xc1\x17\\Pt\x82(/\x8a;.\xbeD\x0c\xd6\x0e\xe3 \x8e\xca\x8e@\xb60\xa8kd\x87\xcc\x8c\xb3A7q\xd2!\xa1\xfbi\x13\xc8|\xde\xfb~Z\\\xff\x80\x83n\xf6\xa6\x94&amp;|\xe0\x97\xeb\xba\x9e\xeb\xb9O\xf8\xe0\x83\xff\xd3\t\x10\xc1T\x90\x11\x05\xfc\xaf0ULn,{8\xd17K\xa6o&lt;{\r\xc0\xbd\x7f\xa85%\xb3\x0b\x9e\x01\xb7\xdb\xdd\xd1\xd1\xe1\xee\x1c\x98\xf6,\xcc\x8e\xee]_,z\xaf\xeeM\x96y=n\xb5\x96e\x18\x96\x95H\x19\x8a\xe3iu\xe7}@\x1b\xdfX\xfc\x9e\x0c\x05\xfb\xf6z\x97iJ"a\x18)\x8cD"\x9506^\xcb\xd1jk\xe7\xf7\x0b\xb3%\xeb+\x02\xde\x83P{g\x17\xa6i\xd0(\x0c\x06\xa8\xc2\xa4\x0c\xc3H\x18\x8a\xa6\x81K\xad\xb6\x0e|\xbf\xb8T\xb6\xfe\xdd\x9a\x19P\xbcw\xc9\xd3\xc11\x84)\xcc\x07\x06\xa21\xe0\xa6\x16\xb8\xd4\xd6\x0e\x1a4\xbb\xe9\xf1\x96L\xbeC\xc5D\x93\xa3\x8b\x04J\x8a:I\x89V\x12d\xa28\x96\xd2\xaa\xb5\x9c\xb5\x13\xb9\x1c\xd6\xfb\x8b}\x9bE\xef,T[\xfa&lt;j\x8e\xf8GB\xe5#c(\x16&lt;\xd4rZZK\xd1\xd6N5b\xdd\x1c\xf6\xccny7\x11\x13\x15g/M\xc3\xe9\xf3\xa5\nd\x82\xc1\xc0\x03\x12\xcb\xb0\x1c\xcdQ\x1cE\xa9;\xadj\x1a\xe0\xac\x9d\xd3\xde\xec\xc9w!\xd8d\xc9\xc2t\x87\x9a\xc2\\\xdd\xbb\x87\\P\x0e,#\x95\xb0\x14\xc7\xa1\x87\x1c\xc3R\x8cV\xad\xee\xa0y\xda\x8a\xd9_x\xb8\xb9b\xd5\x1d\x9c\x1c_tk\xd54K\xa8\x08\x17\x00Q\x14\x08E\x81\x7f6N\xcb\xb1\x8cS\xe2\xe4y5\xcf\xdbx\x9aW\xab;=\xb3\x1bE\xab}\x04\xcb\x16\xdd\x14\xc3i\x19\xe2\xe0=_9@\xd4\xb5\x1ce\x83f\xe0\x01\x84\xb79\xe1\x8b\x87\x9f6\x0e\xde!\xfb\xd3}\xab\xdb\x14\x01\x15\xbf\xf7vB\x81r\x94\xf4\xbf\xc5\x80=j\xa3i\xe0\x991Z\x1d\x0e]5\x8cq\xc6h4\x02\x97\r\xd98\xda\xf3\xb0x5s_\xb1yi\x00L\x82pKWJT*q\x82g6\x1e9t\x9fF\x1cNJ:\x9cZ_\x7f2\xb54\xe2\x8e\xce8c#C\xa9\x17\xb2WS\xae\xe2\xd1eL5\xdc8R0\x10\xbaJB\xb0l\xbc\xb1Z\x17\x018\x16\x8b\xbe\xfcV\xf9\x99[\xc9\xc9\xdd\x8d\xad\xa6\xfa\x93\xa5\xd5`\xa7\x8de)\xf7\xd2\x9a\xd5\x93K\x94\xbdH3\x12\x16\xcb\xc1w\xe78\x9d\xce_~\x99\xa9&gt;z\xa7\xb4\xder\xe6\xd6\xa5\x96\x96\x82\x1d\x87\n\xc8ddd$ww7\x9a"@0\'\x9c\xd5\xe9\xd1U\xb31`\x8d\xb7\x83\x01\x95\xe0\xee\x83D\x11\xa4/\x8f\xde\xf9\xb19\xa1\xb519cGL\xee\xd9\x9c\x1c\xc5\x98"\'\'777&amp;\xc6\xe5r\xed((Hn\xac\x07\xc1\x9c\x8c\x84Z\xcc^\xadZ-~8@\x85\x91R\x90\x825\xc0t\xe7\xc7\x84\xdb\x0f\xee&gt;\x99s\xb9\xba\x06\xb3\x14b\xb1\xd8\x1c\x1f\x1fo\x16\x8b\x159YY\x83\x83\xc0\xd6\x16\xb3#\xa35\x82wB\xaf\xd1\xde\x8d\xab\xd3^\x01%\x1e\xd6WV\x12\xdb\xcc\x97\xd5GK\x9bo\x03\xd2\x0bWW\xdb\xe0`VV\x8eB,\x93\xc5\xe3\x98eb\x85X\xa1@\xb6\xac\xdc\xdc\xae\xb9\xc6\xd2\x19\'\xb8\xee^Z\x9d\xeb\xb1\xd8K\x87\x85\x81\x89\xf7\x9cF\x08\xd3\xc9\xe6\xc2\x07\x00\xf5\xa2\xab\xad\xed\r\x162\xc1\xcbl\x16\x8f)\x14c\xe8\'\x80u\xcdu\xa7\xf2\x80\xc5\x0c\x8c\x16\xaf\x86X\x1b\x97\x198}\xa0Uu\xe9ISBkmw\xf2\xdc\xdc\x9c\xab\xeb\r\x17\xc1\x8a\x9fW\xcd\xcf#\x99y\x0c\x06\xb9\xb2\xba\\\xc9\xa93\xce0)\xbb\xb0\x1ae/*\x1b\x90\xa0\x85\xce\xa3\'\x9b\x8bjkk\x1b\xef&gt;A\x0b\xd1C\xc4"j\xa9T\x06\x15`\x91A2\x05\n6\xd8\xe5\xea\x8e\xb0\x81\\\xee\xd95\xc2sU\xf4u\xe0\xd2\xe0\xd4\xd5\'\x80T\xb5\x8d\xddw\x93\x89\x89~\xb5\x00\xcb\x1c\xaf2\x18\x80\xcb7~.\x05\xe1\xaa=\xea\x84\x15c`\\\xf8\x96\x98\xf4\xd2p\xcf\xd8t\xf5E\t\xad\xad\xad\x88u\xf7\rV\x1b\xc9\x16P\xd9\xedv\xc3\xbfU\xf0z\x0b\x0b\xb9\xe6\x9ag\x9c,E{7\x07\x08\x1e\xadE\x0e\xb6b]\xbd\xa9\xa8\xc8\x8f\x85&amp;\xfa\xa8H\xb4\xcc\xf3\x06{&amp;\x8c\xdd@F\xe5\x8f\xbe\x8f+9\xc2\x06\x8b\xd8r\x99\xe0%Q\xb6L1\xac1\xc9bJ@\xb5n?\xf0c\xb5\xbd\xf1\x10\xa9\x94\xca|\xe0\xbafG4\x94\x0b;\x8c\xf8\xe8J0\xf2\xb0\x1dz\x85\xde\xedE\x13n\x96\xa5\x0f[,\t~,\xe8\xd1\'\xa4\x1f\x06\x07\x07\xe1O\x8b\xcd*\xbb]\x1e\x1d-\xcf\x07\xb0\xa8k\x99\xd7\xec*_\x85)H\xbe\xda\x92#x\x8e\xd5z\x84\xbe\xb2\x8b\x97\xd4\xacMWg)B\xacB\xc4z\xe0W\x8bh5f\x86`\xc5i"#\xa35\xca\xb8\xb8/\x94 \x9bA\x15/\x93A\xf5\xfb\xb8\\&amp;\x07Mq\xee\t\x81\xbbk\xcd\x82\x96\x9d9\\WdI\x80\xc8\x17\xdeF\xb5\xee\x12,\xa4\xca\xc9\x19\x9b7d\xc6)\xa3\x11\x0bF\xa9\x84\xefLC|&lt;b\x11\xb0\x9c\xc1\xe4\xc3\x0e\x8e\xa2\x17\xb6\x08\xebb\xb6\x87\xb29R-zT\xab\xb0\xb0\xf0-,\xd0\x8a\x88\x05\xc1\xd2DFG\xe3\x0b\xe1\x94\x07\xed~\xb9|\\1\xfaOy\x8a\x1b\x18\x174\xf4\xa2\xf1i\x8a\xd7\xf9\xb1\x12V\xd4\xc2l!\x95\xd9&lt;\xdfo\xcf\x94C\xb4\xd2"\x9b"##\xd7\xa2\x97_\xd8\ro\xb8\x00,\xf7R\x92\x83\xe7:f\x05u\xb1b\xa9\xc36\xa3K\xad\xd3\xeb\t\x16\xaa\xf5\xc0\xaf\x16\x16\xa9J\xd5o\xcf\xd7hP(\xdfDG\xe7g\x02\xd5\n\x16\xf6}Ly\x8dCK/\x08z\x167/jy\xa3\xae\xb4N\x0f\xadU\x88&amp;\xfa\x8fbW\x17\x9cC\xc4RA\xe0\x81\xcb\x0f\xa5\x91+3\xed*\xc0\x82eB\x8ch\x80\x95\xdb\xa2\xcfs\xd0\x1eA/\xc6\xbd\xcb\xda\x99j\xc4\xb2\x14\xb5\x92l\xf9\xb8\xb0N\tV\xbf\x01\xd5\x02\xb9p4Jl\t"\x96\x18\xf7\x1d\xb3\x8c\x1c\xc6\x98\xcf\xdbo\xaa\xddB\x86K41@\x1b\xab#J\xeb\xf5P\\D.\xd4\x0b\xb1\xda|jA\xb4\xf2\x95@\xa5\xd1@q\xe5c\xd9C\xcd\xcbd(\x14y\x83V\xcd\xc9=\xb4\xeb\x1b+\x84K8\x17\x8b\xbdV\x87.\x82`\x99V\xb0|\xd9\xf2]\xd2\x04\x0b\xb84D&amp;\x03\xf4=\xe4\x1d:^\xec\xc32\x93\xf2\xcaz\xdc\xb2\xebX\xa7W\xb8\x87\x8d\x80-\x8b\x1d7\xf3\x0e\x97\xa6\xd6Y,P\xa8o\x8b\x95\x05\xe7p\x1e\n\x1e\xd5R\xa2Pv\x84:x\x10\xb9H\xdce2\x99_\xaf\xb3g\xf7]\xe8\x1d^\x14\xae\xb9D%\x9e\x9b\xc7\x8e\xa5\xa6\xd6\x9b,x\'\x16\xfa\x8bk\xce\x05T\x04*\x13\xa1\xc8\x85\x88R\xf9&gt;\x1f4\xc4#\x8f\xec-\xae\xcf&gt;\xbb\xb2{Q\xb8\xccWL,\xdf\xdf\xdd\x9et\xb2\xdeTg2\x99\x12V&lt;|\xd1\x96E.\x1dd\x82P!\x16h\x95\x99\xaf\t\xc5\x01.\xec\xad\x95|\xc9\xc4c\x8f\x1e\xed\xf9\xaa\xf7\xb2p\xd7b\xf1\xac\xe7\xf2\xdf\x9e\xb6\xd7!\x94\xc9\xd4\x8c\xbdu\x1bvfW\xae\x02R\x95\xa9\xf4\x15\x16\x1e\xc0LtS\x19\xba6pm``\xa8\xc6\xd7\xf3h%Y\xf3\xcd\xcf\x9e%6\x9c\xfes\x89`Gqr\xf6\xf2\xb7\xdf\x9e:\xd5{\xa2\x08\xa0\x9a\x9b\xb1\xe6\x1ba7u\xe5\x8e\r\xf5C_!T\xd3\x87k\xa3\x95\x99\x88\xa5\x8c\x0c\xdc\x10\x12\xb2)$04\x94p\x91&gt;%{\xfe\xd0\xf1\x03\x89/\xaf\x0b\xb7sM\xf6]\xef\xb9~}dd\x97\xde\x87U\x88X\xf0\xc4z\xf6\x1fC\xfdQq\xd8\xa2\x1f\x86\x844i\xe2\xb0\x19\xf2\xa37l\xfa\x0e\'$pm\xa8\xd2N\xb0d\xf8\xac\xa6\xea\xef\x0f\n\xbf\xfaz\xdb\xa8pX\x13?m\xfb\xa9g\xe4T\xb9\xbe\x08\xb1\x90\xaa;\xa3`G\xcc\xe3GC\xc7\tVS\xc8\xa6MMr\xb9&lt;.N\x1e\xdd\x84T\xbf\xfe\xfa\xdd\xa6\r!M\xd1\xb8\xde\xf8\xd4\x82\xfb)\x08\xb0\xbe\xfe\x8bp\xcfe\x93\x0fwn\xdb\x06X\xe8"z\x08T\xc9-\x05\x87v&lt;&gt;\xfbh((j\x1d\xa0T\x02\x16\\\x84\x1a\xb9&lt;\r\xc5B\xb2\xca\xca\xca\x8f\xf6\xcb\xa3\xec\x86x?\x96!\xe8x\xf8\x91\xa9\xbf\xff,X\x9fN\xfe\xbc}\xe7\xce*"\x17\x04&gt;\xa1\x15\xa8.\xb5\xb4\x1cj9\xf4\xcf\xc7\x1f\xa7\x87\x87\xc7\xaeK\xfb\xa8\xb2\x127\x9a4y\n~\xac\xfc\xe4\xdc\xd4\xd4\xd4\xb9s\xcf\xa7\xae\xc6\x86\x07\xf5C\xb1\x12\xb5\x82\x83\x82\x8eLM\t\x8a\xb5}\xe7\xb6\xaa\xaa\x91^\x08\x17R\xdd\xfa\x1cf\x17\xcc\x1f.\xeckHL?\x10\x9b\xb2\x7f\xbf\x1c\x0cLKIIIK{~\xf5\xf5\xab\x9e\x91\x91\x9e\x9e\xaa\xaa\xaaW/\x1b\xd2\x81\x0b#\xaf\n\x0e\xbeq\xe4\xdc\xbf~\x13\x10\xeb\xe2v\x04\xeb9\x05.\x165\xde*\xd7\xeb\xdb\xbfI:V\x93\x97W\xd3\xde{e\xdf\x9e\xc4\xf4\xd8\x94uQQryJ\xca\x91#W\xbf~\xfd\xf2t\xef\xee\xfb\xc3\xc3\xc3\xe7\xcf\xef~\n\xbf\xff\xf88&lt;\x06\r\xa9\xfa\xa3\xa2\xc2\x01\xeb\x07\x01\xb1\xb6^\xdc\xbau\xfb\x9f\xaaFN\xe8\xf5g\xca\xf5Iy:#\x0f\xc3q\xb4\xb5\xa6\xfd\xd4\x85\x86\xc4\x03\xb1\xc17\x82\xe5\xf2u\xb1\x07\x0e4\xbc\x04\xaa\x1a\xab\x9aV[\xad\x9d\xc3\xc7\xce\xb7\xf7\xfeq\xcf\xd0\x90y\xa8?(8\x08\xa8&gt;\xf9\xe1w\x82a\xfd\xb6\x15\xe6\xe2\xce\x9e\x91\xde\x13\'N\xd4G8fx\x1b\xf9/\x81\x84\xe5\x1dy\xc0\xf521=\xfd\x19\x1c\xcau\xb1\xe9\r\xfb^\xfdu\xe4|\xa7\xc3at\xe4\xd5\x9c\x7f\xda{j\xe4\xca\xe9\xaf\x1a\x8e\x0f!\xd6\x8d\xe7\xe7\xfe\xc3\xaa\xf9\xc7\xa4\x99\xdfq|w\xa6\xfc\xb1{\x0c\xe6\xc9%\x14\xe3&amp;\'\x91\x07\xb3\xbb\xe2\xe6)X(TP\xb4s\xd4\xfa\x83\xb5Jc\x8aL[\x7f\xd4\x96\x8aP\x14\xa6\xb2J\xc0\x8ez\xda\xa0\xc2nHu\xb5\xf6t\xa8\x97t\x8b\xd4\xe4\xe4z\x94y\xad\xe1\xae\xa5;\xed\x89m\x8dqI\x8d\xa9f\xd161m\xf6\xf9&gt;\xb8l\xff?~ \xfe\xcb+\xef\xcf\xe7y\x7f~&lt;v?\xfe\xd7\xfe\xa9\xb53\x04X\xe2|\xf40f\xe7d\x1e\xbf\x8f\xce\xc9\xb7?\x82-\xfb\xf6\x99\xa3\xe7 \x91\x96\x16]\xde\xc2\xad\x94D\x89I\xa0\x1aY\xf2y\xb6\xee\xdc\xb9\x92]h\x19YR\xe9\x04\x83\x90\xd5%]}||&lt;w\xbe\xa2\xe2\xf1~b\xbd\x1a\xca\xea\xeb\x13\xe7\xd7NY\xb7\x8a\xcf\x9d;w&gt;9\'\xe7\xf2\xf9\xcc\xc6\xe3\xc7\x1b\x1b\x1b3/\x1f\xbe\xa4n\x88\x82\x87\xa5\xb3e\xf4\\Uu\xf5\xc8\x88\xbe\xa1A_\xad\xca\xcb\xad\xaf\xcf\xbd5\xcc5\x99&amp;\x7f\x14$\x01V7\xc2\x9a\xdd7\xac\xd3\xbf\x06\xb5\x10V\xef\xd4\xa9\x9b7\x8bsJ\xed\xea\xd1\xd1Q\xb5\xbd\xbc\x08\xdd\x94++s\x9a\xecB\xa9\xa3\rm\xaf\xf5y-\xd5#z\xd2jgr\xeb\x93\x92\x86\xdb\xda\xe2\xe9\x92\xf9\xc1\xc9An\x02w\xbe{_\xb1\xaa~\xf5\xc3\x10\xc2\xe2\xd7\xde\xf8\x16zvv\xb9}T(G\xc65\xd0e/\xea\xac\xac\x9cH\xee\xd4\xca\x01\x8b\xc5NL\xca\x0bE\xd1E\x97\x04\xcb\xcd]X\xb8\x15\x9f@\x97\xd4Ut\xcf\xd3\xb9\\\xd3&lt;\xc2\xda\xb7#j\xd5!\x12\xcb\xc5\xe7?\xe1#\x97\xb0\xdbA,\xe4\xa8\x80U\x0e\\\x13\xe6\t\xa3\xd0\xd1\x0f\xcbXb\xfcLH*\x17\xf6\x80\xe1\xca\xa3\xba\xfa\xfa\xbc\x99\x99\x07\x08K\xf4\xb8BBGX\x15\x80\xb5oc\xe0\x07;\xa4Z\xf9\xf9\xe2&gt;1\xe9^\xe0\xa9\xa3\x03N(n\xbb\x11\xd28an\x8c4+\xfaYL,\xb1m&amp;\xa4\x14j\xa1?A#p\xea&amp;\x05\x88\x8b+\xab\x03\xeb\xaf\x93\xd0M\x90\xc5\xeeC\xfb6o\xc5\x9d~\xf5\x03&lt;\x88\xf9b1T~~\xad\xb5\xb4\xd3Xn\xcf\xde\x9a\xaa\xe5\x074E\x91\t\xb3y||\xe2\x8b\xd4_\xb0iXI\xdbBH\xdel\xdc\x85\x86^\x99Y\x0c\x9e\xd5\xd0\x025&amp;AX"\x12\xab\xbb\xfbQ\\\xdc\xd5\xab\xfb\xf3\x82\xbd\xea\xe71\xac&gt;\xf4@\xf6\xce\x1d\xee\xccI\xce&lt;z\xf4\xb7\xdf\xfc\x15\xea\xac\xbc\x13\xa8\xc6\xcd\'\xc7N\xf00FIM\x9bC\xde|r7\x92S|\xe6\xc3O\xbf\xbe\x7f\xf3\x8azdf\x81^\'\x12!,\xfa\xfc\xfc|\xf7\xa3\xf7\x1e\xae\xae&gt;\xbc\xba/r}\x0cX|\x97\xb8\x0f5\xa1\xbbss\xe0\x12g\x0e\x1e\xfc\xf4\xcf_\xffi\xae\xd3h\xbfd\x1e7O|1v\xa2\x84\x97v\xb1\xa0\x7f&amp;$&lt;\x19\xa9\x9c\xfb\xec\xf6\xc1\x8f&gt;\xf9\xe4\xbb\'s\xa5\x16\x01Wf0\x88\x0c2:\xc8E7\xc1$F\x10\x9cG\xfb!\xd7\x81\x0fv\xb2`\xb6A\x95\xc5\xe7[\xef\xfe\xed\xf8\x1f\xbf\xf9\xd9\x87\xf0\xb37\xff\xddw\xa3\xd4X\x141OD\xfe~m\xda\x9b\xe6\xad\xa9\xe9\x7f0\xa3\xd4\x1a\x8b&lt;\xd6\xf1\x17\xb7\x8f\x9e\x7f2T[\xda1ROO\x94\xb1e\xd0\x9aL\xa6\xf4\x12\x16\rc\xa5$\x04)\xcb\x15WU\x15\xf7\xd5N\x1f\xd8C\xbe\xd8\xd5;u\xf7\xf3S\xe7\x8e_\xf8,\xf3\x05\xfc\xecwC/\xfd\x9a\x0cc$\xd2i\x04\xac#n\xef\x91\x9a\xfe\x13\x0fT\xfa\x8d5\xa7\xed\xb0\xd9\x9c\xfcm\xf8\xde\x8f\x96.\xfdL|zb"\x0f\xb0\xb8\xf4\x12\x18\xf4Y\xc3\xcb\xcf$T;#r\x87W\xbf\x1bB\xae\x85\xdcak\xeeTq\xf1\xe5Ksw\x92\xcd\x99\xbf\xaf\xbd7\xa9\xab\x1e\xd0\xa2A\xfaK\xc0\xf2\xbaa\xf3\xf9\xe5\xad\\\x95^\xd8\x1a\xb5X\xad\xbd\xfe\xc1I]\x8bjf\xe6\x16,\xb7%%)\x80\xc5\xa61\r\xb2\x85\xed\xed\xc5\x87\x14\x1f\xc8\x9f\xbe\xb4ul}\xde\x9b\x8f\xb0`\x84\xb8t\xf8\xc2\x85\xb9+\xa5\x1dju\x87\xda\xb3\xd4\xa2{\xae\x1b\x19\xd5\xb6g\x9c\x04\xac\x1a\xb7\x1b\x9dM\xfb\xdb\x04*\xa9|\xa5\xd5\xb9\xf4|R Xx\x00]\xba\xff"DAA\n\x97\xceb\xe2,Y\xca\xb3\xedk\xab\xd4\xb0\xe2\x0e\r\xf9\nK\x9b\xae\xf3\xd1\x1c\xd8k\xb5\x175\x1d\xbe\x02\xc3\xb3V\xbb\xb6\xb6\xb1\xa1\x8c\xea\x04:\xbd\xb0G\x9b\xa1\xfd\xf2\xda\to\x9a\x1b\xc2\xeb-HI\xca\xabV*\xa3\xd0\xbf\xf3\x80\xaa\xbf\xbf\xa6&amp;\x86\x05j\xb1p\x8e\x08g-,\x1f\xa3\x86u\xa0\xea\xe5\xc6\x9a\xc5g\xb5\xf2\xa1#z4\x85\xea\xf2\xf2\xec\x8e\x0e;y\x02\x87\xe5\'\xa4RE\xe5{X\xd3^t3Ms_L\xe3%\x9aru\xaa\x16U\xdeBn[\x1b@\x15\\\xdcS\x8b.1p8\x9c \xee^\x9c\xa6\xa8\xd6\xfb\xe1\xb7o4~\x9f\x07\xb0&lt;\x1ak\xe1\xa8\xdd\xaeV\xab\xed\x00\x05TJi($U\xca\x85\xcd\xdav\xad\xf0\xda\xf4&amp;p\xa1\xc3)\xec\xaf,\x89ip\xb0\xbe\xbe-&gt;!\x01\x95\xd5\x1e\x16\x97.arP\x10\x9b\x9b\x14k\xeb\xab\xf0\x9b7k&gt;_\xc0\xe5\xaa\xed\xd5h\xbaFc\x01P\x10\xb0*\xa6\x8eI\xe5=@\xd5\xfc\x8f\xe5\xe9\xa7\x88\x8b\r\xfb\x19\x03#\x08C\x1d\x1a\xec%\xb0\xa5\xa1;j\x8c\x0b\xd4\x12\xc9\xe8@\x86\xbb\xdd\x14\xb1Ng\xbd}\xa3U\xdb\xfc\xfe|\x84U8\xda%\x84\xf1@\x8eB)\x1dKU(\x00\xab\xb9]\xab\xed\x91_\x03\xac#^t\xe4\x02*\xd8\xaa\x99\x86:\x08\x19\xba\x0e"\x05\xd15\']"\x93,o/\xa63q\x8cA\x11\xab\xea\xe5\xdb7\xaf\x9b&lt;a\xbf\x9fo\xf3h\xba\xba\x06\xd0\xcc\xb2\x17\n\xf4\xfe\x17\xb0\xd0\x9b\xa9\xef\x15\xd3\x9b\x9b\x9b\xde4\x06\x83\xc7\xc3`\xd9\x07.\xa6\x81\x0c\x0c\xc3\x18\xe8.^\x92\x9e(\x93\x99\x9em\xff\xf37n\x02\'\xa8b\xed\xac\xbd\xcd(\xf2\x84\xc3~\x17\x14W\xd7\xc0\x00\xca\\\xaa\x02Q\xfdA\xf1\x17\xe0\xfa\x1eJ\xcb\xde#\x94\x1e\x83\x1cnzy\x80\x95\x16\xc3\xc2\x99\x04\n\x1a\x04\x801\x18\x90OY\x9dlxq\xf9\xd8\xd34\x02\xa7\x88u\xe0\xd5@{\xa1\xd5\xea\xf1\x87\xc5.\x9b\xa7a\xa0\x15\x89E\xbe#\'\xe5r(\xa4=\xed\xed\xf65a\xea\xe2S/\x98C\x1a\x0fU&lt;P\x01\x16p\x01\x19\x88\x05X\x18\x0b\x14\x83\x01\x07\'d\xc3O7\xdd\x04\x87*\xd6\xacs\xc3v=\x12\xe9\xed\x0b\x97\x05,\x9e\x86\xd6\xd6X\x12\xc7\xc6Pe\x1dS(\x94PZk\xa3\xf2\xe5i/\x8e\xf3\xc0\xb6@1\x12kO/\x1a\x81\xb1H2\x16KV\x07\x03\x0e\'\xc8a\xbb\xd98U\xac\xb8\xd9\x80\xa6\xb0\xf3\xdd\xfa\x14L\x0f.\x9b\xc5\xd2\xd0*\'\xd3(%\x0b\xfe\x98C\xa1\xec\xe9\xd9\x00cU&lt;M\x0c\x06\xa1\xb8\xbd\x9b\x9bn\x16\xa9V\x0c\x0bZ \x8b\x85\xa1&lt;\x1a\x0ch\xbe\xe1\x04W\t\x1e\xc6\xc1\xa86\x9f\xd92M\xd3\xfa\xba\xb1\xb7/\x0b\xe4\xb2\x01V\xab\\\n1\x86\xfe\xf3\xc1\xb1\xe8P\xc8\xe5+r\x8b3\xaa\x98N\xc7q\x8c\xc0\xd8`\xf4lb/\x8b\x00\x86d\x02$\x82\x06\xb3\x8dHTq6\x18\\\xc5Y8\xce\xa6\x8eU\x18y\x17Q\xd7\xc2\xa6\xe8/\x0b8-\x80\xa5T*\x01\x0c\nk\xd1\xe1\x88\xcaW\x94\xfa\xb2\xf0Rhq8\x9dM@\x8a\x08\x16\x9b\x8d1\xff\x0f\x0b\x05\x8b\xc9d\x8aP0\x83\xabA\x02\xe3\x10\xbc\x87\x07\xa8&amp;\xb1|\xfd\xdd\xae\xa7,k(+\xec/\xf39\xa1\xea\xe5\x08+\x15\xa9\xe5\x08\xe9\x9d\xd1\xa8+\xeb\xe5\xf3j\xc7\xc20\xfdl\xf0l\x85DF\xb0X1\xb9\x08\x9c\tD\xe8\x83\xb0\x98g\x91Z\xab\xab8\x83\x81\xb3\xd9\x14\xe7\xc0\xaaY\x9bq\xfd\x9d\xd1\x06XCCa\x7f,\x8d\xff\xc3Rj\x02&gt;\xcdT\xaf\xb8\xccW\xdd\x927\xdc}\xcf\xa6^Y\xa4\x03\x16\xc1\x04\xe3"\xad\x01}\r\x04\x93\x89\x9f%\xb18,\x1e\x83\x86\xa5\xe1\xefS\x1c\x02_y\x00kW\xe3BXY~\x97\xcf\xd6\x80\\B\x19\xc3\x8a\xf64m\xa9;\x1b\xef\x9f\xbf\x0e\xe5\xd5\xa2\xd3Y2v_o/\xd2\xa1\xc6\x0c8\x89E\x92\x19\xe0/\x13\x9d\xe1**Dl7\x03\'\x18\x8c\xd5\xabT\xb1\n#\xeb\xef\xd6;j\xfbH\xac\xbd\xaaG.A\x8a\x95a6O\x98_\xdc~\x919\xa7\xd1G\xa3\xd1\x90#\xba\xb2\xb2\x98\x08.\n\r\x88\xb9G\x85\xa1\x0c29$\x96\x01\xa3A\xa7fPu\xd3\x18\xd6\xfaz\xb9M\x8c\xb0\xc2e \x97\xa5\xe1\xbfX!y\x86y\xfc\x05\x19\xe6\xa6\xd1\xd6\xea\xbc\xe1\xe1\x85\xe5\xd00\x1br\x06iD\x06\x0fh\x18\rQ\xe18\x89UG\x83\xaa\xc3\xb0\xe0{T\'\xf9Y\x0f\x8c\xea\x91l\x8f\x18\xb2\x08-\xa8,\xe0C\xe6\x15\xc3J\x85%g"\x066\x1ei\xd6\x0bL\\\x98dR\xd2\xd8\x18\x8d`\xd2\xc0I\x91Z\x06\x04F#+\x1e\xa8X4\x84\x8cS\xcd\xe1O\x0e|\x1c\xd85v\x94vL\xf1\xb3\x90Z~W\xc0gsZ\x1a\xf4R\xd4\xa8\xc7\x84\xcd\xb0`L\xc0Vm\xceQ\x0f\xe8\x05\xdd\xa6\xa4\x84\x94t\x98"\x18\xb0I\x908\xa4\x91\x02\x1aT&lt;STW1\x9fN\xa3\x11\x04e\x8fGs`\xd6k\xad\xc7s}\xebF\x1f8\x17\xa9\x96\xcfiq\xea\x95`\xf20=\xf4\x00Wgeer\xe5%MC\xeb\xc8\x92N \xc8m+\x80)\x15\xb8P\xcb\xd9\xc3Bj\xe1H\xad\xeet\xd4&amp;\xf1 \xf55\xb1jgCk\x0bX\x9b\xb6\xc41,W \xe0t:\xffC\xcb\xb9\xff4\x95\xa6q|V\x86\xc4\x8c\x92\xba\xd9\t\x93%t\x94nw\xb7i,C\xdc\x96B!-\x08X3\xcdb\x88\xb59\x14\xd4)\x1d\xc6\x16Z\x1a\xb9\x14\x84Z\x94\x94\xde&lt;\x86J\x05!m!\xc5\x14Hf\x0e\x96\x18\x1ab\x19\xe5\xd2`\xa8\x17:b\x03\x06\x11\xe2\x05/\x8b\x1a\xd0\xd1\x1dG\xe3&gt;\xef\x81\xcc\xfe\x01\xb6\x0f\xd0_\xf9\xf4\xfb&lt;\xefsy\xdf\xf3\x1e\xb4W\xf4#\xf4Z\x195\'\x8e\x01\x15\x87c\xe8jRY\xf6\xcb\xdb\x9aJG\xaemKA\xe7&gt;[\xd7\xc1HGn%\xb3\xa9T:\x93\xf9O\xc8\xb1\xffx\xf8\xe9Cu\xec\xe8\xc0Q\xa3\xd2x;]H\xe6y\xb1x\xacs\x80\xc4\xfaq\xf7\xee_@\xad\x13\xcd\x17\x8e\xe7\xe7\xf3:J\x17\xb455\x1d*\x91U\xd5;\xd2\xb7-\x059\x12\xa1\x91Q_K&amp;y\xa9T\xfa\xf8\xd6C\xc8\xb3\x0f#0S\xc7&amp;\x8beF\xb3\xecw\xa3\xb0}\x1d\xab\x13\xc2\xabM\x0b\xdd\xe9/{\xf6\xf4[\xf6\x1d\xe2TT\x1c\xbf}\xe6\xdfP\x88\xfe\x8e\xb2\xbe\xb6\xdf\xaa\xbdZ\x94W\x9e@\x9e\x93\xa1e\xb8\x11\xf0\xc05\x93\\\xb2\xf9\xd6\xf5\xeb\x9b"\xb1i\xb3\xa9\xa7\xcb\xdce\x91\xb5\xb7\xb7\xa7\xb6_\xba\x84\xb0:\xc7\xdaT{\xa0y\xce\xe8O\xe7m\xaf\xa8\xb8\xd0|\xa2\xe6\xd7\xc5{w\xc0\xde\xc1\xdf\xd5\xd2R\xadV\xd5T\xc4\x80.\xfe\xab\xf5EX\xfb\xd7L\xb2P\xcf|\x11\x13\x1b\x13\xa9\xed\x9a\xd1\xe9\xce\x81\xa6\xd4\xe4Y&gt;\x9f\xc4B\x82\x99Uh\xc4\xb0\xf0\xd4\x15\x15\x9cC\x85\xcbg\x96W\x96\x01\x8c\xb4;w\xe6r\xeb{U2\xd1\xdd\xc4oP\x84\xa1\xa4U\x9b\t\x8d\xbd43\x82\x9b\xdfh\xca\x18}\xf3lvg\xc9\xcbv!\x9f\x8f\xd4\x02\xbd\x06\x9a:2\xac\x96l\xc5\xe4\xa4\x9a\x07\xa3\xecJ\xcd\xca\xca\xca\xaf\xf7\x17\xd7\xc9\x80+\xaf^%\x93W\xa7\x80Z\xebX\xb5\xb5\xd0\x99fJ\x1fG\xf2\xb9\xb2\xd8\x92\xe2/\x8acbw\xa1-.\xb1\x10q\x89\xcdf\x95\xb5\xbf\x92\x93_\xa1\xe6\xa5\xa7\x17\x16\xbe\x05[Y\xbe\x0f\\\x8b\x8b\xf0\xb102\x97W\xd4\xdbVM[w"\x9a3`\x08\xca\xcc\x9c\x19=\xf5Y$-\x16}\xc9\xe4\x1e&gt;\x97+\xec\xe4\x82Xb\xa8@V\x19O\xbd\x9d\xc7\x1b\xaa\xac\xca&gt;\x84\xca\xd3\xef\x1f&gt;\xbc]A\x06\x0e}\xae\xd5\x96\xe6\xa5%R\x90Z\xd0\x95\xee@\xa3\x19\xacC\xe9h\x14\x9e=\xdd2\xcb\xe7\xa2\xad$%`A\xc1\x96\xcb\xf6W\xa6C\xc8s\x8e_\x00\xa8\xff\xfc\x17\xec\xc3\xca\xcao\xbf\xdd\x07[~{\xa2c\xa4\x9c\x92\xf0\r\xb4\xcb;rrv\x94\t\x04e\xd22\xe9L4\x1e\x89%\x8f\xef\x84B\xa5r\x8c\x0b\xc1e\x96\x8bd"\xb9,\xfb\xa7\xc9\xe3U\xcb+\x88\x07l\xf1\xdd\x0b\xd2\x16\xeew,\x8c42(\t_m\xad\xdd!\x80\xd1"\x07m\xe6J\x9fE\x03\xab\xf8\r\xb9\xd9\xccmmm\xe5v\x8e\x99\xbb`\x94UY\x0b\xb3\x0fU.C8\xbd\x03{\xf1b\xed\xfd\xc7\x8f\xef\xdf\xaf\xad\xbd\xb837\x97\xdb\x18\xc7H\xf8\xdb\x0e\x08v\x81\x00\xed\x99J[Z\xa2\x82\x15\xf3}{\xbb\x90\xcb\r\xbb\x07\xddJ\x84%\xefPi\x1b,\x85\x85G\x01\x8bTim\xed\xfd\x91#\x1f\x81jm\xae\x0f\x98\xe2H\xac\x9c\x9c\x1c\x8a\xae\x1b\x9dzNL\xf4D\xe3\x81\xd8\xd8\xaf\xdb\x85\xc2\xb0\xdb\xed\xf7\x0f*\x85cf4\xf87tX\xd2O./?\xbf\xbf\xf8\x7f\xb1\x80\xea|\xe3\xb9s\xb4\x14Z"\x03\xa6{\x90\xaa\xbb\xbb\xfb\x06@yS{\x92\xa3\xf1X\xf3\x96\xcb|\x12\xcb9\xd8\xca\xe5*\xc1\x89\xd6\x86\x0cK\xba\xdd(\x7f\x8e2\xc3\xbd{\xef\xee\x80`\x00u\xfe|\xdc\xb9s{S\x18\x8c\xc4D\xc1\r\x9dN\xe7\xf5z\x01\xca\xdb\x93\xda\x13\x95\xa7\xad\xaf\x0c#,\xbf?\xe8w+\x11V\xbf\xb5\x03\xb0N\xda\x8dF\x11\x0c\xb0\xcf\x97\x9f\x83WK\xeb\xeb\xab\xd3@\xacs{\xf7\xc6\x95\xe7\xa6u\xeb@*\xc0\xf2N_\x9a\x9e\xe6\xf7D\xe5\xaaH\xf1\xf0\xab\xb0;\xecw:\x82N7`\x89\xd01Y\x8d%\x9d&lt;!F\x07y\x1cu\x01\xef\xa4\xc8\xda;\x87vK\x7f\x88\xcb\xcd\xcb+\xaa\xf6.-y\x97\x80J,\x9e\xe6\x87{nE\x03\xab\xe4\xf2#\xa7\xdb\x1ft`!\xcc\xa9\x0c\x0f\xdaO\xa6[j,\x10\xf3\x95\xd9u\xe8:H\xd6$\x99\xf4EW\xd1.nc\xe3\xb5\xa2\xd2^\xb3\xf9\xee\xfc\xfc\xd2\x92\xf8\x12\x97+\xe6\x87\xc3\xcf\xa2\x835\xfc\xe4\x89\xd3\xe1p\xd8|\x98\xb3\xd5\xed\x9c\x1a\xe2\xedOGX\xe8\x8c\xacbr\xf2\xa7\xe3\xd9\xcdU\x85\x90\xb0\xae\x81\x8d\x00T\x93\xdch\xec\x1a\x18\x98\x9fW\xb6\xba\xdd\xdc\xf0#\xbe4*X1\xb3O^?\x00\xac\x10\xa8\xe5\x0f\x86|\x9e\x02^\xe5\xfe\xc2\xc2\x7f\xed\xdbw\xac\xf9\xf6\x85\xdb\xc7\xfa\xb5\xda\x86\x85\xd3#$T\xbdV.\xb2\x83\r\x9a\xcd\xe617x=\xec\xe4N\x1c\x89\x0e\xd6\xcbG\xae@\x08\x030\x0cs`&gt;\\\xa2P\xd7eW\xa1G\xa7\x90\x9d9p\x1a\xd6\xe0\xf9\xbe\xbe\xbek#W{Uv\x83\x01\x9bZ5\x02\xd6\xa0\xd2\xefp8\x1d\xceTi\xb4\xb0\xb8\xaf\x03\x81\x00\xfc\x8b\x90\xcf\xe7\xc3YT\xb6\x82\xa3\xde\xde\\\x85\xee\x1a\x1c\xcd\xd8}\xba\x8f\x96\x90\x90@\x8bk\x04\xac\x06\x91A\xa3\xd7\xdb\xa6\xfc\x83\xadf\xbf\xdb\x1d\x84\xaf"l)\xcb\x8c\x12\x16\xdf\x19p\xb9B!D\x05Xl6+_\xc1\xd9\xde\xbc\xaf\xf0\xe8\x99\x8c\x03W\xa1\x83\xa7\x08\x04\x94\xc6\xc6\xbcR\xadJf\xd0\x10\x84\x0f3:\xfd\x83\xb0tC\x0eGx\xa2%\'\xf3z\x94\xb0\xb8\x0epc\xc8\x17p\x05\\\x12P+++_\xb1=\xbb\xaa\xb0&amp;\xa3\xe1\xc0B^c9\x83BI\xcc\x83\x16P$\x07\xb5&lt;\x1e\xc2\x16\x0c\x06\x9dN\xcc\xe7\x0b\xf9\xa7[\xca\xa2\x84U\xf2\x12\xd2\xe9\x83q\xdc\x17"\xb1L\xecx\xfaw\x93\nuA]\xa5Ef\xb5jGr\xd3r\xcb\xcb\xd3\x8a\xea{\xed\x06\xbb}\n\xb0|\x18\x06\xc9$\x08k\x04Q\x95\xe5\x94E\x07\xeb\r4\\\xe1\x80\xc9\x14\xf0\xf9\\\xe3,*\x93N\xff.K\xa1Pp\xeax\xbc\xfd2\x15$\xf8\xa2\xa2\xf9\xde\xfa\xd2\xae)\xbda\xca\xa0\'\x08X\x1f \x14\x16\xf29\xa7\'\xa4$VI\x94\xb0\xb8B\xb7\x8b\xca\x1a\xc7%T6\x9b\xc9\x8c\xa7\xc7gee\xb1$\xea\x82\xa1\x93V\x95\xaaC\xd5\xd4%ok3\x0e\x15hl\x98\x8d\x00.\x1f\xe1r\xb9\xf0\xe0\xa5\t$V\x14\xb1\x94\\\xae\x13g\xb3\xa9&amp;\x13D&lt;3&gt;\x89\xce\x8c\x8fg\xb3\x14j\xbd\xc1\x0em\xa1U$\x82\n\xb9\xaa\xc7=\x1a\x9b\x8d\xf0\xb8p\x97k\xdc4\x1e\xea\x9c\x98\xb8q\x03:\x9c\x9c\x08\xf7\xf2\x1b\x93\xc6\xacP\xd9\x1a\x0e\x87\x9d\x04\x8bI]\xc7B\xf7K\xe9L*\x8bS\xa01\x18\x0c2\x91}ujj\x15#$\x10\xed\x90\xd7$\xf8\xb8\xc9\xe4r\x8a\xbd@\x155\xac\xcf\x8ag\xb9PE\xdc~\xb7?\xc4b\xb2\xa9\xc8\x85l\x12\x0b\xe5\xaf\x02\xbdf\x08"\xca04d\xb0yp\xdc\x87\x11\xe3,\x16h\x8a\xa8\xba\xbbu7\x04\xd0yE\t\xab\x07\x8a\x9b\xdf\tk\xde\x8fI\x98t b\xb27\xd4R\xe0\x1e\x8fF\x0f?\x04\xa1\xd7\x138\x8e\x07|\xb8\x89\nX.\xbfx\xc9\x0b\xed\x8d\x0ea\t\xa2\xe2\xc4+\xa9$\x15\xac\xfa`\x10\xb8\x92\xd0\xb5\xf3x&amp;=\t\x94cI$\xe08\x89\xc7\x83{\x08\x027\x01\x0e\xacT\xaai&lt;\xe0\x14/!,\x9d\x0e\x9d\xe2\t\x1eG\x1c+6f\xcb\x1ba+\xa2\xb2AU\xc1\x82\x98\x8b\x9a\xf4\xe5\x97I\xf4x:\xba(L\xbe&gt;@\x02\xeaHp\\\x82\x9c\x07\xa1Ge\xb9B\xfe\xb1\r*\n\xa2\xca\x89&lt;V\xc9\xceah\x98I*\r\xa1\x81r\x87\x11T\xfa\xfa\x0b\x04\xe2\xe3\x99L\x88\x7f\x16\xa4}6|P\xa9l\xf8eS%\xb8\xa3\x15\x9a\xad\xb4r\x80\xa2 ,\x8a\xe0\xf1\xe6H_?\xday\xf1Q\xc8\x0fM\x16\xa2\xf2x\xd6\x13\x93\x84\x9d\x84\xb8H2\x08\x7f6\xc4\x1bZ\x9cLdl\x93/\xa8DT\xb9\xdd:\n\xe2J\x01\xac\x99\xcf#\x8b\x15s\xe5\xe0\xab\x00\x01]\x16\x88UP\xa0\xe6\xa8!1A\x8c\x11,\xf4\x9a\n\xf4\xa6\np%\xba\x8b\x9e\x04+\x80\x8e\xae\xa5\xb3M\x01#\xb4\xa6@U\x9e\x08\x95r\xc3\xa4\x7f\x8a\x89l\xb4\xef\x1a~\x8aK\x1c\xd00\xdb4@\xa5 3\x02\x80\xd9&lt;T`\xf93\x80A\x90\xd1I\xd9H\xb9\xa8868pw\xbe:-\r\xa8\x10\x16\x8d\x92@\xa1\xe8ZnE\xf0bnl\xc9\x96o\x7f&gt;\xfbT\xc2\x82@\xc7\x86H\xac|\x05\x94h\x880\x83M\x8f\x93\xaf;@\x8a\x01\x1d\x9d\xbe\x0ee\xb3\x9b\xefB\x1b_M\x8a\xc5`\xd0h\xa4X:\xddL\xc4nN\x02\xd4\xae\xc3\xc3\x97o&gt;\xc5\xa9\x10\xe7\x10Z$V&gt;tZ\x05\x08\xccf\xd3\x13\x12*\xf2\x1fr&amp;@Q%\x84\rZx\xa0*\xaa\xdep!\x8d\xb6\rq\xd1\x18\xdd\x13\xa3\xa7"\xf2(RL\xf1_\xbe=|\xf1\xf2\xd9\xb3g_\xbd\xa6\x12\x98\xed\x0f\xac\xc9|\xe4H\x8dF?\x04\xa6\xf1H8\x90\xb9\x14\x12X\x0b\xfa)c\x97y\x00AU\xe7\xe5n\xc4\x15`\x811t\xdd\xde\xc7\x9f\x9f\xfaT\xbdbcK\x8aw\xee:\xf8\xf30\xa2:\xfb\xea\x01\xd5\x83\xa8\xea6\xd4\xca\xaf@\\u\xd0\x1b#0\xfd\x10\xd4D\xc3\xd4\xea\xaa\xdd\xd8\xd5\xd4\xd6[\nP\xd5yi\xa8/\xa4\x08\xd6\xe5\xa2mc0\xba\xbd3\x9b6\x7f\xd2\xde) ]\xd9\x92\xbc\xeb\xfb\x83\x87/\x92X7o&gt;2\xe1z\xb0?\xb0\x80K\r\\u\x1a\x1eO?\xc4\x83Zh\x80\t[$\x97#\xaa\xffur\x06\xa1m\\A\x18\xf6n\x9e\xd9\xb7\x12\x8b\x16t\x13\x8b\x04=\xe9 \x8418\xa9})\x02\xfb\xa2\x1c\x821\x94&amp;\xa9#\xdc:\xb4$\xb6\x0b6\x04Q\xec\n\x07TpT\xf0\xc5)\x814\xe8`\x92\xf6`\xf0A\x14DA\xae\xa1\xb9\xd5\xcd\xc1\xa6\xf8\x92[\t\xb6{\t\xa1\xd0s\xe7\x9fy\xbb\xdaU\xec\xd2fb\x14\xcb\x10\xf4\xe5\x9b\xff\xcd{\xb2V\xc2\xe55!U.3\x02W\x82ubk\xed\xb6.\xbd+\x195\xaf\x9c\xaf\xce\xcf\xcf\xce\xd6\xc8\x96\xe8z\xf2!mzd\xab\x80\x0baw\xc0\x05]u:\x04V&amp;\xa8Vff\xd6\xe7\x1e,\x10\xd5\x977\xc9\x14r\x95\xc9\xe4&gt;\xc0\xc5\xfdL\xe5\xfb\xc5v\x1bXZ;\xefpu\xe00&gt;\x88\xe9\xe7R&gt;?\n\xacH\xd7\xd6\x8b\xd3o(Ku\xc2Z\x14\xae%\xb4\x91\xb0\xea\xa0ZYY\x9e\x19\xbf\xfa\xe9\xc2=Rus\xea\xfdI:?#X\xb9\x9c\xc1\xf2\xfdm/\xa0\xc8+\x82B\xb5\xfe_\xc6.\xa1y\xd9R\xb9\\&amp;\xacju\x96\xc8z\x86\xeb\xec\xc9\xd3iP\x15\xa0k\x07\\\x9f\x8b\xae\xca\x041\xd13l\xbc\x82APx\xe1\x07W\xe8\x06\x01c\x8dP\xbd\xe7{\xde\xf6v\xd0\xde&lt;4X\xdaq\xff\x8b\xb0a)\x82J\xa5\xb3YRU\x12\xaey\xc2\xaa1\xd7\xde\xd6\x8b?\x9eNOO\x17\x88\x8bt\xed\x10\xd7\xd2\x12&gt;\x99\x02\xae\xc8\xd4\xfa\xdc\x0f\x8f\x16\x1e\xde\xe6\x06BU\x80\xb7\x1d\xe4\x8c-\x1f\xbf]\n\x82\xf6\x89\x85\x16:.\x93\xb9d\x8cjx\xf8"$\xfe\x00\xad\x8fQV:k\xb0J\x84\x856V\x99k\x0fu\xf6|\xb1\x80Z\xdc\x1d[#\xae\x1d\xfet\x8az\xa5"T\xe8`\x9c\x8a\xa6\xe8\xc8Hn\x84\xa9|\xb2\xe5\x07\xc1\xe6\x01\xcbr\xa9\x1c\xe6\xd3.\xb3\r\x9f\x17\xa5VK++\x95\xb2,\xbaA\xa5\xd3\xd9|9\x9b\xcd\nW\xb5*\xf1\xa2\xda:}*\\\x85\xb1\xb55|\xa6\x08\x7fh\x86\xc8\x9a\x8b\xe5\x8aUy\x01\xb0F`\x0bXTA\xfb\x88e\xb9\x8c\xe5\x00L\xea\x9cv^\xfa\xa4\xa5m\x1b@\x11\x16\xb5\xb1\\"iH\xfd(aU\xe7\xb9\x8d{\xdd\xee_\xcf\xc7\n\x02\xb6;F\xc2\xd6\xd6\x04\x0b\xb2\xae&gt;xD\xc1\x02\xd6\x14\xb0\xee6\x02\xaf\x98\x01\x15\'\xcb\xf7\xfcm?.\x8bl\xb9\x06J\xd1({\x0b\x8cL)\xdbB\x11\x9ce\xa8J%\xc6*\xe79\xf6\xa3U\x8eW\xb7\xdb\xe9\xbe2\xbav\x0b\xbb\xbb\xb8\xa1oc-|\x86\xdf\x05\x86\xb6\x02\x0f\xb28\xef\xdc\xc4\xed\xed\xd5\x93H\x16\xd2\xc5X\x90f\xd3\xd0\x00X\x9cL\xf5\xa9l\x03\x06 \xc2\n\xb9\xd0I\xe1\xeat\xf6N\x17M\x1bQ\xb7\xa8\xea\x82ET&lt;F9Zx\x93M\xd1\xe3\rG\x06)%\xcb\xf3\x82\xa3C\x1d\xc9\xe2&amp;\x8a;G\xd9\xb6\x1a\x04\x03\x16\x17\xff\r&gt;d\x8blE\\(\xe1\xeat:[\x8f\x17\x05\x07W\xefW*\xcd\n\x0f\x07\xee\xe1\xfd{!\x16\xd9B\xdb\xfc\xa2o\xe6(\xa8\x8aG\x18\x0e\xbaO\xe5js\x9f\xda\xa8\xf0m|\xfaS\x0f#2\xf1\xc5\\Y`Q\xc6\x18+o|Q\xf5^&lt;\x9e.\xd4o\xd5\x19\xab\xd9\\\x99hN,\x8b\xadGh"%\x8b\xd7\xa1\x17x\rZ{\\"kU\xa8bXl\x93\xfc\x90\xf1\x00\x00\x02\xdeIDATKs\xcc\x14c\xc5\xc1\x04K\xb1.\xf6\x85\xf83W\x9a\xb9\x00\x96\x8f\xb8z\xbd\xde\xd6\xe3/0\x14\xa0\xaaI\xb3\x9d\xa7\xfbzb\x1d\x92,\xe8i\xe0\xc6\xa0\x05\x99\x93\x04U\xb4\x10q\xdfa\x02\x9d\x00\xd3\x86K\x19,\x9bm1V\x8a\'k\x82\x8b\xb0j{\xaf\xbe\xaa\x0bTse\x19ez\x18k!\xcf\x07B\n\xb1\x8aw\xf6)\xedJcN\x19,\xd7\x1d\xc02\\\xb4_\xd2\x88\x1dR\x83E\xb6@\x83\xb5\x986\\\x84e\xb8\x80U\xeb\x9c}\x04\xaa&amp;\x89\xba6\x83\x02Vlh\xd1q\x94u\x15\x19\x8b\xbe2\x9f\x1d\xd8\x12\xa4HV8\x1e\xf0\x13\x83\xa5\xfas\xac\xc5X:\x06\xa5\xc4\x176\xc52\xc7\xabD\xe3+\x9f/\x0bW\xadG\x7fj\xb5\xad\xef~\x14\xaa\xebT\xe3\xe3\x98\xa5\xf7y\xdfA\x0b\x8b\x8c\xd5@\x0fa\xcc\xcf\xdc\xd8O\x85&amp;\xdcX\xe0\r\xa8\x13a\xf5\xb9\xf4\x10\xee$m\x991a\x84\x89/\xd9\xb9\xc1\x85\x9a\x9d\xed\\y\xb3\x8cT\x11\xd3\xc6\xc6:\x9fgp\xc82g\xf7\xd5b\xd0h\x80\xcb\xf7\x82\xcc\x1dN\x15\x1a\x18QI\xe0\xcd\xd8\x8aa\xa98\x96\xd2j\x90Kb\x9fF\x17YX\x99\x8b\xb9\x98\x8c\xce\x15\xdd\xdf\xdf\xcc\\\xbbNP\x1bssW)\xf0\x0f\xfb\xc9\x82\xad\x06s\x05\xab!TB\x96\xeb\x86\x13\x9e\xcf8\x8e\x8e\xc2-\xcbB\xb0\x06\xc0dN\xf0j$.^\x96\xe0\xe2\xbd\x9b\x8e\x85(\xe2\xaa\xcew\xaf|\xbd\xbe\x8e+\x9c\x89\xaa\x8f\xc5\x0b\xf1\xee\xe4\xe4\xf7\x80\xba!Pj\x00\xcaLx\xf9\x19{S\x03\xc2\xde\x8e&lt;c\xdbfz\xa5e\xeb\x96\xb9\xcf\\8\xe9p\xd1\x9et\xfc-\xae\x90\xa5\x02\xd6\xb3\x97|\xd2"0\xbc\xcf\xed\xd7\xc6\xea\xe6\xd1\xbe\x0c\x05y\xac&gt;\x14N\x0eQ\x13\x05\xb0\xef\x86e\x01\x8b\'\xd6\x00\x96\x12_i\xd6\x95\n\xe7&gt;m\xde8\x82\xe1\x10\x86\xa2mi\xfe\xf8\xf2Ox\xc5\x13[\xcf\xed\x977\xf1lg\n\xce\xda\xbf\xdd89\xb0\xf0H\xdaQN2W\xf2\xc0\t\xaah\xd3\xb6\r\xd7y\xb6\x0c\x98\xe4+:T\x00\x8b\x85\x8db\xfb\xc6\x81\x87\xb0h-\x8c\xbe&gt;\xbe\xcc\xd7)\xe1\x99!|\xb5\x7f!O\x07\xa9P\x02\xab\x895P\'\xb0t\x02\xcb\xe4\xcbq\xcem\xa2m\xabh\xdfN\xa5C\xaelr\x9b\xac\xf2m\x9e\x9aK\x12\xf7_\xff\xfd\'\xd7\xd1\xd1\xc9\xfe\xc1\xa1\xdd\x7f\xa8\x04\x95\xe3\xe8\x04H\x92*L\xd8\x05X\xca\x0e\xe7\xbde\xa0,\xb3!\x99\xfd\xa8\x9c\xe7\x1a\xe5\x81\x06\xae0\x82\xe9\x94ec\x14(\x0c\x04\xa7\xbf\xd8b\xa6..\x15\xd35tQ\x0b\xfb\xe7\x9cA.\xe4\x0ch\xfcU\xe6\xcc\xc9\x92\xb5\xec~L5gj\x00\xeb_\x91\xf8\xff\x12\xfe\xeb\xf3\x9b\xa8\xe2\xe7\t\xc1\xb2\xcc(\x8b\x1aJac\xa4t\xb42,\xc3\xa5cs\xd11e\x06\x81V\xe7uP\xce\x12q\x84\x7f\x004t\x9c\x16MA\xfd\x1b\x00\x00\x00\x00IEND\xaeB`\x82'</t>
        </is>
      </c>
      <c r="M209" s="3" t="n">
        <v>45492.67638888889</v>
      </c>
    </row>
    <row r="210">
      <c r="A210" t="n">
        <v>831993</v>
      </c>
      <c r="B210" t="n">
        <v>7314</v>
      </c>
      <c r="C210" t="inlineStr">
        <is>
          <t>Luiz Felipe</t>
        </is>
      </c>
      <c r="D210" t="inlineStr">
        <is>
          <t>Luiz Felipe</t>
        </is>
      </c>
      <c r="E210" t="inlineStr">
        <is>
          <t>ZAG</t>
        </is>
      </c>
      <c r="F210" t="inlineStr">
        <is>
          <t>ZAG</t>
        </is>
      </c>
      <c r="G210" t="inlineStr">
        <is>
          <t>ZAG</t>
        </is>
      </c>
      <c r="H210" t="n">
        <v>187</v>
      </c>
      <c r="I210" t="n">
        <v>13</v>
      </c>
      <c r="J210" s="2" t="n">
        <v>34220</v>
      </c>
      <c r="K210" t="inlineStr">
        <is>
          <t>Right</t>
        </is>
      </c>
      <c r="L210" t="inlineStr">
        <is>
          <t>b'\x89PNG\r\n\x1a\n\x00\x00\x00\rIHDR\x00\x00\x00\x96\x00\x00\x00\x96\x08\x03\x00\x00\x00\x0b\xdf\x81\xd0\x00\x00\x00\x04gAMA\x00\x00\xb1\x8f\x0b\xfca\x05\x00\x00\x00\x01sRGB\x00\xae\xce\x1c\xe9\x00\x00\x02\xfdPLTE\xff\xff\xff\r\x0c\tz@-R+\x1e\xd6\xd0\xd8c4&amp;\x10\x0e\x0c\xf1\xec\xf5\xfa\xf4\xfd\x14\x10\r\x18\x14\x11\xf5\xf0\xf9\xd8\xd2\xdaJ&amp;\x19l9(a2$E%\x18\xf4\xee\xf7: \x14h7*g6\'\xb5ve\xe2\xdb\xe5\t\n\x07\xdf\xd9\xe2D\'\x1dN(\x1a\xfe\xf9\xfe\xfd\xfd\xfdv&gt;,\xd1\xcc\xd5^1"\xb8xh\xfb\xf7\xfdp&lt;,&gt;"\x16\xdd\xd6\xdf\xd4\xcf\xd6A$\x19L* \xb9vbW+\x1c\xba{k\xf7\xf2\xfa\xcd\xc9\xd2\x9feT"\x17\x12Y.\x1f\xa9lZ\x92TA~C0s&gt;-\xbcyg\x85K:\x81F4\x89M&lt;o:)u@2\xeb\xe4\xee\xbf}k\xb5pY\xfe\xfe\xfe\x1e\x13\x0f\x94VDk;-3\x1e\x16&gt;&amp;\x1dzD3\xf9\xf9\xfa\xc5\x85tU."]/\x1f|G7s;)\xc8\x89x\xc3\x7fk\xe4\xde\xe8Z0#\x96XF\xb6r^\xaacM\x84H6\xc0yb\xb1lW\xbat^\xa6o`\xd9\xd3\xdc9"\x1a\xc1\x82pk7\'\xb2sb\x8eUD\x8fR?\xb1vf*\x18\x11\xda\xd5\xde\xaegQ\xe7\xe1\xea\x8cP=\xa0aN\xee\xe8\xf1 \x1c\x19\x9b_M\\4)\\,\x1c/\x1b\x13\xc0{g\x80K;\xc9\x84o\xa5_Ja9.\xf6\xf3\xfc\xb5yi\xa2l]\xbeu^\xado_vF8\x8bRA\x93\\N!1Y\xcb\x8e\x80\xabtc\x98VA\xbc~o\x99[JN1(\x9aaQ\'$!S)\x1aM81*\x1d\x191#\x1f~NA\xbapZ\xa5hU2N\x8a\xb3iSo7$\x9bZF\xa0hY\xec\xeb\xf4\xd1\x94\x87\x82TFyJ&lt;\x95bTD.\'\xf3\xf3\xf272.\x84O?\xa0ZEk4!\xc6\x81lo@2f@5a/\x1df2\x1fU&lt;5\xf6\xf6\xf6\x93P&lt;\xa4cP9*&amp;\x8eZJ\xa0^H\xef\xee\xed\xa8gS\x89I5U4+7\x1d\x13\x99eYqD7ZB:D60nLA*Az\x8dM8\xe9\xe9\xe8\x8aFC\xc9\xc7\xcb\xb1p\\\xc5}f\x83YNbF&gt;\xc5\xc3\xce/*(vPF\xabzl\xd6\xd7\xd5\xcf\xd0\xceXo\xa4&gt;?:\x9fsg\\\x1f\x13\xef\xf2\xf8-&gt;g\xa3RS\xe1\xe2\xe3\xb5~q\xe5\xe8\xefD\x1e\x14\xd0\x89s\xa0\x9e\x9b~;;\x8caVvur\x86B.\xb6\xb5\xb7\xc5\xb0\xac\xc0\xc0\xc0\xac\x8b\x89\xec\xe1\xdd[+$Mf\x9bt]U\xdd\xdd\xdb\x93NK`WTpx\x95\x1b*Ocd_\x83\x81\x7f\xa5\xa5\xab\xd5\x90|\xbb\x82uTPM\xda\x9f\x90Q[z\x8c\x91\xa9\xc7\x9f\x97\xd6\xc8\xc8\x93\x95\x92\xd6\xd9\xe8\xca\xcf\xe1p\x84\xb0\xb5\xb7\xc9\x80\x85\x9d\x84le\xb5\x9f\x9c\xdc\xbd\xb1KKFo64\x8d\x8a\x86olj\x9c}{\xd0\xbf\xc1\xb2\xac\xae\xe0\xcf\xce\xb8hg\xb0^_i+\x1cT$ \xe8\xd8\xd2\x90\xa0\xbf`j\x86FQq\xc2op\x9ap\xefr\x00\x00 \x00IDATx\xda\xcc\xd8\xffK[\xf7\x1a\x07\xf0\x9e\x86\x1c8\x07\xd2\x88:\xc4\x10\xc9\xc5\x80i\x06\x89\x89.M\xa57_\x8eI5\xdd\xd0M\xb6\x92\xaeqaD\x12\xcd\xd2\x1b*\x9a@\xb91\xf1K\x08k\x85D\x93\xb0\xab\x9d\xb9\xea\xb4\xd5X\xb9\xc1\xa2\xe8MH\x7f\xb1\x88LD(HA\x0b\xfe\xe4\xafRa\x7f\xc0}\x9eO\xda\xae\xf7\xf7\x13\xd7\'\x98\xe8O\xbex?\x9f\xcfs&gt;\x9f\\\xba\xc4G\x19\xa4R\xa9\xd5j\xcdX\xadR\xc3\xa5O\xa4@\x94L\xe6\xb6\x0f\xf3\x87\x85\xfcv.\xf9i\xc8\x0ch:&lt;\xdc?=\xdf\xdb;:?\xde\xdd/|\n2kr\xa1\xb0\xffv\xef(\xe5\xa6\x19\x86\xa6\xd9\xc8f\xf1\xfc\xf4 \xbf\xf0W\xca\xa0}\xb9\xc2.\x90\x18\xaa\xe6CQ\xac;u\xf4&amp;\xbf\x90\xb4\x1a\xfe\xaa\xa4r\x85\xd33w\xcdG$\xc2\xa3jh\xf7\xc9\xe9Z.#\xbd\xf8%e\x90fr\x07\xc7g\xee\x8fr".\xaad\xa3#\'\xa7\x85\x85\x8bv\xe1\xe6\xcb\x9f\x16\xd9\xff\'\xd5\xd0\xd4\xbb"\xb0\xa3\xfd\x0bv\x19\xac\x0b\xf97G\x1f\xb5\xef\x9d\x87\x86\x17\xbe\xd15\x08c\x8bo\xb6\x93\x86\x8b\xec\xdf\xc2\xfe\xf9&amp;\xf3g\xe3\x00\xc2\xa0\xe6}Q\xa5f\xd2\xc5\xbd\xb5\x8brI3\x99\xe4\xf6\xc1\t\t\x84*\xa1(\x86aY\xa6T%\xd6{\x19\xfbz-y1\x8d\x04Ta\xb7\xc8\x90\x98\xe0\xbf\x13\x8b\x1a\xcb\xc8\xb2Fx7"\x10\x94%\x18S\xdc\xcd]\x84K\nS\xe1m\xaa\x94\x11kd\x8d\xceQ\xa3\xd1\xc8\xd9\xbd\xdc\xd8\xa8\xda\xe9\xb5s\x1c\xe74\xb2\x80D\x18\xc9m\xf3\xf4\x02\\\x86Lnm\x0f\xd6:$bT;\x9d^\xae\xb6\x81\x837\x85B14io\xc5\xcfZ\xbbS\xcdqv\xfb\xa8\x9a%=e"o\xcb\xef\xb2.\x14\xf6\xdc\x10\x14\xb4\xcb\xc9q\x95\r"\x81@$i\xeb\xe8\xf5\xfb\xa7\xa7\xfd~\xa1P,noT4\xd4\x8aj\x81\xeb4Bc\x01\x169&gt;\xcc\x94;\xac\xc3\xd3\xcd\x1a\xca\xe8\xf4z\x97\xe4\x15"A[\xa3\xacC&amp;\xeb\x15\xfa\xa7W\xb7\x12\xd9\xa9\xe6\xfa\xfa\xebW\xae_\xa9\x16w\xb4A\x89\xec\xf61\x92Yd/o-sX\xfbE\x8a6z+\xe5\x15\x12ecc\xa3\x0cJ,\x04Uv+\x1eM\x0c\xb647\xd75\xd7\xd5\xdd\x82\x02\xdd\x95\xea\x0eh)\xe7f\xa9Hy\xd7\x974\xb9\xf6\x9a\xa6\x8c\x1c\x06\xa5l\xec \xaa^\xa1\xb0\xca&lt;\x95\x8dF\x81ei\xb9l\xb9\x0cU\xf7\xfe\xe7\x8a\xacM\xd1:\xca0\xa9\xb2\xeeG\xeb\xe1\x1eK\xb1K\r\x15\x12\x01\x89J,\x16\x13\xd4T6\x11E\x97\xcdb\xb1\x80\xa7\xa9\xa9\tq\xf0y\xb9\xee\xd6\xf7\xb2Z5\xc3\x14\x0f2el\xe1\x9bH\r\xc35\x90\xac\x1a\xdb\xdbe20AR\x83\xd9A`\xc5\xd3i\xdf5\xa8&amp;RD\x05\x7f@d\xd5\xb5\xa3,{T(\xd7\xf22$\xd7\xceh\xc6+\xc7\xb0\x90%\x13\n\xab\xcd\xe6\xec T\x02\\\xc0\xd2\xe9t]\xd7\xaeuu\x11\x1d|t\xe1\xafMM\xf5\n7\xeb&gt;^(\xd3c\xc8\xba}\xccPjP\x89\x90\x05a\t\xab\xa1\x81\x88\x82\x8a\xc6\x03\x81\x80^\x0f0\x9d\xbeK\x87"\xf8\x05J\x87\xc4\x96V\x96)\x96i7\x1a2\x07E\x8a\x84%\x92(\x95\xed\xb8\x05K,@\xf9\xa2\xe9\x80\xc3\x01,\x17\xbc\xf4\xfa\xff&lt;y\xa2w\xb9\xba\xbb\x91\x85\x81u\x99\xc7\x18\xf6x\xbb,qYs\xc7n\xca\x08\xa3\xa1B\x02\xacF\xb2\xde\xab\xb0\x87\xa0J\xfb\xd2\xa0\xc2r\xb9\xd0\xe3\xea\xd6\x9aL\xa6N\xad\xcb\xa5\x87FBz~7\xbd\xf9\x87\xb5,a\xe1\xcar\x02KD\xf6!\xc4%\x13\x92\x1e\x0e\xda|Q\x1f\x84\x05\x15pu\x13\xd6\xbfM\x9d\xa4\xb4\xdd.=6Sg\x9bd\xd9\xbd\\9\xd2Z\xd8\x8d0,\x0eRx\xe0\xa0J\x8c\xfb\x90\xb0\xc0\xe5\xc3&amp;:\xb4\xa6n,\xad\x16T\x8f@\x15\nubk!\xc4\xb4\xdf\xcd\x14\xcb\xb1\x19\xa5\xdbG,\xa3\xe6*\xe5\r$\xad\xd2\xca2O\xb5@Yl6\x9f\xde\xe10\x81FKP\x8f\xa0\x80d\nA\x05\x83 s8\xb2c\xac\xfbm\x196cf?\xc2\xfc\xc9\x82\xb0`\x92\x8a\xab\xea\xc1e\x19\xb4\xd9tz\x07\xe9\x9b\x16]&amp;p\xf5x\x80\xe4\xf1\x84=\xe1p8\xe8\x98w$&amp;\xddlq\x8d\xf7\xb8\x0c\xb9c\xf6#\x16&gt;\x0b\xc5\xed\xb2\xaa\xa9\xf7a\x05\x1c\xb8\xc6MZ\x08\x0bB\x83\xb0&lt;XaR\x13\xc1\xe0|\xf4\xa9\x9b\x8d\xec&amp;y\xefa\xfe\x84y\xcf\x12\xb4\xb5C\x89e\xb2j\xa2\x82\xa5\xa5\xd3\x07@c\xd2\x96V\xbc\x0ba\xe8R\xa9T\xe1\xf0rx9\x18\x0c\xc6\xa7\xcb\xd2E\xeb~\x8a\xa1Yg%\x19\x100\xe3\xfb\xa0\x8dBs}3Q\xf9t\xba\x00\xb6\x0f\x0bf\x82\x0b\xd7\x97\xc9\x14\xf2\xf4\x80K\xb5\xbc&lt;\xb1&lt;11\x9f\x9ds\xb3\xaf\x0f\xf9~`gv#4\xb2\xe4r2M\x91%\x04\x16\xa8,\x16\x1b\xcc\x00\x176O\x8b\xefdh\xe1_\xa1PX5\xae\x1a\x1f\x1f\x9f@Wb2\xc2\xa6\xf6y^\\\x86\x85=\x96f0-\x18\xf2\xc3\xa0\xeak\x87\xad\xd8L\x16\x16\xa8t\xaen\x13\xae\xabn-\xaezXZ\x8f`8@X`\xea\xbf\xdd\xbf\x1c\x04\xd7\xd6\xe4\x98{\xf3\r\xcf,\xe9\xe1\tC\x93\xb1EXJ%\xb0\xaa\xeb\t\xaa\x14\x16\xee\xbf\x0f\xc3\xa1g\xb6\xa7\xa7g6\x16\x8b\x8dknC\xf5O@#\xa3#c\xa3\x91]\x9eY\xd6\xb5\x14\\\xbe\x8c\xdc\x07\x16\xa8\xcc\xcd\x16\x9f\x0f\\\xb8\xb4\xf4\xdd&amp;\xcc\t\x92B\xd0\xe2\xec\xe2"\xa84\x1a\xa2\xba\xdd?\x0e\xac\xf8\xcc\\\xc4\xbd\xc7\xf3\xa9\xcb\xfaG\x04Y\xa5\xb4$\xd0EY\xb5\x19\xb2\x82#\x16\x0cxx\xbatkaL\xc1\x064\x85zf\xc1\xb4\xa8yW\x03\xa8\xea\xefWM k4r\xce\xf3\x84\xc8\x9c\xba\xe9R\x13+\xc8\xb9\xa6]\\55\x88A\xa5\xf1\x15p\xc08\xe8\tu\x86&lt;\x9d!L\xeb\xb7\x9e\xc5\xd8,\x984\xb7I^\xc0\n\x07\xa33sc\xee#\x9eYI\x1c\xa6\xb4\xd1YJK \xe8\xf8\xf0\x94\xb6%l&gt;GX\x15V\xc5T0\xa7&lt;8\xea\x1d\x8eNPB\x0fc0\x1f\xc6!\xac\xf1qU8\xbe2\xb9\x199\xc9\xf1;\xb8\xc8F,5\x11&amp;\x84H!\x80K\x98\xbf\x17\xae\x87~\xffT6=\xaf\x8ayT\x1a\x1cR\x1e8\xdeD\x07\x13\xe9\xb8c\x1e\xa1\xe1`\x10\x86D?\xcc\x89`|cd3rv\xc8+\xcb\xb0}F#\x0b\x96\xbc\\^+\xe7\xe0\x02\r\xd5\xda:Y[\xabxj\x8e:&lt;\x9eN`yT\x9e\xf9t";==\xbd\xba\xb1\xb1\xba\xba\x1a\x8f\xc3--\n0\x9c\xf6\xd1\x8d\x91\xb9H1\xcf\xeb&lt;5\xe4\x8b4\xb8\xd4K\xc8\xe2\x9cj\xb8\xbe\x8e\x8e\x8e\xaa\xd5\xf8\xb5\x83\xa2w\xca\xe6\x0b\x04B\xb1\x10\xac0P\xf9\x9f\x0e\r\x8dLN\x8e\xcc\xcc\xac\xcc\xcclLO\xc7\x89+\x0ci\x8d\xa4\x8a\x05^Y\xd2B\x8a\xa2`\xc8/\xd9++\xbdN\xa7\x9a|5CJ\xedmh\xabjn\xb9\xd6\x15\x08\x99\\&amp;H+:\xfdthn\xaeun\xf2\x19\xd0VVW7V\xe3\xd0OUx}\x05YyC9X\\%\xe7u\x82\xcb\x88.\x94\xa9\x9d\x9c\\!\xfe\xfe\xfa\xad\xcb:\x07\xb0T\x9e\x00v\xd1?3\x04i\x8d\x8c\xcc\xac\xae\xff\xfe\xfb\xfaV\x02\xf3Z\x87\xec\xe6xf\x19\x90E\x01k\tL\x1c\x96\xdd\xde\nU\xb9\x04O#\x91\xf2\xf1/\x0foY\\&amp;\x93G\x13\xc3\xd3U\xda78\x95\x85\xc1\x11\x8d\x07\x97_\xbcX^\xdf\x8a\x07U\xaa\xf9\x95\x19\xde\xd32\x146)\xfc\xee\x81\xe3\xbc\xdeJ\xb8&amp;\n\x04m\xbdUf\x7fo\x9bB!\x12\x89\x86\xfb\x1e\xff\xfa\xd0\xe2\xea\xf4h\xfe\xf6\\\xa3Q\x85\x1c:\xbc^\xc3\xfc\x0fx\xfa\xff\xfb\xf2\xe5\x8bud\xad\x13V\x81\xdfG\xe2Z\x84\xa2\x81e\xe7@\x85\'y\xb1\x19.&lt;Ysoo\x9b@"\x91\x00\xeb\xbaMo\x9a\xfd\xe2\xce\xd5\xe7\x031\x8fC\xaf\x83\t\x0bg\xe8\x80)&lt;\xf0\xcf\x9b/\x97\xdf\xb1\x9e=;;\xe4\x97U\xd8\x84\x9dh\xe4\xb8\xa5\xca\x8aa\xb8\xf6\x88\xcd-\x89\xc4`U\x87D\x04\xb3U2\xdc\xd7\xf7\xf8\xba%\x1d\x98\xbd\xf9\xaf/\xbe~&gt;\xeb\x80\xdb\xab\xaf\xcb\xd59;\xf0\xd9\x03M\xec\xee\x9d/\xef\x87\xe7\xc3\x13\xf1\x95\x95g\xa9\x13~/?\xd2\x038m\xc14\xb5\x93/\x90\xdae\xd5B\xa1\xb0\xca\x0f\xaa\x8a\x9d\x1d\x91H\xd9\xd7\xd7\xf7K\x9d\xce\xf1\xed\xbd\x1bW\xbf\x9e\xd5\xb7\\\xa9\xafoi\xb9\xa67\xc5\xee\xdf\xfc\xf2\xf3\x81\xbbwnh\xe6\'\x82[\xb8\x13_/\xf0\xfb\xa4&gt;\x80&amp;\xe2\x90o\x80\xc7t{{\xa3D"\xe8\xed\xa8\x90/U\xeeT\xecH0\xad\xbe\xc7\x0fu\x8f~\xfc\xe9\xea\xd5o]\xf5UXp\xbc\xd0\x87\x1e\xdc\xff\xe1\xe6\x9d\xcfn|\xa5\x99\x0f\x07\xb76VFRG\x19\xbe\x9bHQp\x92o\x80\x83\xa9R)\xd9\xa9hXr\x1aA\xaa\xb6/\xed\x88\xda\x94$.\xfd\xa3o\xbe\xfb\xfbw=\x16s\xd5\xabWO\xedc\x9c]\x90\xbe}\xff\x87\x81\xbb\x9f\x7fu\xef*&lt;\x84Vam\xf1\xcd2\xe4S\xc8\xc2\xe5&gt;\x0c\x9d\x93/9\x9d\x14\x9b\xa2\x99\xb1\x8d!9\xb2\x94}\xbf&gt;|\xf2\xdb?~\xfe\xf1\xe7\xce\x96\x96Wm[[\xa3\'Fcjn\xeb\xc1\x03\xcd\xc0\xdd\x1b\xf7~R\x05\xe7WgF\x9e\xa5\xce\xf9=\x06\x1a\xb6\x8b\xf8\xec\x01\x96rX"\xf9\x1f\xaf\xe6\x16\x93v\x9e\xc5\xf1\x0e\x84\x87n\x82\x18\x81l$%\x98\x9apKT\x8a\\$Xo\x14\x10\x0cr5 \n!\x92\x94K\xc5 \xad\x04ki\xb0+\r\xb6\xc1\xd6\x99A\xebed\xb4T\xdaj\xac\xd16\xe9\xce$5\x991\xb8:\xae\xd3\x9a\xaeM6Kc\xd2\xbe\xcdv\xdd\xd9\xd9:\xb6\x0f\x93=\xbf\xbfv\x1f\xf6\xf9\xef\x9e\xfcCx\xfc\xe4{\xce\xef\xfc\xce\xe5W\xe4\xac\xb1\xf6\xd7\xa0\x99\xfc\xdc\xc6\xfc\x98g[\xcd\xe3\x8dOh\x16\x0c)\x97!p\xe3\xfc\x85\xa7\x1b\xcf\x1e;\xcbO^\xfb\xf9\x87W]\xd37\xcb\xf8\xf2&amp;Q\xd94\xdc=s_|\xf1O\x9c[\x8cG\xe8\xaa.\xb7\x162bdFa\xd6\x99\x9d\x9d\x9f\xab\x81\xfe\xec\xe1|\xd7\x83\xb1mL,\xc2\x94\xcb\x90H\x182\x19\xc8\xa2\x1b\x1b\r\xce\xf2ks\xcf\x9f\xbf\x8c\x0et\xdbE"\xd1\xf5\xe9\xa1\x87s`\x7f\xc3\xb9\x94\xbf\xfbW\xd4\xf7X\xd9\x08\x8b\x91\xcbf\xc9\x9eI\xab\xaf\xde\xca\xe1\xa0\xd8\x87t:\xa2!\\v%L\xa1DF\xd0#\x83R\xac\xab\xde\xf9\x87\x9f\xde&lt;\xbf\xff\xe0A\xd8^"\x92#\xac\xfe\xfe\xb9\xb9?\xe3;2\xfd\xf1\xed\xcf\xbf\x83\xbe\x07\xa5\x87X\x8c\x17\xcb\xe5\xa0\x16TA\x8e/\xcc\x91u:\x1ev\xf9l\xa6\\\x89QS\xdcu\xbe]A\xa5PI$V\xddmT\xc5\xb7\xb4\x04\xf9|\x9b\xa0m\xa0\x7f\xae\x7f\xee\x1f\xdf\xe2y\xf7|\xf3rl~\xd2W\x8e&amp;\xcc\xd0]T\xa8\xd5\x10\xf6\x0c\x06\x07\x92V!C\x05\x9d,P\r\x12\xee\x05\x0c\x89\xe5\xe5\x90\xd9]+m\x94\xd5Q\xa82\xa9\xbbw\xd5\xe1\x08\xf2\xfb\xfal\xca\xa5\xb6/A\xab\xaf_}\xfb\x17\xfcV\x8c\xa7\x9e\xabX4\n\xb1\xa8\xbc\xa8\x94\x0c)\x9eEb\xa9y1"2\xd5\xb6\x8e\xa5VO\x8c\x8f\x80\x0f\x11V(\x14\x8a\x9b\xd3g:\xa4R\xb1\x02\xd2\x96\xc0\xb1\xba\xcaGX6\xfa\x95/g\x87\xbf\xf6\xf5\xbfz\xf9\xec\x17\xbc\x04{\xf1\x92\x1c\xab\xaa\xa4\x91\xb3\xa8X@\x93\\\n\x05\xcdkhT*\r\xfeR[GF\x10\xd6f\xca\x900\x99B\x16\xbd9]\x0b\x8du\xed\x99\xcb3\x19;\x9fO/)\xa1\x97\xc8\xb9\xee\x1e\xcflCq\xd7P\xaf\x9d\x8fS\xa2?\xf5wV\x8e\xa7\x11V\x12\xd1\xc4-\x06.\x04\xa2\xd6V\xb8`NW\x15\x14P\xab*\xab&amp;F \xb4\x08\xf7R\x86\xf8\xf2Z\xa7\x89\xcb]\xca\xdc\x00\xa8\x1b\xa9\x80!\xe32/\xe9\xb9\xfa%\xbd\xde\xdd\xf6\xe0\xd2\x9d\x0b\xe7\xfb\xb4\x01\xf3\x0b\x9c\xba\x8b\xa7\xe4\xdc\x04\xd3H\xe0\xa1\x8dJ\xcc\xcb\xa2\xd0\n\xaa4L&amp;\x81\xc9\x94\xc9\xa0\xdb\x97\rbX(\xe2\x01+?j\x12q\xcd\x99\xc0\xccL `0$\xcc`v\xbdyi)s\xa5\xa7L\xc0\x8f$\xcd\x9b\t\x9c\xb0\xde\xde\x19\x87\xa06\n+0,\x1e\x8b6\xa8\xc1\x16\x15\x12\x89\x02UU\xcc\x11\x08\xadA\xe1T \x117\x85Lk\xa3\\\xbfH\xaf7\xbb\x0c\x06W\xa2:n\xe1\x8aD \x1f`\x9do\xa6G\x92\xbb\xbbM\x9b\x89\x8f\xf8$\xf8-\x9afppPH\xa8(*BX\xea\x89A\xa0:Z\n\x18\xc5b\xc2\xc8\xc4\x08\x9c\xc3\x99\xeaDht9\x1e\x8fW7)\xb9\xc0\x950\x03\x94\x7f\xb9I\xa9U\xca\xb9K\xe6L\xda\xed\xcf\xe7\x93k\xa6M\xd7\x0b\x9cB\x0b&lt;(d\x8e\xb4Bl\xe5\xc8\x18\x96\xe6pq"\x91\x88\xc5=RE\x15RojI\x19\n\xad\xe5\x97M~\xae?"\xb2\xe8\xf5\xd5\x16K\xa8I\x1bI&amp;#\x11\xa5\\o\x16\xa4\xdd\x96\xce\xb5\xe5xh*\x8eK\xc8\x9f\x05,\xa1\xc6\x1b\xcb\xa9\x19E(A\xf0\xb0,\xa5A\xfb/\xa1D,m\xeb1\xa20\xab2\x06\\\x89P~7\x9f\xccG\xb4Z?T\x12!\x8b\xc9\xa6\x8d\xec\xee\xee&amp;\x93Z\x1b}I\x90IW\x9b:\x97\x13\xa1\x80\xf2\x1cNj\x15\x10\xbc+\xde\xbaKDh\x12\xc9\x0c\xacn\x07CXFi[[\x9b\x98I\xd0L\x8c3\xa7R\x81x~m4\x9f\xdcMv\x82\xffL~?\xf8/\x89\xb0"Z[\x89\x1d\xb0\xcc\x89T"\x9eO\xbe\xc3\xe9\xe6\xd9R0W\xc6\t-\xd3\xba"l\xb9\tX\xe8\xe4\xa1\xa87\xb677\xb7\x895\xad\xb9\x93\'\x89\xc2{\xa9x\x93\xbb\xf1\xd6\xb4&lt;\xaf\r\xb8\xcc!D\x051\x0eZ\x01\x16\xdf\x0eNtM\xad\x1cl\x1a\x92\xf8D&lt;\x84|\xa3feBj\x97\xb0\x8a \xe6c\x18\x16\xe6E!\x94\xc5W\x00\xab\xd5[\xf3\xd9\xefkt\x95\x0b\xd5\xfa\xae\x93\x9f\xd5\x9c\xf6w\xa6\x02\t\x8b_\xa9\xd5&amp;\x93(\xb4"\xca&gt;&gt;]\xe0\x9e\xa9\xbe\xbc\x02\\\xa6\xf78%\xf9\xb7\x17\x10\xd6e!\r\x9a\xc2R\xcc\x89Gj\x1dbI\x0b\xbcd\xb2\xd3I\xa4(\x04\xf4\xb0\xb3\xc6I\xab6]N\xb9\xe2~$\x16\xc6\xa5\x05\xb5\xe8\x19\xb7\xdb\x929\x00.\x03NN&lt;\xf1\xfe\x02s\xe5\xc0\xb8 ,`g\xb3X\xccO\x1c\xa6u\xa1\xa4\xbd\xb9\xb6\xb6\xb6]\xa6&amp;\xdd\xa1\xc2\xd7x\xd1\xa6u\xb4\x80*\xae\x14\x86\x159\x12\x0bsbz&amp;m\xb1\x10VVVRxa}? \x1c9\x10.\x94)\n\x8b\xb2G^\x9c\x80\xa8g\x12\x8c\xed\xd8\x16L\xa1\x8e\xf1\x18\xaa;\x8d\xb5\xd7\xedJ\xad\r\x12)\x1c\xca\xc4\xff`-\xa5\xdd\x99P\xa7\x14\xb0\xa6\xf0\xc2\xba\xfbX\x02\xa7M\xeah#\x02\x16\xf4\x18^\xc4\x85\xe4\x92t477\xd7\xb6+Z+r\xce\xac\xee\xd2\x85\xc6K\x03_6\xa7\xd3\x01\xb3\xc5\x12GX\x11,ki\xb5J[\x89\xc0\xed\xceX\xb4\x12\xc0\n\xe0\x85u\xea_\x05h\xe7,6\xeaJQ\xe6\x82~b|\x1c\x92\x84\x86)\xec\x00\x17v\x88+Yl\x08\xa9bNW\xb48\x1a\x9d\x1dp\x9b!;X\xf4\x90J1\xa5\x80J)\xb7_w\xbb\x05\xe6\xa9\x83\x95\x83\x05%NW\xe2\x89\x13[w\xaa\x08\xd2\xf6A\x9a\x9a}\xe8E\x9ez\x1c\x9dF&amp;A\xdc!\x15\x1be\x14\xf4&gt;\xc4WZ:\x1b\x8d\x0e7Xgo\xb9\xabEMr\x91\x1c\xb0\x92\x87T6\xfe\xc5\xeb\xee\xb4yjp3\xa0_\xdb\xc5\xad%\xfb\xfc\x99\x8c\xd0\xe1n\x17\x92\nA\xad\xc3\xfe\x15q\x81\x17\xc5\n\xe6i\x1d\xdb\xe7\xf3\xd5\x17{8\x1e\xcel\xb4\xa1\xbexr \xc3\x95\xdb\xe4r8\x89GT}t\x01`-Mm\xa6\xe0&amp;\x7f\x87[uz\xf6\xedc\x85\xf1\xcc\x82\xa4\x15a\xa1\xa9\xbcZ\xed\x05\xae\x82JB\x01\x85\xc8)\x85N\x83\xad\xaak\x94Q\xbbdc\xd1\xe1\xe1\xd9\xb1\xe9\x8b"\xb9\xcd\x06y\xeb\x88\x8aO\x07\xb5\xaes\xfd\xdc\xb5NK\x13n&gt;D\x89\xfe\x92B|OX\x80nE6T\x11\x87X\xad\xa7i\x8cbk\x83\xcf\xc7\xf6\x90\xead\x8b\xc8v\xa6\x07\xba&amp;\xfbg\x07\xca\x04\xbdA\x9b\x123\x9b\x8d\x1f\xc4\xb0\xf4\x9dkyS\xf5;&lt;\x1b\xc5s[CB\xa3D\xa1*E\x9b(\x06T\xa8^5T\xcdjr\xb6\xdeg\xadg{\xea\xa8\xd4=\xd9\xe2\xce\xe2b\xf8\xea\xd5\xf0PWtvl~\xe8\xb6Ci;\xc2\xe2\x071\xb5\x9a:;M\x11|\xe7\xf2_m=n\x94\xc8T\x87j1\xb0M\xd48\x8b\\_^^\xcf\xe6\xe8\xeaH\xdb\xdb$\xd2\xde\xfa\xe2\xce\xceN\xb8\xbb%&lt;\x16\x8dF\'\xe7o\x07\xa1\xb5\x00\xeb\xe3\x07\x1d\x80%\x00\xaa\xd1\xc8G\xbc\xf7\x89/\x9e?\xfb\xa9\xbf\xe8\xd3\x12\xa3\xc2\xabV\x93\xd1\x04\xd5\xca!\x91*&gt;|\xd8\xde\xde\xa6\xae\x83\x17\xc3\xe1p\xaf\xe3\xfe\xfc\xe4\xf0\xf0\xf0\x93n&gt;D~\x1fP\x1db\x8d\xae\xad\xe5?\xe2\xff\xfe\xe7\xecW\x9f\xffP\x7f\xa8\x161\x06}\x19/[S\xee,\xf6\x90&lt;D2\xf9\x03\x80aX\x8b;\xe1\xc5\xfb\xab-h|\xdb\xff\xb4\x85/\x97\xcb\xfb\xf8\x0e\x0c\xab\xf7\xcd\xee\xbb\x17\xc7\xf3*\xe9O\xf5\xd8:\x91\xc8 \x82^\x0c_\xcd\xb5\x86\xb1:\x0f1\x97\x03\xacm\xd2\xde\xde:\xd8\xce\xce\xba,\xfc\xfa\x8f\xb7\x9f\xce?|r\x1b\xfa1\x08,\xa4V\xd9\xf9\xc8\xdds\xc7\xf5\xc8\xf9\xdf\xc3X\x86`0\xd0L\xb7\xd0\xe7l\x98\xed\xd2q\xb2Y20\xadc\x06j\xed,\xee\xed\rLOol&lt;}\xf2X@\xa7\x7f\xc2\xba\xbau|\xef\xb7~\xc4\x82\x8bL\xc6\xb0\xd8\xcez\xc8\xa0PT\xa8P\xb0\x7f\x07\x06?\xbf"\x0b\xdf\x1a\x1b\x1b\x08\x0f=\x19\xb2\xd3\xe9A\xf8\x82AAY\xd9\xfb\xe3{\x16\xfbK\xbf\xf5\x08\x8b\x81\xd4b\x13=\x1c2\xc7\xf3\x89\n\xa0\xf6\x7f\x03\xdb/\xc3v\xd3\xd3\xf3Ct\xe0\xa2;@-AY\xef\xddc\xa3:\xf1\xcdC+\xb6\xb8\xc3\xf4b\x942t$\x8fn\x9bB\x95\xad/~\xc2\xda\xffm\x7f\x7f\xbf\xa4ou\xd5\xd1}\xfff\x0b\xa2Bj\x01\xd6\x9bs\xff\',\x15QG\xa5Q)\xdb\x15,\x12uo]\x82N\xe1\xcew\xe9_\xf7\xed%\xfc\xbe\xbe\xd7\xaf\xd1\xb0&amp;\x88\xc9\xc5\xa7\xf7v\x97\xbd;\xc6\xa7\xcd\xdf?)EX\x85\xc8\x8f\xc4\x8a\n\n\x8dJ%\xa9\x8f\x9e\xdb\xa0\xe7xu\x8d\xed\xee\xccE;\xbd\x04\xb0^\xaf\xf6:0*\x10\xabWp\xf3\xe3\xf1Q\x9d}\xf4\xaa\x01\xcb\xf3\x98^*\x95\x0e=w\xa3x\xbd&lt;^\x85N\xc7\xe1@\xb1U\xa7@K\x02{\x10a\xbd^\r:\x8e\xb0\x1c\xdd\xdd\x8f\x8e\x0f\xeb\xc4\xdd\x97\r\xa5\xff\xc5\x82\xc3\x08z\xd1h\x14\xb5\x9a\xc7 \x17\x97\x16Y\x8b9\xaa\xae\xc6\x9e\xb4\xc0\x1e\xe4#/\xfe\x87\x97\xb3\x8bi*M\xe3\xb8\xa1\xed\xb4R&lt;\xc0\xb4\x18;\xd0Bk\xbf\xc0\x8aeZ\xa0Pp\xa0@\x81)\x15\x05JK\x19\xa6*TfK\x87Z\xbb\x92\xe0\xd8!\xb6\xca\x85%j\x81\xa4\x90\x81\x0c2.\x01!1\xf2\xad\x17\x86D\x89\x043\xeaf\x99\x98\x8c\xb3\xf1bg\xdc\x9d\xb8\xbbq\xd4\xb9\xd9\xbd\xd9\xe7yO\x99d7\xfb\xe5\x0c\xf5i\xf8\xba\xfb\xe5\xff\xff\x9f\xf7&lt;\xef9\xef\x03`\xb5`\xb6ZZ\xbaC\xb7\xfac\xa8V\x14\x8b\xb6\x91A\xb8\xc8\x11\xcf\xf4\xcc\x1dr\xb9\xd5 \xf0OtV\xe5\x8c_\x99m9~\xe7\xce\x9d\x1bwnt\xb7\x90\xea\xee\x0e\xdd\x18\x8d\xbdZr\x01r\x91\xc5k_eb:$,\x91!\x90[\xad\x06\x05`}p\xbaW\xed\xeb\xbeA\n\x80\xec\x04k\xf2a,\x0f\xe9\xf6o\xc8\xe5\x10.\x01b\xe1{\xf4wP/\x16ohj\xa8\x9d!\x10\x08\x14\xfe\xce\xa1\xc1\x9c\xd6\xde\xde\x90\xe5\x16\xa9n,\xa0\xf2\x86\xfe\x10\xcb\x19\x83\xfegr\x01p\xc9\t\x97`\x87B\xc1`\x98\xf1\xc8[\t\xcbll\xc7\xf7\xfc\xc3S\x1d\xcd\xc7\xf6\xee\rMz\x91\xca\x1b\xa5\xb2\x84b\x8d\x95$\x10\xc8w\xa3\x8d\xa4v(\x8c\xc6N\x1e\x8b\x85\x07\x0f\x86\xf1h\xfa\xf0\xf0\xd4\xd9\xe6\xaeK\x97\xd6\xe7\xd7\xd7\xd7\'\xbd^K\xb7\x05\xa8\xbc!\xef\xfd\x18Rm\x1b}\x96\xb4#)i\xf7\xdbr\x8c\x97\\\x0e\xbf\x18\xcd\n\x01$]11\xd191\x01\x82Acz\xf1\xec\xf2\xd9\xe5\xf9\x99\x99\xe5\xf9\xf9\xf5\x10\x80\x81\x85^\xcb_\xb6\xc5V-H\x94`7\x11\x0b\xdc\xc4\x19\x87@v\xc0j0\xf8q3&amp;\x80\x9d\x8f\x7fd\x18{-\xa8\xab\xd8\xdaX@/\x10\xcd\xf22\xa6X\x1bI\x90\'\x85|7\xbe=7\x00\xd2\x87x\xee ;\x10\xb4\x86\x81*P\x1a\x0e[\xc3\x00\x14\x0e\x8f\x05\xc7\xc6\xce\x8cL\x8fL\xe2\x01\x1b\x8bEm\xf9v[L\x17\x88$H\xb9Q!G*\xeb\x87\xfb\xb3\xb3\x9d\xfb\xb7o\x8f\xcf\xce\x0e\x8c\x8dY\x83\xf0=\x18\xc4\xe3\x0fc\xf8siz`\xe0\xcc:R\xb5t[,?\xc6\x16\x0b\x16w\xa3\xd9(\xc0\xc3\x06\xd6\xfd\xf1\xf1\xf4tO\xfc~g0\x18\x047\x83\x81\x00\xc8\x04T\x81\x9e\x9e\xa5\xb1\xb1\x81\xe9y0\xb0\xa5\xc5\xa7\x8e)V\xf1\xb5\x99\xa4w\x8cf\xb3\x99\x81\\V\x9c\xb2\xc0\t\x102\xc4\x82\xe5\x0c\xf4\x04\x82(TO\xc0\x19\\Z\x1a\x1b\xb8\nW#t\xf2vu\xf7\xdfb\xa9\xd6W\x0bI\x8cLsb\xa2\x99\xd8\x18\xd8Nc\xe1\xb9\xael\x1c\xf9q\x02X\xc0\x19\x08\xf68\x9d=K\x88\x05\x91?~&lt;#\xc5\xa7\xbe\xf1\xdbXb\xdd\xbc\x9a\xc4\x80\xf6\x8a\x95H\xe2\x15@\xa5\xe8\x991b\'|9\xb1\x08UO\xcf\xc0\xd2\xf4&lt;\xbe\xb4\xcbH\xb1\xc7\x18\xeb\xdb3Q\xact\xa3@\x0e.\xbe\xb590F&amp;\xb6\xe2\xa3\x85dPK\x03\x0b^\xa0\xca\x8a\xbdZ\x0f\xfc;\xe8f\x86\x95\xce \\d\x92\x8d\x9e\xb8\x03\'\xb7;7\xc1z\x9cH\x15:\x0e\x9b\xd77\x80u\x1f\xb0\xcc\x89\xe4\x85\x1d\xae\xee\x02\x8c\xd7\xe6d"b\xc5\x93\x996\xa4r\x0e\\\x9d\x9fl\xf9\xe4\xcd`\xbdR\x10\xb5\xf0\xf4\x05\xc4\x0b\x97\xfa\xd2\xec\xedo\x91YI\xe2!\xfd\x85\x1e\x0e\xcc\\\xb2lR\xc5&lt;[k\xb0\xc6WB\'\xd3D\xf1\xf8\xe9\x84\xcb\x80\x13lX\xb0&gt;\xe0\xe2\x00\x15\x1eY\x98Y\xbe&lt;ii\xc9B\xac\x8c7\x80\xf5\x1c\xdab\xd8O4Q:I\tr!\x98\x15O\xe3\x05J\x83\xd0\x9c\x86\xa1;\x1d\x9e\xb9p\xf9\xd2\xa5\xbd\xden\xa4\xca:\x9e\x02T\xb1\xc6*~&amp;W@\xb6X|J\xa2\xd1\xe8X\xe9F\x06C\xa1PX\xf1\xfc\xdb\xafJI\xcf&lt;|\x11\x0f\xdc\x85\xd4\x00\x95\x85\x06\x92\x02\xac[\xb1\\N\xd36h\xac&amp;\x9dFS )a\xed\x83\xfb\x10.\xf9\xa58\xa7\x88X\x9dS\x17\xbaBj\x1f\xbe\xcd\xb7}Bc\xa5\x10,o,o\xd5\xfd\x0b\x02\x82\x05b\t5\x1a\t\xcf\x9c\x89\x97%\xab]!\x7f\xbb\x14\xb6=\xfe\xf6\xa1\xc1\xae\x90/\x05\xb6\xaf6|bJ\xa4\xa2#\xef\xbd?\x9a\x16\xabn\xbe\xf8+?d\x0b\xaeDPK(\xac\x96\xf0+3\xf7\xe1\xa6U\x82=\xb3\xb9\x9dW\xf2\xeb\xc1\xae^_J\x96\xad\xa2\xe2\xfd\x8a\x8aO\x10\x88v\xd1\xee\x0b={\xbe\xf6\xe5\xcd/b\xf0$)\xad\xff\xe6\x9a@\x00\xfd\x03\x9aX-\x14\nuM\xe9\x04k\xa8\x0c\x07\x1f\xca\xca:\x06\x9b\x8f\xa9\xedH\x85O\x98\xf1\xf9r\n\xcd\x95b\xf7\xed]~\xf2\xe8\x87\xc7k\xd7\xafm\xf5)\xfe\xfe\x07k\xf7\xa6\r\nr\xefi\xa2\xaa\x858\xe1\x97\x98\x99\x99\x8eXU\x1dx,\xfdt\xeb\x95\xd9\xd9(\x15y\x18\x9fb\xb7G\xb3\xe5\x0b-_}\xf2\xe8\xd1\xd7\xf7^\xadn-\xd6\xb5\xb5\xaf\xff:m\x90\x83\x87\xb0\xc1\'Xq\xd5\xd4g\x1f}T\tr\x15\x94\xe5\x9e&lt;\xdfzE=[\xabTjM6\xf24\xde\xa6\xb5\xdb\xed\xb8:(Q._\xe8\xc2\x02r\xfd\xf0\xfc\xf6\xcaVR\x95/\xde\x9b\x1e\x18\xb3b\xe2\xd3Y&lt;JW]\x1d\x17\'\xd4\xf1+\xf1P\x04ORPut\xbc\xbe\xce\xa5\x85\xd2G\x88X6}\x06R\xd97M\x0c]\xbe8|f\xe4\xc9\xa3{*\xcf\x16\xdaX|\xfb\xd5\x93`\xd0`\xc0h!\x16\\\x89qB\x9c\xd3\xac\x84\xbf`\x15+8t\xa0\xc8\xe46A\x11,\xb0P\xafUBE#\x9f\xe2\xf3v\x9d\x9d\xea\xf4\x87G\x1e}\x93\xba\x85\xff\x8daT\xf4\x1d\xb4\xe786\rX\xf4\xa1\x11P\xab\x9aJ\xa4\x87\x01)\xcd\xbb9\xf5\xee\xbb\xee\x88\xc9\xe42\xb9+\xdc\x80e\xd2\xd6\xce*\x95\x19\xa0\x1f\x8d\xf5\xe9\x85\x8bS\x9d\x02C\xf8qyy_\xdf\xca\xd6\x90\x8d:\x16\x1f\x13\xb1\x14\x04+\x91\xa7\x93\x10.\x1d4^\x80\xc5\xe7Se9\xf5w\x7f\x7f7\xe2r\xb9\xf4&amp;7\x82\xe9\x95\xb5\xb5@\xa5D\xac\x14\xc4j\xee\xa8\x02.\xc1cq\x9agug\xcd/\x06+N\xeb\xbf\xbd\xf8\xbd\xea14\xc9r\x88\x16b\xb1\x00K(,\x8b\x8b\xd3\xf0\x11\x0b\xe4j\xd2\xfc\xe6 \xa8\x05b\xb9"nw\xc4\x1d\xa1=\x04\xad\xb2P\xad\x0c\x9fz\xef\xe5\xc1\xc1\xaa\x02\x7f\xf8\xb98-U\x9c\\s\x04\x14\xfb%kXq\xdf.\xd5\xe2\xf7\x0fT\xdf\x85\xf1\xd1\x07\xc3\x08\xcb\x16\xae\xf2\x18\xae\xb8\x828\x90\x0b\xb1\xf8|I\xdey\x13b\xd5\xb9\xe6\xdcP6\x93K\xa9\xac%\x1efi\xb3H\xe6\xbbN\xe6wT\xb5\xfb\xff,NM\x15\x8b\xb95l\xf6\xca\xca\xcf\x0f\x7f\xf9\xaaH\xa5Z\\\\T}\xe3\x87\x9b\xb2\x02\xa8\x88Z\x94D\'\xc4\x01j\r/\x9d\xc6\xe2\tO\x99\xdc\xae\xba\xba:\x97)\xe2~\xdf\x1d\x89l\xaa\xa5\xd7\xea\xf1\xfe\xe3\xeb\xfd\xb4\xf9d~n\xe7\xc8KT\x8b\xe3Ye{\xb8\x9e\x9f\x9b\xb1\xf2&gt;\x87\x08J\xa5R\x89\xbe\x1c\x01.\x06M\x85\x93\xd4D.\xa1D\x87\x87\x88\xa1\x87fQy\x9f7\x14\x15\x155\xd4\x01\x16\xc8\xe6\xa2\xa9\x94\xda\xac,=|\xc0\xc5\xd6\x03\xcd9G\x87\x96w\xa5\xa2Z\x9c6\xb6\xc7\xe3\xe1rA\xb1\xd7&amp;K\xebs\xa8DL\x19S\x06`\xa2\x07\x0b~?ZHF\xe1Y|\x1d`A\xc1\xed\x1a\x98\xf8x\xe6\x8d\xca\x1f\xff\xf8`}\x11\xbe\x9dsG\xe6\xeaN(i0\xbd\x96l2\xec\xbe\xde\xd3\x07\x0e\xbcW\xf5\x82\x9d\x8a\\4\x16\x80%\'\xaf\xbc\x9edi\xa3\x0e\xd5\xa2\x8a\xd9(kd2e*\xd5\xf5\x8d\t\xe3\x04\x9d,\x16\x1f\\\xa4(\x9dPX\xa0\x91P|\x1e|\xf8\x89\x95\x89\x9a\xfcS\x1f\x1f.R\xceE@\xab\xba\x86\x13\r\r\xb5\r\xc0\x05&amp;\xea\xe9&amp;\xa2\xf5\xd8\xb1\xd3\x1d\xf79Q\xb5\x929\x1c\xc2\x05`\xaf\x91~\xb0Ou\x1d\xccKp$8\x1a\x13\x98\xe0\xe3\x8b\xf6\ts{{z4\xe2\xd0\x9fB\xcf\x05\xcd\r\xc5\xc3\xa7n\xf0\x9d*\xc8=5~\x18\\\x9c\x8bD\x00\xeb\xdc\xb9\xda"\xbc\x17\xe9\xf5z\x90,\x0b\xe5\xea\xfd\xbcu~\x17I\xbc\x98S\x98\xec\x11{\xd8\\\xe4\xe2\xb2a!\xf3\xfc?\x92\xa5\xad\xca\x00\nc\xe5\x90&amp;8\x80\x0b\\|5\xdc\x0eTt\x90\x10\x0b\xafF\xc0*\xa1\xa8\x12\x89\x8e\xc21\xc5\xdc\x9c\xf3\x07\xeb\x1b\xe0Z4\xcd\x01\x16\x04\rV.r?"z\xd9}j\xf5\xb1\x87{h\xb1\xb8\x85\\\x0e\x87\xc3nK\x06\xaa\x156p\x01\xd9\xffR\xac\xfc\x0b\xe6"B\xc9d2\x91c\x97\xc3!u4\xa2\\\x1b\x80\xd5\t[1&gt;\x9a\xd6\x04\\\x90/\x8dDB\xe8p\x1e07?g\xfc`\xfd\xb9\xba\xb9\xb99T\xab\x08\\\xac\x8d\xea\x85\x8aA;1;\xf9\xa3\x98\xc6b\xb7\x11\xac\xc2B6\x88\xc5\xee\x83\x0fJ\xf6\xdf\xba\xb1\xf2\xd5F\xb4\x0f\xa0 \xeb2\xe9\xaeM\xb9dk\xc3\xf8\x1f\x16~\xe2\xa2P/`\x02*\x9c\x06\xcc\xcb=\x9asj\xfc \x9a8\x87b544(\x1bP.\xfdfi\xb5\xbe\x87\xd1\xc0C\xe2\xb9\x1c\xb1\'\xb9\xb0\xa6\x8d\xbb\x07\xd2\x85XD\xb3\xff\x14\xff\xb4U\xc89Q\x8a\tI\x97\xc9\x1c\x80%\x95JA.\x91h\x03\xb5\x82(\xc1\xbd\x86G5\xd1\'&lt;)\x92\xb1\xb2\xbc&lt;\xd0\xea\xbd\xf3p)\x9e\x80l\xcd\x9d\x80\xb8\x03V-qQ\xafw\x01\x94\xcdf\xd3\x86^rh\xaa=\x85\xec=\x9cTNr[\xcd\x116F\x9f(\x86`\xabO\xff\rXq\xf9j\xd4&gt;4\x90p5JA-)\xd8(\x121\xd7\xa6Jx$\xe0\xa0\x16\x8d\xa5C.J\xa7)\xab\xca\xcd\xff \'\xe7\xfc8f\x0b\n\xed\xab\xc5h)\x95x\x934\x99l&amp;h\xee\xd5/\ni*\xe0\xe1z\xc4\xa9bn\xdb\x91\x9d\x182\xe4\x02\xacd\x04\xab\xf9\xe3\xd3\xd1\x7f\xf6rt\x95\xa9\xa2\x95"\xc5$\xe5\x906\x02\x9a\xd4\xc1\x14\xc9\xae?\x1b\x02&amp;\x0cx\x13)*z V\x07.\xe6\x1d\x02.0\xf10\x9e\t\x84\xb8\xd7\xd7#\x15(\xa6\x05\xa9\xb0\xe1\xa9\xb0\xd9\xbb^b\xe09\x1e\x08\x15;y\x0f\xa4\x8c\xdbV\xb8sg\x1b\x07\xb9\x92\xa3T\xec\xa7\x7f\xfa\xdd\xdfW\x8b\xff\xd5&gt;\xa4"\xee\x01VB\x02\x93)j\x94&amp;\xa0\x8b\x8e\x04\x99(\xe1\xd5\xd4\xd0\x10\xa4\x1cH~\xc2\xd2\xe9t\xb8\x97\x15\x96\xbd{\xe8\xe8\xa9\x7f\xd4p&gt;!m\xa4a\x18\x0fe`\x023\x14\xe62\x0c\x98\x0e\xa4L@\x98\xec\xa1Z\xed2[\xd8\x83\x1et\x1d\xaa\xd1\xdd\x81\xfdG2e\xf0PW\xca\xba\xb8\xb3d{\xac5\xc8\xee\xe2aCO\xcd\xa24\xd0K\x04\xbb%P\x08\x0b\xc1\xf5R\xd4\n\xb9D\x90\x85\xa4\xa2\xc6\xf5d\xb7\'\x15\xf6y\xbe\x89_\xa9\xa4\xa1\x90\x1f\xcf\xfb\xbc\xcf\xfb\x0eM?`\x81\x8bL\xa0\x12\x9d8&gt;\xfe\x00+\xd8\x18\x16\x9eOn\xaf\xecjL\x87\xb8\rkiJ\x84\xe5\xeb\x86\xe8\xc9\x87\x0fYCx\xec\xb0\xb1\xb8\xb8\xd88\x1a\xbe\xfaG{?\xb5\xde5:\x8e*\x84RU\xb0xYU\xca\x8a2\xa6T\xe9\x8cW\x9c\x80\x85\xa5#\xd7\xc7B.\xf2\xf5_\xeb\xcb\xac\xdd\xca\xa3\x8c\xb9\xdc\x15\x95\xe0\xea\xc5\x90|\n\xae\xde\x1f\xdf|\xb0\xbbTZ@\xb9zzl\xd97\x0cW\xb6\x93,#\xf5\n\xaa\xa4\xaau67\xc5j\xfdlC\xc4T\x9aJ\x91FU#,\x89X\x1e\xcce\xe0\x97\'y\xe6\xbfx\xc6!\xd8uq\x04\x15K\n\xdf\xdf \xd77\xf9\xe8k\xcc\xb9.\xd7\xb8\xa8\xe2\x18\xe6Q\xef\xf4\xcc\xa9\x1c\xe7\x90\xb6\xe3I\xd6KS`.\xd9\xb5\x0c=\x88\xe4R\xf0\xeeQ\xa4\x15Zr\x13F\xdf\xa8\xbe\xedR\xa5\xbaT\x02\x8cb\x99x\xe5\t*#\x0b\x93m\xbf\xe2\xc5\x01\xfd\x84\x89rkt\xf4\xe6\xcd/\x01\xc6u\x15\\\xa5%\x0c\xc6\x1c\x15c-\xc1u\x9b\x1b\xc5wO{\xa7G^\xe8\xf1$\xa9\x1e&amp;\x15MH\x03\xb94\xdf\xb2tG\x8b\'\xa3n&lt;\xac-.V\x16y\x1a\xb5\xd8Fz\xbfyQ\x15\xdd\xd7-`W.`\xa5\x81\x95\x92&lt;C\x1c\x0b\xb5&lt;}&lt;24\x04\x1ab]\x17\xe3\xba\xbf\x1f\xfe\x12\x8f\x1c\xc4\xca\x17\xf9\rkb\x8d\xa3\x1d?\x17%$\xd5\xcc\xab\x03~z\xdc\x86XQT\xc9\x90Ks\x0c\xcfbX\xc4Y\xc4#AU\xa9,6\x8e\x8f\x8fc\xeb\'\xe1^\xbd\na\x08%\nI\x85\x04\x1c\xfe$\xf0\xc0\xa4\x93\xcb"\xd7\xcc\xc8\x10\xd6e\x96\x0e\x8e\x02\xd7\xe8\xc7\xa3b\xb5\x17T\xf9"\xb8r\xfc:\xf3\xdc\xe4\xe4\x1c~\x8fEZ=\xde\xe1\x87\xc7\x15\x05?\xed8\xb0p\x90\\\x81ky\xae\xac\xd8\x04%\x15\xb8*\x95c\x17U\x8c\x99\'{{aGh\xf5\xb6\xdd\xbalv",\xd2]AfA%\xb8\x0cC\xdd\xfdm 34\x84\xc7\x0b\xae\x10\xbc@G\\\xf1#\xb0\xca%x~vv67\xb5\x00\xac9.\x850\xd6\xd8\xf8\xf4\xcc\xc8\xaeO*[Q\xe2=xA\xb54\x04j\x92X\x90\x0b\xa31\xa2j\x08,t\x84\x12K\xb5\x81\xb5O\xaa\xedV\xbdy\x11^\xbeU\x85\xdb%O\xa5X@\x84\xe7u\x1cAf\xa4\xce\xe6\xe7\x072\x83\xd7FY8^\x06#\xd0n\xf4\xf5\r\x96\xd7\xe0\xad\xa5b\x11\xeb\r\xa0"\xaa\x07\x93\xb7\xc7\xa7\x07f\xce\xf4.\x95\x8d\x1fx\xc1\x8c\x02a\x02\xadH\xb9\x80%\xa8j\x1d\x81\xe5 \xbfb\xd2~\xb8\xb7\xd7\x06U\xf52l\x99\xd5Vx\x92J\xd1\xedX\xb4`-t"\xb0\xb2`\xear\xe9\xd6\xee\n\xd6\xdfA\x08F\x97\x8b\xfbs\xa2\x0b~2q-5\x7f\x00\x00\x03\x97IDAT\xe0\xca\xe3\x14\x99\xa9\xa2\x82\x7fNN\xf6N=\xca\x8c\xfc%\xb2\\\x11T\x01\x9c\xcf\xf4d\xa2&amp;4\xdf\x851\x02[\x89\xf2\xea\xd0\'\xd6\x89\xf3\x0b\xb1\xb6\x81\xd5D\x86\xb6\xc3\xf0\x84?[i\xe1\xf6\x94G\xc7{\x8c,LFP\xb9z\xa4\x99z\xba\xfc\xe9\xfc\xc0 4\xba6\xc8\xcbM2\xd1-?}[\xe5\xf2Z\xa9\x04\xd7\xe7\n\x0b\x02k\x0e\xb3\xf1\xf9\xbd\x81\x913\x0b8\x90I\x03\x1c\x83\xa1\'\xae\xc8""\x12\xb6\xe3\xc2\xb1\x8e\x1ciu\xa8\x04\r\xaa\xe5\xb3\x88j\xb5\xbe\xb7wi\xaa\xe6E\x18\xb6\xa1Y\xbd\xde\x81\x9b\xccuS\xa0Y\x16;P\xd7-\xddu}\xd7%\x96k\xec,\x7f}\'\x03\x95\xfa\x06xUF\xa9\x9c\xc9\x94\x07\xfb\xb6\xb6\x06\xb7XG\xec\xa8\x05l5\\\xb8\xeeN\xfdq\xef\xce\xef\xbb\xac \nH*\xba\x8b\xfb\x96H\xaexb8@\x15-#8&lt;o,\xd6\x8e4-\xa8U*\xf5\xa6\xaf\xd9\x9b\xb1\xed}`\xd5\xabj\xba\x05\xb5`\xa4\x16\xe0TKZ71!%d\x16\x9c\xae\xfb\xbe\x97\xd5]\x1f\x87\x92\xb9\xfe\xfbe^\xe6\x93\x19\xc0\xc0)\xae.\xe5Kk\xe5\xf2\x16\xb8\xca\x10\xac\x84="W(\xe4r\xb9Bnb\xf5\xfe\xcc\x9b\x1dY\x94\r\x07-\x98\xb4\x15\xc4D\x97\xcb\x86\xb9\x1c\xfa\xd5\td\xf7\xfcPS\xe4\xa0Y\xa9W\x9a\xbe}X\x8b\xd5\x9b-z\xdeK_\x86a\x13^j\xc2\\\x92%\xa5S\xc4"\x15\xf4qub\xb9\x8e\xe3\x08\xc5\\\xff\xe0l&gt;\xc3\r\xab\xc8\xff\x0721\xbbD\xb0\xe8\xe4\x19\\|\x13o\xe7\xef\xaf\xec\xaa\x98~\x02\x03\xea\xe0%\x1c\x8f\x1a\x8a\xe0\x92\xb5dB\xc1\xb06,G\x0b\xd0\x8e\x88\x89\xa0M\xac\xe0\xe8\xb8\x11;1\xff\x0b\xa1\x93G\xb5Z\xd8\x18N\xc2\xa6iZ\x92\xa9\xc2\xf1\xac\xa1\xf0\x94!y\xa4q\x04\x18\xfe\xec\xeb\xa7+\xb7\xee\xad\xae\ne\xa0\xcdl1\x9f\x87\xafJkkhE4#\xa9V\xf3\xf7\xdf\xbc\x97\x93b&gt;\xc3L\x8a\xcdQ\x1dg.\xd8\xd1\xbe\xa0\xd9\x89a\xc7E\x1f9\xb2\xec#U\x93\xb6sN\xac\xcd\xe3Z#V\xf5\xd2\xf50\xbc\x90\xbcf\x18\xd6;\x96\xd5\x0c\xdbf:\x8b\rP`\x19\xc2\xe7\xba%\x91K\xf7\x9d \xe2\x02\xe1\xc1\xeb\xe7X\x18h\xef\xb9\x85\xbb\x85\x89\xd9b\x91\xd5,\xb1\x15\x19\xf4\xa0ZfZ\x89\x15\xcb\xa6X\xa4\x82Rx\x87\x9b\x8d\x86T\xb0\x13\x88\x08p!"\xb0y\xc9q\xdbW;\xedZ\xfb\xb0V\xab\xc5\xcc\xac\x07\xb3\xb7\xd2F\x9bt\xaayY\xdf\x96\xd2^:\x95M\x89\x1a\xbaB\x1d\x03\xb1\x8fPu\x9d \x88*\t.\xfd\xddWS\x05R\x81\xab\x80\x92A1\x81U$\xed\xc4\xea\xa3\xdd\xf7\x9c\xc2|\xce\xb1E\xe7u\t#,f\x15\x8a\x9ax\xe6`\xb91\x02-\xd0\xc1\xa59Y|\xde\xe6f\xadv\x0c,\xd4\r:\xb9\x1d`\x85\x17-\x10\xaa)5-\xe1\x81Z\xb5\x0c\x87*\x03\x0b\xfb\rf#`\x82 \x88\xb8\\?\xf8\xf0\xf3\xdd\x05\xc6\xf9\xdc\x02\xbf\x8d\xbetE\x85\x05"\xb7\xfa\xd1\x8e\xa31C\xe3b\xe0\xa1f\xd1\x13\xa2\xcdE+\t/\xf9\x18\x8d\xc0\x1a\x0e\xf0\x01$\xf2\r\x1d\xce\xd7-7\x18N\x9c\xd7\xcecUC\xdf\x07P[G\x9c\xf2\xd4\xcf9\xa71\xa3M)\x8b\xbf\x89\x0e6\xf4\r\xee5\xd4\x8b\xae\x17z\xa1\'Y\xc8w\xe2\xfc\xfa\xd3g\xff\xfc\xfd\xed\x17\xdf\xbf\xe0\x95\x01O~x\xf9\xf2\xf9\x93\xd7\x07\x01&lt;,\xa8l\xb6\x1d\xda1z\xe8\x11X\x8a\x8c\xa7\x0b\x9bj%4\xca\xe5B.4\xbc#\xfb\x96+\x0f\'`\xf9\xff\x01\xc3\xde\xff\'\xdb\x1a\x83\x8b\x00\x00\x00\x00IEND\xaeB`\x82'</t>
        </is>
      </c>
      <c r="M210" s="3" t="n">
        <v>45492.67677083334</v>
      </c>
    </row>
    <row r="211">
      <c r="A211" t="n">
        <v>835260</v>
      </c>
      <c r="B211" t="n">
        <v>1963</v>
      </c>
      <c r="C211" t="inlineStr">
        <is>
          <t>Rony</t>
        </is>
      </c>
      <c r="D211" t="inlineStr">
        <is>
          <t>Rony</t>
        </is>
      </c>
      <c r="E211" t="inlineStr">
        <is>
          <t>CA</t>
        </is>
      </c>
      <c r="F211" t="inlineStr">
        <is>
          <t>ATA</t>
        </is>
      </c>
      <c r="G211" t="inlineStr">
        <is>
          <t>CA</t>
        </is>
      </c>
      <c r="H211" t="n">
        <v>167</v>
      </c>
      <c r="I211" t="n">
        <v>10</v>
      </c>
      <c r="J211" s="2" t="n">
        <v>34829</v>
      </c>
      <c r="K211" t="inlineStr">
        <is>
          <t>Right</t>
        </is>
      </c>
      <c r="L21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a96820f-36be-46a6-b16f-8fab4f8d678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|\xde\xc5\x00\x00\x02\xfdPLTE\xff\xff\xff\x00P:\x00G2\xf4\xf6\xf9\x00S;\x00XA\x00B.\xff\xfe\xfe\x00O7\x00E1\x00L5\x00J5\x01S?\xe1\x8cf\x01R8\x00I3\xe9\xeb\xf0\xec\xee\xf3\xcdzY\x02\\F8\x1e\x13\xdf\x89b\xcf}[\xd6\x83_\xfc\xfb\xfbK\'\x18\xbdpM\x00?+\xde\x83`\x02V&lt;!\x15\x11\xdb\x87a^2\x1fR)\x19\xd3\x80\\wB,\xc2sP\xf1\xf3\xf5W.\x1d\xc6wSj:%\xbajL\xaffE\xb4iHW4\'\xa8bE\x19\x0f\x0c\xe4\x8fjP- \xd9\x7f[\xcayUC"\x15\xe5\x94m\xda\x8bg\x84H2e5!\xe2\x86g&amp;\x1a\x16\xa0\\?\x16\n\x07\xd5z[;#\x1b\x9aW;r:&amp;.\x1b\x13b8\'\x018(}E/\x1f\x0f\x0b\xc8wY\xe8\x97tO4)\x8aL5_;.\xe9\x9dz2$\x1fB) G.#\xe0\xe7\xeb-\x1f\x1a\x96P7f?0\x96ZB*\x15\x0e\xb5sX&gt;/*\xa7[An?-\x01K9tK:3\x19\x0f\xf0\x9e|\xbdpU\xb5nO8(#])\x19\x8eQ9\xd9}`\xd2uV\xadjPzSD\xb1bI\xea\x8fp\x0f\x08\x05\xc5kO\x7fL8\xec\x8ak\xf3\x90o\xdd\xd6\xd6\xbdwZ\x91U=\x85Q&gt;\xd1\x82g\xc6~akYRF61\xe0\x98{\xcdrVlF6\xe8\x85e\x18[:X=2\xe2\x8dq\xd4\xc9\xc6\xdf\xad\x9a\xd3\xdf\xe2\xaf\\A\x86ZG\xe0\xdf\xe2m2 \xc4w^\xde\x8fkN:3\xcd\xba\xb3\xc7pT\xc8\xd2\xd8\xdb\x83fbF:J\x1f\x10jOD\xeb\xdf\xdc\x83@,\xb6\x93?\x9e^FZD&lt;\x93`K\xf9\xf6\xf5\xf2\x96w\x8fG.\xf8\xa2\x81\xef\x8af\xa0fM{:&amp;\xe3\x9f\x82\xe3\xbaR\xb9|f\xce\x9c\x8b.W3\x87pg\xae\x8d:\xd9\x8cq\x0cbR\xa2T9\xf7\x9cw\x80aS\xe1\xba\xabT \x12\xe5\xc8\xbe\xe5\x82`\xc8\x81i\xc6\xb1\xa9\xe9\xe6\xe7\x90\x99\x99&gt;\x17\x0b\xa5lR\x98\x85&gt;\xe3\xc3\xb6@`6\x1bP3\xa4\x8b&gt;\xdf\xd0\xcc\xb8\xa6\xa2u]U\xec\xa6\x8a\xa4\x8a}\\PK,e=\xcb\xc4\xc2\xbc\xbc\xc2\x01*\x1e\x0fF.\xb7\xca\xce\xbbcG\'qd\x94\x86\x82\x88zw\xcf\x8ap\xb6\xb0\xb1\xf4\xec\xeayf_\xb1\xaaY\xaa\x93\x89Rg8gp:\x85h]OvD\xb3\x9b\x93+\x0c\x06MB&gt;\xa3\xa9\xab*[Uf.\x1b\xf2\xb6\xa3t\xa1\x9c\x8a\x91N\xa6\xa1T\x9c\x94\x93\xa8\xb2\xb7\x80\x8f\x8f\x97\xa2\xa5\xc1\xa4\x98\x97zlz\x8dMHyse\x81H\x89\x80?:pi\x90\xb2\xb2\xb5\x95\x89\xa4sa\xbf\x8by\x98j[\xd1\x94~\xa4\xc0\xc0\xa9\x9e\x9d\xa7\x7fq\xdf}Y\xeb\xc0Y\xec\xcf\xc5\xd3\xb2P\xf9\xab\x8e\xc5\xb4_\x95\x9eWc\x92\x8ewom&lt;oA\xd5\xb1\xa3k\x81\x84K\x88\x80\xd1\xbaa\xd9\x9e\x87{x;\xbc\xacX\xc5\x9fG\x12-#G\xf0\x95U\x00\x00 \x00IDATx\xda\xc4\x98\xcbOZy\x1b\xc7\xbb;+\x92\x96(\xa2!T\x81\xa2\x08\x08\x14Q\x11\xb4\x12\x11/\xa7\x06Q\xc0\xa8xP.^\xaa(7i@Sl\xa5\x06u\x9a\xf16\xa2\xa11\xc6Z\xc7KJ\\L\xab\xc4.\x1a\xb5c\x9a4\xbeL|\x17.\xda\xdd8\xd3\xb4\xcd\xacL\x17]\xbd\xcf\xef\xd8\xf9\x0b^\xd1G\xce\xc9\x11\x12\xf2\xc9\xf7\xf9\xfe\xbe\xbf\xe7\xc7\xb5k\xffoaP\xd376\x87\x07w{7oMO\xd3\xe9\xf0\xff\xb5+/\x0c\xa3_\xdf=\xd9?\x8b{\x0c\t\xf7\xd9\xde\xde\xc9\xe7\xdda\xfa\xd5CM\xf7\x9e\xb8\x13\x06\\\xab\x95k\xe5r\xad\x16\xc7\tO|\xff\xed&amp;\x1d\xbbR\xa5\x86O\xe2\x08I\xce$K\xce\x94\x03\x1b\x8e{\xce\x06\xe9W\xd6J\x0c\xbb\xf1G\xdc` \x08\x1c\xd7\x92\\y\xa8\x80\x0c\xc7\xf1\xc4\xc9\xe6U\x81\xd1{\xcf&lt;\x04Ah\xb5\x04\xc8%g\xaa\xf3\xf2\x14yyjf\x1e\xa8&amp;\xd7\x12\xf1\xcf\xc3W\xc1\x85\xd1_\xbb\r\xb8\xfc\x87Lp)\xe4Z\xa6\x9a|\xceC\xfd\x94\xe3\xee\xd7\xb7.\x1d\x0c\xa3\xef\xc6\x81\x8a\xc9T+\xa0:\xa1\xf2\xe4\xcc\xceN\x05\xa2B7&amp;S\x0b\x16\xdb\xbdl\xebc\xc3n\x02\xd7\x820\x08\xabS\xf1/[\xa7\x82\xc9\x84\x87s\x8fi\xf1\xc4\xdbK\x16\x8c\xfe\xd6\xf3\xa3\x83ep50\x91l`\xaes6\x92\x0b\xc0\xb4\xb8a\xef:v\x99\x8b\xf0\xd6\x9e\x01\x16\\I\xc9\xddZ\xa8\xf4\xbb%%)ej\xb5\x9a\xa9VC\x0bI6\xc5\x0f\xae\xfd\xcbs&gt;F\x1f\xdcK\xe0Z\xf8#\x88\xbb\xb5\x95\xd5:\x9f\xcf\xa7\xab\x16\xa4\x97474\x00\x1c\xa0)\x14dZ \xae\xb3\xc1\xe9\xcb\xe1\xc26O \xd8Q\xa6\x13DI\xadX\xd7\xc4\xee\xee\xeb\x87\xea\xebg\xabT\xe2\x94f@CT\x88\x8d\x8c\n0\xd8\xe55P\x0b\r\x14\xe8\xba\xdb~\xb6\xb6\x9aL&amp;}\xab\xbe57W\xf8s}}\x01;\x87+m\xf8W1\x88\n0\xfe%,H\x0c\xfb\xc3\x032\x11\xb5\xd5\xdd}\x08\xa9\xa2\xa2\x82Z\x81j\x94\x93\xd1e\xe2\xf1\xed\xc2\xe2\xbe\x02\x10M\x8d\xb0H2&lt;\xde\x8b]B\x8c&amp;\x08\xc2P\xab\xeb\x07&amp; \x82R\xd2\xa8\xd4\x01(\x8bett\x94\xd7j\xb7\x17\xf7\xb5u\xab\xd2\x1b\xc8\xd4P\x80\xf3\x89\xfd\xeb\xc9\xf6=6\x08\xfb`mu\x7f\xc4j2eSi\x88J\xd9\x0e\xa5\xb4(\x95\xd4\x81Q\x0e\xcf\xc4\xb3\x0b\x8d\xa5}\xdd\x8d\xa4`\x9d$\x97\xe7s\x92\xb9\xb0^\xb7\xc1#h\x8a\xe8\xf5\x8e\x8a\n\x1a)\x93E\x82\xa8\xe0\xa5lWR\xbbx|\x9e\xdd\x0e\x1ek\xebn\x14H\x1b\x14dT0\xb5\x9e\xfd\xded\xfa\x0b\xbb~f\xf0T\xf6\xeb\x1d\x8eG\xd0@\x9a\x92f\x01,\xa5\xa4\x88\x81$\xb3\x0cX\x06\xba\xde\xd8\xed\xbcV\xf0~_\x7fw\xa3J\xdc\xacF\\j\xa6\xd6\xe0\xeeM\xa6\xb1\xdez&lt;!_,JRA\xfb,\xa0\x90\x84Q$\xa2\x00\x97\xd2\x02T&lt;\xfb\x03\xa3\x9d\xc7Gju\xa3,#\x05\xcbS\xcb\t\xcf~\xd2b\x82\xdc\x9f=\xa1&amp;\xab\x1e\xb0\xa84\x1a+-\x1c\x0e\x84\xc3\x8c"J\x91\x04\xb0\x06\xa8\x80\xf5\xc0h4\xa2\xa4h+(oD\\\xb5\xcd\x88\x8bI\x18\x12o\xb1dQ!cy\xfcA\xd2X\x80\x95\x16N\xa3)\x95\x12%\x98K"\x91\x80\xb9\x06F\xbb\xde\x18\x8d\x0f\x84\xc6\xe2R\x84\xd5\xa8\x03.q\t\x84\xab\x9a\xc0\x89\xb3\x1bX\x92\xd2\xfd\xcc\x00bUO\x9dcU\xdc\xa6R-\x16X\x80\x12F;\x83\xf1U\xc2`\xc0r\x1c\xe5\xf1\xf9v&gt;DW[\x01\x9b\xc4\xaa\xf6W\x96\xc0&gt;\xae%\x88\xc4`R\\\x0f9j0\x18B!_\xc4\xaa7\x99\x10\xd6\xed\x81\x01\x80\x02\xa6\xf6\xa2"\x06\xdcA\xb0\x81.\xbe\x9d\xc7C\xc9\x05b\x91X\x02\x7f%^\xa6\x95\x13\x06\xcfIR6G\xac7\x0e\xdf\xed\xf7\xf7\xc7\xac\xe7r\xa1b\xa51\x18E\x8c"\xf2%i\x0f#\xb9\x80\n\xb0\xaa\xca\x1bu\xaajT\xfe\xca\xbbe\xb8\x1c7\x84\xcen%e\xc4:A-\x9c\xd4\x05\x81\n\xf6\x1c\x88R\x9a\x92\x91Z\xf4\xa3\x18EaF8\x0c\xe950j2\xf1\x84(\xb7t*\x15\x02\xf3\xfbk\xcb`\xd80\x84\x0e7\x93\xa0\x166L\x8a5\xd6\x04\xd629\xce\x1d/\x12ut\x88:D\xe7`at\xb5\xb7SGG\x1f\x99\xec(!`!\xfe\xc0\x82S\xa4\xd6\x10z\x95\x84\xad\x11\xf6B0\x96\xdf\xe7\x03,G\x85\x8bFu\x86\x8b\x02\x01M\x87\xa6\xa3\xa3\x03\x1e\x00\x89UD\t\x04\x02a\'\xed\x91\xc3\x84r\xbe\xbe\xdf\x06c\x182}H[\x86\xd4\x8a\xef^\xfc\x0e\x84M\x9f\x18&lt;\x93\xbe\xa6\t[\xcc\xe1t:]N\x99l)\xa0\xa9A\xd5\xa1\xd1\x04(\xa2p\xdaH\x00\x1e\x02KN\xc0\xb2"\xac`\xbf\xcd\x06\\cc\xfe\x124\x9ay\x12/\x93\xa0\xd6\xad3Chl\xc2f\x8b\xe8]N\xe7\xba\xeb\x91\xcb\xb5\xbe\xb4\xe4] \xcb\x0b8\xe1\xb4@M\x8d7\xb0\xb4\xb4\xee\xd0G\x00\xa9\xbf\t\x90|\x136\xdf\xc4\xd8\xe4]\x1c\x07\x03\x84\xf6.&gt;!\xb0\xcd\xb8g\x12\xa8bz\xd7\xc1A465\x15\x89\xc5b\xd1\xd3\xd3\xd3\xe8_\x9f\xbe{\xa1\xd2\xc2\x9a\xedm\xef\xd2\x81\xcbZ\x0f\xae\xf2\x0b\x04\x82J\x18\xf3+\xc7&amp;&amp;&amp;&amp;k\t\x1c\xa8&lt;\xfb\x17\x9f\x10\xf4\xdeDh\xccf\xfb;\x1a=88\r6\xf9\xba\x83\xb6\xe0\x8a-h\xb3M\xc5\xa2\x07\x9f\xbc\xde\x11\x96\xcc\xbb\xbd\xbdp\xe0\x88\xf4W\x0b\xe0\xc8Q\x92\x02\xe7\x0f\xa9TZ\xeb\x07.?\x81{B!\xcf\xe1\xef\xd8\x85g\xe9`\x02\xc4\x9a:ETS\xc1\xbe\xa9\xe0T$\x08dSS\xb6\x18\xbc\xe7\xf5.\xc9d\x01\xb8\xbb\xac}\x8dbiJss\xb3T\x9a\xce\xe5f\xa5\xa7\x8b\xc7\xdc\xee\x89ICm(\x14r\xfft\xf1X\xaf\x13\x13\xafVP\xcb&gt;\xe9!\xb8\xd6?}\xff\xfe)\x1a\x8bDb\xd0M\xab\xeb`iddD\x16v:[\xeb\xd9*\x80\x91\xa6g\xdea\x97\xb7U\xc1\x0e\xa4\xd2\xad,\xbew\'jC\x89\x84\xbb7\tX\x93\xee\x95\xf7_\xc0H\xeb\x0e\xd7\xc8\xc2\xf6\xd0\xd0\xf6\xc2\x92\xd3\xd1j\xb5FZ\x1d\x0e\xe7H\xbe&amp;_V\x91\xcd\x11V\xe5dr\xb9\xdcBv[qq)\x9a\xea\xd99:\xdf\xe2\xce\xa2\xdb\x13\x8aO\xba\x7fK\x02V|\xe5\xfd\xdf@\xf5\xfd@\x96\xdf\xb2\x8d\xca+ceg\xf0\xf9\xfc\x0cN6M\xa6\xa9\xd1\xc88\xb9\xc6:v\xa6\xd9l~X^\'\xcc\x85\xf1\xa6\xb8\xad\x8a\x9d\xa3\xaa\xb6\xbd\xdbY\x8c\x87&amp;\'\x93\xa2\x96{q\xf1\xcb\xd3\xa7C^\x8d\xa6\xa5\xa5\xa6\x85\xc4\xa2\x02V.\x9f\x97q\x1b\xb0ZZ4\xd9\xc5\xb3\xf3\xc7Y\xab\xe6\x87\x05B\xc7#\x13|T\x0csD\x8eJP\xfd\xf1h\xefp2\x1e\x7f\x95\x04o\r\x1e~\xfc\xf8\xd7\xd3\xa1\xff\xd6\xb4\xcc\xd4\xb4hj\xb6\x17\xbcN\x07\x1f\x14\xc9\xe5gd[$\xa93\xbf\xfc\xa2\x19]\x9e7\xaf\x8e\xaf&gt;\xacj=Xw\xc0\xe4\x0c\x1b6;\x07\x9a*\xb0}x\xb7\xe7v\xbb\x0f\x7f\xba\xf8\xdc\xea\xdd\xdf\xf9\xf2t\xe8\xf9P\xcd\x8c&amp;??_\xe6\xd0G\xf50\x82\x16\xcc.\xe7\xf29\xac\xd4\xb9\x9eg\xcf:,\xcb\xc7\xab\xe3\xe3\xab\xec\x9f\xadV\xf84V_\x9eS\xc8\xcd\x04\xab\t\xaaw^\xbe[|\xe5^\xdcL\n\xd6\xce\xb7\xa1\xadm\x80\xa2\xb0\xf8B~$\xd8$\xe0\x16\xdea\xcf.\xf39TQOO\xcf\xb3{\x805\xfe\xe2\xc5jy}$\x1a=\x9djjTer\xd3\xd3\xb3\xc4\\n\xe5\xfb\x8d\xa3\x9d\xc3W\xfb\xbf\'\x01k\xef\xe8\xcfo\xcf\x9f\xd7\xe4Snr\x8c\xc2\xfa\x1ciJB\xa1h\x96\x8e?,\xcd\x90\xb1R{\xe6zff\xda\xdf\xcc\x03\x96\xb9\x9c\x9dS\xa8\xf3\xc7\xd5\n\xf5\x7f\x9aS\xa4\xe9Y\\\xaex\xe2\xc3\xcb\xa3\xc5\xc3\xbd\x8bOyl\xf8\xdd\xd1\x87\xad\xad\xa1|\x11\x85\xc5\x11\xdeY\xcdT\x89\x05\xd2qs\xa1\xf9x&gt;7\x95!\x99\x83.\xce\xdc\xef\x9a]}1~l^5\xdf\t6\xe9\xd2\xa5\xe8G\x92\x86\x14HUq\xf5\x9f\x1b/\xf7\x17\xdf%cO\x04\xac\xe7\xbf.\xe4\xe7\x8bX\xbc\xe5R\xa1I\xaf\x8fF\xea\xeaf\xeb\x8c\x1c\x16E\xf2um\xae\xa7\xe7\x1e\xa3\x0b\xba\xb8z&lt;\xff\xa4N\xa8\xd7[\x8b\xdb\xd8\x85YR\x88\xfb,\xb1X\xf0\xf1\xf1\xc6\xde~2&amp;\x88\x1bG\x1f\xbemmi@-8\xe5H\xa8\xb7\xa9.\x17\x7f\x19\xa8x\x9c\x9b\xf7\xd7\xd6\x10\xd6\xdc\x9a\xe5\xc1\xfc\xea\xea\xf1\x9d\x82\xaa\xbeb8\xf0\xcf\xce?4geA\x0f\xb9\x02\xc1\xca\xc6\xe3\xcf{\x8f\x930\x9dNoll\xfc\n=\x14\x89(\x14\xcaMV\x1a-#wy\xf9\x01\x8f3jY\x9bC\xd5s\xef\xde\x9a\xc5\xfe\xc4\x8c\xb0J!\xe2\xebfgg\x9f\xb0\xa1\x1aU\xaaLU\xd3\x07\xc0\x1aL\x06\xd6\xee\xc6\xe3\x7f\x86`\x19\xa6R\xc8\xc5x\x9bC\x1e\xc8\x94_\xef\xc3*\x9c\xeb\x99\xbb77w_\xc9+@\xc6\xaa*5\x92\x05lmm\xa5ml8k\xf8v\x00\xeb\xb7d\x0c\xcd\xbd\x8f\xb7\xfeY\xc8\x17\xa5\xa6jZjD\x0c\n\x85\xc1\x80f~\xfd\x1f\xad\xe6\xf2\x93V\xbb\x85\xf13s\xc4\xc4\x14\x10C\x02\xa8\x07\xc1b\xc0*\x97(\x85C\xa8\x16\x9a\x9a\xa01\x10\n\x86\x8b\xb2\xbb\x05/h@"\x18Z\xf0@,Bl\x05&lt;\x986\xc6p\x11K\xc3\x17\x06\xdeN&lt;\x03\xd2Z\x8d\x89\x91\x81\x0c:\xd0\x99\x9f_\xd3\x1a\xe3\xc8\xc1\x19\x9d\xf5\xea\xf9\x13\xb6+12\xfc\xe5y\xd7^\xeby\xde\xbd7&lt;\xd0\xeb\x0e$\x97\xc7\xeei\xc35\x01X=\xa2\xb4\x1fU\xcb\xe3\x16?\x9a\xa9\x13\xfa\xbe\xbe\xbe\xf3\xd0\xd6n\xf4!"\xc6h\xa1\x94_\x81#\x845c\xc0\xecv\x89\x07\xb5\x14\xb08\xee\xa9\x96\xedv\xcf\x86[\xdbh2\x89c\x80U.\xc3\x1f\xb7l\xb3\xb5\xf6\x8f\xe8\xf5}\xd3\xd9\xb3\xc2\xd1\xc1C\xc4\xc4h!\x9fs\xf1\xf9\x1d/`%:\xee\x99&lt;\x1b\xf6;,t\x8c@h\xf7X\xb5"1\xcb\x94\x92\x01\x15^.\x97\xc38r\xf5o\x80k:{\x11\xdaZ"\x9c\t\x0e1\x1a\x02\xac\x8e\x0e$\x16R\xcb\xe3\x01\xbdP\xc5\x93p\x8a\xf6;*\xc0R\xe9\xd8\xac\xd3\x84\xbf\x8c\xe3x8\x1c\xc6\xf1\xc7C\x8b\x1f\xde\xe8\xf5\xc3\xc3\xbb\xa1\xc2\xd2\xdf\x08\x8d&gt;5uPK\x80\x05\xf6\xc1\x10\x07\xaa8`\xa1B\xff\x1c\xc9$\xb6\x81\xe6V&lt;\x13\xb7K;\x95\x8d:\x93I.\xe3\x86\xc3n\xab\xd5\x1d\xc6!\xc9~x3\xac\x1f\xce\xee\x86|\x08\x8b@\xae\xa5\xeb\xdb\xdb\xfcu(\x97\x9f}\xf1\x02i\x157\xc4A\x1f\xa0r \xae8\x86Z,\x9eIVw$n\x8d\\\xac\xe0pL)?\x17\xb7"\xac\xb0\xb1\x15\xd4\x02\xcb\x9f\xfd\x1d\xda{\xfbe\xf4-q\xfb\xa7\xae\xe4\xf2\n\x85\xce\xfdR~v\xe5\x0e\xcb\x904$\xe3\xf18\x16\xc7$\xf4\r\x0c\xf3\xd8\xc1&gt;\xc4\x1d\x99\xaaKZN\xc1\x00erL\xeb1\x7f\xb7\x14]\xf1\xe2\xf5\xb6\xc5\xf1\t\x08#\xd9\xf3Bh\xf5p\xeap\x8b\xa0u]S\x13u\x96\xad\x12\xac\xc3\x95/\x01\x16\xe8\x95L&amp;onnvvz0t/\xd9#\xb1;\x1cq\x8c\x04\xe9Z\x8aw\x8a#\x11\x18\xec\xac\xe2z\x82\xebtJ\xdd\xe8zPf\x1e\x19\xcef\xb3\xe7g{S3&lt;\xb5~\xab\x8e\xa0\xc6*Y\xaf\xf8$~\xcf\xca=\x16\x12\xeb\xa6\n\xb5\xe2\xb5\xc0\xd3f\xf5Z\xe8\x1e\x8b\xadQ7Na\xe0ZQ\xa4\xf2\xecU$\x12\xa9\x14\x03\xe9\xa0\xd3b\rsmZ\x99\xaaQ\x9f=\xde^\xbd\xf0M\xa9y\xa6\xc011\xa6\xabf\xa9\xea\xb8\xc9d\x0c\x1dwX.\x10\xcb\xb0sS\xcdW\xabkR\xdc\x9f\xf6\xcf\x03\x1c\x18\x87uS*]\xdf\xaabV^\xbf\xee\xaa\x14+\x95\xe2i\xc2\xd6mAbi\xc7E\xba\xe9\xe1\xd5\xed\xe3\x8b\xd1C\x1e\xcb\x14\x98 h\xd6/U\x93\x80\x95\xe4\xaf\\Co\xf5 \xb9@\xad\x9b\x1dW\x03\xee\xd7$\xf0\x9e\x1e\xcc\x9dN\xa4q\xb7T\x8a\xcb\xe4 VWW\xa5\xf2\n\xec\x8dH\xcb\xadu\xe3e\x7f\'J\x19\x0b\xc7\xdb\xd9\x93\xcdm\x16`\x89\x88\xd9\x8cu\x0777IG\xc6\xb1\xec\xca\xc3\x80\x98\x83\x84\x13\x8f\x1bP\xac\xc7\xfd\x89\x94\xdfk\xe8\xc1\xec\x16\xa9t~~\xde\x1b\xd6\x04"\x15T\xc5\x08\xc4\x8c\x98\xcc\x16\x06\xb5\xb4\xe3J\x9d\x82\xb7\xb0}\xbc}\xe2\xfbw\x84\xad\x08\xc4\xce\x88p]\xd0\xf1\xc9$8\xe2L\xd2U\xba\xce\xb9\x84\xe8Z\xa6\xa7\xe7\xc5\x8a\xb7\x16\xa84\x96\x1e\x18a\x12:\xc5\xe9t\xee;\x8d\xe9\xd4z\xf1U\xb1X\x8c\x80(\xf2\x98F\xeb\xaf\xc7\xcbZ\x10\x8b\xc9{w\xb8:u\xe6{/P\xf7\xe9\xe4\x7f\x1e\x10\x82u\x9dI\xa2\x99\xe9i\xca]\xe7\xd6\x1a\x84^&gt;fG\xf7X\xe5D A\xf1b\x98\xc4R\xdb=\xe9\x9c\xfc\x1c4\xb6jb\x81\xc0\xa9\xc9\xc4f\x99L\xa7\x010\x83\xe9\xf4c[:!g\xb2!\xf0\x1f.\x9c\xfd\xe7y\x84\xad\xd6\xcb\xa1\xb9j\x88\xc0\xc2\x1cv\xe8\xae+&lt;W\xca\xadQ\x85sd\x12\x9f4\'\xecN\x07\x12\xc1\xb5yjm\x93\xd1\x18\x0cN\x06\xc3F\x9bV\xeb\xf7\xa7\x13)\xb9\x9c\x83",S\x1e\x93%\x12-\xe9\x84\x98\xc5\xa2\xcdLm/\x9c|\xef\x8d\xac3\xf5\xba\xc6B\x1d\x11Xy\t\xac\xbd\xe4\xb2\xd5:\x8b\xb0\x18B*\x9dN\x97\x08\x8d\xb1\xd8\x98s\xb2\xb9\xbe\xb5&gt;\xdc\x1d\xa48\xe7-\xb8\xdfo\xc3\xe1\xd9L\xc4R\xe0Ja\xaa\xb2\xc5JUJ\xe3\x07,\x1aM\xb0\x00X[\xac\xc8:{zXwB\x08\xd6\xf5\xfcF&amp;\xb3\xbc|EGX\xf3$F[\x1b\xbd\x8dL\xd5\x04\x86&amp;?\x0e\x0cB\xa2\x96Z\xe6\xbd\xde\xb55\'\x8c\xf42\xa2\x82\x92\x07\x98,\x1aL{%\'\xe5\xd7\x80\xa1\xa7\t\xdemO\x1dm1a\x8e(\x86u\x17\x84`E\xbd\x1b\x99e\xb0{\x9e\x95\\n\x8dLb \xf7Gw\xa7b\x88\xaa\xbe),\xa5K\xd6\xf6?\x07\xc7\x06\x86\xb8Z\xa4\x94&lt;pz\x1a\x08 \x89X\n\x8e\xe2\xb4%-\x87\x9f\xb4\x99\xec\xf6\xd1\xaf\xbe{,b\x1e\xc5\x03\x97$~e\x05.\x17`\x91\x10\x96\xb4\x8d\xce\r,N\x8e\r\x0c6\xc3\xcf\x06\xe3\x10\xd4b\x7f\x7f\xbf\x06d:\x85\xe3\xa3E"4V\xa4\xbd\x9d\xa9\xe3\x04\x06[R \x1cM\x9d\xdd\xde\xfd\xc1[7\x01\x96&gt;DH\xcb/\xcd\xcecWe\xdcz\xd5\x91\xcb\xb9Hsdr[\x9b\x94\\\x8e\r\x00U\x13\x85\x1a\xd6jT\xa0QLe6\x8bT\xa2\xc0:\xa4}Z{\xf1nN\x14\x15#\x8d\xcazn\x8cMc\xb1\xd4\xd9\xc3\xdd\xaf\x11HA\x8a\xe1cb\xbcs\xdd\xb5W\x12o\xc3\xad8e6\xe7\x9a\x83\x88Af\xb4\x91\xb9\x9a\xb1\x81\x811c}g,%Ri\xb4\xc1\xfd\xd9\xdbO\x1f?\x9d\xfd\x9e\xf8\x90\x9d\xceN\xbd\xaa&lt;{\x06Cu\xa4\x7fDeDX4V\xdf\xf1\xea\xd17\x9a\x80\x05\xbbz\x97 os\xb0\xe3\xc1\xf8d\xec*&lt;[\xfa)\x84\x9cH"Co\xf9\xc7\x06\xc7\xc6\xcc\xa7\x11S\xec2\xf7s\xb6T\x8dF7o7}\xa1\xcb\xc2\xc9\xf9\xc9\xb7\xa7\xff\xe8z\xdd\xf5Jn\xee7w\xd6\xb7(Qo\xa9\x01k\x95\xa7\x16\xf0x\xfa\x10A\xd9\xba\xe6\xba\x87n\xe1g2\xfc\xd9\xfc\x7f\xe7 (bd\xe8/n}3\xc5h\xaa\x14U\x9fg\xa3\xf9\xebh&gt;\xfae\xd47\xea\xdb+\xec\xfd:\xfa\xf5\xad\xf7\xe5\xb3\xae\x8a\xd8,[\xeco\xe5v\xa2\x96g\xa9W\xcfO\x0ey\xef\x04\x02\xf59a\x86k\xa9j\xc00pz+\x80\x05\xb3\xd4Bg\xd0\xc9MM\xb5\xd4\x06YQpY*\x8d\x8e\x8e\xbe\xdd|\xfbv\xd4\xb7\xe9\xdb\xdb\xfa\xfec\xf5\xeb\xa1@P4\xc9E\xe6N\xd9xg\x8b\x86\x83\xe6\x16/\xbb\xbb5\xc5\x9bV\xab\xf5\xc4E\xeb\x9a\x83\xaa\xc1\x90\xc98v\xf2\xb3k\x80E&amp;C\x84\xadm\xaem\x90\x90l\xa2\xb3\x90os/\xe4+\x80P\'[[G\x7f\xfd\xf9\xd7\xc4\x84R\x1e\x10\xcb\x95Jx\x04 _+\x99\xff\xc7*,\xb0\xa7\xa7\x87/\x08\xbbL\x82\\pPM&amp;3\x8e\x95\xfc-\xc2\xba\x03c&lt;y\xd2@\xc2$\\\xdb\xc7\xcf\x97\x97\x1f\xef\n\xbdf\x04\x7f\x05cB\x1e\xe0\x048re\xa3\\)\x93\xc9\xef\xb1\x8e\x8f\xb6\xde\xf3\x88\xa4\xba\x9f\xa97`\x95wJ\xb9\x9f\x0cX\x89\xc0E"\xd7\x02\x16\x1f\x93\xb8\xcb\xb8\xdbj\xe9v:\x83\x9f\x83\xc1{\xaaT\x00\xd4b29r1G\xd9\x89n\x9e\x01kf\xfb\xe8\xfb\x8cz\xf8\x84\xe0\x8b\xb7;\xbd\x0c\xb9\xd2\'*\x83\xd4AbPIdJ-\x89/\x01.0\xec\xd2y\xafk\r,\x04\xda\xd6\x1a\x98\xf4\xb0{\xd8l1\x90\xc1\xb3\xa8\x14\xdfc\x1d\x9f\xfc\x98\x19\x0e\x1d\x10\xfc\x8e\x0c\xfa\xfe\xba\xba\x02XN*\x03\x06\x17\x83A\xa6R\x84\xfc;.\x8b\xd52\x0f+1\x88\x94\xd2$\xee\xf6\x8f\x98\xcdb\x02\x15Sg\x9e\xd01\x99\x02\x1a\xadw\xe6x\xebk6\xf4\x00\xd7n`\xea\x0f\xbe\xf8n\xf7)\rmm\x0c*r\x12T&gt;\x06`\xe8\xcd\xb9\x1b\xa2\x84L\x05\x1d\x8e\xba\\\tX\xcc\xfb\xd2\xe9\x1a\xef\xeeO{{gV\x0b\x9b\xd1\x87\xf9\xe6\xb3\xa6\xa6n\xf3\xf62Hih\x00\xaa\xb99!x/D\xd5&amp;}\xc2\xe5\xb6\x8e\x8bF&amp;F&amp;&amp;FD\xcaF%8.1:CE\x9fZ\xc1B\xc3\xf4\xe5\xf3w\xe7\x9b\x0f\xf71K]4t96\xf6\x04\xb8\x18B\xa1prRH\x02\xef%\x95\xd6\xb6.\xf6\xab\x94#\xfa&gt;]\xe3\x88\x12$\x8b)\xe5\x1c\xf0\x82&lt;(\x01M@k\x7f\xd9\xfb|\xe1\xe8\xcb\x03~\xfc\xf3%t\xf9q\xb0\xa9\x01\xb8\x84\xc2\xfd\x81\xd6I\xaa\x04\xcc\x17\xddR;\xd4\xaf\xd2M\xe8\xd9L\x85\xaeQd\xd6hTJ%z{\xf1\xbc\xf7i{;\xad\x1d\xb0\xfe\x99-&lt;\xe4\xa7x\x07\xa1\x8b\x8f\x83\x83\xcd\x14\n\x84\x8a\x81\xc5~#\x95\x0crm\x90$\xc1\xfeq\xd1\xe2\x88B\'2\x9bU\x1a\x99\x0c\x81A\xde\xe9}\xfa\xf4\xd1\xa3GO_\xbe\xec}\x7f\x1e}\xc8\x0f\x92\xfe\xee;\xfb\xfd\xc7\x1f\x83\xcdO\x9a\xc1\xf6\xfd\xeb\xc3P\xf3\xffx9\xdb\x98&amp;\xb3,\x8e[\ntXK|\n\xa5o0\xbc\xb5\xa5\xf4MJ\xb1uh\xb6\xa5X\xd8\x16-\x05J-\x94P\x86\xdd\xea&amp;$\xbc\x08lHXmh\x00S\x19fc\xf1K?H\xccb\xd6\x98j\x87\xcc\x07!\x18\xd9!\xc0t\x89\x89\x99\x04\x12\x12\x811$\xa8\xc3\xa8\x1f\xdd\x8c~\xdcs\xeeSVMv\xb3c\xe4\xd9\x03V?\x99_\xfe\xffs\xef=\xf7p.BH\xae/\xbe\xf8\xe3\x05\xedUS\xc0]j;\x8f\xab\xd1\xe4\xf5\x9a:\xa5\xa5\x1a\x9d\xd3\xdc@\xb0\xc0\xc39F\xe7\xa4\xae\xdd\xfe\xf1\xd5\xfel\x00\xaaR\x8f\xc73\xd5\xe5\x0e\xb4\x17\xe3\x08\xc4\x9f\xffz\xa1\xbd\xddoq4*e\xe7o66Z\xbc\x16#`9\xadVk\x03\xfe\x10\x16\xd6!\xb3cx\xd7n\xdfz\xb8\x1f\x8dF\x03~\x8fg\xd6\xe7\x03.\x85P(\xbc\x82\\\xfd\xe7\xcfk\x95\xb5\xed\xe7oZ:;\xd1C\xb0\xd0\x9ao%\x1e\x8eO.\xfc\xe3\x08\xb3X\xdf\xdey\xb2?\x15\xbd\x1a\r\xccF\x87\x86|}\xee@\xa0_x\xe5\n\\^G\x95^\xadR\xa0\xf4\xdel\xfc\x8b\xd1(\xad.\x01\x07\xf3\xf3\xadg\xd0\xc2\x89G\x0f\x99\xc5\x12\xdd\xbe\xf5\xed\xb3\xfd)\x8c\xab#\x13\xc3\xc3\x00\xd6\x1b\x18\xed\xef\x0f\xc4\xfa{p\x8a\x12s\xcbQU\xdaR\xad3\xe3\x0c}eCG\x87}&lt;\xb26\xcf8\xd6\xa5[w^\xed\x8f\x8c\x00\xd7\xc8D}\xbd\xa6\t\x9c\x8czb\xb1\xef=\x81\x80\xba]m1Y:m\xa5\'\xabu|ksee~%\x19\x7fY\x9b\x1fx\xc60\xd6\xbdK\x97~y\xf6\xe4o#\x10\xe7\xea:\x9cNM]]\xd3\xb9\xa9\xeb\xb1\xd8\xac\xdb\xad\xf5G{{\x1d\xd2\xaaR\xd0\xcaJ\x1e@\xe0\xf4Cd\xfe\xc6\xe4\xe439\xd3X\xd3\xbf\xfc\xb8\xb0?r\x0e\xfb\xa1v\xa7\xb9\xden\xaf\xb7\xfbf\xa3\x9e\xa8\xbb\xd3}\xd5\xdd\xdb%\xad\x92V;\xad\xc4\xc1\xca\xca\x8e\xf1\xc1\xe1\xc9\xb5\x81\xc8\xe4\x0f\xd7\x18\xc6\x9a\xfe~z\xfa\xd9s\x84:\xe7\x9b\xa8?c5;\xcdN]W_/\x00Im]]\xb0\x8bV;\xcf\xe4\xe3\xc8\xba\xb5\xe1\xec\xe0\xd9\xc1\xc8\xc0|$29\xc7,\x16\xe7\xdet,\xf6\xd34dW\x9f\xcf\xe7\x1b\x1a6\xe33\x1a\xd8\x99\x9ap\nPS\x8d\x01\xc9nMf\xfbY\'\x9c\xd1\xf7#\xe3\xc3\xf3wDL\xab\x05\xf7\xfa\xeb\xd7g\xb1\xd7&gt;44a?\xdbPS\xd9\x90\xdflv\xc2\xc1W/\xae\xd7\xd5;\xf98\xd3\x9f\xdfP\xd9\xd1a6w\xe0\xac\xc8\xb8}x\xfe2\xa3X\x1cQ7`\xd5\xf6xf\xa3\xee\xbe.\xdfPS\x9d\xbd\xa39\xbf\xb2\xe6\xf8\xf1\x9afk\x1b\xac&gt;\xab\xb59\xbf\xa6\x06\xb0:\x1a\xce\x9c!\xe7N=d_\x84\x89\x02\xf0\xc3\x9a~:V[;\n\xe7!\xa47\xf8\x08\xd69\x1b\xf0=\xc6\xf1\x9a\x83\x80\x7f\xe2|\x7f\xa5\xb5\xc1\x8a\xb3\xeb\x00\x06X\x17\x19V\xeb\xeb\xe9\xfe,}m\xbb\x9f\xcc\x8d\x81`\x90Tv3\xa8\x04\x1a\xd54\xd7\x00\x1c|\xe3\xfb#\x14\x0e\xb1\x9c\xb8\xcb\x0f3\x8d\xc5A\xac\xac,\x9a\x8b\x06\xf3\xb54\x15\x92\x19\xa4f&gt;\xfe\xc4\x1c\x02\x80\x92\x7f\xc19\r\xeb\xc1\x1ey\xc4&lt;V,K\x9f\x95\xa5\x90\x00\x17\n\xe6\xc6\xe7\x0eP\xf3\xe1\x14\x12\xb2\xf1\xdb\x9a\x0f\x02\xb1H]\x03X\xf7\x98}_@r\x0b\xe7M\x15\x12\xa5_\xad\xd2j\xa3Z\xad\xd6\x04pP\xc8\xc0uG\xfcU\xc574\x171\xd1\xca\'\x15\x84}\xe2\x06\xc3XG\xc0D\xc0\x12\x08je\xed\x12\x89D\xed\xc7@&lt;\xad\xc9\xe2\xb0\x95\x16~Y$F\xbdh(\x12D-\x86\xb1Hn\xe1\xc8\xa9 K\xafP\xc8d2\x89\xc4\x0fx~\xbf\xc4/Q\x9b\x1aQ\xb2"2\xea\x06X\xfc6\xfcG\xdb\xff\rK\x8f3\xc3\xe5\xf0\xa1\x87P\xc8\x14\xc0\'\x91\xc8\xdae\x12-\xd4\xa4\'K\xc4\x84\x0b\xb3\xca\xda\xd6F\x9b\x18\x81\xe2\x94y\xb5j\xf5\x80U,\xc8\xc27\x0f\xb0[ \x1b\x80\xf5HT\xc4G\xc0\xe2\x13*"\x17\x8d\xf5\x84a,\xd8\xe5\xfb\x15\xb5@E\x87\x80f\xd3+ \xcf$\x1e\xb5\xc9A\xd4\xaa\xe0\xd3T\xb4fPdL0z\xef9"\x92\xbb.\xfe\x0cj\xfdAP\x0e\xf7\xb0&lt;!ra\x00\x96\x1a\xf3\x0b\xb0\xf0j/\xe6\xbf\x17f\xc4z\xc5$\x96\x88\x17\xba\x88X\xfa\xac\xdf\x12\xac\xbc\x9c\xbc\xf2b\x94K\xaf\x97\xa9Uj\xbf\xda\xeb(-,\x82\xdb}E\xd2B~\x05\xbf\x02.\xaf\xf6\xc9\x85\xaf\x993\x91#w\x85\x13w~\xc6W\x05\xe5\xe5y\x05\x88\x95S \x14\x16\x83Z \x97\x1f\xb0,\xb6\x93%%8lJ\xdbH\xa0**@\xad\x85;\x0f(\x86\xd6"GD\x85\x16_\xfe\x14\xc3\xb7\x0e\xf8\x03\x03\x00+\xc0\x8e\x92\xb0\x18\xb2\x1fW\xa3Z\xd5+\xc5V\r\x8d\xf5\r\x9f\xdc\xf3\xe1\x03\xb1\x1e\xae\xbc\xecf\xa6\x12\x14\xb1\xa9\xee\xc4\xca\xab\x18yI\x03r\xe5\x80X \x17\n\x06\x8a\xe9e\x12\x15\\\xa5\xb1UC\xb80\xbe\x824\x03\x0fu\x80\xb5rc\xf5\xf1\x03F^\xd4\xb0\xe5T\xf7\xdc\xa3\xe71|J\xf3{ay\x1e\xa1"d\xc4I\x85L\xe9m\xb4\x01W)\xe8E\xcbDzHbPkrau\x8dp1!\x96\x9c\xd7=7\x1f\xed\x07,l$Ajef\x92\xa63\xed#\xba\x08\xfb\x96TZE\xe4\x12\x8b\x8bH\x88\xc5\xa8\xd6\xa3\x81\x01\xc2u\xe8]\x1b\x0e\x9b-\x97\x87\x12\x93\xd1\xd1\xd1,\x01l\xa6B\x10\x0b{\xbb\x99\xb4\\\x04Kejt\x18q^\x11\xb8\xc8\x90\x1b\x19\xb5\x16\x03\xd6@$2\xb0\xb6\xfax\xee\xb0\x1f\x92q\xd8r\xe0r-N\xb8{\x10K(,(\xc8\xc3\xee&lt;\xf9&amp;y\x0f\xc9\xa5\xd6Z\xfe\xcdUR\xf2%\x9d\xfdE:H\xf9\x81\xc1\xc1\xfb\xf3\xab\x8f_&amp;\x0ey\xf0T$G,*&lt;\xd0\xd9&gt;J\xa8\xae\xe4\xa0\x899h"\xad\x16\xd9S\xbd\x84\x8bn\x9db\x97\x92\xb4\xe4A\xad\xc9\xfa\x8e\xc8\xfc\xca\xcb\xf5\xf5\xc3\xb5Q\x84b\xa1\x8b\xab]I\xac\x02\xc0\xca!\xc9\x85]g\xe4\xc2\x12Le\x02.\x1b\xe9\x9c\x9eL\xae\xc9"\xc4\x9apZ\xc7\xd7\x1e\'\xb6\xd6\x13\x87\xd5P\xe2p8"\x11 \x11\x17\xa9D\x97\xbf\x16\xb0\x00\x85HE\xc0h*&lt;\xb0%\xf8J\xcb\x81.\x9e,\x85\x00,\x1dR\xd95\xc3\xe6\xe6\xb3\xffL,.\x82\\\x87\xb3KpD\xae\xa5-\n\xa0\x88\\\xbc\xeeG\xda\x03\xac\x1c\xec\xcf\xe7\xd1M\xfad\xceC=\x08Y\x0fX\x10UU\xd8l.\xd1\xe9\x90\xcb\x0eX+\x8ba\xc0J\x84&gt;\xbd\x0b\x0eJ\xb9^\xec\xce\xec\xba\xe4\x07\\w\xe7z\x15\x82b\xb4\x8dd{&amp;!\xc2\xafb&lt;\x18\x95*\x0b\x98\x08b\x01\x94\x14\xbb\xe0\x07r!\xd6\xcb0`\xc5\xd7\x1fPl\xfc= \x9cO\xa1\x92\xbfx;\x93\x9d\xbd\x17b\']d\xf3\xba\xf7\xfd \x16"\x1921\x0cB\xdc\xb4\x04H\xa5P\xd0X6\xd0JjK\xee`:\x9a\xcb\xdc&lt;\x98\x08"V&lt;\xb1\xb5\xbdD}\xcao$\xe1\xb0\xc3\xafg\x80*m\xd7\xc5&amp;\\\xf8A\xcdM\t\x84\x005\x06j\x8d!W\x8ePH\x90\xb0\x12Tc\xca\x1bA\'\xa9\xcdh\xb4\xd9\xaa\x0eL\xd4\x00\xd6\xfdp(\xbc\xb8\x13\x8f\xc7\xd776v7_\x04y\xb0\x85q&gt;^\xa8#\x9c\xe0\xe62@\x01\xd6\x1e\xc1\xa2\x17#/\xf4\xca\x8fX\x00F+F\x16!\xa6\xbbDI\xa8p\xe3\x92\x1a\x1d\xf8:\x84`\xe1\xe4\xb0\xc6\xeel[\r\xb9\xc2[\xf1\xf8\xf6\xf6\xcenFk\xf6\xc6\xde\xeb\xad\xe0GK\xc6\xe1\xb0\x83O\x01*\r";m9\xc8~\x17\xd4\xe5}\x81!\x13\x07\x88q;5d&amp;\xf7,T\xab\xd3\xa4\xc5\xb9\\\x87\xa3\xb3\xd1b\xe9\x04\xacj\x1c\xe1G,\x8d\xd3\x99p%\xb1\xb6\xdf\xe4\xe6\xa6\xb7f#\xd9\x0b\xd7G\xe4?\x07\xa1\x88Rii\\\x88\x0f\xb1x\xa1\x1f\x02\x86\xb2\xb22t\xb0 \xd3`\x00,\xbc\x05ae\xa3\xc5G!\x16H/2\xd2Lc!U]\x9d\xc69\xd1\xed\n-Ajm\xbf\xd9~\xf3]\xee\xa9\xdc\x0c.\xfc\xdf\xd9\xbbO\x83\xec_\x99\xff\x00\x15\xa6\xa1\xb8ii\xa9\xa9\\\xee\xe7\x1bA\xf9\xfbr]|~\xa1l\xac\xec\xc4X\x19\xd1\x0c\xb1\xf0j&amp;\x93\xe0\x06\xa1\xd2zM\x18xm\x94B-Q\xa8)\x04*\xc0Z\xa1\\AL-T\xeb\xbbS\xa7N\x81`\\V++{\xf9\xf5\x92\xfcWH\x06\xc5\xde\xd2k\xda&gt;T\x8a\xc5\x82\x8f=\xd7\x01\x16Y\x8c\xae\xb9\xd9\xb1\xb22\x1c\x05?1\x969f\xa0\xb7,\x12j\xbc\xc8z\xb5\xb4jF\xc4\xc2N\x1cv\xe4\x86\x1fP\xc4C\xc0\x8ao#VzzzJ+\x04\x97;\xf3\x16%\xfb\x1f\x1bz\xf0\xe9["\x14D*\x8b\xc6\xca\xde\xe6\xbd\xaf\x16\x94]\x0b=\xf8\xda\x88D\x19`\xc1i\xa8\xc4\xd7&gt;$\xebU*5\x04$\xbf\xb1\xa5\xba\xb0\xb0\xba\xba\xb4\xa5\xa9\xa9Is\x83\xa2\xb1v\xe2\xdb;qZ\xad\xf4\x8c\x8c\x0c\x9a,{y3\xcc\xfe\xafVrD\xbc\xa5\xcd\xa4P\xa9I\xa5X\xac\xd4\xd4\xe5 E\xc9\xdf\x81\xc9y\xae\xc5}\xc3\x89\xdf\xd1\\c\x86\x02,\x1e\x94*\x95\x04|T\x02\x9e\x12eSy{\x8d\xb0\x10\x91\xaa\x05\x9fW_\xa6\xa8\xe0\xd2N|g}ggkk\x03\xa8\x10+\x05\xc0\x8e\xa6\xa4\xb4\xb2 }_\xbf\xf8\x0f\xc5&gt;\x87\xa49\x11\n\x95JC\xa4T@B,.w3\xe8\xa2\xe4\xb4\x85\xf8-\xa7B\x0f=8\x89\x97\xe4\x12\n\xc8#$\xb5LA[\xd9\xa3P`\x01\x8d\xedy\xa0\x92J}\xbe\xa6\x1bw!\xb5 \xe3\x81ik1\x0c6\xe6Bd`\xa4\xa4d\x1cC\xc5\xd2f\xde\x92u\xc9\xf9\x90J\xbe\xf4\xde\xdaC$\xf2\x07\xf1X\x9f\xb5\xee\x86y&lt;9\x06\x1b\x0fm9\x8f\xba\xb8o8}\xfa4A\x1b3\\ X*%\x9d\xf7\n\x05\xde\x83T8?\t\x07v\x0bv\x9f\xbb\x86.\xf3\xc0C\x82\xb5\xb8\x18\x0e\xb9\x9e\xa2\\\xb9\xe9I\xac\x94\xa3\xadGA1\xee\xcc\xdef\xf8=0`\x02\xa1\x0e\xa0\xc0\xc0\xd4\xcfi\xa4\xcf\x10\x8b\xc5\xfaMk\xc6\xc6N\xd8E\xf1\xee\x82\x0fo\xf6\xf6\xde&lt;\r\x07\xe7f\xe9\xf7\xa5\xa7O\xff\t\xe4\xd2K \xa3\x942\x05~\xc1\x91)\x14\xc8T\x16r4"U_\x9f\xef\t\xf5\x0e+\x1c\xa4\xc2\x1b\x7f\xa7\xb9\xd0\xc8c)\x19G\x8f\xa6\x1ck%Y\xbc\xbc\xf9\xaf2\xce\'\xc4m;\x8b\xe3\x96\x90\x8c,\xb9\x92=\x86\x0c\xac\x11\x85!aHC)\x0c\x93\x1e\xf7\xe0B\xc9\xc9\x87Ba\x8e\xbd\x85B6m\xa1\x07Ab\x18(\xc1\x97\xe2\xd2SY\xef\x08\xef\x1c\xca\xd2\x06\xea\x95\x9cC\xab\xdd\xb1\x19\xe8\xc1\xb50,\x86\xb1(m=\xf6L\xbb\xecP\x8c\xb1\x83i\\;a\xbf\xef\xfd\xe4i7\xfb\xc3\xb2\x1c\xff\xd3\xc7\xef\xfb}\xdf\'O&amp;i\t-\xe9?\xaaB\xa18\xcd\xd3\x9c\ti\xe8&amp;\xaa\xa5Q\xa9$I\xd3\xf7\xe4f\xf7\xcbo\xbe\xfc\xe1\xab\xc2\x11\xde0u\xda*\x16??\xf8\xb3\xc0\xa2z]\xb9\xca\xd5\xa2B\xed\\\xc1\x17!\xc2B#\x82\xea\xedw\xde\xba\xfb\xce\xdb\x0f\xd0\xbe\xe5\xd6\xc5\xb70V\xab\\,\x9e\x1e\x1d\x1d1X2\xcf\x06\x03\x96LJ\xe2pi\xd2\x12\x05\x83\xa3N\xd9\xe6\x8c\xa4\xb2\x80\n\x17I\xd24\xde\x14\xc9t\xbaQ\xbb\x1f=}\xda\xa7\xba\x1b\xe9\xdc\xd9E\xf6\xda\xc3G\xf7c\xb0\xdd\x9b\x9b\xdb\x02kg\xe3\n\xff%\xf6\x16c\xc1V\xaf\xbeu\xf7\x8d7\xee\xfe\xbc\x8f*\xf7\xfc\xde\xe9/\xdf\xfd\xb3\\,3\xd5Q\x81\x0b\x96\x07VR\xb6 \xa6a@Ir\xff!26!\xe6\x9e\xc8(\xda\x14*\x92$6B\x92\x14;\x18\xb6\xa7\x83@\x1eV\xab\x91nYx\xb9\x9a;&lt;)"(\xee\xd1/\x84S\xbd^\xdc\xb9\xfe\xd2\xcb\xb0\xfc\x0eNyn~\xb0\xcbX\x98\x8d\xaf\xbd\n\xa8\x8f&gt;\xf9\xe9A\xeb\x97\xde\xb3\xa3\xdb\xb7o?\xeb!\xe3\xff\xf5\xecY\xa1P\x10\xcdH\xd5\x12-)[\x16\x91\x19$\xe6\xe1q\x82\x1d\x15\x07\x82\x92\x16\x02*\x97\xcb\xd6\x9c\xeel1n;\x9a\xa6w\xab\xd5\xb6o\x18\xba\xbegH\xb9\xdci\x19\xde\x8f+\xf6:\xabx\xe3\x0f\xdb\x1b\x9b\x9bH\x8e\xdd\x17\xb6\xb6\xd1\x89\xb7n\xdd\x02\xd5\x17?\xde\xdb/\x9d\x9f\x15\x8e\xe2\xf5f\xb8\x1c-C\xaf\xc9\xb1e\xa4\x92)x\x0bHhG \xed\x19H\x0b\n\xb2D\x1c\x08\xf1\xc6\xcbf1\xb17\xed`\xd0^M\xc7\xe3\x99\t\x83\xcd\'\xd5\x95c\xe8\x1a^ohj\xee\x18Bf\xb3\x0f\xa9b\xaf\xdf\xdc\xda\xbe\x8e\xbc\xda\xde\xd8\xba\xf9\n\xfd\xab\xce\xad\xed\x1b\x18@\x7f\xbc\xfb\xf1O\xdf?\xda/\x95\xcf{\xecIZn\xbd\xd1\xa8\xd7\x1b\xf5\x8e\xe7\xfaMF\x82\xb1\xc8\\\xc6\x9eF\\\xb0\x18v\xe9\x84 Pc"\xf2\xd8\xa5\xcf\x9cy\x7f\xda\x1e\x06\x83\xea82M\xcd\x08&amp;\xd56\xb0t\x1dT\xba\x10\x12\\\xd9\xfd{\xf7\xdfG/^\xbd~\xe3\xea\xce\xc6&amp;\xc7\xec\x0b\x9b\x10\xf5\xa5\x97\xbf\xf8\xf9\xf3;\x99"j\xd5[C\x15\na\xadV\xef\xf8\xae\xeb\x8e\x1a\xa3\xd0M\xa1Z\xe4w\x98\x8b\x14\x84AR\x08\x0b &amp;b\x1c\xdbf\x1c\xb1\x08\xcdV\xe7\xd1x\xd5uL\x13\x9ej\x03\xcb\n\xda\xfd\xc0\xd4\x04\x16\x96\xa2\xaaO\x10g\x0cv\xf0\xd9\x06"\x0b\x8e\xa7j\xed\xbe\xc2\xb9\xff\x97\x83{\xfbE\xac\xd2c_X\x89\xb7N\xa3\xd6\xf0\x10\xa6\xcdN\xadV\x1b\x85\xa1\x9b\x94e\x0e/l\xb2\x1cWO6\x12\xf0\x93\xa2\xb0r\xe41\x81D\x7ft\xec\xd9x\xdc7mE#,\x1b8\xa6\xa3k\x8ce\xe9\xa02\x15IU\x8f[\xd9l&amp;\x03)\xffq\xf0\xdeU8\x1eg\xf9\xc0\xda}q\xf3\xdd\xff|z\x07S\x10\xeb\xe2,\x19#\xd1*4;\xf5Z-\xcc\xe7\xddF\xad\x065G\xae\xd7\xe9\xb8&gt;l\x96\x84\xe5\x9b\xe8J\x91\xaf\tj=\x89\xd9(Fy\x99\xe4\xf3h\xd8\x87\xa7l\xc5\xd4`\xf5\x95\xa3\xeb\x1au\xa6\xa8\x16ai\x88\\5\xd7;\'.\x06\xfb\xf1O\xdbW\x10\x0f\xf4\x03\x80\xbf\xfe\xfa\xb7\x87\x19\xa2\xca\x94\x1e\xa7\xf3\xebU\xe0K\xde\xf7B7\xef\x03\x0e\xa1#\xfb6\x00\x00\x04\x0cIDATU\xf3\t\xb2R\xab\x87\x00\x93\xddp\x19v\\\xdd\x92!l\x82\xe3\x92\xa2\x9cC\nbi\xce|\xd0^\x8c\xc7S`E\x8e\xa2\x01k2\xb3%\x9a\xd9&amp;\x1e\x06\x92!\xaa\x85\x8e\x85\xc1\x1e\x97\x88\x0bd\xfb\x0f\xfe\xfd\x1e\xfd\xea\xcd\x07\xef\x7f\xfa\xe8a\x86iQ*\x03I\x9e\xcc?\xb7\x92y\x0f\xae\xf7\xf2I\x97\xe8\xc2%\xe4\xf4\xbdN\xbd\x82\xfa\xf5\x1d\xdf\xf3\xfc\xbd\x04\x11\xe18P\x06\xeaX\xba\xef\r\x91\x9c\xdde\xb5:\xedW\x11\x0c\xc0\nf]\x9b\xc3\xc2\xa6~\xa4\xe7\x12\x16Q*\xaa\x82\xef\x1f\xe5\x98\x0b`\x07_\xffz\xff\xef\x1ff\xe2;J\'i\xa4@\xcc\x15\xc3\xd1\x8e\xeehz\x1evd\xb0F\x1dz\x8e\xdcz\x05k\x89\xf6\xecT*\x8d\x00"\xe2X\x10\xc8\x90u?\x08\xfbQ4\xe8\xba\xc10\xaaV\'}x\xca15\xc2QT\x02C%\x05\x92&amp;\xb0$\xd3\xb6Q\xb0\xde\xb7\x19\xb1\xb2\x99\xfd;\x1f^\xde\xce\xb6\xce\xf6\x92\x94L\xbc\xf2b\x13\x17A\x9aJ\xc2a\x95F\x18\x86\x1d\xcf\xf7G\x15\x14\xab\xdfA\xa6\x8dF\xa1\x93\xb0m\xe4\x93f:^7\xe8G\xfda\xe0\xa2\\\xabh0\xa9N\x06\x84\x85\x92\xe0\xd8\xf4\x1cS\x8b}e\xb2\xd6\xecI&lt;\xa4\xa4s\xb9\x93\xe2\x9a\xa5\x98]\xaf\xccyo\x8f\xfa+\x15\x17\xec\xf9\x85|\xc7\xb57Bg\xd6;\xc9f\x88Zu|\xdf\xa3\xa2-}\x97\x02\x02\xd3e\xb6j\xf7\x9d\xc0q\xba\x83\xf6t6\x0cl\x87\xb0\x16Q\x97\x8ek\xb3\x84\x04EB\x03\x8b\x16\x02\x02VC!M*\xd8\xe3\xa2\x90q\x8d\x95\xc9\x16O\xd2\xf8\x04\x16u~2\xc6\xfa\xdf]^\xdcn\xa2\x15C?\xe9\x81&amp;l\xa6R\xcd%\xe1\x8d\x1a\t\x1b]7\x9d\xce\xba\x81c;\x83\x151!\xaa\x9c.\xa2s&gt;wH%\\\xd8\xea\x97\xc9\x80E\x94\xd8q\x17 B\x88\x0b(\x84uMp\xa1\x03u]\x02\x96Eg\xa0)\x86\x89o\xfc_\xf1\x9a\xaeO\xce\x1a\xf9\xb2\x0c\xb3\x81\n\xeeJ\x0cV\x8b\xf6\x10H\xddA\x003\r\xe8\xb8\xc1p\xb5\x88\x86\x8e\xc9P\xb1\xa7\xc8\xeb\x86E\xea\x99@\xa1\xbb\xe8\x8a\xf0\xe8\x04(\x97{Rb\xae\x18\xab\xf4$M\x8e\xd5,K`\xfdn\t&lt;9\x15\x97\r\xb5t1\x8cj\x95\x86\x8b\x8f\xe0\xe1\xc6\xa8\xe9\xd5*\x89\xea\x0c\xdaa\xca,fAT\x1d\x0f\xc0\x14-\xa6\xfd\xb9C\x01\xa6\x92H\xa6B&gt;\xa7S\x07\xec\x80\xc2\x1a\x02\x07t$$\xa1QR\x9c\x95\xaf]b\x95Nq\xd7oX\xb2\x00\x91\x7fG(\xaf\xef\x06\xa7\xbf\xc4\x9c\x1c\xb9xB\n!Qw=wTIL\xba\x14S\xd3\xc1\xdcq\xd0~\xd3h\x81\xe2\x056\x8d!! z\x0e\x95\xc2\xbc\xb2\xb8\tM\xc9$\xa7!*p\x8b\xab\x85baK\xabg\xe55\x16ZP\x07\x16yK\x0c&lt;&gt;I\xa0\xd1"\xaf\xd1\xc0k\x19\x16?\x02\x7faF6\xe9\x9c\x0b\xde\xf2\\\xaf^\xaf=MLV\xd3\xf6\xa0\xeb`\xf8\xd8\x10q\xd1\x1e\xcc\xa9\xf1x2\xda\xac\x16\xe5\'c\x91\x9d\x94\xf5Y\x8f\xcd\xda\xae\xb1\x902J\xee\xb8u\x8dl\x9f\xbd\xe8\xc9:\xce\x9a\x08\xcb\xa0c\x13N\x8a\x86\xb1\xc53\x99z ED\xf0\xaa\xb1\xb6^\x92@\x85\xb6~\xd8x\n\xac\x01\xcc\xce\xf3Pu\xbad|\x9bG7a\xb1\xa7x\x08\xe2SS\x07\xaeO\xc40w4\xf6\x9c\xa8\x14\xa6\x04\r0\xb5w\x81/n\xc5\x93\x1cMr\xc6\xa2\x03SM\xc4\x14~\xbeZ\xfc\xde\x16/&lt;\x86\xec\xb1\x84\xe6h\xce 1\x99K\xb6z\xb9\xc4\x9c\x16\xe7\x14\x8a\x08O\xf1\xe6\x1a\xf7\x1fE\xa8\xc27L\xa1\xa0\xf4[\xb5\xd2\x9azx^j\x9d\xee\x19\x9a\x84.\x94\xa8u\x91\xd1:\xab\x15c\xa5\xac8\xca\xe8\x0e\x9d^\x0e\x1d\xd0Lp\x89D\xa2X\xf8\xae!\xe3\xca ,\x88\xa6\x8a\x1a\x89\x1f\xd1\xc4\x03\x9bC\x81\x15\xb4h`\x12\x8a\xc2\xba\x8a\x88\x10\xc6\x8f\xbdE\xf3Q\xd1\xa5\xdc\xf1!\x9dok\x84\xc5\xe1+\x93\xfa\xc2`\xec1\xcb\x10J\x91\xbf-\x83\x9fI\xfdD\xce%(\x9d\xafQ\x8a\xff\x02Z?\r82\xc9p\x00\x00\x00\x00\x00IEND\xaeB`\x82'</t>
        </is>
      </c>
      <c r="M211" s="3" t="n">
        <v>45492.67856481481</v>
      </c>
    </row>
    <row r="212">
      <c r="A212" t="n">
        <v>837871</v>
      </c>
      <c r="B212" t="n">
        <v>49202</v>
      </c>
      <c r="C212" t="inlineStr">
        <is>
          <t>Lucas Fernandes</t>
        </is>
      </c>
      <c r="D212" t="inlineStr">
        <is>
          <t>Lucas Fernandes</t>
        </is>
      </c>
      <c r="E212" t="inlineStr">
        <is>
          <t>VOL</t>
        </is>
      </c>
      <c r="F212" t="inlineStr">
        <is>
          <t>VOL</t>
        </is>
      </c>
      <c r="G212" t="inlineStr">
        <is>
          <t>VOL/MEI/MC</t>
        </is>
      </c>
      <c r="H212" t="n">
        <v>176</v>
      </c>
      <c r="I212" t="n">
        <v>18</v>
      </c>
      <c r="J212" s="2" t="n">
        <v>35692</v>
      </c>
      <c r="K212" t="inlineStr">
        <is>
          <t>Right</t>
        </is>
      </c>
      <c r="L21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becd505f-2798-4994-b72d-24719b89e5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f(^\xf3\x00\x00\x00&gt;tEXtComment\x00xr:d:DAEewil2SDw:3528,j:2708207235806215489,t:24020717K\xec\xe5:\x00\x00\x00\tpHYs\x00\x00\x0e\xc4\x00\x00\x0e\xc4\x01\x95+\x0e\x1b\x00\x00\x03\x00PLTE\xff\xff\xff\xfe\xf0Q\xff\xecC\xca\x9dq\xfe\xfdV\xff\xe7&lt;\xc9\x9ak\xff\xff\xfe\xff\xe76\xff\xf3I\xfe\xe8A\xd5\xa2t\xff\xfaR\xd0\x9fp\xff\xfaW\xff\xf6P\xce\x9ft\xd0\xa3w\xca\x9fv\xe4\xaa\x86!\x9eg\xe4\xac\x8c\xfe\xeeK\xe4\xb1\x82\xe7\xb1\x92\xfe\xe9I\xc6\x98g\xce\x99o\xff\xefF\xc1\x93a\xfe\xfd^\xde\xa4\x7f\xd4\xa7z\xe1\xa5\x83O:*sS6t[A\xce\xa4|\xe7\xb8\x87\xff\xf6KiQ9\xd4\xa8\x81\xd9\xa4w_C,\xc6\x94c\xe8\xb0\x8b\xa8xS\xef\xbd\xa1\xe4\xab|\xda\x9dwX@+\xdc\xa0}\xb2\x85dmW&gt;\x1d\x95`\xff\xf9MfM4\xfd\xfb\xf9\xdb\xa8uqL/{^&gt;\x90c@\xd7\x9as\xde\xac}\xbf\x8f\\\x83hI\xd9\xa7z\xd2\x9bm \xa6l`J4\x90tU\x9afC\xfd\xebP%\xb4w\xcf\xa6\x85\x87nQZD1\x1c\x8cZ\xcd\xa3\x80\xd4\x99y\xa2lG\xd2\xac\x8a\xec\xb5\x96"\xadq|cE\xde\xb0\x8a\xf6\xf3\xf1\xc0\x8cc\xa7sKdH/)\xbb}\xd2\x98h\xb4\x82Y\x83W8\xf4\xc3\xa8\xdc\xab\x84\xbc\x85Z\xd9\xaa\x7fR@/|Q2\xd6\xa2}\xfc\xf9\\\x19\x84TU;&amp;\xc0\x94i\xd7\xac\x85\xe7\xba\x91\x9fsP\xe5\xb8\x9c\xea\xbf\x99\xca\x90v@0"\xf3\xed\xe7\xacz]\xca\x8eh\x87]&lt;\xe0\xa6\x89\x17xJI7\'\x14j@\xf5\xe6I\xcd\x94g\xc8\x8b^\xae\x80U];#\xd3\x93p\xfe\xf3V\xc5\x87mlC)\x95{]\xb9\x8ck\xdf\xb2\x84\xb9\x8c_\xbb\x9axN6!\xb7\x88U\xb2{O\xc7\x9f~\xbczS\x9blJ\xfe\xe490\xc2\x84\xeb\xe4n\x90iI\xe5\xd8V\xee\xe2\xda\xd6\x9b\x82\xf0\xe7\\\xd8\xc5?\xc4\x98r\xe0\xb6\x90\xce\x9a\x80\x91Y;\xe0\xd8u\xfb\xef_\xe4\xdb\xd3\xdc\xb1\x92\xf7\xcb\xb6\xb6\xa1\x8b\x9f}[\xbd\x7fe\xef\xdeK\xae\x92p\x87\x88\x86\xa9\x84`\xf2\xf2S\xa6YL\xdc\xa9\x8d\xc2\xb8a\xd8\xa1\x88\xe3\xd5D\xaamS\xfe\xdf,\xd6\xb9\x9e\xde\xe6D\xd2\xc6\xbb\xf3\xd4\xc8I/\x1c\xc8\x83Z\xd4\xcag\x9c\x86j\xcd\xc6y\xd7\xc9T\xc8\xbbO\xb5mZ\xa7\x99\x84\xbend\xf7\xe5&lt;\xb3\xc9H\xe4\xc7\xb6\xd0\xcb\x89\x8c\x8bd\xf4\xefk\xfd\xf9\x83\xfe\xfd\xec\xef\xdb:\xbc\xb4p\x9c\x9c\x99\xb1\xad\xa4\xc1\xddD\xfd\xfb\xcd\xfb\xf7\x9b\x8d\x80BJ\x9a_\xa8\x9bB4\xb0r\xa3\x9ck\xcdyw\x9c\x88y\xb3\xa8R\xbb\xadE\xb5\xa26\xc3\xb5\xa9\xc8\xebU\xfc\xfaj\x7f\xb4N\xe0\xd6c,\x91a\xc6\xb3&lt;\xc2\xb7\x8d\x8f\x9d|RJDa\xafV2\x9ec`\x9fv\x96\xbaJ\xe0\x94\x93\xde\xf4X\xfd\xfb\xda\xce\xd2C\xd5\x87\x86\x9d\x8c-\xfd\xfb\xb3\xa7\x9fY\x8f=8e`\\\x80vmR\xb5d\xaf\xae\x891\x80VC\xaaqw\xa4|??9\xde\xd8\x89d\x89_I\x82Y\xd7\xd1\xcb\xbe_=)*\x1e\xc8\xe5\xd9\xbf\xdbp\xa8\xd8l\xaa\xd9\xc3v\xc8\x9eN\xc5\x93\xce\xd0\xaa\xad\x83\xe1\x80\x00\x00 \x00IDATx\xda\xcc\x99\xcdOZ\xeb\x16\xc6\x9b\x98\xb8\x07\xc4D$D#i\x14\xd8\x9e [\xb0 $\x9bn@\xb7\x84MR\x88P\xb3\x15\x88P(\x98`\xa5\xd6\xcf\x98\xf8\x95\x02\x15E\x1c\x10M\xb0&amp;\xf6\x80\xf1\x984\xa6i\xb8\xd70\xb8\x0e\xee\xf0t\xcc\x80\xd9\x8d\x7fA;\xea\xa0\xe3\xfb\xbc\xe8\xcd\xf9\x03n\xb6\x9e\xa5\x80\x91\xc9\xcfg=\xeby\xd7\x8bO\x9e\xfc\xdfE\xb5\xea\xc9\xdf\xa7\xee\x80\xa6\xa7\xa7\x97\xa6\xa7[`\x7f\x0b:\xca6}tv\xd6l\xd4\xeb\xd9\xc6M\xe5\xd7\x12\xe0l\x8f\xad\x1b\x91\xa9v\xe3\x15EZwW4\x9fmTjg\xd3\x8f\nFQ\xb6\xb3\x8a\xe0\xb5Z\xad \xc2\x13ke\xddV\xab\xe8\xcd6j\xd3\x8f\xc8e;k\xd6y\x9a\xa0\xe8\xdc:\xab(\xf2"M\x83M\xe4y\xa1rf{$.\xf4/\xeb\xb5\xebX"\x14)\x1a\xdf\xb4\x88\x86\xe2\x85\xf7^4\xd1\xca\xc7h\xe0\xd9\x8d\x97\xb7\x83@\xf0\xf24\xba\x88\x07\xcb\xea\x00\xc6\xf3"\xd1\xabZ\x7f\x0c\xc5\xa8\xe9\x1b/*[\xadf\xbd4\x11K\xe7\xf6\xf9\xdcn\xd0\xd1\xa2\x97\x17x\xaf\x90\xcd\xd6k\x0f\xcc\x85\tl\n\xbc\x90\xadg\x85\x92\x08\xbf\xbb\xdd&gt;\xcd\xfaz\x02\\\xac\x95\xb6C+\xa1\xc4\x93\xb7\x9bK\x0fj}j\xe9[V\x10\xa0\x16,\xce\xf8|\xbeDb}q]\xa3I\xb8a5Q\xb4\xa3\x89\xbcV\x8b\xb4 \x8d|\xc8\x0eV\x84,\xa1\x12\xadh]BC\xbe\x00\x95\x80\\\x10\xcbn\xe7\xc1E\xbb}\xacX\xbd\xcc\xd7\x1e\xce\xf9\xb6&amp;a\xf2\xf2^D\x82\x95\xf5\x81\xc8G\x90\xdc \xd4\x98\xdd:-O\xdbE\x11\x9d\xb5\n\x97\x97\xde\xca\x03e\x18eC2\xc0\xd1\xbc]$\x83\xa7#H-(\r\x11m}qq\xd1\xcd\x86Y\x12\xfaV\x98\xcc+\xde&lt;\x0c\x17uT\xf7z\x89\xdd\xb3\xe8"\x1b\xf6\x995\x9a\x96\xbd|n\xf4P\x07\xf1\x88\xcf\xcc\x1a\xfc,\xa2\x9f\x02M\xdf&lt;D\x1f\xa9\xa5\x1b\x81`\t$\xb0t\xe6T\xaa\xe5*\x8d\xcf\x8d\xae1\x18E\xf2\r\xc9\xd6\xd7\xcda\x9d\x88q\x14\xad\xba\x07\xe0\xa2\xa8&amp;\x01\x02\x17\xa0\x98T\x8aE`\xa1\x81&gt;\x9f\x99\x18\xcblf\x00\xca\xf8\xf6\xc0\x952\x87\xed|V\xc0\xf1\xf4\x10\\gu\xaf\x80\x00\xf0\xc2\xed\xba\x966\x88-\xe0\xf8\xf0H\xa4\xdc-[i\xb5v\x16t\xa9\xb0\xd6\x9e%\x92\xfa\xdcM\x89\xedE\xd9\xbe\t\xe4H\xa6\xc9\xc1\x0c\xb2\xb09e&amp;:\xa5\xdc&gt;3F\xcf\xaa\xa5\xc3\x0c\xab\xb5s\x1c\x17N\xed\xa5\x18-\xec\x87.&amp;\xbe/I\x8c\x05\xb1\xc8il\xc7q\x88\x13\xd0\xca2\xe6\xbdu\xcd:q=\x13\xd6Y\xb5Zm&amp;\x83\'.\x1c\x0e\x9b\xf7\xcc\x0cc\xe5\xf1\'\xd0\x89\xc4\x9f\x92\xb6\x91\x88\x85\r\x81\xb6\xe3\x8bn\xed1\xac\x1b\x93H\xc2\xd4LL\x15\xe6\xb8\xe4\xeaj4\t.&amp;\xb5\x8d_\xb1V7+\xd2\xc8\xdb\x9a\x94m\xa4\x96\x1a4\x8b\xe3\xc5\xae%Ek\xc3\x0c\x1c\x9fjqi\xf6\xf6\x980\x0b(\x87\xc7\xe3H&amp;\xb9\xed\xed\x14\xec\xcf\xb0\xd0\xd0\xeaN$~H\xd8F\x8a\xaae\xb1\xcb\xd8E\x82\xc5r\xa4[\xdap\x98\x0c\x1f\x92\xf4\x9f\x1a\x86\xd1:B\xa1@ \x14rD\x93\x99\xed\xedm`\x85\xc9\xba\x83\xc8\xbd\xadI\xa8\xd6\xf47/\x16\x17@qv\x10\xe1\xc1ql\x98AN`\x14\x19BU(\xc6\x8b\x05\x14\xb88\x02\x16\xe6\xb4\x1cF5\xb1\x9e\xf8&amp;%\x16v?Q\x04\x15\x97\x8c:\xa2\x1c1x\x86!6b`\xf8\xb0\xd6\x11(\xc4\xaf\xe3\xd7\xd7\x9b\xc1\xd0\xe9\xa9\xe34\x99I:V\xa3Z\xd8\x0f\x81\xfb\x87t\xa6\'s\xc8\xc3P\xe1d\x14\x16Z\xe5`!\x0e`P\x85a\xf0\x88\x06\n\xc5MR+\x9b\xc5B\x08\x15\x08\x19C\x00cq4%\xac\xbf$3\xbd\xad\x89\xd4\xb6\xeb\xc2l\xd4\xe3\xf1\x04\xa2\xa7\xd1L\x0bl\xfb\xae2\x8e/\xc58\xa0667V6\xe3\xc5b\xa1X\x8c\xefG\x8c\x01\x8f\x9d\xc5)\xa0\x93.Rq\x1c\x96J\x0e;\x97\xc4\xb4y&lt;Q\x90%\x93\xc4\xdc-\xc12\xa7\xa1b\xfc\xba%\xd6\x86j\xe5\xfa\xba\xf5\xe3\xe6\xd8X\xa4ph\x87\xbd\xac\xdf\xa4\xc2\xa2\xce\x1aX\x87K\xabIO(D\xe4*\x14B\x1e\x18(\x93!\x9dL\x9e~)\x16\x8b-\x98\r\x95j\x08l333\x1b\xa8\xcd\xb1\xadC\xb2\x985$\xdb\xeck\xf5\xeca\xda\x18\x08\xc5\x83qL[&lt;\x18\x8c\xc7# ;=\x8dFO\x03!BEhv\x9cN\xa7\xcb\xe9\x9a\xb9\xab\x8d\xa1\x8d\xb1HZ\x10i\xef/J\xa2\x88of\xb3Uc\xbc].S\xad\x90^\xa9\xf0\x12$l\xc5\xe2\x9dP+\x10g\xc7\xe5\xf4\xcb\x9c\xa6\xffQ\x11\xae\xa1\xa7\x914O\x8bR%\x17Vx\xa1:7\x1e\xfb0\xaaw\x01@\xe5\xef\xdcX\xb9/@\x92\xae\xed\xcc\xb8\x9cN\x93\xc94kr:\xf52\xa7\xcb\xe5\x9aq\xa1\x93C\x96\xaa \x8aM\xc9RK\xa8\xe6\xde|\xe8\xee~\xf6L/\xeb\x00\x80\xdf\xaf\xdaA\xcd\xa8\\xv\x92\xe69M#\xa8\xbe\xbe\xd7\xb1\xd7\xe3\xe0\x92\xc9\xc0\xa5R\xb5\xef^V\xbd|E\x1asQK\xf5\xec\xc5\x04\xa8\x80\xf5\xacO\xdf*(crB\x1a\x93\xf3\xaeLD+\xfd8\xb8\xc6\xf5z\x99^\x06\xb96\xceWTA\xcbeUhH\x14\xa8g\xd9\xea\xc5D\x8c@\x91R(\x14jE,\xd67\xd2B\xbb\x83R\x13`\xf2\xce\xb3Q`\x916\xc2[\xff:\x97\xcf\xe5\xc0U_\x92\n\xeb2/\xbf\xa7\xea\xee6t\x1b\x0cJ\xc2\xa6V\xa8\xfb\xfa\xd4\x80Q\xf6\xf4\x18Z\xa5\xe8\x9e\x02\xdd\xe8\xa8\xdeI&lt;\xafR\xb9\xda\xe7r\xc0:\x92\xa6\x89\xbf\xb2\x17\xe5\xfe\xbf\xb0\x0c\xf3\xf3\x93\x0b\x93(\x02bP(\x95\x86{*\x02\xab\xe8V*\x15\xfa\xbbyt\xcd\xa8\xcas\x17\x97\xf5#I\xa8\x10[\x7fa\x01\xec\xb7\xc9\xe1W\xc3\xc3\x0bwXh(\xd4\xc2\xabB\xa9XS\x83\x11\xd2)\xc7e\xf79\xd1V.\xe7/.\x8e\xa4\xc8y,[\x17\xf9\x83\xd7\xa3\xf7T\x86\xdf\xe6\'\x87\x17\x86\x87\xa1VO\xcf=\x96R12\xa2\x1e9&gt;&gt;\xbeZ[[\xeb\xf9\xf49\xa6w\x92\x88put\xb4\x95\xf3\xf9\x8b3I\xb0\x9e\x00kb\x90`=\xbf\xc3\x9a_\x98\xec\x01\x13QF\t,\x83b\xad\xcf\xbf\xe3G\x81\xeb\xea\xf3\xd5\xd5\xf1\xac\xc9\x84\x88p\xa9d\xf2N\xa8u)\r\x16u\x96\x07Vlt\xb4\x8fp\xf5,,\x80\xe83\x98\xd6\xd6\xd4ju\x1f\xd4R\x8f\xf8\xfd\xef\xee\xea\xe3\xbbr\xf9\xa0\xdc\xd5\xd5)\x9b\x85`\x1dry\x17\x9a(\t\x16r\xabr\x00\xac\xd8\xf3\xe7\xcf\x9fu\xc3\xefo{\x94k\x9f\xd7&gt;_\x1d\xfb\x8fg\x91\x12}}#\xfew\xefs\xefr\x16\xcb\xf2\xb2\x05\x95\xdb\xcd\xcd\x95\xbb\xe4\xb2\xce\x0eU\xa7\x84X8|\x0e^\xbe\x99\x8a\xe9GG1\x86\xb0\x0e\xea\xea\xea\xe3\xc7;}v\x10\xa5;\xe7\xcb\xcb\xe9t\xa9\x84\xad:\x1au\xe0T7n\xe5\xba\xe4\xf2NY\xa7|@*\xcb?\xa1\xa6\x9b\xf9\x97SS\xa3\xaf\xa7\x0c\xe8\x1e\xac\xf3\xa2\xabL\xa4\xb9\\\xb6\x9c\x9f\xbf\x07\xd7\xce{ciU\xcbb\xb5g\xb8\xa8\xc3\x01\xae@\xda\xd8\xe2\x9a\x95\x1f\xe4/\xf2\xd2\xc4)e\xab\x11\xac\xd8\xd4\xc9\xfc\xc9\xd5G\x10U\xd3%;\x8d{\xd9j)\xfd\xe5|\x05X\xe7\x87I\x8e\xd9\xce\x80\xc9C\x94\x8alm\xe19\xd8&amp;\x97\xcf\xceJ\x87\x85&lt;\x05V\xec\xc3\xc9\xc9\xc9D\xd9\x92v\x00!\x85\x1b}K\x1aO\xe4\x9d\xc9\xb4s\x8eu\x15\xcd;\xf4x\x0e\x0f\xd3[\x96Hd\x0bkY\xa4\xdc)\xef\xef\x9f\xc8\xe7+Ra\x1dU^\x10\xb1N\x06v\x8d\xa1P:}\x88k\x17.\xd0\xe4\xbe\x11\n\xfa\xd5k\xfe\xf7F\xdc\x12\x03\x87\xe8\x9f\'m\xc9\x1d\xccE\x08U\x9c\xc850q\x90\xafHtTS\xf0\xfc\xa7\xa9\xa9\xb7/\x82\x85\xadHnn.\x18)\x10\x8c\x80\'`\x8c\xac\x8c\xf4\xf4\xa8U\xf1\xad\x90\x07W\x9dU\x07\xa1\xfa\xfarn\xbf\xb0\xbfO\xb0\x06\x06\xa0\xd6\x7f\xa4\xba\x92\xd9\x9a\x95OS\'\x9f\xda\xe2\xf1\xb1^U\xa7j%\x8ek\x8d\xe3\x14[\xbd1\xae\x8a\xcd\xf7(\xfc\xc1B\xc8An\x87\xf60\xab\xb3\xa7s\xf9\xb9\xc8\xfe\xd8\xd8P[g\xff \xd4\xfa*\xd5\xa7\xceT\rXSSm\xc1\xe0P{g\x1b&lt;_Z]\x8d\x92OC\x02\xf1\x0e\xc5\xc2\xb0a|#\x12pp\x19\xcez\xbb\xf8sq1A\x97,\x96\xc8noo\x07\xb0\x06\x0f\xf25\xc9\xfe\x15z\x04\xac\xd8\x9b\xb6\xa7O{\xe7,\xb9K\xde\xbd\xbe\xee\x16\xa3\x99L4\x10\x97\xf5\xbc\x1a^P:\xe3!O\x92\xd36\xfe\xfc\xfe\xf3\xf6\xfb\xf7\x06\x1fMGv\xdb\xdb`\xf9\xc1\xc1\x89|\xcdv\xf4\x8f%\x89\x92\x0bX\xb1\xb6\xde\xde\xa01\'\xe8\x16\x7f\xfe\xbc\xbd\xfd\xa1\xcdp\x8e\xd0X\xdf\xf0\xef\xaf\x86\'G\x86\xb6B\x0e\xad\xb7\xd1\xb8\xc5[\x7fT\xea%Oa\xb7\x9d\x0c"\xb0\x0e~\xfd\xdb\xbf\xf6V\n\x7f!\xb9&gt;\x9dL\xbd\x91\xb7\x05\x03\xcb\xab\xde\x1f\xdf\x89&amp;\r&gt;\x93\xf4\x187\x0c\xaf~\x07\x97\xda5\xb6\x7f\x98\\\x15\x1a?\xc0{\xd3X\xb6`\x0e\xcb\x03\x83\xfd\xfd\xb3\x83\x03]/vFL\x9bR\xec\\\x14u\xf4u\xfe\xbf\xbc\x9b\xddKb\xeb\x1e\xc7\x07\x84\xe5\x85\x08\xbe [\\\xc8ji\x0eZ\xba:\xb6\x0c\xec\x94\x9d2Jh$\x9d\xd8\x8d\xc6\xd1\xccf\xc1h\x9a\xe5\x0b\xc2L#\xce4\xb2k\xf4B\n\xca g\x94C$"\xb2\x9b8\x17\xed\xa0\x7f\xe0\xdct\xfe\x81}3\x17]\xec\xb3\xefg_\x9e\xef\xb3:g\xff\x05\xb3\xfc]\xc4\xc4\\\xf4\xe1\xfb\xfc\xde\xbe\x8f\x8f\x04\x0b\xeep\xee\x97_\xfe\xf3+\xb0\xfe\xf9\xe3T4\xbc\xe1t\xac_\x01K\xeb\x9c\x0fq&gt;\xf4\xf7Z}\xb1\xc5a4\x92$\xb4%\xe3^\xc8%`\xa9\xbe\xfev\xf5\xfd\xd3K&gt;9\xf9\xe2n\xebtu\x88\x06V\xeb\xf3g\x1c\xd5\xaf\xbf/F\xa3\xf5\xbd\xbf\xff\xe5\x11K\xc7\xf3\xf3\x1b\xbe\xb3\xfc\x19\x1aW\n3)\x94\xa0\x03Bl5\x16\x8f\xdb\x92\x823P\xaa~\xbb\xfb\xeeX\xf2\xdd\xf5O\xbbw[[\xa71u(\xb2\x97u\xfd\xe3\xf3\xbf\x7f\x7f\x9f\xaa\xe7=\\\xce\xa9\xd5?ba\xc3\x99\xd9\xf0\xa1\xd7\x9fyj\\$\x12"Z\x9d\x9e\x82\x0bja\x11\xbb\x96\x02\xeb\xc8\xb126\xb6\xb5\xb5\xf5\xc1\x86\xdd\x1c\xdbK6\xdb\xab\x9dE\xf3\xb5\xd7NV\xbb"\xe6\x96\x9ee\x0b\xfc|\xa8F.\x00|\xe1HB#$\x9b\xa7i\x08\x1c\x83Z*\xc1[\x92\x02\xeb\x8au\xac\xa4\xb7\xb7\xa1WR\xa0\xf7]\x91l\xd8s\x16\x8d\xd62&lt;6\xd3\x15Q\xad\x15\x96g\x19\xe7Ln/\x1c\xe6\\\tz\xb9\x03\xa8\xf4XZ\x8f\xaeb\xb3\xa9\x84\x11\xa7$X\xd7\xacc\x1b\\ [\x15\xe8P$\x1c\x84*"\x95VO\xb0\xb0\xd8\xeb\x18\x1e\x1b!O\x876*!\x99\xd0\x01Tz\x8c`\xad&amp;\x93\xcb\x06\xda\xc9__I\x80\xf5\xcd\xe9\x00\x95\xe8wV\xe3\xaaD%\xc2\x85\xb9\x1c\x8f}Y\xa7_\x19\xbb\xba\x82Zz\x96\x87\xb1f\x18\x06\x16_!\x14\xf4\x8fTz\x1d\xe4\xb2T\xdf\x04b%\t\xb0\x8e\xbe\x95\xb4iP\xad\x93&lt;\xda&amp;\x82mld\x80@\xce\x10j]\xad#\xb9t8C\'\xcf\xea\xb4\x0c\xcf0\x05\x1d\xb8\xb0[\xeb\xb0\xa5%\x97\xab\xd5r\x97\xf9\xfe\x16V~t\xed\x8c\x8bX\x9f\x10\xeb\xe9\x8e@\xbf\xa6\xe385\x86\x85X$\xe3\xc7&gt;\xa5u\x05\'\xd6g\x06n\x11^\x9b%\x9e\x086\x8d\x8d!\x96\xaa\xd5j\xa9\xb9+\xc1\x1d\xa5\x93e\xfe\xaf\x16)\xbb\x02\x8f\xbf\xcfB\x16-*\x14\x89\x05w\xa6+\xb0L\xa94\xc3\x8b\x06V\xcb\xc2.\x92\xffgb\xb1d\xd2V\xaeV\xaf\xd3\xdf\xff\xd6F\xbe\xeb\xd0\xf2\xa7p\xac\xeb$\xc6p`\xc4\xd4#\x99\xb0j\xe9\n\xc4\x07\x15\xba\xe8M]&gt;Wz\xc4"^\xad\xc0\xc4X\x81A\xdb\xb2-e\xaa\xd57w\x93\x12\x0c\xeauv\x86`!\xb6\xe1\\\x01\xe3@\xfft:Y=[\x82e\x85m\xcd\x94\xcb\xb4P(\xe5\x9cD\xa7\xffa\xf1\x8c \x0864\x88@\xee\xfa\xf5\x9d\\\x82A\xfd\x89/5\xd3\xdb\xe9\xf461\xf8\xe4RD\xafc\xf9\x99\x99B!\xb7\xe1\xca\xe4\xca\xb9r;U\xcf\xe6\x02\xc0\xe2\xe1h\x0b`c\xbb]^\x10\x9c\xbc\x80\x15b\xe6\xcd5#\xc1\xa4~\xc4\x82\xed9\xd5\x8b!\xe6\x12\xeb\x9c\x99aK\xbd\xb7_\xea(\xcbv\xed\xcb\x1f\xa3\xc1r\xa9\x14p\xa2\x0e0\x88\x98.\x1f\x98\xc1\xc1*\x80\xa5.1\x8c\x14{\x8d|\xf2J[\xea`=E\xbd\xeb\x1e\xc9t\xa2Z\x81\xeb\xcb\xb7_\xa6"\x91\xc3\xac\xef\xdd\xdbw\xbe\xea\x9b\x92\x93\x17\xb1x\x86\x17\x023\xb4J\x05\xfb\xbal\x89\xa5\xfb\x12\xa4\x16YkV\x9c\x85&amp;|u\xac\xd3\x113\xda\xe1\xd0\xa2\x1a\x9d\x81\xebj\xd0\xd7\x8bd{\\\xcf\x17\xbc\xbc\xa9\xe6\x02\x18A,\tdU \xa0\xa2i\xa5\xca\xa2^j\xa6\xfbR\xf8j9V\x08\x87.\x89R\xb7u\xc5\x8c\x16/kX4\xa7\xc0M\xb0\x87\xe5\xaa\x8d\xd1\xed;\xbb,\x07\x8eY-+\x9e!\xf2*@\xd3hoD\xaeN\xffjR\x9a\x9d\x19\xed\nP\xd0@\xe8\xb2\xa4\x07\x80K\xab\x1f\x1bk\xb6{\xbd\xac+\xdb&amp;KEv\x9f\\o\x89\xcd\x83a\xbc\x8a\x00\x98hZ&amp;\xd3X\x96:w/$r\xfb\x98/M$/\xcc\xbb@F!\xb9\x91\x04\xd5X:\xe3r\xed\xbb\xc8UD&amp;s\xf2\xb1A\xb0H+\xc3\x00\x12\x94\xd0\x8a\xa2(`=\xef\x1fI\xf5\xa1\xcf\xee]zu\xc9fQ\xabUNr\xa1\xe5\xc0_\'],\xddi4\x1a\xfb\xae\xfd\xfdr\xa6\xf1\xf1\x04\xff\xee\xeaH\x95B.A\xa1\x02\x96\xc1@i,\xfd#\xc9&gt;\x8b\x92\x1f\xa5\x936\x8bE\xadR\t1-2\xde!N\x9dt\xba\xd9\xe9t\x1b\x99\xf2&gt;\xd2\xaa\xb1L\xb0:M\x9coL\xcb\x8c\x8c\xa8h\xea\xf5\x1b;%[&gt;\x92\xeeCt\xf9\xe4]\x92\xa8E\xb0\xc8\xcd\xf2\xca\x8aH\x85 \xe30\x90!\x17\x94\xddcp-u\x88sc\xbc#\n%M\xd97\xec2\xcd\xf3\xdd\'\x12\xc6\x8b\xf3&gt;\xa8\xd4*\x01r9\x9e\xea\xb7\xd2\x8fT\x05\x9e\xef\x16\xbad\xf8\x943\xc7\xdd\xc6\xf2\xd2\xf3N\x87\x94\x86S\xa1\xa4\x0cv\xbbAj\xac\'\xf2\xf3%\xc2%\xa8\xbd\xab\xc8w\xbd\x08\xd5d\x8e\xc5\x9b\\BE\xc0\x1a\xe0ZZZV\xabf\x94\n\x15e\x9c5"\xe5\xfb\xd2\xbe\xb3\x99\xdc}\xae\xd6\xc8`\xdfc\xab\x08\xb2\x157\xbbh\t\xc7\xc7(\xc0L\xbb\xdd~\x04C\xea7\x1a*\x9a\xdc}S\x06\xa3\x81\x92\xc9$\xc6\x92\xbf\xe8[\xc84\x89\xc7\xc8\xc5`\xb3\xd9\xec\x04@Q.\xdf\xdf\x96\xcb\xed\x9b\xdb\x9b[\xa0\xa1\x81\xb5\xc95\xb3J5O+Ae jI\xfb\xac\x12YoQ\xc94j[\x1c\x1bg\xb2\xd9!\x12\xdd\xde\xde\\\x92\x10\x7f\x9e]\xf6\xb2\xbd \x8c\xcf\tE)\x952t\x07`Q\x9a\x9f\xa5}\x94$\x97\x9f?\xb7\xc8d8\xc6x,\x9eL62\xed\x1b\xd0\xfc\xf6g\x88dgQO8b7\x18h\x9a"\x01\xb5&gt;\x9e?\x916\xe4\xbbM\x8bF\xc4\x8a\x0f\xd94\x89\x8a\xef\xec\xb7\xcb\xfb\xaf\xe9\xaf\x0f\x0f\xf7\xb7\xf7\x0f\x0f\x0f_\x1f\xeeo\xce^\xd6\xc2\x87\x1b!\x11\xcb.b-I\xfcT\xea1\xb9\x08\xd6\x90m\xc8"\x0bq\xd1\x97\xbd\x87\xaf\x7f\xc6\x03\xa1k\xdf\xb6C\x91\xbdH\xc5\xf8(\x15\x89\xbe\xd4\x0fP\xe5\xf2;\x92\xf3*5Bs\x12\xda\xc8e\x8e3\xf7\xf7\x0f\x10\xea^\x0c$\xdaM\x99\xa6\x8d\xe0\n\x19\xc4|\x07\xdaI\xff\x89\xd4!?ZRkD.\r\x152\x9e\x08\x85n\x06\x05x{K\x88\xc4\xe4\xef\xb5\x81\x95\x88p{\xc0B\x82!\xe9ON\xfa\xd2\xbf\xa6|\xd1GnQ2\x95\x06\x99\x15\xa2\x05F\x08\x94\xa1\x10!\xbb\xb9\xe9\x81\xaa\x17\t!\xb8Z*b4\xdaI!&amp;\x12\x1a\xc9\x0f\x91\xd4\xe2G\x82\x85H\xb8\xf6O\xb0"\xe4r\xed\xf6M\xafwY\xf3y|\xbe`\xaf\xc7\x1dF"\\\xddS\xbfH\xd8\xed"U\xc2\xd2\x97\xfc5\xb8\x1cIO\xb0\xa8\x13C\xa5uQI\x84B\x11\x97\x8bK\xe5\xa7\xcd\xc3\xe6)s\xbe\xee\xab\x05\xc3\x1c~\xcf\xe7["\x16\x86\x8f&amp;\xde\x1f\xc0#u\xf9\x9dF&amp;\x96\xd8\xc5\\\x9d\x8b\xc0[\x1cr5\xcf\xdc\x9c\xd9\xeav\x9b\xcdD\xb0p0\xe81\x9b\xcd\xad}\xa3\xddn4\x1a\x13jos\x10X\xe7\x16\x99X\xf6\xa9\xe8t\x9d\xdb\xe3\xc2\xc1Z\xde\xe3\x81T\xe6\xa9\xa9\xe9&lt;\xc1J\xd5\xa2\xa3\xa3\x13\x8b\x95Y\xa3q\x16b\r\xc5\x9b\x03xA,?:U\x13\xb1\x0c-\xf3\xdat\x8a#\xef\x01}\xd1\xa9w\xe6\xa9\xe9)\xb3\'\xc8\xe1\x08\xb9\xd4\xf4\xe8\xab\x85g\xae\xd9\xd9\xca\xc1\x01\xc4\x8a\x9f\x0e\x04k+F\x91\xc2oY\xd7&amp;\xea)\x8e\x84g*\x9a\x7f\x19\x8dz8\xf2\t\xe3\x05\xb0^\x99\xc6\x7f\xbc\xa8T\x0e*\x15\nX\xcd\xdd\x81`}P\x01\xcb\xb87=\xbe\x80S\x8c\xa0ufQ\x86\xd1|]\xfc8\xd8\xe5\xbah\xfdh*\x9a\x86[\x07\x07\x07\x95\x84R\xe1\xf5\x0e\x00\x0b\x86q\xeb\xa9\x97B\x037\x0e\x17\xfd\x8b\xad\x0b\x97h|R\xb5Z*\x0b\x9f\xb1\xef\xba\xb8\xb8x?l\xda)ZS{{\x07FJ1\xe2eV\x07\xa1\x16\xb0\xe2d\x912N\x177\xe7Z\x04\xca\x95\x15\x8f\x12&amp;6K\xa8Z\xcf\xac\xa6\x9d\x1d\xb7\x88%S\x0cy\xe3\xabGO\x06\x82\x15SRF\xe3\xc1\xf0\xa6\xc9\xba\x08\x85\x90L\x88Z\x8a\xcbr\xd9\x16\xf9\xa2\xc6\xc4f\xb1hZ\xc8\x87\xf7*\x94R12\xe2\x1d\x14\xd6\x0f\n\xe4\xd6\xc1\xdc\xe6\xce\x8eu\xf1\xc2\xd5BO\xaf{\xf2y\xfc\xac\xcf\r\x0f[\xadn\xff\xceN\xd1\xed\xd9;\x98\x05\x96w\xc4\x1b\x1b\x14\xd6\xc8&lt;\xfa\xf7\xbf\xc8_\x9fx\xf6~\xee\xf1\x95\xb3yz\xda&lt;=\xe1\xf7\x8f\x8f\xfb7w\xa0\x96\xe7\xf0\xc0hP*\x14\x8a\x91Aa=\xfd\x9b\xd2`7\xa6\xdc;\x7f\xec\xf8\xc9cp\xb3y\xcd=5e\x1e\xb6N,\xf8M\x9b\x9b\xa6bqg\xd3\xed9\x9c5\xda\x95J\x1cc\xfc|PX\n\xca&gt;{`\x06\xd6&amp;P\xac\x13\xd6\xf15\xf7\x9a\xd5\xba6\xfa\xca_\xdc$\xdf`)\x9a\xdc\x1e\x88E+\xe7\xe7\xa1\xd6\xf9`*\xf1\x07$\x97\xdd~hF\xc1\x15\xfd\x0b~\xeb\xc4\xf8\xab\xf1\xd1\xd1q\x8c\xc5\x9fL\xc0"T~3\xb0(\xb82\x82u5 \xac\x0f\x7fU\xda\xed\x11\x8f\x1b\x87\xb5\xe9\x1f\xf7\xbb\x7f"\xdf&amp;x\xb50\xea\x1e/\x9aL\xc02\x99\xc6\xa7k\x15\x82\xf5_^\xee&gt;\xa6\xa9\xf5\x8e\x03\xf8\xfa\x06\xed\xe9\x1bm\x9aC\x8e\x96\xa6\xd1\xd4\x06h\xdc\x8d\xd9-\xb3x\xd3\xa6\xd4\xa5\xe5R"\xe9\xd5+\xbd\x9a\xc0H\x0b\xba\x99-\x92J\r\xa4\xb9\x93Z\xe7,\xdc&amp;\xad,\xf0\xc7M\x94\x90\x18\xc2\\\x08\x93\xc6\x94Y\xde\x15\x102.\x937\tH&amp;As\x15u\xc1E\x13\xf5\xee\xf7{N\xf1\xba\xdcm\xf7M|Z#\xfdC\xf9\xf0\xfd\xfd\xce\xf3&lt;==\x07,\xe2;a\x1d\xc0\xb4L\xe2-\x06\xcb\xc1=\xa5{w\xed\xda\x16**\n\xfdroeQegQ\x11\x98\xb6m;\xd1\t\xc8\xcfj\xa1\xb5&gt;)\xc0\x9e7\xff\xf5\x1d\xec\x03\t\x8b4\x97\xe5\xdc\xf6\xdc]E\xa1\x13 \xab\xdc\x15\xca\xdd\x15\xda\x867\xd3\x9c\xd8V\x19\xaa\xdc~\xf8\xdc\x99,C\x1a\t+\x07X\xe9\xef\xa4\x88\xefeZ?\x81\x9e\xaf\xad\xde^\x8a\xf7\x89\x80\nF(\x14\xea\xfc\r&lt;\xa0\xcfJ\x0fC\t\r\'\x0bHX9\xd6\x9f\xbe+\x96\xd9Z\x80\xac\x83\xd5x\xf3L\x08Y\xa5\x95\x9d\x9d\xa1N\xf8\x13\xaa,-\xcd\xff\xa0\xd6\xb0%m\xab\x14U\xc0\xfa\xf5\x81\xcd\xdf5\x93#\xd1l\x15\x9f\xb4\xc0\x0ea_u~nen]\xee\xcf\xebr\xeb\x00\x84\xac\xba\xdcO\x0f\x7f\xb6\xd3\x02,)\xceZ\xa0\xb2\x1e\x19~\xbe\xc9y\x1d\xf8\xd7\x9f\x8f\xee\xa8\xaf7\x9bs .\x8b\xa5\xf6\x83\x8a\x8a:\xbc\xbb\xa0\xae\x14\xaf\xe6\x0f\x85\xea\xea\xf2\x0f\xff\xaa6\x88\xe7\x1e\xa4R\x05\xa6e\xb2Z\xcb/~\xf9bS]\x07\x9e\xfc\xf3\xe2\xd1L\x18f\x93\xb8\xc0`\xb0\x04ka\'\xbf\xa7"?\xbf\xba\xba\xa2\xa2\xba"\xff\xd3\x8a\xeas\xbf\xff8\x0b\xdf\xb6\xf2Ra\x99L&amp;\xf3\x91_\x8c=\xdf\xc4\xd3#\x07^&gt;{v\x1a\x8b\x98\x99i\xcd\xc1s}Y\xc1`\xf0\xd0\xce\x9d\xfb\xf0\xce\x8b}x\xa9\xd4\xc1\xdaC\x10b\x16/C\n\x9d\xc5\xc3\x03\xd1j5\x99\xcb\xab\x9e\xbez\xb1Y7\xa8\xa7\xef~1\xf7\xec\xc3\xa6\x1d;\xd0e\x06\xd7\xd64C0X\x95\x15\xac\n\x1e\xaa\xad\xad\xdd\x89W\xb8\xd5\x96\x95eY\x0c\xd8V\xc0* \xfb\x1a\x13a\xb9\xc6_\xbe\xf8\xea\xeef\xc8v?\x7f\xf5\xe8w\xc7\x8e\x91\xb02\xcd\xe5\xd6\xe3\xc7\xe1-\x97%\x0b]U\xa7NAn?\x83\rt\x19\xcc\xa2\xf8\xc6H\xca\xdbJ\xd6\xe9\x1c\xac\xa2\xf6\xe2\x9c\xca\xd5\xd0\xf0pv\xe4\xee\xee\xb7\x0b\x83\x9f\xf3\xf9\xab\x86\xf5\xa6c\xb0RC\\f\xb3\xd9\xba\xf5x\x01\xec\xbb`X\xaa\xce\x9f\xaf:U\x05288\x81E&amp;\x07\x9e\x94\x9d\xb4L9&amp;\xb169g\xb4\xb9\xdd\xe3=\x9c\x96\x91\x1b\xfdo\xef\x17H\xa4\xa7\xf7\xff\xf6\xf9\xcb\x86\x86\'\xc7\x08+\x13Yp0\x16\x14\x90\xbc\xa0jJ\x80A^A\xe8+L\xeb$\xae\x86R\xb1\x16K\x08C\xbcnt\xda\x1c\xee\xf1\x15\x0e\'\xd02\xdd7r\xb7\xffm\xc0\xd2\xd3w\xdf\xb8\xf2\xf2U\x83\x1bY\xa9\xd6BV\x0e\x9e\xe2\x86\xb0\x0c\x06\x03\xef|\xd5\xc7eA\xecv&lt;%\x92\x06im\x15+\xb4Z+\xcbJ{\xea\x04\x96c\tX\x1c\x1ai}\xf7~\xf4\xaf\x8e@\xd4Hd\xb1\xa1\xc1\xe1r&lt;\xfe\x13\xb2\xd8\xb8`;,\x06\x17\xe6e\xb1\x18\xb2\xca\xce\x94\xb1(T\xf1\xa4\x19x\xe9\x16\xb0\xcc\xc8\x9apz\x9d*\x97m\xec\x02\xa8\x18\x9a\x13\x08p\x00\xf6\xa3\xda\x0c~\xa8\xbb#\xd3\x9a\xf6\x87\rn\x87\xcd6\xbev\x8cU\xbdg\x86\x9e\xb7j\xb5x\xde\xd6\x80\x13\xab\xa5\x0c\xde\x17\xb2&amp;\xfc\x0c1#C\xaaPhs\xb4\xa9\x1az\xbdF\x95K5\x93\xa0i\x9a\xe12\x90\x19\xc7n\xef\xfd\xe1\xfd\x0f\xa8\xfe{\xd3\x1a&gt;\xdf\xbf\xe8\x06\x96\xca\xf1\x04Z+sG\xeaP\x04\x97X\nm\x0f\x9b\x1cX\x89\xfep\xc6\xc2\x9e\xff\x83fgY\xecd\na=\xf2y\x8d\xae\xf1\xa5\x9e0E\xab\x19.\xb8\x02PI;\xf4\xff\x0f\x83a\xfd\xfa\xf8|\x89\x84\xefYv\xbb]6\xa3\xedq\t[\xc4z\xec\xaer\xbcE\x05?\x14\xd8B\n\ts\x059\xf3\x95A\x06{ \xa2J\xba\xee\xf39\x8d6\xa8!\xd5\x01&amp;x\xd0\x18\x17\xd0\xf0\xc0\xfc\xde0L\xaa\x0f\x92\x92\xe4I$\x92\x95\xc7n\x87\xcbh\x1c_ \x13\xc4\x8ez\x9cP\xcdV`\x89\x11\x86\x13&gt;\xb6:\x8f\xa7\xc4\x8f\nx\xa8\xe2m\xb0\x92&gt;\x9f\x17X\xaa\x19;\xd5\x11\xe62l\\vRI\xc6\xde\xd2w\xe3{-\x97\xa9\xa4XU^\x9e\x7f\x11Z^\xe5T\xddib\x9b+\x13\xd7k\x88\x0b\xfaZ\xa1\xc8@\xd8\x16CJE\x12\x83yK\x81\x0b\xb5\xc9t\xf1i\r\xb2TK+4\xd5\xd1\xc1\xa5A\x05m\xcf!.h1;\x94\xf2\xbb\x1f\x95\xe9\xbb\xefbR0\xf2pH\xf8=\rn`9\xc7\xd7\xd8\xb4@U\x8f\xed%\xd6\x8a\xc1E&gt;\xb1H\xe3)3\xc8\x99U%OI\xaaH\xea\xc8[\xafA\x96J5\xe3\xa7\x80\xc5\xd0\\\x8aa\xcb\x98ba\xf3\xf7\x7f\xa7R\xa6\xff$\xbd\x7f\x84EAXy\x12\xb9&lt;Ov\xf9!6\x97\xcf\x08q\x1dM\xb9@U\x0eii\xc5\n\x85\x02#\x02\x90\x12\x93\x82\x97\xafY\x8a\xa4\x0fT^\xa3ql\x85\x11\x08::(8\x16\x19\xae\x80\xe1p^\xc3\x18\x8aj\xb9\xd7\xff\xed.r\xf8\xa5P2PI\xe4"\xbd\xbcm\xc6\xe1\x00\x96oi\xa1\x89\xa0\xb0\x88XB\xad\x15\xcb\xa8P(\x91t\x9et&lt;\x8fmy\xccJ\x91|D\xc22\x1a\x97\x13L\x18\xd2\x12\x909"\x9c\xa0q^\xe5\xc0\x0b\x8e\x9d\x82\xc1\xf4~k\xefo4\x15\xaa ,}^\x9e^-\xd2{\xae\x8f\xbb\x1c*o\x8d\xf7\xf1Z\x13\xec\x043IZ\xda\xd4\xc0|\x94\xca\xf3\xe4$4\x9a\x94&lt;)O\x01\xdb@\xe9\x04Q\x91\xb0(F\x08i\xb5\xcfv\xc7"\x91\xf9\xa9\xf8\xec\x05;\x00\x05a\x86C\xa3\x8b\xb2\xf7\xfd_X\xfa\xd7\xf5\xc3\xa9A\xa2\xd7\xcb!-\xb5H\xde\xb6hs\xbb\x8c\xbe\x1a\xe7\x9d\xdbM\xa9\xb8\xca\xcb\xdfT\xf1Ri\xe1Wd\x82\x00\xd5SPaXs=\t\x86\x12R\x03\xab7g#\xed\x91\xd9X\xac=2\x1f\xefn\xf73\xe10\xc5\x81v\xc3\xc0\xec\xff{\x1a{\xa3~|\xbeL\x06i\xb5\xb5\xb5ydz\x91H\x94\xd7\xa3\xb2\xb9m\xce\x1a\xe2"\xacr\x96\xa5\xd3\xeat:\xac!\x91\xe1\xe9q\x9e\x82\x1d\xa8"%\x9c\x9bI0\x90L\xfb\xeaT\x82f\xa6\xdai\x81\x90\xa2\xed\x91\xae\xc9\xa9/b\x890\x97\xc3\xe1R\x02p1-#\xffu\rO\x7f\xa3~\x1a\r_&amp;i\x89\xc4\xe3\x97\x06\x07\xbb\xda\x80%\xba\xbc\xa8"e\xac\x99{R\xb2\x9fuegg\xbf\xe1bY\xca\x0c\x85\x12HR\x852\xa5\xf2\x1a\x97f\x06\xc2\x14C\xc5\xee\xc7\xa0\xb7\xda?\xbco\x0fw\xf8\xbb\xa243\x10\x9b_]\x8dQt @\x02c\x18\xa6\x97l|\xbe\xb9&amp;k\xf8\x1a\x16\xa5\xd1\xb4D\xba/]\x8aw766O\xdc\xf7\x8bD\\\xbagI\xe5p@\x19\xc1u{\xff\xfe#\xf5\x18V6\xa0\xb2\x91\xa5;\xabdeJ\xa5N\xa7\x80\xe7\xd9\xbf&lt;\xf5\x11\xd5\x9cjf@(\x0c\x0bc\xa3\x118\x12\xfdk\xad\xc9\x08\x15\x8e,\\\xa1inx``\xea\xa38\x03.\x8e\x9a\xc0h\xd8]\xdc\xe8\xffO\x15\x99\xa942\x84i\xa6\xa3]]]\x91(G\x0e\x0bOK\xe3\xe8$\x87V\xab\x133.\x9b\xc3\xb5\xe1:R^\x9e\x8d\xd7w\xc3SG\x862\x05c_\x9d\xc5c\x90\x9dH\x17\xdb\x85B\xa1 q3N\x87\xc3\xfe\xc9\xdbk\xad\x93\xfe\x81d\xebP\x94\x86\xd7\xe1\x8e\xf9\x8f\xda\xb9"\xb9\\\xae\xe6r)\xae\x1a\xb6\x17-}\xdfh*\x08\t\xc3\xf2\xf46\xcfF=\x12\x7f@/\xd2\xf3=\x01O&lt;i\xe7\x922\x82\xcbF\\w&gt;\xc7\x0b\x81\xb4x)[vv\xa1\x8e\xad"\xbatJ\x96\x98|\xe4K\xa9\xc6V\xc2\xc0\x12\xb6O\xf8A1?\x1a\xed\x1aJvO\xbd\xff`\xe8\x9a\x9d\xa6\x04\xe1\xf0\xc0\xe8\x17\xb4\x1a]"\x80\x11W\xe0\x8d\x9d\x026\xd5F\x05\xa3\xcd\xcd\xbd2\xc0Mv\xc1\x8c\xe5\x11\xc9%\xd1\xd1\x08G\xa4V\xebW\x1e\xda\\\x0e\x9b\xd3\x87}\xffy\t\xc0\xca\t\xac0\xbb\x18\x8bx\x16a\xbabd\x9dF\x15\x14\x10\xd6\xc2\xa5\x1eD\t\x05\xdd\x83\xb40&lt;\xb0\'.\x802N\xdc\x8fM\x0c\r7r\xd4\x02pM\xad\xc2j$\x87c\x1e\xbe\x03\xc0`?\xf6\x9a\xd5\x7f\x0fHP?\x94\xf5677^i\xd4h&lt;\xcdCW\xa30?p\xe5z\xffh\x84\x8b\x83\xeey\x9cr\xf9\x9cc\x0b\x85\x85%`*\x01Sqaq\xf1Y%&gt;\x8b\x8b\x0b!\xbb\xd3\xeb\x8f|&gt;T\xa9TK\xcb\t@u\x08\x13\xf1K4\x95X\xdd;:x\xe9o\xad\xad]\xd4\xec\xf0\xd0\xed\x16\x11EX\x14\xa4D\\"\x90\xa9\xd5\xa2\x8d\xac *,\x1f\xb24\x8d\xcd\xbd\x9ek\xc3k\xbd\xfc\xc6\xe1\xe1\xa1\x896\x11M\x07&lt;\x17\x80%\x10\n`\xe5\xe8\x19\xb7\xe1l\xef\x05\xd7\xd2\x93\xc2\x92\x92\x92\xec\x92\xc2brE\x06\xc0\xe0\x81_\xa1\xcaK\xa6+\x15,\x85\t!\x9bV|\x92ab{`\xc2\xea\x1a\\h]\x8bt\'\xbf|\xd0\x15\xa0\xa9pbu\x1e\xd6o\x81H\x06k\\\xca\xf5uW\x91\x9e\x82\xa8&lt;\xcd\xcd\xd3\x1e\x04\rF\xaf\\\x1b\x1ez0\xd8\xc6\xc8e\xf2\x95\xd1(\xad\xa6\xe0\xff\xe6\xfa\x97a\xb2G\x17|[h\xb0\x122\n\xd9\xf1G\xe2+,\xbe\xb8\xee\xf4z\xbdD\xb54v\xfdrj\xc4\x93\x97\xfd\xabS\\\xd8=\xd8\xaf\x0c\rM\xdc\x1c}\xbfu\xb8Q\xc4\r\xc7F\x07\xb8\xb4Z\x08q\xc9\xf5P\x1b\x9c\x8a6\xba\x8aEa\x1dA\xc5\x9f\xbe\xf6\xd5\xdf\xc1\xd5\xed\xb96\x04q\xcbdr\xd1\xfc}\xf8\'"\x80A1\x96\xc7\x1d\x0e\xdc\xe3\xa0k\xecja\n\x86\xb4b\x92[\xf1\xc4\x18\xaa\x9c$\xab\xc5\xeb\xafGOr\xf9\x16\xfe}\xeb\xd6?n-\xb4^\x8d\xf8\'[[\xff]\x85\xf9\xbc\xb6m\x86q&lt;2\x11XBH\x17#\x10\x98\\\xfd\x1f$\xff@\x0ejG\x07#7\xdf\xdf\xffA\'\xdfr0(\xc2 \x8d!1\n\xaa1h\xc6\xeb\xc5\x93\xcdHP\x0cVZH\xb4\x80e\x9c8\x8eI3J)\x86\xb5\xa4\xe4\x96^\xf6}^\xd9#{\xac\xc4&amp;?\xfc~\xfc}~\xebR\xd0\x8f?{bI\xaa\xf6\xaa5\x8d\x1b\xc8j&lt;\xaa\xaevx\xfe\xe1RY\xbf\xcf\x14%\x8aG\xbf\xbf;;s:\xfdv\xbb}:\xd7\xa4\xcej\xae\xc0\xf7\n\xdaW\xb9&lt;&amp;.\x1arp\xf6\xcd\xc5\xf2\xf5\x1a\xec\xb7\x9f\xd6\x9e\\\x82\xea\xd5+N\xf5\xe1\xee\xadH\x0e&lt;\xe66\\\xadu\x9b\xcdf\xdf\xff&gt;1\xdd\xf4\x8f\xd3\xa15\x9d\xca\xe8?\x02\xb0\x88K\x92\x88k\x8bKuUd\xa0\xaa(\xad\xcc\x95$\xeb\xdcU}`}\x8d.\xd3v\xfb\x9fKW\xed\xa7\rMe\xac\xc3\xed\xed\xfb\xbb\x17\x05\x17\xc0^\xdd\xdc\x93`\xbf\x12\x17\x85}\xb3\xb9\xbc\xe1T$U\x05Tbym\xa2\x1cN&amp;nIDm\xaaVu\xadc\xe9\xa6a\x85\xddE\x16\xca\xb6-\x1a=\xf8N\xd3\xa9r\xe1y\x8b\xaa:\xc5:\x90\x14U\xdb\xcb\'\xa8\x03\xde\x0f\xc3\xect\t\xa1\xd2Q\x00\xae\xf6\xd3\xfc\xf2i\xc6\xed#\xd9l\xf6\xfe\xba\xf0\xe3\xee.\x9d\xff\xb0l\x16\x82\xbdl6\x7f&lt;\xbc\xbf\xa1\x9f\xed\x12\xd5\x87\xebn\x01\xd5\x03\x94(\xca\x96\x97G-\xab\xc0\x12\x04\xc3\xc0\xcc\x1c\xe6Yh\xa2\xe7\x18vO\x97\xd0\x18m\x91\xb0\xa4-\x0e\x85\x81\x8a\xa6*Em\xa4}Ma\xd1\xe9*j\x85\x97\xed\xb3\xaf\xfe\xc7\xd9w\xd8i\x04\x9a\x8eN#\x92\xa6"\xd44\xc4}\x9doB8\x1f\x95\t\x82\xbd\x84P\xbf4\x9b\x7f^\xecn\xa0\x90\x83\xe3\xe7Z\xa1\x17\x87^\xce\xa7\x06]\'e\xa8W\xafr\xcb\x08C\x03\xdd\xb0\'SJ\x95A%\x00\x8b7\xe4\xbd\x1af*\x05\x07\xba\xe9h\x9b\r\xfa.\x064\xe6&lt;==\x91&lt;\x1d7\xed\x0b\x9a\xceK\x1d\xcd\x1f\x94J\xc2\x9a\xeb`\x9f\xc8*\x95\x87o\xaf\x0f\x0f\x7f&gt;&lt;\\~\xd8\xdd0\xa1^\x8d\xc5\xb2m\xf3\x8b\xd4\xa2\x7f\x85^\x13\x90\xb5B\xd7u\xe6y\x1a\xf7[&amp;\xda\xf5 4\x0c\xb3gW\xf1\xe7\\+R\x8b\xd6\x87\x1a\xc7\x82p\xad\xd5\x88\t]\x81\xf6\xdeF\xa3s\xc5T\x04\x94\x1b\xfb\r!l5\xa8\xa4@f\xea\xb9\xe5\xb2||\xf2P_\x83\x01\xad\xb2\xff\xf0\xed\xcd\xe1\x9b\xfb\xcas\xaac\xder\xca\xb6\xb8\xa1\xa2Odt\xf3l\x12M\xa2(\xee{\xa6\xa0c\x90\x1f{\xd0\xcf0m\xbb\x8a\xb7\xadR\xd9\x02\x16\xa0h\xfc\xd4\x14\x95\xcf\x0ci\xe26X@P\x01\xdbQ\x15\xc6\x02?q\x98\xe2\xce}\x17\xa9\xab\x91d2"\x141*\x9f|\xa9\x17`\x9cl\xff\xe0~y\x0f\xe9\xd6L\x95\x8b\x93\xe3\x8d\x03\xd1_\x88jlY\xa1iQ$\xe8\xc8\x1b\xac\xaf\xe82\xc02\x0c\xcb\xa05\xc3\xe8\x95\xe0B\xa9\xb0-\x8a)^\xdbw\xd4*\xdc\xdfJ\x13\'\xe0\xf7/\x1a\xa0R\x99\x93&lt;\x8e\xe0\xdc\xc0q\x02d\x85Ju\x05U\x9f\xd8D\xe3\xd3\x97\xfa\x11q\x01\x0cF=\t@\xf4\x85o\x17\x9f\xc4\r\x13\xd4\x05\x95!\x7f\x1eN\xf3E6Xx\xba\x0e&lt;A\xd0J\xb2Y,&gt;\x14\xf2\x90\x0bX\xa4\x14]\xc0\xc2\x16\xa1\xd2P\x0c*\x01\xe7?&amp;\x89\xef\xbaf\x1006z||\x1c1\x95\xbbrG\xdd\x18RcM\xf7\xe9\xae~ttDz\x01\xaa\xf0\xe7\xda\xa7w]\x9b\x9cM^\x14\x8b,4\xba\xe7\xab\xcc\xcb\xce\xf3|j\x99\x93\xd6$\x1a\xb4Z\xe3\xe9`0\x87\x86a\xb8\x80bb\t&gt;\xac\x12\x15\xb0\x94=\x9a\'\x10\x97\xb2\xa41\xc6\x1a\xc1\x1cn\x8f}\x18\x98\x9c+\xa2aD\x86\xdf\x98\x86\xa8\xcb\x00\x00\x01\x91IDAT\xe1\xe56\x07\xdb.^l\xabo\xaf\xff".\xeci\x15N\xc5U\x03\x16\xa6&gt;[,\xa2J$\xa3\xb8\xf2\xa6\xd3\xecs\x96\r\xf3\xcc\xf5V\xc3\xc9e\x14\xa5\xd6t0\xf4\xf3l\xb1\xc0|h\x18r\xa9\xcc\xa9\xe8\xb1\xb5G=\xa5T\x82\xffK\xc0B1\x91\xc3\x01\x1f\x93\xfd\xd1\x15Ga\xcc\x19\x05#\xc7q\xe2+\xd2\r\x9eT\xb8fD\xa6tN\xbe\x10\xd7\xfe&gt;\x97\xec\x05\x15\xb3\x83\xfdbd\x00\x15Bj\x83\x85U\xd0 YB\xcb\xeb\n\xdd\xc1`\x80\xc1w\xe2e\x83A\x1c\x9dg\x8b\xfc|h\xd0=\x00ic[52(&amp;\x95J\x02\xd3y4c\xf81\x1b\x8d\x1d\xaa\xe9\xae\xeb\xc6N\x9c\xc4I\x12\xfb\xb7\x0e\xd1h\xdc\x83\xbc\x13Q\xb1\xdb\xe6`\xf5:1\xf1H;\xa0`\xb7\x0b*[\\\x1b_\xb8hx\xa9b\xde\x93tA\xe2[\xab5\x0e-\x17{\x90\xe7-&lt;\x8f\xb0\x8a\xe2P-B\x9e\xaf\xf2T\xbb4\x81\xa8\xb0\x17\x99n\xd0p}\'M\xe7\x11\xa0|?Nn\x938N|\xa6*\xda\xff\x0cd\n\x03\x18\xf5H\n\xb3\xa3\x17\x077\xd7]\x99R\x8fd*?\xc7\xe2\xe3\x1a\r-zU\xa7\xd3\x05\r\xadFB.R\xd8\xeb\x14\xf6\xb2T\x93\xf8\xfc \x95\xe0\xc4=\xa5@\xabip\xa0\xe5\xc2[~\xdc\x0f\x9c[\xff\xf6\x96p\x12$#\\8\x1a\xb1\xc63 ty\xa2\xda\xe37s\x00\xc6\xa1P\xf6/N,\xcaRb*\x17&lt;\xffI\x05(\x8e\x85"C\x85\\B\xf4\x88:\xbf\t!\x14\xd9\xa8\xc3o\x04\x85\xc5\xe3_=\x874\x0c\xfd\xde.\x83\x00\x00\x00\x00IEND\xaeB`\x82'</t>
        </is>
      </c>
      <c r="M212" s="3" t="n">
        <v>45492.6762962963</v>
      </c>
    </row>
    <row r="213">
      <c r="A213" t="n">
        <v>838303</v>
      </c>
      <c r="B213" t="n">
        <v>1967</v>
      </c>
      <c r="C213" t="inlineStr">
        <is>
          <t>Lucas Di Yorio</t>
        </is>
      </c>
      <c r="D213" t="inlineStr">
        <is>
          <t>L. D. Yorio</t>
        </is>
      </c>
      <c r="E213" t="inlineStr">
        <is>
          <t>CA</t>
        </is>
      </c>
      <c r="F213" t="inlineStr">
        <is>
          <t>ATA</t>
        </is>
      </c>
      <c r="G213" t="inlineStr">
        <is>
          <t>CA</t>
        </is>
      </c>
      <c r="H213" t="n">
        <v>190</v>
      </c>
      <c r="I213" t="n">
        <v>7</v>
      </c>
      <c r="J213" s="2" t="n">
        <v>35390</v>
      </c>
      <c r="K213" t="inlineStr">
        <is>
          <t>Right</t>
        </is>
      </c>
      <c r="L21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7df61e6-94fb-414c-8717-dcb8bae3b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;!0\x00\x00\x03\x00PLTE\xff\xff\xff\xec\x06\x1d\x10\r\x0f\x04\x04\x06\x0c\n\x0c\xfe\x1b7\xfe"&gt;\xff\xfe\xff\xfd\x1e:\x08\x07\t\xfd\x161\x14\x11\x13\xfe\x184\xfe&amp;B\xfd\xfd\xfd\xfd\x12-\xe9\x04\x1a\xf8\x12+\xc7\x95\x8f\xe1\x02\x16\x17\x15\x18 \x1b\x1e$\x1f"\xcc\x97\x90\xfb\x1a55.1\xd4\x8c\x7f\xc3\x8a}\xbe\x81u\xe5\x03\x18\xef\x0b#\xc9\x90\x84\xc0\x86z\xb2n`\xf9\x170-&amp;)\x1c\x18\x1a\xf4\x0f\'\x16\x16&amp;)#%\xc3\x8b\x84\x7fTO3 !tNK\xd1\x96\x8b\xfd\r(\x98XO\xbe~o\xd3\x87z\xca\x95\x8a\xd8\x94\x88\xdd\x02\x14\xc8\x8d\x7f\xb1ri0*-\xfa\xf8\xf9[;9\xdb\x99\x90b?&lt;\xd7\x88~\xd9\x0f#\xcf\x81v\xd7\x07\x1b\xc5\x90\x89\xb7ug\xb9xk\xc8\x88yfDB~YX\xc9\x82s\xd5\x9f\x94H.-\xce\x91\x85\xd6\x99\x8f\xe2\xa7\xa1\xa5bU\xd0\x9f\x97\xdc\x08\x1e\xf0\x06\x1d\xca\x91\x8c\xd5\xa2\x98\xea\n!\xbb{p\xb4yp\xd5\x8f\x85\xce\x89zO32\x9c]U|MHW52\x99hb\xachZ&lt;36\xc5|n\xe1\x13(\xa5i`\xe0\xa2\x9c\x96`Z\xe8\xb2\xb1\xa1ni\xda\x8c\x84\x1e\x11\x12\xe2\t \xd0\x9b\x90\xfe[n\xe6\xae\xaclHC\xbc\x85\x80\xde\x9d\x95\xd7\x01\x12\xbapb\x92TJ\xb4i\\\xea\x16-}D=\xdc\xa7\x9dQ;&lt;\xe4\xb9\xb67\'\'\xf7\xf3\xf4\xfc\x07"\xabsm\xcf\x9b\x95\xc9\x9a\x97E=A5\x16\x16\xbeyiA)(\xc1re\x8a_\\\xe0\xde\xdf\xb8|u\xc3\x84wrHC\x8eQD*\x1b\x1c\xaaoc\xf2\x16/\x86LD\x9ed\\%\x15\x16\xd0\xa2\xa0\xc3\x80rc30\x91d_\xd1\x03\x13\xf3\xed\xee\x1d\x0b\x0b\xe4\xab\xa8p?9\xde\xb3\xadG78\xdc\xa1\x97\x90[U\x9f[NrTTMEH&gt;./\xe5\x0f&amp;\xf6\x07\x1f\x88ZU\xa7\\L\x9cTE\x8cC9\xf7Se\xa5wr\xae^Y\xdc\x91\x8eC!!\xf3 9\xea\xe6\xe7\xc4wh\xafzx\x97I=&gt;8&lt;\x86sw\x89gg\xcf|o\xcb\x87\x85\\X_fci\xfeau)\x0e\r\x1b\x1e1\xd3\xab\xa7W(%\xbfrp\xd8\x9b\x99\xabbR\xe5\xbe\xc0\xbbY^\xachfXOS\x87TO\xde\xac\xa5\xb5\x81}\xee\xcf\xd1\xc2fe\xecGX\xca\x04\x10tpt\xdc\xd6\xd7\xa4\\\\}`c\xddu|\xe8\x95\x9a\xa1HL\xf1\xd8\xdb\x7f&lt;4\x8a42\xd5\x80yQ\x1b\x1elMM\x88\x84\x87ZDF\xe9\x8c\x91\xb5KPbJL\xb9\xb7\xb8\x94\x8d\x91\xcbtq\xd1ip\x97nl\xc3zzv60\xf6,D\xab\xa6\xa9\xd4\xcb\xcd\x9d\x80\x82r[^\xce\x13!\xc8\xc6\xc8\xe8[g\xd1Zd\xa1\x9b\x9d\xda\x80\x82\xbd\x05\x11\x95uy\xe5\x81\x87C\x18\x18\xa25=\xdc!5\xbb\x8d\x91\xcdAJ\xe81E\xdcIU{\x1c&amp;\xc9&amp;4\xc3\xa4\xa8\xa9\x13\x1d\xd2\xba\xbb\xb8[R\xe8\x9f\xa7g\x19#\x8a\x18&amp;\xb17&lt;Qd\xe4]\x00\x00 \x00IDATx\xda\xc4\x99\xefK\x1by\x1e\xc7\x97q \x84\x81&lt;8f\xa6\x8c,\x1c2\x03S\xa3\xb8^h\'&amp;"\xfd\x91\xa4\xa9\xf1\xa0eWc\xd4\x91M\xb5ai\x95(6\x8dt\x99\xaa\x95j\x167\xb4\xc5\xdaKj\x138\x0e\xa4E\xcb\xd8bXX\xec\x82=\x9f(\xfb\xac\x18\xa1\x11\xfa\xc0\xde"\xf8\xe4\xfe\x85{\x7f&amp;]Z\xb8\xa7\x93\xf6C\xd5\x18j\xf3\xea\xfb\xf3\xfe\xbe?\x9fo\xfc\xea+\x1b\xcaA\xf5\xd5\x87\x0f\xfa\xf2\xa5\xcb\xf1\x91\xc5\xe5\xf5z\x1d\x7fb}9:\x87\x8bX\x08fq\xf7\xe8\xa8R9.\x97\xcb\xc7\x95\xa3\xf7\xefwW\'\xf1\xa4\xd7\x05\xde/ \xd3\xe4\xe2\xe2\xeal\xe5\xf0\xb8\xbc^*\x98\x92\xa6\x89\n\xcf\x0b\x9ai\x18\x85\x8d\xf5\x83\xe3\xe3\xc3\xa3\xd5EB\xfb\xccP\xbb\xc7;;\xa5-U\xe19\x9e\xe7X\x86a\x19\x8e\xe3Xg\x9d\xd3\xe9\xe4\x04Y\xd2T\xb3T\xae\xccz\x1d\x9f\x13\xca5{\xbc%:\x9d,\x18\x9c,\x0b(\x86#.\x9eg\xe81/JzQV\x04\xd5\xd89\xfcl`\xf0\xd4b\xa5\xa4Y$\x16\x97\xd3YWWGt,\xb8\xa0\x1e\xc7)\xa2*I\x9a,\xcbza\xe7h\xf2\xf3`\xb9\xbc\xb3eS\xa0\x97g\xabDu\x16\x15\xc9\x86\x0f\xc8E\x80\x0c\'\xa8\xb2\x9c.\xea\xb9\x8d\xcf"\x18\xa0\x0eK\x92 (\\\x95\xa8\n\x06?\xf1\xe4\xaf\x0f\x88\xac\x13\x8f9E\x10\x15Q\x96\n\xeb\x95\xc5Zs\xb9\xd0?I@\xfb&gt;\x91\xc9bs\xc2\xf8`\xb1T\xe3\x14\x8e\xfe\x86\x93\xc1Y\xe0\x12\x99\\\xe9\xa8\xd6z\xad\x1e\x18\x02\xf3\xb1w\x9f\xb0\x81\x81\xda\xc7\xf0`\x12UQ\xe5\t\x97\x9eb\xd2\xa9\xf2jM\xb1\\\xb3e\x89g\x9cu\xff\x87e\xe5\x02}fYE\x92dI\xd7u\x99!.\xeal&amp;\xb7u8YS\xaa\x1d\x99\x14q2\xce\xbaO\x8c\xf5\xf11\xfa\x87D\x954\xdd0tI%~\x0e\x1a\n\xc5\xd4\xfa\xac\xa3v\xc1\xb0z\xa0\xb1\xd6Y\xfb\xb3\x8d\xec\x87/\xac\x85\x05(ATUM\x15T\t\xb1\xaf\xcb,\x1c\xa7*\x9c\x90\xcbmUj\xe6.\x87\xb7b\xf0\x96\x97Y\x860\xac\x0eq\x0cb\x82\xe3\xacoXF50\x86T\x1e\x81*K\xb2nrN\xa7\xa2K\x82\x98KA.W\xad\xe4z_\x12)\xac\xd0C\xd6J\x01$\x80`J\x92\xc2\xab"\xe7d\x14QQTI\xd7T\x05\xcdc\x15M\xd3L\x11\xd8\x92\xa1iR.U+wa\n\x1eH&lt;\xcfSV\xf2\xa4\x0e\x03\x17ir\xa1P@\x96\x9b\x9a\x00$x]\x80R\x94\xb2\xac\xa2\xaa\xb2!)\n\x83\xcf\x92\\\xcc\x15vv]\xb5q\xd6,\xc4\xe2E\x05GK\x14\xd1HNDTj\x9aQ \x83\xd3\x06\x81\x97\x17\x15\xa6z&amp;\x19\x08)J\xa6,0\x82&amp;\xabb:W\xd8\xa8\x95\\\x95\x82\xc8\xe3\xd5`.YS8^\xd54A\x14\xb1,\xa8&amp;\xf5\tP\xaa@\x1d&amp;\xf3\xc3\xfb\x8a\xc0\x89\x92\xa6\xb0\x0c~B\x01\xd6Vy\xd5U\x13\xc3\x1f\x17\x10\xef,\x0fADM\xa6Y,\xf2\xd40(\xa8\x0bh\xa8\x0c-\x19+\xc0\xac\x06+\x02\xcf\xa9*z\x8e\xffF"]\xcc\x19\xa5\xcad\r\x0e\xa3cv\xc7PA\xc1(\x18(\x08\x01\xcd\xd4\x15\xa6\x8a\xc1*xu\x80\xf0V\xa6\xd1\x1f\xf4\x10a\xcf\xc0h\xd6\xb7\x8a\x1b\xcb\x84\xb1s\xe4\xadA\x94V\xb6tj\x12\x84\xc0\xe2"\xc3X\x9a\xc0r\xd5\xc0b)\xc7\xac-\x10\x81\xc1\xd0\xbc\xe1(H\x18kFB/\x81\x90U\xa3\xbcj\xbfX\x8b\x07\x86$\xd0\xcbp8m\x88M\x05\x9bM5\xc0\xaas\x07\x8f\xb9DV\x80\xd3\x13L\x95\x88\xb1\xb0P\xd6\x10\xe7D\xbd\xf4\xde~w\xa1\x872\x8f\x1eb\xba`iWD\x81\x8c\xe4\xac.\xc9\xac5\x90\xb0+\xa4u\x1a\x86\x99\xc4\xc3\x04*\xab$\x1eV\x877C\x83\x80\xd7\n\xc7\x93\xb6\xc7\xc3\xfb\x8d\x9c\xccQCD4P\x84(\x82\xb5\x05Z\xaf\xfb\x90\xe3\x08#\xeb.\xa6\xf6\x0b\x85\\\xd1\x9dq\x17\x8b\xc5\xe9\xe9\xb4;\xfb\x90\xf9\xb0\x86\xb1\x8al\xbf\\.o\xa5`\xc8\xb4\xa6\xf0XZDd\x01\xa6\x9f@\xfb1\x88\xb2\x89l&amp;\xe3N\xa7\xa7\xc3\xd1\xfd\xbd?\xfex\xb2\xb7\xef\xdf{\xf2$\xd84\x17h\x0b\xbb\xb3\t\xb6:\xc4q\xed(\x1c\xda|\x18a\xad\xad\x82\xa1\x926X\xd4\xb1#\x88\xb8@h\x9a\n]\xdc\xe9iT8\xe5\xbf\xbe\xd7\xd4\x14|\xb1\xf2\x9fw+\xef\x86WV\x86\x87\xfb\xfb\xfb\xef4\xfa\xc3\xeeD\xf5"\xa2\x08\x9aq`\xef\x9a\xeap\xcc\x96\n\x86i\xd2QD\xbck\xba\xa9fT\xe2\tG\xfd\xd7\xaf\xcf56\xbe\xbe\xd3\xbf\xb2\xf2|{{\xe4\xe4\x89\x13g\xfev\xf2\xd4\xa9\xbb_\x7f{\xfa\xf4\xad[\xc3W\xe6\xfa\xdc\x8cu$8E5\xd7\xed]\x07\x1d\xae\xa3B\xd1\xd4$\x1d\x9b)\xcb$\xb2\xb2\x9e\xcb\x85\xc3}\xfeG\xb1\xc7\xc3\xcfGFN\x9eA\xfd\xe5\xc7\xcb7\xe2\xf9|\xfeBg\xa7\xa7\xbb\xbe\'4x\xf6\xec\xd9s\xdf\x9d\xbe2\x17NX]dx\xdb#\x02\x11o\x14eQ(j\x1c\x85e\xd6=\x1dM\x05b\x8f\x7f\xfe\xe9\xebS?\\\xb8|\xf9\xf2\r\xaa\xa5k\xd7"\xf1\xf8\xa8\xcfGT\x1d/\xd7f\x92S\x00\x1bx\x1cp3\xd6\x82\xcf\x8b\x86\xdd\xcb\xf3b9W\xc45\xc64\xe94&gt;\xcc\xde~6}\xff\x9f?}\xf7\xed\xf9\xe6\xceN\x9f\xcf\x97\xcfG"K\xd7\x80\xb5\x14\x89\x8f\x8e\xfa&lt;\xf5\xad\xad\x845\x93L&amp;\xcf6\xfc\xdc\x18\xcdR\xc8\xa2\x896{\xcb\xe1X\xdd\xd1\x8b\x18\xd4\xba)\x89\xdcC\xc2\xfa5\xf6\xfd\xe9sw{\xba\xbb=\x1eO\xe7h\x9c\xb0\xa8\x88\xcb\xf7\xf4j;\xb0\x06!\x17\xc8\x1a\x06\x1e\xfb\xd3\x02%*\'\x1be\x9b\xb1vK\x98\xcc\nO;A"\xf1\xcb\xed\xff\xfe:\xd1\xdb\xd00\xd8S__\x0f,_&gt;\xbe\xf4\xef\xa5\xa1\xa1!\xc2\xb2\xb8,\xb9\xc0\x05\xacqt1\xea\xa6\xc5\x83\xb1[-d|\xd9\x90U\xec\x9dXA\x13\x89\xdb\xcf\xee/\xb4\x0c\x0c$C=\xad\xf5\x90\xcb7\x1a_\x82VCU.\xe8\x95\x1f\x85\xbbZ_\x82km\rX\xbd\xb1@8Mo\xa1\xd8\xee-\xac\xf1[\x9a\xaaZ\xbbg"KT]\x03\xc9A\xc2B\x0b}\xf1\x08\xb0\xfe14t\xd3\x02\x83\xef7}\x1eO}Gh\x10\\3\xe3\x03]\x8f\x9bRi\xccPN0\xed\xc6\xc2\xec\x01\x96BkA\xf6Y\xdf\xc4\xd8\xf2\xc0\xd9A`\xd5w\x83j\xd4\xc2\x02\xd5MK\xb0!\xb8\x1e\xc7\xf1j\xab\xc55\x93\x1c\xe8\xba\x12C\x171\x11D\xb3ls\x9c\xbavK\xbaL\x17\x0c&amp;\x91n\x8b\xcd\xb7\x0c$\xa7,,\x8b\n\x86\xa7\x16\xfe\xf6\xdbM\xab\x8d`\xea\xa4\x94\xe8\xe9\t\x85\xd6\xc8\xf3\xbd\x8d}n\xdamD}\xc7\xee\xeb\xe2jYWE\xfc\xd3\xd9ttna~\xb9a\xca\xc2\xba\xd8y\xe1B&gt;OXU\xb5\xd0\xc1H\x1cH(d\x17\xb0\x06\xd7\xa0\xd6\xf2\xeb@Z\xa0\xb7I\xa4\x8d]\x9b7\x88\xc9c\x93\xc6\xb3\xe8\x9e\xf6\xc7&amp;\x08\xeb\x1b\xc2\x82X\xc8\xf58uq\xc9\xf2\xfc\x12:\x08"\x9c\x84\xee\xfa\x8e\x8e\xd0\xf9\xd0`r\xbc\xabel\xae\x98\xc1\xcf\xaaRi\xd7f\xb5&amp;\x0f\r\xa4\xbc\xa8\xba\xa3\x81G\xc0\x1aG\x13C\xe7\xc9\xf0\xc8\x07\xdf\xa8\x15\\\x14\xa7q\x9f\x07\xa6z\xd9\xd1\x8a\x02V\xe8\xde\x9a\x85\x15\x8bf\x04\xb5\x06X8\x8a\x05\xc2\x92\x8bm~\x0bkj\xf0\x1e\xb0\xa8(P\x9f\xfa&lt;\xbe8j\x14\x01\xff\xe6%U\x07\n\x96\x9f\x9aI\xbeZ^\x1e\x9b\xf7\xbbEY\x06\xd6\xac\xdd\x97\xd7\xdd\r\x04\x04.|)\xff\xc4\x82\x85\x15\n\x85zP\xad\x84\xd6\xdeJQa\xc5{{\xfb\x9b7\x1d\x84\x15\xa2\x83\x98l\x18\x7f\xd52?\xd6\xb2\xd0\xa7j\x92\xa8\xd9ny\x8c\x1f\x95na\xc5h`\xa2\xea\xad{\x84\xd5JA\xdf\xda\xfa\xe6\rp\xda\xc1\xd4\xed\xc3H\xc4#&lt;\xdb\x03c\rRl\x8d\xcd\xcf\x8f\xcd\x07\xd2\x9a&amp;je\xdb\xdf\x16\\]\xc7\xf5]*\x16\xa3\xfeG\x0b\x88\xad$u1\xd4A\xc9\xe5\xe9no\xbf\xfa\x14\xe7\xef\xaa\x87\x925\x82\xe1\xe3i\xbex\xf1\xd2_\xef~s\xae\xa1\x01\xd6ZXXx\xdd\x94\xc3\x9d[?\xb6\xfb}\x1b\xc7\xe4\x81.\xe3\xea\x9c\x9e\xee\x9b@S\x10\xf23\xd0\xab\x83\xa8|\x9dO\x9f\x92\xe7\xady\x8d\xe4\x8a\xe4;;/\x9d\x1c\xd9~\xbe2\xdc\x7f\xa5\xb7w\xb9e&gt;\x16{\x1dLI\x9a\xaa\x1f\xda\x8d\xe5\xf2\x1e\x1aX\x03\x81u\x7f\x01MY\xeejH&amp;\xa7B=\xdd\xcd\xcd\x9d\x9b\x9byk*\x0eYu-\xb2\xf9\xe3\xa5\x91\x95\xe1\x07w\x82\xd8\xe6\x1f\xa1&amp;&amp;b\x8d\xc1\xe0\xbe\xa4\xc9\x86\xedX\xb8\xbe\x16,\xac\xf0\xa3y\xd4\xf2\xab\x81\x86\xf1\xe4\xbdS\x17/6\xff\xb0yy\x13\x870Bc\x9a\x16\x9b\xcd3\xcf\xdf\x05\xdf\xee\xa7\xa2\xe1p[\xa0\xad\xaf\xcd\x7f\xff\xfe\\0\x18|\xab\xcb\xaaqh\xfb/[\x1cG[\x92\xa6\xebV\xc8\xcf\xcf\xff\xabk\xa0\xab\xf7\xfb[\xdb\xdb\xb4\xbf\x9f9\xf1w\xec\xa7\x11\xd4Rd\xf3\xd2\xc9\xe7\xc1T:\x93Qq)K\xb5\xf9\xfd\x81\xa6\xd8\xdc\\\xf0\xf7\xdf\xdfJ\xa2Z\xa8\xb8\xec\xfe\xcd\x19.\x19\x12Vx=:\x17\x83\x85[z\xc7\x16\x1a\x1b\x83M\x01\x7f`o/\xf8\xe2\xdd\xca\xc8\x89\x0b\x9b\xf9\x1b\x91|\xf3\xf6\xca\x0b\x7f:\x83[\xa3;\xec\xbf\xde\x14\xbc\xf3\xa0\xffAc\x13\xb0\xf6eA\xde:r\xb9\xbc\x93^;/\x8b\xae\xc9\x03S\xd6L=\xd5\xd4\x18\x9b\x88-\xfc\x8fV\xf3\xfbIcM\xe3x\xef\xb8\xeb\x85\x17ktIZ\xe3I\xca\x88\x19M\xd3\xa9\x08\x99Te\x08z\xdc\xc4\x8d"\xbf\xacagao\xc0\x08\xa1\x1c\r\xa5\x16(r$R\x81\x98u9\xe3h2\xe9\t\xd0T\xce\x01i/\xdaq\xeb\xc8Z\x12\x05\xb5Gt\xb5\x9c\xa2l\xda\x9afK4\r\x17\x1bc\xb3\xd9}\x87\xdd?a\xfar\xe1\x857\x9f&lt;\xf3\xcc\xc3\xf7\xf3\xf0\xce\x05\x83"\x91H)w\x8e\x8d\x8d\xc9\x95"#\x161]i\xfe\xfd\x9d\x9e+\xebZ\xa1\xf2\xf1\xc4\xc4\x84\xf3\xa0\xb0\xef\xf5z!\xb7V\x1b\x02T\xb9\x83\xdf|\xd3\xf8ls\xfc\xf5s\xc7\xc5,\x97\\\xbcw\x0b7\x1bo\xd7\x85\xf71H\xe8\rj4\xa0kD\xb6\xf0"x^\xc0\x15\xe5R\xca~\xf5\n\x8be\xd2W\xff\xa9\\\x0c\x87\x81cK\xe7\xe6\x08\xbd&gt;\x94\xcca\xd2\xc6o\xea\x12\x173\xf4\x9b7\xd1\x0b\x0e\x1b\x9fw\xe9\xe3\x1a\xbb]\x03X\x18i\x14{\x85F\xa3\x10\xbc`\xa4T\xf9\xb8\xe9\xf1\xe3\x17A\xb5\x9e\xdf\xbd\xf2m\xfb\rO\xc8\x0bQj\xf2\xe9\x98\xed\xde\xc3\x9f\xd7\xc2\x1a5\xae\xd3\x1f\x03,\xe3\xd8\x9f\xe4~W\xe6\xe8(\xf3&amp;\xfe\x84\xb3\xf6\xe2U5\xa3\xeef\xddb\x81\xcc\x9d\x18\xbd\x14\xe5\x06\x07#\x0b6\xe7\xa2\xf3EP,\x9e#\x90IE\xbbB\x86P\xee\x88\xdf\xfdi\x03\xd8\xc8\xd4\xc2\xc6\x89fNg\xd7i\xd9a\xb185\xe7Z.\x17\xdf\xec\xeef/\xb8z!/\x833\xfev\xe1vc\xe3\xa2\x98\xcc\x91F\x08t\xb2\x1a\x88\xfc\xd4\xc3\xa6\xa6\x85\rR\x1dJBj\xd5\xe8r+\xba4D\xd8\x11\xd5\xfa\xafo\x17\xea\x1a\xeb\x9e\xbe=\x85\xac*\x06`Q\x90Z)\xf7\x0f\x96\x8b;\xbb\x9f\xff\x93=\xe7\x08k\xfc\xd5\xabWO\xc6\x7f}z\xef\xda\xb51\x11yB\n\xddZ\\\x1dt\xde^\xa8kZ\x0b\xaf}\xfa\xa4\xcd\xc6#is\xd4\x85\xa2\xae\xbf\x12z\xc4c\xaa\xbcK\xac-\x14N\xd7\x19\x02f\x10;\x98\xf6\x14$\xd2\xf8R\xa5\xe8\xa37\xff&lt;*rS-\xde\xf8\xf3\xd1\x8c+\xf5\xfc&lt;q\xd045f\x13\x92$\x16\xc2q\xb5\xc6\xf9l\xe3\xe7\xc6\xc6\xba\xb5w\xe7\x15\xa6a\xc0\xfd}t\t\x05\xd5\x82\xb5\xeb55&amp;\xd3\xfa\x87S=\x93\xcd\xea\x06&lt;\xfd\x03\x03v?A\x19E\xfa\xae\xd1\xd1bf\xeb\xb0\xfc\x9e\x1b\xac\x07\xf6/_2 \xac\x0c\x9b\x1f?\xbc\xa6\xacbiu\xe9\xa0\xf0\xf4\xefO\xebn\xde\xdbxW1\xd5\xd4\xd8\tst\x18\x95\xdd\xb7\xa8p}\xc5Q#\x00`v\x04\xf1\xac\x9bL\xa5\x92g\xc0\x87\x13B\xb1\x96\x1fE\xcb\x99\xf2\xa1\xe15\x17X@{\xb2\xbb\xff\xda\x8d\xe6\r\x86\xc0\xf4\xc4\x14\xc0\x82\xa8\x90\xd6O\xa4\xd3\xfa\x0f\x1frd\xe2\xc3z\xe5\xfc\xbcr\x0c\xb0\\\xcb\xc3\xf7\x1bT\xb0?Rq8jjn\t\xaa\xa7\x14\x08\xb4t\xf8\xfc\x04V \x98h\xb1\x9c)\x1e\xae\xccr\x93L\xdfgw&gt;\xef\xfe\xb8\xe3\x92(|\x9a)\x8d\x1a\xa2\xb4z\xbd/\xa2\xc7\xf1,\x13\x89\xafWX\xaa\x08nf\xb1\x96\x97,*\xb8\x97\x89;f\x9e\xcf\xcc8\x1c\xb5}\xa9\xd4\xe4\xf0pK\xc7\x10N\xe5\xc8\xf4#K\xdeP&lt;:\xfb\x8e\x93\xb9\x05l\xact\xb4\xba\x13}\xb4\xe3Jy\xe6\x9aDP\x1a\xd7\xc7\xe3\xeb \xb9\xd8\xed\xe0O\xc51s\xee\x88\xebTf\x18\xb4|\xbe\x98\xe95\xc3C\r\xa5Z@5s\xb7\x0f`\xa5PY\x00\xe9%\xa8\xe4\x89\xf5\xf3\x97\xfa\x91r&amp;\xff\x92\x9bq\xca{\x9d*\x1f}Yj\xf6D\x87\xfb\xadNi:\x8d\xdb=|\x8f\xc7T]l\xd5\xcc\x00*\x01\xd2;\x0f\xc3\xd1\xa5\xbcd9\x13\x85\xcd\xbd\x16:\x95\xaa\xbd[\xdb\xdc\xcc\x1aP\xab\x8cn\xf0\x13\xee\xc4\x89y\xd5e\xd8&gt;,\xa6^q4\xe5\x9f\xf4\x9dm\xad\xca\xbe]\x89Z:\xa7\xe5F5\xe5G&lt;\x81\x16\x8fI \xb8U\xe3\x98\x01\xa7\x8f\x0f2(\x9c\xb5\x14\xf3\x86&lt;\x8b\x05[\\\xa8\x04\x04\xc4X\x8c\xc5\xaa\x97\xdd\x1fRQ\xc9\x04\xe6O\x95Y,\xc1\x03n\xc6\x16o|\x06`\x15c\x8a\x8elCZ\xb4\xafN\xe3H?\x7fr\xf2\xeaU\xd3\xad\x9a\xda\xbb\xbf[\xe9\x1e\\\x1a\x9a\x87\xe7\xb3\xa3\xa0Z\xf9%\x16\xab\x17LV\x83!\x06&gt;\x06\x03\x08\xf5\x9dC\xb8;\x91\xc0\xec+\xdb\xb1\xedX\xa9\xc2\xd1"\x82\xd7\xf62\xb6\xb5\xea\x92\xd4O\xee\xfc4-\xc5\xa04\xa1\xeb\xe8\x9f\x0c\x04\x02|A\xaa\xbb\xa7]!A\xe9!\xd8\xac\x8a\x8e\xd2\xa8D\x82\xba\xe6\xcdf0\xf0\xf3\xacs\x00*\x83d0\xd0\xd1K$\x139l`d\xfbp{\xbbt\xce\x99g\xcc\xfe\xa1Z-\xfa\xa7]\xab4\xe7\x86(\xd5P\'\x90j\x14\xa8\x0f\x901\x802\xda\xcbbY\\EI\xcc\x80Z`B\xd5!\x03\xd5\x02n\x06\xc0\xeae-\x88\x1f?N\x9c$K\x87\x87g\x871\xe4\x9c\xab-8\xef\xf2\xcb\xd2\xaaa\xbb\xbdk\x94\x81\x85\'I\x8c"z;\xee\x83\xd9\xc9\xda3\x8a\xb6\x82&gt;\xef5\xb3X\xa3EC{LBg\xb3\xd1\x86\xe1\xc1j\xa5\x0c\xad\x92VY\xbf\xcf\x1f:M\x9ch\x8b[[[g%\xfb{\xae\xbe\xa8\x81\xbc\x96VA[HR%\x04\xdbO&amp;s\x94\xaa\xe1\xbe\x0cE\x81\x1d\xb6\x02Al]v\r\xc1\xf3\x80\xca\x95\x1f\xf9\xe3\x9fct\xd4\xb2\x1a\xa5A\xb5\xea\x81.\x02\xec\x00\xa2c\x8bE\xce\x83TS\xce\x8fVf\xb9K5\xb3\x95\x8ca\xfb\xec,\x86zB\xd2\x93d\xd2\r\x0f\x8d\x0e\x03,I\xf5\xa0\xcb\xc3\x88*\x9aq\xb9\x86\x15\x7f{\xf9\xddJ\xc9b\xc9D\x19\x14`\x19\x80\xc4\xa2\xd5b\x1d\'I\xe3O_\\h\x8c\x1e\xe0\xf0\x07\x16^\xdb\xf3L~\xfb\xf0p;\xcf\x8f\x88\x0fr\x89$\xd1\xdb@\xcb\xc0\xe33\xb0.\x8d\xa2(\x93\xcdd\xe8\x8e\xfe\xd4\xca\x9d;1:;m\x9d\x86[\x14\x86\xff\xa9u\xa0S\xe7\x0f%\xb1}\xe3#\xdaC\xd3\x19\x07\x87b\r\x06=}\x04\xb0\x0e\xcb\xb4]h#\x93\tB\xd5\xd0\xf9\x7f,\x03x\x90\xbf\xcd\xce\xc3V\xab9\x0b\xa6h\xaa\x04\x07\xf7\xfe\xfd\xcbt\xffu\xf0\x0e\x0ev\x81/D\x04`\xe50\x12\xf3\xa4\xe2t1\xb5\xc9\xa5\xf8\xf0fg2\xe53\xd0\xb2\xabYLY\xc8\x9d&amp;U:\x044=\xbby\x00\x1dt]\xa02[\xf7&amp;&amp;^Xa\x15l\xdd\xdb\xb3fa3\xbf=V\xcfb\xb5\xf4\x03,\x90NO0{\\G\xa3\x7f\xe1\xf4\xc7(^\xdb\xa6 \x937,\xbb\xa2?\xaaERa\xe2\x14\xf73\xa3K\xb2\xea\x1e\xab^\xd1#\x80\xad\xd3\xd3\xd6\xe0\xde\xde\x8b`\xf0Ep\x9aa\xbeW\xddh\x1fQ\xb4\x0eN\xb6tv\xf8t8F\x82\xec\xc8\xc4\x11\xda\xf1\x84[\x81\xe5\x8d_\x14\x8b\x86\xd2@Ie\x05F\x9aK\x86\xfc:\xa6sX\xd6\xc5N\xae\xf6\x1f\xfa\xfc\xff\xf8\xc5\x0c\x13\x98\x10(4\x84\xeb\xb3f?\xbf\xb9}\xa4\xbd\xbe\x8b\xcd4&gt;\x9f\x9b\xdc\x07!-b*U\x1ep\xac\xd5\xbc\xcbOf\xd0"\xcd\x08RZ\xe9\x81\x10\xca\xb9q\x1d\x83t\x06\x00\xd6\xa0b\xe4\x87\x1e\xbeN\x85\xab\xa5\'\x89c\xedq\xe4\x98\x94\xbaM\xcd\xcd==#\xd7\xbb\xaaTZJ\xb8\xbf_(hK\x95M\xeee\xff\xf2\xe6\xddX+\xc3x\xecB\x80\x85Q\xb8_\xe7\xebha\xb9\xae\x8f\x8c\xf44\xf7\x99\x8em\x8b\x07\xb9\xd3\xc8i\xae`\x1b\x13\x85\xd6\x05W\x04\xb7\x9ao\x80~\x07\x82\x01y\x8dR\x9b\x14\x8f_p\x7f\xff\x87w\xa9\xed}\xad\x01\xe4r\x06:\xd8\x87 \x88\xd0\xf9|Hg\xcbd\x17x\x86=\xcd\xdd\x02\xbd\xb8\xc9i+`I\xf2 |\xfbZ\x93\xd2K\x85B!\xfdU&gt;H\xcb\x04\xa02\x16\x0e\xc8\xd3\x8b\xafsod\xfcB\x00r9B\x1d\x14\xd4 \xa1\xfa}U\xae\xae\xee\x9ef\x01\x7f@+u6\xc9\xc3r[\x92\x94\x87\xc3uSScr\xa5X(\xa6\xec&gt;&lt;M\xa9\x8d\x00\xeb\xd9\xdb\x8f\xe3_\xe5:1\x0f\xb4\xbd\x89F\x10\xc8f\xf3\n\xd5\x10\xee\xf3\xe9t\x1d-\x93\xdd\x82\x01=\x01\x89\x9b\xc6\x9cr\xb9\\|\x8c)\xd9\r\xc0\xc3)\xa7S.\xd2h\x848\xc1nP\xbc\xde\xc2\xc6\xc7\xb6\xaft\xc9\x99\xe5\x8a3\x0c\x16\x0eK\xbd^5\xa5\xd3\xf9\xfd\xbeN&gt;?B\x19\xa5"\xb9\\$\x12A\x04\x1e\xb7k\x8f)\xafT\xcc\xae(46\xa5\x06\xa2\x84\xd5\xb3\xff\xec\xe3W\xbbH\x0c\xb8\xde\xc7\xfdi[X\xec\xf5J\x85Z-\x8e\xeb\x90\x81\x10$\xd5\x88\x8cF\xb7\x1e\x87\xe9T\x9f"\xd6\xa3\xa0\x99\xacN\xaf\xd5\x86\x92\xa4T$\xf6\x8a\x8dB\xf0)\x00\xacK_\xef\xb4m\x9e\x9f&gt;\xbd\xa7\x99\xf3j\xa4\xff\xe5\xe5\xfc\x83\x92\xce\xd38\xbe\xfd\xc5\x7f\x9cg\x7fp\xd7\xf7[|\x99\x9df\xf8\x15\x9e+\x8c,\xd3\xae\x02&amp;4\xb4Q0\x0b\x88\xbb1,\xd31\x87\x93\x12\xcbX\xb8!\x11\x88\x06\x8d\x98.\xfd0\r\x81\xb58\xd3\xcb\xd5\x9df("-;\xab\xed\x14\xc6\xa6\xa3\xebl\xbc\xcbZ\xdd~h\xa3\xe69Y\xdd\xf3\xa1v\xee\xcf\xdb\xdb\x0b\x9fa\xf8\x02\xca\xf0\xe2\xfd&lt;\x9f\xe7\xf3|\xbe&lt;\x9fo\xd3q\x14`z\x13P1\xb46\xe5\xf9D:1&gt;~\xf3\xe6x"=22\xd2z\xc3\x07\xa9\xa2\xf7{\xb1\x00\xb2\xaf\xd8$h\xbbv \x9b\xcd\x94$\xd4\xa3\xbb\xcf*\x16\x97\x99\x18\x1a\x93F\xefCj8;\x95\xe6\x91Y\xb0\xd7`\xb3\xb3\xa9\xd4\xf3\x97/_Nx\xd5\x86{%b\x95D\xc0\xe2\x0b\xf8\x03w\xbb\xb2\xda\rN"\x91\xfe6`\xe5\xf3\x05\xe0\x1a\xb1\xa9Co25uv\xfa"\xa9\xe7o\xed\xd5\xabW\xcfS\xa9\xa4\xffej\xe4\x14\xcfP"\x908\xf8&amp;\xbe\xca:p\xb79\xbbM\xead\xd2\x0f\xdf\xb5\xb5\x97\x99X,\x86I\xaca\x88K\x0c\xb6\x1b\xde\x89\x89\xc8HF\xaf\xd9\xd9t\x02\xec\xd4\xc8\xc8)\xf3y\xa5\x96!P9T \xad\xb5\xff\x9fYn\xd4%\x91\xee_\x1b\xb8\xcd\x07\xdf1 n4u\xc8\x83@q#\x91\xb8:&gt;=\x9e\x89\xae\xab(\xbcN)\xdcD\'CP&amp;\x91\xa8\xf8\x02\xc8\x0fY\xde\x03A"\xdf\x7f00\xc0\x87H\x86\xcf\xe434\xce\xee\x8a\xf3\x99(O_\x1d\xbf\xf9\x08j\x9f\xf1\xe9D:}\xc3\xc7#0\xac\x1b\xfeE\x05\xe9\xec\xf6\xc0\xb5\xeb\xa4\xac\xab\xf5\xe0\x0eD\x97\x98\xd1!V\xa9\x04&amp;\xe7\x95\x8a\xcf\x8bA\xaet:=\x9d1\x80J\\\xb2\xd9p7Qac\xf0\xcbT*I\xf5\xbe~\x18\x88\xd9\xc5"\xbfw\xff\xfb;m\xfb`n1\xf1%1\xbf\xa6\xa9\x9bht+x\x97\xcc\x89\xc4\x8bD\xfa\xd4\x88\xfa\x86\xce\x06\xe6\xc2q\xe5\x95\xce\x0e\xc8\xab\x12I{[\xff\xd9\xae\xac\xabu\xa0W|{_\xbb\n\xe6\x962\xbfePkS\xe45\xe2\n\xa5\xcd`04\x95@\tS\xe2tB\x1as)x\xb6\xce&amp;\x96\x80\xcfW\xb5\xb7\r\x9c8{ \xeb\xb1\xd5|\xb6N\xdcv\x14\x029\x10\xa8\xd30\x8e\x1bx\n\x85P\xe1\xb2\xe9\x07\x19,\xb1\xd5j\x15\x9b\x18\x06t\x0e\x90g3\xb0\xf8*\x98\x93n\xf7\xdf\xb9\x95},\xd2\x9e\xc9\xba\xc0\xed\x01\xe0\nh\xea\x02\x01F\x93\xb6A)T\xe0.\x9bVc\x82APV7\xa8\xc7\t\x02\xe75\x18\xb4\xac2\x87De}\xd0\xcfge\x1d\x0b\xa2\xeb\xae&amp;\x80~)\x90\x08\xea\x02~?p\xe9lJ\x05N\xd0]\xa0\x97fp\xd0\xa7\xc4\xa4R*\xc2jb\xf1%\x0e\x89\xb5\xdf*\xd0\xac\x00\xd6{?2,\x01\xc9\xd1\xcf\x1c*\x01\x0c4\x01C\xab\xd5\xf1\x14n\x8cJuuw++\xa4}}\xa7?\xdc,%\x946m\t\xdf\xe1pT\xff\xe9hY`%\xb0\n\x7f\x1c\xf4Xb\x8ev\xf4k\x0f\x144u\x1d\x06\x9b\x12wS\xd9li\x1f\xbd\x8fras\xdf\xa7}R.\xe1\xb29\xc5\x12f5\xf3\xb7\x9fI\xfc\x16\xc6\x8a8\xb1\xc3\xe3\r\xc4\xa2Lf\xd4\xc1\x8c"\xb9:\xbb\x95\x18\x17\x9d\x90\x94\xd3\xe5\x17(\x84\xcb\xa5\x84\x81\xa9\xed\xe0;\x98\xccjD\xe5\x1d|\x92u,r\xe1\xdd\xe3\x9c*o \x8a\xba\x15\x99\xf6\xa8\xcaT\xd2d\xb0\xb9\xba+2\xe7-\xe55t\x83\xd6\xa0\xd53X&amp;\xb1\x8a\xc9|\xbf]R\x16\xf0V\x1d\x7f\xb2\x12#Q\xdf\xda\xca\xf1\xfag\xea\x99`\xd1(\x94.N\xb4\xa0\xd0j\r\xdd\x15\xf2\xdc"\x03\xacu\x18b\xab\xc4\xc1\xac\x7f\x1f\xfe\xee\xf7Vq\xf4\x93\xd9\xcf[\x08K&amp;S{c\xf6Cv\xbb\x9digJ\xc4\xac[\'`\x95\xe6\xd4\xa2~\xcan\x83\xf3\x84\xb8LR\xcd&lt;t\xe8\x10\xd3\x11\xf5[&lt;\x1c\xf5\n`\x91\xba&amp;\xd5!Y\xb9\x8ec\x89\xd9\xed3v{=pA\x95\xc07\xb1:\x9c\xce&amp;g\xef=\'dUG\xfd\x9b&amp;\xd9h\x0c\xa8Z\xd5\xea\xc9\xec\xcf\x89\x80\x15\xa7\xd1x\xba*Klfl\xcc^\x0f\xa2\xa0\x1eT\x98%A\xb1\x13\xb7JnY\xdb\x99\xf5\xa8\x9b\xb8\xbe\xde&gt;\x16\xf0\xa8AY\xce\xca\xa8\x15/\x16\ny&gt;O`l&amp;6foA\xb20\xeb\xeb\x1d \x99@`\xb5\xa2\x8ea\xd4\xe2\xbc\xb3\xde&gt;\xe3\xf7\xaau\xbar\x19g\x05\xd4:\xf0D-+\xce\xcbS\xf0|\x83\xfe\xe8\xcc\xd8\xcc\xb9\x16@\xd8\xd9\xd2\x02\xa21\xab\xa3Lp\x1f\xea\x00?\x94im\x0c\xc0\xea\x9bV.S\xaf\x80Z\xd7\xcfr\xe2\xb4\xbc\xc6F\\\xa9\xd3\xf8\xc7\xc6\xc6f\xec\xe7\xce\xb5 \xdb\x99\xa1\x83\xe3\xce\x96s\xf0\x92=\x1a\x9b\xa8\xf25\xd0\x00\x8b\xf3$\xdbe \x99t\xbd\x97\x13/\xaemt\x8bp\xa5O\xe3\x8f\xc5bH0do\xee3G\xc0\x02\xad&amp;&lt;\xbe\x06^q1m\x05\xb0H\xe4\x1f2X\x9f\x8bD\x04\xae\xd4j&amp;&amp;\xfc\x10_\xe7\xdeZ\x06\x08\x99\x1di\x05\x81\xc5\x13\n\x01K\xfd\xe4zv7\x0eC\x15x\xb7\x97\x13\xa2\xd56\x8a\xb8\\\x0c\xfcXe\x99\xf0\xfbc\x90(~2x\x18\x8dFAD\xbf\x05Q)\x84BP\xeb\xde\xbfF\x9b\xc9Y\xdbjM"\x91\xbb&amp;K\x9a8\xad\xe6\xe2F\x11p\x11\x04\xe2JZ\x02\x01\x7f\x0cP\xa2Q\x07\xea\x81\x90@\xd5\x05\x15\x8f\xa5\xaa\x81\xa7T(\xf2\x90\x13{{\x13\xe3\xcb\xa3\xd9Y*\x02T\xf3\xfdI\xaf\xa6\x03\xf5\x9d\xe6\x01\x95T^\x84\xb8&lt;\x1e\xaf\xd7k\xa9\x83\x9aP\x0c\xcb4\x86\xc9\xc4\xd2h,\x16\x8b\xd7\xc7s\xe1y8r"\xc7\xc9H-=\\X\xce\xc2nS\x04u\xb1B[\xd5cax\x10\x96\x9b*\xe2\xb2)\\\x9c\xe7\xe3\x80\xa9}z\xbd\xde\ti\xfe^\x13L\x90\xfa\xe3\xc0\xcaiP\x12\xb8\xbb1\x835\xa8\xb1\xa4\x96\x96\x96\x96\xdfy_\x19\x89T8\xf4h6\x12\x0e\x85\x93\x96H\x18aq\xb9"6\x9bM\x07.\x9fL\xd6\x00f3\xc0\x94\xd8i0t\xdatj0\x1d\x0f\x8agt\xae\x19\xb0\xbc\x81HOj\xe9\xf1\xd4;\xed\xaf\xc9\\\x19\xa0\xf9/sK\x91p&lt;\x1eNN\xc0\xa12\xcf-\x92\xb2\x91a\xae\x86K0\x17)y&lt;X\xefTT\\\xb9r\xc5e\xd3\xe9d2\x19O\x81c\xd8OX\xf0\x1e\xe0\x9a\x1f"\x93\xdf\xa5\xfb\n\x9b\xff0\xbd\xf8\xba\xa75n6\xbf\xc12\xd7B\x99\xcc6nf\x1b\xe5\x18\x10)]\xa0\x0cA`tj\x11\x9dN\xc0\x0b\xba\xf2\x06!.\xc2\x90Z\x90Na\xb8FB\xa1\x9e\xc5\xdd\x7fm&amp;\xbf\xa3\xb8\x07\xa8=C\xcbS\xcf\x16\xd3\xa1\x90y\xff~s82\x91\x0c\x87\xcc\x10\xf3P\'o.\xddL\xa1\x12\n\xa5\x0b\x11Q\x8b\xe4\xf9\xf9\x94\xfc"\x8cp\xf1h\x97h\xb8H\x84\x89\xdc8\xc2\xf2$\'zB/B\xcf\xd6.\xde\xbc\xd8U\xf8\x0e2\x05Rj\xe8\xf4\xdc\xc6\x8d\xaf\xcd\x95\xe6\xca\xfdg\xce\xc4\xc3\x9e\xe4[,\xae\x14q\x81\\8^\x81\xd1\x8b\x8a\xe4\x14J&gt;\xdc\xe8\x18\xe4Y^\xb9P\x04X\x04\xae(\xa6\x95\xb7f\xb0\xcc/v\xaf&gt;&lt;\xbc8\xfd\xf5h\xf3\xffw\x1e\x15]\x82\xa2pty\xe1\xe1\xf0\xef\xe7\x1a\xdd\xb5\xb5g\xbe\xfd\x16\xb0\xc2\xc9d\x0f\xc2r\xbf\xc1:V*\'p\x8c\x9aO\xc9\xcd\xa5\x00\x94\x1cmc!\x844!\x1a\x12\x80%DX 0\xbce\xee\xe0\xda\xd5\x05\xbb\x86\x1f\xce\x8d_\x18*\xfc\xc5\x8ae\xae\x881za\xe1Y\xc1p\xc1\xee\xbfK\xb9\xa2M\x9b&gt;\xfd\x08\xb0B\x11\xf8\x8cr\x1a\x04W\x06\xab\xb4\xd4H\xc5q,\x9fR\xb3\xa5\x06n\xc6\x1aJ.\x1d\x17\nq.\x95\xca}\x83%\x0bg\xb0^,\xac\xcfY\x95\xb3\xba`\xf5\xc7\x8f\x1f\xcf=\x1a\xfaE\xaeD\ta\xcf\xe8\xc5\xa7\x0b\xf3\xebsv\r\xe7\xccK\x8dF\xa9t\xcd\x9a\xdf\xed\x0f\x85\xe2\x9ed\x04\xb0\x84\x8d\xc8\x8b\xa5\xa5\xdbJ\x8dF:\x81\x15Q([\xc0jj(\xf2":\x86\xe7\x81~\x19,\xc5\x7f\xb0\xe6\x83[\x83\xc1\xad9[\xb7\x1f\x1e\x06\xc9N\x8f\xee\xf9_\xa3\x9fD&amp;7\x8f~\xf1tj\xfe\x1f\xbf\xd9\xb0\x15\x84_5U\xbam[)\xfb\x835\x1fU\xc6\xe3\xe5\xe1d\xa45N\x13\xe2\x04`\x19A\xad\x1a\x14O\xf4\\\x84\x05r\xa1\xf6\x1a\xcc\xed\xa6\xe6\xe7S\xa9\x04\x8e\xb0\xe2\xe1H2\xd2\x13J\x1f\x0cn\xdd\xbb7\x18\x0c\xae\xfb\x18\xb8\x00\xec\xc2P3\xe9gO\xe0\x99\xcb\x99t]|\xfa\xe7?\x1e&lt;\xb8\xfb\xe0\xfa\xe0\xaa\x9c\x9c\xb5\xc1)\xb4\xc1\xe8\xd8\x87\x1fl\xaa,7\xd3Z\x93\x90!hB\x08.j\x06\xab\xd4\x98O\xcf\xf4j\x00\xd56@\xa3\xc81\x82\x8e\xe2\x9f\x0ebe\xb0R)\xc8\xc3s\xbf\x0e\x06\xf7n\xd8\xb0w\xc3\xbaO\n\x0e\x1f\xce(\xf6h\xe8gN\xe0\xe8\xc2&amp;{F\x97\xa7\x9f\x9d&lt;yr\xc7\x8e\x8d\xdb7\xa0\xaf\x17\x0cN]&gt;r\xf9\xf2\x97\xc7\x00\x8bVY,\x8b\xbc\xc5\x12Q\xf3\x01\x0bt\xa4P\x11\xd5W[\xe0\tH\xf6Un\x11\xbd\x88b\x84{"O\x01\xb1\x15\xeaI%{Z_\xcc\xef\x05\xaa_\x81\xad\xdb\xbe\xb6`\x17\x02;\xfcpq\xfc\xeb\xd1\xff&gt;,Q\x8e\x1a]\xbe\xb9\xf0l\x07@\x9d\xdc\xb1\xf1\x93u\xf0\xed\x90}s\xf9\xc8\x91#\x97\xbfdo\xaa-\xae\xad\xfc7\x1f\xe7\x13\xdaFz\x86q\xcda\xd4a\x18\xa3\x99(\xac\x06;\x1a9C%\xc4"\xad,[9\x98\n\xff\x11DH\x8a$k\x1c\x99=\x84\xb8b)\x12&amp;2\xad\x10f\x8dLE\xc0\xcb\xb6\x82\xb5\xc1%\x18\x93\x83M\x93\xb0\xa9Xr\x8e\xa9\xeb\x8b\xdaU.1\xa1\xec!{\xe8E\x97\xe0\xb0&amp;\xbb&amp;\xf6\x86\x94&amp;\xed\xf3\xbe#g\xe9\x96\xed\x87e\xc9F\x1a\xfd\xe6y\x9f\xf7\xcf\x07#]c\xac\xa9\x08\xe5\x1fsA.\xa4\xdf\n\xc5\xb0\xb0\xb6\x06,\xa4c\xf4\xdc\xa4\x8fj\xfc,c\xfd\xfd\xce\x95\x97\xed\x9d\x9d\xb0KQ\x14\xcdP\xdd\x8b\x8b\x8b\x84\xb51\xb1A\x92\xfd\xdfKQ\xc9\xe5\x7f\xd8\xff\xe6\xe5\xab\xf8&lt;\x90\xe6\xb7s\xb9\x9c\xdb\xef\n\x87\x89\xac\xbb\xb9\xb4\xb4\xb9Y\x0f%"\x91\xe6\xd4\xb5\xbeZ\x17\x86b6V\x01XA\xbe\xb2\x05T\x84\x15\x0c\xa2^D\t\x0bA\xfc\r\xb0\xee\xde\xfe\xfcD\xdbYv\xc9\x8a(j\x06\xf2\x91J\xc5\xe2\xc6"\xb8\x00\xf6\x11\xcc\xff\xb3\x9f\xae\x9bO\xd0a\x9e\xc5\x89i\x1eL\x13\x13\x8bn\x83D\x07Z\xaf\xb3\x04\xaez\xd2\x97\xf8$\xd2\xbc\xf6\xe9\xdd;W\x08kx\x88\xa2X\xc0\xf2\xf0\x87\xee\xce5(\x84\x14\xc3h6\xeb\x01\x16\x828;Mj=\xf8\xe3\xcb\xf6\xf2r\x98\xa8L\xbf_\xf0\xba\xcbn\xe2Z\x9c\xc0\xda\xd8xu\xf0\xe4\'\xea\x18\xa8\x9e\x1c\x9c\x02\xaa\x86\xb5]\x06\xd3Dn"\x07,Y\x91e\x97\xabw\xb0\x0f\xacN!\xe4\x8b]\x88\\\xfc5\x0clc\xb1\xe9\x81\x95E1\xc5\x9a\xe1\x1b"\xe8\xc96\xb8&gt;Df#\x84u\xf7\xc1_N\xc2\x10K\x14E\x85\xc42\x0c\xcbR!\x18\xd8\xe8\x9d&amp;\x8e\xbb\x04\xf6?II\xdf\xb6\x82\xb6\xb7]k\xb5\xcc\xd6v\x0ev\xdc \xae1\xb7 \xcbp\x83\xec\x92\x1e\x93Z\x9dz\x12\x12D.}\x80tG\x81@\x85\xf0A\xae\nc\xf5\xb9f\xf8\x0e\xb5\x15b\xc5\x90\x88\xa8\x10\x8c\xf55\xc4rA+\x8e\xa1\x05*\x0b\t\xee\xf5\xba\x016\x91\xcb\xd5\xf4v\xf7\xe9\x93\x1f%%7\xe3\xc7\'\xbdZ\xad\xad\x9b\xb5\x1cj\xca#\x1b+\xe7\x16L\x85\xb0d\xfd\xde\x02a\xed\xe2\xfd}\xc3W?d\xac\xc8\xf0\x10\xd4B\xe9\xca\x02\xab\x02/\x81\xca\xe3A\x0cWVV\x1a\r\x8e!\x86\xd3O"\x8cu\x8c\xc2@T\x92\x99\x17\x0c\xc3\x10\x0cA\x10\x18\xac\x0c\xcd\xc6j\x92\x04\xb0\x83\xff*\xb0\x04\xf5\xe2\xa4\xed\xec\xd9PGG\x8f\x88\x89\x838\xe6\xd5\x18K\x91{\x07\xe4\xf9\xdd\xb5B\x05XW&gt;\xa5^=KX1J\xc6\x02Jj\x03"\xa1Y\x9f\x03\x17*\x05\x8bE\x89\x18a\xb5\x1e\xfc\xbb\xb5\xbc,#\x82\x10+\x9f7\x98\x89~\x08l\x0c\xa1\x04\x96$\x92b\x7f\xfb\xb8\xaf\x18A=\xed\xb6\xa5\x01g\xbb\xbd\xbdq\xc4P\xcf\x98*\x17\xcf\xe5\xc6\xfc\xa4\x15\xb0\xccC\x8a\xe2\xee\xeeZ6:t\xf5\x97\x1f\xf0\x08q\xc1\xc6\n!\x8aI\x80p\x10\x89\xab\xe1\xf1T\x08\x0b\xd9\xd1\x8c`\xb2\xf9\xfc\xcew\x10\x0b!TD\x1dbA-\xfc\x12\x84|^\x80\xbf\xdc\xc0\xf2\x1a:q)f\xed\x9d\xc7&gt;\xa6z\xaeK\xce\x01)~DP\xcf\xe2X\xf3qp\xc5\x81\x95\xb3d\xe6\x92az\xa8\x05\xb9\xb2\xe7\x82\xab\x97&gt;\xbc}\xe5\xa2\xad\xd6\x90\xdd\x80\nI\xc2\x9a\xa4!b\x05\xb7J\xa3B&amp;l6i@\x8d\\\xbb\xfdJc*\x1c\xca\x10(\x88B\x1f\xcb\xcbP\xaa\xaa\x9aN\x89\x96n\xf6=\xe6x|\xd2\xd6\x89j\xa0\x1dg\xa4yZ\xb5V\xad6\x1f\'.\x8a"c\x99\x87\x9b\xbb6\x16\xedv\xae\\\xb3\xb1\xd8]\xac\x16\xcc53\x894$\xd1\x90\x87\xa1Pl\xbdIX\xbeX\xe4\xe2\xd75\xd4\x06\x1d^\x90\xfcyV\xcb\xbe\xa9j\x9f\xca;\xd6\x02\x96\xd3)\x89\x90\xb3}\n\xc5\x1c\xed\x96i\x9a\x08\xa1\xe4\xa4\xd20O?\xf3\xc7\x04\x86\x8e\x88\xea5f\xc9:c\x85\xdb/\xd8\\\xa8J7V/\xfd\xfe\xe2\x14\x9a\x8f\xcd\x95\n\x15l\xcfO\xceL\xcep.6\x92\x95P*\x11\x99\x9a\x9a\x9e\rF\xa3\xc3_\x9e\xec\x84e\x11g\'\xe9$\x11\x12QUI.\x95|\xe5\xe5{\xc3isI:\xd6\xc9\xe9\xbf\x1c\xa0j\xd1?\x10E\x13$\x84\x86\xc5\x91\xdcn\xd5\xca\x13p\x97\xec\xa2\xd2\x15\xeeU\x0b\x05\xc2B\x141\xacO\xcf\xa2l\xd1\xf8&gt;\x14\x0bQ[$,\x0c\xa833\xbe\x19Oeo&lt;4w\xb3\t\xaa\xe1h2;t\xda\x0f\xa1(\x19*\x19\x8aCHvw\x13U&gt;\x8f\x07\x86DQt2\x98\xa9\xb7\x8e\x1d\xba\xa8\xebN^`\xb2\xb9\x98,N\xf6\xca\x959\x19Q\xe8e\xd3\x15\xee\xa6\xc9\xf2h-\x18\x8a\xaf^\xa0\xe9\x1d\xfb}\x92+\xbdUH\xa6C\xd1\x19{\x9d\xf3&amp;1J,\x00\x00\x06%IDAT\xa4\xf7\xaah\xeaS\xd3\xd3\xb3C\xc9z\xf2y\x9bk\x83\xac\xe8\x1a\x19\xca6\x96`\xdb\x1dZ\xb1\xc3\x04\x91\xbdes\xe9f\xcbA\xb5\x84\xff\xd3\x9egc\xd1\xe0\x80:\x8f\xbb\xb2M\xe66t\xb9\xdf\x82\xba\xf5\xdd52Wpxu\x95\x1a\x0fF\xaa\xe0\xd0P"fc\xf9|45c\x9e\t\xa5\xb7\x92\xa3\x89\xeb\xcd\xe9\xe9H\xb4\xbe\xf9\xa2\x17\x0e\xdbyc\xe6\xf3\xc2\xd9\xa2\xd2\x80Z\n\xf5\xf2\xe4\xb0\t\xd3\xe9\xb4\xe3\xe8d\xf3\xbf\xc3\x92\xda\xf39D\x8e]O\xbd\xda^\xe5\\\xael\xf9\x99Kvifw\x0fQ\x84\xbb\xb0\xa9\x18\x0e\xfah?\x01\xb2D"T\xa8\x03+\xe5\xf34\x1a{\x98\xb6\x8a\xa3[[\xa9\xcb(\x0e\xcd\xf5J\xe7\xa0\x8b\x17+\x10\\\xd1\xfd;y\x81\xc4\xb2\xfaZ\xc1\xed\x06\xa6UL9o\xbf\xaf\x91\x8d\xc04\x80\x052\x1b\x8bn\xed\xedr9GX\\"\xe2\xd4\xac\xb1\xcae\xb4\x89\x96\xee\n\x13\x97K\xeb\xee\xf1\x15\xd4\x08#\x1a\x0f\xfa\x0e\xb8|\x88b\xa1N\x17\xda\xa4*\xd9\xb5\xbd\xbdtjp\xbc\x9e\x9c\xbb\xde\\o\xde\xbc\x9c\xad\xde\x13\xb9\x7f\xb9d*\xa4\xb6\\*-/Q\ty`\xb9\x17\xdf~\xf6\xed\xb1\xa4\x13\x12c\xe1\xceABQ\xab\x92Ze0\x94\xd9\xec6\xd8D\x9c\xab*\xb8\xac\x96H\\$X\xb7\xb8\x82\xf6\x17\xbc1L\xfd0T\xa9\x00+\x16K%1\xb9\xa6S3\x8dz\xa7\x93\x19\x1f\x1c\xac\xd6\xd3\x89\xeb\xeb\xeb_\xdcL\x14\x0fa\x15\x14J\xd9%\xb6\x84\xb3\x18\xf6\xb1\xa0\x95\x81\xe1\xd7\xbb\xf1\xf6\xb3\xc0\xfb\xc7\x92"\xf5\xb1z\xb89\x98\n\x91WZew\x99\x17b\x18\xcf\xb1\xaf\x08\xaa\xacZ\xc4\xa5\xd3\xe0\x85\x8c\x0c\x9f\xfc\x03\x19\x07,\x18\x1e\x85\x14sB*\xe5K\xa5\xeb\xa5\xf1\xd1Tj\xaf\xb3\xb0\x90\xb9?B\x17)\xcd%\x12\xeb7\x9b\xd7\x0f\x9d\xa2N\x87w\xe9\xbap\x86\xa5r\xd3\xe1\x18\n\x02"\xf8\xfa\xb7\x81\xc0\xfb\xaf$EqR\xfcl\xb9\x1c\xac\x95"\x87]\xa6\xa5\x96)d\xe4\xa8y\x8a\'\x8f\x1cn\x82\xc2\x10\xd2\x92\xd1k)\x92\xe1\xf6\xf3\xe1\x1bt\xf5w\x90\xb6\x89(O\x10\x0b\xa9X\x1f/\x0e\xce\xa5\xeb\x99R\xb58W\xac\x96\xd2\xd8\xbfA\xadS\xf4\x0f\xd6J\xd6\xfd}*bRy\xd6\x1a\xe3Yp\xe3\xf5\xb7\x81@\xe0w\xaf\x81\xd1Gz\x87\xa5+\xd0\x02\xe3\x99\xdf\x8f\xe6n\xb4\x0c\xcb\xb6;\xfcN\xa7\xa4Z\x98\x90TC#\xae0\x05\xf2\xf4\xcf\x7f]\xbd@\x9b{\xd8\t[g\xda\x96\xd53\xd5\xe2\xc8H\xb1\x9a)\x8d\xffbd\xb4\x94I\x17Ss\xeb_\x9c\xf6\xd8"4\x81h;\xb6\xb1\xb87\xd3 \xbf8\xe6e\xbc\xa3\xaf@\x15x\xf8\xb6-IN\xdb\xeeD\xe4\x10\xc9\xef"\xaa\xb8.*\xa8\x18\x9ai\xfa5\x8d\xf8\xac2\x8b\x87\xe3\xa8|8K\xe3\xb1\x1e\x8ai\'_\xae\xde\x08NF\xa3\xa1h\x0cX\xa9Jr\x0b\xdb\xa2\xf4 \xa2W\x1d\x1f\x1d\x19\x19\xcfd\xe8s\xe8\x97\x9f\xf7\xa8H"\x16H\xc2&lt;\xa5\xa1j\x8f\xca\x04\xb5\x88BjS\x9d\x07T \xf0\xa6\xcd\xc5\xc1\xc9&gt;Wd\x07\xdb\x9dOHg\xcfQ[2e\x93\xc8\xac\xb2e\xe0\x8e\xcc@\xe3\xb7\xe5_\xb6\xc1\xc2\xae\xf6\xf3 f\xaa,\xfaq,\xe1\xf3d\xe9\xf3vu\xc2\x1a\x1d\x1d\xfd\x15\xe0J\xf5*2\xe0\xb0\xaf\x95\xa2K\xd8\x8a\xf9-\xea\xcb\x8bg\xcbM3\xe0\x0fT\x81?\x1d\xdb\xc5T\xe1q_B\x95\x97\xa8B\xc8\x8a)\xf8\xa5~\xd5\xe0s$\xe9\x00E\xdaa\x10\xb1\x04\xcb\xad\xfa\xfb\xfb \x18\xb1[\xc4\xecU\x80\xe3C\x9e\xc6Z\x87\xd6\x16\xa2H\x1f\x84\x1d)n\x952\xa5\xad\xf4\xe1\x99V2\xc6\xf7&lt;\x8b\x9f\x1b\xa3\x05Wq\x83~\x17AZ\xef\xbd\x96\xe8\xe9p\x93\x0c\x1c\xa7Cd,\xbc\xdcT\xbd\x82n\x973\x86\xa3c\xea\x12\xfa\xb8\xa9i-\xa4\xb2a\xa9\x82F\xbd\x91\x1c\xe6\xd2z\x8f\xd7\xa8\x155\xb0\xab\xa8c\xe2\xd9\xbcUO\x17\x89jp\xb4Z\xca\xd4;\xd5\xc3\xfe!P\xdfm\xd7\xd6\xb6\xadmbC\n\x96\xbd^\x16\xeb\xe8M\xe0|\xc0V+\xf0=\xccET\x9aL\xaa9P\x1a\xb8\xc8\x8b\xa6\xe0\x1eC\xe1&lt;+h\xce\x81wM\x1dd-\x8d\r\xe77u\x9dF{d\xa4\xacw\xef\x83\x0bk\x976k\x0b\x0b\x1dDn\x94\xbe\x87\x01bu\xee\xdf\xc31\xec\x8a\xa8\x83\n/\xd60\x92hdY\xcc\xf1\xec|\xb7\xfb\xd1\x9b\xf3\x84\xf5\xf0!G\xf1\x15\x9e\xed\nc\xd68\xc3RX\xbf\x16\xc9\xea6Li\xe0\x87\xf2a\xab\x06\x14\x90a\x8a\xc0\xc1\xb9%\xd0\xa4#\xeb\xae\xf6!z\xf7.\xa8\xf6\xf7\x9761\xe9\xd3Wzl\x95J\xf5N\xfdE\x97\x15\xe7\xda\x83\x17a\xb5\x90K&amp;lAg\x078\xe1\xc7T\x81\xf7\xde\xb6u9\xbc\xb3\xe3\x12\xe9-\x1dd1LT:a\xa9\x88\xbb\xd7\xcfC\xa1M\xe4&lt;\x8b\xa6\xd2\xdf\x01i\x9a\xce\xd9B\x7f\x8b\xa6\xd9;\xbc\xbf\xfbO\xc6ZZ\xfahs\xe1V\xa6\x93\xc9\xdc\xda,\x1d\xf6\xfa\xb9\x8e3p\x11\x14\x91\xd1\x99)\xc8t&lt;\xa4=\x86w\xe3\xcd\xcfA\xf5\xf0a\x1f+\xf0\xd5\xb1.\xfb\xf3,\x96\xee\x07\x96()\xe1\x1d&lt;\x1d=\xd4\xc2.\x1c\x19G9\xc94\xa2\xe4\xec?\x10i\x12W(\xf6:\xa71\xed;P\xef\xe4\xde\xe1\xd3\xcd\xfd}\xe6\xb2\xbf\x10bi\x01R9\xff3\x98~.p\xf0\x80\x100\x89\xf2\x83\xdbm\xfc\xe0\xe4\xc0h\xf7MEM\r\xe2*\x88\xb3\xb6\xff\x04\x16n\xe0\xc0\x92\x90\x93e\xe0\xe7\xe1`c\xe5We\x94\x83d&lt;`e\x00\x8aI\tP6\x00\x86\x0f\xbc0\xe1\x01\xf7\xf1\x80\xf6\x00\xbd\x0cj\xcb\x823&gt;\xd0\xd9\x12\x12\x0f\x97\\O\xda\xbb\x17\xe6\xb4\xa4\xebKx9`\x81\xcc!!\x08\x895\x88\xb3\x94\xf8AA\x05\x16\x92K\xfb\'\x8a\xea*Pp\t\xce\xaf\xe0bccU\x156f\xc8\xc8\xd8\xba5#c\xc9\xb1%[\xc1\xf4\x92%\xc7\xbe~=\xb6dI\x06\x0cl\x05\x83\x0c\x04\x1f"\x86\x90\x06\xe2\xeb{\x8f\xc0\xc0\x9f\xad0-0\xf3\xc0 c\t\x88\x99\x81\x10x\xf9t3\x10l\x01\x81\xcd0\xb0\x0f\xa4\x04\xa8k\xc9\xb1c\x00\xea\x0b\xd9\x93\xbe\xa5\ny\x00\x00\x00\x00IEND\xaeB`\x82'</t>
        </is>
      </c>
      <c r="M213" s="3" t="n">
        <v>45492.67702546297</v>
      </c>
    </row>
    <row r="214">
      <c r="A214" t="n">
        <v>839514</v>
      </c>
      <c r="B214" t="n">
        <v>5926</v>
      </c>
      <c r="C214" t="inlineStr">
        <is>
          <t>Caíque</t>
        </is>
      </c>
      <c r="D214" t="inlineStr">
        <is>
          <t>Caíque</t>
        </is>
      </c>
      <c r="E214" t="inlineStr">
        <is>
          <t>GOL</t>
        </is>
      </c>
      <c r="F214" t="inlineStr">
        <is>
          <t>GOL</t>
        </is>
      </c>
      <c r="G214" t="inlineStr">
        <is>
          <t>GOL</t>
        </is>
      </c>
      <c r="H214" t="n">
        <v>198</v>
      </c>
      <c r="I214" t="n">
        <v>97</v>
      </c>
      <c r="J214" s="2" t="n">
        <v>35641</v>
      </c>
      <c r="K214" t="inlineStr">
        <is>
          <t>Right</t>
        </is>
      </c>
      <c r="L21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51917b6-c015-4136-80bd-c08615959f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c\xf5\xfd_\x00\x00\x00&gt;tEXtComment\x00xr:d:DAEewil2SDw:3030,j:2524666669578363749,t:23080813\xd48\x81\xfd\x00\x00\x00\tpHYs\x00\x00\x0e\xc4\x00\x00\x0e\xc4\x01\x95+\x0e\x1b\x00\x00\x03\x00PLTE\xff\xff\xffE52bHBO&lt;8\x18\'C\x1c*GiOH\xfe\xfe\xffC3/gMFK84L:7vVO\x13 ;\x1a\'DG2.dKDI62\x17%A\x7f_T!1VyYO\x14#@[@;rWRkOJ /S^C=\x1e-KpQFA/+"5W\x18)F\r\x1d&lt;\x13$D|\\Q_HCfI=`DAQ;3A82pUOE0,aOL_KH_B6iKB\x0e\x1b1\x10\x1d8\x0b\x17-zZT\x1a\x19\x1erQL\x15"&gt;Q?;R9.eRP% \x1bmRLlME\x1a,P\x1e1Ou[U:/+\x10 ?&amp;7Y3.+P61YEB\x18\x18\x19\x0c\r\x10@.&amp;\n\x184W&lt;5\x14\x15\x15UCA&gt;+!\x1f.O\x0f\x1c5\x83aV,#\x1f\x18*LZIF\x0b\x1a9Y&gt;0TA&lt;vVK#3QL2/kUTS&gt;7\'%&amp;82/lMALA&gt;W=97+(hOM\x08\x151\xfd\xfd\xfd\x16&amp;&gt;|abXC=sVLL;11)&amp;eKIPC?eUT\x1c.T\x11\x11\x12t``\x1e\x1d\x1fK&gt;7E/#\x16\'I\x14\x1f5cG;F&gt;&lt;4\'!YA6x\\ZrZZ$" tSG&gt;4/\x08\x14(\x04\x03\x05\x87dX-&amp;$SJKF;5\x1f\x1d\x19\xfa\xf9\xfa\xf6\xf6\xf7K6-\x84faK1\'F7,mRO?:9SFD,8PfGC\x0f\n\t_G= \x1f&amp;~]ZlYX\x8bh\\[MH&gt;1/P5)+)+tYPmSG\x06\x12-\x8bgc9Ie\x97qh\xa9\x80y\xe6\xe5\xe7\x8bpf\x1a\x15\x11[E;103F78eC:\xf2\xf1\xf3oUK\xe0\xdf\xe24B[\xb0\x86\x81mH&lt;!\x19\x14\x9cwq\xda\xda\xddRQTZOO+\x1e\x17|b[n}\x98:55\x05\n\x15ojm\xc6\xc2\xc5wUT-=Z\xec\xec\xeee?.\x83eY\x90leFCF\x1e1Z\x13\x14\x1d\xa3|u3 \x19\xd0\xcf\xd3\x94uq\x87\\K[8)\xd7\xd6\xd8tMAcci9;C\xad\xaf\xb8\x89aim]`\x92l]&amp;2H\x89\x96\xad[TV\x9c\x92\x92|O:\xba\x8d\x86d^]\x8d\x89\x8c\xcb\xc8\xcaoE3P]t\xa1\xa1\xa9\x96fq\xb1\xbe\xd4}TD#\x13\rVf\x82\xbe\xba\xbd%\'1\xe2\xdd\xd4CRpzhjbq\x8b\x9a\x99\x9evx\x82\x96\x7f|\xba\xb0\xb0\xa2\xb1\xc7\x85}\x7f\x85rt\x0f\x14$|\x8c\xa6\x1e(&gt;\xb7\xba\xc3\x80\x86\x95YY_03?\xe0\xd1\xca\xaa\x9b\x9bwtuHJP`j~\xba\xa4\xa3\x99\xa5\xbaEQd\xe5\xe4\xdb\xd2\xb8\xb5O\xab\xc1/\x00\x00 \x00IDATx\xda\xdc\x97[H\x1bm\x1a\xc7;\x0e\x98qF\xd0!\x04#\xa1\xb9\xc9\xac9\xda\x8b\xe4c\xea\x01\x12\x88\t\xa2\x11\x94\xd0\x14OM\x1aD\x93&amp;\x82\xf1\xc2|\x1e6`k4\xae\x07\x8a\xb1\xd66"\x9e\x1akD\xaa\xb1A\xac\xb8Q*\nb\x84B\x97\xd6\x82\xf0\x81\x85\x0f\xfd`oJ\x05\xbd\xdb\xe7\x1d-\xcb\xde\'\n\xfb\xcf\xcc0\x13/\xf2\xf3\xff\xfc\xdfg\x9e\xf7\xce\x9d\xffS\xf1x\xe8\xb8\xbe\xbf\xf3\xdf\xfb[\x86\x02\xf5m\xce\xac\xec\xee\xee/\xcel\xf6r\xcf\xb7\x0eu\x87\xd7\xd0\xb7rrt\x10\xbdL$\x12\x97\xd1\x83\xa3\x93\x95\xbe\x86\xdb\x06\xe3\xf5.\xac\x1c\x9e]\x86\xbf\x075\x1f\x91\x8c\x9e\xba\xf3\xe8\xd9\xf1&gt;\x98v\x9bP3\x1f\x8e\xa2\xe1`y\xb9\x11T\xfeQ\xa31\x1a5\x9a\x8f\x9e\xef\x97g\'\x8b\xc8\xb3\xdb\t\xd5\xcc\xe1z\xe2\xbbGc\x9c\x03\x18\x8d\xb1\x9c\xbb\x82\xc0\xb3`\xe2\xe0t\xa5\xf7\x16\xb8x\xbc\x85\x1f\xeb\x89 \x14\xae\x1cd\xfc\x85\xc5\xe9\xa3Q\xe3\t\x86\x7f\x9e.6\xf0n:\xe9}\xfbG\x89 \x10|4\x96_si4\x1e\x8f\x07N\xae\x94\x00\x19\xfc\xfe\xf3p\xe6F3\xc6k\xd8&lt;\x8c\x02\x94\x91\xb3\xaa|\x0eEJ\x13\x04y\x90\xe0\xc9\xef\x9f\x9b\xf3\x075\xe1\x8bo}7WI^\xc3\xe2Q\xc2c\x9c\x9b\xe3|\xf2\xcf\xf9\xfd~\xce\xab\xae\xae.\xbf\xa7\x10\x9e\xfc\x85\xfew\xef\xde\xf9\xe1\x9b\xed\xd3\xcd\x1b\xaa$\x8f\xd7\xbb\xbb\xfe=h\x9c\x83_F\xa7\xbf\x10.\x85U\x85HU\xe8\xe8\x82\x1b\xff\xbb\xf7\xe8\xea\xf1\x84/\xf6o&amp;\xfa\xbc\xbe\x93h0\xd8\x058U\x85\xef\xab\xdeWU\xfd\xfe\x14\xcek\xc1\xcd\x13x\x84\x03\x04\\AO\xd7\xe7\x93&gt;\xde\rx\xd5w\xb8]\xf7\xfa\xe9\xef\xf0\xb3O\x1e\x97\x8a\xc5b\x02\xc3\xb0\x81k)\x14\xf3\xf3\x14\x01_\x8au\xba\xc7\x8f\x1f?}\xfa\xb4\xea}\xe1\xf6a\xca\x03\x06}\xe1\xf8rh\xdb\xeb\x9d\xc7d\xb2y:\x0bD\x93$\xe9tJkAR\xa9\xb4V\x8aK\xd17\xc0*\x9b\xc7|@W\xd5\x958N1\x17P\x9dno\xaf&gt;\xb3Z)\x8a\x9c\xa78\xacjP\xc9\xfd\xfbN\xee\xc3\xa9\xa4\xa4\xa4\x1a\xc3h\x92\x02Y\x87\xbd\xfa:\xc4\x95R\xac\x85\xd3\x84\xf7\xf3\xaa\xb5\xa7\x95&amp;\x81\t\xc3\xb2\xb2\x14\n\x05\x87\xf5\xea\xd5\x15\xd3\xabW\xaf\x10\x16\xb2\x11\xc0p\xf7\xf0\xeagk8\xc5\\}\xc7\xe7\xe1\xd5\x97\xd6\x1eY\x0f\x86\x89K\xc5\n\x0eJ\xf1\x8f\xff\xc1*\x01\xac\xeaj\xf8\x0b\xaa/\x85[\xcd\xcd_\x9f\xbdN\xfcH]c\xe5\xf5\xfe\xd8~m5\xb3=\x18\x81)\xc4\xa5\xa5\xc0\xa5\xf8U\xc42N\x0f\x1e\x94qE\xbc\xc6\xca\xa2)\xbc\xb5\xd5\xad\xfc\xea\xad\x8b\xee\xa6\xaa\x7f\xf1\x1av\x0f\xc2k\xc3\x06\x12Ck\xad\xb4\xb4B\xac\xb8\xcaV\t\xf0\x94\xe5\xe4\x88D\xa2\xfc\xfc\xf6\xf6\xb22`,\xe1b\x97\x95ER=N\xa7\xa5`5\\w6\x93\xa2\xd8\xf36\xcf\xc2z\xef\xb0%\x8bs\xaa\xa2\xa2\xa2T\x01\xf9\xa1\x01\xcb&amp;z\xfb\xf6\xedsP\xdb\xdf\xda\xda\xdaD9\xa2\xbc\x9cZ\xe4\x18\xca\x97\x13\xe4~\xe9\xad;?\xeeM\x8d[\xbd\x87\x89\xd7&gt;\xeb0\xaeP\\QU\x80Y\x14\x8e\xdbl\xb59y\xcf\xef=\xbfW\\\\\xfc\xe8\x11\\\x8a\xef\xddK\x13\xd9l6i\tX\x99\x15\x18p\x06\xa4\x06w\xfdk(cJ\xb0\xf6\x7f\x9e\xeben\xb7\x131\x01X\xa9\x82&amp;q\xd6b`\xd2\x18Wzn\xee\xc4]N\xbf9\x1cE\xb9\x83\x83vW^^\x9e\x8dD\x8e\r\x04\x02Nv\xd8\xa7\x0f\x1f-\xa4\x82j\xe1\xf4&lt;\xfcX\xe6n\x1d(\xad\x80\x8f\x18\x82E\xb2&amp;\x93\xd9e\xb7\xdb\x8b\xe4\xf2\xdf"\x11Gff\xa6@\xadVk\x85\x1b\x9d\x9dB\xbb\xcb\x95g\x83\xf0\x07\x02\x81\x12\x12w\xb7\xea\xf4\xa9\xb0\x8b\xc7[\xf9\xa9\x7f\xa2\x97\xe1\x18\n;,B\x82\xa6,f\x95JYS3(\x17j\x85\xf2A\xf9\xc6\xc6\x06P\x8d\x8ev\x80Z:8\xc7\xa0\x92N\xc0*\x81Z+tk\xa7\xc9o^\xf0*\x1c\xd2\xeb\xf52R\x01\x8b\x10\xcc\xc2H\xdcdV\x16\x144\xd7\x08\x85r\xadV\x88\x04X\x02\xc0\x8a5\x82Z:k\x10W\x8eM\x1a\x08T\x83]8=^\xbf\x9e\xf4\xc5\xc8\xe3\x96\xa1N\'\xc3\x14h\x1d\x8a1\x8a5\x99U\x05\xcd\xcd5/:9&amp;p+3s#\x13a5^\t\xc0\xec*FT\x86\xfa\x18\xb4U\x92\xa8\xbf\xfc\xd6\x90t\xaco\xd1\xb0\xae~\x9c P{P`\x94\xc5dP)\x11\x16\xb8\xa5\xd5"\xbb\xb4\x10\xabQ&gt;\x9fs\x8b3\xac\x03\xf2\xc50\xa2\xf62)\xc2\xa2\x89\xb5\xc4q\xd2[}\xc3q\xa2\xbe~\xdc\x87\x11\xe0VV\x00\xc2n0\x03\x16\x08\xb0BZN`\xd4h%\x1fe\x0b1ut\x82[.&amp;/\xedMN\x99\x14\xde\xda4&amp;[\xfbw\xd2\xd7\xe2\xc2\xd9yX7\x8e\x01\x96XA;q0\x0b%\x0b\x0ed\x97P\x8e,Cq\x97\xa8G;\xb4\x9d\x1d\x08\xea*\\y##ol\xb5\x14\xc2\x9a\x1f:XLv\xb8V\x0e\xc2\xe0\x16\x06\xd1B\xad\x1d\xb7\x18\xccfes\x81R\xa9\xb4\x0f\x0e\x0e\xca\x01K\x88\xdcR\xc3R\x0ci9\xa8N!\xc2b\xd2\xd2D\xa2\x9cZ\x8a\x84\xd7\xc1\xfcP\xf4C\x92\xb1x\x1f\xa2\xf5\xf5&gt;\x1fA\xa0~5\xe0\xe4\xb0TJ\xa5\xea\xa5Ye\xb7\xe7\xe6\x16!\xb2\r5`\t\x04\x1cV\r\x12`\xb9\\\xd9#M\xe0\x96\x13\xcd^\xde\xcb\xc3$\x9b\xd5p\xb8\rT&gt;(!`\x11\xd0\xdd\r*$\xf30D\xcc\x95\x9e\x9e[\x04\x1du\x032\x0f\r533\x04m\xac\xc0^\x80\xbcT\xaa\xb2\x99&amp;\x9c\x82\xbe\x85S0K\xfc\xab7\xc9]\xeb\xd4\xeb\x1b\x87\xa9\x1d\xcd\x0e\x04A\xb3\xc8-\x03\xc8d`\\\xae\xf4H\xe6\x95\xd4j\x81D\x02\x869"E\x05\xd7T*\xb3\xc1\x82\x93$\x87%mMr\xe6y\x0bG^B|\x85E\x10\x04\xc9Z,&amp;\x0b\x9c\x88*\xb7\xc8\xa1V\xf3%\x125\xf8$\x90\xf0A\x12Ih\xc2nw\xa9\x18\xe4\xa7\xd9\x84\xb0\xa0\x84\xadNi\xeb\xc5frk\xb8y6\x0484F\xf8\xc6\xa1\x94\x80\xc5\xe28kb\x98\xb4\x8c\xa2L5\x9f_9ZYY\t@\x95\xddc\x93c\xf1\xca8_ \x1c,\xcaHc\x98\x110\x94\xa5\x80\n\x0e\xa7\x14_\x9fI\xae[3\x17C\xb2\x01\x9a\x1e\x006TD\x14`\x9ce2\x8a\x8b\x1d\x02\t\xb0lMNn\xc199\xb6555\xb556\xd6\xcd\x97&lt;tD2F\xde\xb47Y,,\x89\xa6z\x8a$\xa5\xadI\xc6j\x98Y\x1f\xc2h\x8c&amp;\xae\xb0\x08\xd8q\x91\xb8\xc1.\x0f\xa9+\xbb\x01\x08X\xa6\x96\xa78-\xef\xec,//Omu\xf3\xf9\xeaHv\xbb\xb4\x16gY\n\xba\x03\x87\xe5\xfc\xba\x92\xd4\xa5\xc8[&lt;X\x93\xd1\x04\xc6aA\xbc\xe0\xdfg\xcd\x05\x9d\xb1\xfe\xd9\xd9\xbde\xe0\xd8\x99\x9e\xde\xb9\xd2\xf4\xd2\xd2\xf44z\xda\x9b\xed\xef\x18lj\x85XA\xdcin\xa8\xc7\x9d_\xf7\xef$\x19k\x08m\x9e\xb9\x95\x88\xecR\x90&amp;e\r\xc2\xda\xfb\x0b!-!!\x9c\xa5/_\x96\xd0\x07\x9e\xfe\x9am\xacy\xe9\xeeA\xbb\x1f\x94y\x0e\xeb\xf3n\x92\xb1\xd6\x87d\x04r\xabT\xe7\xe3\xfc"\xa1s)\xe5\x1d\xb1\xc6\xd9= \xfb\x05\x05T_\x10\xd9\xd2\xce\xf2\xdel\xe3\x0b%lt)\x9ckZ$\xb4-gO\xf4[\xd2\xb1|&gt;\x00\x13\xfbt\xbeq\x9d\xaf\x07\x12\x03\x1d\xc2\xe4\xb6\xba\xcd\xae\xa2\xd8\xec\xce\xf4\xb5\xbe\x00\xde\xf2\xd4\x98\xe4\xae]\x053\xa2\xeaYtU\xc5XX\x13\x0b\xfb\x0c\xca\x19\x90%\x1d\xeb\x00\xb0P\xdf\xf2\xc9|b\x02\xda\x96\xc10l\x95\xe9\xf4\xe1\xb5!/\xfbf\xa2rk\n\xd5\x12\x8e\xa9\xad\xad\xb8 \xbb\x95\xa8\xaf\x9fg\x19\xfb\x8b?\xff\x8c\xc9QK\xad\x95J\xa9@\xd2\xb1\x1a\xae\xb1\x08b\xde\x8b\xd1\x16\x86qi[ZZ\x9a\xcd\xacW&amp;\xc3\xd8\xda\xfb\xf9w\xe3S\xb0\xfe\xe0\x80\xee\xf5\xf0\xd1\x1b\xbc\xc7\xd7\xa3\xd2\xc6!y{\xb3\xfc\t\xc6`h\x82%\xe9\x1c\x90E?$\x1d\x8b\xe0\xb2E\xcd\x03U\xba\xbc\x03\xd6\xe0l\x7fL\x0bcBFFv[~[(&gt;;;99\x1b\x87\x9e\xfa\xf0\xef\x13\xb9\xb0\xeb\xe0w\x8fM\xa1e\xfaI\x92\xcdZL\xd0~9,^*\xb0`\x82\xa7\xf1\xb4\t\x87$\x1e\x8f\xf3%\x0e\xc7D\x04\xb6\x17\x1d\xea\x87\xc5\xf7&amp;B\xb1\x18\x9a\x05cq\xe8\xf7\xf1\xfe\xfexL"\x01\xb0\xb1O\x9f&gt;\xc5C\x0ckr\xe3\x14\rX\'\xbcd\xb7S\x98j0\x18\x00iKF$2\xf1\x08v\xcf\xf9m\x19\x13p\x1b\x82-\x98#{$-#77wP\x08X\xdd\xd0\xf0\x1b%\xdaP\xc8!\xe0W\n\xfe\xf8\x83/I\xcfi\x82W\x903\xf9X\x9b\x17\\\xb6`\xeb\x1eh\xcfN\x1f\xb9_]\xcb0Y\x98u\xf5E\x0c\r\xa5\xb1H\xdb\x9b\x9c\x9c\xbc4\xd8\xc6\x86\xc0\xa3\xad\xc9Q\xad\xb6\xf3\xc5K\x83J\xa8u\xbc\xfd\xe7#Ad\xa4\xc9\xc0R\x81\x01_\x92\x8b\x08\x13\x04`\x8dc$\xec\xfa\x1e\xe4\xd7**\x14\xd8x\xd5\\y\xf0\xe7EK\xa7v\xb4?\x1eik\xb7\xd9D\x06UFz\xf1\xdd\x87\x80\xa5\xaeiY\x8fv\xcdy\xf4nf\xe4\xc1\x7fX5\xff\x97\xb4\xd76\x8eO\x05M\x0bT"4\xa4~\xc9oe\xfa\x83\x88\x9aB\x82\n!\x05E\xe8\xd0\x96\xdf\x08-M\x88\x84\xb2\xb6\x02\xabS\xda7\xc4\'W.\x91\xe7Y\xf8\xe4\x1a\xf3\xa9\xb5\x88\x19s\x05O\'\x9d\x1bkPr:\xb2\xe1h \xe7\x14\xf9\xc39\xdbi\x0f\xe3\xb0\xe7\xfa\xb4\x7f\xe1s\x83\xe2\x0f\x8a/\xdf\xf7u_\xf7\xf5\xbe.\xb5C\x91\xa1\x11\xa6\x8e47\x87\xf6I\xbc\x05\xf5\x16\x94\x81\x18R\xf9\x9cD;\xe2k9&lt;\x1c&gt;\xf8t\xf0\xe5\xef?\xff\xb8\xb6Y\xe9~\xbf\\\xa3\xd1\xabhj&amp;E`L\xdc\xfe\xe7\xe6\x12%t\xfa\xfe\xf5\x97Oo&gt;\r\x93\xe0\x03|\x16\x8b\x1f\xd4\x91\x1a\xdc\\t\xef\xc4\x9e\x9e\x99\xdf\x16\x14\xe3\\\x0c\x89\xd4 \x89\x059m\x87\x83\xcf\x9f\xbf\xf9\xfc\xe6\xef?\x93\xbf\x9e\xfa\x9bEr\x8dJ\xaf\xd7\xd8A-,+\x9e\xa8\xf2\xfaw.\x92\x7f\xfc\xfe\xf9\x7f\xaf\x0f\x9e\x17}n\t\x7f\x08\xb0\xec\xa4\x86\x16.\x9a\xf5\xd6\xcd\x14\xf3l\x17\xb0\xa6\xa8d\x1f\'6\xe2ks7\x9f\x9eM&gt;\xf8\x87\xf2\xf9\xe5\xe5\x85_\xa6\r\x83\xefP\x99\x19X&lt;\x1e\x1bdh\xf9c\xde\xfd\x8b\xcb\xe4\xef_&gt;\xfd{\xfb\xfa\xba\xc2\xed\x1ea1\xcc\x0c;\x8e\xbc\xb2p\x86\x9e\xdd\'Lo\xbd\xbf\xfa\xfaT\xf1\x03\xab\xcf\x0e\x0e\xcb\xe7\x8e\xad\x9d^\xbd~\xfa\xcb\xd7\x92\x8dbV\xcd\xba\xdd7X\x94\x88\x8c(\x18\xd2h\xe3\xc6\x9aH\xf1\xec\xea\xe9\xc1\xc9\xd9\xb7\x0b\xf9\xec\xac\x06\xcc\x0f`a\xc6\xb9\xe8a\x11z^\x15[\xfb\xe6&lt;\x1d\x1e\xd8D2\x95c\xa7\xe0)#\xe10\xcd\x1a\x1a8\x0e\x85\xa4L\x9a9\xecnkkPq\xccAJd\x03/\x17\xc4\xb5Z\x96Q@q\x85\x8e\x07\x8aE\xbf\x88/\x910\x04l\x9aY\x87\xe3\xae\x8c\x97\xb6\x1e&gt;\x9aF\xe9\x10\x9e\xcefRZ\xb7\xc7\xa2@\xb0\xbabX6\x83\xaf\xd52\x9c\x86\x81\x81\x10\x8fi\xd6\xcf\x82Xd\xbd\x8aCc\t\xe45\x02\xb9&lt;\xc0\xd7h\xe2,\x16\xfe\xaem\xad\xb4\xf6r,&gt;\xc2\'\xe2\xb1\x8c.\xf1 \xd7\xe2\xa1\x86\x8a\x17\xc9\x19T\xc2}+\x94\xc9\xe5\xf2\x92\x16\x8f\x82[\xd6@\x15\xdbi\x0c~&lt;a\x14\xd1\xc1\xd2\x1b\xd4\x08\x15\xa7o\xce\xa7\xd7\x87\x11\x96x\x9c\x854\x03\x87\xf8\xfc\xa1H\xb3\x1fn\xc4}/\xdc\x00D\n`\xe1L\\K\xdb\xec\x08CcM\xa2\xd1 \xe9I\xda\xf3\xb9|&gt;\xc5\xa9\xadE\xb0p]fF\x90e4\xd6\xf4\xd2\xe9V\xa0\xd2khfHf\xfa\xb0d$\x9eH\xc4\xf9|\xd8@\x81\xbc\x9a\x12\x17\xd44C\x91\xb8\x1f}\xb9\x1a!\x82\xc0]8\x1c\xa6%\xacM\x8c%\xc2W/\x08(\x04\xfc7U"\x97\xca\'\xf8*\xa4\xae\xa1\x92T]\x0c,\xa4\'\xd6\x10\x16K3sT\xb4\x00\xdb\xac\xf2\x91\xddam&lt;\x9e\xc8\x02\x17h&amp;\x88\xd4\xd7\x1bY,ydui\xc9\xbf\xb4\xba\x81\xc7\xb2i\x80\xd5\'\xd1\xa6r\xe9\\f\xe01\nj\xcd\x9c\xea\xb3\x89T\xc2\x18\xe7`0\xdc2\xaa^\xa5Cl\x18`\xf1G4\x1aF\xc0\x19\xa0A\xce\x9a\r\x83V\xd9l\xa1\x905\xb2\xe2A\x16~\x83^\x05\\,A\xb5h\xaf\xa2\xa2WF\x84\x83\x81+\xef\xd3\xa6\xf29\x88\x07\xfa+\x14v\xf1Qi6\x91\xcad2Z\x1f\xa6\x0cQ\xab+\xc6\xc4R\x88r\x01+\xcef;e\xd6\x00\x83\xa6\xd1\xebU#\xc6\xb1\xb1\xaat\xba=]\xc8\xc6\x19X\xb9\x8c^\xd1\xdb[\x83\xb4\x9dEc\xe0\xcc\xaa\xb1\xa0\x16\xa9O\xc3O\xe4\xf3\x85\xbc \x89B\x9b\xebQq6\x0eXZ\t\xe2\x11\xc1!\x9a\xd9\x14\xb8\xf9D\xa2\x9a\x9aj\xd1\xfc|u\x80\x1d@\x02LP\xd5\x0e5\x0c\x18\xb2wu\xc6X0RO\xaf\xef]\xadZ\xbd\xfdc\xf5F(\xb1.(\xe79|~*\x93\xcd\xc6/Q\xc0\x9a)\xb9\xe3\xa9T*\xe3\xaeE\n\x1b\x928\x86%\xe2eH\xfbV\x04\xab\xda\x1a\x088\xcd*\x9a|\t1\x88\x88\xef\xf9\xd7~\x15+\x88\xa7\xaf\xde\x06\xdf_\x07\x0b1\xffU\x1b\x82 \xe2\xf8%Z\xf8\x81\x10\xa5h`M_7H\x12\x85|xv\xae\x16\xb0\xcau\x0c\xc0\x9a\xa7\x0b\x85\x15"\xd1\xde^\xfd\xbc3\xc0\xa6\xa9)t\xff\x11\xc2\x04k\xf3~]/1 \xaa\xa8\xabD\xcc\x7f\xe5R\xbb\xd7\xfb\xb2r\x15\x8f\xb5\xe3H\xd4p&amp;\x95\x87\xc3\xa3A\x03\xab\'\xd9\x1a.\xa4s)\xad\x0f\xb0\xc8$\xb1\x1dK$\xca\xe8B\x90kO\xb84JwB\x845\xda\x19\xb2\xa5}\xc4\x95\xfdwM(`\xe2We"Q\x957z\xdf\xdb\xde\x9e\xf6\xb6#X\x91\x1b,\t?\x95+$R\xb4s\x14\xb0\x08\x0f\x8b\x9a\xbat.;\xd4W[\x8b!\x97\xe3\xec\x10\xf0\x08\x96\x10\x0e\xbf\x7fi\xcf\xc9\x0eXq\x87\x87n\xb60z\xb4\xb9\xb9\x8f\xf7\x1d&gt;\xf3\xd1GEY\x11\x98\xa1\xfd\xa8\xf7~\xd4\xeb\xad\xbc\xbd\x81\x0f\xda\xc1\xf2k\x13\xf9\xf4\xbbl\xc6\x89\xc6\xb0\xac\xe7\xd1)\xbbP\xc8\xe5\x12\x9c\x96\x9522\xae\xcb\xce\xc6"XK@\x15}k\xdb\xab\x0e8\xad\xa4\x8f\x1f?\xb61\xe8\xfehT\xe8{\x06/\xad\xa3\xa2\xdb\x15\x95\xfbH+\x02\x91\xac\xae7"\xc0\x02\x16Y\x9b\xcd\x15\xde\xa5\xb564\xf2\x16a\xfa\xd2\nT\x85\x84\xa4\xad\xb6\x8c\xda\xd7E\x83\xe0\x92\xd5\x0bA\xaah4\xea\x1f\xa5WS\x98\xba2\xc5\xe1!\x99\xd9\xbc$\x94\x99[Z\xc8v\xa9LT\xb5*\xf4\x83z\x9b\x1f\xa2\xf7\xdb\xab\xc6"\x14f\x0c\xc1*\xa4\xd3\xef\xbc\xac\x8b\x17h`\xf5\xfc&lt;\x90\x85t\x93\x08\xb7!1\xcf1\xd3\x10\xb5~P\xbd\xf5\x8f\xee\xd5;\xd5\xb8)X\x83\xe2F+\x1e\xef\x04+\xbd\xcc\xc3\xaf\n\xc1\x03\xad\x1dm\x1e\x1d\xed\xdfo\xaf\x1b\xc3c\x99v\xf1p\x03?\x9d\xce\xa5\xdb7\xaeQ\xa9nz\x1e\x96\x04\xa9T6!\xb1( \x9b\x82\\l\xc0\xda\x01\xac\xfd(\xc4\xd6\xbcU]^\xe6p(w\xfb\x97\x97\xa5\x06\x83\x81\xd7\x8ak\xe5Y\xad\x88O\xb3E\x8f\x8e\xc0LVV\xf5\x12\xb1j\xbbx\xbd\x16\xb0\xd2\xb9\xc2\xea9*\x13)\x08.V&amp;\x93\xe2\xfb\xa0\xb4\x01\xeb\xc3\x01\x87\x03\xf6u\x07\xd4zk\x83\xdb\x1aW\xa6p4\xfd\xd4\xe4\x98Z\xe4\xb9\\\xd2\xceuE-\x19\xa7\xd31y\x06(1\xa2@\x05\x97b\x84\x18\xb4\xeb\xcaW\xda\x10\xb5\xf2\xd9\x9d\x9fQ)\x05\t\xd3\xd7\xb1p&amp;3\xeb\xf6x,\x10\\\x1c3\x83M\xaco\xde\x01.\xff\xdd\xc6V\xaab\xa2\xa3\xe9??M(\xb8\xe2Ni\xe3\xf2\xe2\xfa\xca\n\xd2k\xa2\xb66Z\xe7G\xfd6?8\xef\r&lt;%f\xd7a,\x1e~!\x97\xcf\xa4\xd6\x1e\xa2\x83E8_\x1e\xa91\x82Z\x1d\x96Z\xccM\xd0S\xe6\x9bGwl\xb6Q^?\xc6\x82\xfc\xb9\xe6\x9ece}x\xd8$\x16\xf7O\x9a\xa6\xb8\\\x85\xc7SK\x02.:\xbc\t\xbc\xb6\x0c\x92\xa9\x0e\xb7\xe2pH2\xa9TX{\x81N\xe1L\xe8\xd9\x1aP\xcb\xe44\x8e\xa7\xc9\xd3R\x06v\xdf\xce`\xc27\x8eB*\xed\xe7z::\xeeM(w\x0f&amp;\xb7O\xb6\'\'\xe1\xf9d\x1b\xe9\xe4(&lt;-\xd4\x1b.dH\x85\xa7\xdc\xec\xe1\x84\xa5O\x9bH\xf0\x83\xd7h\r;\xa7\x7f\xdbn\x8c\xd1\xd4\x8a&amp;\x90\xab\x8c\x8a\xd3\x81\xf3\x92\x1aB\x86F\xdc8h\xa5\xdc]8\x98|z\xf2\xf9\xf3\xc9/?\x96k{\x12\x01\xb3Pqj\xe9\xdd\xd0\xdd\xe6y&lt;6\xa6\x13\xafw\xdfQ\xc4\xf8\xc6\x1a\xab\xf4\x1c5C\xf6\xf8jR\xec\xe4\x8d7ux\x80\xab\x1c\'\xd6u\xf2\xa4\xbc\xe5r\x08\xab\x0e\x07\x02\x05T\xc0s|&lt;p\x0c\xcb\xe5\x02\xe1\x86\xc7=\x1e\xc5T\xa7+d0Xy\x90\xe2\x071\x8a;\\++\x8e\xdf~\xfe\x18=K\x96|\xbd\xe8T[\x9a\x9a\x10,\x12\xeef\xb4\xd2iRt\xfc\xa0\x02\xadNN\x10([\xd1\x86\x80\xb9\xa4\xdb\x93\x8b\xc3\xdd\x8e\x89\xee\xa9e\x97\xd4\xcak\x04*\xee\x8a\xf2\x0ew^\xc4bn\xbf\x9f\xb9\x85\x1a\xd7\xccy)dX\x04\x0c\xc8]\xeb\xa4\xa9A]gg?\xd711aY7-BDAf\x08\xd9lo?|xk+\x1e\x87\\.\xdeb\xbfiX9\xe1P\x98xRi\xa3\xba\x7fpj\\\xa1t`\x9cB\x91\xb3\xb4\x85\xe2\x04\x960\xfd\xe2\xd5\xab\xcb\x85\xa6g\x1e\x052\xf9)\x17\xb7\xb6\x0e\xef:\x94\x8auS\xb9i\xf2\xc4U\xbc*]&lt;y\x02\xa5\xcd\x93\x8bR\xa9x\xec\xda^\\\xef\x1e\xee\x9e\x98PNu\xf2x\xcbj8\x9d\xe3\xca\x07\xbb\'.\xc3\xddb\x12\xdd\x01lO\x0fa\xeb\xe9\xbdg\x90RW\x90\xd3(6\r\xefvw\xaf\xac/t/\x9c|=\xbbL^&amp;\xff\xfa\xeb\xfbwx|\xfb~y}Z\n\x99,J\x85bB\xd9mZ^\xeeD\xc4R&gt;\xb8sr~~z\xfd\xeb\xcc-T\x17\x81@x\xf5\x7fZ\xce7\xa6\x89&lt;\x8d\xe3K\xab\xfd{H{\xd9X\xbau\xb9\xc4\xd4N\xb1]e\x8f\xdd\xda\xc2\xc6\xe6\x86\xb6\x04\xc6#\xdc\xc4f\xa5\x9d\x0cC\n\r\xa5\xdd\xd2r\xa6\x16&amp;\x95\xf4\x0f\x98\x95V\xb1iJ\x9aK.i\n\x84\xc3\x0b\xc7a\x16\xe1\xd6\x17\xe8\x1e&amp;\xc4U\xb3j\xa2\x04}#\xe4\xe2j\x94(\x9e\xeej4\xf7\xfc\no\xef\xc5\xde1\xcf\x8bB\x13\x92\xf9\xf0}\x9e\xdf\xf3&lt;3}\x9e\xfe=1\xe5a\x98\x11\xe8R\xa5\xc1Pr6\x14J&amp;\xa9\xd0\xdc\x9d\x87\xf3\x8bK\xcbK\xef\xd7^\xbdZ[{\xb5\xbc\xb6\xb6\xfcj\xfe\xc9\xbdX\xd4\x93\xa4p*Df\x89 d2On\xf5\xda%\xd7\xe0 \x07\xf3?\x93/Q\x91a\x90^\x92`|v\x96\x8e\xc5\x92\xb9\xbbO\x96\x17\x17\x97\xa6\x97&amp;\xdf\xbf_[[\x83\x97\xf7kKK\x8b\xcbO\xe6\xa2\x1e\x9a\x0e\xd1\xb1l\xd6\x1b\xd7B\xf8;W\x7f\x1c\xe4f\x02{\xe2G\xa7\xc9\x14e\x80\xcb\xac\x05\xbfh\xbd3\xb7\x17\xf0\xdb\x8f\x9e\xcc\x83ZK\xf9\xfc\x16\xd6\xda\xd2\xfc\xfc\xc3\xd7Oc\xe6P,\x96"g\xb2\xa9`\\\x8b\x03\xd6\xd8}\x8e&amp;\x92\x06\x1e\x8dmb1L$\x1e\x8c\x87R3\xbe\x986&gt;3\xf7\xf4\xd9\x9d\xb7\x0f\x81\xe9\x15\xb2\'o_?~\xfc/\x9fW4N\xeaH\x14\xf0 \x96\x19"\x8b\xfd~\x9e\xab\xf9\xc0\x87\xdfC\xf533\x1e\x8f9\x12\xa7i\x89\xc1h$\xf9\x12&gt;a\xe9\xea~\xf6\xf8\xf5[d\xaf\xffz\xf5F\xefP\x9b\xa6U*%\xf4F\x9d\x0eZ\n/J\x0e\xb9\x9c\xf3\xe5$7X\x10\xf3?\x07\xd8(c\xf6x(j\x9c\xf6\x1a,&gt;\x1fi\x90\xf2\xed\x16B\xd3\x8b\x92\xd6\x83\xef\xfe\xf6\xe0\xc6\x8d\x7f|\xa6\xd4(\x08\x82\xb0\xe8}`:\x92\x8e\x98)\n\xb0\x9eNp4U&amp;\x9c\xf8\xc9\xc96#\xb9p\x84Ed}\xbe\x98\x17~Z\x88\xae\x8e\x1b7\x10\xd7\x83"V[\x97\x85Hm\ro\xe8\x89\xb8\x99\xc1\xc7r\xab9\xce\x86\x16\x85\xaeGcls\x14\xb0(-`\xd9\xb3\xbe\xbb\xd9\x94\xd7KxIc\x07\x00=\xf8\x0eq]\xed(\xef\xd2\x93DJ\xdf\x06\xd5P\xaf\x87.\x91\xa2\x90\x0f\x178\x9c\r\\^\x08\x98\x9aq\xdc\xc3\x94\x8cKiP+\x03\x95\x85 \xbc\xb1\x99\x0cR\x0b\xb9\xf0\xea\xb3n\xa3\x9e\x04\xebj\xcb\xb4\xb4A\x89\x92V\xe0\xd4X.\n\xa1\xf5\x01G&amp;\x14\xe6\xaf\x05\x12\xa6(efFJJ\xa0\x1a\xeaZ\x86\xa0\x10\x93\xa9\xd4L\xa6\xbb\x03\xf9\xb1\x03J\xa2\x0f}b\xa7\x83v\xbe\x05\xf8R^~\tD\x96\xb3\x99\x9d\xcbs7\xe09q/g29q\xca\x8c\xa6m\xb44\xd9\x06f\xd4\xe9-)\xd2\x98\xc9\xf4\xf5\xdd\xccd\xa0\xd9\xca\x16\x83\n\x8e!iI\xa5\xbc\xa1\xf8,\x8e"r;\x9e\xb5\xfd\xf7\x06g!\x91`\x9d8\x83\x8f$\x93\xc9P\nM\xff\xb4\x19\x8d]\x84\x1c\x15$\xa9t\x1c\r\xe5\xfa2\x99\x16#\xe4,\xd2\x0bm\xc4\xf8\x88\x19g\x13\x89\x0b\xf8\xbd\t\xee\xc6t!EX\x0b\x01g.\x9a\x1b\xa3(*9&gt;n)\x8e$A\x10y\xa5\xe3"\x91\x14\x98\xd0\x03\xe6&gt;\xf0\x1f\xe8\x14\x89h\xb5\x11\x0f\x13e\x13S\xff\xd4\xde\x99\xf8\x80;\x9b~\t\xffz:\xe7\xcc\x8d\xe5\x9cN\x1cg\xc6I\xb89\xec\xeb\xee\xee\xcb\xf8tY\x1dBB\x06o\x08\x1a\xfa@\x0fc\xa6p&lt;\xc7\xc2=@\xf0\xce \x87X\x93\xd7\xf0\xe6Du:\x9d\xcb\xa5\xd3\x01\xd6\xe9Iz\xb3\xd0D\xf5v#\xb0L\x11\xa9\x1b\x1aT#\x14BH\x0bN\x96E\xfci+{\xba\x93k,\x8aa\x1b\x1b\x03\xcetu\xa0\x1a\xb8f\xa10\x1a[\x8a\xd3m\x9bP\xdd}\xdd\x19c\x96\x0e%\xf1(kJ\xa0?a\x03\xac\x19\xc3\x1c\xdcb\xcdQ\xf5L\xa2\xd1\x1a@{Fp\xd1\xdcl(\x06\x95\xaf\xaf\xa3cK\xaa\xbeL\x8b\x8e\xf4&amp;)*\xca\xb2\x89B\xa35a-\x98&lt;Z\x0c3p\x89%\xcc\xcf\x8d\x1c\xa9?a\x82\xeb5\xda\xfchW%\x07]\xd7\x0c\x1c\xbe\x9b7\xfb\x90T}-(\xac\xb4x\xd4\xe9t\x06\xd0\x86\x94\xb50uB$\xc1\xb0 \xd7X\xf5\xfb+\x18\xe0\xf2\xdb\xfc Z \x87\xee\x12c1H[\x90\xb7 1@\xcb \xd5B\xb5q\xa6\x03\x9bK@S\'\xe4R&gt;\x06\xb15\xc1)V\xa4\xa7L\x14a\xa6\xfc\xc3~\xbf\xad\xb1:\x90s\xe2\x0b\x0b(\x81\xf9\xd08`\x8b\xce7\x13\x1aa\xd0\xe9\x0bT\x83\xa2\x8d~\xabG\xce\xe7\xf3A\xad{\x1cb\xb9\xf2s\x15=\xfb\xf7#\xbd\x80\xca\xd6\x08\xe1\xe5\xcc\xcd\xce\xce&amp;i\x12\xf2D/\xe4\xabl\x08\x92:X\x1a\xb0@Pk4n0\x18\xec\x0e\x8c\xcfi:\xcd\xcf\xd5\xf7\x14\xd7\x06\xcc&amp;\xc0\xba\x08nLC\xb6\x18K\xd2\x04\xa9C\x0f\xb7t4\x85{\xe0\xf0\xa5\x03W \xf8\xfc\x05\xc8 n7\xe1\x0e\x1f\xed\xe4\xb0\xf8l\xaa\x85\x86\xe0\xcbD\x9e\xc2\xb0\r\xd4\xa8\x06\xae\xc0\xd8B\xa8\x84\xceBq$\xbd\x11\x0f\x1cA\x96\x85\xc8\x02\xad\n\xd18m\x1fu\xbb\xc3\xe1\xa3\xd8Oy\x0ewj&amp;\xaf\x81Z\xc5e\x06Q\xb4`\xb3\xd9 \xaa\xe1&lt;:\xc7\xf0\x91\x10M\xf3i:\x125\xb1,\xda\xbbCZ5\x82\x07\t\x8d\xcam\x07\xacN\xb4\x1b\xc5\x19\xd7\xe4]\x88\xad\xb2\xd3r\xb9D"\xf2\xc0\xb5m\xc5\x00K\xb3N*\x944{\x18*\x9a\xb0\xa2\x95\xbbF\xabm\xd8f\x8d\x86\x08\x8b\x06\xb0\x90Z\x9d\xa1\x9f7\xa6\x07\xb8\xc6B\xdd\x82\x16\x0f\xf8m\xc3\xc3\x9b\xa1\xcfz\xa2\xe8\xf1[bs[\xd1\xdfh\x1b.\xe0A\xc2\xad\xe6iT\xa3\xa3\x08K\x9b&gt;\xfef\x99#.\xd7\xf4\xed\xfa\x9e2yq\x8a4\x1e\xd72\xcdSE,\x14d\x9b@~?:\xa1@\xeb\x9fb\x0c \x95\xec\xc0\xbe\xb3\xaaO\xc2a\xacS\x9b\xb8x|\x85\x9bm\x0c\xa1k1V\xdfS\x9c\xaa3\x18\x82A\x89$\xe21\x15\xfc\xc3E.D\x87\x10/\xa27\x85\xa9h$h\x91\x1d@\xb6\x85%\x9a\xea_\x7f\xfe\x86\x93\x9b2\xd7\xe0\xfd\x10`\xf1\xf9\x0e\x87\xdd\x8e&amp;O\xe3\x11&amp;\n`\xfea@\xeb\x87\x97"\x9c\xbf`:\x01\xb7\xddv\x8bX\xa9\xac\x15\x88y*E\xb8\x01\x93D\n\xfd\x17\x0f\xfep\x8b\x83\xa4*\x14N_\xa3\xea{N\xf1\x1dv7\x18\x90\xf1K\xccf\xb3\xc7\x99@\xd9\x009\xcf\xef\xb7\x06\xd0-\x9b\x08\xfcl?\'\xa8\xa9Q*\xb7\xb0\xe4\x15\x80\xb5~\xfc\xdd&lt;\x07["\x03\xf7\xff=R\xdfs\x8c\x1f\x0e\x8f\x8e\x9e\xb3@B2\xc8\xeb\x19\x00C5\x10\xd2B\x00\xfa+*\x99\x8ck\xcb\x8e\xd5\xd59Fy\x82\x8fk\x05J\xb1\xda\xad\x08;:\xe5\xe6B?\xc8\xf5\xe5\xc6\xf6\'{a~e\x15a9\x1a\xc2\xa3&lt;\x1eO\xadQ\xd9%\xfb+\xea+"\xdax(\xa9\x05K\xc2/4m\xe0cu\x870\xc7\xa8\x0c\xb0j\x05]\x16w+\x88U2\x82\xb0N\xee\\Y\xda\xf6\xdbE\xe1\x8b3\xabf\xc0\xc2\x1c\x80%\x96\xf1x\x1a7vl\x7fE\x85(N\xa7R4\x1d\xa4i\xdak\xc9\xea\xd5n\xc7\xa1C\rG?\xd9W\xfb\xf1\x9fj\xc5z\x8b\xdb\xe1\xc0\xe4\xa2\x91\xa9\xfe\xfe\xfe\x93\xbb\xbe\xbd&gt;\xb8\xddn\x1c\xd8x\xbej\xee\xf9\x1aa\x9d\x93\x89\x0f\x9c\x95\xf1T\xd8\xa9Se\xa2\x92`*\x9b%\xc9,\x99\xcd\xeau5\x02\xf1\xb90v\x08MG\xd5~\xf6\x97\x1a\xb1\xdaB@\x0cJ\xe4"\x84\xf5\xe9\xce\x0f\xbf\xd9\xde\xcda8\xd9\xf9\x95\xf64s\xa4\xe7X\x1d\x86\xd4\x12\x8b\x05b\xb4\xf6$\x97\xf3\xddj\x9d@\'\xd6\x89e\xe2\xb6\xa1\xca!\xa5l\xb4\x01\xb0F\xf7\x1d\xa8U\nd\x16\x02\xce\x86CZ\xc4\xbaxp\xcf\x87+\xd3\xdb\xb8\xcb/t\xb9\x06&amp;\xae\x7f{|\xdds\xa4\xa7\x0e\xc3\xc2*\xc0\x12\xc0E\x15X]\x1dfW\xc9\xe0\xd0\rUV\xd6\xd4\xa0E\xa4\x1a\xb1&amp;\xdc\x80\xc2O&amp;\x06O\xab-\x16{\xab\x83/\xa9@XM\xbf\xff\xcd\xefn]\x1ap\t\xb7E1!0M\xbe\xd88\xdf^\xb5\x1e=\xf2u\x1d\xd6\xa0\xd0\xc8\x04\x02\x84\xa5j\xc5\xea\x1a\x14\xe7x\xe2\x9a\xa1\xf2\xf2\xc3\xe5\xbf:|\xb8\xb7|H\xc9S\xb4*\x14*^W\x97\xbeK\xad&amp;-nE\xabC\xba\x85u\xf9\xa3?\x7fs}1?\xe1r\xfd_dHp\xe1\xe0\xf4\x8b\x8d\x95/?/--\xbd\xd2\xbc\x89\x85&gt;\xde\x17\x08\xc42\x8d\xa2\xb5\x15a\xc9\x94H\xa8\xdf\x1e\xee=\\^Y#\xe6i\x14[Xz\xb5\x1a\xe4B\xab+\x15\x17\x00\xab\xf4\x8b\xcb_\xec\xd9\xb3\xe7\xfc\x9b[/\xb6\xbe2B\xf8\xbf\xc9$\x14\x0eL^\xdfxw\xa6\xbd\xb4\xa9\xb4j\xf7\xee\xf5\x00\x03XX+\xe2\x12#\x1f\x01V\xabB\x83\xfc\xa5\xac,.GAl\t\xc4g5\xaa"V\x97\xac\x88\x85\xd4:\rX\xeb\x9f\x7ft\xf9\xab?\xec\xd9YZ\xb5\xeb\xcc;@\x9b\x1c\x04\xac_\xac\x9aP\xe8\x1a\xcc\x83Ngv\x96\xb6\x1fo\xaa\xaaj\xda\xbb\xf7\xd3\xea\x13(\xe4[UE\x12\xb1L\xa6\x02Y42\x19O\xc6\x03\xae\xf2\xf2JdC\x82\xb3*\x15\xfa\x0b\xa0\xe2\xa9\xd5n\xe4D\xfe\xe9\x0b\xc3\xfd\'\x7f\xfdU\x11kw\xe9\x8e];v\xfcp~e\xe3\xfa\xd2\xa5_\xfau\x16\xc2\x81K\x8b\x8fV\xce&lt;oo/m/=\xd8\xd4\xd4T\xb5\xf7\x8f\x07\xaf\x14\xb1\x14[XH.\x90E\xa0T*!\xd4P\xd0#\xb4\xa2Z\xaa\xff0r\x86!m\xa4i\x1c\x0f2\xd3Ep\x06\x99\x9a\xf1\x8c\x93s26-.g2q3\xc8\x9a\xc9\x91\xd0\xa3\xc6\xc3\xa4\x1d,\x19(\x84\xdez\xe1\xb2\x1c\xa4\x1f\x9a\t\xfa!h\xbft\xc5+h\xec})V\x02K\x0f\xda\xaeP\n\x12d7\xe5\xc0b)+\xf4C\xf3\xed\xb0\x88\xf9 \xa1\x10\xd0\xdeG\xb1p\xff\xe7\x8d\xf6\xbap,\xf7\xb4V\xa3m\xf3\xf3\xff\xfc\xdf\xff\xf3\xa6\x9dw\x90\xb7p\x16\xc8\xfe\xf2\x8f^\x04*a\x858`\xa9\xaa\xaa\xc9\xbc\xa2\xf0\\\x96\xe3\x97&gt;\xbe\x7f\xf7\xea\xfb\xff\xf3\xdf\t\xdb7[y\xfe\xe6\xfd\xba\x13tP\xba\x93\n\xa5R\t_\xc1\xd4_^\x1b_\\\x18=S\x0b\\\x17\xfb\xb1}976to\xe8\xb4\x10\\\xc0\xc2\xd7\xb1\n\x7f\x87&gt;^\xf8C\x7f\x7f\xef\xc4\xa5/7\xe0\xf8\xc2\xd6V\xbe\xa0\x01KS\xa2QE\x84f\xa2\xf8\xb6r\xfc\xee\x15\xd3\xec\xd7U\xa3\xdb\xd2\xdc\xc5\xc2\xfb\xb8\xa4|p\x82A\x80\xa5\x82\xa1P*8=U0\x8d\xc3\xaf\'\x91\xa7\xc0\xea&amp;\xcf\xc3\xf4\x17.\x12\x022\x8c\x1eB4\xfc\xec\xec^\xee\xa0O\x9d\xfb\xeb7\xdf\x90\xbb`\xb4\x89\xd1\xf1\xfd\xf9M\xdd\x02\x96\x16\xd3\x80e\x81+\x99L*\xbc(\xf1\xe2\xd2\xf1\xc9\xbf\xff\xf5\xfc\xbb_\x05\xfb\xe2\xeew/~\x84\xa1\x14^\xc1\x9f\x12@\x14tBs\xa1`h\rXb\xe8\xab?-&gt;8\xf5\x16ED\'&lt;}\xa1\x1bqAF\xa3\xab\x9a\xd9\xae\xa1{y\xb9\x13Q6\x06\xe50\xa3:\xfag/-L\x96\xe7\x0f\xb1\x10\x81\xe5\x8bq2g)\nay&lt;I\x1eU9j\xd5\x9b0\xda\x93\xff\xf5\xffTD\xfb\xe7\'\xcf\xdf\xbc;\xa9Vl5i\'\x15\x80e\x83@"6\x86\xa5\x86^\x02k\x94-\xbe\xee\xb6\\T\x9d\x84\xd5\xc9\xcel1\xac\xe5n\xbajih\xac\x8fh;\x8a\xbd7\xdb\xd6\x92\x81e\x02\x0bj\xa9\xf8\xbb\t\xcb\xa6R\xecF\xab\xd5\\\x82\xd1\xde\xfc\xf0\x84\xee\x1e\xf1\xc5/\xa1\xee\xd2\xc2\xab4\x8e\x8e\xaa\xd5\xc6z\x92d\xe6\xe5Thn.\x84Z[\x9b\xd2L&gt;ux\x8d\xa9\x05\xaa@\x1fU\x9b\x07\xba\x9d;5&gt;S\x0b#\xe0)\xcc?\xd6\x17\x89,\xfbWzo~;\xfe\x0c\xa3\xa7\x90\xdf\xda\xb2b&gt;\x9f\x1c\x93\xdaX\x1e\x8f\xed\xf1\x0c\xc4m\xbbR\xdf\xabW\xf8\x0fo\x8fO\xf6^\xfd\xf0\xe2\xb3\xdb\xf30\xa1\xde\x1d\xaf\xaf7\xaa\xcd\x83Z\xadQ\xaf\xd6\xa2\n/\xe9)\xb8\x8bq\xad\xad%4S1\x0e\x1fM&gt;\xb8D\x07\xa9\xd1\xb2{\x986\xf7\xc6H)`\xf5\x8d\xe1a\x1f\xc3\xc2\'\xfa\xc6r\xab\xab\xab\xb9\x87\x91@\xc0\xff\xb8\xff\xe6\xdff\xca\xf3\x9b\x8e\x85\x85X\x00VL\x90\t\xcb\xe3\xe9\xe9!\xb0\x81\xf8@\xad\xba\xd7j\xbc\xadT[{\xad\xa3\xe3\xf7gwNA\xa8\xa1y\'\xf5\xe6\xc1n\xf5\xe8\x80\x97\xd4h\xe5\xa8\xb9\xa4f\x05Z\x87N\x90\xe9\xc5\xb0L\xee\xf0\xd6\xcc\xe2\xe5\x1b\x90k9\xd0\xc7\xce%\xde\x1b\xeb#,\xd6?*\x1a\x8dx\xf4t\xf5\xf7#\xc0\xea\x04\x96\xbf\xff\xc6o\xbf&amp;kY\xf9\x1e\xf4\x90\xb0\x0c\x89\xb7\x18V\x8f\'j\x0f\x0c\xd8\x03\xbb\xad\xbdz\xf5d\xafUo\xac/a&lt;\xfd\xfc\x82\xdd&lt;\xe4\xfb\x1f\xeb\xc7\x8dj\xb5\xdalT\xeb\x07&lt;\x1f\xad5\xab\xeb\xd9T0\xc5\xa8\xe0\xac3\xac|a\xee\xca\xc6\x97\x18\x83\xc8\xa5\xe5sc\xe1\xf0\x10u\xea\x1c}\xc4\xaa+\xdc\xf5\xd3O]CCt\xc2zp\xc4\x9d\xf6f"\x01\x7fq\xf8\xf2\x0c6\x81!\xcd\xdc\xea1\xe5\xa9)\x02\xd3\xb0\xa0@5\x00\xb0\x01*t\x11\x05S\xc7\xed\x1aiv\xc2\x84j~&lt;h6*qT\xa3~\x10\xadU\x9aG\x07Y\xea\x9f\xe3\x9c\x81M\xaf\xadM\xc7,\xd3\nn&gt;\x1a\xbf&lt;\x81\xe9\x83\xb8\xea\x0bw\xad\xfe\x86\x9c\xfd0\x9c\x0b\x87\xdd\xee\xf6Y\xc0\x91\xf6\xa1@\xf7\xc8`\x17\xb02\xc0\x9a]\xd8.\xb7\xad\xd5\x03kM\xf9\xc8^*\xc3:\xa5\xca\x0f\xc4\x9b\xad\xbd\xbd\xa3\x03\xdb\xc3|\x06\xd5\\?\xefU\xd7\xed\x83j\xa3f\xdbQ\xa5R?\xa9\x92j\x15U\x97D\x81q\xa5Rm*\xc2\xca[\xfafy{\xe1\xd2\x04\x86\xcb\xc5\x8e\x08\xb0Vs\xb9\xa1\\\xae\r\xd2\xe5v\x8f\x9c??\xe2\xeeJ\xe7\xd2i7\xaa\xd4\xc6\x9a@hQj\xe5{&lt;\x05\xc2\x92\xe5OXL*zW\x83.\xeb\x9c!\x89\xfc\xd2\x11\xa8\xea\xae\xd6I#n\xc3\xe2\x95Z\xad\x02k5\xab\x8d\xca\x92"\xeb\x82h\xf3\x02\xfa\x18lc\x91Z&gt;+oJ\x87W\x9e\x8dS\x13\xd1\xc6\x807\x0c\xa0\x1c\x18H\x1b7\x1d\x8c\x1f&lt;\xffw\xc2\x02\xa3\xdb\x9d&amp;\xaaLdyxa\x1b\xd4\x8b\xedX\x00\x00\x07kIDAT=&lt;\x94\xcc\xad\xbcY\xf8\xa5Z\x03\xf1\xf8Y\x1f\xd1\xa9\xa8,\xe8)\x9dk\xb4\xa0\x9b\xeb\xa4\xb9n{\xe2\xbb\x94\nG\xc8\x05\x9e\x97%\x95\x13tNA\xa0\x88z\x10\xa9\x85"\xb5\xd6|\x96i\xaa\xce\x95\xf2\xf6\xe5\xde\x8b4\xa3\xb1[\x0fC\xa5t8\x9cv\x0f\x0e\x0e\xb2\xb3\x9c\xa4\x96\xfb3*X~\xe2\xf6\x06\xadC\x91\xb04Z\x88\x9f5\x11\xab\x10\x06#,[Q5I\x08:\xd9l\r\r\xad\xbb\x1a5EQ9\xbe\xb6\xbb{P\xb3y\x8e\xc3,\xe5\xb2A\x9dGl\xd9QU\x9f\x9ec\xf90\x8d\xf2\x15\xf2\xc0\xda,\xef\x8f\xf7\x16\x1f?\x1e\xa6\xeb\x97\xe9\x06\x029\xe8\x05\x0e\xc8EWt\x92\xd3YG\xd3\xe1H \x13\xc9\xf8\x8b\x97\'\xf7\xb1\x0e\r\xcb\xf4x,\x96\x0f\xb2\x00,3J*\xc5\xc9\xf5\x03\x88"\xd1\xa0M\x8aD{\x0b\xc5\xde=j\xb9x\t\xc5\xa9\x1c\x86\xbaJH\x9a\xaab\xe6\x08J\x94\x93\x81\xa6\xea!\xc6\xd5\xc62\xf3\xbc\xb39\xbf?s\xa3\xc3OX\xc5\xc0C\xc2\xf2\x96\xc2m31,\xc8\x14N\x13\x967\x82\xed|\xc6?\xbb\xb8\xbd_\xde\x0cq&amp;\xace\x15\xb4X,\x06\xc9\x18\x16\xa4jWT\xd3\x05l\xe8\x0c\x83\x97D\t\xf3\x1b\x1a\xb98\x8e\xe3\xf1\xa1\n\x99xP\x83\x8c\x97\x9c\xa0h\'cS15\x19\x05"\xc6O\xe2\x14\x0b\x81:7_\xde\xf8v\x05X\xd7g!\xd7\xc3\\W\xd8\xebE6\x94\xd2\x8c\x0c\xbf\x96@\t\xac\xb07@X0\xfc\xc6\xa3\xf9\x97\x8e\n\xac$\xb0\xa8\x90\xa7\xf8\x8e\x99\xa3\xd8\x9b\xad\xc4\xb0\xf5\xfd\x00\xc3\x8b\xbc\xc8\xcb\x10Lqq\xbc\xcaI\xd8\xfb\xa8\x92\x04"F\x97M9\x8a\xad\xf8\x101\xa4\xa1\x91\x082,\xda\xd9\x98\x96\x18\xa4.N\x14\x8bPk\xa5\x08\xae0\xc3\xf2zK\xa5\x12!\x95\xe8^\x15\xe8i\xce\x1baX\xc3\x0b3\xfb\xe5+!\xf4\xb0\x8dE`P\x8b\xa7\x18eFgr\xa9\x82\x00\xa1\x88H\xc4;\xfcpe\xb3\x1cGo*\xd9\x8a\'.\x18&gt;\xfb6)\xc7d9\xe6\x938\x11\t\x96J\x80+\x11+\x98\x96\xc5\x0b\xc0\xda^Xiw\xb1\x18\x88\x84s%\x86E\\\xa5\x1d\xba\x83F\tT]p\xd6\xb2\x1fi:\x8c\x1e\xde:t8\xcb\xec!,&amp;WL7&gt;a1\xc5lE\x12\xa4\xac\xc8s\xa2\xc1\x1b\x1c\x07W\xb9t\xc1\xc8\x02\x8blEo\xe0\xc0$\xe4lE\xd0yED\xc7UN\x07Ubz\rXV\xc12\x0b\xa1+\xe5g\x93\x90\x0b\xb5\xb2\x12@\x17\xb1\x14\xc3\x91\x8cw\xa7\xb4\xb3\x93\xc9\x00+\xddE\xd7\x16c\x1cF\xbc\x19\xff\xf5\xdb\x1b\x8f^\x06\r\x95\xb0&lt;\xc4\x05\xb0\xa9\xe9\x94\xa4\xd8qVm4\x1br\xe1\x99\xc4\xac$\x1a\xa2\xc1\x19\x9c\x8b\xc2\xc91 \x97(\x82\x89J\xd6c\nBK\xe0\x93\x8a\x91\x8a\xa9\x9a\x8faA-\xcd\xb2\x10\xf4\x88\x08\xc85\x8b\x0e\x02\xab\xf3)I\x93k\xab\xb5\x93\xd9\xf1\x96hY"+\x00\x1a\xc8\x00kbr\xe3\xd1\xa1P\xa0\x1eb0\x9b\xa0*HS\xd3\t\x1d\\\xac\x87\xa7p$\x17\xeb\xa1!a;fh.\xb4(\x88\xcc\x14\xa0\x18\xadHU\x14e]\x8b\xda\xa2`\x88I\xc4\xaafiS\xa7X&gt;\xad@\\\xd9\x97\xe5\xf2\xc6\xed\xeb+\xdd\x81\x8e\x95b \x87\xf5\x97N\xe7\xc8Y\xd4\xc5R\x9ae\xfd\x08Kx\xaf7\xb32:\xb9\xf1\xec&gt;\xa6i\x9e\x8d\x1aZ\x8b\xaa4\x95\xd0e\xc3\xe0\x94\xffb\xc5m\x1e&lt;"J\x00\x98d\xc8.P\xf2\x92\x80W\x10X\xa4\xd9\x0f\xf8\x82$\xe8\xaa=\xa0\x18\x88\x11\t\x92)r"\xc1\xb0\x10\xcfZ\x01\xdf6\xef\xdc*\xefO\x8e\xaetv\x06\x8aE\xbf\x97\x9d\x87\xa7e\xc8\xc2\x01\x13\x1a\x91z\xf5|\x8e\xdd\xa7%S\x9c}0\xb9\xf1\x95S8\xc3\xea1\x0b\x1a\'\'\x82\x0e\x1c\x8e,\xe2{\xe2\xf1Z-N\xc1\x85g\x15(\x1f\x0cN\x16e\xd9p\xc1|\x18\x86*\'\xc7R\x18\x81Y\x89c\xbf\x01\x11/\xeb\xa8\xac\xc2\xeb\xd3\x9f\xb0b2&lt;\xa2d\x0fo\xedo/\xcev#\xc1\xdbX\xed\x0b\xe3\xaf\xbe~\xfd\x9a]\x1f\x7f\xfe*]\xf4\r\xaa\x80\x7fx\xf4\xf6\xcc}G\xc3x8\xc5B\x1b9!4\x17\x84\xbf\x15\xda/+I\x1a&amp;xu%\xe0Y?dU\xb4P\x86X\x82+j{\xa2\x9e(\x8a\xcf:!\xc7@\x88I\x06MD\xac\x0eL(\xf1-\x97`X\x89\x04ai\x1a\x93\xeb\x8f\xfb\xdb\xb7G\x91Z~\xbf?\x93\x1e&lt;e\xb9s\x87.E\xbfC\xc7&amp;\xffyu\xf5)a\r__\x9c\xbcv\xdf(\xb4\xad\xc5\xa6_\xde*\x08\xc8gG\xe4\x89K4d&lt;\x1d\x82T\xa2\xce`\x11\xca\xe8!\xbd~wE\xdbP\xb4\xa7\xc6\xeb\xafv\x83\xd1@pE9C\xe6ya\xfa\x13\x96\x8f\xb0L\xd3\xcc\xfe\xa7\x87\xb3yM#\x08\xc3\xf8\x1e\xb4P\x88s\xd8\xd8=\x88\x12?\xe81j\x08C.YP(T\xe8j\\64\x07\x11J\x10J[\xbc\x98Ms\x88\x04sj=t\xa1\x82\x10\x92\xa2\xd0\x9e\x82\xd7\xdc&lt;\xb4\x85\x1cz\xcc\xfe\r\xd2?`\x0f\xde\xfb&lt;3\x9b\xbe\xe0\xc1Af\x7f&gt;\xef;\xef\x870\xee\xfe\xb8\x7f9&gt;\xdc~^VX@\x82\x8d\xa6\x0f\xd3)\xd1F\xbc\xeay\xfdv\xd8\x85V\x9f\x06g\xe7\x13\xd3\xcd\xbb6\xba\x1aX\x1dr\xb95\x14\x8e\x16B)!%\x08\xa4%\x055S\x87\x0cO\xb7\x12\x10\xaej\x90\xa9\xcfn\xbf)Z\x95\x94&gt;\x90\xd4\xcbb\xad\xc61&lt;\xfe\x06,\xcfk\xb0\x7f\xabY\xf4\xc7\xfe\x89\xbf\xdbv\xc6{\x87\xc0*w\x87\xcf\xd4_\x08\xa8\xfb\xa4\x00\xa3b\xc4\xba\xe9\x9en\xff\x198g\xed\tr\x16\x0e\x8a\xc6\xdab\x96\xb0\x80\xd5(\x14\x10\xcb\x16\x1a\x19\xced\x88\xfde=kJ\x91@\xe4\xf7\xaa\xfe\xce\x8e\xb1o\xf7!\x18pE\xb5\x85u|\x03\x94%\t`\x99\xcc\xa2\xb26\xd0\x96z\xb1\xc5X\xaekN\xce\xdf\x0c\xae(W7\xf7\x88\xf50\x9f\x13\x8bT\x07\x07\xa5\xdb\xf2)=\xe8 \xb2\xe4\t\xa9\xfec\xa53&amp;\xba]`\x15\xac\xac\x9d\xa5#M\x91\x89\x0f#\x9c#\x93)\x1f\xd3\x83a\xef\xdbj\x94Dw\xc5\x02\x00/2\xcb\x9a\xb2\xd5P\x9d\x91\x87&lt;\xea\xb1\x0e\xe1\xe5\x01\x0b\x85\xc0uE\xd4i;\x9a+7T^\x1cM\xd5\xbd\x15\xb8\x90\x0e-\xe5Hu\x05\xb1.}Sh\xb1~\xa73\xba\x1fM\x03\xebB\x1d\xa0b"\xcf\xb0\xb7\xacf\x9dr\x1d\xa1\xea\x083\x81\xd9\xf4\xa2b\x00\t\x93\xb7\x9d\x94\x15`\xc5\t\x15\xd6\xab\xaah* \xbd\x1f\x17\x94i,\x14Sl\x16\xad\xda\xf7\xce\x98\\\xdd\xdck\x15\xf2\xa3\xa9Rk\xc4\x9b!\xa5\rF\xfb\xde\x18X\x1d_@,\x9c\xdf~\x86\xa6\xd0\x8aT\x8b{\xa3\x17HR-\x99\xd4\xc9\xab)P\x9cS\x18\x01[=\x83\x03\x1b\xc4\xc4D\xe1#\xd5[\xcc\xa8\x89&lt;\xfa\xc4\x86\x8a&amp;\x8fX5\x0b\xedH\x8d\x92\xd5\xa4_\xc5\xe4\x9f\x92\xabw\x8e3\x1e\xf3\'\xd2\x1b\x8d\xb5\xa9\x0e\xe2\xa6\xb6\r\xd4B\xadV\'\x12\xc5"j.&amp;\x9d\xb4\xc2j\xda}+\xc6\xe2\xfe\xc8@(q\xa6\xaeD[I\xd4Av\x9e=a\xcc\x94-\x820\x08\x16\x8f\xb6\x0ch\xfcl\x10\x84a\xb8\xe4\x92^\x0b\xa3h\xb5\x8a\xc2p\xfd\xf1\xd5\x8b\xf7O0v\xdd\xdd}\xe6\xd5o\xda|\xfe\xfd\'\xef|\xeb\x9b\xe0\xd7\xb7O\xbf~\xf9\xf0Km\xb0^\x87\xc1r1\x8bm\x89\x95\xf0\x08\x9bq{&gt;4X\xce\xfe*\x9b\xf1\r\xd7f\xff\x00G)\x15HC\x91g\x99\x00\x00\x00\x00IEND\xaeB`\x82'</t>
        </is>
      </c>
      <c r="M214" s="3" t="n">
        <v>45492.67878472222</v>
      </c>
    </row>
    <row r="215">
      <c r="A215" t="n">
        <v>839635</v>
      </c>
      <c r="B215" t="n">
        <v>1984</v>
      </c>
      <c r="C215" t="inlineStr">
        <is>
          <t>Felipe Vizeu</t>
        </is>
      </c>
      <c r="D215" t="inlineStr">
        <is>
          <t>F. Vizeu</t>
        </is>
      </c>
      <c r="E215" t="inlineStr">
        <is>
          <t>CA</t>
        </is>
      </c>
      <c r="F215" t="inlineStr">
        <is>
          <t>ATA</t>
        </is>
      </c>
      <c r="G215" t="inlineStr">
        <is>
          <t>CA</t>
        </is>
      </c>
      <c r="H215" t="n">
        <v>184</v>
      </c>
      <c r="I215" t="n">
        <v>9</v>
      </c>
      <c r="J215" s="2" t="n">
        <v>35500</v>
      </c>
      <c r="K215" t="inlineStr">
        <is>
          <t>Left</t>
        </is>
      </c>
      <c r="L21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586a045f-1fc0-4721-a078-bc1e62e835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%\xd7\xd7\x98\x00\x00\x03\x00PLTE\xff\xff\xff*)"\xf1\xc49$!\x17\xef\xc18%&amp;  !\x1b\xfe\xfd\xfd\xec\xbb5\xee\xbd7!\x1d\x13&amp;$\x1b\xeb\xb84,,\'\xc2\x9d~\xf3\xc7;\x1d\x1e\x19\x1e\x1a\x10"#\x1f\x81]\'\xe8\xb72\xe3\xb0/$\x1b\t\xbc\x95y\xbe\x99}\'(%uN\x1b\x1a\x1a\x14\x1b\x17\x0b\xa9}V\xbc\x90p\xdd\xa7+\x86`+\xed\xc04\x9fqJA/\x1c\xfb\xfa\xfa\xc3\xa3}\x7fV)\xba\x8dk\xe7\xb41\xac\x81]\xa3vN\xc2\x99y\xc3\x9e\x85&gt;*\x14\xad\x85dN7 \x8ce1\xc9\xb0\x8f*!\x14\xe0\xad+\xb8\x93u\xc7\xa7\x90\x15\x13\x0b\xb6\x8fr\x92j6\xc6\xa3\x8axS mT?\xbe\x95s\xcd\xb7\x9bB/\x0f\xb3\x8aj\x90b9,&amp;\x1b2)\x1b\xc4\xa2\x82:0 Q&lt;\'YC,\x96i&gt;,\x1f\x0bE2!2-"\xba\x93m\x9dvA8*\x1cG7&amp;\x89^27(\x13{S&amp;\xda\xa2&amp;\xb5\x86d\xbe\x9a\x82/$\x14R@0}Y#S:\x14\xc0\x9es\xf4\xca=\x9ckE\xbd\x9an\xb8\x8afJ3\x14\x88kU\x84X/\xe4\xb5-\x99p&gt;\xb3\x80^bD(\xf6\xf5\xf3\xb4\x86_?6*\x92ya\xbb\x96g\x9e}diH\x17_I1\x91n[jO8\xa3y\\\xa5}M\x9c{W4%\r\xf2\xc97\xb3\x8e]\x99sYaM=\xa8\x82N\xbf\x9fz\xa2zF\xcc\xb4\x94\xba\x9axxM\'\xb7\x92c\xe8\xbb.\x95vOI;,nO\x1d62*\xa6\x85_:;8s[GhI-\xb2\x93x\xa9{d\xc0\xa0\x87aC\x1b\xa6\x84i\xc8\xae\x89\xd3\xc0\xac\xc6\xa9\x86\x85d@\xf6\xcdB\xac\x8cj\x83cL\xb2\x90luX?sI!UG;bH7\xd0\xbd\xa4\xee\xef\xf0\xff\xff\xfetS9yaJ\xafzX\xb4\x95\x7f\xd4\x99$\xf9\xca2\x92mN\x7f\\7X?\x19\xa9\x90xzdU\xaf\x87Y\xb2\x85w[=#\xe9\xe2\xd8\xb7\x8e\x85\xae\x88SeZM\xc4\xc3\xbc\xec\xbe-I@7\xb6\x9c\x86\xd8\xd7\xd3\xa9vR\xb1\xad\xa5\xe7\xe9\xe9xV.\xa7\xa1\x98\xcd\xcc\xc8qL.\xad}qoA\x1cFHI\xbe\xa0\x9a\x83m]\x89lH\xe1\xdf\xddTW]\xf2\xc6/\xbc\xba\xb3}[I\xf2\xcb(\xa7\x88t|\\@\xee\xeb\xe6\x95\x80kxz~\xa4\x98\x8c\xbd\x9b\x8d\x95\x91\x8c/12\x8fmA\x9c\x87t\x8ccM\xca\xac\x9a\xce\x8a\x1f\x99\x9d\xa2gin\x88zm\x81\x86\x8f\xae\xb0\xb3\xdb\xcb\xbf~seqjb\xe4\xad(_TH\xc9\xa3\'\xa6~#\xbf\xa5\x8e\xd6\xb0+\xc1\xaa\x9c\xe9\xccT\xb7\x99\x92\xbd\x94$\xe8\xc3B\xcc\xd4\xdd\x8b\x85~\xdc\xbbn\xe6\xe1\xcd\xd5\xbe\x82\xbf\xb5\xa3\xdb\xb5H\xf1\xc3 \xcb\xads\xe9\xdb\x9b\xe1\xd7\xcd\xbc\xc4\xce\x9ar5\xe5\xb9 \xdb\xe2\xeb\xe6\xe0\xb6\xaf\x89&amp;\x80\\\x14\xe9\xd7\x82\xdb\xc8\x99\xe8\xccj\x9eic\x8fr\x1d\xd8\xbbZ\xc8\xa4L\xe5\xb6A\xd6J\x01r\x00\x00 \x00IDATx\xda\xdc\x98\xffO\x13y\x1a\xc7\x9dL\xda&amp;3)i\xd9\xa4\xad\xb4\x90\x0b\xf4h(\xb5\x98I-\x16\x888\xc3\xf0m\xb8\x16\x1a\xa01\xf1*F(\xe3v\xd1\xba\xcd\xd1_\x16c\xad@Ark@\xe9\x065$"\xb8f\xb7\xa4 \x02&amp;\xbb,\x89\x17p\x83x\xea\x0fd\x0fBB\xcc\xfd\xc0\x0f\xf7O\xdc\xfb3\xb2\xc9\xfd\x01\xadn\xee\xb1\x94\n&amp;\xbe\xf2~?\xcf\xfb\xf3|\xe6\xd8\xb1\xff\xf7\xd2\x90\xfa\xa3\xf1\xa0\xac\xd6?\x06\x99\xe6w"kh\xea\xf9\xfa\xfc\xd2\xd2\xea\xfa\xab\x90\xf5\xb3\xa2i\x14&amp;k\xe8\xf9\xe2\xea\xea\xfc\xcb\xed\x9d\xbd\x94,\x88\xf1\xf4\xce\xf6\xcb\xf5)\xab\xf2\xcb\xcf\xe5[h}\xf5\xb7\xed\xbd\xd4\xa0,K\x1c\x8f\x92$I\x14\xbc\xbe\xf4\xe1\xcb\xc5\xa9\xcf \x99\xa2\xc5\xd4\xea\xd2a:%K\x82$%$-E\xb1\xb4\n\xef\x12O\xf3\tI\xde\xdfYZ\xb4~Z0\xa5\x97\xd6\x97\xf62\x12C\xf34\xcb\xb2@R\xa9\xf2Uj\x96\xa6\x19=M\xd3\x14D\x83\x9d[\xeb\x9f\x14L\x13Z\\\xd9\xd9\x17i\x86aX\xe5\x8d\xa2(\xedq\x15x\x18F\x81\xa2\xa8DB\x94\x13rz{1\xf4\xa9\xb8 \xd4\xca\xbe\xc8\x03A\xaf\xd734K\xb1&lt;\r\xfb\xb4*5\xa1\x02\'\rHm"!\'\xf0\xb5\xbfB\x14\xfb$T\x8b\xbb^\x8e\xa7\xf5\x16\x8b\xc5\x0ciTj5m\xd6\xa9U\x94\x8a4\x17\xa5"\x9ej\xb5\x94\xf6MB\xa2$\x80\xed\xae~\n.\x8d\xe6\xf9N\x1b\xc7\xd2n\xb7\x1b\\P\xc7l\xd6\xe9X\xb0\xa9u\xb4\x9ae\xd5\xa4\xf2\x15.-E\xb3\xbc\x04\'\x97\xa6r\xce\x85LX\x911lz7\x0c\xd4\x93\xa6\xa2\xcdn\x1d\x0b\xebt4\xadV3:]~&gt;\xa5V\xe5\xeb\xccf\xb7\xdb\x0c?\xb5\t9\xb5\xfd&lt;\xc7\\\xa0Z\x8a\xa3\xaf\xa0\x13\xcb\xb0l\x02\xbe\xc13\x89R3j5\x91\x8c!\xaa\xa9u:u&gt;Z\r\xfd\xa6\x95\xf0[9\xbe\xb7\x98S.\xa2U\xbc\x93\xd1\x9b\xf5*\x8a&amp;CG\xa3\xe7I\xa3\xc31\xb8F\x18u\xf0T\xadR\xebT\xc7\xdf\xbcy\xa3\x85\x8c\x08\r^\xdcC\x86\xe5\x0e\xeb\xfe\xd4\x8a\xcf`q\xeby\x8ae\x19e\x12Qh04\x11\xfe\x7fD\xbc\xa4U\xe9\xe0#(\x8f\xa3\xe9\x07\x13\xf8W4\xa2_\x90r\xa9\x97fj\xab\x04Tn=\xab Y,\xe8/\x86\x84\x04M&gt;\x10\x80\x04H\xc8$\x0ejU*\x15\xa5%\x92\xb2\x0c\x95\x90\xf8\xce\xdd\xf5\x9cq\x85\x96\x9a\t\x15\x19A\x0ba\xd2\xeb\x11\xeaJ\x9b\x91\x8f&lt;\xcf\xd1\xb4$\x91\x08Cb%\xc8,"3X\x16\xc8\xbc \xc9+\xb9\xb2Q\xb3\xbeO\xa0\xdc\n\x98^Q\nX\xe4\x0f\x99JE/\xf2w"\xd6O\x83\t\x84\x16E\xf1\x98T\xf23&gt;!\xee\xe7\xc8F\x8du\xa9\xf3\x08\xcama8\xc6\xc0uvz\xbd\xa2\xe8\x15x^ \xdb\x03\xbe)#@\xb3ZP\xb1\x92\x8c@\xc5i\xc9\x92\x9fP\x82x\x18\xba\x9f\x13\xacW\xbb\x86\x8fTz\x86\x10\x95\x9447\xf45\xd4\x07\x02\x818^(Y\xe4\xc9v\xc3\xe1\x00`$Y\x96\xa1\x96$\x91CS!\xa3S\xab\xb9\x90K\xa3Y\x0c(\x1e\x1a\x18\xae\xcd[\xe2\xab\xef\xbbzobbb\xf3^\xf5Pu\xf5\xd0\xd0Pz?\x96\xcad2q\x89\xe7HQ&lt;\r\xb9x\x16\x9c4\x19\x0f=-\x1cNi\xee\xe7\xc4C\x82\xa5\xe7\xdaJ\xea\x9f\xf6&lt;\xb8\xb7\xf9\xcb\x8d\xc8\xad[cc\x91\xaf\xc3\xe1\xf0X8|\xf9\xf2\xda\xdc\xdc\xdc&gt;a\x93\xbd(\x818\x9cH\x088\xd4\x95F\xe4R\xf3\xd6\x1c\xd8\x18\xda3\xe8\xcd\x16\xc6[R?\xfc`\xf3\xce\x9d\x99\xb3\x8d\xf6\xc22g-\xa9\xbbx\xddM&amp;\xa7gg7\xde\xee\xec\xee\xae\xcd\xa5\xd3\xc0\x8b\xfb|qB\x08.8\xa9\xa3\xa5\xc3W9p1\xb4O\xc2\xc0[?\xfcby\xe6,\xaa\xf1&lt;\xb0\x9e\xf4\xf6&gt;\xe9\xadm\x0f\xdal-.\xa3\xd15\x9dL\x8eml\xbc}\xfbvgmm\xa8:\x16\xf057\xcb\xb2\x97\x08F*\xb0\xaa\xc9~k\xadg\x88\x13\xcd=/\x96/\xb6\x02\xaa\xf1|q\xf1\xb3\xc2\xc2\xb2\xee\'\xdd\xbdA\x82e4\x19]\xc6\x8eo*\xa7\x17P?\xccn\x84\xaftMT\xc7\xbe\x8b\xc5R&gt;\x91C\xbe\xd1t\xe7JH\x93u\xacU\x19\xe9\xd4Y\xff\xc2\xef\x07\x96BU|\x8d`\xf5\x02\xcb\xd6\xd2RSSn2\xe69::FQ\xafG\x17\x16\xa67\xc6\xc2\xfd]\xff\xc0H\x0c}\'\xb3\x16\x0b\xcd\x1av_e\x1fkI\xc4&lt;\t\r\xcb\xa5\x03\xa5GX\xf6\xc2B\x98\x18T\xa8Zj\xca\xcbM\xa6&lt;\x87c\xd4\xe1\xe80u\xa0\xa6\x93\xdf\x8f\x85#\xfd\xef&amp;&amp;\xaet\xc5dr&gt;5\xa5\xd7\xb3\x8f\xb5\xe2E\x1e\x89=\xcb\xfe\x81\xd2\x8bh\xacK\xa4\xb5\xca\xcaz?BA\xac&lt;\x94\x03X(\xc2e2\x1a+\xc7\xc7 \xd8\xa3G\xfd\xfd])\t\xf3h\x88e=\xe95\x9am\x01\xfdQ\xd23\xe0\xf7\x03\x0b\x0e~\x14\xab\xac\xd7\xd6\xf2\xd7\x96"X\x98\xe7\xa8\x1buxP\xa3J\xa1\xd3\\\x95\x95\xb5\x08\x90\xfe\xfe\xfe\xf0\x9c\x8c\\mJ\xe5\x04\xcbb\xe1\x9a\x87\x07\xa0Vkc\xb1\x9dPa\x10\xdb\xaf\xb7|\xd9b#\x9dU\xe7\xa9\x03\xd5\xa9S\x07\x00\xc3\xab\xc3X\xe9J\xba\x92\x00\x1b\x89D\xc2]\x01\xac&gt;\x9c&lt;o\xcd\rV\xfd\xf0\xc0\x00Z\x1e\x9de\xbf\xa6\xc4\x03\xb1\xd0\x16\xb4\x15\x11,\x8f\x03T\xa4\xf0\xcd\xe30U\xba\x88`\xdf;GF\x80\x95\x92X\x86\x13\xb6BY\xc7\xda\x12\x0c\xfa\xce\x8a\x9eI\xb4\xd6\x11V\xe1\x13\xc2\xd5\xf2e0\x18D\xc7\xd7}\xebQ\xd4R\xd0\x80h2\xa1\xbd\xe0#\xa8F"]1\x89\xd5s\xc2a\xf6\xb1V\xfe\x17\xab\xd8n\'rA\xaf`\xf0z0\xd8^{\xa4\x96Gq\xf0[\x18\xe9P\xba\xdeUY;B\xaa+\x86\xdbnN\xd4z)\x1a\x0c\n\x96\xbf\xb4UI-;\xd4\xea&amp;\\\xbd\xed\xbd6Lb\x9d2\x89uyG#\xe90\x91\x80\xad\xadu:G\xca"\x131\x91\xe3xa)\xeb\xbdul\xd5\x07\xac\x92\xdb7\x11\xa7\xc8\x87\xf3\x8a\x8d0\x11\xb9E\xde\x8a\x10\x10\xe5\xc6\xf2\xbc\xf2\x9a\x9a\x1a\xcc%1\xd0h\xfc\xc6\x04\xb5\x90"\x91\xc8DJ\x04\x95\xf0[\xf6[~1n04\x9dx\x0c\xac\xd2\x93\x8d\xa8Kd\x16\x0b\x91\xf1\xbd\xdd\xdd\xbd\xed\xb6\xf2r0\x19k\x8alE\xa4j\xca1\x88\x00s\xb9\x88Z\x91\xfe\x87\r^&gt;\x17XX\x993M\x1cw\xe2\xdc\xcdR\x98x\xbaQ9\xaa\xd1\xf5\xddD+P\x15\x95\xc3\xba\x9a"Pa*\xc1\xe5*\xb2U\xba\x94\xe4r:\x9d\x91\xfe\xea\x06Y\x10\x04q&gt;\xfb\x0b}(\xd5\xc45\xb5=\x9e,-E\x9c\x9e&gt;y\xb6\xf1/\xf6k?\x92\xd6B\xa1\xb5\xa0\x16\xa1\xb2}T\x0bU[K&gt;\xd7:\x89\x87\xfd\xf7\x02\xb2\x98\x10R9\xd8\xe7C\xb1\xa6\xa6\xa63\xc0\xf2\xfb\xbfh=\t\xac\xe2k?\x92\xdc\xb2)\x9e\x91\x02T{\xb0H!$vV*\xbb\x18\xd4\x8a\x8c\xf4\x0f\x05\xb0E\x0b\xd9?\x13\x81\x95\x8eF\xa3\xe7\xbe\xaa\xf2\xa3\xe7\xff\xd4\xdaz\xb2\xb1\xb8\xf0\xc9\xdf\xae#\xdf\x81Q\xf3\x91J\x89U\xb8Y\xe7p\xe4\xe5\x19]\xb6\xf6\xf6\xdav\'\xe4\x1a\x0b\x0f\x05|\xb2(\xec=\xcf\x01\xd6n4z\xe6\xf6dUU\x95\xbf\x14X\xa7/\xd9\x0bo\x8d\xdfE\x08\x10\xa4?c\x0e\xd1\xee6\xc4\x84G\xc9T\xe4\x96\xb1H\x81\x8a\x94\x8d8\xc3\x0f\x03\xb8\x81\x90m&gt;\xfb\xbb\xfca\x14\r_0P0@\xb0N6\xde\xf8\xfa\xd6\xf8\xf8x\xd2h\xea !\xe5\xf1\xd4\x91p\xc8S2\xfe=N\xc6\x83\xd1\x0e\x17i\xac\xc2HY\xd9\xc8\xc8D_\xdc\'\x8a\xd9_\x03\x81\xb5\x1d=\xf3\xf8f\x01\xaa\xea\x8b\xd6\xb3\xff\xbcq\xe3rxllc6i\xea\x18\xf5\x1c(\x07\x0eB\xd4C\x90\xde\xbf\xff\x80:\x185U\x12,\xb2\xffD\xdeU\x07|\xa2\x9c\x83A\xd4X\xb7\xe0!\xa0&amp;\x0b\xfc\x17g\xee]\xed\x8b\xc7S\xb1\xf4\xdc\xee\xaf\xb3\xd3\x0b\xa3\xc0\xfap\n[\x83\xe7\x08\xe9\xc3\x7f\xf0\xf5\xf3\xeb\x0ep\x15\xda\x11o\x91w\x0f\x1a|b&lt;\xfb\xbb&lt;\xb9\x90\xb5]\xf8\x8a\x88U\xe0\x1f\xaeh\xc3%\xd5\xacgt\xac\x94I\xaf\xfd:\xbbp\x000\xb2\xfd\x8d\x82\xe6\xc3\xcf[[+\xdb\x87\xdb[[[\xd3I\xa7\x82\xf5\xec\xd1f_\\\xc8\xe4\x04\xebe\xf4\x8c\x825p\xbb\x84\xb3X,n\xb3r\xc3\xa6\xa5xl\x8e\x80a\xf13u\x1c\xbc^x\x8b\xbbb*3\x98\xc9\xfc\x94N\xef]\xdep&gt;\xb3\xe3&amp;R|\xe7\xaa\xcf\x8b\xd8\xca\xc1\xadz\xbeM\xc1\x9a\xbc\x1d\x8dvr\x06\xcb\xef\x0fn\x18)\x95N\xaf\xcd.L\x1b\x81\x95\xbc\xb2\x96\x16y\x9aU\x91\xa7\xa7Tb0\x93\x0e\x97\xd9\xed\xcf\x9e\x15\xbf{\xe0#OG\xb2\xfd\xc0Ms\x84UU0y\xe1LEOO\x9fR\r\x17ND\x9b\xa2\xbex\xfd\xc4X\xa5r\x06\x8e=L\xc7y\x961\x9buj\xb5*_\x95\x90\x12\xa9+\x11lA\xc5w\xaa\xe3b:\xdb\xcf\xb84\x9a\x90U3\xdfy\xe2vA\x95\xbfj\xf2\xc5\xf2\xf2\xf2\xcc\xcc\xe6\xc3\x87\x9b\xf7\x86\x9f&gt;\xad\xb8PQ\xd1\xf7\x0b\xd2"\x99L\xde\x1d\xbf\\\x1d\x8f\x97(\x0fr$\x89gh\x9e\xeb\x0ct)X}&gt;1\x8d\xb3\'\x9b\xd7}M\xe8_\xff\xfe\xfb\xd4\xbcp\x02j\x95\x96\xb6^\xf4\x0f\x0c?\xad \x17\xe6L&amp;\xe3\xab8w\xee\xe9\x8b\x99\x1b\x91\xff\xd2jF?i\xe5Y\x1c\xdf\xc9f\x96\xa4\x93\x9aNL\x06\xea\x0c\x86\x80\x81\\\x84\x8bihm\xa5\x03lS\xa0w\x14\x90\\\x8a$w\x05R\xb0%* &amp;\x90\x18I(\xa1 B\x1a"\x82\xce\x14!\x01\xcaB\x8dFW\x17\x17\x98J\x1b\x89\xda\x91]\xd7f\xa7\xb3\xb6i2\x99\xcc\xc3&gt;\xf8\xd2}\x9e\x97=\x97\x99\xfd\x0f\xae\'\x98\\\xf1\xc1O\xce\xf9\xfd\xce\xfd~\xcf\xef\xb707;;\x17s%\x0e\x9a\xcd\xe6J\xc2\xbc\xbb[,\x86\xde{\r\xd8\xb02\xc7\x9fb\xe7\x95\x18d\xeb\xf0\xb0\x87\xca\xd5~\xaa\xadW\x8f\xf6\x86\xa7\x01\xab\x93e\xa9\xa4\n\xc2\xbbW.\\\xf8\xfc\xda\xe7\x1f=\xd8x(4\x99\n\x95c\x17*\x06o\x18\xcb\xc5!\x85J\x83W\x12*\xee\xda_\xc5\xc6\xed\xe6\xe2\x8a\x1f\xb2\x957pn\xaf=\x7f\x9a=\xed\xa10Y\x9b\xf5T=\x1a\x9a&amp;\xb1F,\xf9jYx\xe5\x8bO\xbe}\xf4\xf1\xa5\x8b\x8f.?\xda0\x08\x85\xa6h\x9e\x8f\xd3\xe7\xf5Y\xcfA\xda\x86q\xd4\xb7\xbe\xbau\xeb\xc1\xc6r:\xe1\xf6{\xc6\x17\xc8&amp;q\xa0\xd1\xdc\x165=.\xf13\xca\xd6\xd7\x93o\x82u\x9f/j\xba3Lf\xcbR\xb1\x99\xa6\xaf|\xf2\xe8\xdd\xc6\xa7\xd7.]\xfe\xf6\xfb\r\x8d\x81\x03\xe9b\xe3\xbdz\xf1\xbe\xd9\xa9\x84\xea\xaa\xbf\xb8v\xf1\xe2\xa5\x8fn\x1b\x94i\xbf\xdb\x15D\x99S\xec\xb4\xe6\xa1f\xd9S\xabEN\xa9\xc2\xa2\xd1\x9ei\xeb`\x0f\xcb\xd3\x80\x05\xc9\xf2E\x8d\x1c!\xc7P\\S\xdf\xbd{k\xed\x87\x97jL\x04XD\xa6\x9b\xde\x1f3\xaf,+4K\x1b\xbf\xbfv\xf9\x1f\x8f\xbe\xbfxEc\x8b\xbb\xddA48E\x845\x86\xe5\x93\x12\xc4)\x8d\xb2m\xf88\x05\xd9\xf2\xa5\xa4\xd2\xc0@g_&lt;_\xb5\x95E"\xa5S"\xf1\xae\xbd{S\x0c)M\xe5h\xd4Bl\x8dv\xcb"\x1e{\xc8\xbb\xe4\xf5\xde\xfa\xec\xc2\x1f_~\xb7t\xe13,\xdcp#(\xc2\xbf\x17\xc6&amp;\x13\x91Riu\xf5q\x0fE\xbb\x91F\xdb\xac\xd7S)\x9f\xcfh\nt\x8d\xb4\xb1\xc26\x9b-\x1cN\'\x13\xbbvG\xe2 l\x8b\xd6-Df\x94\x87G&lt;\x8eDH\xe2\x0c9\xbd\xef\xdf\xbd[[V*\x94\xe1|.\xd8\xc6\x12\xad\xd4\xc4\xa5\xdaj\xe9\xf5\x18UM\x82\xb6\xdf\xc6\x1a(\x80\xae\xe1j\xf3d\xd3J\x03Z8\\M\xa7%N\xa7\xd3V\x8e\xfa\xe4D\x06\xe7\xe1V\x8f\xc3\x91t\xa6\xd3\xcd\xc4\xee\x9b7\xbbf\xb39\x97\xf3\xb8Q\x19\xca\x1c\nO\xc6\xe6\xe9\xd9H-B)V\x8a,\xa2\xd1\x08m+\x9f\xcf\x1f\x1f\xe7r\'\'\xf1t\xb5ZM6\x13\x89t8Z\xe7j\x89\xad-+\x9eq\xe5\x1cE\x89\xcd\x96&gt;H\x98\x1d\x0e\x8f\xc7\xedr\xbb\x10&amp;\x82N\xcdTC\xd9\x96^_\x8bP\x89\x15\xab\x93K&gt;e,t\x05t\xf9|\\\x0e\x1e\x91\x1c\xd9\xe4r9\x87#\x17\xaf\xf8R:\x8bE\xb5\xb5\xb5\x95\xd9\xba\xcf\xcf9\xcc\xcdt:\xd94;&lt;\xe3\x91\x18\x1asA0\xa7f*\t\xbd~\x15\xb0j\x8f{(\xdb\x89Y\xc0\xe2r\x03\xc6\x89\xae\x89.\xadV+g3\x11+\xc2\xcc0\xf9\xfe\\.n\x81\xd0j\x01\xcbj\xb5f\xac\x196\x91\xf3\xe4&lt;\x90)2\\.T\x86\xb8\x98.\xfe\x0c\xab\xa1\x87t\x95"T\xee\xc43\xd8\x89\x16\xee\x841:\x10\xd0]\x07\x83\xc8D\xf0Q\xdc\x8a[\xb7\xd8*y;\xb4\x90\xad\x0c\xf8X\xc0\x05\xb5\xc0\xe6\xbb\x00\x08A2\x19+\x8a\xca\xda\xca\x99\x7f\x9c\x9b+\xb5Z\xab\x91\xd2\x07\xea\xfa\xd6\x87J\x8ak\xf1\x01V\xd7\x84\x0e\x8c\x18\xc8`\x1c\xc5\x11k\x86O\xb0\t2TZ\x8b\x96\xc8\x90\xb9\xdaB ePN\x10Y[\x19+N:Y\xf0e\xd0\xe6U\'5\x12\xab\xd6:\xa4li\xd1\x9e\xc5\xc1\xb4\xa6R\x05\xc0\x1a\xb9N\x9a|\x04\xc1q\xab\xb5\xfd\xbf3\x99-\xb6\xdc\x02\x85\x85\x07\xf8%\x83\xdf\xec\xed\x96\x01\x1b\xf9\x88w3\x04\x0c\x06XkdJu\xb2\xff\xf4\xe7\xe7\xad\xd2\xd7\x94\x1d\x19\xd0h\x87\x9e:\x98V]\xd480\xc0\xba&gt;D\xcej\xa0\x88$\x18YI&gt;\xa1\xe5j\xe5\x04\xb9\xb4FyV+"c\xdc\xb8\xd1\x01\x9e\x11\xc7\xc162\x18\x0c\x81\x9e\xc1@\xa7\x8e\x1b@\xf5\xbc\xb5zJ\xa3\xf0U\xbd\x9f\xb2\xa4t\xdc\t\x13\xe8\x87&gt;\x15\xc1f\xb6-&gt;iWy8[.\xb7\xe8`of\xc0Pw\xf3p\x19\xeaB\xfb\xf5`\x13{\xdbV\xbb\x83AN\x9d\xe92f\xde\r\x1d\x1e\xaa\xf8\x81J\xb9\x95%\xb1X\x01i\x00\xb0\xae\xab\xf8\x08\xa4\xa2=\x01\xe1\xe1\x04\xd4Ok\x91\xab\xf8xw\xaf\x80A~\x13\x89\xa02^/\x18\xc7\xb6}$G\xcfz1\x8f\x99_\xa0\x97V![\xd4\t\x08R\xd8\xa4\xa09\x01V\xb4\x93\xc5"]&gt;Y\x1frdde[|Z\x95\\+W1{\x05\x82\xab_\n\xe8\xe0\xace2\xdc\x9a\xe1u\xfc\x7f\x8e:\x0f\xe9\x12\xbb\x13\x9b\xf3\x91ZkN\x7fH!V\xcf\x194\xf9:K\'\x8c\x8etv\xb2\xae\xb3\xa7\x10\xc0\x82\x02Z\tK*%\'\x08h\x11|^\x87@\x7fU@\xa7\x83\xa2\xefGQ\x82\xb0\xf6\xdex\rA\xfa4=C\x9cs\xfc8\xef\x8a\xac\x96\x04Tb\xd1N\xf3&gt;\x8b\x8e[\x91\x1aI\xac\xbe{\xe4\x92\xe7\x8d\x8ef\x08\x0b7\x05/i\xb6J%WY{;\xc8a\xa9\x9e!\x10\xf4\x97\xe8\xa8\x9c\xb0\xd2\xaf\xb6\xb1`\xc9\xcf\x0e\xc6\xed\xaf\x7ft\x81\x82\xb8:\xf6\x84:5O{\xd6\xb0\xc8;u:\xa9q\x00\xb0X*6\x82XG\xf1\x0c4S\x8b\xaf\x9e\xd2ju\x15\xae\n\xe4\x16\x83\x01=\xaa_\xdc_+e\xb3\x11\xe0\xea\xfdm\xe4&lt;;\xbb\x98\x07\xac\x08\x98\xa3/)\xd4\xf2\xbf{r\xf8\xb4\x8f\x05-\xc2d\xea\xfa\xb5\x8aL\xeb}\x1c\xe5\x13\xfecR{\x95\x85w\xee\x08mD\xe6\xbe,v"Y^n:\xc6cY\xfd\x9cG\xce\x1e\x15\xdc\x98\'G\xbb\xe2\xfe`x\xfc\xf5f\xb6\x95\x9d;\xa5\xd2\x92=\xe99\xf5s\xdbX\x81\x91\x91\x91\xce\xbe!&amp;\xf4\'&amp;\xbc\xaa\xe3\xe9pY!\x12\x0e\xab\xb1r\x85 \\\xe6\xe2\xda\xd2\xd2R\xb1\xe8\xd8\x9f\xcb\xf6\xb3\t\x84AnF\xbdxq\xc1o\xb3_m\xb5~\xda\xcc&gt;\xa3\x14\x8bv\x18\xcbW\xb8:\x93tb\xa0\x8dE\x8e\xe4\xfd\xc0\x04\xbe\x0c\x82\x03X\xb6t&lt;\xee\xb0\xef.=|\xb0\xe1]v6A&gt;\xc4\xf8L\x1e] \xe8\x10/..\x1c\xdb\xec\xad\xe7\xd0M\xbf\xa6\xf6t\x9f6\xf6S#\xdf9!\x95N\x04\x80\xaboh\x88\x8f\xe4H\xe9l2q\x84B\x0e({5gr\xc5\xbc"Y\x02{\x81\x19\x0c\x8a\xb23y\x90\xc8\xb1\xef\x0fv\xf4\xde\x9c]D\x17\xe2\xb6q\xc0\xfay\xf3\x03\xb5\x87\xe8\xf0\xb66W\xb8v\x894\x1a\x08\x0c\x0c\xf4\r\xddC\x98U\xa3\x08\x13\x0e\x0b\x7f\x0b\xb5Z\xb3\xbc\x0c\xe6\x86\x83qH,\x8e\xb2\x1c\x9et\xc6\x11\xde\xcd\x9b\xb3\x7fB\x83\xee\x03\xa5}\xae\xf5|g\x87\xeacNZ\xcf\xfa?\x8f^\x1cI\xa3\x13\x81@\xa0\xef\xde\xcc\x9f\x1be\x93\xf0W*\xb5\x10\x8a\xa8Vc\x1a\xce]5\x86i\xb0\x87\x06\x8d\x01\x83\xd2*\x14i?y*\xbb\xe0v\xe7\xd2\x8aW\x8f77\x8f\xf6\xc6\xa8\x9f\x8d\x8c\xf5\xf4\xecH\x0b\xd1h`\x80\xd57\xc3\xac\xc2B\x07*\x8e\t\x03\x04\xc8\x91\x10\xc3\x86\xef\xaa5\n\x85H\xa1T*0\xf8\x0b\xc6Q\xe4\x91\x9b\x83\x8bA\xbf\xbf\x91T\x1c}\xf3\xe1\xect\xec&lt;\x06I\xb4\x9em\x93\xd1X\x80N\xcf\x9a\xf1\x97\xa5\xc3\xc3\xd3B\x93\xa8\\\xb69\xc1\x035C\xcd\xa6D\xd2t\xd8\xe1!\xe9\xb4\xd9D\x18\x87\x83)\xd2\xec\xc1A\xd4\xedw\x9b%\x8a=\xd0\xca\xe7s\xf7\x87F[W\x9aL QGXS\xfe\xa8izZ(-T\xd3\xf98HzO\x04\xf4A;j\xfb\xfb1\xcf\x8999\xa9\xe0`\xca\x03\xfe /\xd8\xb0\xdb\x93\xceI\xf2&amp;\xcbya\xfd%Df+\x1a\x18\x99r\x87M\xb0\x03Ea0?\xd5:\xfcX\x0eNNN~q@\x9c\xc0\xc7\x0c\xe6\x1aV\x97\xb2\x81\xd2Qw\xc3l\x07\xe7x~\xd7\xb7h\xb4\x17\xbb\x85B\xc1h\x8c\xeaf\x82\x95\xf2\xa4Ds\xe1\nG\xe4\xdcM6\xed\x07\xe6W\x00c?"\x87\xa6G\x7f\x7f\xf3v\xe9\x0f\x9f\xaa5\xd8\xa4\xa3\x9f\x11l4\xcc\xe6\xd0d\xf1\xc5\xf9]v\xa3}\xf3\x1fQ\xc1$5\x1a\x03\xc7\xc1\xb8-\xf4v\xed\xc1\xa5\xaf\xbc\xc5\xa3\xa3\xa7\xdbG;gg\xdb\xdb{\x7f\x83X_\xdf\xdb\xfe\xe1\xe5\xc7\x98W\xa9H\x8e\xd3\x19\xee\x84\xd9\x9c\x0c9\xdf\xfe\xf5\xfc\xee\x06\xd2h;"\xa3I*5E-\xc1\x86\xcd\xbb\xbb[\xf4\x1a\x00kgg\xfblo\x1d\x82\xa4\xfa\xef\xfa\xfa\xbf\xff\xf5\xdd{\xc9/v\xc9\xb2y\xa1Cl\x86.\xeb\x0cM\xbe9&lt;O,r\xcdK\xa5B\xa3\xcf\xef\xb7M\x16\xedvGS\xf2?^\xce6\xa6\xa94\x8b\xe3\xc3nZ\x921m\x9a6)\xd0Bb,\xd6\x88Sj\x9a\xc66\xbdnq\xb1\xbd\xde\x06\xa85N[\x88\x86\xee6\xb8\xd6\xbeI;\xd0B\x88S\x98R\xbb\xc2\x87\xa6/K#4M\x90\xa2"\xebN\xdd\x01\x15\t\xac\x03\x01\xeb\x0e\xb6&amp;\x80\xcadp\x8d8\x1a\xc6\xcd\x8c\xb8\xeb:\x9b\x9d5{\x9e[\xb2\xdfv3ow\x0e\x05\xbe5\xbf\xfc\xcf\xff\x9e\xfb\x9c{\x9f\xe7x\x96\x97W\x00lf\x06\xc8f\x9e_\xbd\xfalay\xd8t\xd7\x9a\x9cK8\x1d\xc1t8\x91\x08`\x1e\x0c\xa7\x16k\xec3\x91\xb8Q)R\xf6d}\xd7q\xccd\xb5Z\xc1\xe0\xb3\x11\xcb\xb0#\x97\xcbd.\\\xba0\xf1/\x88\x89\x89\xb9\xb5\xf4\\\x04\xb3\xa4\x83V,\x90\xc00\'\xfe\xe7\xb3Tn&lt;-\x1f\x86\x14\x82`C\xe7\xb2\xe3j\xe7\xa0\xab\xd5e\xb5\x9eD$\xbf\x9d\x80&gt;\xfe\x02p]\x98\x98\xb8\xb4\xb6\xb6\x96\x0e\x86[c\xa6To\xc4\x83\x81\\v\xfcy9\xa5\xfbasJ\x88Fe\xe3\xe9\xd0i16=\xe8\xf3\xa1=e\x004\x81\x98.]\x82\x9e\x0b\x98\xe0OR\xd6kI\x042\x96\x00\x8e%\x12\x18\xee|@\xed.\xdd\x8f\xc4\x02\xa5\xb2\xbeQT\x0fK\x1a,\x94\x1d\xccf[\x11\x16P]\xcaS\x91\xb1\x96Nv\x84-\x18&gt;e\xb2\xab\xb1\x04\xe6\xd4$F(\xc5\xea\x7f`\xd7\x81ZCJ\xd1\x90Xl\x9f\x0fe\xcf\x9d\x0b\xb5nb}\x02\\\x9f \xb0\xb5\xe4\xdc\\8\x18t9\xd5\x89\x80Z\x8daq\xb5\xc6J-V\xe1\x8bsn%\x92\xcb-\x10\x08\xf0\x81Pv\xbc\xe9\xf4|\x04\n\xbb\xc3d29\x1cS\x96\xdc\xdc\\\xcebr\xf8Z]\xbd&amp;H\xa0]\xad\xf6x\xc4"g\x90j\xb5\xcc\x8d\x84HY?\xe4\xd6\t\x04\x9d\xf6\xd8x\xd3\xc5&amp;;\x8e{\xe2\x06u\xa7\x01\xa2\xcf\x83\xc5\xb0\x81X,4?\x9f\x88\xc7=\x1e\xad\x16\xc7\xd4\x02\xb5UJ\xb1Z\x0fj\x0f\xe9\x08Q}\x8f\x88\xd0\xd5\xa9\xb48\xf4\x17h\xdd\xac\x86\xf5\x82\xa0S\x8b\xb6\x9e\xaa\xf1x\xdc90?\xe0\x8c\xab\xc5\x9e&gt;U\xa7\x1d\xd7\x08\x12a)\xe5jqz\x08BY\xaf$@\xaf:\x81\x1aojB\x8f\x9d\xb5h!\xa3\xed#\xf5\x82\xa5&lt;\x16\x89\xc5\xedj\xad\xc1\xa0\xb2\xdb\x1bE\xce\xde*\xca\xd5\xcar\x84\x8d\\B\t=\x98N\xa4\x13\xe0Nl\x00\x9a\x9f&amp;{\x9c\x8c@bxj8\x10p\xc6\x03q\x03\x8ewvj\xb5}\x02\x91\xd8\x12\xad*\xa2\xda\xf2\xd9.a\x97\x9b\xab\xd3\x11\\B\xa7\x13hq\xa7\xf34z\x16~}`66{7\x12\x89\x98bq0\xbaG\xad\xd5\x1a\xb4\xaa\xbaN\xad[`\x9a\x0bF\x8b)\xc6Z\x0fuq\x8cC\x04Ap\xb9\x84\xde-\x12\x88q\xfc\xe2Eq\xd3\xf5\xd3M\x03\x11\xc7\xdd\xd8\xfc\xc0l\xc4\xd9\xe4T{\x0c\x1a\x8dF\x05+|\xb7\x0eK\x05\x83\x94\'q=4\xbe\x95\xa3h\xe4r\xb9\xa5\\\xbd\x1b\xfc\x85\xfa\xc4\x8b \x973\xd2\xea\x98\x9d\x9d\x8f\x98,\x81\xb8\xd3\xee\xe9\xd3j5\xd5\xfaj\xbd\x0e\xb3\x06\xa1#\xa3\x1ak$\xcb\x81\xe8R\x02V)\x01\xb9\x14A\x83\xa1\x86\xe5&lt;\x86\xa1\xf7\x04\xd0\xb6:`Ac7@\xf7SWW]\xad\x17\xd9-ai\x87\xac2J5\x96\x19\x1a\x8c\xad\x9c\x1e7\xa8\xc5\xe5\xeauu\x02\xd4\xe9\xd8\x9dX\xcc\x14q\x06\x02\xc3\x96\xcc\x14\x16\xf0\x18\x04\x9a\xe3\xd5\x12De\x02\xaab\xe9O\x83\xc51*\x86\xdc\\\x14\x12\xb7@\xa35\xa8qg\xcc\xe1\x88$\x12\xc3\xc3S\x99\x00\x94\xd1&gt;\x8dJ\xa5\xd7\xeb\xeb\xd4\x91p0\x99LR\xae\xd6[#Y#$\xd1\xc8\xe1\xd5\x13\xdc\xb7\x91^*\r\xf4\xd1\xe4\xde\xf9\x84=\x9e\x18\xb6$&lt;hW\xbf\xaa\xbaZ\xa5\xd7\x19b\xd6`0\x97\x01\xac\xf0:\xb5j\xdd\xf2)\x84\xc8]\xc6\xaeF\x02m7\x00.\x95\x00\x9aV&lt;&gt;\x1b\xc0\xd1c\x08\x0f\xdc\x85\x8e\x1f\xaf\xd6\xd7U\xeb\xd51Go*\xb5\x9c\x82$R\x8du\xd6\xa50\x92X\n\x9b\x92\xb4\x17\x81\x0edh@/X\x82\xda\x91\xad:\xb5\xc7U\xc0$\xa9\x13\xc7\x06\xad\xa9tn9\x99\x0cV\x86)\xf6\xd6\xb10G\x88&lt;\x0fX\xd0\xc0B\xf5\xd2K\x08B\x0fu\xc2\x8e\xab\xe1\x07\xd7\xaaT\x90@\xbdD\xa2\xc7\x9d\xd3.\x10+\xb3\x9c\xb2dz\xa9\xc5\x02\xb0\xa0Q\xc8!\xb9\x8c\xbcz\xb83\xe6\x8d\x0f7Hhf\x05"\x81\x0e\x90\xaa\x81I\x02\x19\x0c\xf9\xc2\xc1T\x06\xa0,\x16W\xefHa?\xa5r\xa59$\x16\xa9W=\xac\xbbH..A\x86\x9e\xd0\x93\xc7C$\xbfDT\xd3\x96T:\x93Jf\xa6,\xd6\x93\x94c\xfd\x85#D\\\xe0.\xa3\xd1V?T\x0f\x0e#-\xb6\xf9+\x91\x10\x12=\xba\x06\xe7\x07\xfd\xe1T0\x97D\x1d\x91\xf5\xa4\x7f\xfd\'\xc0"+*\xc8\xd5\xd5\xd334\xa4$J\xf3r!\xa7\x11\x12T4\x04xbz\xda\xd7\x1b\r\xe6r\xb9\x95Tf\x18\x1a\xb7\x17Tc\x01\x15\xc2\xda\xba\xd5\xa8P\xd8l=6\x1b\x80\xb9!t:7\xac)`\xbd#0`!\x9f\xcf\xef\x0fw\x9c\xc9M\xad\xacd \x8b\x83\xa6\x07\x14\x1fP\x04\xb5\x8c\xe8Z\xdc\x8d\xdc\xc5\xb3\xa1\xe8\x01\xef\xeb\x10\x96[\xa4\xd3\x89\xed\xe8\x00\x90\xcb\xe5\x0fG;\x8a\xc1\xf1\xb9\x15\xf0\x96/\x14\xbcUH\x9d^\xf0\xd5i\xa3P($\xd5"\xd3\x08a\xb3\xc1\xa7\x1el\x06\x81\x9e7\x03\x13P\x81Xm\x1d\xa9t2\xb3&lt;5li\x9d\xdewf\xa4\xbc\xb0\xbf\x9f\x9aSd\x85\xe5/|\x8aC\xc2_\x81X\x10\xa0\x17\x8f\xc7\xeb\xea"\x0b,\xa4t|&lt;4\r\x9e\xf2\xb9\xfc\x80\x15\x95"\xac3s+s\x16\xb8#\x85\x0e\x1c\x88&gt;(\xef\xef/\xa4`\x00\x02@\xa5\xb3&lt;\x85"\x8f%\'\xb9\x8c\xe4sz\xb9\xfcevw(\x0b\x96r\xb9\xd0\xbeO?JaG[0\x97\xce\xa5\xde\r\xf7\xfa\xa7\xa7\xcdr\xf3\xe8?Gn\x1d+\xfcQ\xc1\xd0W\xf5\x97\xbf\xb8\xfb;[\x17\x0f\xb0\x0e\x1e\xdc\xbdO.\x97\x03\x17\x07\xbd\x9a\x92\xd7\xd6\xd6\xfaj}.$T%\xda\x8c\x1a\x8dFk::\xb6\'-\x99\xb9\xe2\xa2^\x7f\xa5\xcbw\xe4H{\xfb\x93\xc7__[\\X\xb8?\xf6\xe3\x1c\x99\xcf\xcf\x9f(?\xb6\xee\xbf\x01\x1e\xe7A\x16\x0f\x1e\xdc\x07r\x99\x81\x0b\x05\xc2jonn\xf6\xa3h\x89F\xfdy\xaa\xb66f*\xf5\xee\xae"\xab\xb5\xd2\xe5:\xb2\xad\xbd\xe2\x1f\xef?\xber\x9bq\x876\xb98v\xec\x07\x83\xc1\x17\x9c\xbdr\xf9\xfe\xcc\xab/\xde\xbc\xbe\xa1\xe0\xdd\xd8\xc4\xda\xb7\xcfl\x96\xa3D\xa2|\x02\x96\xd7{\xde\xdf\xd2\xd2r*Z\x13\rGkj\xc0XmL&amp;\xb3\x98Y$\xb5Zz[]\xdb\xcc\x15\x7f|\xf8\xeb\xcf\xd7\x17\x19\x0c6\x9fq\xf3\xea\x0f\x1b2@\xce|\xb8\xf6\xac\x9b\xcd\xff\xfd\x97\xabO^\xf3\xa0$\xe4\x93(?p\xc0l&gt; G\xce\x97\xcb\xcd\x80\xd5\xee=\xdfr\xaa%|\xaa\x06\x84\x92\xd6H\xdb\xf6#&amp;fqGQQUk\xab\xabl\xdb\x91\x8a\xf6\x87\xef\xbf\xf7j\xa3\x9b\xcd\xa0\xd3i\x05\x9f\xcd\x8c}\xff\x19\x1bH\xa9\xcb\xcf\xba\xf7\xec\xe1\xf3o?\xcfc\xf1x\xe8@\r:\xade6#\xbd\xc0\xedf\x80j\xf7\x8e\x82R\xa0\xd5\xd1\xa3\x1d\rH,@*.f\x92G\x1f\xa2\x95\x95e\x15\xdb* \x89\xef\xbdz\xdaM/a\xf3i\x05\xac\x0f\x96\x16/\x9f\xfd^\\\xc8R3K\xddt&gt;\x04\xeb\xde\xe57\x9bX\x87\xf2\x96\x07\xacZ\x92\x0b\xfeC\n\xbd-\xa7N\x9c8\nP\x10{\x81\nIUD\x9e\xc8\x90\xee\xa8:\xbc\xb3\xb9\xc2\xdb\xfe\xe4\x0f\x9f\xaf#,\x1a\x9f]\xc2`\xb1\x18\xddK3\xc7\xbe\xbbb\x00u\xe5v7\x9dMb\xf1\xefm\xbcY\xfd\xe6\x06\xb9uX(D\xfbl\x10V-\x80\xbdD~\xf7\x8e\x82X\x00\xd5\xd0\xd1\x00Voc\xee\'\xcf\xaf\x90j\xed\x95\xed\xa8\xaa\xdaYVVV\xfb\xe4\xe3\xc7#\x1bw\xd8\x80E/\xb9\xc3\xe6\x97\x94\xd0\x19+W\xbe\xdb\xbc\x14r&gt;\xc6\xd5I\x1a\x9d\x85\xa6\x02\x80ZK\x1b_\xae&gt;DX\n\x84\x95\x17\xab\xbd\x96\x8cM*\xd0\xaa\xa1\x01\x98\xb6ogn\xdf\x9f\x0ff\xb1\x14\x9d\xf4A\xbbY\xce\x8f\xbe|\xf4\xf1\xd7c\x8b%4\x1a\xc2b\xd0\xf8\xac\x02\x1a\xfd\xed\x0f\x17f\xae\x8c}[\xcd\nIS-\xb1\xf3s\x01\x00\x8a\xcf\xbf\xb9\xf1\x8b\xd5\'\xe4\xaet\xb8\xf5\x1c\xdc-\x07\xacm\xcd\xcd\xedd\x00\xd5&amp;\x160\x01\x15\x88\xb5\xff\x9d\xfdy\xb5\xa4\xb2\x1aHb\xe5\xce\xdf4#\xc7\xff\xfd6X\x8b\xcdg\xd3\x0b\x00\x8bVP\xc2*e}\xf0\xe1\xa7\x0b\xd7\xbeE)C/g\xca\xc7\xe0\xf2c\xa1q\x05l6\x0b\xc0X{&amp;\xef_\xfb\xeb\xea76\x85\x02-\x1fv\xcb\xc9\xcb\xaf\xb6\xb9\xd9\xeb\x05\xac\xe6Q(\r\xe0\xac\x86\x06\x80\x02\xbd\xf2J1\x99\xbbv\x15\xef\x95\xcav\xd4D\xab\xaa\x0e\x1f~\xb9\n9|:I\xa7\xb1\xd97\x17\x97\xe0rdma\x80\xfb\xf9%\x8c\x12Z\xf7mta\xbe\xf5\x7f\xd0\xf2%a\xe1\xd3n69q\x82\xc5\xda\x82\x06;\x00\xd8\xbd\xa7_&lt;Br\xbd&amp;o\x88\x08\x0bx\xbc^(\xa3H-\xa8X\'\x1a\x1a6\xd5jc"\xc5@-t\x96E&amp;\x93\xd5\xc8d\x87\xcb\x1e\xfe\xedg_\x9d]\xa0\x81X?\xf7\x7f\xf5bq\x92\xb5\x87U\xc2\xd8\xc2/e\xa1\x81\x16\xb4\xee\xa5\x8f\xfe\xf4?\'\x06\xfdw\xe4J\x01\x9a\x81A~\xf8\xa5\xf4\x9b\x93\xa0\x18\x7fr\xe3\xda\xbf\x1f=\xb4\xf1\x8c\xa8~\xa2@\x9e*\xf3\x921\n5\xeb\x14\x88\x85\xd4"\x05#\xdd\x85\xb0d\xb2\xfftq\x86!m\xa4i\x1cO&amp;3\xc3\x8c\x99l\xd2\xf4\x9d\xdb\xcee\xef\x86\xe1\x90\x1d({\\:m\xf7vizt\xfd\xd6\xde\x1d\xcbp\xcb\xd5\xe0-\xcc~+\xfd\xb2\\\nkS\x1ch\x11\x8e\x03\r\xc2~\xd1O\x11\n\x85\xa5\xdbYJ\xa5\xf7!\x1f6\x16\xa1\x04\x9a\x0f\xab\xa2\xb09ED=\xb5\xb1\x9e\xd5j\x15[\xef\xff\xbc\x93\xb4\xe5\x1e\x934\t:\xfd\xcd\xff\xf9?\xff\xf7\r\xe2\xfc\xfa\xe3\x0f\xc1\xf5\xb7\xe7K\xc1\xe2\xdaJ5\x9d\x8e\xcb\xb7\x17\x94\x83\xb5\x95\xa9j\xfalJ\x8a}\x90\x91\x12\x06\x0c\x97\xb8U\xf99\x8c\x8c\xff\'#\x9d\xc6\xee\xd5*\x17\xe3\\\xa9\xb4\x94NA\xa8\xca\xd4\xbd\xa7\xfd).\xd7\xe0\xc2\xdc\xde\xd5\xbf\x86bQ\\Q\x0f\xef\xdc\xfd\x86\xf70t|\'\xc9\xd5Eh]\xef\x9d\x84\xb3\xd0\xc3\x8f/\xd1\x1dbY\x9b;3\x86\x14\x97.\xcc\xfb&gt;k\xae\xee\x0f&gt;\xa8U\x8c\xcc\xd9\x0c]\xa6A\x92\xe2r&lt;z\xab\xbf\xfa\xe4_#\xef\xda\x8c\xeb4r\xff\xe1\xf7\xb7\xa2qt\x9fc\xc9F\x7f\xb56\xf5h}\xc1\xd9\xebH\xa5\xce\xd6g\xd1\xc6]\xfa\xdd\xeb\xef\x9f\x87\xe6\xfa\x9at\x02\x16\x02\xbe\x95Z\xdd\xd4H\xa0\xf5v\xf6\x9e&lt;\x87\x84?q\xee\xdb\x0f\xd1\xc6\xd3\xdf&gt;\x9f\xdb&gt;\x18\xdbB\xdcH\xf2\xed\xe6\xb2\xdfh\xb8\xae\xd3\\\x1f~0S\xad\xa7\xe82\x1b\xd1X\x87\x1c\xa5\xeb\xce\xf4O\xcf\xfe\xd8\x9eL\x0e5v\xef??D\xe3qC\nM%\xd7\xabO\x9e\xee\xbf&lt;h\x96]g\xe9&lt;\xf9\xbe\xbau\x7fua\xfe\x97|\x1fCM\xe4\xc9p\xe7N\xbb\x89W\x08\xec\x067X\x17\x8d\xe3{\'O\x9f\xc6$rw}\xbd\xb4\x8d(\x9d\x8e\xa5\xa5\xf8G\xbb\xde\xb2\xd20M\xc7\xf3\x1a\x8d\xa3\xd5}"\x93\xe3\x86L\x17.\x91\xc8gu\x92,\xbc\xfe\x12]0\xe7\xe7\xfex\x1cj\xf2\x8b\xacd\xe4J\xed\xc1\xfa+\xd3\xd9n88/g\xef,\x81N\xaf\xdc\x87\xbd&gt;%\xac\xaf\x9e\xf3I$\x9d\xee\xb4\x1c\x8f\xba\x04\xb9xLt\x95`-R\xeb\xfd\x1b\xe7\xde\xbf\xf1\x8f_\xcd;\xfe\x8b\x9d\x99\xb4,\xc5O\x1dz\xdbL\xf1\x1cGg\x1a\xf3\x1a\xaeyt\xc0\xc9\xd2\x99\x18a\x19\x003\x8cJ\xed\xde\x08}\x84\x7fT\xfb\xf7E\x89\xae\'$\x91\xd13\x99\xca\xcc\xd3g\xa6Yn\xe88+\xb7\xec\xbaKW;\xd2\x08\x8b\x99\x1d\xe2:\xce\xc3\xe1\x8f|\xcd\xb9\xd3w\xa5\x0fdd\xaeP\xae\xd68\xb62\xe2D\xef\x8d\x137N\xfcv\xde\xdd~\xb93[\x97\xe5X\xec\xa6\xab3\xc75\x1d[U5\x9dk\xe6+\xcb\xabE"\xcb\x1c\x8b\x83\tT\x80\xfb\xa1\x16\xb9?\xf5}\x7f\x02\xcf\xa54]\\%-\x9f\xad\x03\xea\xa8\\\xc6\xcf:\xa6\xee\xban\xb9\\\x9e\xff;\xb5\xd1\xe0\\\xbb\xbf\xfb\xea\xfau\x8ax\xf4\xf0\x1a\x89\xd4\xd7\x17b\xf5\x90^\xe7\x08\x0bH]x\xf8\'\xfe\xfdK\xef\x1f\xc8X\xdfmUR\xf1x\xc7\xed9\xcfn\xe0\x80\xae\xa9)\xbak\xeaL\xb1D\xd1\n\x94\xa3\xd5\xdc\x83\x99J\n\xab%9\x0c\x0f\x89H\xe5\x96DK\x02\x9c\xce\xa9\x8c\xe9\xd9u\xfc\x1c\xb0&lt;\xc6t\xd2\xca\xc1\x81\xf6b\x14b\x89\xa9\x9d\xff.n\xef&gt;\xa7\xc4\xe2\xce\xea\xbbFN\x87b}}$\xd7%\xec (%J%\x04W\xa9\xf4I\xe9\xcc\']\x97\xae\xcfmS6t\xc4c\x99\xf3\xbb\r~\x96\xc0\xd2u\x87\xa0\x84d2)\x00\x8c\xe9\xcd\xf5\xc1\xa9\xe9\xba,\x19\x04eD#\xa0\x83Ri\xea`*eT\x1f\xee/\xea\xeedyr\xd2\xd5T\xc8\x0c\xb5\xdc\x86m\x97/\xa7h\xd5\xaeO\xed\xac-\x06K|\xbd\xb9KNG\xb6#\xa7\x00\xd6G\x7f\xc9\x0c\xacK\xdd\x80\xe2u\xe6L\xf6L\xa9\xf7\xca\xfc\xdc\x06\xad:\xc8\x80\x0eN\xe5\xbaf\x83\x8ce\xdb\x8c\x11U\x1eX\xbef3\xcf\xd3\x0e\xf6gk\xfdi\xec/\x12\xd1h\xa4%\x95\x81E\xd9\xa8N\r\xbe\xf2,\xd1\x9eD\x99\x1a\x8e`\xe2\x86{\xc3\xde\xfd\r%Y\xa6&gt;;\xb2\xb681w\x97\xfa\xc6S\x01\x14\x03\xa5RoO+\x1e\xba{Nv\x95\x06\x06\xced\xa9@\xd5\xf3\xcd\xdc\xc6\xf8\xe6\xd8\x0cfP\xfe|\x97y0-\xfd\xdb\x00\x00\x055IDAT~\xa0Y\xa2 \x08\xa2\xa2\xd9\xb6\xad&amp;\xf3\xf9|\x92\x9e\xeb\xbafY\x81\xb6\xb8\xff\x08`4\x91\x914Y]\x92R\x99\xfa\xf4\xc3\xe1U\xdd\xd4DU\x83X\x93\x8e\t\xa5\xe1J\xc7\xd3\x1d\xd3i\xcc\x9f\x87\xc0R\xaa\x7fv\xe4\xc5\xe2\xc4\x029\nT\xdd\xa4\r\x00\x06\xbaz\xc9\xec\xe4\xf7\xd2\x00^\x17\xe9V*u\xf6\xdc] \xaa\xa9\x84,\xc5\xbe8\xf4|\xdf\x12\nDBX\x8aj3`\xa1\x85\n\xd3u[\x11\xf1b\xdc_^\x7f:S1d)B\xfdC\xdc\xc2S\xfb\x07\xcb\x9e\xad3A\xd4\xdc\xc9\xc9\xb2\xab\xe3\x9bm\x8c2\x8e\xe6\xdbzc\xe92\xb6p\x92\x1cr5{\xba{\xaep#\rd\x8b\xb9\x1c\x18\xba\xf8\x82X\xe2\x94\xc5b\x91\x8b\xd5y\xcd\xdd\x98\xd8\x1c\x9b\xed\x8f\xa7\xe3\xb1\xe3^`\x8d\xc3J\xa0J\np\xba\xa8*L\xc13UU \x96"\x10\xa2 \x06\xfe\xd1\xea\xf0T5CX\x99L\x7fm\xb6\xf8J\xf1E\x91\xe9LL\x12\xd6\xa4\t\xc7\xc3\x96T&gt;\x81yK_\xca\x066o\x9ck\xbc\xf9\x8c/\x81%\xa2\x1a\x1e\xce\xe5\xa0X\xbb\x8a\xc5\x1c\xbe\xb2\x03\xd9\xd2\x959P=~\xd4/G\xe3\xb1\xdb\xfa\xf8x!\x99,\x84n\x12\x05\x118\xaa\xa6\x08bRPth\x91\xcf\x0f\xe5\x05KcJ\x08\x16\xc1^\x0f;\x0b\x18\xdd\xd1\x14ETl`)\xa4\x96\xc3\x14\x05M\xd4\xc9\x9b\xbe\x1f\x00l\xf7Oi\xc3H\xcb\x95\xad\x91\x17\x85\x89&amp;\xf7vH5&lt;8\x9c#\x85\x08\nR\xe5 _\xf1\xa7\xec@\xf7\xeb\xed\x89\x97\x8f\xb7*\xd8^\xc5\xbf\\\x1a-\x84LIhbA-`)he2\xa9\xda\xba-\xe6\x87\x86\x86\x92\x16$P\x90\x19\x16[\x8d\x00\xea\xdef\xb3\x11(\x8eo)\xaa\xa8a&gt;\xb46\x96\xca\x1cr\x17\xfa\xa8X\x96\xe2\x1d~\x86\xf9\x95R-\xaeg\xd9\x10\x82c\r\xe7B\xaa\x81l.\x07\xf1\xa8\xaf\x9d\xaf\xb77\x0e\x1e\xafTA\x15\xbd0_\xa0\xe2T \x02\x13J\x83\x0e\x9a&amp;*\xbag\x11U^d\x9e\xcd\x14\x91\xe63\x88L?\xd8\\\x14U\xc6&lt;\xd3\xb6\xa0\xab\nZf\x92\xb7l\x15\xe7\xa4xH\x18p1?\x08\x02o\xef\x02\xdah`\x973\xb29A\\m*\xa8\x05\x8e,\x17+\xc7\xa1r\xc5\xce\xd7\xde\xc6\xe2\xe3\x9di\xa2\x92o\xb2\x82\xc0\xb9\x04*\x91;\x0bR\xd1\x7f\xa7\xe1+\xa4\xc2p2U\x14)\xca\x84\xc8z\x93\x05\x96\x88i0u\xf4\x10oCC\x13)Z\xd6\xe9\x05\xc6\x04\x86\xd4u\xac\x12V\x1087cH9#]]!\xae\xe5g\x04\x01\xa9\x06\x07\xb9\\H\x8a\x16U\xee\xa7l\x16TCk;\xb54\xad\xc1\x7f\x9e#\xa4B\xf2-\x15a\x11\x94\x02.M *\x011\x81y\xa4\x80\x85\xa2\x11\xd3\xf4\xd0&lt;\xcb\xd7M\x87\x91\xbe\x18^f\x9a\x9a^6\x81eY\x96\xaa\xb5\xb9\x02\xcb\x9a\xbb\x9c\xc28\x1a\x12q\x15\x88\x8b\xb0x\x01\xabDcY\x0c\xc1\x06\xae,l\xe4_\x8c=1\x90B\xd1\x8b\xf3$\x95@Pt\xa7\x16\xb6\xb5"\xb1l\x15j\xb5\xa8\x92a~\x88\x11\xc7\xd51\xa4\xf0:\xb0\xd0t:\x11\xdd\xb4U\xdb5\x19?-\x0b\xe3\xa1S\'\x1d\x12l\xe9#\x99R\x0e\\c\xa4\xd7\xfa;X\xd9\x01\x9eYY\xa0\xe6\xb2\xa0\xa2h\xa8C\xac\x84\xf4)#\xa8\x96VB\xcb\xed\n\x7f\x80V\xd0\x8b\xc6\x91\xa8\x04\xde\xcd$z\x14\xb1]\x07~\x16-\xdb4AKT6\xa8\x08\xcb\x16C\xc1\x15\x9f7\x92si\xf3\x9fs\xae\xf4\xf4\xca\xd8K\xe2\x1a\x0e\xb1\xa8\x89\xc5l\xb6\x85\xf5S\x0f\x8f\xd1G\x18B#\x11\xe5-,\x84Z\x89\x1c\x8a;&gt;\xc4\xe2d\xd0CCv\xf1y\x1c\xc27\xa9V\x84\xb9\xaeF"i\x0e\x99\x0b\xcf4\xd3\xd1\x98F\x94\xaa(\x84\x9a+\x8c\xd9\x1e\xe9\x15\x04\xfe\xe1)Z\xda\x8dT\xed\xc7\x16\xd7\x9b&amp;\xd2,&gt;\xe3\xf5\x1aZ\xbd\x1c\xd9\xaad\xb0\xecF?\xdb\x1d\xca\xb7\xcd\xce\xa5\n\xb1Zzi\xad\x1b\xb35\xa1Me)VD1\xcb6YJ\xe1\xe6\x120\x86\x8e\xad\xd9\x9a\x06\xcf\xa1\xd5oD\xc7\xa8\x86zy{\xbf\xe0\xabU\xba\xb6\xf3\x98\xb8V\x8b\xeb\xeb\xabT\xaf\x9a\xcd#\x04\x8f\x16\x04\xdb\xdb\x1b\xe3\xadhH$\xbe8\xcc\xe7I\xac$\xf7U\x9bIm\xd9\x9d\x8b\xa5\xd1\xe1\xb5P+j!*":e\x07\xd2\n\xe8\x1d\xdc$(\x8e\x0e\xadP\xbaCs!,\x93\xa4(E\xe3\x82\xe9\xbe\xa5_=\x16\'\xaeDm\x8c\xb8\xc6\x03,*\xc18j\xb4]\x1b\x01&gt;\x14\xeeL\xf3+\xa9]8\\\xce\x17\x92&lt;G\xf9J\xf3N\xb5\xb1B\x971!\xa4\xe2a+D,\xcc\x9c*@&amp;\x8e\xc5 UXX\x11h\\\xf9\t\xb6\n\xbb\x0f$\xeb\xf8\xc2\xd5ci\x1aGc\x86\xb8FG\'F\xdf\xad\xa1\xd1 \xd8X\\\x1b\xab\x11T\xe2\xd4\xe1r\xa1@\xcb M}\xdbT\xa1Ro\nk\x10\x7f\x0f\xcb\x0fO[h\x94\x8cX\xac\\V\x92\xd0\x05m\xd3\x98\xa9ka\x96 \xdb4\x95w\x90f\x98\x17\x8e\xe0{\x08\na\xe1\xe6\x07)\xdaO\xd4\xa7F\xbe;\x98\x18\xe5J\xbdU\x0bTC/\xb0k\x90\xe8#\xcdq\xbf\xe5v\xf1\xadDo\x89\xda\xaf\xf0&gt;\xb9:\xdf\xc2\xc2\xb2\xfd?E\xeeH\xccKl\xd5\x08\x00\x00\x00\x00IEND\xaeB`\x82'</t>
        </is>
      </c>
      <c r="M215" s="3" t="n">
        <v>45492.67893518518</v>
      </c>
    </row>
    <row r="216">
      <c r="A216" t="n">
        <v>839761</v>
      </c>
      <c r="B216" t="n">
        <v>2020</v>
      </c>
      <c r="C216" t="inlineStr">
        <is>
          <t>João Ricardo</t>
        </is>
      </c>
      <c r="D216" t="inlineStr">
        <is>
          <t>J. Ricardo</t>
        </is>
      </c>
      <c r="E216" t="inlineStr">
        <is>
          <t>GOL</t>
        </is>
      </c>
      <c r="F216" t="inlineStr">
        <is>
          <t>GOL</t>
        </is>
      </c>
      <c r="G216" t="inlineStr">
        <is>
          <t>GOL</t>
        </is>
      </c>
      <c r="H216" t="n">
        <v>188</v>
      </c>
      <c r="I216" t="n">
        <v>1</v>
      </c>
      <c r="J216" s="2" t="n">
        <v>32391</v>
      </c>
      <c r="K216" t="inlineStr">
        <is>
          <t>Right</t>
        </is>
      </c>
      <c r="L21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b7aee80-403e-4cc5-84af-85c48227b4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o\xd8F\x00\x00\x03\x00PLTE\xff\xff\xffe5.\xd2\x90\x88\xbe\xbb\xc2\xd8\x9f\x99\x16\x0c\t\xd3\x94\x8b\xfe\xfe\xfe\x1a\x0f\x0b\x1e\x13\x10\xcd\x87~\xca\x80w,\x1b\x16\xcc\x83|\x12\t\x069&amp;!^6/\xd4\xa2\x9di813!\x1c\xd8\x99\x91\xc8\xc5\xcbrC&gt;%\x16\x12_\xa5\xc4\xd3\x97\x90c93A\x90\xb1\xc5}u\xd9\x9b\x95\xc4\xc1\xc7o?9_0*S\x9f\xbfW\xa1\xc1F\x94\xb5Y\xa4\xc41\x85\xa6\x05J\x85\xd8\xa4\xa0\x07E\x7fI\x98\xb9\xfc\xfb\xfc\xc3wn&gt;.+\xcd\x8a\x83j&lt;5vA9,\x7f\xa0=\x1f\x19\xd1\x8b\x83L/+\xb0h_H)$^\xa8\xc7xLG+\x1f\x1dA\'"X*#\x82D;mMIW2-Q*#\x9eg`\xca\x97\x92s;4\xd5\xa7\xa2\xb4xp\xd4\x9c\x95=\x8b\xabR\x9b\xba\xc0~u\x15T\x9c5\x89\xaa\xc7\x88\x7ftGD5\x1d\x17iB&lt;`CA\xc8zq\xc5\x83z\x8aYR\x8bNFd&gt;9P"\x1a~UR\x93YR\xbdwm%\x1b\x18S:6\xbd\x83|\x9c_W\xc8\x93\x8ed1*\xb7ma\xcd\x90\x88\x81NH\x8fSL\xb7sj\xa6le|C;\xa7f_\x94_XY=:9\x8d\xb0\x0bN\x8b\xd8\x93\x8fd\xaa\xc8Z.\'hHC\xd0\x9f\x9bL\x9d\xbe\x86H@\xberg\xb0og\xd3\x85\x7f\nR\x95\xb8|t\xa5]U\xf8\xf7\xf8\x84SNH\x17\x10O51\x80IB&amp;z\x9a\xaeunH \x19\xd5\xcf\xd5D52\x13m\x8c\xf3\xf1\xf2{QM\x9aUMn60\xa8rj2\x14\x0f\xea\xea\xeb\xc5\x8c\x860\'%\xb9\xb5\xb9\x06(O\xad`Z\x82ZWf\xaf\xcd\xb3\x7fz\xd8\x8e\x88yG@\x1eQ\x8a\xcd\x9c\x97\x96d]\xbf\x89\x84\x8b\xae\xc3\x06/[\xd0\x7fy\x1eu\x95X$\x1e\xb0\xaf\xb5\xcc\xca\xd1\x063g{?7uRO\n]\xa1\t:od)$\xd7\x89\x84\xa3\x9e\xa1\xe9\xe1\xe1\x11K\x81\x87`^\x8aff\x0c@w\x99\xae\xc1&amp;\x84\xa7y\xa9\xc2\xda\xdb\xdfo\xb2\xce\xa7\xb7\xc6\x8b\xa0\xb5\xb8\x16\x1a\x97nkh\x9e\xb8xps\xde\xa1\x9f\x8f\x83\x88\x86\x92\xa2\x1dBp\x14_{\xa8PO\x159]\x06\x1f@\xc0\x90\x8d\xab\x88\x8b~\x07\x08\xab\xa8\xac\xc9\xd2\xdd\x9fFGX\x81\x9f&lt;\x0b\x05\xdb\xc6\xccZs\x8e{\x99\xb1\xday|&gt;\x98\xbc\xd0\xc4\xc7Hz\x9fWNL\x9b\x91\x94\xb8\x9a\x9c/Ou\xbbhh1c\x8a\xb7\xbf\xccIBAfY^\xe1\xba\xbb@l\x91n\x87\xa6\x9f\x0f\x12\xbe\xa8\xac\x87wyE`|\xedcx\xc1qv\xdc\xab\xaeT\x94\xaf\x87,4\\\x17\x15\xed\xcf\xcfb\x8c\xa9\xb5\xc7\xd6\x0b\x15(+`\x99BOj\x9a\xa6\xb3s\x84\x97\x90BB\xd6Yl\xbb^\\\xd7"*.:[uq\x87\xd4tq%(;\xe3Nb\xc6\xb5\xb8\xcajgK@\\\xa6#-^`wqaf\xa5{x\x1f3N\xc0NN\xce6&lt;l+@\xc0@C\x99\x9c\xaf\xbf\x00\x00 \x00IDATx\xda\xc4\x99\xcdOZk\x1e\xc7\x0b\x15\x0e\x07\x0e\x1e*-\'\x10"\xeen"G\x0co\xe1`\x0b^_\x12\x12D\xe5Ey\xa9\x15\x01\x05\x92\x1bl\x84F\xb4\x18-\xf1}\x8e\xb1\xe95\xedM\x9a\xdb\x1b\xbb\x18\xcd\xcc\xc6\xcd\xc4\xb8\x98\xe4N\xba\x98\xd5\x8d\x9d\x8d\xceb\\\xcc\xe2\xae\xe7\x0f\xe8]\xcd\xf79\xd0\xce~r\x8f\xfd\x9d\x03\x1cV~\xf2\xfd\xfe~\xdf\xe7y\xe4\xce\x9d\xff\xb7(\xa9zq\xaf\xec\xbf8\xb8\xf8xq\x82\xbb{\x9f\xa2\xee|\xcd\xa2z\x81s\xf6\xe0\xe4\x044\xe7WWMQ\x10E\x91\xbf:?8\xed\xfdz`\x14uz\xf7\xc3\xc5\xa7\xcb+Q\x10\x041\x9d\xa6iZ\xa3\xc1\x1b\'\xf0\xd7\x07\xfb_\x05\x8cx\xb7y\xf7\xfc\x8a\x17\xc1$\x11\xd1\x1aU\xab\x80\x96\x06\xd8\xbb\xcd\xdb\xe7\xa26\x7f\xba\xdb}\x01\x99$ \xa2\x12\x01\xeaD\xa94\xb8i.\x9d\x16oNo\x9dk\xe5\xe4\x8a\xe7\xe1[\x9a\xd8\x86\x8b`u\xb6J\x83[B\x15&gt;\xbd\xb8m\xae\xfds\xb1\xad\x13A\x92J\xd5\xd9\x02\xc3\x03\xbe\xd1\x1cM\xa7/_\xdc\xeaH\xf6\xee_4\xd3m\x1e:\xadQ\xb5\x9e\xdaj\xa94R{\x01\x8b\xa3/\x1f\xdcb\xe3S+\'&lt;\x9aJC\x7f\xe6j\xa9E\xc4\xc2\xab\xd5\xf64\xc7q\x8c\x86\xbe\xea\xbe5\xbd(\xea\xec\x92\xb4\xba\x86\xe8\x024\xc6\xf8\xc5\xc66S\x1bK\xd0h8\xe8u[X\xa7\xe7"\'\x05\x02\x91\x07\x0f\xec\xff\xb8T\x9a\x16*\xa8\x18\xc6\x08A\x99\xcb\x9f\xa8\xdbjw^\x10\xd3m,pi\x18\x9e\xc3\xec\x11OU\x1a\x8e8\xcb\xd1\x1c#0F\x96\xe14\x9cp}v+\\\xd4\x01\x8f`\x10\xd2\x9avP!\x0ex\xa3d\x1aAJ\x13B\x06Z\x19\x8d|\x13\\iF&lt;\xdf\xa7n\xa3\xdfo\x04)\xae:\xc9\xc0\xb5F\x8fc\xa1\x10\xc3p\x0cG3\x8c\xe4\x1f\xb0\xd8F\x865\nF\xe0}\xbc\x85\xbc\xa7\xba\x9b_\x1a\xab\xb3\x85\xa5\xd2\xb0\x80a\x8dP\x88!HF&lt;JXM\x81eY\x9e\xbf\xec\x96\x1d\xabw\xf3\x9a\xa3\xbf`u\xb6\xb1\x18\x96\xc8c4\xb2,\x98\x18\xa0\xe0\xd1\xc8\xf3M\x86m\xf2\xcdfS~\x1b{\xdf\x89iA\xa0acg;\xa6\xc8\xf4q\xbc\x91\x89\x80\x84\xf5\x83&amp;\xc2\xfay\x7f\x84%\xf61\x84\x8dm^\x1e\xc8\x8d\xb5\x7f\x9dN\x93u%MKH\x92V$#\xfc\x0c\xa0PM\xa3?\xe2\xf7\xe3\xab1\x02O9\xd8\xcap\xec\xd5\xc7\x15J\xe6\xcc\xba\xe2\xa4(\xfd\x9c\xea$:\xd1\xea,\x0fu\xf0\x8a\xf0\xc0\x8a\xb0\x11\'C\xe4\x03\xd3\x1e\xc6\x93\xe3o6e\xc7J\x13,\x08\xd6\x8as\xb2\x1e\x92\xc1\x83{\x0cQ\x8b\x87f\x04+\x12a"\x11\'&gt;8Z\xa5I_\xcb\xdc\\\xd4\xfe%B\x8bd\x13\r\xfb\xa4\x05\x08\xd1\xc92\xc4\xc2\x08\xebv\x13\xff\xfcN\xe9\xf6{\x03\x13\xe5\x86\x1bC\xaa\xa2/e\xde\xe2P\x9b\x9f\x10\xa5"\xfe\x92\xa4\x16\x19ID\x02\x8f&gt;\x8a\x80\xc4\xdd\xc0\xe5v{\x1b\x19w\xc0\x10\xb0$&amp;\xf0\xccB/M\xfa|S\xe60=\x17\x84\xa6\xc8I\xad%m` \x16z\x9c\xf8\x06\x14\x8b%\x91HX\x0c\x89\xc4\xf8\x98\t\x9f\x01/\\\x8c d5\xe2\x85\xac6"\xe3\xc5fSh\xef\xdb\xc9\x92\xcc0\x08\x04/\xf1\xccmH\x98\xc6r\xab\xab\xab9\x1fy3Y\x02\xee\xa0\xd7\xe9d%\xae\xf4\x85\x9c\xc3\x08\xb5D^\xa4\xa5\xe5PE\x96\x19\xe2\x9d\xd7\xed\x0eB*\x83\xc1\x91\xcb\xcf\xa0J\xa5R&gt;\xbf\xb6\xb6\xd0o\xebRT\x02A\xaf\xdf\x88\t\xe1\x1f\xc8\x89\xb5\x7f-\xf2MA\x12\x8b\xc6\xa4\xf9\xbdA\xf0X\xba\x14]\xb6\xfe\xfe\x85\xb5\xe4L\xd1S/\x82\xccS+z\xb2\x1eO}&amp;\x99\xb3u\x05\xbcF&amp;-\xdc\xac\xc8\x88u\xd6laa\'\xe5\xdc\x98\n\x0eTf\xbblG\x0bkK\xf1x\x124\xc5Z\xa1\x90J\xa5\xaa)\xbb\xd5^\xb5\xdb\'\xed\xa9j\xb6\x187\x05\x1a~&amp;})\xdfA\x88\xa2\x0epn&amp;\xadEG6~\x1c\xa8\x0c\xf4(\xba\xfa\x17\x96\xe2\xdb\xdb\xf5\xa2\xa7V+\xa4\xacQ\xabUg\xc5K7I\xcan\xb7W\xab\x9e\xa4\xc9\xe0f\x05\xf1\xa4W&gt;\xacw8@\x13\xad\x9cS\x03\x95JO\x8f\xc2a\xeb\x7f\x18\xdf\xae\xd7\xeb\x1e@\xd9\xad:=.\xdd\xa4N\'\xbd\x11&lt;{\xaa\xe0I\xda\xdc\xbcQ\xb8\x92m?H\xb0\x10\xa6*M\x04P\xa0\x9aUt\r=\\\x82V\x87\x1eO!\x15\xb2\x02EO\x90t\xe0y\x8b\x1b_\xac\xf6T\xb6\x18K\xb8\x9b\xacp"\xd71\x88\x98\xc8\x91\xdd\xfaF\xa5\x07T\xc0\x9a\x8d\xe7\xf3\x84*[ X\xa0\xd1\xeb[`\x80\xd2\xba\xb4Z=\xb8\xaa\xb5\xc1\xd5L\xc3-\x9c\xaf\xc8\x87E\xd2A\x13\t\xf6\xcc\xf6\x10\xac\xd9\x9d\x99\xfc\xf6L\xfd\xb0Fz\xddn\x8d\xea\x08\x17qo\x92h\xe5r\xb9$\xbd\n\xb57\x8b\x99\x06{\xb9/\x1b\xd6\t\xd9\xc3s\xde\n\x88\xa4\x1aB\xbf\xcf\xd4=\x92Zv+ \xa2\xa4\xb7&amp;\xabv\x02\xa8m\xeb\x95*\xcc\xbf,7\x9a\xcd_\xe4j\xae\x95k2\x85NL\xa0\x02L\n\x85b\xe8\xf8!1\xf10[\xc8fS\xd6VM\xb6\xea\xad^\x0b0\xadV\xa7\x0b\xa5\xd6\x07\x17\x1b\x8d\xa6\\\xbbA\xea\x8c\'\xe7U\x88\xa5 L\nt\xfc1\x06\xf1\x10\x83\x98\xcdf\x0bU{\x8b\t\xb9@\xb0\xb4\xcf\xb4\xcf\xf4 \xd3\xc3\xc6\xf9G\x99L\xe3\xa3\\X\xdd8\xb8r\xce`\x8b\ns\xd854\xb4\xb0\x94\x9f\xd9\x96\xb0\xb2U\xe4\xa8]\xca*\xfb\xa4d\xa1\xcb\xd5\xa7\xed\x93l\xdc\x8d\x95\xcb\x8d\x1b\x99z\x9et&lt;\xcd\xf8\x03\x06 \x110\x82u\xbc\x10\x97\x02B\x02K\xa5H\xb0\x03\x90p\xb9\x94(\x97K\xb2\xb1VZ,\x97?m\xca\x86\xc5q\x11oE\xd1\xaa.\xd4N\xff\xc2\xc3/\\U\xe8\x95\xf5 .\xa0\xd7\xdbg\x12\x96\xd2\xa5\x03Whd\xde7Q\xbe&gt;\x95\x0f\x8b!\x1ev\x11(\x82\xe5p\x0c\xf5\xb7\xe5\x92\\\xacV\xb3\x87\x87\xff\xa9V\xd1Z.\xa5Z\xa9\xfc^\xa9Ds\xe9\'Gvc\x8f\xca\x8f\xced\xc4b\xdd\x86\xcfRA,\xc7\xd0\xf1\xf1\x92\x14\xa8\xa0\x82\x81\xc4\xc2,,$b\xa9\x95-\xbd Wj\xbd\xe4\x9bX\xfcEF,\xd2Z\n\x85\xa5\xc5\x855Qj.\x0faB_U\t\x96]\xa7\x7f\xf6G\xe5\xf7m*e_\x9fVk]\x9e\xf1ML\xfcK\x9e\xffvQ\xefD&amp;\xe25X\x1c\x16\x8b\xa5\xe5"\xd4Z\x00\xd6!\x96D;\xe2\x81La\xb5\xaa\x83P\xdf\x01\xca\x85\x86\xef#\xd3\x08\x1fC\xb5\xad\x89\t\x99VE\xea\x83\xc8\x18\xdd\x12\xd6\xe7\xde\xb2a\xf7\x07\xacl!4i\xd5E\xa3\x00\xb3\xeb\x9e)\xbf\xbbo6\xab\t\x14\xfaJ\x1b\xc6\xa5\x8f.\xc7&amp;&amp;&gt;\xca\xb4X\x7f\x10#\xfe\x86$U{\x14wl\xfdk\xf1|\xfd\x10\x1eZ\xa3Z\x84\x14\xf2T\xe72wt\x8cv\x8c\x120`\x91\x8a\xa2\x06\x17\'.\xe4R\x8b5z\x03\x04\xebsn9lG\xb9|\xb2\x85\x15\xd6\xce)\xfb\xa2V\x9dV\xdd\xf1\xcd\xf0\xf0\xf0\xbd\xa7f\xf5\\_\x980aw\x18\x8a\xee\xbe_\xbc\x91g\'H\xbd\xe3\x8d\xde\xc4\xb8\xc5bP\x18pc\x07\x0f\xb1\xf2d\x07Ov\xa6\xe1&gt;\xb5y.l\xb5\xf6\x8d\x0e\xff{\x18\xf7\xd3\xd7O\xbe}\xf2C4\x14%P\xa1\xd0\xc8\xf4#\xf9\xb0X\xb7\xcf4n1\x90\n\x04\x0ch\xad\xa3\x1c\xb0\xe6k5\x988g\x1eU\x87\xf1qo\xf8\xde\xeb\'?\xff\xfc\xc3\xab\xdf^\x8d\xac\xaf\xcf\xd7\xd6GR\xa1Pj$\xf6^\xa6c\x06u\xc0\xb3\x8d\xe91\x9b\x03G\xd3J\xd0\xeb\x06\x98\xc11\xee\xcb\xad\xc6\x06=\xe0\xea\x1b}=\x1a\xb6j\xe7\x9e\xde\xfb\xf6\xd5\xe0\x9f|ccc\xab\xb1\xe4\x9bR\xe9\xcd\xfc\xee\x08\xd4\x8am\xfdY\x9e\xd5\x87\xba\xdb\xf47\xb6\xc6L\xc0\nzI9\x9d\xe4P\x96I\x8c\xaf\xce\x14\x0b)\xbd\xb9\xc3\x1c\x8ej\xfb\xccs\x8f\x07s\x160g\x0c\x0e\xd3Q.\xb7\x16+\x15C\xd1\x91\xd8\xb4\\X\x0f\x9a\xee\xcc\xd6\x16\\\xacl\x10"\xe7\xde\xde\x1e\xb7\xb7\xe7\x0c\x06\xc6s\xc9b\xcd:\x87\xe9\x9b\xd3\xeb\xc3\xa1Z\xccf\x19\x08\x06\x07,&gt;r\xcc^[M&amp;G\xfe\xb0\\\x92\r\xeb\xc5U\xa3\xfc\xf2\xe5\xd8\xb8!H\x88\x9c\x1b\x12\x18&gt;\x83\x01G\x0e\xe1\xa5W\x9b\xd5\xa3\x18\xc6T-\x19\x7f8\xd4\xbf:\xb8\xbb\xbe\xbe&lt;\xb2;X\xca\xad\x15\xa3\xcbod3\xf1\xf4\xb2Q\x9e\x9e\xf6\x99\x0c\xc1\x8d\x8d\x8d)C\xff\xd1\x91\xa3\xa7\xa7\x12\x0cN\x05\r\xfdK\xf9zU\xab\x1e\xed0G\xa3\xa1\x94\xa7X\xac\x17\x0b\xa1P4\x1c\x0eG\x97G\xe6\xf33\xa1\xd0\x9b\xe9\xbf\xc8\x84\xb5y\x9d)\xbf\x9f\xf6\x8d%\x0c\x86\x1e\xcb8\x824\x99\x8c\xaf9\x0c\x95\xe0\xd4T\x8f\xed8\xee\xb1\xabG\xefu \xbc\n\x9ebr\tG54\x1c\xc0H:\xd4B\x8fK\xab\xbf\xad\x90\xf3\x80\x0c\\\xe7\x99\xcc\xa3i\x9fo\x0c\xd9eq\xd8\x16\x8e\xd6r\xb9\x9c\xc9\x12\xdcx\xfe|\xa32{\\\xaf\xba\xcc\xdft\xa8])\xcf\xe1\xf6\xf1\xce\xce\xd0R~\xb0\x86\xe8\xc0&amp;?\x14z\x0c\xac\xbf\x91\x1f\xdb\x7fg,\x8a\xfc\x12|\x02\xac\x97[&gt;S"\x81L\r\x06\x83\xc8\x88\xc4\xf8\xb8e\xea\xf9\xdf\x9fO\xfd\xb8\x13\xffkUy\xff\xbeZ\x8b\x93t|gv\xea\xb9\xbf\\6\xe5\x8bu\x0f\xb6\x14\xd1\xf0\xe3R\xec\x1f\xbd\xbd\xbf\xfe\xf3\xd7\xdfw\xeb\xfc_\xda\xcd\xe65\xad5\x8f\xe3\xe3!\x1cA\xaf\x8c#\x87sQ\x14\xcf\xae\x10Q\xf1\r\xc91\xeau,\x044\x89/\xd1\x84\x98:\xbe$&amp;p0\x83\xf5\xa0\xd1\x84\xe4\x0eU\xf3\xc2E\xc9\x11R\x90\xc3`@)\xba\xe9&amp;\xd4.\x84\xe9B2\x10\xca\x9d\x90\xc5\xed\xa2\x17\x1a\x9a.C\x16\x81f1\xd0\xc5\xfc\x1e\xa73\x7f\xc1\xc9\xd3E\xa1]\xf4\x93\xdf\xdb\xf3\xfd\xfe\xce\xd3\xc9\xc3\xc3I\xf1/\xdb\x1bs\xd1\x12\x8c\x089\xc5gm{\xa6\xd9\x83\x1f7\xe6O\x9d\xe3p\xf1\x9d\xf6(\x00\xca\xcf,\x91\xfa\xbc\xd5T\xcfy\xfe\xb77\xbf\xfen\xec8\xea:5hz\xdfJ\xea\xf2\xd5\x9ft\x0f\xadk!\x87\xea\xe4\xc7F\xf4\xf2\xc5\xeb\x8d\xed\xb9(\x0cT\x15\x15\xc9\xca\xa7,\xdb\xb6\x83\x1f~\xfb\xedm\xd4\xb9W\xde\x03,GQ\'a\xbb,\xc8\x18of\xf1l\x81v-\xbf\xf9x\x9ck\xdf\xfeE\xadO\xe8%\x99j&gt;\xfdp\x7f\x7f\xcf\t\xa8\x9d\xc5\xaf\x1b5\xde\xf5\xfb\xdf\xa7\x9d\x0b0\xb8\xb4\xa2,MG\x9c\xf3\x9b\x16\xd3\xc1\xd4\xbf\xfbs\xa81\xcb|&lt;W\x7f\x1eh\xb1-Ip&amp;m-\xbaCM2zy\x19\x03\x95\xff\x1c\xb0\x122\xab5p\xdfb\xd9\x87\xfb/\xc2\xd5\x97\xf8}\xdcS\x8b\x94\x17\\\xae\x05\xbb\x9d4\xc4)\x9a\xa6(\xd5\xf44\x9d]8\xd5\x8ah\xc0\xda\xe3\xe3\xb7u\xb0&lt;lK\x06\x83\xcb\x9aY]\xdd\xf5\xc6\xfe\xf12\x16\xd3\x81\xff\x97\xe1\tIz\x86\xe3\xb8\xae\x86\xb9\xff  \xd6\xeb\xce\x8d\x87\x82\n\xa2\r@%\x82iE\xfb\xb5Z$\x02w\x9a\xb58\x8f\xc6\x18_K\xd5\xaf Z\xac4\xa0K\xe7\xad\xd6|!v\xf4\xd3O\xcf }\xb2@@\x8f\xebu\x12\x8d\x86\xeb2\x03\xee\x83\x80\xc5uH\xde\xf0F&gt;Rv\x19HR\x81\x16#Y\x11\x925\xe3\x15)\xc5G".\xc0\x82A\xaf\x93\xb1\xac\xa4\xd5\xd2\xe5\xd3\xe9t!\xe6;\x02\xc5%AX\x12L\x1f\xd0\x0f4\x1a\xa2;`\x06\x02\xae\xc3_\xf4on\x8c$\x1d\xa1IR\x0bX \xb8\xc0\x97\x81\x1b[[\xf3(\xe24\r\x03\x95\xf6T\xeb\xcf\xc1]\xa0\xaag\xd5K\xe9t\xf0H\x0f2\x10\xe4\x96L*\x95\xe8\xf5\xd2\xe0@3\x18\\\x0c\x18\x8dp\xab\x1b\xf1\xd6\xbb\x9b\x1bES\xc4g\xfd\xe4\xff]"X\xfd\xb5\xe6\x1a\xa2\xa4#\x11\x9ejW\xadj\xb4t`\xbb]\x98\x12\xa0\xfdP\xac|AP\xf2h\xab$\x91\xaa\'\x18\x96\xbb\xd00\x1a\xe1ZQ&lt;yy\xc3\x8b\xe2Z\xba\x83JK\x84\xb6\x93F#0\xed\xec\x18="\x11`\xf1qO\xb8\x08^L*\x93\xe9Y\x96\x03\xeb\x83\x98\xf4\t\xf8\xcd\x8c\xe4\xbc^&amp;U\x13\x1c\xcb^p\xdd\xae\x90X\x1fo\xf8\x0e\x80u\xec~\xc0R\x18\xc0\xe4;vPiyj\n\x11\\\x8a\x94\xc7\x91*Z\xaf\xc6K\x11\x84EL&lt;%p\x98\xa2\t0@f\x16-o\x82j\x0c\xfa\xb0\xcb\xde_|\x11\x0eK\xfc\xf5\xa6\xd3\xe1i\x85(j\xd7\x8a\xe2PUmG.\xe7Xk{\x80\x8b\x82\xc2Rx\xd6n\xabhn\xa1UM\x97c\x98\x89\'\x13\x1a\xe5\xd8\xc2r\x98\x99\x83\x88\xa9\x97tw\xdc`\xc0&gt;\x08\x88\x05\x83\xab\x03X\xe5\xb2\xa1Q\xd1\x8aD5O{\ra9\xdaF\xa3\x015"\xa5\xf0\xb4!\x89j)*.\x89\x99\xc1\t\xcd\x04\xf4\x1d\x81\xe38\xc3\xe0\x1c\x87\xc9\xa43K\xba\x07\xee\xfaZ#,\xd6?;\x1d\n\xaedQ/\xaa\x15)j\x10\xac\xf1Y3\x1a\x15t\xa4\x1c\x81\xfa\x87\x8a\xd7\xa1\x95.\xb2\xac\x00\xf5TC .\x82\xc1\x11\x1a\xce\x02\x96$\x00\xd1\x12\x18\xeb\x95\x07\x82u\x1eQ5\x1a\xa4\x02D\xcbw\xacv\xdb\x03R\xa1L\x03\x96\x03\x82\x85)\x13f\xb3\xa4%\xc5\'\x06\x10,\xa5\x86P2\x80\xc40J\xdc,\xd3\xa5\xb1\x16\xcbt\xb9\xfb{\x01\xb1&amp;_$;e\xf8\xf7\xa9J\x0f\xc6\xbb\xc7\x83J~\xcc\xe5\xe9\x00\x16t\xa66ULK\x9e\\\xffY\x89\xe9e-31\x18L\x8c\xb3\x88\xc2\x05XJL\xa2\xcb+\xd9@\xeb\xe1\xa2\xd5\x12\xf2\xae\x9e&lt;\xeb\x94\xcf\xcf;\xb4\xb6\x0f\xb2\x19aAq\xa1,z:{\xe5H\xa5a7\xe6\x8a\xe9\xa0\xf2\xc9\x13\rx|\x16\xd3\x10\x13\xe8@"\t\x88\x18G\x00\xd6R^\xd9z\xb8\xfbv\x7f\xc1\t\xf9\xd1S|\x89\xb0\xe06\xec\xf7zQ\xd28\xc6BE\xef\x81?\xa6\xcez\xfe\xa61e\xd5\xc9\xf4\x98\x12z/\x81\x11\x1c\xf1\x04Z\x11\x05\xec)\xca\xa4\x12\xf3\xa5\xd3D\xeb\xee\x1b`\r\x84\x14\x82\xe2\xaf"\xc0*\x1b\xb2\xd1\xfeY\xaf\x82\xb8\x10V.\xb7\x16/\x9f\x93\';M\xad6\xe9\xde-\x808\x9e\x91`8\xa6\x81\x08A\xb0&amp;\x08T\xf8`\x88\x94x\xd0Z`\x02\xc3\xd1\xb7\x8b\x8b\x0f\x82\n\xe7\x9f\xc9\xc8\xf9\xf9yV\xee\xef\xf7\xfb\xe0~H\xe3N.\x17\x06.O\xe4\xdc\x90\xdc\x11\x1d\x94\xe3%7\xc8\x99\xf5\xdc\xadU\x06I\xecb\x9aq\x16\t\xc8\xaa\x12\xc7\x13\xc1\x95\x97\x92\xe1\xf0\xae\xcb\t\xd9\x88p^\xf9\rH\xb3\xab\x16z\xfd^\x03\xbc\xb5\xb1\xe9\xc8\x85\xe18\xe2e~-U;\x07\xcd\x93\\\xdc?\xde\xdd\x1f\x8dt]\x86\x00\r\x03XP\xf20S!X\xfa\xc2\xfa3\x02\xb4\x98\xe6\x82\x13\xf6#\xcba\x14\xae\x19\x18\x9c\xf2\xd3\xb3\x1e\xb8\x1fr\\]\xe1T*\\\xe3\xcb\xbc\'\xbegS5C\xbb\xfbggg\x99\xba\xae\xc5r0\n\x88q/*\xd1\xe0\xc2}\xde\x15L3\xd0`\xec\xc3@\xd0\x05\th\x882\xef\xa7"\xbc|\x1a\xa2\x05\xa6\x0c\x95W.U\xad\xa6&lt;q&gt;\x02\xf6zo\x81\\?\xb1\x93\xf6F)\x93\xd6\x05Z]\xaeK\xa0`\x11x\x02R\x98\xf0\xed\xae\x9b\xf1\t\x06\x0b\xb4&gt;\x08k\xc9\xc4_\xe9\xb2\xd6\x10\x01\x99\xdc\xef\x7f\xc7j;R\x8bUGMD!\xf3o\xb2hC%\xa7+k C\xeb\xee\xb4\x1a\xc9\x9b\xef\xc1B\\\xb1\xfdE3\xdcI\xe6\x16#\xf0v^\xfc\xca\x1e\xa1(:\xeb\xda\xe8A\xb4\xfc~\xb2i4:\xc2\xa9\\-\x1e\xcf\xee\xcd\x1e\x9c\x1f\xd8\x0c\xf6\n\x8d\xe4+\xfceh\x15\xb88\xe8\xc3\xf1\xdd\x83\xe3G\xb1\xd5\x14\xce\xb0l\xab\xfbA\xe0O,\xe2\xc9w \xach~\xcfy\x8aJ\xdeO\x920S\xa1\x11\x91\tB+\x92Y\x9b\xdcow\x95\xa9$h\xfcJ)\xe4\xf6\xca\xf4\x0c\xca!\x86~\x1d\xc5\xdc)f\xc0p\xdd\t\xc1\xbf*\x8a\xdf\xfb\xa1\x8a"e\x1b\x14W\xf4\x7fY\xf4th\x1b\xb8\xd8\x83Y\x93)R3\x1ai\xba\xbd\x18.\xd9KvR\x1bZ\xf5% \x8b\x08\nK\xf8\n\xeba=\xdc\xd3\xcc\x17\xc1w\x10\xe2\xc33P\x0b\x91=\xdb|\xaf\x01\x8e\xdfO\xc2\xd5X\xa3\\S\xb3\xb3\xa6\x03\xd3\x94+\xee(\x16\xab\xe1\xe2R\xd07\xe3N\x96\xec*\x95\xff\xe481\x966PZ&gt;\xefb\xe8\xaf\xd7\xd7\xd7_\x84_6\x8b\'\xbfF\xb3.\xd5\xbb\xb7\xcbP\\\x95\n\x04\xc4\xa0\xc8\x82\x81E\x91r\xc9\x8dU\xeb\x92T\x1d\xf4\xc9\x02,Vp\x9f\xac\'\rs\xaa\xd01\x8e\xc6\x16\x86\'f\xf2\xeb\xef\xb6\xb6^l\xfd\xe11VI\x93\xaf\x7f\xf9\xf8z\xeb\xfd6\x14\x17\xdc\xd7~\xad"k3\x1d\xfc`2\xd9\x9c\xda\\\xb18\x1c\x16\xaf&gt;]]\xdd\xdd]\xa9\xf5/\xdd\'I\x83\\\x11*\x10(\x85\x98\xcf\x9b\x0f]N&gt;\xd6K\xe2\xf1\xd6F\xfc\xf3\xf6t\xa3\x11\x85p-8\x81\xea\xc7\x83?Z\xe4k\xd5ju4\x1a\x8en\x87p\xbf\xdc\xdd\xd5\xaf\xf4G\xbb0\xc3H\xd2\r\x974\x0c\xadB&amp;_\xfa\xf8\x88\xef\xae\xe1\x07\x16\xbfZ\x9e?\x8d\xc2\xa9\xcc\xb9\xa0\xd8gM6y3U\xcd\xe5nG\xa3\xdb\xcf\x9foGCt\xea\xbeg1w\xb2Yi\xee\xe3z\xdfQ\xcc\x9b\xcfW\xbe&gt;\xee\xb3k\xf1\xe1\xc6\xf2\xe6)d1\nX&amp;\xd3\x94\xc5\xb2\xd0\x0cCG\xde\xd4&gt;\x8f\xb1\xe0\x0c\x87\xa3\xfa\xa7#\xaf;T\xb2\xa7|\t\x9f\xaf\xb0ZX=}\xff\xd8O\xde~\xb5lNO\x9fV\x1a\x9b.\xdb\x94\xcd\xb2m\x91\x8b:`\x8bj\xb7E\xa8\xaf\xfa\x15\xaa\xaf\xab\xe1hx\x95YY\x0f\x95R\xb1\xc4Lz\xd7{\xecn&lt;\xfeK&lt;\xcb\xfc\xf4\xe6\xdc4\xc2\xb28\xc7;\xb7\x08_\x03\xe3S\xcfX\x01j|\xae\xee\xea\xe9t8\x1cr\xbb\x0b\xc1\x99B\xbe\xe0]\xe9?\xf6\xff\xcdx\xf1\xc6\xb2\x01g\x1e\x92hs\xa9\xb44\xda\xd6tj\xb9\xd1\xf0\xee\xbfLzL\xd6\xd2]\xe9\xccx!\xb3\xb2\x92/\xcc\x14b\xbb\xfb\xab\x8bg\x8f\xfd\x9cr\xeb\xadeyyycyzZ\xee\x92\xcfi\xe1\xf2\x91+\x14F\xf4\xc5\xba\x9e\xc9\xb83\xf9O\tP\xeeR\xbd\x19\xc3\xcd\xe9L!\x16K{wW2\xebg\x8f\xfd\xf8t\xeb_\xb6m\xe0Z\x86,\xca\xe5\x06\x03\x95\xcd\xca\x17\xe6\xc8d)\xd9\xd4\xce\xcd\xa9\xe4\xcd\xc5\xd5\xe3X,\xa87\xe386c-\x1c\xcdd\xf6O\xd6\xdd\xa9\xe3\xc7~\xaa\xbbui\x81pm/\xcf76\x9d\xe8+?EQr\x95|\xc19n\x80=\x93kN\x9b\xfc\x0f/\xe7\x1f\x93v~\xc6\xf1\xd5p\xb0sv\x805\xf4 \x1a\xbc\xb4\x13g\x91\xae\xa2S,\xf4\xab\xf2\xcddz|S\xe0\xa0E\xbc\x08E`6\xe2:\x07\x95\x83R\x98\xb6\xa8\x17\xce0\x14\xcb.\xadE\xb6\xd5\x1f]\x1a;\xafQ\x17m\x8d1\xd6\xf4\xec\xcd\xd8\x1f6W\x93\xa5\x9b\xbf\xae\xbbh\xe7\x9a\xd6\xd4\xdde\xcf\xe7\x8b\xbd\xbf\xb6\xdcnW\xee\x134\x9a\x88y\xe5\xfd\xfc\xf8&lt;\xcf\xf7\xf3|0\x9a\x8e\xa5BI_v\xb8\xf4X\xa9\xdd\x84\x85\x14f\xd7\xf58_\x7f\xa0e}b\x119\xb5N\'\xa1\x8e0jw$\'\xefx\'\xbd\xf6\xd0\xe9\xd3\xcd\xb07\xe6\x9dn&gt;\xf0v\xba\xc0\xa5;\x99{dgBN\xea/\x8eH\xeb\xed\xc6PH\xa31\x94\xc4\x1d\xebi~\x9eP\xeb\x14Z\xc4bN:G\x00=6z\x94Zx\xa8\xf0\x90D"\xcc\x93\xec\xaf\xd6\xeb\xde\xcf=\x86\x9e\xb4\x81Zv\xa9\x143c!\x83\xee~\xdc\xa7\xe6?RK\xf2\x9cN\x91\xd3*\x96\xd7r\x92\x01\x0b\xd6~h\xcd\xaaY\xe9\x0cI\xf0L\xae\xfd\xf0\xce\xd4\xd2\xc4\x9c\x84\xec\xc4\xb2\xc3v\xb7\xd1\xac\xf1\x854\xfb\xe2\x8eE\xf3\xa89N\xa1P$\xd4\x12*\t\xa8U\\\\|\xf1\xa0Ky\xe2\xe2\xc5\xb3\xef\xec8\xab|\xbf\xbe\xbe,!;5\xb1\xb4\xac\xac\xf4\xc8\xe1z7\xa60\xfb\xcc\xf5\x89\xf7\xe3-V\xd6\xa5^\xae\n\x9dr:-Z\t\x83\x81&amp;\x80\xaa\xa1\xeb\xbfx\xf0\xe0\x893\xca\x13\x86\x93\xb9\xb9\xb9\xa5\x87SKK\xa5F\xa3QZ\x8fi\x14!\xa31\'\'\xeeX\xb4K},\xb9D(\xcc\xf3z\x9dN!\xe0A[\xc1-&gt;[\xec:c\x82\xfci\xca=f\xca\xad7\xe90\xa3N\x13\xd4\x9b\xdd\x98A\x81\x19\xcb~\x9d\x13\x7f#\xb6\xf4\xb1Xr\xadV\x98G\x8ex\xa3\xe9o\xd8\x83\xd2w\x045:\x9dF\xa31\xd9\xa5nL\xaf1+0\xb7Z\xa5\xf7\xf9\xcc\x8aP\xc5qj\xf6\xb7\x805X\xce\x95\xab,B\x917\x8f\x8fn\xac\xd0E\xa2\xbcC\xe9\xc9.\xc3\t\xa5\xabXY\xef\x93\x82Vf\xb3Y\xdd+\xe6(Bf\x85\x02\xabJ\xa1f\xff-\xee\x91\xd8\x18\xc3\xd2\x8a\x84\x08\x0b\xad\xb7\xe8"\x89\x8a\xebRB~\xd2\xb9\x8d&gt;\x9f\xefEH\xd1&amp;\x17\xab\x10\x96\xd9\xd8\xcaNI\xf8e\xdc\xb1h\r/\xca\xb9*\x8e\x9c\x10z\xf9\x08+\t\x16*\x06\xe5\x0e\xb3\x19Q\xf8\x8c\xd8\xa0\x02s\xc89b\x95\xaaM\xed\x08U\xa4\xa5\x1dOH\x8c?V\xd6\r=K\xc5`X\t\xadPDG\x97\x8d\n\nv\xed\x129\xe5\n\x83\xc1l\xd0\xb8\x8d\xa1\xb6\xfc\xa6\xc161\xc7jUY\xe5\x8a\x00\x1b\x9a\xd8\x9c\x9d\xf1\xbfsJ\xfb\xb3\xbe\\\xc5(d\x88\t\xad3&amp;W\x01\xf8W\x9e\x1c\x9a!\xb5C\x11r4\xc9UM\x8a\xb6\x88\x15\xb0\x18V_\x11%\xe5xBv\xd9\xb7\x80\xf5\x89\xa3\\\xc0\xa8-T\x89#\x04\x9f\x1e\xa3\xe2\x8b\xf8\x16\x90\x8f\x10\xe77\x95\x8b\xa1\x16S\xf7F\xc4b\xab\x8a\xd3\xd6I\xa1\xa4\xb1\xab\x12\xab\x1a\xbf\x13w\xac\xa7\x8e|\x01\xa7\xb6\xb0V\x1e\xb1\x92\xa1\x88\xae\xb0\xd1\xbd\x16\x02\x8aC(\xa7\t(.\x80\x89\x00\xb1TM\x01\x9c\x87:k\xc0BMS|\xb9\xa6\x1cA.\'\x1d\xea?\xab\xd8\xe2\xa5\x17$%!,&gt;\x1f\x15\x87\x04\xa1\xf5j\x89\xdb\x88\x90 \xe4Mn6\x12\x8b\x9d\x93\xd8\xe9iii\xcc\x8a+\x19\xedJ\xaf\x9e\xc5a0\xd2\x0bk\x81K\x88\xb8\n@1&gt;,\xba\x97O\xa7{\xbdZ\xc8\xff\x04!V\x07\xd8\x14\x1e\x05\x07\xac\x9d\xf6\xcd\x85\x85\x9b\x8f?\x8d\xe7\x85~\xd8}\xf4h\xfe\x87\x01\x85\xa9J,\xb6\xd0\x0b\n\x92v\x1d\xddM\xc6\xa3\x96\x0f\xbf\x81t\x16\xe8\xd9\x06I*\n\x8e\xb3\x13vJ\xd7\xfdcc\xcb\xcb\x1b\xabK\xf1\xbbe\xf0Q\x9b\x9e\x85\xa6\xcb\xa0(\x95p\xc4V\xc2K\xa7\x83d\x05|-x=\xa1\x05\xd1\xb4VqD=\xd8\x89Sx\xbc4\x1cG\xbe\xe5\xde"\xb1\x96\xbbV\xe25}\x9au\xe1\xae:?\x1f\r\x8e\xc0\x92H\xa0\x1a\xb4Z\x9c^\x04\x03}\x1a\x11!\x00\r\xda\xc8\xc1\x17\xad8N\x8aEAG+&gt;P\x0b\xa8\xc6jd\xe7\xe24!\xd8\xb8y\x14=F\x12p\x04\x82d\x90K\x02\xd1\x07$\xb10\xb4Z\xc5\x848\x12\xe9\xf5\x05\x8a*\xa9l6y\x92\x81"1;pms\xf5\xee\xc6F\xd4&amp;\x9b\x89Og\x965\xb0\xf1z\xa4\t\x9d\xeb\x0b`\xa1a&lt;\x15$NH\x0c QD\xdd\xd6\xdb7\x18\xb8\xdeQ\xc7dvP\xd98\x05OIa\xa7\xc4\xb0\xee\xdd\xbe{w\xbdF&amp;[\x99\x88\x07\x16\xadea\xf9\xbd\x08\x9ay\xe3r\xe5\x02\x01x\x98\x84!GX\x11\xb5\xba-4\xf8"p\xbd\x92YR\xc2d2\xd9UU8%-\x85\x9d\x06\t\x82\x9a-\xbdw[\xeb\xf5\x8e\xd8d\xb2\x07W\xb2\xe2\xe1Y\xe7\xb7\xde\xe3\x97\x03\x16\x97\xcb\x82/\x81\n&lt;_%\x97\xcb\xf3\x1df\xcc\x17\xe8\xac\x04\xa1JJJ\xea\x98\x1dUU\xc8\x86\xe4\xb1\x0f\x9b\x9axL\x92\xb4\xbby\x03\x895\xe0\x89C#K\xbb\xf4d\xa3\xe0-\xb9\x1aaU\x07\xf7\x07Y\\\x15\xc2*\xcfW\x98C\x98\x1b\xa8\x98%\x08\x0b\x8d\x9d\x16UQ\xf04\xf2\x198\x94[\xfb"\x1b\x10\x862\x10\xeb\x82\xe7\xd5\x7f\xe6\x07\xad\xe1\xfc\xea\xd6\xd1\xefJ\xc8C\x9fj\x97\xcb\x15\x0c\xca\xc9\x9b\x7fM\x8a\x10\x88u\xbd\xb2\xa3\x84\\u8^Dz&lt;:0\x80\xbc\x95\xbd\x0f{\xb65j\x93\xd9V\x06.L%\xbc\xeam\x9bF{:\xb4\xbe\xb5\xfc\xfd\x03\xe5\xe8As\xb5K\xefr\xe9\xf3Yr9k\x1b\xab\xb3\xa8\x03i\xc5d\xe2x\x1d\x90\x81\t\xc1\x86h\x8e8;\xd5Dl\xf5\xc8d6\x10\xeb/\x9f\x07&amp;\xb2^)\x14\xcd\xd3;\xb4&gt;:\xf6Z\x12\x03\xb0X.\x97R\xa948 \xb5\x82Z\x8e\x90\xcf\x8d\\\x8b\x19\xe3\xaa\x03\xb24\xf2\xa8\x93\xc2FFL=\xe9\x1c\x01\x13\xae\xdc\xf1L\xfdn\xed\x8b\x95%\xda+\x9c\x1c\x99\x18\xbah\x1eZ\x0f\xfb\x97w\xbf\xbd\x83\xc5\n\xba\xf4J\x83A\xa3Q\xe8Y,\x96^aF#H\x95E8\xa2B\x91\x88S(L\x1e\xec\x88\xe0_\xc7\xa99\xdfSn@\x14\xca\xae^\xf0\xdc\xff\xe7\xdaj\xf7\x8f\xaed\xbd\x9a\x8a\x02\xfe\xc9\xa7[\xcd\xe3\xe6\xa1U\xbf\x7f\xec\xb5\x03\x85\xc9\\\x169\xb3\xa8\x83vG\xaf\xcf\xd7##J+Z+I+\x92\x19\x02v\x1e\x1e\xa9V\n\x95\x9aSj\x19\xe9\x96\xc9f. \xb1\x9e\xf7tw\xcf\\\x9eh\xf8\xa6`\xe4g\xfb\xb4\x0c\x8c\x8e\xbd;\xae|\xb8\xe9\xf7\xfb\x97\x9b\x0f1\x04,\xd4R\xe80\x13\xa6S\xea\x1dP\x95\x1a}\x81\x8a\xce\xd6"\xc8\xa4\xbc\x12\x1ePQbTP@\xb0\xa9U\xc6ud\xc2\xcb\x1e\xf0\xac\xb5g\xb6\xee\xee\x9a\x9e\xf6\xf9\xe9\xa5\x96o\x80F~h\xcd\x9d\xc7H\xa5w\xc7\x1f=\xbc\xb6\x05\\\xaf\x9fNO\xe6\xba\x1c\x1a\xb3\xced4b\x1a\xbd\x03\x89\x05\xbe\xd5\xd9Z\x89\xb0@+\xc4\x94F\x86"\x9b\x8dS[\xef\xb5\xc7\x92\xc3\xd4?\xd6\x9e\x8f\x00Vff\x0f\xbc\xe6\x16\x07Z\xfe/0R\xa7\xa5\xe1\xd9Q(\x00\xfcc\x7f\x1d\x1f\xef\xbb\x06|\xfe\xb1f\xb0b\xd0\xa1\xc1\x00\xcb]\x8f)\x14\xdb6l\xad,B\x1b\x0f\x89\xc5#\x0f\x85\xa1\x80H\xc3\xa9}\x88j\xfe\x8e\xc7\xc3\xfb|\xed\x8b\x1a\x10+3\x93\x04CdK-_\xb7&lt;\x84?o\xb8rua4\x1c\xee\n\xfbcXM\xd7\x90\x15\xc3\x1b"\x0e7\xa8\xd7`&amp;\xc0B\xf3\xc1!\x0c\xd9\xb0\xb5\x12a\xd5!\xb9x&lt;f,\x10)i8\xfb\xc5\xec\xb6\t\xa7&gt;[\xfb#\xb2af\xf4%\x17|\x9f\x9f\x9eh\xf8\x1a\x19\x16\tugr\x16A\xf5G\xc3\xa0\xd6:`=\xba\xf6\x04\xc95\xba!\x14\xa0Yy\xa3\xcf-\x95\xba\x8d`I\xb0\xe16\x16\x13\xb9\x16/\xe6\\H2\xfc\xc6\x02P\xc9\xa6I\x7f_\xfb\xfb\xf9\xc5\xee\x9a\x8c\xaeh\x8c\t\xad\x8c\x8c\xf6\xc9\x81\x96\xff\xf1\xec\x85\x14j~$\x1a\x0eG3{\xfa\xbb\x00k}\xb8o||\xbc\xed\xe1\x93Q\x90kt\x83\x13t\x194\x98\xd1m\xb7K}&gt;\xc0\x03\xd7\x02\x1b\x16\xd5\xc5vj\n\x12\x8bG\x9a\xf2\xfa&amp;\xa2\x9a\x04*0\xe1\xa3\xc9sK3\xed5\xfd]\xfd==\xfd_r\xd5\xd4\xcc_\xbd\xd2\xf0\x95`\xc8z\x13\xd3s\x08\'\n\xef\xc9\x8cvu\xf9\xc7\x9e,\xce\xfd\x16\xe4z8t3\x8c\xb8\xbc\xac\xa0\x01\xe4\x92\xda\xed\x01\xb7[\xea\x96\x06 \x9b\x16ul\xbb\x16\x05a\x91\x8e\x8f\x17m"\xc7\x9a\x81Dz\xff_k\x8fN\xdd\xba\xf5\xe1\xb9\xcb\x0f\xe6g\xfb3k2^Re \xb0\xb9\xe9\x89\xaf\x00\xa3e5.-\xae \x9ah\xa6\xcdf\xcb\x88F\xfbGGW\x17N}0\x8b\x9c~hx!\xec\x0f\x87G-\xdbX\x15\x15\xd2z\xa9]\n\xe9!\xe6\xf0/\xc1x\xa4X\x1dO\xb6\xa9&lt;\xf7?[{&gt;w\xeb\xe7{\xf7\xbe\xf1\xc6\x87\xe7\xaeNO\xce\xb5\x93L\xb1\x17"[Y\\j\xfc\xafN\x86\xf2\xc1\xd2\xa4\xcd\x06Bwef\xd8\xba\xe1\x87h\xff\xc8\xec\xe3\x85?\xfd\xf4\x0f\x1f&lt;\x03\xb9n|\x0c\\\xb0\xd6\x89\x13\x06s\x0c\xcbd\x0f\xd8\xa51\xac:\x12\x8bL\xf1%\x80U\x07T6T\xcex\xa6~\xb3\xf6|\xf5go\xee\xfd\xf1\xde7\xf7\xec\xf9\xe1O@\xb3\xab\x0f\xe6\xdb{22\xbf\xe4\xca\xa8i_\\\xfa\xcf\x8a\x91\x89sF\xd6\r\x12\x85\xa35\x88\xaa\xa7\x7fv\xe1\xe6\xf0\xf0\xc2\xc8\xa9=?\xf8\x152\xa3\xee\xe3\xdf\x0f\xcf\x02V\xd7\xba\xd8\xa1\x01\xdf\xaa\xe8\x04\xa4\x8a\x00\xf2\xf8\x7f\xb7m\xbe\xa1m\xdcw\x187\x08\xb6\xd7{a\xb8p`\xb8\x7f\xb1\xaf\x10\xb8Wz;\x93\xe6.\x9c\x07\x85\xbe\xf5\x0c\x81\xc1\xc6)\x07&gt;X\xddw\x17\xc2\xf5\x9d\xd1\x8a\n2\xbepH\xa1\x11\x13b\x92\xce\xfaS\xb1\xca\xc2\xd8\x93",G\x16\xb6\xb1hmy\xe9\xaa\x80C#\xcf\x83BJ\xdc\x8e6\xe9\xf3\xbdslw\xec\x8b\x08&gt;\xc7\xb1&gt;~\x9e\xe7\xfb\xfc~yaD\x8b\x06X\xb7\xa8"&amp;o\x9eS\xd1\x12\xfe\xf5\xa7\xea+\xdd\x12\xa3QN\x06\x95&amp;\x83\xccw]\x12-w\xfdbb\xc9\xf6\xff\xb3\x12J\x95\x0f\xb0\xc1\x0b00\xbf\x10\x8b-\xc4\x92\x9d\xfa\xa8\x80\x7f\xdch\xa8\x9a\xe4x/\xfe1\x18\xfc7K\\\x0f\x1f\x82\xeb\xfd\xdf\xfe\x19*-\x03mvvy=Pk\x9e.\x0f\xb7\x96\x08\xeb\xe6M\xa2Z\xf8\xa6\xd0\xba\xbfy\xf7\xa7\xeak\x89\xa8x\x19b\t\xac\xc1\xca\x96\xc5\xf1\xa6\xefB\xb4\xdc\xd4\x05\x17\x14k\xfd\xcfVR\x9dw\x92\x8f\x1e=\xba\x8e\xe5\xcb\xe3+\x0e\xda[\x85Jm8T\xbdF\xc3a\t\xab\xf7z08\xdb\xc8fOV\x81\x95y\xf5)\xc2\x85#gyv\x1d\r\x0f\xac\xe9%\xa4~\xe9\xda\xb5\xe9k\xb7\xe8\x97\x90\x02\xaad%\xa4zO\xe9\xf2\x8c(r\x1aA\xe9\x86`q\x18K\x16\x86\x01\xd9\xa5f\xc8X\xeb\xa3w\xae\xfa7\xde\xc9\x93T\x99\x0c\xb6/\xb7\x7fX(\x17j\x92\xa2\xcb\xb2\xd2h4\x14A\xd3\x1dG9x6\x18&lt;\xde\xcd\x8e\xea!\xd7\xfb\x7f\xbc\xf7\xe1\xf2\xe2\xe2\xf2\xfa:J\x0bX\x00[\x9a\xbe3w\'\xc0\xa2\xb4\xc7\x92\xb86l\xde\x82VJ\x17a\x17yxh\xe8\xba!s\xbc\xc8[D\x08\xdd\xc8O8\x92{\xbb\x95\xc9^\xf9\x12j\xe5d-\x0f\xa9b\x99L.\xb9\xdf\xae\x14\xdc\x9a\xa6\xda6\xcbs\xaa\xd3h\xd8\xba \x00\xcbV\xbf\x1f\x0c\x06\x1f\xef6\x9b\xa4Wf\xf5\xd5\x9fp\xe8\xac\xcf\x91PD\x15\x80\xcd-.\xde\xb9\x86\xdb\xcd\xe7\xc9\xe4\x02Q\xa57\'\xdfT_\xdb\xd0*\xa0\x82T:+\xf3"#\xe2cU\nt\xc3S-\x14\xedz\xecz\x0c\xdb\xbfp\xe1\xdfh\xef\xc1\x14\x19\x98\xcf\xefu\x88\x89e\x05\xdd\xb3\x05\x86\x11`\xa1\'\x19,\xab{\x8e\xa7\xa8_\x0c\x06\xd5?\x1c\x11W\x86\xb8~\xffn\xd0\xee\xf3K\x01\x11\xd1-\xce\xcc\xdc\x00\xd6\xe79`%\xb7@\xf5\xf5\x9b\xea\xb3\xfd.\x1f\x05\x16\xa7\x91\x81\xac\x16R\x19\x92$A\xb7\xa8iF\xad\xae\xcc1\xbe;:\xdc\xcf]b\xfd\xfa\x9dVg\xed\xe1\xd4\x02\x0e\xd1\xdc\xd3C0\rY\xc9\x00\x95\xc7\x9a\xa6\x06\x0b\x1dI%,\x1brI\xbd\xdf!^\xb3G\xa9\x14\xb82\x99\xd5/\xee!\\ss\xf3!\xd74A\xcd,\xde\xf8\xd5\xfc\xc6^\x0cT\x87\xe9\xf4\xf6MP=\xedZ\x8c\xc90&lt;\xb42TV\x13\x99(&gt;6\x8aE\x89\xb5\xa2\x89DB\x94Y\x99\x13Qi\xd4\x1b\xbd\xe4\xc2\xc2\xa3P\xaa\xca\xea\x83\x87S\xc1\xe2U\n~MP\xf5\xa2.\xb0\x9e\xa32%\x06\x16:E\x83UuCRH.\xa9\xf7\xac:8[\xbf\xe0\xfa\xdb\xed\xc5@\xaeyT\xfc\xf4\xf4\xe2\xf2\xed\x0fo\xdf\x98[\x02\x15\xbe\xdd\xe1xz\x1bZ\r^\x18\x96\x08,Q\xa3(\t\x1a\xec$BI\x91X\xee\x9c\x8a\x96\x14\x039\xfdr\xa1GXHUg\x8d\xa8b\xfb\x87#\x04*\xd0\x16Q\xb2\x1d\x89)\x99\xb4\x85\nI\xa5K\x92b{\x9e]\xd4;\xcf\xaa\xd57\xd3\xf1x\xaa\xb3\x9a\x87\xe5\x9f\xcd\xce\x80k\xe97$\xd8"J\xec\xdd\xdb3s\x9f\xbc\x98B\xbf\xb4\xfb\xa0\xfa\xb1:xU\x94\x11w\x86\xd1\x04$\x83\xa8\xa0\x95e\\P\x99\x16\x8c$\'\xa3XT\x14\x9a\xdfw\x15\\\xd2\xfb{\x7f\x01\x15n\x18\x85\xad\xa1f\x85T\x08\x96\xa3\xf0\xa5\x84\xac8\r[e\x91MIQ\x14\x1b\xa3H\xfa\xf7g\xe0\x9a\xff\x0e\\\xc0\xca\xbf\xf8\xec\x13l\xe2\xee\xd2\xd1\xee\xee\xee\xfa\x06\xcd\xfa\xc6\x0f{\xc9\xdc\x05\xd5{\x8a@\xfa\xe0-\x05V\xb04\xee&lt;W\xc5s\xaaD\x14\xfd\x15B\xf1\x1c\'te\xab\xe6\x96\xc7&gt;N\x8dp\x8f\x00\x00\x03DIDAT\x1a\xad\x81*\xbf_/\xbb=5\xca`}%]e\x05\xd6\xf1\xb4\x12,\xf4\x1a\x1e\x94cu%\x1c[Q\x8a\x92\xfaC\xb5Z\xfdq&gt;\x9e\x1a=\xa5#\xa0\x19\x8fD&amp;&amp;&amp;\xc6\xc7\xf1\n\x06\x0f\xfdT\xa5\x1e\x19\xdf\xfe\xf2?UZB\x91rE} X&lt;\x8f\x0cYx\x17|\x1b\x8d1I,\x98GP&lt;\xc7\xf3\xd4\x1f\xb2lq\xfeX\x87\xa8VO\n\xee\xd0VLF@\x88t\x15\xf2x\x8e`\x96\x12\x9a\xe28\x12\x18U\x89\x80\xc2)\x16\xf5\xde\xbf\xc1\xf51\xe2\x95J\x11P\x80\x93\x1e\x7f;\xf4\x98N\xe3\x13\xe9\xed\xef\xee=~}\xd0eL\x93Aw\xca\xdd\xae\xcc\x93QV\x17i/\x1a\x02\x1fM\x94\x02,4\x87E\xa5\x8fA\xdb\xca\xa8\xd91\xba\xa5\xec\xd5\x0bCU\xf1x\x13\xe6\xab*Q\xd9\x8ejB,\xaa*#\x10+\xf0OQ\x10\x08\xe2\xea\x9c\x9d=\xde\x88G&amp;"4\xe7\\\x97R\xbd}\x04X\xba\xdc\xb6\x02*\xbcm\xb7\xcb\xb9\xaeo\x86\x193\x8c.\x96\xb0TJ\xc0&gt;h\x04\x89\x10\xb9\x10K\x0b\xb0\x1e\xac=\xadl\rU\xdbcK\x1a\x1bb\xa9\n\xc5\x1d\xc9\xb2\x1dO\x0f\xc4\n\xa9\xa4p\xf0\xa3vv\xe2\x91\xcb\tP\xe8\x8f\x89H\xf0\xba\x10m;R\xd3DP\xc1@p\xf9\x85\xa3\xa3H\xbf_\x8e\xa7vw\xb3[Z(\x16\x8eI-\xa0\xa2E\x84\x8bx\xe0xn\xec\xc1Z\xa7\xde\x1eb\xf9\xa5\x04\x03\x02\x03&amp;J\n\x82\x85\x9f\x84\x97B\x0b\r\x12\xab\xb2\xa5(=$_\xc7\xdf\xc3\x01?r\x15\xab\x99m\xc6\xb3\xd9x*\x9bM]\xa1\x04\x1a\xde\x1cT\x88\xb8\xc5\xb9\xf1\xc9\xbb\x93\x9b\x9b\xf71\xdbO^\x9e~0\n*\xcbD)XX?\\y\xc8_\xc2\x124\x91\x1b[=99\xd0t\xdb\x93\xf8\x04\x16\xc5\x08\x8a\xc0\xa1`\x95L\x04\xccV\x05Z\x02\xc5\xee\xd5\x0f\xdb\x95\xf21\xd6AU\xf1%\x86\xe0^\xe5\xda\xc9\xa6\x9a;\xcd\xf8\x0eZ#\x1eP\x9d\xaf\x80\x1bP\x01\xcb\xe2\x0b\x7f\x7f\xf2\x15\xe6\xc9\xdc\xc4\xfd\xf4\xd7\xa7/_\xbe\xdc\xe0]\x97\xa8(V\x16\xa8\xcc0\xf5\x9c&amp;\xc8P\xab\xde\xd9\xd74\xdbQ\xe4\x92&amp;\x900\xc5"\xca&lt;\xb0\x90\x83h\xa0\x12T\xb5\xdd\xee\xf5F\xf5Q\xfcX\xd1\xd1\xd2\xc4\xa5\xb3\xc3\xc2/\xb0"\xc0\x82X;M\x88\x159\xc7\x1a/h\xc1\x91C\xed\xe0O\x12\xd4W\xa7\x1fl\xe3\xffeDu\x9a\x8d\xfa\xad\xe7.\xc3\xd3MB\x14\xa9\xb7\xa0\x16\xa7A;M\x13\xc7\x0e\x1aC\x13W\x16\xd6dd\xb9\x8b6\xb1m/\xe8\x86D\xd4\xf0\xec\xe3\xdaP\x18n\x95\xcb\xa9\xd1I\xaa\x9e\xaa(\x12\x9d\x1d\xc8\x1fUH\xad\x0c\x9ex\xf0\x8a\xa0#\xe2\xcdf*rU\xab\xf1t\xb9\xc6\xd3\x91\x83\x89F\xdd\xbb\x81V\xf3\xb8O\xdc\r\xa8vj\xa2\xe9\xb6V\xca\xbe[p}&amp;\x8a\xaa0\xa1\x96\xe6\xfb\xbc\xa5i\xfcXC)\rq\xcc\x88"r\'\x0c\x8fO\xbe\xfd\xe7\xb7\xce\xf0\xf9s\xd7\xd7\xec\xe3Qy\xbc\\\xab\xf4+\xed\xc3T\xbdY\x8fo\xd1\x81MT\xd8\x0b\xd4\xf5/\xe2ue\'\xc3\xc4\xa7\xd3\xfd\x1a\x1f\x94;a\x99\xfe\x11Q}\x89\\-\x9fb\xfeUG\x7f\x15Z++\xfd\xd6J\xab\xd5z\xee\xe3B\x08:\xae\xd6/\xe3\x00\xd2\xf8\x9f\x017U\xe3\xde\xedCm6\x00\x00\x00\x00IEND\xaeB`\x82'</t>
        </is>
      </c>
      <c r="M216" s="3" t="n">
        <v>45492.67606481481</v>
      </c>
    </row>
    <row r="217">
      <c r="A217" t="n">
        <v>840020</v>
      </c>
      <c r="B217" t="n">
        <v>1963</v>
      </c>
      <c r="C217" t="inlineStr">
        <is>
          <t>Raphael Veiga</t>
        </is>
      </c>
      <c r="D217" t="inlineStr">
        <is>
          <t>Raphael Veiga</t>
        </is>
      </c>
      <c r="E217" t="inlineStr">
        <is>
          <t>MEI</t>
        </is>
      </c>
      <c r="F217" t="inlineStr">
        <is>
          <t>MC</t>
        </is>
      </c>
      <c r="G217" t="inlineStr">
        <is>
          <t>MEI</t>
        </is>
      </c>
      <c r="H217" t="n">
        <v>176</v>
      </c>
      <c r="I217" t="n">
        <v>23</v>
      </c>
      <c r="J217" s="2" t="n">
        <v>34868</v>
      </c>
      <c r="K217" t="inlineStr">
        <is>
          <t>Left</t>
        </is>
      </c>
      <c r="L21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37eaeca-baf9-4f94-abd7-ca3665b7f6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a)\xb1\x00\x00\x03\x00PLTE\xff\xff\xff\x07\x01\x00\x00K3\xf1\xf2\xf6\x00I1\x00F0\x008%\xfe\xfe\xfe\x004\x1e\x03\x00\x00\x007 \x0f\x05\x02\x0c\x03\x01\x00M7\x1b\x0b\x05"\x10\t\x00;(\xe8\xea\xee*\x17\x0f4 \x16&amp;\x13\x0b/\x1b\x12\x16\n\x05\x13\x05\x02\xf3\xab\x84\x00@,)\r\x03!\t\x02\x00/\x1d\xfc\xfb\xfb\x1e\x0e\x08\xf7\xaa~\xf6\xae\x84G$\x12\x00D.1\x12\x05:\x16\x06\xf6\xa5z\xf4\xa1w\xf8\xf8\xf8^/\x19\xe5\xe7\xebe5\x1e\xfd\xb3\x8f}E+C\x1c\n:&amp;\x1c\xf0\xa8\x7f\xfd\xb6\x93\x18\x05\x01E+\x1cW/\x1a\xe8\x9fw?&amp;\x18N(\x15\xf7\xb6\x92\x90S7\xee\xa0x\xf7\xb1\x88\x02P&lt;\xeb\xed\xf1\xaagEl7\x1e\xf1\xa2~\xe8\x96l\xd9\x91jm=%\xe3\x91hZ?.\xf9\xa9\x83\xfd\xad\x83\xf7\xae\x89[)\x14\xb2oL\xd9\x8cdL6+\xf9\xb2\x8cuB+v^Q\xeb\xa4}N#\x0e\x8aP3\xfc\xad\x8aV%\x11@+!\xdf\xe2\xe6F1&amp;3\x19\x0c\x9c\\&gt;=\x1e\x0e\x84K0eD2\xa3aB\x9eV7\xd1\x88at=$\xf4\xa6\x81\xf0\xef\xf0\xb2d@\xfc\xba\x98\xe2\x9bs\x7ffX\xf1\x9dr:"\x14YD8\xdf\x96m\xfd\xa8~\xb8iH\xe8\xe3\xe1T8(M2!O-\x1ae;&amp;\xec\x9bs\xf8\xf3\xf1\xcd\x81[\xc4tOfTK\xbbuQ\xef\xaf\x8d\xd7\x97tJ\x1e\x0brWH\xfd\xb1\x88~@!\xfd\xbe\x9e\xaca&gt;\xce\xc4\xc2\xb8\x928]7#\xd8\x84^\x96Y9\x03UBgN@\x87E(\xc5\x80\\\x8dyn\x90L-Q=3\xf2\xbb\x9c\xf8\x9eq\xd6\xd0\xcf\x8bp`\xc9\xb8\xb2_K?g0\x18zJ4\xc2{W\xf2\xe9\xe6\xc9\xd3\xd6}nh\xcbvN\x91\x91\x91\xa6[8\x9f\x80,\xe7\x96r&gt;f8\x9deK\xd3~V\xf1\xc0\xa7\xcfyS\xbc\xc6\xcd\xe6\xb2\x95\x99M2\xfb\xa3w\xbflF\xa8\x99\x93sN&lt;Y\x81}\xb0\x8b3\x85\x87\x87\xe3\xd9\xd6\xb2\xa6\xa1\xe0\xa1\x81\x10YI\xc8\xac\xa1\x83S=\xa9\xaf\xb6\x9f\x87zwo.OZ\'\xac\x93\x84\xca\x8bk\x91\\Eqa]7R)fe(\xe1\x86\\\xe7\xa8\x86\xbdoM\x9bzh\xe0\x88jw|z\xda\xd8\xdc\x91\x81{\xef\xc8\xb5v4\x1e"F$\xd4\xdd\xe1\xb2z`\xa6mT\x96\x9a\x9e\xb8\x9f\x92\xcdi]?uiYk6\x02%\x17\xeb\x8fd\xa0\xa4\xa9\xf2\x96j\x88|5\xdd\xce\xc7\xbb\xb1\xae\xb7\xba\xc1\x82\\I\x94jT\x8ft&amp;\xa5\x9cK|\x87E\xbf\x94\x81&amp;\\6\x11A%\xd7\xc5\xbc\xd5\xa5\x8c\x15P3-j_ `Q\x95\x8fE\xe4\xb5F\x11;\x1f\xb6\x85u\xfc\xc7\xae\xf4\xd9\xcc\xc5\x9b=\x8a\xa6\xa5\xaa\xbf\xc1X\x13\x07\xf6\xce\xbb\xaaNEk\x94\x90\x96\xb3\xb4\xd5\xafGh}A)AB\xda\xb3\x9fp\x1d\x0f\xb6\xa6R\xf1\x98\x84~\x9d\x98\x17&gt;7\x1e&gt;\x1d7OO\xc9\xaeRLbc\x02\x12\n\xe5\xa6i\xc0SQg\x00\x00 \x00IDATx\xda\xcc\x98\xffK\x1bi\x1e\xc7w\xd8\x1f\x06\x99\xe1\x19:_\x9e\x91\x84&lt;E\x92\x1a{\x9cS2:\xee\xf9\xc3\xaa\xb7\xc6\xad8\xbb\xa9\x8b\xc3\x84\xe2y\x1a9\x9bl\x9b\xc4jM\x8b^0\xd4EW\x87\xa6&amp;W\xd1JA\x04k\x843\xb0\xcb\xc2A\xc0\xbd\xeb5\xf4\xa7\xfd\xa5\x94\xe6\xba\xff\xce}\x9e\x19{\xfb\x0f\x8c\xed=`\x934\xc2\xbcx\x7f\xde\x9f\xf7\xe7\xf3\xf8\xc9\'\xfe\x1c\x96\xa5?\xd1T4\x15b?\xf9?8\xac{B\xd1h\x88\x8d\xfe\xe7\xdf\xbb\x7fo\xb4B\xec\xc7\x06\x03\x9c\xd3R\xabU\xce^]\xfc\xf4R\xb6\xe5h\x92&amp;Uj\xe5T\x94\xfd\xa8B}Z\xae?md*\x8dz\xab\x0eoLIR\x14\xd1r\x9a\xa5\x97\xa9\x8f(\x19\x9b\xad\xed\x16\n\x8e\xa69\x95L\xc61-\x8db)\x92dg\n\xcd\xf2\xa5\xab\x1f\xc7el\xa8\xd4pl\xdb\xb25\xc96M\xdb\xd2mK\xd2\x14I\x83B\xa65{w\xb7P+gC\x1f\xc1\xe9/\x1b\x8ec\x82F\x9a\xa4X\xa6e\x18\x86\x05PT2M\xb3\x0cK\xb36\x1b\x8dR\x94\xb6\xc3\x87\x13-\x94\xbd\xb4\xd3Ld@$\x80R\x04\xc9\xa2\xe5s+()\xa2\xa2h\x9a\xa28\r\xdbn\x82\xfb\xa3\x8b\x1fL\xb3h\xa9\xd1h\x16vM\x03\x1e/\x8a"Q$\xc5\xb5\x15\xfd\x91\x89,\xd0\xcf\xbaiY\x89\xd2\xe9\xd5\x14\xcd\x8e\x0f\xa4U\x13jg;\xe0+Y\x14\x15Y\x10eQ\x00\x18`\x14\x04\x01\xde\x13\x11\xeaihV\xa6\xb6\xfd2\x95\xfd@\x1ec\xa3\xe5\x86I\xadmY\x92,j"\xc0 B\x10\xc5\xc1\x1c\xc7aA\x86\xf7\x80\x0b\xc54\x0bO[\xb5fi\xe7C\xc8\x15J\x95\x12\x05\x9b\xc6\x01XI\x93\x88\xa6\x88\x04\x0b\xaa,#\x8e\xe7x\x86\x012\x17\x0b\xbe\xb5l\xd3\xd9\xdd\xad\xed\x84.:\x15Bt\xd2\xb42\x8e%Q{K\x1aUJ&amp;X\x06\x8f!\x9e\xe1\x99\xb66\xe0B\xa0\x9d,+i\xf8\xdet*\x89\xd2\x05\x9b+\x9aJ\xa5N\x17\xa3\xd9M\xe8@\xa8\xa2$*\x02\x01\x18\x8e\xc7\xb2\xa6\x89\x04jH\xb1x\x0es*\x98\x8c\x10"\x88\x92\xed\x14\xca\x17\x8b\xc5f[\xa5Z-\x9b\xda.@J\xb9\xc9 \x13\x01\x03\x07/C\xd5dA@\x183\x0c\x03z1\x1c\x11\x04\x8c\x10"\xa2\xa4UJ\x8b\xecE\x160z\xda\xdc5\x9d\xa7\xcd\x82\xed\xc5\x94\x8b\xc21\x9c\x8a\x14B\x11\x80\x8a`\x9e\x96\x91\xc1H\xc0*\x80\x11YQ\xf2\x8f/\x90\x8b\r\xed\x9c\x96\nP9\xe8?\xc0\x91e/\x1b\x08\xd4\x10r\x0ba\x82\x08VU\xac\xf2^\x19\x01\x10\x0b \x19\xcd\x8a\xf8\\}\x87\xbd\x90\xd9\rR-\x96Z\x9b@%\x19\x12h$\x0b\xf0T\xa0#\x84\xe78YR\xb0\x08\x91\x85yUu\xdd\x05\x1d\xa9\x82zD\x86_\x13D%\xbf\x9e\xa8]\xd0\xb2\x93\xca\xee\xd4\x9a\x19#\r\xd3\x18\xc2S\x91\x89\n\xe1\x04\x96\x86\xeaa*\x9cE\xd3\x1eb\x82w\x9b\x11z\x12\x0bH\x90D\xc2\x81\\z|es\xfbB\xea\x18\xda)m\'Vl\x1bz\x1ej\xa7Y\x02\xe6dM\x84\x10\x80v\x83\x00\xa5\xca)"\xfc\xebZ\x9e\x9a\x0b\xea\xa8\x8a\x9a\x82y$\xa7\xf5\xf8d\xa2\x96\xbd\x88\x19\x14M\xd5\x13+\x15S\x87\xa8\x92\xa1\xe9-\xa4r\x8a%+\x88\xf0 \x0fR\xa1\x92\xd0\x87\x9c\xa8 \xf8\xdc\xe6\x1e\x86!\xa2%!\x0e\x8bi}2g\'J\xa9\xc5\xa8\xff5,o\xc6\xd7\xe36\xcdv\xc0\x92\x08\xa4\xb9\x00\xcf\x04\x06*\x0cx\t\xa2\x9d \x01\x1c\x85U\xaa\x17\xe5\xe2\x88$Cs\x8a\xa2\x1e\xcf\xe7s\xcd\xec\xa2\xdfz\xb1\xa1lm\xfd$\xa7\xeb\xb0\xf6)\xe0$B\x15\xe1\x04O\x17\x9e\xc7\x90\x9b\x08\x88\x00\x13\x8c\xce1\x1ei\x1b\x9dB\x08#QH\xe7\xf2\xba\xb3\xbe\x9d\xcdf\xa3&gt;c\xbd\x9dK\x9c\xe8y\xdd\xd0M\x91\xa6&amp;\xd5\x83W\x99s*\xe8L\x98\xd7\x04\xda\x10&amp;"\x14\x95\x8eE\x95`*\x18\x86\xce \xc9|\xce6+\x9b\xe5\xd3\x9d\xa8\xaf1\xc1F\xc1\xef\xf9\xbci)i\x1b\xf2\x88\xa3\xdd\x06\xed\xe6\xd5\n\x94\x81\xb0\x90\x14\xa4r\xdeHt\xd9\xe8\x04\xa2_\xd2\xf2\nz\\\x93\x9cDi\xc7\xe72\xb2\xa9_V\xe2z&gt;m\x08b\x1av\x177\x04\xa0\x8am\xe7\x07\xd2@\x81MB\xf5h\x19\xec\xbe\xf2\xbc\xea\x05&gt;H\x96\xceIX\xc9\xec\xd6[e_\xab\xc8F\xeb\x93\xf1|ZH"$\xd3\x08\xf0&lt;\xfd?\xac6\x06\x13\xa8!\xc7xN\xc7\x08\xc6"]$T\xef\x95G\x1dy\x03\xfcoV2\xbb\xa5\x90\xcfX\'q\x83@Zb\x95&gt;\xda5\x15\xf3\x1b\x16(\xc8`\x11{\x91\x85\x89\xf7=\xa7\xaa\xde\xb7r\xdf\xc3y\x19\xcbNeen\xdb\xcf*\xb2\xa1\xda\xe4\xc9\xa4\x0e\xee\x81\x87\xbd\xc7:W\xc7\xcb(\xa0@":O\xd2s\xd58\x0ey\xbf\xa1&amp;\xe7\xe7\r\x01[\xce\\=\xeb\xab\xb7\xb2\x9b\x93\'\xba\x04\xab\x15\xf4\x1f\xb5\r}\xbe(\xbeO(\xcf_HV=/y\xff\xc9\xab\x80\xe5\xd5\x99\x03\xb9\xf2\x9ab\x9b\xcdS_GP\xa8\xf4\xf8$.\x11Z$5F\xd7b\xba\xfb)\x9a\x8c\xbc\x01H\xe5\xf3\x96\x06\x8e\xe6\x15\x15\x0f\x8c\xf5\x1b\x16\x83\xd3w\xef\xa6\xe1\xb6\xfd\xd3i*\xe4\xabX\xbf\x9e\xe80\xdf\xe0y\x02\xe18\x06\xee\\\x1c\'\x19F\xb7@=M\xd7S\x1a\x04\xb2&amp;\xc4b\xaaJ\x83\x9f\xf6\xa1\x1a\xe3\xc8\xf9 \xe2e\xfd\xa1\x9e\xb6\xccM_\xd5\n\xd5W\xde\xfd\x98\x17U\x1aH\xa2\x0cQ\x99\x84\x94\xe2d1\xb9\x9cls3J\xa5\xd2\xc4`\x8d\x01\xf7\xc5h\xa62\x94*\x18\x0c\x9eg\t\xa3\xca\xf3y\xdd\x82\xc1\xe8\xe7z\x13\xad\xbd[\x8f\xeb"\x82\x1c\xe5\xe0\xb6\x85\xba\xfb\xc0g\x1c\x10t\x8bnb\xaa\xc1\xc82\x8a\xa91\n\x12\x0c\xc6T\x0eF7P\x05\x02\x01\xfa\xc9\x8b^%oYN\xa5\xee\xe3\x15\x9b]\xfci\xee\xc44\xe0\x8eC\x13[F\xe1\xe9\xaf\xe7\x93Ix\x1e\x1fs\x8d\xc4\x07\x96\x8b\xc5\xd1H\x10\x05]0\nCO \x1c\x89tG\x02AoFq\x92e\xaco\xd6\xfd\xacb\xa8VY\x99\xb4\r\x91.\xeb\x1c\t.\x7f\xf3\xfb\xbe`8\xacz=\xc70\xb1\xe5\xa3\xfd\xa3bu\x19\x10b\x81@\xa4{\xb9\x1b\x80\xc2\xe1pd||\xb9;\x12\x0e\xa8\xee\x94\xc4\x9a\xe64\xb6\xb3)\xff\xb0\xd8Z&lt;&gt;\x99\xd3d\x02\x95R\x85\xe4\xf8tu&lt;\x1cC\xde\xc3\xb0\x1a\\\xdeZ:&lt;\x9e=*\x8e\x8e\x03Jd|tt\x02\x0e \xb9/\xcb\x91pPu\xf7\x1e\xb8\x03\x15|\xfdC!\x0b\xa3\xc7\x8c\x9b\xf4/\x0c\xa0G_\xd7\xd1Fq"\xc8\xd3]\x81G\x81Hu\xff\xce\xd2\xc1\xde\xf1\xfe\xfe\xd1F\xb5:Z}U|\x05\xa7Z\xadvuuU\xbb&amp;\xc6\xa1\x8eH\x05\x91e\xd1\xb6\xd6\xcbQ?\x03\xa25\x19w\xe29#\x9d\x0c\x07\x02\x13\x1b\x13\xa3_\x0c\x8c\x07@8j\xeb\xe5\xe2\xea\xd2\xd8\x93\xc3\xbd\x7f.\xed\x1d\xafNmmlM\x1dmmmm\x14\x8b\xaf\xa6\x07\x06\x06\xaa\xa3}\x1d7\xc3\x88\xee\xfb\x82di\x99\x92\xaf!\x0f\xfb\x83\x991\x8dd8\x19\x9e(\xae\xce\xbe\xea\x06\xbc\xc8\x04U\xe6\x0f\x9f\x7f\xff\xe7\xb5o\xc7\xee\x1d\xde[[;X\x9a]]]\x9d\x9d]\xdd\x9f::\xda\xda\x00\xb4\xe2@WO_GD\x00.z\x01\xb0&amp;\xeb\xbe\x86|\xed]\xce4sV\xfa\xe6\xcd\x9e\xe2\xfe\xde\xd9\xd9\xf1Vq\xe3\xce\x93\xfb\xdf\xdf\xfb\xe3_~\xfe\xf9\xdb\xb1\xb1\xb1\x17/\x86\x87\xcf\xd6\x0e\x8f\x8f\x97\x96\x8e\x8f\xef\xcc\xee\xef\xefOmQ\xb0\xe9j\xcf|\xdf\xcdp\x10!\xc9P\x8c\xdc\xc9/\xfeb\xcd\xc1%!n\x19\x1d=\xd3S\x87\xaf\xcf\xde\xbc\x19\x1a\x1e\x1a\x1a\xea\xed\xbdq\xe3\xda\x83\x077\x9e=\xeb\xed}\xf6\xec\xd9\xd0\xf0\xde\xf1\xde\xde\x9e\xcb\x05\x8a\xed\x1f\xd1RV\xbbz\xe6;\x92 WRW\xd2\x93+?\xf8Z\xc4\x1f~]\xc9\xe5`\x0b|\xf8\xf5w{\xaf_\xbf~\xf3\xa8\xf3\xca\x95\xcb#\xed\xed\x0f\xda\xbf\xfa\xec\xb3\xf6k\xd7n\xf4\xf7\xf6\xf6?\x1b&gt;8&lt;&lt;8\x040 {\xcf5p\x8e\x85\x05\x03.@\xef\xde\xfaz\xc7x\xfb\xaf\x95\xf5\xb8!\xcd\xdf\xfd\xf1\xf3\x83\xd7o\xde&lt;z\xf4\xfc\xf2\xc8\xc8\xc8\xf5\xf6k\xed\xd7\x01k\xa6\xbd}\xa6\x7fapahx\xed\xc0\xe5\xda\xdbs\xb9\xa6\xce\xb1\xe6o\xcaX\xc5\xc9||\xfd\xb1\xbf{M\xaa6Wq$c\xfe\x8bo\xee\x8f\r\x01\xd6\xf3\xdb_\xfe\xf5\xcb\xcb\x97gffF\xae\x7fu\xbd\x1d\xb0\x06\x17\xfa\xfb\x17\x86\xd6\x0e\x80\x0b\x0ep\xcd\xceR\xaci\xc0\xea\x997\x14\xa2b\xa9RYy\xbc\xe3\xf3\xce&lt;W1m\xbd\xe3\xeew\xf7\xc7@\xabG\xcf\x81k\xe4\xca\x95\xceN(\xe6\xcc\x08\xd0\xcd\x0c\x02\xd7\xd0\xd0\x0b\x8a\x05-yH\xb1V\xa7\xc0\xf2\xbf\xeb\xe9\xe9\xc9\xe7\xd32\x11\xecL\xa1\xf2\x0f\x7fo\xfcly\xb7\x901\xf5\x87\x7f\xfb\xd3\x93\xe1[\x1e\xd6\xe5\xdb\xb7\xaf\xc0\xe9\xbcu\xab\xb3sp\xe6\xda\xe0`\xff\xc2\xc2\x02Tq\xed\xec\xecl\xcd\x95\x0bR\xac8\x00\x96\xef\xc9\xe5\xe1\xd6+ZN\xa1\xd2\xf2\xf7\xfe\x1a\xca6\x13\xffe\xd5|~\xd2Z\xd38&gt;\x93Y\xb0\xb87\xbd\x99\xb93)\xa1\xe9(\x11(\xc3\xe1\\\x8e\xc5\xcb\x8f&amp;\x80E\x0f\x1c\x15\x8ep\xb8\xa9(P\xac\x0c\xc6\xc2\xa8\xa0P\x05\x84\x06\x0c\x15\x8b\x17+5\xed\x18\xa3\x18j\xeb\xe2\x96\xd4\x90X\x9bX1\xa9M4nL\xd3\x06\x17Mzw\xc5\x85\xee\xa6\xab\xd9\xcc\xf3b\xe6?8\x0f\x89qe&gt;~\x9f\xe7}\x9e\xe7\xfb\xbe\x84\xbb\x86\x03\xf9\x95\x99\xbb\x08\x0b\xb2\x08\\P_\ru\xacA\xb5h\x10%1\xb8\xdc\x89\xa8\x80\x0b\xc9\x05]\xbf\x8e\x95\x1c\x1e\x1a\xba\xf5\xd3\xdf~z\x98\xa6?\xb2{\x9b\xc4\xf9\xf3\xbf\xdf\x84\x87\x86\x1c\x9b\x1d\x9d\xc1A\xd1\x85\\@e\x8856\x88\xe6\xea\x92\r\x06Ej5\x1c\xc6\xb668\xa9;)h\x13\x08\xcb\xad]\x90\xcb\x93\xed\xe9\xf4\xc3[\xbf\xfc2\x14f\xb7\xe2\x01\xebO\xef\xde\x84\xd3\x1b\x1b \x96\x1a\xc4\xb9\xc8"Pa\x18C6\x08\xc9:\x17\xe4\x12\x8a\xfe\xb8\xf5\xf8\xb8mg\xf5i\xc8?\x009tk%\xa0\x96#\x1a\x05.\xa8\xad\x0c\xcb\x17\xe1\x9ck/\xde\x84\xa3\xd1\x95\xd7w[\xd4"\xe1\x9ch\x1d:\x84\x11#&lt;\x1e\x02\xc0D\xfdd=\x8f\xba\xfe~\xf5rk+\x08\x069\xdcE\xa5\x05\xedT"\x06\xb1h:\xfa\xe8V\xd7\xd0\xa3\x0c\xdbw\\\xd7^\xd0\xd1hu\xa6$\x93\xa9e2\x91h]\xd8p\x83\xf0\xc4\xe3\x1e\x0fF\x10&amp;#:\x88:]?\xc9\x85\xde\x05X\x9dH\xac\x84\xd3\xa5\xb2\xf6I\xdd\x92@\x1a\xb0\xa02\xbb\xd2\xe12\xeb7\x82/\xbd^\xfad\x12\xfa\xa7\x8c\xabS\x0b\x1b\x10\x15\x8a,\xa1\x04,\x92\x8b\xc0\xfa\xb9F\x1d\xaa\xaeTjmwW\xa3\x01\xac&gt;\xc0\n8\xa24\xed\xa5\xa3C]\xe1\xf4\x0b\xb6\xa98\xf3^o\x15\xb0\xb8\\\x99Q\xd6/lh\x84\xa1\xa3T\x02\x17\xfc\xe4r!}\xfd"\xb5\x0e~\x81\xc1\xd8\x99\x1a\x0f\xf95\x1d\xce\xe9&gt;\xb3Dkv\x07\x02\xd5\\\xceK\xd3\x8f\x86\xd2\xd1y\xd6\xb1~\x85\xbf])M\xc0\x18\x9c\xe0\x92\r\xa4\xf1\xed\xe4d\xe9\xed\xdb\x89R\xa94\xd9\x02\xf3\x10\x8a=\x08\xdd\xab\x05\xa0R\xb7g:\x9c\xaa\xbc&gt;9\xca\xe7+$\xfa@`\xa3R\xa1\xa3t\xf8Q:z\x9fu\xac\x7f\xbc\xcb\xe5\x0e\xeaXJ#\xc3\xed\x9e|}pppxp\xb8\x9d\xcf\xabV:nC\x99\xef\xb4\xeat\xdd\xcb\x9d\xe3\x8f\xef\xadl:\xe4\xbd=\x7f\xe1\x81\xc7\xe8\xe9\xe9\xedU\xb4W\xb6@\xadp:\xea\xfd\x17\xebXc/r\x15\xc0\x9a\x98\xc8f\x95\xdd3\x87\xdb\x9b\xf9\xfc\xc6\xe6F@\x12\x90H\xcc*\xcd\xe3\xd4\xde^\xabH\xb7|s\xfc\x9e3\x9f\xe4\xf7\x80\r\x03?{\x89\x87,Y\xd3\xf5\xccQ\x86\xf6F\xc3t\xf9\x0e\xfbou\x9f*\x95\xafo\x95\x13\xc5B\xa1t\xb0\x02P\x9by= i\xb5n\xb7\xd4:\xdd\xf1t\xa7-\xa8S\xb7\x8d\xef\xda\xa5rd\x80\xd0&gt;\xdd\x84+\x14|~o\x0f?w\xb4\x05\x07&amp;J\xbfDO\xc4,w\xae_\xcb\x95\xcfEe6\xbb_|=sp\xb8\xb2\xb2\xbd)\xd5\xc3h\x11\xc3\xe2&lt;\xbb\xe4O\xb5\xea\x8c\xdc\x96\xd4\xae]\x1biB\x9e\xb5\x19\xb9D\xa8\xad\xd1Q\x05_\xe1\xadcy\xe9\xfb\x9c\xabwX}\xee\x87\x7fr\x11ae\xb3\x85\xfdbi\xf2\xf5c\x8dUB\xc9\xc5rd\xb9\x16\xde?p\x85\xda\x84&amp;\xc2\x18Li\xa6\xf0:\x14\xaf\xe7\xaf?477_\xe2\xe1|&gt;\xceo\x87,z!~\xbb6\x9f\xc9\xcc\xb3\xd7\xbb8cc\x9ck[9\x84\xb5\xbf_\x9a\xbc}\xcf\xf5\xde"I\x0e\x83\x12\xe2\x05\xa0\x9au\xed\xb65`\x805\xee\xa2x@\xc3\xe3_\xef\xb9t\xf9\xf2\xdf/A&amp;\xc1W\xf7^\x8f\x96\x01\xeb\t\xfd\xe9\x9d#\xe0\xa8\xb06\x808\x8b\x85\xe2\xe9\xd5Ou\xacB\xa1Ne\xd3&amp;\xe5\x0f\xbb\xba\x9ayI-\x885P\xc72-\x87f#W._\xe6\xf1\x15]]\xe1\xef\xbf\xfb\xe1GP\x0c\xfc\xac\xe0\xe7\xf6L&amp;\x93{\xd2u}T.6\x9f\xb0u\x1c9W\xf7IQw\xe1\xf7\x13\x84U|;9\xee\x87i\xb7\xa0/\x87\x87\xfe{\x99\xe7\xa8&gt;x\x96\x18\x1fO\tc\x08\xeb\x01\xde\xfc}\xb3@\x10\xf0\xde\xba\xf5\xc7\xe6+?\xf6\xf4 *A\xef0\x9d\xa9\xbc\xf3^\xc7-6\xbd{{\x915\xacs\x06v&gt;\xd1\xc1\xd7b!;\xd1}w&lt;\x04&gt;\xd5u\xf0\xea\x89\x80\xc7\xc3\xab\'\x87\x8f\xd7`\xc1\x12\x1a0ck\xe8\x81\x00R\xc8\xc37+CPb\xbd#I\x85 b\xc1q\xfeh:\x97)?\xf9\x19\x8f\xe87\x17VX\x1b\xd7\x9cS%c0\x18\xee~\xcd"\xac\x7f\xde\xdc\xdbY]\r=~\xfdyCL\xe5\x0f\x9d\x9a\xd0\x1aLg\x91/\x86\xb0\xf0+\xd0\x17(\xf7\xf6\x89#\x190\xeb%\x16\x81\x05\xec\xbeb\xc4\x91\xab\x94\x9f\xf4\xe2\x94\xa4\xaae\x0f\xeb\x0f\x8bJe,\x16\xeb\xfe\\\x00,Yw\xcbrp\xb9-5&gt;\x03\x8d\xfeP\xf3\xcc\xb5\xb4\x9b\xea\xeclE\xcb}kh\xd6\xd2\xc4k\xb2H\xa4\xb0;\xe4\xcdn-\x85\xe3bm@&gt;*wx3[\x80%\xb1U\xa5+\xec\xed\\\x8b\xb0X\xc5\x0c\xba\xdfk\x85\xac\x91\xdb\r;\x8c\xbam\x0f|\xc4=\xcd\x92\xcb\xb5\xe4\x0f\x8d\xb7\x05E\x80%:^sQ\x82\xa6&amp;\\b\x96\xf6Y\xfb\xa6\xb4\x94\xc5\xa65\x9b\xcd\xfad\xd2\xe1\xcdmez-6[~\xdb\xce\xde\x04\x1a\x8b{\x08OLT:/do4r\xb9F\xb0\x85uO\x18\xda\xf5\xef\x86\xd6V[\xc1\x00\xc1\x12=w\xbc\xea\x92D\xf0HD\x92\xb7\xaaTh\x07\x04:k_\x1f\x8c\x83\x0b\xac\x88\x85\n\x1c:\xd9k\x10c5"\x16k\x14\x16\xcf\x0bJ\xa3\xd1\xc85\xa2\x1f\xb0!\xc3n\x05\x0b\xc3^\xb0\xc1\x07P\x06\xc3:`im\x11\x1b\x05I\xb4k::`\xe5\xb2\xdb\xed\xdb\xd6\xcd\xbcy\xc3[\xd9\xca\x00\xb1M\xbc\xf2\x95\xbd6?vN`\xa6\xc1\xe0\x05\x96\xc9dBX\xb0\xf8\xd5\x1dE\xab\xc8D\x90\xebp"b\xbe\xe3\xa7\xaa\x05\xcab\x11\xbb\xa5}*g\x07\n\x04\xb6m\xcdoD\xbd\xe5\xad\xcc\xd9\xd9\x99\x85\xdaf\xf1\x16\x82\x03X\xeb;;\xc5}\xc0BT\x8d\x17z\x05\x97\x97\xd5\xc2~\x93\x870\xf8\x10\x16y\xfctV"\xb7X(\xb7U5;\xad\xf9?\x17,\x1b\x1b\xd5\xdc\xd6Q\xf9\xec\x0c?\xb3IY\xbc\x85\xb8zN\xc4|\x1f&gt;d\x01K\tX\x06\xa6\xae\x17W\xa7\x13\x91\x0cAx0d\xfd\r\x06\xdf\x07\xc0\x12\xa3:\xb7\xda\x97\xe0(\xf8w\xfd~\x8d\x13\xb6\xd4\xfc\x06\xed=z\x85\xd4:\xb3\xe5\x7fcq$\xd6&lt;\x8ca\xdd\x97\x85\x92\x07.\x0c&gt; \x19I\xf6\x93\x0c\x03\x16\x83`|u\xb5|\x1f\xd6\\Z\xb1\xd8f\xd3\xf6-\xd5\xaf\xdf\x80+\xe1\xb4\xab\xa0\xb4\xe8\xdc\xd1\xbc\xf7\xdb\xb7\xb33\xca\xcc\xa2Zc5\xccG\x1a&lt;\x85\xd3}\xc0\xc20\x0cl\x18\xc6\xa0@~\x0c\xc3P\x0ec1\x03\xc22\x83\\\xb6\x05\x98\x92\x10~\x88\x84}\xdaj\xd6;\xe8\xdc\xab\xf9\xe87\xe0b\x13\x8b3\x16\xf7\xadc\xf1Z\xf6\xf4\xbc\x8eE\x10\x18\xfa0H+\xc6\xc0` \xa4\x01\xc5\xe0\x9aK\xaa\x97P\x96\x85)\xd7\x80\xff\xb9\xdf?0\xa0\xb1O\xab\xfa\xa0?\xd0\x95/\xf3\x8e:V\x95\xc5\xc5y,&gt;\xf7\x81\xa9\xd5\x94\xe7\xa7\x85\x0b\xb5\x08\x0fQ\x8f\x0b4\x03\xba\x930`\x98\x0e\xb0\xa0\xb7\xdb\xa8\xa9g\t\xffs\xf0\xd5(\x85}f\xe8\xa6\xf4\xd6\x97\x97\xe2o\xdf(JRf\xd1\xc1rjs\xc7s\xf1\x1a\xca"*y\xc4E \x9f\x08e\x85\xb8 \x85X\x0c\xd4\xd4\xad\xba\xa4\xd0A\xdd6\xed,`\xed\x82ZN\xa0\n$\x87\xdb\xbdG\x1f\xcb\x14\xa5\xd5\x8b\xcdl&gt;sr\x16=\xbe9\x12e\xf1\x14\xda\xbc\xf1F\x0c|~\x1c\x99j\x82!!\x89D&lt;N\xc4\x88Z\xad%4\xeb\xd6JUR\xca6\xe5J@\xbd\x0f$\xa6\xadR}R&gt;\xd2\xee\x9d\xff\x92\x19\x15\'\xab\x8e\xcd\x8f\xac&gt;\xbe\x9e\x83\xab\x8f\x91\xa5\xfd\xd3\x82\x91\xdb\xd8h2\x81V\xf1:\x96\xcf\xe7c0\x13\x13#\x19\x13\xf7\xa6\xc6-\x16KA-|av\tJ&gt;\x81\xc4J\xcaGG\x86s_\xee\xd3\xb8B\xee\xa8V\xee\xb0j1N\xe3(J\xff9=W\x82\xdd\xbfaBrA\x80Zs$\x13|\xfe \xb1\x0c=\x7f\xc6*\x8e\xe0\n\xad$"\x88L=[\x1a\x80V\xaa\x92\xc2\xfe02\xd2^\x9e\x9f\x8fF\x14\xf2@\xf5\x0b\xbb\xc6g\xac\x06\xda`\xdd\xc5\xf3\xd3\xacL&amp;\xe3\x9ab\x17\\\x18)\x141\xd8\xde\xc0\xb3D\xa8\xf3\xf6\x8cS\xcf\xbf\xf4\xdd\x15J\x8c\x0b\xf0\xf7\xb3\xd0\xba\x9c\xd0\x1c\x92#\x10\x8e\xadW/\xd36\xb9X\x7f\xc2\xf6W*\x17\xd1\xed\x0c\xb8\xc4\xd3}\x99\x1a\xc9\x15\xbb\xb8F"\xe7|\x18\xd6\xff\xf4\xf9\x9en\xef\x9e\xddl\xb9\x02\x9e\xc2\x02T\x16\xb7+\xa1I\x80X\xfa\xe4\xf0\xf0\xc8pt\xeb\xe8\x85C\x9e\x0cl\xbeb\xfbKI \x17A(\x8b\xc5\xfd\xf3\t\xb5L\xd6x#\x86\xb8\x08F8g\xc0\x18R\xbd\xb7\xd7ysF\xb5 \xa8\xbf"\xe2\x16J\xfb\x00\x9a\xbc\xf3\x7f\xbc\x9b\xdbO[W\x16\xc6;B\x13?$\xc15\xf5\xa4.\t\xb1\xcf\xd8\xc6\xe6\xf48\x9e\xfa&amp;\x13\xb0\xb1\x8d\t\xbe\xd4\x98K\xc06\x18s\x19\xe3K\xc0\xd8\xc4`.\xad\x8a\x08!nP\x03\x04HD\x84\xac4af@\x10\x02A\x02"\x15\x02\x044\x10\x1a\xa9\x89Z\x9a\x07$\x98\xf4\x01U\x8d\xc4\xe4!UZU\xa3\x99\xb5\x8f3\x7f@;\x9cYB\x82\xc7\x1f\xdf\xda{\xed\xbd\xf6\xf9\x96\xbd\x80\x08u\xe8\x03\x01}\xde\xcc\xcc\xec(n\xf9v\xea\xc0=\\4\x90\xebO\x0b\xbb\xbb\xb7Wo[\x01\x8b\x83\xb0\xde\x87\x1c\x9e+,\xcc\xa9\xcc\x9a\xdb\xb0o\xac\xab\xec:\x0cz{Q\x91\xfa\xe3K#\xd5\xb0\x0f\x11V\xc8\xa7\xd7\xfb\xf2\x1e\xceL\xf5N\xed\xd4Q`xK\xf9\xfe\xcf\x1f\xca\x00\xebf\xb3\xd5\xcab!,\xf4B\xc9/|?\xa72}\xc09\x1f\xd2\x85\xec\xeb\xa3\x80\x95,*\xaa(UB\x99\xafvv*-\xa1\xb2.\xbd\xcf\xd7\xf4\xe9L\xef\xc17\xfao\xb8\x06\xbf_\xdd\xd9]\xb8\rX\xe2\xd3\x90\xc4\x8f&gt;\x02\xa1\x80)}\xd8\xe5$\xa6\xa5\nE\x7f\xac,\xc8M\x86$\x1a\x88\x02\xe5\x8d\xeaO\xca\x95\x05\x08\xab\xafO\xdf\xd73\xb3C\xdd\xb8\x01\x8d6\xb1\xbb\xd0\xbc0i\x85\xb5\x85\xae2\x85\x85\x95Vmx\xc0\xa8RV\xf4\x87\xa4"\xdd|\xc8\x01=\x1a\x97\'\x82z^\n\xd7\xe6\x82R]\x07\xc2\xf2u\xf5\xccNPi\x88\x1d|5\xb9\xb0 \x93A\x16\xd9g\xce\xe4\x14Vj\x07bJe\x81]YaQ\xe3"\xbc\xc0"u\xa0\xef\xe6&lt;\x11\x86\t+*\x08\x02\x0e\x1e\xc0\xf2\xe9\xa9\xc6\xaa\x9aBXn\x99U\xccf\x9f9\xc7v\xc7\xfa-\x96\x02\xfb\xa2\xbd\xdc\xa9,/\x1f)_t\xaaE"^+\xcf\xc6\xe5r1\xa9\x0eG=O\x97\xaf[\xdfW3[G%\xd6\xf9\xa9\xdd\xc9\x05\xb7[\xeb\xb6\xb2\xd99\xec\xd4\xa8N\x17\xb2(#~\xff\xf0\xeb\xa5\xe1\xa5\x0b\xe1\xa5\xb0\xaa\x14\xce\x1f\xf4m\x16\x92\xa9\x10\n\xa5R\xbd\xaf;\x00[q\x96Rkz\xca\xce\xee\xa4[&amp;s\xfbe\x95l6?5f!\x08\xbb\xcb\xcaz=|\xe1K\x14\xfb\xe5J8\x05uB\x0c\xd9\r\xb8\xbc|i0\xa8\x87j\xaa\xef\xaa\xd9\xac\xa2\x90\x8a\x962\xf1\xaa\xa5\x05\xb0\xdc\xee\xacT~\xaaV\xa9T\xda#\xda\xa5\xe8b\xed\xfe\xfe~\xf9\xfe\xe5\xb5\xb5\xb5\n\xdcP\xa4\xc0x\x0e\x85\xc2\xc1\xc3\xa0\xcd\x0f\x04\xcc\x80\xd5\xd3+x\x8bJ\xb5\xeav\xe7Z\xdc\xe92\xf4\xb8\x9c\x9aj\xb2\xdb\x89K#\xe5#d\\\xfax\xed\xc7\x1f\xd7\xa0!\xe3\xa1\x14r\r\xb8\x82\xd7\x8aa\xc1\x12\x10K\xdf\xf5`\'\x85Z\xacW\xc0e\xb5\xcad~\xbf\']kTvV7\x86\x1b\xbf\x8cg\x90\x0c\x02\x1aX\x94?\x82\x10\xc2~\xc4$\x92z\xe0j\xa3v\xc5\xc3\xad\xfe\xeb\xdd\xb99\x99\xd8*s\x994\r&amp;\xa3\xdd\x95\x0e\xddO\xe5\xeb\xe1\xa5\xa57l\x97\x08\x0b^Tt\xb5\x02\xae\xf0R\x0c\x93K\x80+\xe0\xcb\xdb\x1c|\x8b\xd2\x10\xa0\xc5\x05\x8b^\xa6\xd5fkL\x8d\xe1\x06~\x0e\x8a\xd7\x10\x08\xacv\xbf\x94\xc0\xa1\x81U\x13\x05\x05\x80\xe5\x90K\xe4\x80\xa5\xcf\xdb&lt;O-\x16mp\x15\xe4\xd2\xba\xdd\r\xc3\xd9\x9a\xec\xc6l\x0f\x9f\xff\x17&gt;?\xb5\x01a-\x01\xd5\x88\xda\x80\xb5\x1ap(\xa5\x04\x89\x85\xe42\xf7\xf5\xecP=QS\xb5\xf3\xaa%:\x07[Q\x03qA\xe3\xf1|\xf6\x99\xa7!\xdb\xf4yc\xad\xddy\x99\xa8\xc0\x15\xad\xad\x86\xab\xb8ZWa\xc1\xa5\x98\x1cB"7\xb7\xcd\xd4Q=P#\xd8\xd9mi\xd1\xfa\xdd\x1a\xbf\xe6\xdf\x9al\x8f\xe7\xa9\xe7\xe9\xd3\xaf.\xd4\x16\x94\xe2ER\x85H\x84\xf1xEjh\xad\x858.U\x00\x96\xd7\xeb\x95\x9bk\xa8\xce!\xec\xc5\x89\xa9m\x94E\xd26\x82&gt;S\x03\xd8WK\x8b\x97\xd7\x0c\xad\x0e\x9e\x83\x97\x9f_\xb4F\xa8\r\x06\xa1\x0e\xc4rx\x01K.\xe9\xeb\x99\xa2|Z\x8b6\xb1\xb9\xbd\x17\x8dj\xd1\x13\x12\t\xe6\x81\xd0|\xf1\xd7\x11\xc2\x80\xceh\xf5\xa5\xcb\xcaK\x15H,&lt;\x08X\x00&amp;\xa9o\xeb\xd9\xa1|(\x8a6\xb8\xbb\xf7`}\xc0e"\xb1&lt;|6\xac\xf9T\xcf\xd3/&gt;\xbfA\x18\x84W\xd5\xe5\x9fT\xdf\x80\x1b\xbcN\xad\xc3\x15^\x94A\x89\xc4\xd7\xd4\xf35\xf5\xb3ZU\xb7\xe7\x9e\xadG\xa3\x03\xe8c\x9d\x86\xcff\xb3\xcf\xa1\nQ\xd9\x10\x8e8\xed*Um\xe3b\xad\xb3\xc0\x02G\xb8P"\x87\x1cJ\xea}M\xbe\x9e\t\xea\xb1\xce\xdfl\xd9x\xb0\xbea\x0c\x9b\xb2\xb5\x1a\xf4y\x98Sx\x86\x95\x95%sE"F\xf8Q\xa9\x8cN8\xaduxP\x025K^\xd2\xdd\xe4\x0b&lt;\xf8?L\xb6\x9d_\x15kc\xcf\x9e\xc5\x80\xcbd\xf2\x83^\xb9\xb9,Y\x8b{.\xb6\x11S\xc6b\xf6N8\xbe\t]\x08\x97\x06Q\xc5*\xf1\xf5u\xcb\x033\x83\xd4\xcf\xe7\x9e_m\xb6\xbaH\xae\x01\x97+lJ\xcf\x12[\xa3s\x03Q\xe3\xfc\xb4\xc52=\xdd\x0fJ\xe1\xb8\xb0C\xaa\x00\xb1\xce\x9e5\xfb\xcc^o`\xb6\xb7\x8er.\xc0\x12\xa7Gc\xcf\xbe\x9dWE"\x91\xb0\xdf\xefZ\x9f\xdf\x88m\xccO\x87\x82\x1d\xfd\x96\x0eK\x08\x8eBL\x81y%%%%f\xf3\xa9$\xaeW\xbf9;C\xe9\x14\x19\xd9\xff\x00Ve\x83vcttzz~\xde8\x10\x8d\xcd\xcf\xcf\xf7O\xf7w\x041)\x88\xa4\x08b62N\x99\xcd\xbe\x92SL&amp;W^\xb6=S\xf3\xf0\x1b\x06\x95\xd3m\x02\xc6\xc4j3\xf2\x17h6F\xf5\xfaPY?\xe8\xd4?]\x16\xd2\xe1\x98\xcd\x11\x84\xbb\x1f\x869\x92\xe9\xe4l\xe2\xd9\x92SItz\xb2M^6\xdb\x93w\xfd\xd3;\xd4\x1d@4A\xda\xca\x0e`\x01\x17\xac\xfb\xb2zh\xe4\xcbF\xa7\xfb\xfb;$\x12\x8c\xcb\xb4\xc1\xce\xb39l\x8e\xe3\x89h\x00\xf6\x1d\xef\x1f\x98\xc8H\x0cXymm\xc0\xf5\xb7:\n\xa9\xda\xa7n6#\xdb\n\x0b.\x81\x16\x05\xd4\x00I TVfc\xdal\xc96`br\x99\xf4\xc4\x93\xf4\x93\x89\'\xe1\xf7\x07\x89\xc8s \xd1\xb7uu\xe5\xd5 .\x1aE\x19,\xbe\xd2\xbb\xb7\x80\xec4\x1c\x968]\x16&amp;0\xaf\x8dk\xb3y%^:=\x91\x9e\xc4d&amp;\x92q\xec\xdd\xc3\xc7\x12\x91#\x1c\xc4\xe2:\x82\xfaQ\xbd\xaf\xe9\xfe\xf5\xeb\xcb\xd4\xe41\xa5\n\x89\xf5`\x12\xba\x0b6\x87\xc3b\x89e.\xa5\xd4aC\xea$%\x9fLD\xb3\x81\xef"S\xfa\xe1#G\x0e#;?\x12\x8b\xc4*\xab7\xf7!\xae\x87w(X\xf7)\t\x8c\xe2\x95\xf6\xcdg\x93Y|~\x16pqX\x9ct\x97\xb14hc\xd2\x8f\xd3\x99\xc7\xe9\xc7\x8f!\xa0#\xbfCVy2\x12\x8f\xc7\xb1\x02\x01\xb9$.\xd7\xf87U\x07\xfe\x92$\xc8L\x03\xacm\xbb,\x0b\xb8@\xaf\xd3\x90H\xab)\xea\xd4)0\xe8\x0bI\x9f\xc1\x07\xc8\xca\x0f4d*I\xe7&lt;\xd7\xe6\xc0\x82\xf5\xdew\xba\x01k\xf9\xe1\xf8\xd0\x96\xe0\xa0\x87\xdb\x122\xd3V\xae\xb4\xefU\xcb \x89$Wnn\xaeX\xe6\xd6FT\x9d\xa5\x84Z\xa8hE\x1e\xf9\xe4\xffz\xf8I\xa8d\xe8\x81DX0\xe8H"\xb1\xc6\xc7\x87\x86\x0exh\x98\x96P\x85\xb0z\xf7j\x1b\xd2\x91\xad\x13\x9d\xd1\x9c\xd3\xb9b\xab[\xeb\x8a\x1aU\xe8\xa5[X\x84L\xfb\\\x92\r!%\xa3\xce\xda\x81)\x14\x98\x83inBT\xc0u\xe7@\xcf!\x9a !\x13-\xad7X\xc8;\x8c\xb8`\x81Y\xdd~\x00\x8b\x18\x9dJ\x02\x17\xe6\xe7\x8bD\x8ex\xa7\xff&amp;\xa0\xbeB\x85\xa5w\xdf\'\xb5\x82\x9f\xad\x83\x1c\xba\x83\x14VeBy\x98\x02,\xb8*#(r\xd5\xb3\xc5|\x94HWx\xc0\x08\xd7,\\hP`\x00\xe6p\x88\xc8@\x7f ,\x11\xbd\xef\xfa\xf8\xd0\xa3GC\x10\x8f\xae\x14\x0b\x0e\xe8]\x90\x06b%\x80\\+\x80\xb5\x88\xb0R\x81*\x87\x83\xd8\xd8|\xd4\xfa\xfbM\xe1\x88JIT\xa8\xe1\xf6P\x94\x8f\x89Z[\xf3!Z\x01\x91&lt;\xb7\xb1\xa4&amp;D\x85bh\xe8\xc9\xd8O\xd7\x12\x0e\x00\x0c\xa0\x04\tU\x80\x95Y\xdc&gt;\xb5\xbd\x08M\x18R\x8bC\xaa\xc5\x12\x8b\xa1\xae6\xf8\x81\xcb\xe8\xecD\x16E\xb5\x10\x8db\x18\x84\x06\x83\x01\xa1\xe5+P\xd8\xee\x0f=!\xe3\x11\xe4q\xf9\xe7_\xc6^0\xfe\xa7\xa5\x8f\xdea\x05\xd7~XI\xc8Dr\xa5\x91K\xfeM\x12a\xc5\xa3@\xf5&gt;\xbd\x01\xb0\x1a\x8d*\xbb\xb2\xb4\x142\t\x1d\x86Z\x87\x1c\xa7\x8axH\x83\x8e\xebO\xeeA\x90X\xcb\xe3?\x1fz\xef\xee\xe3\x97\xc5)\xbfY2`*~9\xf6\xfcq1\x83\x81\xe4b\x14\xb7o;Q\x1b\x16/\\d\xb0H\xbb\xbc[kB\x8f\xa8v\xb4#\xd5j\xd4T\x83lB\x92I*\x15J\x83\x0f\xefmmm\x01\x17P-/\xffr\xe2\xd0\xdb\x7f\xccx\x0e\xb9\xfc-\xef\xbc\xf0\xcf0^\xfc\xf3\xf9\xdd\x8b\x19c\x0c\x06#3\xbe\xba\xa6\xec&amp;r#".N\x1c\x0bq\xc9\x86\xfd\xc8\x16\x88\xfc\x93\xe8\xdb\x1dD)\xe9IGP\xd0\x9d\xe9\xefl\xddB\\O\xc6\x97\xc7\x96\x97\xffu\xe2\x04\x80\xbd\xf7\x8f\xef\xc6^\xa4Ay\xa5\xfd:\xa8\x94\xb4\x97\x8f\xbf\xbb\x98q1#c,333\xceU|eo\xd1\x13/[\xf1\xc2\x05G\x10\xa7\x99#\xb6\xfaMh;F\xc8&lt;\x16t\xdaI\xd9p\x94O\x80\xd2\xe15[\xb7\xdao\xdd\xda\xba\xf7\x08\x895\xb4\x8c\xb0\x0e\x1dz\xfb\xf7G\xef&gt;\xfe\xe9\xda\xaf\xd8\x97\xf0/\x08\xfe\xfe\xc3c\x10*\xe3\xe8Q\xc0bT\x01\x18\xa4\xb1*s\xa5w\xe3B\xbcj\xb1Y\xe4\x9ag\x9df\x81dV\x99\x96\xc4\x02\xb9\x94Jh\xcc\xfe\xd3\xb8\xf9\x84\xb6\x91\x9ea\xdc\x9d\x8c\x94a`@\xea\xa1X\xa0\x96E7\xd1\x85\xed!\xe0\xd8\xb2i\xbd\x97\xc5\xc6\x8b\xc9a \x14\xd7K\xa8/\x86\\J\x17[\x974\x02\x0b\\0&amp;\x07#(bJP\x0eEZ7\n\xee\xa8^f\x08\x05SFI\x16\xc9\x04\xb9e-G\xda\xea\x8fU\x90t\x90-\x07\x13\xff\xc9\xd2\xe7\xfd\xbe\x19IN\xb6\xdb\xbe\xc8\xe3\xf1X\x98\x9f\x9f\xf7y\x9f\xef\x1b3\x86\xfd?d\xbbz@}\xf6\xe9\xa7\x7f\x8a\xc5b\x0e\xd6\x17/^\x9e\x81K\x92 X@IW;\xed\xff\xd3e\xcc\xe6\x9dj4\n&amp;V9/)Er\xdd\xf1\xee|5\xf1\x0b&amp;\x15\xed"&gt;`\x8f\xed\xa2\x8d\xb3H\xfbi\x9b\xeb\xf6\x04n\xcbh*\x81E\x7f#\xf9\xf0\x97_\xdf\xdf!.`\xfd\x01\xa1\xfa\xf2\x9f\x17\x84\xc5\x04\xf3\xb9\x84P-\xd7\xca\xfeo\xc9\xf0\x86\xf1D\x12\xdd#\xa5\x04\xf6\xca\x05\xaf9\x85i\xfc\xf7\xd2o\x98R\xbc`,\x84\x04\xcbz\xd6\xc5\tz\x8e\x85\r%\\\xff\xf1\xc7\xf4\x14\xd0\xcd\xafvv\xb2\x0c\xeb%\x82\xeb\xc5V\xe2\rQA.\xe2\x82b!H\x96\xf8\xfe\xc4\x00\xd4\xb5v2\xcd\x84\x12\x04Q\xa0R\xaa*#\xe2\\\xea\xfd\xe7\xbf\xfd\xf9\x07\xcc\xefl\xf5\xf9h\x14Z\xdd`X\xab\x1b\xec\xfe\x95\xeeb\x19\xd6g$\xd5\xad\x95\xe7\xeb\xd9l\x96w\x11\x11\xf1r+\x91x\xeb\x97\xdc~\xc2r{&lt;h\xa5+\x94\xae%\xbf/1\xe0s\x1b\n8\xa2\xc8\xb8\x14\xa5\x96\xbd\xd6\xafq\xf5\x1f\x7f\x9c\xff\xc8N-\xa0Q\x9e\x12\x15zHXSK\x1b\xab\xdc\xfaH\t\x92\xea\xf6\xdc\x13U\xe5Tm\xca\xae\xad\xadDl\xebD\x92\xa4\x1e\x16\x81)\xa1Z\xb5\x13\x1b\xff.\xc9(\x11\x8er\x1cJ\x11E\x97\xcb\xc5\xc1\x94Zl\x00\x0b\xf6\xfa\xeb\xdc\xe20\x11\xd9qjS\xa1\x87\x1bK\x80\xc2\xc9\x12y\x0bu\xeb\xe6\xca\xed\xb9g\xeb\x89\xa3\xe4\xc5\t\xea\xe2-\x0c\xbf\xd5N$\xdaI\xee-7\'\xf3\xa1\x00\x16\xad%\xb7\xd4\xebC\xefHv\xfd\xc7\xea\x91=|P\xca\xc5\x8a\xab\x95\x1e\xc4"{\xfdmj\xe1\x93\x19&amp;\xd6\x0c\xa6p\x94\xb0\xc8Z\xab\xa8\xf9\xe9\xc9i\x86u\x0bLH\x8a\x89g\x0f^\xbc=\xf9\xf6\xdb\x1f\xd0\xebG?\xf9\xe1\xee\xd9\xc9\xc5\xc9\x19Z(\xf1.2\xc1\x08,\xe0\x12\x95\xb4m\xff\xc1HP[9\xdb\xe7h\x9f\xd8\xe7z\x17\x0b[\x89\x07_\xae\xce\x8e\xd1#\x11(\x84\x16\xc3\x02\x17jzqaaq\x9e\xb0H\xa8\xb9\x89gO\xd6\x13\xc9\x93]V\xe7\x19\xd343\xe7\xbb\xbb,\x1f$\xa9/\x97C&amp;\x84B\x14eN+\xafSLU{Fw\x98\x1c\xac+\xde\xc2\x16\xc7\xab\xfe\xf9\xcb\xed\xa7#\xec\xf1\xa4\xb11\xdeD\xd4\xf6\xe4\xe4\xe2\xe2\x8d\xd9\x1b\x8b\xf3\x9fO\xac\xdc\\\x99\xc3H\xbe\xda\xcb&amp;:g~0\xf9w\xcf\xf5\xfd}\xd3\xd43\x86\xd1\x00\x93,\xcb\x0eT\x0f\r\xadt)\xd14\x96%\x1b\x8ab\x8a)\xa5\xc0L\x84\xc5\xc9D\xde\xc5\\p\x9c\xb6\x10\xbc\xb0\x9d\xf0\xaa\xb1\xbf&lt;\x0f/\x8f\xb0\xc7\x93\xc6\x86G\x17\x16\x17\xc3\xe1\xc9p8\xbc\xb00Ka1\r\xac\x95\xb9\xa9\xa5\xd5\x07\xf0\xfa\xd1\x19\x93\xc7\xef\xcf\xec\xc7\xf5\x86\xbf!g@g\x81\xcb\xddWk\xb0\x99.\n\x0c\xb6\xf3\x8cuj\xd1(\x87\x1al \xf3\xbc((\xa17\x88\xf8;\xe3|\x0c\x13\xad\xe4\xdb\x8bdB\xbd\xff\xfa\xd1#\xfa\x0f\x83\x9f\xce\x00\x0bR\x01,\x1c\xbe1;L\x1b\xfc\xe9\xcf\x7f\xf7\xab\xb9\xa9\x8d\x7fm\xaa\xd9l\xfb\xc4\xa6\xf2[\xfb\xf1\xb8y.I\x06&gt;\xebf\xde\xd3\x93\xcb\xfdN7\x11\x18\x90J}S\xedAq\xa4&gt;\x16\xcd\xa2R\xdb\xe1:\xa9\xb1V\xf2\x84\x1a\xe2\x0bu\xd4k\xe3w\xf7^/\x8f\xfclddxtqzz2\x0c\xb0\xd9\xa7\xcb3#3\xc3\xc0\x9a\x9b\x9b\xda\xfe\xe6\xae\xaa\xaaG\'\x9c\x89\xccd\x99\xfb\x05K"\xba}]\xcfX\x86aX\x84\xe6\x91-\xc3*\xf7\x10\x99fC&lt;\x12\x18U\xcf\xebW\xac%\x88\xb9\xf5\xfb[[\xad/~\xff5z\xc0VY\x8f\x12\xcd\xb5\xb1J\xaa\x0462\x06\xacy\xb4p\xe1\xf1S\xea\xeb\xc8\'\xc0\x82\xd57\x83\x8cJ\xc6\xc8\xd9X\x92tnI\r\x1dZY\r\xcb\x8c\xc7\xe3)\x9c\xb9\xdd\x05\xa5&gt;M\x00\x00\x03\x83IDAT\r\x13\'\x05\xcd\xdd\x18\xd0l\x08\xe1\x19u\xa0\x18V\xdf\xf1\xe40\xd1U\xc9\x17\x9b:~\x8dr\xbc\x19\xb1&lt;\xdc\t\x1e!\x9a\xeed\xefp\xb0\xe5Y\xa6\x16\xa3\xa2\xff\x19Y\x1e\x9d\xdex\xb5\x17\x04U\xb0u\xe6\x969\x17\xe5\x01\xabFf\xbfp.\xc9&amp;uTOE\n\xe5&lt;\x8e\xa9B\xc1\xb0L\xddp\xc0\xdcC\xd1\xbeT&lt;\xd8\x99bv\xb9*\xdaA\xbd~|x\x00\xc0J\xb1Y\xac\xf8Ha2\xa6\x18\x8aV\x8f\xb0;\xf4\xaa\xeb\xaf\x1f#\x1b\x80\x05\xaa\xb5{\xf7\xa0\xd6\xec\xa3=5\x88\xcav\xce0o\x92,\xf9\x1d&amp;\x0e\x86Al\xe8\xd4\xcax*\xa2\xe7S)\x1c-K6S\xa9\xba\xe5\xb8l(\xe4l\x13l,Vl\xd1\x11E\xad[\xac\xe7+\x1a\xb0p\xa5R?\xd0\x02\x01\x1f\xab\x00\xa4T\xa2\xd1d\xc2\x1b\xf4\xe2\xf6\xf1\xc1\xab\xed\xed0\xc4Z\xbb\xb7\xb6\xf6\xeb\xb5\x87\x9b\xa0%\xaa$\x93\n3\']-\xba\x8aq\xcc\x98z!_6@\x95J\xe5\xf5L\xa6\x80\xaf\xec\xa1\x04\xd6{L\xbc\x91xu\x8f\x8f\xf3P\x8cc\x81Kt1\xac\x00\xa3Bn`\xb5hA\x16&amp;\xd9\x93W\xe1\xc7\xcbkk\xf7\x1e\xfe}\x13WH\xabD\xce\xe3\xe6bI\xef\xb3Q\\\xec\xeb\xa6%\x97\x0b\x91H\xc102\xd0\xac`4\x80\xc5\xb9\x86\x18T/\x19\x1c\xb4\x8a\xd6=\xd0\xea\x87\xc7\x1a\xcem,\x81\xadH\x01V|\x18D\x11\xfb\xe9\x98\x97(@\xf6\r\x12\xe3\xe1\xde]\xaeT0\xd8\xae\x81\xca\xed\xa6\xd8\x94\xbe\xa3\x90\x17\x98\xcb\xb2lF")\xb4\xee&lt;\x0e\xba\x8c^0\x8d2\xf7\x16\x97J\x11z2\x11\xd3A\xf1\xf2\xf0\xb0NX\x02\xa9U\xd4zX\xe0rq,6\x17J\xb4\xdaf\x14\x04\xb6\xbeI\xca\x11\x97Wm\x85\xf0k\xcb\x03j\xbd\x0f&amp;\x9d\x97e\xa8\x141&lt;\x9e\xb2\x1e\x89\xd43\xa9H\xa4\xd9\xcc\xb3\xec\x1az\xb7\x83`:==\xd0\xf2\xc7\x87E\x86%\x88%\xcd\x19\x04\x02\t\xb88\x96\x8b+\'\x86\xd2\xad\xa0]\xaa\xd7\xa1\xca&amp;\x03\x1e\x99Q\xc9W\xe5\x92\x07\xe4\x92\x8cL\x06\xa6\x07\x87\x1bD)\x83\x0e\xf9n\xd92\xb0&lt;\r\t\x9c\x8a\xbb\x89t\x02SI\xab\x9f\xf6\xb0\x04\xc5\xfe&amp;\x8f3\x87\xc9\xe9g@\x88&amp;\xb3\x0e\xce8&gt;\xf0JT}d\x11\x1bK\xfa/]\x94)\xba\xe2\x05\xf8\xc9 \xba\xb2\x85F\x1a\xe5&lt;\x8e\x91H\xbf\x89B)_:8\xad\xe7K\\\xaeK\xc2:-\tl\x8b\xca\xd3\xc2\xc1\n\xd8\x9a\x05\xc8\xfe\x94\x15\xb9\x18\xdd\xb1\x8d\x13\x16\xd5Q\xdagc\xd9d\x92|\xc5\xf7\xfc+\xbf\xbfa`C\xd1\xc0\xc6\xb9\x9c)\xe8\x86\x9e\x897\x9b]\xb3\t\x93\xe9\x0c\x8b\xc0J\xdd\xe2iQ+\x95\xe8\xf3\x81V\x11J\xc0\xeavK\xc2@\x83m\x8d\xfaZ\xf9\xf8\\b7^k\xe3\x86\rL\x84\x15|\x13\xf2\xf1\x81\xa2\x95\xe5\n\x16\xd7\xce1\x1cK~\xbf$S\x126\xca\xd4\xcff\xc4\xc4G\xfe&lt;\x13\xa1&amp;V\xc0rY\xec\x96\x00S?&gt;\x05\x8bR\xd1pA\x13\xec\xf5H\x10\x07\x97on\xf9@ \xe0@\x11W\xba\xc5\xd5\xc2\x8dwG\x08 p=\xb4\x1a\xc8\xbdF:X\xecD\xe6\x17\xf9\x82\x04.\xfc\x08\xbc\xd7\xd0\x0b\xb0t\x13X\x85Hs\x08B\xd5/I \xb0i\x07\x87\x87yA)uO/\xebZ\xa5\xbf\x1e\xf56:l\x00i\xd1\x14\x1d(\x0f\x8fW1\xda\xa1)\x1c\x87\xd9\x05v\x15P},\xae\x18\x17M\xee\x15q\xb1\x83\x9b\xb8d\xc9]\xf6\xf94\xcc"\xac\xd5\xfc\x0f\xd6\xe8\xa7\x04\x1f}t\xed\x00\x00\x00\x00IEND\xaeB`\x82'</t>
        </is>
      </c>
      <c r="M217" s="3" t="n">
        <v>45492.6764699074</v>
      </c>
    </row>
    <row r="218">
      <c r="A218" t="n">
        <v>840027</v>
      </c>
      <c r="B218" t="n">
        <v>1958</v>
      </c>
      <c r="C218" t="inlineStr">
        <is>
          <t>Gatito Fernández</t>
        </is>
      </c>
      <c r="D218" t="inlineStr">
        <is>
          <t>G. Fernández</t>
        </is>
      </c>
      <c r="E218" t="inlineStr">
        <is>
          <t>GOL</t>
        </is>
      </c>
      <c r="F218" t="inlineStr">
        <is>
          <t>GOL</t>
        </is>
      </c>
      <c r="G218" t="inlineStr">
        <is>
          <t>GOL</t>
        </is>
      </c>
      <c r="H218" t="n">
        <v>191</v>
      </c>
      <c r="I218" t="n">
        <v>1</v>
      </c>
      <c r="J218" s="2" t="n">
        <v>32230</v>
      </c>
      <c r="K218" t="inlineStr">
        <is>
          <t>Right</t>
        </is>
      </c>
      <c r="L21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8568f071-2caf-4639-8db5-53983ece81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q\xe5\xba\x00\x00\x03\x00PLTE\xff\xff\xff\xb4\xc4\xb6\xbb\xca\xbd\xb8\xc9\xbb\xbc\xcb\xbe\xfb\xca\xaf\xc4\xd3\xc6\xb7\xc7\xb9\xba\xc8\xbb\xb6\xc5\xb8\xfe\xcb\xaf\xbe\xcd\xc0\xfe\xfe\xfe\xfb\xc8\xac\xfd\xc6\xa8&amp;# \xfe\xcd\xb3\xfe\xd3\xb9\xf5\xc3\xa7\xee\xb8\x99//.\xfd\xfc\xfc\xc0\xcf\xc2\xb1\xc1\xb3 \x1d\x1943221/\xf6\xb4\x93\xe8\xb1\x91\xfe\xc1\xa2\xb8|Y%\x1f\x1a\xeb\xb4\x95\xfc\xbb\x9b\xfe\xbe\x9f\xff\xd0\xb6\xfb\xbf\xa1\x1b\x1b\x17764\xc8\xd5\xc8\xaf\xbf\xb1\xc2\xd0\xc3\xf2\xb8\x98\xfe\xd7\xbe-.*\xfd\xcf\xb4\xf2\xbc\x9d\xfe\xc3\xa5\xf7\xbc\x9d\xfb\xb9\x99\xee\xa7\x7f+*\'\xe4\xaf\x90\xa8zW\xac\xbd\xaf\xf7\xc6\xab.\'#\xfe\xc8\xab\'\'%\xf9\xb7\x97\xfa\xc3\xa6\xf3\xb2\x8f3,\'\xb3\xc2\xb5\xde\xa5\x83\xf9\xb4\x94\xfb\xbc\x9d\xf5\xbf\xa1\xf0\xa9\x81\xc6\x94s\xd9\x9bw\xef\xb0\x8d\xbf}Y\xe3\x9ct\xfa\xfa\xf9! \x1e\xd2\x96r\xf2\xab\x84\xdd\xa9\x8a\xd7\xa3\x82\xc0\x82_\xe6\xac\x8c\xb7\x87d\xe3\xa4\x81{W@\xae\x80_\xb1{V\xa9pN\xd4\xe0\xd2,"\x1d\x86[@\xf4\xaf\x8c\xd9\x9f}\xd1\xdb\xcf\xe0\xa1}\xef\xb5\x93\xd4\x8fi\xcc\x97u\xa6\xb6\xa8\xc0\x91s\xcb\x92o\xcb\x8ci\xe3\xa8\x87\xe2\xe6\xe0\xa1wY\xab}Z\xe8\xa0w\xbb\x81]\xb8xU\xd0\x89d\xd8\xe2\xd6\xda\xa6\x87\xa0tT\xe9\xaa\x86\xb1wS\xa9\xba\xac\xd9\x93n\xc0\x8dk\xbe\x88d\xbb\x8ah\xd2\x9e~\xd1\x91m\xf7\xb8\x98\xc7\x8ae\xe8\xa3{\xf9\xf6\xf5\x95lP\xec\xa5|\xc7\x82\\\xe1\xab\x8b\xc0\xcc\xbf\xcc\x9a{\xcb\x85`\xcc\xd9\xcc\xd4\x9awbE5\x8fiP\xde\x9at\xdf\x9dy\xf1\xc0\xa7\xb1qNlH5\xb1~ZQ:.\xf0\xad\x88\xdd\x97p\xe4\x9fywP8\xec\xad\x8a\xf7\xb1\x8f\xe8\xe9\xe5\xf5\xac\x88\xb3\x83`\xfe\xdb\xc2\xe7\xb7\x9d\xa0jIO3$::9\x87bK\x17\x16\x13\xed\xbc\xa1\xe4\xb2\x98\xc5\x85b\x9cbB\x90aE\x9eoP\xf2\xf2\xf1\xed\xed\xeb\xc5\x8el\xe7\xa6\x82\xee\xa9\x85\xaavS\xde\xe2\xdc\xdb\xab\x90\xbboN\x99rYnP&gt;&lt;,#F/$\xa7hF\x87R6G6,\xa4{b\xeb\x90u\xea\xce\xc2\xf8\xea\xe3YB4\xc0uR\xb2\x84e8\'\x1e\xb8\x8bo\x92Y;\x8c\x90\x8b^&lt;*\xd0\xa1\x88C?={}x\x0f\x0e\x0c\xb2hF\x9f\xb1\xa2ihf\xf6\xa4\x87\xc2\xc0\xc0\xfb\xd4\xbf\xf0\xe5\xdfHGExD,\xd8\xd7\xd6PPM\xf0\xe1\xda\xf9\xaa\x8e\xcf\xd0\xcd\x83H,\x90\xa1\x94\xe9\xda\xd3\x8d\x86\x81\xf9\xdd\xcc\xcceU=2-\x98\xab\x9d\xc6\xd0\xc4\xdc\xbe\xb2\xb2Z&gt;i;"\xfa\xef\xebc^Y\xab\x83m\xda\xcf\xc1\xbf`H\xb8\xb6\xb6\xf2\x92w\xf2\x9a\x7f\xc7uZ\xa0K-WXU\x9b\x97\x96rrn\xd9w`\xaeO4\xd6\x80k\xf6\xcc\xb9\xc2\x97\x7f\xe3\x7ff\xdb\xb5\xa6\xca\xc9\xc9\xa2\x9f\x9d\xcb\xcc\xbe\xcc\xbf\xb3\xb6\xbe\xb2\xcd\xad\x9e\xe6\x85k\xb0\xad\xad\xa9\xa5\xa6\xb1\x95\x87\x8eug\xac\xb8\xa9\x1d\xe6[\xf7\x00\x00 \x00IDATx\xda\xdc\x98\xdfOZi\x1e\xc6\xe7\xc6\x1b\xa3\x1el\xd7\xe4\x14+G\xa8\xf4\xa2\xad\xa3\x80\x8dG\xd4\x93J\x99\x16e\xe8\xd2H!\x07&amp;.\x9b\xa9\xb5\xa3\x90\xce\x12vS\xabV&amp;5\x83P\x91_\xa3\xce\x04,[D\xdc\xd6f\x0b(sA\xd6\xa9?\x13c\xd2\xd8\xc4ML\xbcl\xe2M\xedM\x93\xf6\xaa\xbd\xd8\xe7\xc5\x7f\x01\xdad\xbf\xcaQ\xe3\xcd\xc7\xe7y\xde\xe7\xfd\xe2W_\xfd_NY\xd7Hr\xe1x\xa6\xfb\xfa\xa6\x17\x92#]e_\x1a\xa9*\xd9\xb7w\xf8auu\x7f\x7fu\xf5\xe8h\x7f\x7fs\xff\xe8\xd3\xa7\x8f;{\xcf\x92U_\x0c\xaa*\xf9l\xe7\xe8\xed\x9bS\xb1-L\x8c\xe6W\xd2Y\x8e\xe7\x0eX\xfe\xe0\xd5\xdb\xa3\x9d\xdd/BF\x98&gt;l_\xd8\x8ai)\x8a\xa1\xa5\x18\x86a.\x9c\x9a\xdd\x98\xe5X\x96e\xe8\xd9\xed\xa3\x9d\xbe\xcfmg\xd5\xf4\xce\xd1\xf6\xac4\x16\x93J\x81\xa4U\x120\x9af\x94\x17\x84\xa7\xce\xce\n)\x8a\x90i76\x0f\xfb\xba&gt;\xabR;\xfb\xa7\xb6\xb6\x00"\xcd\x0fMQ\x94V\xcb0\xf8\xc2r\x17\x84B%\xcd\xb0J-\xa5`\xcfn\xbeO~6\xc1\xaa\x9e\x1d\xcd"L\xda\x18\xb8h0ii-\xe4\xc9S\xf1\x14x\xb4J\x8aa\x94\x94\x94\xe28\xe6\xe5\xa7\xe9\xcf\x14\xb1\xae\xddM\xed\x16\xd1\x88\x0c\xbe(\x84\n\x88\xc4QD+\xc0\xb1\n\x8a\xa6x\x9aRJ\t\x17-\xdc\xdf\x1b)\xfb,T\xdb\xd2\x18\xa1\x82DH9\x12\xc5\n\x85\x1c\xcfr\x94\x96bx\x9ea8!E\\\xc5oh\x8a\xa5(\xfa\xcd\xc7\x85\xe2\x0bV\xd5\xb7)e@@i\t\x13CqD \xb8\xc5s\xacB\xc1\xe3\t\x16\x9e\xa1a#s\x9c:\x85T\xf8a\xa1\xd8z\x95%\x8f\xb4\xb0O\xab\x85\x16\x0ca\xe18\x14\x02y\xa0\xb1\xb2\x07\xe94\xbe\x01\x11r\xc6\xb3&lt;\xb8b\x8cBA\xcd~J\x16\xdb\xc2\xf7\xb3H9D\x80\x91L:\x9b\xf3g2\x994\xb0\x0e2\x99\xa8?\xb7\x96\xf3G\xb3\xd9\x152\\:\x9bI3\xb1\xad\x18\xafP0\x1b;]E\x16k5\x9f*\x9e\x8e\xc5\xf8\x8c\xdb\x80\xf1\xadE\xa3\xd1\x9c\xdb\xe7\x0b\x87\xcd\x8f\xcc\xe1p8\xe5sc\xd6\xd6|&gt;\xb7\x9f\'\\&lt;#}\xb3[U\xdcnx\x85\xf6D\x9e\xa5t:\x17^6\'\xe6\xe7\x13\xcb@I\xccE"K&amp;\xc7\xc0\xc4R\xc4d2E\xe6\xe6\x12/^\xbcX^^\xf6e\xa4[1\x06\x7f\xc3jQ\xe35r\xa8\x94\xa2\xa6\xd0\x9d\x19_\xc2d\x9ap\xd8l\xb6\x89E\x87C?44\xe6r\xb9\xc6\\\x1a&lt;\xec.\x8d^c\x9bX\x9a\xc3\x84\xfd\xcc\x16\xee\x82\x98\xf0p\xa4\x88\x1eN\xbf\xa5\xb5\n%E3\x99\xff\xce\xfd\xdbe\xb7\xdb\xc7\xecV\xab3\x18\x0cvb&lt;N+~pZ\x9dV{\xaf\xd5\xae\xb1\x99L {\xb1\xc6\xc7\xc8\x14\xd1\xc6\xb2\xaeC-\xd2~\x81\xa2\xd3\xe1\x891{o/ @4\xac\x96\x0f\x8f\xcaG\xf1\xec\xf4x\xbc\xc1\xa0\xd3i\xef\xb5\xdb\xe3z\xa3\xc3\xb4\xb44\xb7\xecN\xd3H\x18}\xb4P4\xac\xbem\xc4\x1d%\xb5\x126Z=\x9e+?{\x88L\xfd\xa3j\xb5N\xaeV\xab\xe5\xa3\xfd\xc3\xc3\xa1NO\x10\xaa\xf5\x0e\xf5\xf6\x0e\x88\x8cF\xe4\xcc\xecN#`\xb1\xe2\x9d\xc6\x91\x1d\x8a\xd62\xe8r\xb7\xcd\x1a\x0c\x86\xbc\xa1~/\xa8\x86\xe5r\x82\xa5\xc3\x87Z\xae\x1e\x1e\ru\x12\xae\xa1\xa1!\xfd\x80\xd1a\xfca&gt;\x11\x8e\x92\x06\xa3\xdf\xec\x15\x89+\xb9J\x91\xdef\xa2\xa6A\x8f\xd7\x830\xe1\xd5\x19\x82\x81:\x9d.\xa0\xd3\xcdX\x02\x84N&gt;\x1cB\xca\xeccc.p\x19\'\x1d\x13/\xd6\xd28\xb9&lt;\xbf?]V\x1c\x0f\xdf\xa0\xd0\x85\\\xda&lt;\xe8\xf5z;\xbd\x9d\x9e\xce\xe1\xfe\xd0(\xd1\xc92\xd5Afj\x06T\xf2\xd1\xd1\xfe\xce \xe1\xd2\x0f\x88\x1c\x93"\xdb\x92\x01r\xd1\x0c\xff\xf2}Wq\x1a\xfe\x14\xc5\x1e\xcc\xa6}\xa2\x102\x84O\x085:\xfaT73c\xa9n\x15\x8be2\x19\xe1\x82\xa5\x00\xeb$z\xb94\x1a\x91\x11\r2\xe7[\xc1\xf5\xc9+\x8aS^#\x1f\x954\xcf\t\xd3\tg?\x90\xfa\xfb\xfbA%\xd7\xcd\x04\x02\x96\xea{*\x89J&amp;V\x89\t\x97\x8e(\xd6\x0f\xb9\xecc\x1a\x9b\xc8\xe8\xb09Lf?\x0f,j\xb6(\xa9O\xae*i\x96cs\x8b\xc1\xce\x10\xc1\x1a%Y\x9f\x99\x9aj\'T55\x8d21\xb0,33\xc4\xc9\xfe|\xbc\x805i\xc4D|+4\xcdS\xb1\xcd\xe9bt\xe96\x85\x1d&amp;\x1b\xd6\xa3\x16@5\x0c\xb7\x10\xf3\x0e\x99J\xa5\x92\x00K%\x96\xb5vT\xb7[\x02\x16D\xff8].\x8d\xc3htL\x0e,\x9a\xa3\x0c\xcd\xb3\xd4\xc6n\xe1],{\xf6\x92\xe1\x95\xdc\x9aYO:\x1d\x1e\xa2\xaf\xe0\x9fLR#\x91\x10\xac:\x95\xac\xa3\xba\xba\xbd\xdd\xd2\xde\x0e,\xaf\x07.\xba46\x9b\xc3(\x12\x19#n\xb8H)\xffT\x04\x17\xbbvg\xb1\xa2\xa7}\xa6\xb8\xd3\x93\x0f\x96Z\xa7\xbb\xda\xde*\x96H\xc4b\x95\xaa\xae\xa6F\xa2j%X\xed\xedW\x03\xeaa/\xb9\x8a\xc6\x90y\x9bH\xe4\xb0E|ilg\x94\xe2\xb0\xf0XU{gi\x96\xcd\x1aLcN\x0f\x11\x0bm5\xa3\xcb{(\xbe\x07\xcd\xa0\x97D,#Z\x01K\'G\xa7:\x07{\xf5"\x1b\xb0D\x8e\x08:\x02=\xcc|,\xfc\x85\xdd\xb5\xa3\xa4\xb9\x03\xbf\xd9\xe1\n\xe6\x8f\xa1\x1c}\x05\xacV$]\xd6*S\x1dcA\xad)\xa2\x16\xb0po\xf7\xc6\xc1\x04\xc1&amp;\xe6\xcd\xb94\xb6V\xe9\x87d\x11\xfa\x01\xef&amp;\xb0\xcfL\x0e\x05C\xf9\x9b\x10U033\xd5\xd1\x9a\xc7\x92\xe4\x076vLMY\xc8\xad\xed$\r\xa1\xcfS\x11\xb5\xdc\x19\xc8%]-\xfc}\x9d&lt;\xa2\xd8\x95\xa8a~\xf2\x1fVd\x1e\x0b\x83\x9a`Y\xa6\x80\x05\xc5p\x18!\x98\x04\x87\x11%\x01*,\x12\xf9h\xe9\xf5\x1a\x91\xc6\x161\xbb\xb3+&lt;O\x17\xa1!\x16\xf6)&gt;\xed3G&amp;\x07\x06!\x16\xdaA\xae\x06U\xbe\xe0Q\xa4219\x8e\x12Y5\xee \x8b\x9c\\?\xc0riD\xf1x\\\xaf1E\xcc&gt;\x7fz\x85\xa7\xb7\xfb\n\x8e5\xbd\xcd\xf0QC""\xd2\xdb\xb16\x90mAg\xb1LU\xb7\xdek$J\x1d\x9f\xc6:\x98\xd8\xda1\x85l\r{\x83N\x14\x04\xb6\xd5x\\c\x9a\x03V6\xcd\xd3o\x0b\x8eE.\xea\x83\x9c!a\x12\xe9\xc7\x82y\xb1\x10\xf8j\xd8\xd7X\x07\x1c\x02\xa6\xaai\xa8\x93\xb5b:\xaa\x03O\x9f&gt;\xe9\xf1Z\xf3X\xae\xb8f\xe2\x18\x8b\xa5\xb7\x9f\x15\xe1\xdd\x05\x9bu\x87\xcd\x8b\x03\x1a;\x92E6,\x9d\x05\x99\xaak\xa8h\xa9hh@\xa7\xd6\x90\'T\xc3\x9d\xdd\x1e\xf8\xe5Iww\xd0N\xd6\xfb\xb8\xdef\x9a[N\xe52i\x8eyU\xf0\x9a\xaf\xda\xddX\xf1\xbbS\x89yQ\xdc\xda?\x8ak\x8fl3bI[y\xa9\xa0\xbe\xa4\xa4\xbc\x81`\xb54\xd4\xa0\xed\xd1\xab\xe8\x89\xbf\xdd\xea\xf6Z\xc9\x05\x14\xd7\x8b\x80epG3ijc\xaf\xaa\xe0mJ\xb0|\xe6\xf9\x81\xb8s\xf8x\xc9\xaa\x16\xd74T\x94\n\xceTVV\nZj$5\x90\r\xd3\xd0\xd0Pw\xef/\xa7\xaf_\xbf\xd5\x1d\xfcvp\x08\x89\x17!\xf2a`e\xd9\xc2cu\xbd?\xc8\xe0]\xaa\xe1\xc7\xa1\xc1+\x1e\xb2\xfc\x05\x02\xed\xb2\xb6\x8a\x96\x96\xd2\xca\xf3\xbf\x9d\xaf,\xadhk\xab()-)-\x85\xa5u\xe7j\x9b\xae7]\xbf\xd5s\xe5\xe7A\xec\xce6\xd3\xbc9\xe5\xf6\xfb\xfdl\xe1\xef\xea\xae\x1d.\x0b\xb5\x0c\xf3\x03\xbd\x9e\x10\x96\x1au\xe0ju]yIK[9\xb0\xc0%(-\x81ng\xea\x05-\x15m\x97\xcf\x9dn\xbav\xba\xb6\x16\\\x04K\x04\xac0\xc1\xe2\xce\xbe/\xb4Z#\x87\x07\xd9\xa8\xdb\x17\x8e\xe8\xad\xb8\x12\xc9\x02X]\xd7"\x10\x944\x97W\xfe\x06\xac\xf3\x95g\xce\x9c!\xaf\xd2\xf2\xb6\xcb_\x9f&lt;\xfd\xd3\x9d\xa6\x93\xe7\xae\xf7x\x9dC\x1a\x91\x03o\xb4\x13\xa95\x9cE\xae\xe0+D\xf2\x03\x11+l6\x0eb\x89\x87\x89O\x03\x8d-%\xf5\xf5\xf5%\xe5\xf5\xe7\tUee\xbd@  \x1e\x02\xab\x16X\xd7\x9aj\x7f\xea\xee\xf6\x0e\xc6\x11-\xd3\xe2\xbc\x81`)\n\x8e\xb5\xb0\x99\xc9\xf9\xc2\x89\xc9Ao\xc8\xe3\xed\x0e\\}\xd2}\xfa\xe1\xc3\xe6\xe6\x13\'\x9aK*\x8fGP\xda\x92\xaf\x8a\xba\xc6\x93\x8f\xaf\xdd\xfd\xe6\xfb\x07\xebw\xff\xfa\xcd\xcd\x9b\xbd\x03\xc0r,&amp;\xe0b\x9a-\xf8f3\xbd\x9d\xf5!\xf07{B\xde+\xde\'\xbf\\\xba\xf9\xaf\x07\xeb\xeb\xeb\xef\xbe\x7f\xb7\xfe\xf8\xe1\x89\xe6\xe6\x12A=R\x0f&amp;U\xe3\xbd\xda;\xef~\x1f7?\xba\x7f\xfb\xf6\xfd\xf1\xfb\x8b\x88\xd6\xd2\xa2\xf1\xe2\x8f\xe1\\.\xca\x15\xfc_\x11\xd3o\xfd)_\xf8\xe2\xb7\xdd\x97\xbe\xfb\xee\x92\xf7\xe6\x8d\xe7\xaf\xff\xf8\xcf\xebq\x83;e\x18\x7f\xfd`\xfd\xf1\xe3\x130\xb0M\xdc\xf8\xf5\xc9\xa6?\xff1\x9e\x8a\xaed2k\xbeT*\x156GL\x91\x88\xe9\xe2\x0f7\x1e\xe5\x90\xf9\x82\xab\xb5\xb0\xef7\xa4\xc2\xbf\xf6tw_\xe9\xb9\xfb\xf7\xdfo?\x7f~q&lt;\xe5^\x8bF3~\xdf\xfd\x1b\x0f\xee\xfc\xb3\xa4^p\xf9\xdc\xffX1\xdb\x9f4\xd7;\x8e\xef\roL%6\xc6W\xb7\x92\xa2\xbc\xf2\x04\xbd!%\x9d\x01\x92\x1bT\xc0\x06\xe5Y3 \xa0A\x0c\n\xa6B\x80\xca\x83hS\x82\xc0n\x95*L7\r\xe9\x11\xdc\x11\xccA#\x1e\xe8)*\xf3d!s\xedXJ\xc8i\xbb\xa4\xd2\x07\xa7\x92\xad\xb6]\xb74{\xe8\xc9\xae\xfbl\x7f\xc2\xcdK\xde\xf0\xe1w\xfd\xae\xef\xf5\xfd~\xeb\xef\x88t\x86\xa5\xb5\x83\x83\x9f\x1d\x1c\xec\x1e\xed\xc8\xe5\xf2\xa8_\xa9\xf4oL(\x14\x9e\xd9o\xd6~\x8a\xfb\xb4\xbe\xfa\xcd\xda\xd2\x8e\xdc&amp;\x03X\x0e\xf1VF\xaa\xc8\x18&lt;\xff\xeb\xdcv+{\x96a\xc9\x977\xae\x12:\xdb$"\x9d"&gt;\x07\xbe;X\xabT\xe6\xa2\x1e\x8f?\xea\x8f+\x95\x13\x06\xc6\xe8\x04\xc0\xfa\x13\xfe7\xf1/\x0b\x18\x96F\x86\xf0\xd6-\xf3\xdd"\xd1w\x87\x03\x9e\xa5\xb9\xb9b\xb1R\xce\xa3\xd6p\xe7\x8d/\xeaXm\x12\xb5\rh\xd4\\\xa5X\x8c\xe7\xf7\xe4\xd18C\xaa\x18\x9d\x88+=\x86\t\x06cva\r\x7f\x95\x9f\xfa\xf7C\xf9\x8e|_\x83 \xbeu\xbb\xefN\xdf\xd0h|\x0e;\xc3\xa5x\xb5\xbaZ\x98\xd1\xb4\xd6\x02\xa5\x87\xcdB\xe3\xea^\xa5R\x8e\x19\xfc\xc5\xa3\xd9\xa3\xca\xd2\x86}\xd3\xce\x88\xc7\r\x13\xf3\x8c\xb9\x85]\xfc\x9f\xea\xa9\xbfcU\xe9\x8a\x0c\x11\t\x87}H\xd0\xa8\x9c}\xf5\xd7\x87\xb3\xdf\xec\xee&lt;\xcd\x9c\x9c\xa4RV3\x05&lt;:|\xcd8\x1a\x03\xe3\x8be&gt;\xbfZ8\xd8]{\xb8p\xa4\x9c\xdf\x04O\xf5\xc4\xe8\x8aava\xf7\x15\xfe\xc6\xe6\x8f`\x81\x95\xb7\x13\x88\x9a\xc7S\xab\xbd\xe5\xa3\x87\xff\xf8\xb3\xfc\xe9\xab\x1d\xf9\x7f^\\\x9c^\xe4f\xdc\x10\xb7\xc9i\xb6\x9a\xd2{\xc5bY\xf9\xcf7?\xfc\xf6\x0f;K\xbf{\xb5vT\xb6\x00\x1f8\xa0\xb8\x8da\xe1k\x03\xaf4\xdcl\xb8\xf2\x8b\x1f\xc0\xb5\xda\x94i\xd4\x89\x84\xc6\x87\x16+\xf1\x17o\xa2GGE\xff\xa7\x17\xeb\x83\xdeB\xea^/\x8d\xcc\x96\xb9\xd0X\x19,\xd6\xc6\x9b\xef3\xf2\xa3b\xf1\xe9\xe7\xb9\xb5J~\xc0\x84\x0e\x8c\x1ef\xc0n=\xfd\xea\'W\xf0;\xc6\x86\'\x0f\x9e\xbc|\xfcyi):$Sk\xba\xa6\x83\xfaB\xb9\\\xe0\xdd\xd7)\x95{\xfb"Aj\xdc{\x92\xbb\xd7\xcb\xe4\x96zf\n\xf9r\xb1\\\xcc\x1f~\xad\x8b\xed\x95=\x1ft\xcaJ1\x9f.\xa0(\x03\x9b\xd6\xc2\xef\x7f\xfd\xf2\xc9\xb7xm}\xc3\xcb\xe3lV\xf2\xf1CL\x1e\xf5\x99\x91d\xd7\xe2\xbdqA\xaa\x90\xf3j\xae\xdd\xef\xf3\xe9M\'\x85B.5\xee\xeee\x92Kc3i\xac\xf7.\x97c\xfd\xc3&gt;\xe1\xe6\xa6\x9e\x94/\xe7\xd3\x03\xe9t\x9a!e\xcc\xae\xed|\xfa\xf4\xa1\xf0\xe11N\xf3\xba\xf9\xe8\xec\xfc\xeco\xef\x06\xd7\x95Q_B\x96\xa4\x8f\xf5\xf4\xb8{\xc6\xc7\xad\x01v[8p\x91\x02\x9f\x9c7\xd0\xd5\xc5\xa4\x95\xe8^t\x15p\x95\xf7\xf2\'\xb9A\x9e\xcf\x9b+\xc4\xd29\xf0\x17\xd2\x03[+\x8a\xd9# \xad\xd5\xd3\xc2G\x9c$\xf5%\xe7\xbc-B\xef\r\x05\xe3~\xb5\x0c`a\xae&amp;\x81U\xca\xf7\xee\r\x8e_\\\xe4r&amp;o \xd1\xd5E\xa6D\xba\xc6Q\x8c\x0b`\x15r\xc0\xc7\x0b\x00\xf0\x0c0\xce9t`K\xa1\x90/\xad\xa6\xd3\x85TU\xfc\x18\'\xac\xe3H[\xe9X\xa5E\xfc\x19$aNNOOw\x85\xcc\xa1\xa4;\x00\xb8\xac\x8eA\xd7\xb8ul\x99\xdd\xb5Lnb\xd2\x07I\xa8\t\x8d\xe5\xf3Xk?3\xee\xf5\x8e\x0fZ\xadV\x07V(\xcd\xef\xfb\xe3\xa6\\\xea\xe2\xe2$\xf5\x04\x9f{\x08\xb0\xe0R/\x07\x96\x19t\xe6\x1f\xb1\xe8\x89p8lN\xba\x17\xddf$\xa0YL\x1c/s\xa0\xe42\x07f\xd2\x1dF\x8b g"\xa1i\x93\xd7j\r\x04\x83B\x07\x0f8T\xac\xa3\xef\xdf\xf7+A\xf2\x17\xcc\x9c^\xe0\x83\xd5\xf0\xed1\x97=\xd6U\x82}\x99\xbbfw\x82&gt;6F\x0f\xf1\xd9\xa1\x84fq\xda-\x93-&amp;!\x1a\'\xc2\x84B\xcb%(\x02\xa6e\x12\x08\xd6\xf5z\x81\xc0\xe5\xb0Z{d&lt;!O\x13\x0c\xea\x81\x9f\xef\x97\x02\xac\x19Rj\xe69^X\xcf\x8e\xe1\xf3\x7f\xf5\xb0;\x87\xf6\'\xcd\x8b\xee\xe9\x9e@\x92\xcd\x8e`m7\x1d\x0b\xfc\x9c&amp;X\x0b\xd1ZU\xa5\x12g\xb9\xc7K"\t\xc4bW \xe0\xd0\xeb\x07{\xb02s1\xc0S\x0f\xaf\x93L\x16i&amp;\xda\x0f\x96\xed\xf9s\x9c\x0eq\xea\xd1q${\xae\xd2ju\xfb`\xe3\xddc=n6\x07\x84zN\x84SZVq(Db\x93\x93Cv\xb2#\x1c\x1a\xbb\xc7k2\x19\xc5b=\xcfl\x06!1\xe0\xc6\xeah`\x1b\x85z\x93e@\xfa\xda\xb3E\xca\xa5R\xa7\xa7\xdf\xe3\xa2\x10\r\xbf,\x1d\x9f\xc3\xf0X\xd6v\x88h4 ^\xa8\x9cN2\xd6vshd2\x85X\xd3\xd1\x8c\xe5h&gt;H\x8d\xf0\xf4\xa0\x98\x04\xb0\\&gt;3[\x95t\xbb\xe9I\x10\xfa\xdd\x1a\x9e\x10X\xa1\xad\xf9\xd7\xfeXZ 6]\x9e\xe0\x835\xf5\xe8\xfc\x9cC\xa5\x9ceu\xba&gt;D36\xe6V\xc10\x88\xceL\xf0\x08\x82\xb4ZSG\x84\xc1\xb0\xf8ln;\x91\xa2\n\xb8\x8c\x80\xcb\xe5\xd0\x84\xd9lU\x08kw\xc3\xa1\xf0\x88\xda\xe7\xea\xdfZy\xed\xcfWQ\xfd\xcc\xe5\xe5\x03\\t\xfe\xe6\xfbl\x92@\xe5\x9c\xd3\x87\xbao!\x9ai\xba\xdb\xdc\xf9c\x96\xa0\xb4w\x10\x08\x04jK-\xcc\xa4A 4\x82@\xcdY\xd4\x1b-\xfdF\x97\x9e\'\x0bCL&amp;\x13b\xf3\xc3|\xa8\xb1O(\x06X\x86h\xec2e\x1d&lt;\xc1\tk\xea}\x96Ie\x95\x8e\xf9C\x87\x18\xd6\xb2JK\xac\xa9\xad\xed\xa8\xa9\x01\x81\x95\x002+\xc0\x8a\x80\x88\r\x83\x94ON\n\xd7M\xa8E\xa0\x17\x06\xcdl\xac\xbc\x81\xb4\xe10_\x02\xb0\x8c\x16\xbb\xc1o)\xa4\xde9RU\xdc\xb0\xb8m\xaa\x92\xaaur\x7f\x12I\xf4F\xc8M\xc4\x8eZ\x80\xd3Bm\xa1\xd6\x10\x08\xc0\xfcAIz\x08\x9b\x16\xb1\x99\xad\xd1\x0bP\xd4\xb2\xee\xe0%\xf8\x10\xc4a:[\xf9\x92\x91\xbe[B\x97\xb1_j\xf0\x18M\x85\x0bG\x0e7\xacs&amp;\xfd,\xc9\xee\xec\x93v#f\xf0\xfbM\xed\xed\xc4\x1a*\xd6\x88\xb4`y\xb5\x9d\xa62\'!\xb8\xf6j\x1d\x08\xd4\x92a1\tE\x05.p\x8alp\x8c\xceV\xadd\x04\x11\r\xb9VVV&lt;\xdb\xb7\x05\xa7\xcf\xbd\xb9\xcb\x07\xf8\xdc\xc4\xf7\xe7\xaa\xb3\xb3i\xe7\x8d;R\x9d(\x11\x82`\xb8\xa9\x9d\x85a\xb5\\\xa5\x12jj\x88\x14N\x17\xb8\x86\x14\x02\xd6C\xd4^\x1f\x16\x1bQ\xb4`\xc2\x96\xfe\xffX\x88z\xb2\xdb&gt;/\x1d\x8dno\xba\n\'\xe2\x14N7\xb1\xe1\xd9Y)\xfb6\xcb\xbd\xf1\xa5M\'\x924j)\x94\xe6\xf6NV]\x1d\xb5\xa5\xa5\xa5\xae\xa3\x9dB\xe6,Cd\'\xccj\xf9\x82J`\xa9\x8dFp\x8a\x85\x82 \xc8omk\x03T\x8d#\xbe\xa1!\x9b}^a\x88n\x0f\xbb./s\x05\x13N*\xff${\x1c~\xfb\x16\xa2\xfe\xcaf\x13\xdd\x91\xb4R\x9a\x9b\x9b(,\xac\xd7ji\xa9eQ`.g\x99?\xe2\xe3\xb5\x12kk)\x8d\xfbqO\xbf\tM\x17\x04&lt;3\x04\xb7:\xb5\x18\xd6\xb0\xed\xf6\xca\xd6\xe8v43\x9c\xab^\xe6.7\xf1r\x10\xb2s8\xf1\xf6]\xfd}\x9dNt\xa7\xb1\r\xabp\x81b\x11\xc0\xce\xd7\x11)@\xc2h\xcb\xd9B5%\x83\xe0\xcekC\xf1Je/\x9dFI\xebV3\x87F\x03\xd3\xe2#\xc2a;\x88e\n\x8f&lt;\xe3:\xa9\x9e\xe4.\xbf{\x89\x8f\x83\x98\xfa\xf9YI\x9b|\'\xa9\xef\xd6\xdd\xbd\xd5X\xdfF\xe1r\xdb\xdbY\xb5uTj\r\x8bBi\'rC\xef\x9e_X\x832d\xb2\x9b\xa1\x04\x01#\x86\x8a\xf5\x0e\x87\x0c\xa2\xd1 -\x98\xe3\xe6\xa6}E1j\x88F\x15h5&amp;\xcdU_\xe0d\x03\x1b\x9ee\xcfZY0$\xd1\xe9\x860,\x98\xc6mjb\x01-\xa5\x12)\xcdM@\xdc!YP\x83\xa8\x11\x9f}\x0b\xb3Z\xb1U\x8b\x8bgu\xf0B@e\xc3#\x88O\xbf)U0\x18\x00+cA\xedR\xbc\xd4\x143\\\xe1\xb3\x08\x0c\x93\xf9\xbaClZ\xf5\xad\xe0\x18\x81\xc4w\x10\xa8X\x87K\xe9\xa4\xc0\x8dwm\xb6\xcd!\xc4G\x8a\xe5\xe3\x1b\xabi\xd4\xc5\x0b\xf2\x82\x1a3\xc4\xe4\x8fhxz\xb0\xef\x0c\xc6F4\xca\x10\xe8m\x03U\x01^^\x1eS\xae^&amp;D\x86\xba\xa5\xdd\xa2\xeb\xd7\xea\xeb\x9d\\.x\x0f;\x08uXOZ\x7f\xad^{\xfd\xae\xad[g\x9bT\xdb\xb7VW7\x06\x06,\xe2a\x9e\x06|\x92*~\x82\'\xb4\x93\x18\x8c\t\xc3v4j\x10\xcf\x00y\xf8\x88[;\x02\x8c \x1d\xf8\x05\xf8\x96\xae\xfb\xd6u\xc0\xa5u:\xff\xcb\xbb\xf9\xfd\xa6\x91]q\xbc/~\xa90\x0f\x1eY\xda\x88\x01\r\x88\xbe \x15\xe3\xdd\x19Y\xaeA\xc2x\x07\x1c/\xe2g\xb0%g\x04E\xc0\x14\xeaD\x0cV\xf8]\xa8\x11\x11u\xec.\x1bm\x88\x8c\xb0\xd6\x824lm\xb3\x84\x95\x12\xd9q\x83\xac-i\xaax\xeb(uZ\xb9I%o\xbd\x8e\x95MU\xb9i\xec\xad"[\xbbR\xcf\xa5\xff\x82\'\x17\t^?:\xe7\xdcs\xbf\xe7\xde/*\xa8\xa9\xceN\xa1Z\xae M\x19+i\xca\xb6b\xeb\xebY\x8fmB29\x19\x08\xe4\xc3^7\x13Z\xfax\xb9`7\xfa,y\xaa\xcaq\xe9\x85FsXb\xb9wa\xfb\xf4\xae!R}s\x83\xd2\x9eN\x93\xc7m\xae\x93\n\x8cP(Tb\xb4\xe4J\x0c\xda%\x0e\\13\xdd\\\xf7x\xc2\x96\x1bp\xceP\xf9p$J\xb3\xf6\x8f\x9d!\xbb1\x1c\xb6\xd5\xfc\xfe*`\xd9"\x8e\xe1\xfd\xd8\xda)\xce\xaf\xbb\x1d*aG\x97y\xddk\xaa\xe3\x80\xe5BX2\x9dT\xa5\xc8\x90\x15BA\x90\x04i\xa2\xa3\x90GcN\x0f\xa2/\x99\x8cLF\xbc\xee\xd8\x0c\xc8A\xc6\x1d\x0e\xd4\x02\x88+=z9i\x91\xdc=\xcd\x1b.\xc1\xee\x9f\xfa\xfaf\xeb\xaf\xbd\xc1\n\xd4\x96\xc2\x95P\xc9\xd0C\xca\x10f5\x11C\n\x08\x9eNE\xb0\xac\xd6\x19\x9a{\xff\xec\x15\'t\xaaZ\x91\xf6z\xf5W\xec\x80e\xab!,.\xbd\xb2\'\x89xvvO\xf5\xceF0\x92J\xa56\x8fis\x85\xc4q\x03`\xe9\x00KU.\xe1VB\x99\x00\xa1z}\xee\xba\xc6\xb0\xfc\xfe\xc6\xea\xe1\xe1\x012P\rO\xd09\xa3\xfe\x8a3\xc4,\xe6\xa1\xd6V\x1a\xe9\xe97\x9b;;[&lt;\xb8=\x05\xa9\x9dl\xb0n"q\x83A\x01\xcd],\xed\x15\xd9\x8dg\x7f\xe1&lt;\xbb\n\xeb\xc5\x8b\xd5\xd5\x93\xc3\x83\x83\xfd\xfd\xfd\xaf\xf6a\xe4\xffu\x9caf.9\x0b\x08k\xd4\xb1\xe2\xe7\xf6\xb6\xbaGR\xdd|\xf8F\xba\xb7Z\xe6\xa0\x89\xc4D\n\xb4\x13\xa1\xb8B\x17\xffxg\xd4w\xf1U\xfc\x15\xacg\xb0n\xdd\xbb5v{\xfe7\xe7~\xff\x8f\xb1\xb8\xddi\xd7C\xb4\xa2\x01\x8a\n\x04\xfc\xdc\xf7\xfc\x19\xb8v\x8f\xcd\x10,\x02\x15\x93\x18=9\xc1\xa4s\xc7\xdf\xda\xb9\x0b\x9f\xa3\xa3z\xa5T::\xba{t|\xbcw\xe7\xaf\xb7\xa7.\xc1x\xa1\xd7j\xddE\x8a\xa2\xf2\x01\xaa\xf1\x86?\x1b\xde\xc8\x8e\xc9\x94\xc11\x05A(\x85\xfd==\xaa+\x97~~\xf2\xec\x15[z\xbe\xbd\xb5\xb6\xb6\xb9\x06k{\xfb\xf8u\xf6\xf6?\xf7a\xccg\xcf/3Vs\xb8\x18\xa0\x1cpT\xafl\xf3g\xa6\xec\xde6i3\xecU\x0c\xc315\x88\xe5\xde\xe5w\xe76N\x0e\x0e\x0e^\xb5\x8e\xee&gt;}\xba\xfd\xf4\xee\xce\xb1\xe7\xe5\xb3\xfd\x7f\x7fuo\xea\xb2&gt;\xa4Yb21\x9b\xc3Q\x0c8\xa8*\x7f9\x84,\xae\xb5\xb4&amp;\x03`\x11$\xd6\xd9/o[}6^\x9c\x1c\x1e\x1e\x9e\xbcb\x82\x19vu\xf5\x00U\xd8\xfe\xad{\xc3?u.\x85\x9cz\x86\x06I\xd3tp\xfe\xf4\x1b&gt;\xad\x94\xa9\xa3`\xdde ph\xa0j\xa1\\*\xd5h\x06\xaf?\xd9\x80}\xb8\xb1\xf1\xcd\x8b\x93\x93\xd5o\x0e\x9f\xed?;x95&lt;\x15\x9fY\xb2\xeb\xcd\xd9\xb0\x83r\xc0A\x1dh\xf0\x98C\xe8^\xdbu\x12w\x11$N\x12C=\xf2D/\x8c\\\x03\xbd\x83O66\xaeK\x01oyu\xf5\xf0\xe0%t\xad\xa9)_&lt;\xe7d\xdcf\x1a\xaa\xaa\x19\xe0(\xff\xf7\x9b|\xfaa\x05\xbbGu\x1c#\x08\x92\xc4\x95B1rf\x88\x06\xa4\xbd\x83\x83\x03\x83O\x9el\xccm@\xe7:\xbc\xe8\x8b\'\x93\xbe\xb81\x97\xf3\xba\xb3\xe1\x00\x15h\xfa\xfd\x14\xaf9D\x87\xf6\xf3\x16Y!Ih\x13\x98\\6\x80\x9cw\x03\xbd\xd2A\x91\x8b\xd5\xfb|^\xdf\xe5\xcb\x17/\xc2\x8ch\x8c\xc7\x8d\xc6\x9c{\x91\xa6m\x10\xa9\x80\xbf\xd1\xb8\xf9\x9c_\xb3u\xf7v\xd6\\\x87.\x01\xddK\xa5\x03\r&amp;E\x16\x1bi\x82\xa5m\x1cG\x8d\x8d]\xb8`I\xea\x99K\x08\xcb\xed\xf5.F\x8b\xd0\xb1\x80ja\x81o\xac\xad,]\x0ff\xf0L\x06W\xe8zE"Q\xdb\xf53p\xdenL^\x18\x96H,\x91E\xbd\xdd9\xd3\xc6r{\xc3E\x87\xadH\x81\xa6\x99\xe6\xb5\xe2\x11\xd6f6\xda\x82p\xb1V\x97R\xa9\x13iD\xa2\xb6\xbbF\x960\xd8\x8dF\xbd^\xcfh\xd9\xd0\x92S\xaf\xcf\x19\xdd4\xcca\x0e\x87\xc3\xdf\x98\x9eN\xaf\xf0\x8d\xb5\x16\xa4\xd7[\xc1 k%0\x85\\*B\xf1\x92\xc9\xe4r\xb9N\xb4dw:C\x06C\xa1\xb0\xe4\x9c\x99\x81z\xa7\xc36\x1b\xb4x\x7fz!\xcd\xadl\x0bx\xc6\xca0Q\xda\x0cG\x10`\xa9d\xbd\xd2\xde\x81\x84\x0c\xe6\xb3\x1e\xb1\xca\x10\xb2\xdb\x0b\x80\xa9)\x14Bv};Z\x80\xc5\xa5\xd3\x1c\xe7wl\xf1\x8d\xc5.\xe5\xe8,\x8c\xb1\x84R\xa1\x10#\xbf\xa2\x0ef\xc5\x1e\xa1P\xae\x84Y\x15\x94\xd8\x80\xc6\xa0)\x00\x16\xcc\xd26\x9b-P\xe5V\x1c~\x8a\x7f,k\x88e\xe8l\x10M@\x98\x1c]\xbe\x89\xc5B\x18\x1b\x85\xea\xae.\xe44\x006\x97\xab`gr\x10\xac\xa8\xcd\xc1q\x0e\x106T\x91g,\x01`Y\xad17\x8a\x17\xf4\x08q\x8f\\(T\xab\xc5=j\xf4\xba\xdf7\x8b\xb4+\x8e\xe1\x19\xc6M{\xa2\xcdb\xa0Z\xa5\x10\xd6(\xffXl\xc1E\x10\xe6l\x8c\xd1\x82\xc4Q\xaa\xe5\x10\xa7!\x95z\xa8&lt;;\xdb\xd7\xd1U"qk&amp;\x134g!VM\xd0\r5\xd0Z\xf9\xb7\x80\x05I4\xb8\x14\x18\x19\x8c\x19\xf5Z\x12\xc3\x86`\t\xcb\xca\xbe\xae\xd9\xd9r\xb9\xab\xaf\\!Hs\xd6\r\xe5\xde\x0c\x04\xa8\xea&lt;\x17\xc8\xe7\x8byG\xbe\xb8\xf9\x03\x9e\xa3\x152\x808\xc5H\x939f6\x9bplH\x89A\xa0\xbafK\x95Ji\xb6\\\xaa\x9b\x82Y\x0f\xacf\x156\xe0&lt;G\xe5\'"\xa0\xb8&amp;l&lt;cu\x03VB\xa5R\x10\xb8\x961\xc7r\xa8\xf2K\xe5r\xa9T\xaf\xb7Z\xf5R\xa9R7#\xaa\xf5\xa6\x7f:M\xd5\xe69\xa0\x82.\xc1?\x96\xa0\x8d\xa5S\xa1\xcbGm,F\xd3\xb1L\xa9\\\xa9T\xea\xf5`\xab\x0e_\xc1\x18\rP+\xfe\xf4\xcd*W\x1d\xab\x15#Q\xd8\x8fE\xc9\xdb\x88\x96H%\xd3\xa9\x948\xabe\x98X8J\x07+%\x04\x94\xcd\xb6\x82\xafQ\xa0\xf6\xf6V\xd2\xe3\xe7\xc69nl,oCXQ\x89\xe4mDK\x94\x80\xc3f\x88\xb0\x9a\xccZ-\x1d\xb5\xd1-\xa8\'\x88\x11J\xde\xdeJ\xa3\xd1\x98^\xf8\xfc\xc3\x85\xaa\xbfZ\x1b\xb5E \x87\xd1\x88\xe4B\x94w\xac\xc2\xf9\xc1\x84L.\xec\xc2p\x93\x96\xd5\xba\xc3\x9e\xb0-\xeaYw4\x9b\xcd\xbd\x15\xe4ABP\x1f^\x9b\xe6j\xf3\xb5\xa2-\x1a\x0e\x87#\x11\x8b\xe4-a\x89\xfb\xd5C\x04\xcb\xda\xb5\xa8C5\xdb\xe3i\xa3\xe1\x87\x89~z\xfc\xdc\xb5\xcf\xcf-\x8c\xa7\xb9\xf9\xf9\xc9Ht\x11DW\xc4\xc2?V7`\x89\xd0#\x94Z\xad\xb2Z\x97\x80\x0b\xd2\xe8\xf0s@\x95N7\x1a\xe3\xe3\xd7\xae\xb5mH\\ml\x0c\xb0h$\x06-\x13\xfc\x97\xfc\xd3\x90A\x93\x10\xc3\xd1\xdc\xa32\x14X\xd6dv\x87\x8b\x14\xc8\x84\xe9\xf6\x1aG\xff\r\x04\xaa*U\x9b\x1c\x95D\xc2\x10-\xefb\xd2"Y\xe7\x19+\xf5\x9f\xab\x1a\x8d\x14\xbd\xd8\t\xe5"\x03\xcbZ317d\x91KO\xdf\xbc9\x0e\xfb\x0f\xd6\xcd\x9bi\x8e\x02,\xc9D\x04\xa0\xbcF_\xd22\xc1/\x96\xa0{\xb7\xf4\xee\xf9\xeb\xbd\xe8\x82\xb2_\x9d0\x14\xacV\x92\xd5\x9acY\x8f\x83B\x17k\xe9*\x00AFA\xd7\x8f\x8eJ&amp;\x16\x8d\xb0\xbc\xbe\xe4\x8d\t\x1b\x9fg\xa2 \xf5\x97\xbf\xd1W5"\xa9\\\xd8\xd9\xd1\xdf\xa30\x18\xac8A\x80f@G\x112)f=4MG\x1d\x01?\x95\x97H&amp;nxs9\xe0\x8a\xc7\x93\x92\xc0\xf6H\xf7H*\xc5\x8br\xee\xfe\xedw_\xff9\xbc\\H\xe8t\xea\xfe\xce~q\x02aa\x98B\xa1\x1c\xc2`\x12"\x08\xe8\x19\x19s\xcc\x1du\x14\xf3\xa3\x93\x92\x1bF\x86ar^\xe0JJFw\x1e\x7f\xfb\xdd\x17_\xf0\xf1\'E\xc1\xcf\xfe\xf0\xe8\xd1G\x8bs.\x95L&amp;DX\xa0C\r$I(\x95Ju\x97\xb2\x0c?]J\x0c\xc8\xdc\xb4\xad\x8d\xe5\xd3k\xb5Z\xa6\x1d\xad\xe1\x1b\x8d\xfb\xef}\xf0\xa3w\x1e~v\xda\xb9\x14\x8c&lt;~x\xe6\xd1\xfd_\x19\xe74\xbd\xb2vm\x89\x13\x80\x85#\x95J\x80\x06\xec\x13vv\x95\xcb\x18A\x9a\xb2\xeeh&gt;\xdfN\xa1\xd6d\xd2\xc6PqY&amp;\xfc\x1f=x\xf0\xe0\xbd\x0f\xfe\xf5\xe9\xa9V\xfa\xc8H\xea\xdb\xaf\xcf|\xf2\xe8w\xeb\xcb\xbf\x84QG,\xec\xeb\xf8\xa10\xa1\xd1\xb8\\D\x85\xc0\x94]\x1d?\xee\xe8\xeb\xec@\xf2&amp;\x18\xcb\xc2,\r\x05\x9f42\x19\x1cj\x8e\xc9\xc5}\xb6Q\xdb\xfa\xb9w\x1e\x9c\xf9\xc9\x99S35\x0b\x04\xdd\x9f&gt;\xfe\xf2\xcb\xff&gt;\xfc\xe4\xfe\'\x7f\x9f\xb6\xb2K\xff\x8f\x16`\xfd\x8f\x95\xf3\x8dm\xe2\xbc\xe3\xb8\xcf\xf6\xf9\xfc\x07c\xe7r\xf8r\xb7\x0cRA|69\x87U\xf6l\xe7d|\xe9,\xd2\tW\x89`-5k\\\x94\xf0\xc7\x9aR9\x82\x88\x10\x95Q\xcd\xce\x1c\x8a\xdc\xb2\x17e\x16\xcd\xc8\x16X\x95d\x9a\xd1\xe8Tx\x81D\x97\x92L\x89\x16\x05"E\xbc\x19y\xc3\xa4\xbeA\xbc\xa0/&amp;Qu\xeb\xf6\xfd=\x86i\x93\xa6\xad\xab\xf6(\x90?\x98\xbbO\xbe\xdf\xef\xef\xf7&lt;\x97{.\xcf\xed\xc6\xc2\x0b\x89\x02V"\xe2\xe7\xa1\x98\x88E \xd6\x80t\xc53t\xba\xe7Xk\xact\xac\xbb\xbb\xe7\xa5\xa3\xa3[\x7f0\xdas\xe3fPmY\xbb\xfb\x7f\xf9%\x11\x10\xea\xcc\xdd\xc5\xb5\xb5\x87k\xab\x0bS\xca\x1f\xdf:\xfe\xfa\xf1\xd7\x9e\xa7h\x01\xeb;\xdf8t\xe8\x10\xa02\x99\x94\x18\x01\x97\xdb\x9fB\xe2\xc7\x06\x06\x0e\x9f\xda\x7f~\xf4H\xff\xbeV\xb6k\x9e\xb0\xd0[\x7f\xdc\xff\xa7U\xddh_\xfbtf/\xc6\x96\xaf\xbf\xebm\xd3\x96-{gj\xb5\xd9/VW\xc1\xb40\x05\xac\x0f~\xf8\xfa\x85\xdd\xcf\xed\xda\xdc\xe5\xe6\xdd\xac\x14\x0f5\xc3\xc3L*E\xb7b\xb7G:K\xc3\x03\xe3h\x15\xfb\xcf\x9f?9q\xac\xad\x8d\xed\xe6\'\xac7N|\xf7GGo,D1V\x17\xff\xfc\xc5_\xfeP\x9b!\xb4\xaf\xc5t\xa6V\xcf\xe5s\xf5\xc2b\x10T\xc1\xa0\x12To}\xff\xdc\xf7.\xbc\xc6\xb0\xe8\xde9\xe4\x82\x8d\x04&amp;\xba\xe9\x1e1\xdf\x86U\xe0\x9e\x81\xf1\x93\x17\x0fl\x9d\xeb\xdf\xd7\x8c+\xc7\xd6\xd2\xbe\xee\x9e\xb9S\x07\xde\x19\x1a\xba\xf2\xb3d\xd6gH\xea\x14\xbe\xc3\xb5O\xeb\x9a\xf6?\xff\xd2\x0fX7S___/\xe6+\xf9\xdc\xc6rp!\xa8HA\x80\x1d\xfc\xe8\xdc\xaf.\xfc\xf4\xf9o\x92Z|\xd7\xe6\x1do\xa2gub5\xdf\x9c\x81\xa9n^\x8c\x8d\x9f&lt;\xbcg`\xcf\xdc\xe8\xd0\xe9\x97\xba[\x19\x16\xe4\xea\x07\xd6\xab\x07F\x8f~p\x10XQIRT\xc57_\xd0Ls}v\xefW\xf7\x92\x98\n\xeb\xe5\x8d|\xbdP\xcf;\xb4\xfc\x93\x87\n\x0e\xa4*8\\\xfa\xbds\xc7_|\x81n\xda!\\]\x9bS\xdfB\'\x15i\xdf~\xc6\xebuw\xa5\x9a\xfb\x06\xb0\x8a\x1e\x1b\x9f\x1b\x1d=\x82\xc0\xd3]\x18\xcc\x00\xdd\x13G\x87\x0e\xbc\xf3\xc6\xe9+w\xb6\xb5\x18\x86\x11\xd5%E\xc9&gt;\xca\x87\x85\x90\xb3\xbc^\xfbj`\x8c)\xbf\xbe\x9e/\x16\n\xf5\\\xa5\xe2\x08kO\xd6p\x1c\x15\x7f\x94`\xfaN\xcf\x85\x17_\xc0\xdc\xd3\xe5\x85&lt;\x90\x0bT\t/\xb8DQ\xc4\n,6&gt;&gt;\xd6\x87\x9e\xb0\xe7\x14\x05\xbe\x8d\xd4jk-\xf5M\x1c\xbdr\xe2\xd5\x13W\xde\xb9\xd4\x02\xb5\x80\xa5KR\xf6\x81\x16\xb6\x99\x9cS\x96\xb5\xda\x99\xff\x16\x7f0\xcd\xd6\xf3\xf9b\x1dHu\x18\xa8904\xd7\xc3(b\xa5*AE\x91\xee\xf4\x1c\x02\xd6\xae\x06\x16\xd2\x95I%\xa8\x95\x8a\xd5ix\xd9\xd67\xd07|\xb5\xb7\xafob\xee\xe4D75\x0e\xcaV\tj\x8d\x9e\xff\xf5\xb7\x87~w\xab\xc5GXQ\x95\xb0\xcav9\x14\xe2lV\xa7u\xa38K\x85\xb9\xe9?\xe9\x04\x95j\x85z1\x07\xa6p\x00PaG\xc5\xf9 \xa9P\xe0\x83\xaa\x92~\xaf{\xf7\xce7I-\x98\x88t\xa5RX\xe0\xd0u&gt;\xa6\x1d\xf4w\xba\xf3r\x19W?}{H\xac\xe9\xce\x9d\xb4\r\xe2X\xf7\xc4\xdc\xe8E\xac(\xde\xdd\xe6#\x0f\x81\xa5\xaa-\xcbeg(.s\xf6p\xd8S\x0ek\xb9ba\xf6\xdf\x89F=\xb3P$\x99\x9e29\x02\x18\x0e\xa6Vy\x19jQ\xe0%U\xbd\xd6G\xb7{\x98\x89n7{\xf0\x02\xe9\xf7\x02+C\\1\\\xc2N^\x8e\xf5\xa2uu\xb7e2\x84u\xe18\xc3\xda\xff\xca\xd6\x13\x9fl\xf3Q\x83\xd0u`\xf9\x16\xcb\xd6\x10\xd4r\xda\xe9$\x9aC\xdb@\x94g\xff\xb5e\x10S\xad\x0e\xa4Z\x01h0\x0f"y\xec\x9e@8\xcc\xb0\x02\xcbI\x85\x1cT\xf4\xa8t\xfdp\xe7\x8e\x8c\xb8\x8b\xed\xfd\x89\xf8#\x88y\xaa\xcb\xed\xe7yo\x02\x14\xd3\xd3t!{96&lt;&gt;0Vj\x16\xc5N\xcc\x01\xa4\xd6\x18\xfd\x10\xf5\xc4//m\x8b\xea\x14x|wQ}&gt;`\x0b\xc9\xb2\xc9q\x82\x07g\xc1\x99\xb4J&gt;\x7f\xb70\xf3\x0f\xb0M{gfAD\x83\x94*\xb2L\x05\x18VC\xae\xc0\xb2AP\xaa*E\x8d\xe4\x97\xd3\xbbR\x89]^`\xa1O\xd1F\x88\x14t\x8b\xf8\xfd^\xb1Jc\x1a\xd7\xfcW\x87\xc7\xc6Jm\xcd\xd5\x04\x04D\x9f\x07\x16\xa6\xa3\x8b[?\xbae\xe8:\xc4R%U2\x82\xf7\x03\x9c,s\x9cK\x10lv\x80i\x8e\r\xe2\xcaU\x8a\xcf\xc0j\x85\x1a\xfd\x92*\xa2"\xad\x8a\xb9\\\x85\xa8\xc8D\xa6\x96\xc3\xb1\xa8\x93\x85\x90\xde0\x927o{\x11(/\xef\xe5\xb73,/uV\x9eG\xcfjD\x9f&lt;\x1c\x1e\xeeE\xcf\x12E\xbae\xd5\xba\xaf\xd4\xdd?&gt;prt\xeb\'\xdb\xa44\xb0\xa0\x15\x0e4\xb5\xe4\xe1h\x086\x9b\xd5n\x0fxp.\xadR\xa9\xe0\xdc\xda\xdd\x06\x18\t5[#0\x96+\x92\xcb\x11\xb0{\xe0cC,Gx^U\x19\x97dd}\xc9\xb7\xab\xfc\x0e/\x06\xa9E\\\x89\x14\x99\xe8\xa6}o~\x1ek\x9bI\xa8\xc5~d"V;wB\xadX\xa9\x84E\xc5\xdc\xdc[\x1f\xfa\x08K\x07\x96\xa2f\x17F\xac\x9c\xcc\t4\xec\x1e\xb7\xbf8W\x00\x00\x07\x8cIDAT{#0\x1a\xf4*\x16+\x1a\xfd\x9a\xacM\x16H\x07\x14\x8a\x16\xa9\x85\x0fsy\x8d\x84\n&lt;\xc3\n\xdc_\x95\x9eb\xa1\xf1\\\xff\xebc7OX~\xc2j\x8a$D/R\x867\xda\xcc\xe5\xe7I.R\x0bb![\xad\xc4\x15+\r\x8f\x1f9|-)I\xaceA,\xbd\xfd\x81\xcb\xca\x85L\xa7\r\xc3\xd3\xc0\x02\x15\xb3\xb1\x98\xdf\xa8\xe4\ng,a\x8f\xa7\\.\x93\xb59f!\xd4\xd2\xa8\x08\tK\xa3*q8\x17\x1b\x95\xa8b\x81\x995\xce^\xe5\x9b\xe0\x9b\xdb\xcf&amp;g\xbf\x1b\x84\xf8\xc4\xef\xa7\xe7\xb4\x12\xa4V/=\x10\x95\xf1&amp;\xa0Vs3\xc5\x0b\x9d\xa3\xff\x95\xeb\x92\x9a\xa6\xc0\xa3i\xa9:\n\xd1\xce\x99\xa6\xcbE\x16\x82\xca\x8a|\x01\x8b\x14\x82\x8f\x150X\x02\xf8\xba\xcd\xe6\xb4\x87\t,\xc7\xd2\xc5\x1ai\x00\xb5\x8b\x97\x06\x04Y^Z\x8b\x12\x97\xaa\x1b\xd9\x96h\xfa\xda\xe7M&lt;\xdbU\xb6\x9d=\xa0\x05\x18/=iGsb&amp;3}\xf9jo)\x869\xd2\xeb\x15\xb1\x8cn\xf4\xf9\xde}\xe3\x10K\x85\x87\x92\x84\xc8+\xbe\xa9\xfb\x01\xab\x0b\x81\xe7l\xf6\xc6\xf0xH\x84\n\xc3"yr\x16\xc4\xdb\x86j\x00.\x12W\xa4/\xe7+\xc0\n#\x84\x9a]\x90\xe3\xf1xH^\xd4\xa5\xa0\xca\xb8Z\xb2\xc6\x87_&gt;\x8e\xf0\xee\xa6H\x13\xb0hg\x19O\xc3\xcd\'`[\x86*\x11\xcb\xd5\x8c\x17"\x02\x12X\x99\xe6\xc9Xk\xec\xe7\xb7t%M\xd1B\xd7\x92\xf4\xec\xb2\xd3aw\t6\x81N\x1cx6P`\x84\xc0\xc8\xf2\x96@\x98iH\x1d\xaa\xa2ia\xbb\xd3\xe5r\xe2\x13\x8f\x15H\x83\x83##(c\xdb\xd2C\x03&amp;\xa2y\xe9\xbe\xf6l\x12\xf1j\xf2\xbb#\xec\xc11f$\x8f\xde\xea\x15\xc5\xaa\xd89\xd969=\xd9\x9cI\x81\x8aav\x02tr\xb2\xf9\xc6\xf5\xa4*%\xc1\x85p\xe9R6xO\x8e\xa3=\xd8\xac\x82`\xf5\x90P\xe1F\x8bDW%\x83H\x13\x0b\xc3\xc5?\x81\x03\xa5\xc1\xc9!\xc8\xc3\x85\xe2#\x83\x18\x10\n\x1d\xcf\xb4\xd9\xeeM\x81K\x02Y\xd4\xc8\xa2K|\xb6\xd2\xe4\xf6?}\xa2\x8d\xea\x91\xf7\x03\r\x1c\xd4P3Ut~\xa8%\xa2\x163\x99Du\xba\x9a\xf8\xf8\'p/\x9aLK,ZF\xfb#W\xfc\xfe\x12\x1d^\xa0\x82\xc7\x08\x87\xc9BfR\x19I\xb7[\xad\x16\x86\x0b{\xad\x82\x89\xe9 &gt;B&lt;KK \x82}@\x92M\x13\x95l\x9b7\x8c)\x85\xa6F)\x8b.q\xf6s\xd4\x1dm\xa5\\i\x90!\xf1d#\t\x84\x15\x05\xc5\x0cXU\xa8%&amp;\xf0\xf7g7\rPEI+x\x18m_\x1b\xb4s\xf1\xc1\x90\xbc\x84\xd3\xc86;U=\xbctT\x1a\\\xd0\xc8j\xf5X\xc80&amp;\x129\x86\x01\x1a\xb9\xd1\x80\xd1\x87C&amp;\xde\x9b\xb2\xecr-f}D\x85UD\xd6\x17M\xbf&lt;\xd9\xf4x\xfb\xf6\x8e\xc6@\xf2#\x8d\x84\x81\x8b:-\xae\x83\xd8\xc7U\xa2J\x1d&amp;*\x89\x90\xe8\x9d\xd1\xbe\xba\x84\xc5\x03\x17\x0f\xd9\\fh\x10\xa2\x8d\x84\\\xb0\x11\r\x9c\x9c\x0c\x90JH\xba\xc5*3\xc3\x00\x14\x82\x89\xa8\x0f\xd9\x14\x9cN\x97,\x0bN\x81\xa3\xaf\xb8L3\x14w\t\x8f\x0c_pJ\xa2\x85\x84/\xaa\xdf\xfaM\x024O\xb1:\x1a\x01#\xc9P\xa2\xfe\x04\xed\x1a\xe4\x99ZU\xaf\x98\xb8}\xf6\xa0\xce\xa0\x14x\xa8G\xdb\xa7\xeeY\xa1\x95\xec\nqVg\xd9\x89C\xff\x8d\xc8\xe0\x08*\x9fz\x18+K\xbb\x85\x98\xa8\xda\xd8\xc4\x899\x8a{b:\xadN\xb0\xe0c\xc1EX.\xce\x8c\x8f\x08\xdc\xa2\x9a\xc5\xba\x0b\x82\xe9\x86\x94\xbe\xf4\xf1\xe3\xf7W:\xfeI.L\xdc\xb49\x96u0\xb2\x95\xa2\x86V\xbb\xf9\xf6\xb5\xa7ZI\xb4\x02\x89\xb6\x07\xe7\xad\x1c\x140\xe9\xb8Ng\xb9\xec\x82\x088\xfc\xe0H\x9cV\x14`C\xa0\xac\xc8V\xc8DzB\xc86\x9c\xc3\x0b\x05\x97\x89(\xe1?\x11\xa3\x8df\x07\xc8%CQ{\xf8\xdeB6\xaa\xb0zL\xab\xc9wo\xaf\xac\xb0\x87q\x19\x16\xa5\x8b\xf2\xe5\xc6\xa4D"6E0I\x8a\xb0\xf2\xea5#\x9aF\xce\x89\ni\xff\xc5\xd4\xbc\x8b\x0b\r\xc69@\xc1\x13\x14\xa2S\xa0\xf7\xf8D0)FH\x90\x80"\xb4[8:-\xb0\xf0FX\xa4\x13\x07\x14\xbc\x94\xb4c\x03/\x88\xc7\xcd\xb0c\xf0\x81\xd1\x02*\xe4^\x8f\xfe\xf6\xed\xc9\x8e\x95\x8e\xf7;H2\x00R\xbc\xe8\xd1Wz\\\x98H\xa9\xfb\xa3\xffO\xbe\x9c\xa4\xc9Ygm\xd4\xc8\xfe~u\xde\xe4X\xa9\xd3\x19\xe0\t\xba&lt;\xe3\xc2\xc0&lt;\x84\xd0\xe0\xfb\xa7R\x13,\x1cq\x01\xec\xefE\\\xc1j\xdb@\x14\xb4v\x17kU\x1d\x92\x14\x93\x8d}-\xb6e\x92\x9c\x02j\xc9!\xfe\x80\xfc@s\xf0E\xbf\xe0?\xd8S!_\x90\x82\xf07\xf4fr(\x86:(`\x02\xbe\x08\x87\xc89\xa4\xbe\x85\\\xe3\xf8\xd4tf7M\x17#\x19!yG\xf3f\xdf\x8c\x0e2\xe9\xea;\xba\xe8\xec\xb8FG\xdeK5\x8f\xa5\xcclV/\xf26\x14\x864q\xf0\xe5\xf2\xe7\xc7\x0b\xb0\xe5\xf9\x9a\xf97r\xb7\x1d(\xff&gt;\xf3gpu\xfe\xe7\x84\\!p\x03\xd9\xd6\xd5h^&amp;\xacUb"\xc0\x12Jpc\x85\xe6,\x8c\x121\xa1E\x81\x19f)a\x81\x8e$\xe9c\x03\xe1\x11\x03\xbd\nC\xf3\\\xec\x84\x90\xda\x95\x18M\xf7\xf5\xa9s\xda\xc8\xf3\xbc\xd3\xf8\xf1\xed\xfb\xec\xf6\xf6\xe2\x1d\x18\xfb\xfd\xe1\xe1\x8eG:\xfb\xf4\x811\xe7\xf7\xdd\xf1\xc1]\x93\xeb\xa4y&lt;\x1au\xaeKJ\x08\xc0L(\xa3H\xb9\x02"@\xa0\x81\x87\x98H\tE\xeb\xc6l`\xadF]\x83;\xb4\x82\xc0D\x9e\x1aw\x96P\xde\x94(@\t\x06\xdd\xc5hz\xa8$\xa4\x9fwN\x1e^V\xe3\xb1\x07\x061\xf1\x15\xe6\x1d\xaa\xed\x16c\x7f\xfb\xfc\xfc\xfe~\xf5|\x89\xeaQ\x8c\x8d\xbd\xab\xbd\xfc\xa9\xcc\xd8\x0b\xb3!Z\xe1\x1b,\x0e\xde&gt;\'t\xde\x88\xbe\xef\xf4\x1c\xd4\x14\xd1\x19\x97`}\x95\xff\xb1\x05@\xce\xb2\xb8\x0fB\xacL\xc0\x8b\xe3\xee\xc0N\xe6G[\xad\xbc\xf5\xab\xda5\x9b\xf5j&lt;\xa3\xb4\xf6\xf7\x1dM\x17@5\x1e\x8f\xd7\xeb\x97\x17\xdbM\x1e\xf1\xb0\xdal\x1c\xb5\xaf\xf6\x0en\xa6\x19*\x16\xa4h\xd7\xa0\xab\xcf\xc9!+N\xa6y\xdb\xae\x86\xfe\x0b9\x88L\r\xb3\xa2A\xb1H\xff\x95\x04\xd6\x04\xe3\x99p\xd1\x19f\x10paja-Z\xde`\xa0\'\xf3\xe6\xd9\xd9\xe9SWf\xc5+\x90\x815?V\xab\xd5\x1a\xc3J\xae\xe5xz\xcc\x7f\xac\x1cm\xb5\xe6\xd32\x11\x02\xc7\xd0\t\x00+a*%O\x9c\x0b\xb8\xe0\x8d B\x02\x07`\xf9\xb6\x14\xd5`\x93\xbb:4\x94a\xe0X%\xa7\x80\xe5\xda\xad3x\xcb\xe0\x03T\x91\x83\xc5\x0c\xf9U\x94\xd77\xed\xcef\xa0\x86UU\xa4\xd1r\xb9\xd9\xe8\xf5zYg\xfc\xc7\xe3r6\x0c\xd2\xb0l\xb5\x1b\xf9\xcd\xfcz\xf1\x1c\t\x1d#\x1f\x19:-l\x84\xce!\xf5;\xae\x90\x0cq\xe3HC\\Ua$kK\xfc\x90\n\xb8\x10\xfb\x14&lt;kM\x89)k\xc9#,\x01\xde\t\x80\x1a\xc7\x84\x8d}\xb8E&amp;\xean\x16\x8f%\xec5\xce*X[QV\xc3p\xb7\x8eG\xbe\xbaL\x0b\xf8pQ\x98\xc9\xc3\xb4\xcaRm\x97\xbd\x9eb\x8f1\xcep\xbd\x99\x84o\x1a\n\x1d.\nKp\x15b\x192\xad\n)j\xc8\x9f\xb8\xcc\x992\xa8\x0c\x9d\x04=,p\xe5\x8b\</t>
        </is>
      </c>
      <c r="M218" s="3" t="n">
        <v>45492.67648148148</v>
      </c>
    </row>
    <row r="219">
      <c r="A219" t="n">
        <v>840077</v>
      </c>
      <c r="B219" t="n">
        <v>49202</v>
      </c>
      <c r="C219" t="inlineStr">
        <is>
          <t>Lucas Mineiro</t>
        </is>
      </c>
      <c r="D219" t="inlineStr">
        <is>
          <t>L. Mineiro</t>
        </is>
      </c>
      <c r="E219" t="inlineStr">
        <is>
          <t>VOL</t>
        </is>
      </c>
      <c r="F219" t="inlineStr">
        <is>
          <t>VOL</t>
        </is>
      </c>
      <c r="G219" t="inlineStr">
        <is>
          <t>VOL/MC</t>
        </is>
      </c>
      <c r="H219" t="n">
        <v>188</v>
      </c>
      <c r="I219" t="n">
        <v>30</v>
      </c>
      <c r="J219" s="2" t="n">
        <v>35118</v>
      </c>
      <c r="K219" t="inlineStr">
        <is>
          <t>Left</t>
        </is>
      </c>
      <c r="L21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7a108929-f3f4-4046-8191-61aa55c01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]\xe9V\xdb\x00\x00\x00&gt;tEXtComment\x00xr:d:DAEewil2SDw:3197,j:2859061571337059036,t:23090301\x03\xa6\xfc\x13\x00\x00\x00\tpHYs\x00\x00\x0e\xc4\x00\x00\x0e\xc4\x01\x95+\x0e\x1b\x00\x00\x03\x00PLTE\xff\xff\xff \x1e\x1b\xfe\xe9+$!\x1c\x18\x17\x15\x14\x14\x13\x1d\x1c\x19\xff\xfe\xff\x1b\x19\x17\x11\x11\x10\xfe\xeb5\xfe\xe9/\xfd\xe5"\xfe\xe9\')$\x1d\xfb\xe4\x1e\xf9\xe4#\xb2\x86W\xac\x81Q\xfe\xe7$\xb8\x83T\xfe\xeb0/(!\xb7\x88T\xfa\xfb\xfb\x13|S\xa8xH\xc0\x8aW&amp;#!\x12qK\xb2\x82R\xfd\xfd\xfd\xb7\x8aZ\xa7|N\xac{J\xc2\x8e[\xbb\x8e\\\xfe\xec=\xbc\x86P\x12wOD7*\x9cmD\x9frH\xbc\x87W\xcb\x9ec\xad\x82W\xa7|V\x94b9\xa4vM\xfc\xe2\'\xa4tF\x97oJ\x8c_7\x9dtN6,$\xaf~N\x0flG\xf7\xf7\xf8\xc7\x9ab\xf4\xda\x1a\xfe\xe7*\xb6\x8cg\xbc\x93chG\'\xf0\xd5\x1b\xa6\x81]\x97iC\xba\x8dV\xae\x85^qM,\x99f;M=.UD5:1*\xf3\xdb$\xf7\xe1\x1f\x1a\x8c]\xb9\x81M\xb2\x89a\x10dB\xbe\x8aP@0#\x7fY1Y&gt;\'\xfa\xe1\x1b_G1\x83_B\xc0\x93[xR/\x90eC\x18\x83X\x96m6\x8fiL\xc8\x96Z\xed\xed\xefO9$\xf9\xde%\x8dj9\xfb\xe7&amp;\xad\x87h\xb8\x8flhK2\xc4\x92b\x97sQ\xb5\x85M\xed\xd6\'\xf9\xdc\x1a\xa1yP\xb3\x8aY\xb4~I\xa0yH\x9ezX\rZ;\xe2\xdf\xe1v\\H\xa3oA\x84]7\x9fj=K0 \xc2\x97kwY&lt;\x91m?\xf3\xf3\xf4\xec\xdf/pQ7\x80Y?1..\x99sB\x88fD\xc2\x92S\xfe\xefF\xf4\xe4)\t@);(\x1b\x9fu&lt;\xfd\xe52\xd6\xd3\xd4fO=&lt;87\xec\xd0\x16\x93\x86-\xe6\xe6\xe9\x8dX,\x8eWI2!\x18\x9f\x95/\xe3\xd60\xd4\xbf*\xdb\xca)\xa4\x80f(\x1a\x13oV?\xbc\xa8#\x0cP3\xce\xcc\xd0\x93nS\xae\x82F\xf4\xe42\xfb\xe7/\x1a\x95b\x84\x80\x82\xdc\xd9\xdb\xa1y`*(\'\xaf\xcc9\xb3\xa3\'\x8f\x8c\x8f\x83N(\xadtA\xc1\xbf\xc2\xbe\xb13\xa0\x9d\xa0\xc4\x9br\x99t[\xe8\xd1 \xd8\xda2\xab\x9e/\xad\xa9\xaanih\xc6\xb4.\x85fN&lt;\x86E}L:}wuRMK\xc9\xc1&lt;\xb6\xb5\xb8g\x98&gt;\xa6}@(yF\xca\xb5\xae\xcc\xb9#O\x834e:\'\xbc\xc6-\xa8\x96\x1c\x1cpEGAB\x9c\xbc@\x87\xab&gt;\xe1\xc8\x1a\xe6\xe0:\xd6\xc8;\x89x\x1d-\x7fTui%\xb5uib`c(gCXX[r\xa8F@lCv@\x1f\xbd\xb4GYS)\xaa\xb7+\xc6\xd47\xa7\xa0@*\x88d\x84\x9d*%V8\xb2\xa8?/r9\xc2\xd8\xd0\x9c\x95B\xef\xea\xe5\xcd\xce.\xf6\xf5\xd9\xae\x95\x8aAP4\x84\x82M\x9b\xac+\xa0_RL\x92H\xf3\xe8&lt;b\xa1\x8e~z:\xf2\xec\x9cb\x99tw\x89*\xc5\xa6\x95\xed\xe2b\\rG`-\x13\xac\x86w\xa4\xc7\xc1\xd9\xe6\xe3\xc3\xd0c\xfb\xfb\xef&lt;\x90vnkA\x82\xaf\x9b\xc9\xd5\xab\xda\xc5\xbf\x89\xb8\xb6\xa1\xba\x8cvD\x85\x17\x00\x00 \x00IDATx\xda\xc4\x98\xcfk\x1a\xfd\x16\xc6;\xcc8N6\x03\x862\x11\xef\x105W^\xc6\xbc$\x11cFf\xf1&amp;\xd4\xc4_\x8b70\x06S\x03\xc5\xd0\x85\xb7\x81\xd8\x14S\xe35\x92\xd7f\xe3\xc5\x08\x86\xacZ\xb0\x1bE\xb0W$\x0b\xa5\xa0\xb8\xb8\xd0E\xd6!\xff\xc3\xfb\x87\xdc\xe7|M\xdf\xfb\x07\xdcI{\x88ubh\xe6\x93s\x9e\xefs\xce\x99g\xcf\xfe\x9f\xb0\xdb\xedn\xb7\xd3\xe9tS8\r\'\x0b\xb7\xdd\xfe\xec\'\x86\x9d\x80\x0c\xa3\x92\xcdf+\x15\x03\x17\xb3\xab\x8aAd?\x8f\xcaY\xc9\x1aF\xb6\xde\xea\xb4\xea\x1d\xbc\xea\xfd~\xbdPo\x15\x9a@\xfc\x89\x19s\x1b\xcdB\xa1\xd9o\xb7\xdb\xa3q\xaf7\x1e\x8fG\x0f\xe3\xdex\xd4\x06\\!K\x19\xfbIX\x95\xc2\x7f\x86\x83\xd1\xdd]C\x8b\xc7\xb5\x92\x99Dh\x9a\xa9M\xc6\xedA\xab\x99m\x1a\xf6g\xf6\x9f \xacla\xf8\xf5*\xa1%u]7k5\x05\xa1+7\x8a\xac\x98\x9a\x96\xe8\xa1\xa6M\xe7\x0f\xcd\x18N\x1f\xd2\xe0lN\xff&lt;M\x1f\x9a\xba"\xcb&lt;O/^f\x97\xf4\x8d~7j\x0f\xea\xd0\xff\x0f\x94\xbeQ1\xe8\xe0\xd5\xc7q\xb3\x86\xec\x80\x83\xe3DQ\x14$\x1e\xd7t%\x89 LN\x06\xc3a\xab\xe2\xfcQ\xd2wg[\xd3?\xa7\xfd\xfap\xa2\xc8\x1fA\x02\nI\x92l6A\xe28\x89\xe1I\x12\x07.]K$\xc6\xfd\xe6\x0fJ\x98\xdb\xe8\x0cO\xd3W\xa7\xa3\x89.s"\xc7\t6A\xe49\xc2\x129Q\x12\xc0(R\xa0\x92\xb2\xac4\x1ez\xfd\xa6\xf1\x03\xc0p\xfc\xa6\xe3\xc4\xa1\xa9\x99\xbaL\x99\x12\xc0\x83\x1aJss\xa0\x13m\x944\x91\xf8PH\xd2X\xf2n4\xa8W\xdc?\xc0B\x0b\x83\x89f\xd2\xc1\x03\x16\x8a\'\xd8$\x08J\x98\x9b\x9b\xb3\x11\xdc\x1c\xbe\xe78^%fp)\xd5\xc6h\xd0q&gt;=\x96Q\x1f%\xf5\x1bP\xdd\xc82\xd5\x0e\xc9\xe2\x91\xb29\xe2\xb2=b\x81\tT"\x87\x84U\xab\x0f\xc3\xa6\xd3\xfe\xe4\x87\xb09\xbc\xd3\x15~&amp;\x1d\x08\x0b\x1c\xbc\xca\x11\x90M\xa0\xa0\x0b^\xe6H\xf7\x10\x1a\xa7v\xbb\x0f\xd3B\xe5I\xb9\xec\xceB\xbd\xd0\x1f%\x15\xa4\x89N\x1b/\x11\x04.8\x01PL\xf5&lt;U\x13\xe2\x17\x80\x84\xbc\xa9\xaa\xda\xbd\xebM[\x9d\'\x04s;\xb3\xd3^\xfb\xbe\xa1\xeb\x8aD\xb7%E\x11\x8a$1\xaf\x92l\xf8T\xc4\x17\xae\x81\xcd\xcb\xf8\x98,MmL\xee\xdb\xfd\x82\xf1T\\N\xa33H\x98\xe85\nN \xa8X\xd1\x88\x8ax8\x0e\xf9\x12\xa8\x94"q\xe2\x0b\xee\xc1w9TR\x96\x93w\xe3a\xe7\x89\xb8\xecF\xb6\x85\x02\xd2\x11$G\xe0PB\xa6 \x8e)L\x12f\x8a\x07\x18P\x04\xb2\t\x00)8\xab\xc8\x9b\xae\xdf\xf5\x9e\xc8&amp;\xec\xcels:![PP\x19\x1e\xcab\xb9\xa1\x1c1\x9d\xdb\xfe\xc2\x12\xd8;e\x92\xd0qRa_\x8d^\xe1i\xec\xden4[\xbd\x06k\x81\x0cK\x84+\xd8\xd8\tdo\xf4\x0f;\x89\xb6\xeff!\x10\xb0\xc0l\x16\x8dh4-\x18O!{\xbb\x13\x13_U\xa54\xa9&lt;d\xc3\xeei\x13f\tzT\x93$1\xb0G\xd4\x99_P\xafD\xe3\x8e\x8f\x86\xf5B\xc5z.\xccW\xfd1a\xe1&amp;\xd4\x0b\xa5\xc7l\xd1\xdd%\xea\xccI\xdd4M\x85\xb5\xc7\xff%\x90\xbd\x81\x0b}{4\x18t\xdc\xd6S\xc1H\'\x84%\xf0d\xe0\x02\r\r\x94\'$N\xd1\xd2\xb9\xe8\xc5E\x06\x11\xddC\xaf\xe4\x1f\x91\x1f\x8b\x8c\xae\xa4$\x13\xe9O\xe3i\xd3z\xacJ\xb3\xdek\xa8\x8a\x8aL\x89d\x05\xcc\xd7EN\x95\xf5x.u\x1dB\\__\x7f\xb9\xfe\x12\xdd\xda\xda+\xdd\xfc\x95K\xa6}\x9e&amp;\xd6x\xafc\xf9,a\xc78\xd3\x9ety\x9a\xae8^\x9c\x9d=\x81\xd7\xe3[\xd1\x14!\xadQ|g\xfb\xf2e\xabT\xfb(\xcc\x94O!\xf1\x8a\xa2%0JX-z\xb7\xd1j7\xba\xe4BdI\xd2,Uz:s}MH\xb1H,\x16\x89\xf8\xfdg1\xa2cd[\x877\xd2\xdc\xacQ\x92\xfe&gt;\xca\xa6\xf60\xa87-\xf6T;\x06\x87*\xdc\x9dc\x13\x16+\x8d\xbc\x97B\xf1\x80\xe4\xf7//\xd3+\x18\xc4{,\x06\xb4\xd0#\xd8\xcc(\x98\x04!zm\xd2\xeeg\xad\xc5rg\xa7\x13\x1d\xe3(\xf3+f\t\xb5\xad"\x12\x15\x01N \x10\xc0\xcb\xeb]\xf2z]A\xa4\xec\xec\x11\xed\xcbV\x8d$\xc8\xa6\x1d\xf2\x08=y?\xb5v\xc6\xc1\xfcNV\xca\x9151Y\x89f\xb4\x08\xa6\x0f\xcb\xc0Y\x9d_E\xcc#\x16\xc3K\xae\xe0{\x04#\x0b]G\xcd\x99\xe3\xcf,\xb5Z\x9d\x8c\x07\x05\xb7\x95VZ\x98\xdewU\x15P"\x93\x95df\x8a\xb3L\xad vvwVvv\x1c\x88\xc5\xe7\x8bo\xc3KK\xff&amp;.\x92Y\xaa6\xc3\x9a\xa3\xe3\xa1\xab\xdd\xe4\xa8e\xa1\xba\xb0V\xb4\xab&lt;\xb0\xe0V\x94+P]\xaf\xc5\xce\x82\xc1\xc0\xaa#\xbf\x8b\xaf\xdd\xdd\x9d]\x0fb\xe1\xf9\xf3\xa3\xdf\xdf..\xb9f\xf9Z[\x8b\xde&lt;vH\xbe\x8b\xbe%r\x8dv\xcb\xb2\x96\x8d\xd9\xa1\xff\xa0\x12\x16\xc6\x02\xf2!\xe5"\x14\x8a\x9d\xbd\x0f\x06\xbc+yO\x9eb7\x9f\x07\xd4\xc2\xc2\xf3\xa3\xa3\xdf\xc1\x15F-)a\xa1\xd0\x1eO\xa3\x85\x8dS\xab\nr\xcd\xa9\x93^\xc1*y\xb9\x8d\xc2\xf0A\xe5\x08\x8b&amp;\x19IM\x14Ck\xa0\nz\xc3\x8b\x8e\xbc\x83\xca\x98\xcf;&lt;\x9e\xed\x85\x05@\x01\x0b\x85t!a\xf0\x8bP\xa6\xc4\xd3d\xa8\xaa\n\xdeeE\xbd\xeb\xb5,\xc2B7\x84\xc1\x83\xea\xfb\xca\xacS\xb2@\xe5Z\nC\xe7\x10;\xb8&lt;\x0e\xc7\xf6\xdf\xb6\x81E\xd9z\x0b*W\x90\x14\x16\nE5\x19\x07\x85\x06k\x9b\x8d\xd7\x95\x06L\xc2mQ\ra\xa5\xd8\xb1h\x1e%\x8fW\xb5\x14\xec\xea\xbd\xcb\xb5\x84\xf0\xd2\t\x9c_q\xe4=\xdb\xdb\xdb\xbfR\xb6\x8e@\x85p\x05q&amp;\xfdk\xa1T\xda$\x17\xc66\x84\x19Z\x91\xb1\x9f\x15,\xda\xcf\x8c\xfe}UE\xe3\xe1\xd9\xfa\xa5&amp;/@\xe5\x0f.Q\xa5\x80\x16\x86_\xcd/: \xac_~\xa1l\x11\x96\x8b~\xb4\x1c!\xdb/\xe6\x0eu\xf4v\x91\xa6G\x91\x93\xb1pX\x84ew\x17\x06#\x8d\x960\x12\x16\xaf$\x90\xac3T\x90n\x8d \x1b\x9d\x87\xc8\x16\x01\xb6ptt\xf4\xfc\x08?\xf1\x06\\\x01\xb2\xd6X,\x94\xd93q\x06\x05&amp;\x02N\xbd\x1b\x16\x0c\xb7e\xb65\x86\xc5\xa3\x0c\x1c~q2]\x86\xb2X&gt;\x82\xae\xe0I\xf0\xc4;\x8fJ\xc2\xb4\x08\x0bG\x11\x9e\x8a\xda\x06\x02A\xc42\xd2\x95\xda\xd2h\x83\x03\x17[\x83\xda\x1d\xab\x1eza\x13kc\xdd\xa1_\xcb\xb0\x8a\x07\xfe \xe5\t\xbe\x15\x08\x1c{\xa1x\xef\xbc#\x9f_X u-,,\x86\xc3\xe1\x99\xb8\xc8%\xa8\x8a\x8a\x8cV\xca\xe6\x7f\xb5:\x9af-;\x8a\x9d\x11Z\x1a\xdc\x90\x83j\xb5\\\x08\xfeN\xb9@\x01W\xe9\x14\x92G@\xf3\xc4\xf5\xab\xcf\x07\x9b\xd8&amp;6\x17\xca\x18$uE\x0fu\x19#\x1a\xc7\xd6\xff\xea=v \x8b\xb0\x9a\xed\xae\x8a&gt;\x8d\xdd\x8b\xe3\xf5Df\xcdO\xee\x10\x84\xaa\x80\xb3;3\xd3&lt;\x15\xd1\xe3\xf3mn\xfa\xb6}\xbe\x97\x7f\x07\x97\x97\xa5\xeb,\x96\xda\xc3\xff\xc5\x1a\xa4\xe2\xcf\xe2\xe5\xc6\xfd\xd0\x9a1\xc2n\xf4\'4\x932,\xd40\x13\xf3\xcf\x8a\x18^\xcc\xef\xfa|\x9e\xbc\xe77x&lt;\x89\xcb\xe3\x01\x96g\x01X/}\xdbG\xa8\xe22u\xed\xd0\x96\xa9\xd0\x1aK\xca\x94eu2\xb0fvvg\x87\x13\x8e\x9eCJ*\xc4\x11\xcf\xfd\x81\t+\xe0\x85\t,\x12\x85\x0f\xc9B[D\xb6\xa0.Tr\xc5\xbb\xb1qLnv\xbcLc\x18\xa9+ZR\xd8\xaeK\x1aP\xd5\xfb~\xd6\x12\x87pW\xfa#\x1a\x97I\xb1\xaa\x9e\xb8\xb8\x8c\xf8O\xe0\nKaG~sswggev\x10\x1d\x1e\xa0\xcd\xafn\xac\xef_\\}\xfatz\xfa\xe9\xd3\xfe\x81\x1fq\xe6O\x91\xe6ms\xec\xe9\x04_\x1d[4D\xc0\x1fz]\xa6WxO2Q~\xb5\x8c\xe3\xe7u\xc1\xe0W\xdf\xbc\xba\xdc\xdf\xbf&lt;_?\x99_\xc4\xb4\xe5\x98\xf7n\xac_\x96/\xd2\x89x\\K$\xae\xc0\x15\xa18\xd8J\xa2#b~F\xc6\xf9\xc6\xb8\xee\xb4\x08\x0b\x92\xa7\xb5\x02\x86\x88\xcd\xeat\x1dX\x1b\xcb\x01\x00\xe4\x12\x9aij\xe9\xf2\xfe\xc1\xb2\x8b\x1a\xa4\xf7d\xfd\xd5\x1f\xe5\\:\xae%\x93Z\xe2\xea\xeb\x9b\xf5\xf5\xc8A$\xe6/\x9b\x8a*JX\xccD\x89\xab\xf6\xb2\x96\xec?vg\xa5\x85\xf9A\xc4H\xca\x11\xd6\xfe\x06b9\xb2\x7f\x15\xd7\xc8bu3\x9e\xbe(\x9f\xff\xebC\xd0ur\xf2\xe1\xfcr\xbf\x88t\xa5\xd3\xb9ry\x7f}\xf5\xc5\x8bcpE\x8a\x87t\x16i\xa9\x94\xc4\xbb\xa95\x0f#0\xd6\xf4\xaa*=Q\xc6\xb8\xa4\'\x13_o\xdfml\x1c\x94\xd3qS\xa7\xc77\xe6\xe1\x1e\x18B\x07\x11\x7f0\x08,\xc4\xebT*\x13\x8dfR\xc5\xf3\xc0\xee\xe6o\xc7\x84\x95f\xfd\x87\x1e\xf7B\xf1\xd6\xace\xf6J\x1dK\xbe\xc0\xd6=5\xa9]\xbd\xba\xbd\xfd\xbc~\xb0\x7f\x91&gt;\xc4r_*\x1d\xee\xe5.\xca\xc5\xe2k`An\xde\x93\x0fk\xc5\xe8^\x89&gt;\xff\x16\r\x056\xff\xe9Y?\x88`\xba\xa1E@`X\xad\x8aaM\x11;#\xf5\xf1\xc1{\x17X\x9foo\xdf\x1c\x1f\x9f\xa7\xb0&lt;\x97j\xb5Z\xa9\xf4-\x17-_\xc2\xf7\xbd\xf3\x0b\x0e\x87\xebuf\xafvsc\x1e\xa6s\xb9\xf4V(\xfc\x8fM\xa4k-\xa3\xe9\xf4\xa8\x8b\x9e\xd6M\x86\x1dk\x06.ws\xac\xd2\x9f\x8a\x93\xd4\x85\xe2?\xbf\xbb}\xb7\xf3\xe2&lt;\xf3\xad\x84\xdb\xdf\xdc|\xfcxS;\xbcxE\x9b\xcf\xf6K\x9fc9S\xa2\x8f\xcc=\x08\xae\x9c\xfb/\xaff\xf3\x9a\xc6\xba\xc7\xf1[\x9a\x1b\xbb*(C-\x8eL\xd4\x91A\x9d;\xe3\xa0\x99\x0c-h\xd1\xbc\x8c.\x12Le\xa6\x11&amp;u\xe1[\xc0c\x87\x8c\xf1\xe5\x16\xcd\xb5\x0b\xa1\x06\x12\xb31B\xbc\x8b\xc4B\xb5$.Z$\xa7tQ\xc8\xa2\xdb\x94B\xfe\x81B\x16]\x16\xdam\xe1\xfc\x1e\xd3\xb3\xbc\xbb\xc9}0$n\xc2\x87\xef\xf3{\x7f~\xe7^\xcc\xc9\x84!r\xb9 wMM\xc6:;G\x1fv\r\xfa\x84\xd3#+z\x98\x98\x9a\xba\xbd\x8d\xb0F\xa3P:4\xfb\xa8\xbc?\'F\\M\x808hJ\xb9?\xe6m\xf3/\xd6I\x9bZk\x1e \xd2f\xd3%iZf\xcdgc\xfcaH\x8b\xe0\x1e\xd3\x93\xd1\xf3\x97\x93\xe3\xfb:a\xbd\xdd\xb1Nf\xc7\xd6\x89Z\xb9Q\xea4\x0f\xa2\x88\x99\x96t\x8d\xb5\x1f\xc9Aq\x1a{\xf1\x822\xaaU\xc0\x9a\x8b\xa2\x94\xb0\xf3\xa9\xa5U\x13\x0c\xe3Ox\xcf\x92\xae\xe8\xbd\xeb\x7f\xf1\xeeP\x9f\x00\x01\xae\xf8\xf4\xc3\x174R\x83\xf6\xc5%j9\xc0J\'\xce\xf7\xc5\xda\xea\x01\x1a\x8f\xdc\x05\xac\xa4\x9f\xa0(*F\x15,\xff\xce4\xf7W#\xae;\xd6\xed\xa3\xa3?\xc5\x88\xa6\xe4Y&gt;\xec}\x1c\x17\xa1\x8eD\xf3\x0bd\xf2\xfa\xd4[33\x0fv\xd15\x82\x1bEw\xae\xd5Z\xa8\x97E-\xbac\xfd\xa7\xf5\xd6=q\xff`_r;\nT\x0c\xb0|^\taE\xee\xdez\xf5\xf9d\x14\x89te&gt;\xcf\x87\x13uI\x14\xe7\xd0|\x1aa\xe9T\x9d\x1a\x0c\x0f6\xdfA\xde@w\xf8\x1b\xab_+G\xa2\xaf\x0f_O\xdd\xba\xe3\x8a\xac\x1e\xec\xd7\x8a\xc3\x02MS\xcb\xcb\xc3\xa5\xf8\xbd\xfdf\x19"\xed\x9c\xa6\xb5\xb4qC\xf1\xc3I\xccf\xe2b\xd4z\x07\xf9\xb2^\xb9\x07\xce\xf37\x9f\xa0\xac\x99\xb6\xbe\xda\x06,\xa57\xea\x8cj\xf1\xe6\xdc\xd1\xdbw\xafn\xdd\x15\x93\xabs\xe2V\xc9\xb1\x8c\xe3\x14\xb5\\\xf0=\x8e@4K\xc6\xe3\xf1\xda\xb8\xdf\xe7yD\x15\x0e\xcf\xd6 OY\xd1ll\xe7D\xb7\xe9\xc8\x0c\x84y4A\x9a~\xb5-N\xb0\xd4^U\x92\xb4V&lt;\x9et\xb9 +\x8aU\xefp\x99"\x9d\x08\x8c\xf2meD\x00;_l\xa8\x90z\xf2v\x8f;\xec\x86\xc0\x05\xdeaE%*\xca=z=_l\x9e\x1c\xbd\xdf\x86\x7fj\xdd\x8e\xb44%\x97\xcb)r]\x1eu\xb48\x8a\xa7sb\xab\xe1\xdb\xa0\xf0l\x96$c`\xf6Co\xbd\x06\x91tQ\xf6\xa3\x01\x93\xc3\x02E\x97{\xa9^\x93\\\xa8r\xb6~&gt;\xd6\xed\x0e\xd1\x1e\x06\xd46S\xd3\xd6\x1d\x84\xd5\x83\xc2@\xf1\xf7\x94\x9e\x9cI\x96\xcbbKk\xf80\xea\x1a\x0b\xc9E\xfd\xb7\x18N\xc0\xf9\xcf3\xfb37\'\x08\x16\x0e\xca\xc1\xd9ZM\x04O\x9c\xb6\xfe\xa9\xe3\xe0\r\xed\xd1\x1c~\x9a\xbes;\xfa\xbe{\x8d\xc5\xe7\xf3 Y\xb5V\xebj\x8d\x04G\xd0\x14\x8dg\x83\xe4\xc4\xbc\xe0cq\xbb=v\x81\x806\xc3\x0e\x8d\xa3\x03D\x0b\xd7\xe58d\x9f\xdb\x9f\xde\xea;\x9b\xbf\xbf\x0b\xa1\xeb\xd6\xf6\xfb\x96\x86\xa8\xfc\xcf\xec,\x9bWs\xe8\xcfp\x9e1\x83\x17\xd2\xc1J\x96\xc4c\xd4\xf2\x06x\xa4\xc3\xe7\xe1\x84\r\xd46\xc6\xf0\xd8\x064\x8d\x10$\x1e\x95E1\xfa\xe5P\xdf\xe9\xe9\xfd7\x9f /Z\xdfkc0-\x9e\xb3\xa32y!\xc4\xf2\x1e\x0fg2B\x9bO;+\xa7\x15\x90\x0b_&amp;0\xc4\x05e\xe1F\x0c\xbe\x92/^\xc4\x08\xe0\xf2\xbb\x8b\x16KQ&gt;\xda\xd4yJy\xb2\x03\x9et;2V\x10\x95\x80f\x0e\x7f\x18M`6&gt;\x87\xc0`\xcb1\xbcr\nX$N\x92\x14Ach\x96$\x14(\x1c\xe4[_\xc7\xcd&amp;;\xcb\x11\xf0\xa58\xe8l\xea*\xd6\xf3\x0f\x9f\xb7_E\xaa\xf5\xba\xc2\xf3j\xdeNL\x06\x0e\x8c\xdd\xe7AM\xbf\x80\xd1$I\x06\x9d`_\x0f\xc1\xf0qzyr \xee\x93\xe4zv\x1d\xa7\x08{\x9es&gt;|\xb8\x8e\xef\x9d\xbd\xd1\x15\xeb\xe9\xc9\x97\x1d\x8d!0\xcc\xa1\xaa*\x03R\xc5\xe6\xcdF\x02ZX\xc7\xd0W\x14\xd0\x05\xd2\x98P\xc0\xb2\x95`6\x9b\xc5\x0b\x05\x84\x05\xeeI\xae\xc3\xc1q\xcc\x9eg\xc9,\x19#\xdd\x83\x8fzb\x19\xee\x1f\xbe\x1e\x0f\x1e\xa7+\x95`H\xed/\xd8h\x1a\xb0&amp;\x83$K\xb1\xe4\xb6\x9d\x9e\xa6O\xd3\x82o\x88U\x9cf3p\t\x13,0\xb8yr\x1dt\xc416\xcf\xd1\xb1\xc2\x10\xe3t\xc62&lt;89\xfbQ\xb7\tX%\xd5\x0fA+=\x1f\xa3\xd0\x94\xc1b\xf1\x95\x96|\xa7\x15f!}*\x94JX6\\./\x91\x15\x0c\xc9\x05b\x81qe\xb3\x00F@OR\xda\x03{c\xdb\xbf\xf4\xdd\xb91\x1c\x9e\xfd\x90\x85\xa1\xd7\x96\xeatV\x82\xd9\'H\xac\xdf#\x19\xcf)q\xd9\x8c\x87\x84b\x91f\x92\x07\x07\xe7\x02\x89!\xb50l\x19l.\x8b.U\xe0=\xee\xd2`\x8f\xc2|\xedC\x9d_W\x00k\xab0\x1cz\xf9N\'\x15\x0c\x06m\x04`\xa1\t\x83\xd7\xebq\x16\x7f\x1cLu\x99\xe1\x906\xb2\xe1\xb5\x81\x85\x10\xd0\x1d\xd2\x18\x1c\x12\x9c\x80DX\x1e\xc7\xde`Hs\xed\x977\x80%P{?2}\x84\xe5\xb4\x19\x05\xee\xfaQ`\x893\x15/\xe3U5\x04\x97d\xb2\x19\xdd\xde\xa5\xb0\x83\x8am,S@es&gt;\x01\xdb\xa2M\xbc\xc7B\x95\x06%\xaa\xd8\xde\xd4\x19\xeb\xb8}\xbe\x85\x15.\x7f$\xd8N*\x90\x0e\x06V\x18\xa8\r\xd0\x8b\x80\xdb\xe4Il\xd5\x95\x9e\x12\x0e\xbbYT\x8a\x86\xdd\x0e\n\xa5!3p\xa1\xc8A\xd2\x10N-\xf8\xd2\xe5^\xc1]\xdf\xd4\xf9\x9dswt\x99\xa0\x87\x83\x1f\xcf\xd8~*\x9dN\x07WX\xc0\x02\xaa\x92C\xb0\xcc\xae\xad\xc9\x8dzmmKV\x12&lt;\x8a\xb0\x18\xc4w\xa4\x16\xfc\xa6q\x12\xe3x\xce\xe1\xb8\xbc\xdc\x1b\x96\xda\xbb:\xab\xf5\xfcj\x00X{\x97\x0c\xdb\xef\x00V`\x81\xe5\xf9p\x18.\x8c(8\xdc\t\xb9^\xade\xa0\xf6\x93$h\xb0=\x16\x82\xbe\xc6\xa2\xd1q\x12\x1c\xc7\n\xc3\xcb\xcbA\xa98\xfa\xaa\xf7\xc3\xfe\xc7v\x02CX\x0c\x18\x17`\xad\xb0\xbc\x1f*)\x0bf\xc6 \x0752R\x1c\xaa\xaf\xfd\xe6\xaa+\x92\x91\xdd\x1e\x8f}\x1e\x9f \xe1\xb8\x93FX\x98ep9X\xf2]\xe9\xfd\xb8o8\x1ey\t\xc0r3*2\xae@*\xc4\xf3y\xceN`\xf3f"_\x8f\xaf\xaeB\x9d\xda&lt;\xb8}on.*\xc9\x8dF#\x0f)\x1b.\x10\x925\xcd\x80X\x18\xe1)y\x87\xec/\xfd_\xab\xaf\x12\xc2po\xc0\xe7\xd5\xfeD\xad\x05\x96\xb5[\x04\xb3\xd9\xe8Id\xa0\x97\x87^6\x92\x14%\xc9\x15\x8d\x8aR\xb7+I\r\xd6\x0c\x06\x0f\x9a\xd9\x08\x0e\x8a/\x08a4\x96\xfa\xaa\xf7&amp;\x84a\xe6\x8d\x1f\xd4Z\xb2p\xa1~*\x15\x00,\x86a\x08\xa31Q\xcdDD\x97K\x8c\xc8\xa8\xf6j\xcb\xb5\x96&amp;\xcbZW\x9c\x13\x15b\x9e|\x026o\x06,_\x01\xc7\xb3F\xefw\xfd\x17Z\x0c\x9b\x1d\xacPr8\xd8\x10\x18W \xb52\xe125".W\xa4\xdb\xd5\xba\xddZ\xa6\xae\xb4\xeb\x9a&amp;+\n\xbb\xa0V\xc5h\x8b\x03\xb5\x90\x81\x11\x1c\xbbT \xc9,\xdb{y\x03k#\xcf\xaf\x98`\xe5!\xc5\xb0\xa1\x14\xc8\x85\x9e6\x19\xb6!F]\xae\xae\xea\x97\'\xb3\xd2v[\xe9\xf5\x14%\x11f\x02l5\xd2\xcdC|@\xee\x88q\xdc^\x91\xcc\xfe+\xf8\xfd\xc1Ml\xb3|T\xd8JV0q\x80\x15\x00\xae\x00\x04\x89*\\_\xb7\x07}\xd0\xb8^\xaf\xb7\xdb\xed\xb36:g\xf5pNi\xd5\xc0\xeaq\x1aa\xd9\xd9\xdc\xcfl\xf6\xf4\xfb\xe6M\xecJ\x196\x7f\xe6\x02\x98\x85\xf0\x82m!\xeb\x02,\xb5+\x8aR}Q\xd2\xeag\x99st\xae\xb1\xda\xe7\xf1\xbaR\xed\xe6\xc1\xd0i\xe02\xb2\xec\xd5\xd3\xaf\xbf~}\xbd\x99\xc5\xb2\xfb\x1fW\x9c\x10=\x07\xa3\t\x13\xb2zV\xce\x88\xc9rS\x1c\xb7\xdb\xdf\xbe\xb5\xcf\xbe]\\\x9f~M\x1a7\xe4*/\x98\xff\xc6\x82\xeb\xbb\xa9%&lt;\x83a\xf7\x8a$\x8c\xbeA\x1fa\xa5\x01\x8b\t\xe5j\xc9\xf2\xea\xaa\xd6\xef_\\\xfc\x9c\x10}\xbb\xe0/\xfa=Ee\x159a7A\xe4B)\x88\xed\xff\xba\xc1M]\xc3\xcc\xf1\xf7`\xe0\xfb\xc7\x9f\x7fc-\xa4\xd4Z\xbc\xd5\xeb\xf5F\x9d\x8b&gt;\xc8\xf5\r\x1de&lt;\x1e-\x18\x17rr^\x10\xcc82.\xc0zy\xa3\x1b\x9e3O7\xbf\xce&lt;x\x0bQ&gt;\x8d&gt;+\xa9PU\x1awR\x0b\xfd\xd1\x08\x82\xc3\x19\xb2x\xa5\xedg7\x08#\x93\x93s&amp;\xc2&lt;qEB\xed\x1f\xdf\xe8B\xac\xc10\x03\x9f\x97?A,\x94\xae\x03+\xa1qw\xac\xb2|B&gt;\xfb}\x163\xd2\xe2\xac[\xb0\x19y\x997AK4\x11K\xd5\xb9\x0f\xfb\x1f=\xe3Uj\x82\x85\x12\xe3x&lt;V\xf3\x8a\xbc\x18O\x96\xcb\xf0\xb3\x9aLJk\xb3\x1ehn\x9f\xf9\xf3v\x01\x83\xbe\x1acX6\xf5\x7f\xc0\xfa\xc7\xcc\xdb\xd45\x17\xa8\xd5\xcb\xa9&lt;\xefO&lt;^\xcc\x9c\xc7\xcb\xab\xe5\xf2\xa3\xc7\xb3\t\xf7_\xbc\x9cmLSi\x16\xc7\xd5q\xb7\x1b\xa3C{\x87\x17\xbbP\xda\xca]Z\nm\xd4\xb6\x80el-\xb7,/\xad\xb5\x16\xe9-\xa5\x95A\x05\n\xed\xb4\x0e\xe9\xa6 0m\x17\x86\x95\xc8~\x90\x97(\xa1#Q\x87\x0f\xe38\xe8F:Y\xb7vD$\xc2\x8c\x98\xb8\x98\t\x06\\\x19qG\xe30\xe2`\x145\x9au\xcfs\x8b_\xf6uv\x95&gt;IK\xd2\x0f\xcd\xaf\xff\xf3\x7f\xce=\xe7ya\x1d\x86\xa1\xfd\x9f\xf5\x19\xc8\xef\x89"\x91\xe8Q\x04\xb0h\xb4O\xbbvk)\xd7\xef&gt;\x06m#Z\xees5\xd6\x96\x83X\x85\x17\xbe\x90d\x0b6n\xe4b\x0c!W\ny\x0b\xa80\x9bH\xb8\xe7V\x04\xd4\xa2\x1d\xed\xea\xeaRi\xa9|ZY)6\x9b\xcd^CccC\x83B\x91cl,\xce\x16\x08\x04\x0e\xae\xd0\x8e\x89\xa5\xd4\xaa\x8dT*\x8c\xde\xb33\x12X\x1f&lt;\xea\xeaR".\xads\xc0,\xce.\x86\xe2\xb4\xd1\xd0\xd8\xa0\xb8p!G\x92-E\xcb%\xeb1\x86\xcd+\xe6\xaeKL\\/\x15%F\x06k\x19x\xbe\xcb)RjA-s\x0f\xda\x9c\x03\xb5\xcc\x86\xda\x1cPK\x92\r%+:if\xf3\xa2\xe5@\x8c+\x16%2\xa2#\x13\xc4}?\xc2\x1c\xb49U*\xe5\xe7=\xd4\x1a\x97\xb8\xb88\xdb\xf0\x85\xd1\xa8\xd7/bI\xd1\xc6\xa2\x19\xaaW\xb1T\xc8\xb0\xea\xdc\x11\t\xe2\xa6\x1f\xb5\xbbw+\x9d\xc7\x94\xca\xca\x1e\x00C\xeb\xc9\x9eb\x83\x11m\xd6\xb9$\xc5b\xb1 %\xa5\xd2{\xa8\xd6+\x15HEBFb\xb4\xee\xe4\xbe\x88`}\xa9U\xa9\x80\xcb\xe9\xec\x19\xf8\x1c2\x84\xc3!\xadkl(W\x18]\x12c\x83\xc1P\x9c]L-az\x050\t\x19\xd1[\x93\x93#\x83\xb5\xf6K\x8e]\xa5\xdd\xdd\xa5t\x82Z\x95=f\xb1\xd8\xd0P\x0e\xbd\x8f\xc2\xa8o(?\xd4\xdaz\xc8\xe05\x98k[\r\x02\xaeH\x98\xb8uk\xf2\xd6\x88x\x8b\rX\x1c\xbb\x16\xb8\x9c\xa0\xca\xc0@\r\xda\xb5\xce\xdd\xbe=W\xa1P\x94\xf2Ks\xf9yE\xad55E\xe5^.\x86\t\xe3\xd0\xe2\xb3\xfc\x83e\x11Q\x0b\xe7\xd8\xeda\xb9j@\x9c\xd6\xd6\xdc\xdc\xfc\xd8X~ii\xe9G\xb1\xb1\xe9PG\xe7\xb5\xe6\xf1[\xa5\x90\xec\xe3(\xac\xcd\x91\xc0b#,$\x97\xf2\x98\xd2\t=\x06\xb4b\xd0\x91%\xc4\xa6o\xdf\xfe\x11u\xa3\xe5\xc3|\xc0\xe4{\xb9B\x11#\x15\xd7\xe9t[7GH-\x0e\xf4\x87\x80\xa5\xecR\xf6\xa0\xce\x90\x9f\x1f\x9b\x90@\xdd\xbb[\x8e.\xf7\x00W~z\xae\x14CX\xf1\xf1\xc0\xc59\x1a!o\x11q\x0c\x06\xe4-e\x97s \x0fz\xd7\xf4\xd8\xe3\xe8\xe4 :H\xbf\xfc8\x00\x1eO\xe0\xd7\xda0\xa1\x90A$\x01VrD\xb0h\x8bX\xc0\xa5\x02{\xd5\xe6\xa3\xc8\xa1;\x80\xe8\x9a\xd6[ \xdb/\x96\'\xf0k\xea\xd0QF\xa4V|\xe4\xb0\xf0\xd4T\xc0\xd2\x82\\J\xa59/6!|C\x03i\x85\xc6[\xb1\xb9\xf0@\xc4D\x0cF4\xb5\x0c\x91\xcc\xd9\x1f!\xb5\xf0\xd4E*\x95\xb2\x12:\xe8\xf4\xfc\xd8\xe3\xe8\x84\xff\xf2\x9f\xbf\x8dfd\x91W\xb0\x0e\xe3\x8a\x18\x9cT&lt;\xc9\xe7\xf3\xc5E\xef\x8f\xc0\xedI\xc8\xf28\x8e\xdb\x19@%\x02\x7f9\xc5\xde\x86\xa2\\&gt;H\x86\xeeJ\x16\x16\x95\x1b\xf5^\xcf/\xb9Psq8 V\x92/&gt;9\xe3\xafK\xffPd\xb37\x81Z82\x97P\xa9\x12*m\xd2\x14\x89&gt;\xa7\xa8\xb04\xb7HQ\x9e\x93\x93\x03\xcfk\x8f\x80\xcb\x15\x85\xb9p\xb4\xcb\x98\xd1\xfa\x87%\xbf;\xf9\xfb?}\xf6\x08\xb0\x08;\xc3\x8e&amp;\xa3M*\xf6\x00\x96\x02\r\xc4\xa4\x97HR\x046\xea\x94,\x83C$\x91\xa4\xc5\xa7\xcbP\\\x9b^\xda\x0b\xe0\xec\xa3\x7f^\xf9\xa1\x13\xb0P\xa2W\x81\xbd\x9c\x95\xe2l\x89\x11\x90\x10\x96\xd1\xa5w\xd5A%\x88\xa1M!N\\*\x0eT\x96\xf8\xe4\xf7sn&lt;{\xbc\x94\xb7`\xd9;\xe7~\xb6\xb2U\xc4I\xc2\t\x9c\x03u\x04%W\x8a\xc4\x98\xa3(GX \x96\xab\xce#]\xcf\xa5\xf6\xaa\x08"\x1e\xed\xfa\xf8\x923\x1474\x93\xb3\xd3;\xd9\xb4\xa5A\xa3\xad\xfd\xdb\xde\x95\xb9\x06\x11\xa5\x16\xb5\xf4F\x81\x99]\xd0\xfa(\n/\xe4\x18\x8dF\x97X*\xad\x14\xac\x8b\xe3\x10\xd1q\x04\x9ed\x91\xc9@-\xc0\xd2\x98&amp;g\x9f\x7fz\xeb){)\xf2\xfb\xe3\xc9m\xe9E^%\xc2\x82(".(\x9d\x95\xb6\xca\xe2F\xa3\xa2\x10EQ/I\xb1qa\x1a\x12$\x11G\x90\xa4\x0c\x06\xb9\x88e21\xaf~;\x7f\xff\xe9\x9bU\x8c\xc6\xde\xb4\xf0\xf8\x99\x86\xc5/7\x0b\x01\x8b\xc4\xa9\xe7\x8f\n\x1a\r\xad\xd2&amp;\x86\xe2\x14\x1c\x8f\xb0\x04XF\xa25\xceG&amp;\x81\xb1\x16\xb1\xfc\x85\x80\x05\\\xbc\xbd\x0f\xaa\x9a\xe6\xef\xdf~\xa3`\x0b\xb3c&amp;\x93\xc6\xf4]\xf9\x00\xc2J\xc29\xe8\xe4\xa4V\xbeG.\xb7\x0b\xa5\xae\x1c\xa4\x15`\x15;\x18q\xc9:\x1d)\xab\x00\xf4\n\x99,MF\xea\xfc\n\n\x8b\xb9\xad\xfbA\xc1.zA=\x90\xbd1\xcd\x16\xe6X,\x1eS\xa3\xb9Q\x84\xd4\x92\xa3 B\x93*D\x9b\x8c\xf2\xcd\xa2l=\xc2BG\xef0\xbc\x82\xf4\xf9,i\x15xR\x05\x12K\xe6\xd3\xf9\x8dW{\x01\x8b\xb7\x17\xb0\xde]\xad\xae\xce*\xa8\x7f\xf2\x02i\xf6\xbah\xb4\xa7\xf7\xe7\x83&lt;\x1e\x8fi\xd2\x0c\x7f\xd7#$H\xc0"8\xd0\xd2c\x1c7\x0c\xb9]\xea2\x86c\xe8@\xdb\xbf\x16p:\x89\xa3\x18\xa6\xc9,$\xe1\xd7\x87z{5\xa6\xcc\xee\xee\xa9\xf7\xde]\x1d\xa5\xae\xae.\x98\n\x04_\xbe\xb8\xf5\x9a\xabq\x00\xf5q\xd3\x14\x93\t\\\x10EP\x8b\xac\xa8\x000\x06\xd7\xc1\xb5\xbbO\x9e&lt;\xe9\x96\x8b\xea$z=td%\x89\xb2\xb4\xb44x\xc9\xc0Y\x15\xf0\x17\x12\x84\xcf\xea\x1a\x03,\x88\xe1\x8d\xbe5k\xde\x89\xdaQ]\xdd9\x98\x999\x1c\x9a{\xb9\xff5Vyo\xdf\x9f\xff\x1d\x9dN\x9f01a\x984Wk0\xc0\x82\xd0q\x18\\\x8f@(\x07*\xb7\x9c\xe1(\x91H\\z\xc9F\x12\xa8,ia,$\x96\x0cay\x11\x16\xab\xbb\xf9f\xc7\x8a\x15\x80\xa5\xde11\xcc\xcad\x05\x83\xa1\xb1\xb9\x17\xb7\xfe\x8f\xb3\xc4\xb4e\xec\xdb\xf7\x7f\xdb\x04P\xef\xd1g\x02\xc0\x05r1\xff(\xc2\xe5$\xda\xebd8&lt;\x02L\x8e\xe4\x92\xdb\xfd-%ee\x92_\xbfo\x81\xb0\x01UZ\x05AB$\xd3\xdc\x94\\?L\xf6\xf6\x9a\xb65w?\xa8\xa2\xb0 \x86\x99\x99\x99\xa1\x89\xb3\x83\xac\xe1\xc0\x1343i\xec\xff\xadX\xb8=\xff\xfd\x06:}\x03]\x1d\x15U\x15d",\x93\xe6\x9a\r\xe6\x18D\x91#txZ\x1c(\x8an\xb9\xd5\x7f\xae\xa5\xa4\xa4\xa4E\x07\xbeJ[\x14\xcbB\xa9\x05r\x11\x0f5\xbd\xbd\xcc\xee\xe6\x1b}\x1bb\x00\xab\xbaz\x14b\x98\xc9\x1a\x1e\x86\xb7\xd0D\xfd7\xcf\x1f/\xec\\\xcb\xfe\x89d4\x1am\xe1\xe5W\xf4#\x00EW\xab\xd5\x10\xc5\x10\x98\x8bg\xd2\x8cU\x12\xa4\x0c\xf9\x1cs\x08&lt;\x0e\x0cw\xbbeD\x18\xeb7~\x1f\x9a\x84\x88\xca\x071\xac@\x80\xc0ygR\xd3\xab\xc9ln\x1e\x1c\x8d\x89Y\xb1zGV\xd6\xddm`\xad P\x05F\x86\xda\xa7\x86Y\xac\xc9\xb9\xe7\xd3?m\xaf\x91\xbdo\xfa\xf9\xdc)\x14?\x80\xa2\xb8:\x07)\xd3\x9bLw\xecrw\x18\xcb\xe3\xf18\x18r\xb7\x9c\xf0\x03VKI\x8b_\x17\xc6"u\x04A\xe5R4\x15\xb9\x81E\xb1\x0e\xaaW\xadZ\x13U\x9d\xb5e"8x38\x04\x92\x05f\x86\x06Y,V\xe8\xd2\x14k\xec\xd9\x8b[\xffmb\xd2hk\xf7\xcfN2\xef}\xd2\xbe\xeb\x15\x95\x9a^p7\xc4d\xb2@\xae\x80R.\x97\x81\xcd\xb9\x8e\x96\x92:\x0ff\x97\x03V8\x86\xe7\xac\x80e\xb1$\xe9\xe2\xa0\xa6AP \x1c\x84\x10\xc4\x02g\rv\xc6\xac\x8a\x89\xca\xca\xaa\xde\xb1C]5\xd3Y5\x15b\xb1\x02\xf0b\xb1\xc6\x82!\xf8\xb9\x97\x9eL\xff\xc7\x8cAc\xef\x9c~\x12\xe4\x81\x95B\xa0\xf2L\x15\x82R7\xd1\xd5\x9d\x83&lt;&amp;\x0f\xb8\xc6\xeel\x06\xc7k)\xac\xb2:\x07F\xe0\xf60VX.\x9fOg\xb5\x12d\x05\x89\xa8\xd2\x80\xca\xd4\xdb\xcbkn\xbez\xb7iU\xcc\x91\xaa\xce\x8e3\x87\xfb\xfa.\xc28\xd8\xf6`0\x10\x08\xf1\x02\xf7\xe0\r\xe6\xf8\xf8\xf5{\xcf\x17\xfe\xed\x7f\'\x01\xa5\xa6g\xc7\xaf\x0f\x8d\x04\xc0I\xac\xd0\xc8\xf5\xfa\x82\xf6\x8e\x8e\x8e\xce\xfa]Mw\x87\x99\xbcL\x16\x13\xb8\x00K\x8e\x01\x96\xa7\xacL\x80\xd9\t\xe2\x15\xd69\xab\x8e\xa2\xb2\xea\xc80\x15\xfep\x92\tbu7\xef}\xd0\x1f\xf3\xfd\x89\xb6\xb6\x83\xa7\xfb::GG\xab\xfa\xdb;\xcf\x9f?|\xf1\xe0\xc4\'\xa7\xe8\xf53H\x84\xf1S\x01\xcd\xb3\xc7\xffR0\xf8\xec\xe9\xf4\xec\xa4\xc9\x14\x08^\x1a\xba42r\xe9\xec\x99\xc3\xa7a\xa0\xdf\xd6vff\x10@3\xe1\x1b\x10\x97\x1d\xb0&lt;\x80U\xc7\xb5\xdb\xed\x0eOI\x18\x0b\xe4\xd2Y\xfd~+\x015\rPq\x1ej\x98 \xd66\xf0\xfb\xf9\x8fO\xfc\xf0\xed\xd7\xf5\xfd\x97\xaft\x1c\xd8\xa2\xee;]\x90\x95\xa5\xde\xd2\x7f\xbe\xad\xaf\x80\x1e\xa5\x1e\x1a\t\x06\xc6O\xdd3A\xf93\xfd\xcf)\x16\n\xb5\xdb\xf3\xe3\x01\x94\tx\xa1\xf1\xebg\xbf\xf9\xcb\x89\xaf\xdb\xdb\xfb\x9bv5\xf5\x8fv\xf4]98q\x93\x07r\x81\xef\xaf9\xb5\xe0x\xc0\xaa+\xf3\x82\xbb\xb0\x96\xba\xb2WX@\xb5.\x03\x82\x88\xa8\x84\xd74&lt;\xa0b57\xdf\x9c\xa8jk\xfb\xeaW\xf4\x03\x97\xdf&gt;~e\xb4\xe9"?\xef\xbc:\xeb\xc0\x01\xf5\x91\xfe\xcb\x87\xe9Q\xf4\xa8(z\xfd\xa9\xa6\x89\x00\x84\x12\x12\xd9?r\xed\xfb;\xd5\xe6\x13\xdaFz\x86q3\x97\xc2HB\xa2bZ|\xd0q\xc8\x1e\xda\xc3\xd0\x1c\xbc\xd5\xc0\n\x966\xd9Q\xc0\x10\x8b\xb2\xd8\xd0\x8c\xe7\xd2\x8c\xb6\x04\x1f\xb6\xd00E\x01\x8d\xc9\x805=\xccH\xb0c\xe8\xcc\x1e*]t\x90\x04b\x0f\xc2\t\n\xb6\x91-\xc9\x02cc\xc5\x8ac\xaf\t$!\x8e\xd9\xa5\x0b\xcb\xb2\xe9\xb2\xf4y\xbfQ\xd2\xdd\xcfH\x1e\xdb\x9a\xd1\xef{\xde\xe7\xfd36\xfe\xf2\xf5W;\xbdju\xe7\xe0\xa0\xd7\xa9\x9fN\xeaF"\xa1\x0fm=\xabeK\x8dFwT\xff:5\x9b\n\xb9^@,\x86\xb5|\x17w\x14\xf7\xae^]\x0e\xb1n\xa3V&lt;\xf8\xe5mF\xf5\xc9\xe1\x8d\xd4,\x8c\xb5\xbe:\x7f\xd2\xb0\x9d\x8b ]\x1a\x8eF\xbf*\xd8\xcex\\\x1852\xbb\x19Y\xd0\xb6\x86\n\xaab&lt;\x1b\xd7\xb4Ds\xf3\xe0X\x14\xff\xf3\xc3\xcf\x9d\xfe\xe5\xebE*M_\xec4M\xa3\xe5t\xdc\xd1\xf5\xb6\xa9\x8c\n\x1f\xb5\xd4D\x02\xd7\xd0\x87\xf5.\xc95\x9f\x82\x9a\x0f\xdf\xdc\x03\xd5\x1d\xc6u\x87}\n\xb1\xe0\xb2\xbf\xdd\xff\xd7\x87\xd4\x16\xdf\xec-\xce\xcd\xb2\xae\xb3\xf2\xa8\xdb\x1d^\x889P\x95\xbdqa\xcd\xeew\xaf\xad\xd9\xbb\xbbyA\x8eo\x8d\x14\xa4&amp;\x15\xecx2\xc6\x05\x81(V\x9f\xfc\xd4U\x7f\xfe\xe1\xbbj\xef`\xe3\xa0\xd74\xcc\xae]7\x14{\xad0no\xd9\xe3\xc2\xb5\x96\x92\xcd\x96J\xbb\xa3r\xe3d\x1br\x91^\xa9\xed\xc3?A\xa7;p\xd7\xf2\xef\x98\xc9\x08\xeb\xfe\x83\x07\xf7\x96\xfex\xff6Z\xe3o\xbf\xd9\x9bM-R\xd3Y]\xf9\xc2\xd3k5^\xcao\xdd\x1a\r\xed\xe1\xb8\xf0Y\xa7;Z\xbb^\xdbU\xb9\xb82l\xa9\x84\x858F\x81%\xf0\xe2E\xef\xf3\x9f\xa6\xdfW{{\xafv\x9a&gt;\xb44k-D\xcf\xb3G\x85\xc2\xf5\xd3\xa0\xf6Q\xe1=\x0f\x06m\x0c\x1d3\xb3\x8b"\x91\x9aG\x95N\xa5\xe6\xf6\xc7\x9f\xde\xf9\x84tZ\xbe\x8b\xe7\xa5\xbbK\xf7\xeec-]]\xba\xff\xeb\xdf\xff\xe6/\x877fS7n\xa4V@uXW\x02\xaf.\xe5\xbd\xb1\xb7[R4\xef\xbd\xc2\x1b\xe7\xf2\xf9\xda?\xca\xaa\x9a\xf6\x86\x06z7*\x10Q\xc5\x04\x9e\x17\xc5\x8b\xea\xbb\xbfa\xfe\xf3\xc7\'\x8b{\x07\xc7\x06\xb5\x1a\xcdk\xf9Y\xa5k\xbb\xe5q\xa10\xb6\xed\xd1{\xff^h+f\xeb\\\xcf\x94J\xde\x19\x8a\xc4&lt;\xd6\\jn\xfb\xf9gw\x99\xbd\x00F\x8f\xa5\xa5{K\xcb7?]z\xf0\xe1_\xdf\xec\xdd\x98\x9d\xa5\x19kuu~\xa3\xa2E\x82n\xddR\xbcn\xa6\x94I\xe7K\x9ecW\xfc\xe1\xda\x9a\xad\xa7\xbdQ\x05H\x90+\xc7b\xc8\xb0\x8a\xe2;W\xfd\x17NoB(Z\x95!\xb4\xaa\x8c_8\xa3\xcb\xf1\xf3Q\xcb0\xdb-\xa7\xe5z\x8e!I\xaa\xb2\xbbu\x86"1\xbf\xb2\xb22?7O\x82\xb1\xff\x0bY~\x8b\xb6\x8c\xa9k\xe9\xc1\xdd\xc3\xc5\x1b(WW \xd5\xfaY\xcf\xd4p\xe1F\xad\x92\xce\xe6\xd2\x8a$sr2\x1a\x97"\xbb(9\xe5\xada%\x9bf=$\x97\x8b\xca\x11\x9eG\x10\xc15\xfd\x03\xc0\x8f\xdf\xf7\xfc`\n\x95Hl9\x89\xac2\xbcl\xd5]\xa5\xe2\x9a\x89\xc0\xd4\xf5F\xb7e\xbb*\r\x13f\xe3\xe5\x19BH\\+\xd0l\xff\xf0\xef\xcb\xc0\xc2}+\xad\x9b7iD\xbd9\xde\xc7\xec\xfe9\x93j\xfd!\xacj\x98\xa6\xa9t\xb7\xcap(\xa88.\xb0\x82\\^\xcd*\x9d\xa1\x83\x16\x92\x8bC\xa9\\.\xc9Ex\x91\xe7\xdfbaPx\xfd\xe4\xa0\x19L\x99\xe2\ti\xcbQ\xb3\xde\xc4\xa7n\x98K\x9a\xba\xab\x9be\xdb\xf6\xf4\xddvEQU9h\x9e\x10\x17\x81\xad\x13\xda\xe1\x1b8\xeb\xd3\x9b\x1f\x7f\x8c{E\xba+\xfb`\xfct\x96\xba\xe0\x95y\xa2z\xb5y\xbcYe\xeb\xf1\xc9\xd7\xce\xe6\xe6\xf1q\xb3\xd9\xec\xf7\rS\xd3\xdb(\xd0J\xb9^\xce\xa4\xd3\xe9\\\x0e\xb6\x12\xc4\x10\xabXd\xff\x9a\xf2\xb5l\xd7\x93\x00\x00\x05ZIDAT\xd5\xab\xaa?U\ne-\x91(\xdbeEW\x14\xb2a\xae\xe1\xfa\x81\xdb:\xef4\x9b\xcfjN\xad\xe26\xab\xbd\xea\xf1\xe3G\xdbS0Z\xfb\xdf\\.\xdf\xfc\xc3\x07\x0b\x0b\xb7n\xddZX\x18?\xdf^\x84V\xb3s\x08\xe0\xea\xd3\r7\x8a+\x9b\xa6\xe1\xe2\x02\x8fO^\xbe\xec\xf5\x18co\xe7k\xdb\x19\xf8R\xc3s\x90\x05\x8dF)-\xcb\x02_\xe4#\x91P\xad_\xbc\xff\xed\xf7\x07}\xeem\x04A\x15M(\xdeVWW\xb3\x89dLm\xf4\xfb\x9d\xc9\xe5\x01.t|\xbcI\xabz\xdc4\xb5\x98\xf1\xf2!U\x89)\x18\x04\xc3M\xf5-Z\x0b\xcf\xf7S\xb8kC\xb2B\xaa\xd5\xf9\x1d#\x19\x8dF5-\x1a\xc7GB\xd2\xcb\xe8d\x8es~n\xdb\x93\x8e\xc1\xc9\x92\xaaw\xeb\x15\x9dV:\x9e\x8c\x88"\xc7E\xc8\\\xc5\x99\xf7\x7f|\xd2\xbb\x88`\xf2Oj\x00\x82Zh\x04\te\xd7\xab\xb5\xd1\x9e\xdb\xce\xce\xc6\xe5\xa4\xd3\xec\xfb\x17\x86\xcf\x07\xa6\xa2g\xd2Y\x1a\xa05\xf3\x19\xa68\xaa^\xf3D6\xb7}8fX\xd7\x9eR\xc7\xbc27\xb7BTg\x8f\xcdh\xb84E7u\xd5\x949\xdf0\\\xd7\xed\xf7/\x04-oY\x96\xaa\x80\xa8\xd1\xd0\x155\x93\x97#"\x0f\xe3\x91Z\xe2\xcc\xb7\xaf\xaa\xa2\xc0\xc91Y\x03\x9aFAD\xa2\xca\x81^\xae9\x8e\xfd\xe2\x9b\x17Gn\x10\x04\x02\xef\xb7\x07\x83Ng\xd0.\xab\xf9|\\\x92\x12\x92e\xd2\x18G`\xacZl\xef?\xbf\xbep\rR\xe1;s\xc8\xd3\xf5\xd5\xf5\xf5G\xcfB\x95\xb0$\xaf\xe6\xb5\xca\xb5A\xbd\x1cp\x86\x8f\x1d\xf2\x81\xaf\xf8\x03]U\xc0\x95\xc9\xe8\x8a\x94\xce[\xbc\x18A\xe5\x02\x16/\xce|\xd7\xe7\xf9\x08RVKj8]N\x02IU\xc9Y\xbaK\xdb\xf2}\xd30*\xaes\xd4:=\x7fqzttj$Pd\x00&amp;\x05As\xe7a\x8a\x862F6\xb7\xff\x94\xa0\xb0\x18\xd5\xfa\xfa\xd3\x13\x97\xb4\x8f3,e\xcbi\xd5kv\xab\xde6\x8c\xadJ\xcd\x19\xb4\x075\xaf\xd3\x1a\x94;\xe5A\xbb\x92\xc9\xa8r&gt;-\x88E\xbc}L,\xc2\xf63\x17"/p1\x99,\x10\xc7\x94-\x05\xba\x0e(\x15O\xc8@\xdf\x18\x0cN\xcf\x07\x93A\x1d}\xfbtr\xd4\x19\xf4\xfdH@\x9a\x82\xcc\xe2/\x8e7\xd8=Z\x08\x06\xab1(\xa2ZY?{\xacA)\xc6\x94L&amp;\x13n\xa5Ro\xe3\xa3\xe6w\x9d\xb6}ydw\xea\x1dp]\xbe\x98\x1c\x9d\x97\x1b\x19\xd5R\xd3|Q\x04\x16W\x04\x96&lt;\xc3\x8b\x029\x0bPp{6\r\xf0\x84\xe4\xb5\xbdz\xfd\xf4\xe8\xb4\xe3\xbb\x93\xce\xf9\xf9\x11N\x05\x11\x84\xd3b\\$"\x08\x11\x94\x1e\x1c`WF\x8f\x86 \xb4w\n\xde\x95\x10\x8a\xcc\xf6t\xa3\xf9N*( \'eY\xd3\xe0\x06\xc3\x0f\x0c\xb7\xe2V\xea\xa7\x9e\xd3\xe9\xb6\xea\xce9v\x0b,\xc5R\xf3(\xeep8OX\xd1\x19\xd4U.\xc9\xa8\xe24\xb1\xa7\xf3\x92\xaa\xc2V\xa7\x93\xf3\xc9\xd1Q\x7f0\x99t\xdcA\xbf\xdf\xf7\xe1?\x19\xd6\x8d\xc1\x94\x11 \xd1B\xa3\xe0\x83\xe6\x01\x89\x95\n\xd1R\xa1\xd1\xe6\xcf^\x9a$\xd5;.\x90\xe1t9\x90\xd9^\xb0/A\xd0|_\xb3,\x93e!\xb4\x10\xad\x10\x0b1\x84\xf1\t+\x02\xad0\xee\xe4\xa8]\xa6\xb3\x92\x94W\xca\xedv\xad\xdd\xe9\xb4\x07\xbe\xd1\xc7\xfed\xbc\x1a\xed\x03H\xf4\xac\xc92\x03\x13\x04`\t\x10\xa0\xfa\x8a\xa8fC\xb5\xa8\x89o\x93\xd7\xa3\xef|Ej\xe1\x1cz\xd0~x!Bj\x83O\xb6,\xeaf\x19EA\x10\xad\x1c\x80\x98X"\x1f\x8d\x93ZD\x95\xcb\xd3/RPn%\xa4\x1a\x04\xcbfa|\xc5\xe2Y&gt;\xc4b\x14\xb5\x00W&amp;\xbcX\x8c{+\x16\x87\x1f\xc81w\x87E\x92\xbc\x8fu\xe5\xe1\x8eA\x050\xcb\xb0\x92l\xb1\x9d\xe0\xa5,\xf2\xa1\xd48\x08d\xc2\xc2\xdb(\x8ad\x89\x122\x90\xc4*\x8a\x91hnF\x14\x05x=\x97\xcb\x03\t\xcebXtL/VP\x19\xc8I\xe1upU\xe4\x06c\x0c\xb1\xf0\x93\x18 \xb5\x18\x8a\xd8"-\xe2\xba\xf2hSawJ\xe4\x8aP+\xa2bf\xe4"\x16p\xd8\xc9\xb4aK\x82\\*-\xc5bX\x11&amp;\x96%\xc7\x81U\xe4\xa3\xd9\x90$\x93!\xac\x1c\x8e3\xec\x90\xb0"?[\xb4cp\x85\xf2\xc5\x88\x88\xde\x0e\x0f\xe3\xe5\x1ea1\xa9\xcc,\xe3\xa2\x9e\x81\xf2\x1e\xd5\xe4\xa9\xb3\x88\x89QYL+\xb4\xe5wX*\xd4\xb2\x80\xc5\x91XI+\x97\x9bAZ&amp;\xb3\xe9t\xa8U\xa3\x94Q\x89\xaa4\xe5\n\xa6\xc2\xfc\x94+\x8c(\x83bT1\xf6-s\xf3\x15\xc6\xc3\xed/\xaaf"\xf1\x7f(-)!\tc\xb1\xd0U\x02\xc5\xd0\xa2\xd9\x85\xb4\xe2\xa7\xe6\xa28\x12\x160\x05\xa1X,Fd)\x9f\x9bAkL&amp;\xd2\x99P\xabR\xa9\x94#\xaaR\x89\x91\xa5\x99\xfa?\xa7b\xe2p\xa4\xd8\xf4\x8bi\x80c\xee\xc9\xd9\xfe\x86\xcbi\x98#\xd1N\xc1%\x85)\x08&amp;\x99A\t,I(\x11y\xa6\x95\xc8[!\x96\xa4J\x12\x1f\x0e\x0f\xc0\x92\xe5&lt;aED\x99\xd5\xab)\x16\xc4*\xb1\x85\xb4U\xe4\xd0\x15\x1c\xf76\x98\xc24\x8d\xb8\xd0,\x02\xcbuf\xb2\xffM8\xa9\xf9\xd0\xcefpVM\x82\x04\x150\xfb\x02\x03\n\x08\x801\xc8\x04w\x14\x14\x80*&gt;Pp\xd9@\xdc\x05L[\xaa\xe0\x16\r\xb0H\x05\xa6\xa2\x10\x00\xac\xde\xb4\x889\xcc-\x0e\x00\x00\x00\x00IEND\xaeB`\x82'</t>
        </is>
      </c>
      <c r="M219" s="3" t="n">
        <v>45492.6765625</v>
      </c>
    </row>
    <row r="220">
      <c r="A220" t="n">
        <v>840103</v>
      </c>
      <c r="B220" t="n">
        <v>1958</v>
      </c>
      <c r="C220" t="inlineStr">
        <is>
          <t>John Victor</t>
        </is>
      </c>
      <c r="D220" t="inlineStr">
        <is>
          <t>J. Victor</t>
        </is>
      </c>
      <c r="E220" t="inlineStr">
        <is>
          <t>GOL</t>
        </is>
      </c>
      <c r="F220" t="inlineStr">
        <is>
          <t>GOL</t>
        </is>
      </c>
      <c r="G220" t="inlineStr">
        <is>
          <t>GOL</t>
        </is>
      </c>
      <c r="H220" t="n">
        <v>197</v>
      </c>
      <c r="I220" t="n">
        <v>12</v>
      </c>
      <c r="J220" s="2" t="n">
        <v>35107</v>
      </c>
      <c r="K220" t="inlineStr">
        <is>
          <t>Right</t>
        </is>
      </c>
      <c r="L22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3258b6-1f60-433a-ae83-a0d4c0513d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=\x88\xb1\x00\x00\x03\x00PLTE\xff\xff\xff\xbe\xcf\xc5\xd5\xe1\xd7$%#\xd3\xe0\xd6""!\xdf\x90_\xd6\xe2\xd9\xc1\xd1\xc7(\'%\xd2\xde\xd4\xd3\x81Q\x8aR321/\xc9\xd8\xcf\xc3\xd3\xc9\xb4\xc8\xbd\x8fT4\xcb\xda\xd0\xa8b9\xcazK\xce|M\xd5\x84T\xfc\xfc\xfc543\x9aY5\xbek=\xc7\xd7\xcd\xb9\xcb\xc0\x96V3\xcf\xdb\xd2\xa0^9\xd8\x87X,*(\xde\x8d[0.+\xd9\x8da\xe4\x9aj\xe4\x96e\xcf\xdd\xd3\xbch;\xfe\xfe\xfe\xc5\xd5\xcb\xc5sD\xd8\xe4\xda\x86Q3\xe1\x93b\xe5\x9co\xaa\xbe\xb3\xa6\xbb\xaf\xf4\xae\x83\xf9\xf9\xf8\xe0\x94e\xbb\xce\xc3\xe7\x9ai\xd1~O\xef\xa5u\xf0\xaa\x7f\xb0\xc5\xba:;:\xc2n@\xbc\xcb\xc2\xf9\xb6\x8c\xf7\xb2\x86\xe1\x96h\xad\xc2\xb7\xa1\xb7\xab\xdd\x91c\xc3uJ\xd7\x8a\\\xda\x8c\\\xdc\x89W\xafkE\xc9~U\xc9vG\xec\xa1p\xbcnCuN8{P8\xb8\xc8\xbe\x86`J\x81N2787\x8eY&lt;uH0\xb4oI\xd3\x87Z\x92S1\x80J-(#\x1f\xb1g?\xcb}P\xfb\xba\x91\xbbqI! \x1c\xda\xe5\xdc\xe8\x9dl\xb0d:\xef\xa7y\xce\x81U\xc2}VzK3-..\xc1qD\xb8e7\xe7\x94_\xf3\xa8y\xe8\x9ep\x9b_?\xb5\xc4\xba\xb6g&lt;\xfa\xbe\x96\x1b\x1e\x1c\xa4fC\xec\x9fm\x94[;\xbewP\xf5\xab~\xb6jA\x89V8\xec\xa3w\xf3\xf1\xf1\xd3\x8a_\xb7tP\x81V&gt;\xc5yO\x9b\xb2\xa6\xce\xd8\xd0\xbetI\xf3\xb2\x89bA.\xabf@\xcc\x87]\x8dN.\xb8mE\xa0Y3\xd9\x85T\xef\xa2qb9$\xde\xe8\xe0V8\'4"\x18\xca\xd5\xcc[=.\xc5\xd2\xc9\xd1\x85VO5&amp;7+$\x18\x17\x14\xee\xac\x86?(\x1c\x83S8\xcb\x81Z\x9bfH\xe8\xe8\xe7\xfc\xc2\x9d\xe7\xde\xdb\xb0_5\xb6\xca\xbfE/$jD0oA(\xf6\xf5\xf4\xaeoN\xd2\x81T\xda\x94k\xe9\x98d\x88J+\x84[D\xa9tVmJ7\xc0\xcd\xc4\xe3\xeb\xe3\xb2\xc1\xb6\xe7\xa0v\x95\xac\x9f\xfb\xc7\xa7\xe2\x97mK8,\xdc\x83OM-\x1e\xeb\xa5~\xdd\xd8\xd8yD(\xa3kL\x92`E\xef\xee\xee\xb6{ZPRO\xe3\x8dW\x90hR\xb1vS\x8d\x92\x8e[]Z\xeb\x9ch\xd5\x8egbG9\xc0\x81_\xf3\xb7\x91\xbd\xa5\x96\xdd\x98r\xfe\xd1\xb6\xd5\xd0\xcf\xc2\x8bp\xe4\x9cw\x88\x82\x80x\x82|\xa7X0)\x1d\x16lQD\xa7\xa2\xa1iigyVBUA6\xa9\x88y\xd1\xe1\xd6\xce\x9e\x88\xcd\x8cgHGF\xdb\x9e{x_Q\xe7\xaf\x96\xe9\x8et@?&gt;\xca\xc5\xc6\xaf\xb1\xad\xf2\xe8\xe5\xe0\xc7\xbb\xd1\xa8\x96\xd5\xb5\xa7\xe2\xa5\x83\xcd\x94v\x95ue\xccvR\xc2\xbd\xbctts\xb9\xb5\xb4\xb9\x99\x89\xe3\x83j\x98\x86\x80\xe4\xd2\xcb\x97\x9f\x99\xa9|h\x97I(\xe9\x97s\xddw[\xd4\xc5\xc1\xd4uI\xcfiE\xda\x8bx\xab\x95\x8c\xc0Z7\x85j^\xbe\xb0\xa6k\\R\xf6\xdb\xcdE\x8c\x8c\xa1\x00\x00 \x00IDATx\xda\xec\x98\xdbOZ\xe9\x1a\xc6\'!\x90\x10\xe4\x82\xb8@ 1r\xd2`V\xd0\xa4\x18\x91H,\t\x88\x15\x81x\xc0\xc3\x82JDk\xa1\xd50Z[\xc0\x0eM\x94\xb6\xd8\xe9\xd8\x18a\xb0\xd5\x91\xe0\xa9-\xf5\xc2D\xab\xd4:N\xc7\xb6\xb6\xd9q\xb63\xf5\xd4\xec\x1a\x13un\xbaS\xdd1s\xdfL\xf6\xfb-\xf6\x9e\xbf\x00\xec\xbe\xd8\xaf\xac/\x0bb\xc2/\xcf\xfb|\xcf\xfb-\xbe\xfa\xea\xffu\xaa\x95!\x9f\xe8\x1e\x89\xaf\xc5G\xba\xbb\xe5\xf2\x8c\xff\x15\xa6\x91\x83\xe3\xc3?V\x8e\xb6\x8eV67\x0f\x8f\x0fF\'\xbe8Y\xae|d\xedp\xe5\xe5\xee~5\x97Y\r\x0bw\x7f\xf7\xe5\xfa\xe6\xc1\x88&lt;\xf7\x8b\n5z\xbc\xb2\xb5\xcbdV\x17\x03Q5\xa0\x89\xb9\xc5\x00\xf7r\xe5\xd3\x97\x03\xcb\x98\x88\x1f\xaf/\x17s\x99L.\x93{Q(\x14\x8b\xd1\xc5\xe4r\x85b\xee\xee\xfaq|\xe2K\x80\xe5f\xc4\x0f\x8fv\x8b\x8b\xb9b\xa1\x98\xc9\x14\xd2)tTB \x83\x95)\x14\xee\x1f\x1d~w\xfa\x8ae,\x1d\xac\xef2\xc5\xa8@"1\xc9\x94 \xa3S\xd1\r\xf0\xed\xaf\x9f\xb6\xc7r\xe5\xf1\xcd\xad\xddb1\x9d\xa0\xd2\t \x00\x14\xd0\x8bB\xa7P\xa9\xf0\x82\x05\x11\n\x99\xcb+\x07K\xa7\xc8\x951\xf2\xe9\xd7\xe2\x8b\xd0)\x02\x10\x08\xba\x90B\x05"r\xf9\x0b\x8b\x82n\t\xf1\xf2f\xfc\xb4\x04\x03\xa9Vv\xb9\xdc\x8bt\x12\x03`\xfe\xab\x13b\x83\xcbF%?\xb7\xd9(\x84P\\|\xf4\xe9t\x04\x03W\x1dU\x8bQ\xcflT*BB\xca \xaa\x04\x14\x85\xa0\x93b\xd9\xa0\x08\x82\xa0\xd3\x977GOA\xb0\x8c\xef6\x97\x99B\n\xfaB\x84"$\x08\xb2o@F\xb1\xa1\x85J\x08\xe1\x9d\x8d@XTX\xa9\x94\xea\xf5\x83\x94g\x85&lt;\xbe^LG:P\x12[\x0f\xdd\x08\t[(\xf4\x8e B\xa1\x10\xe8\xf3\x8e\x14\tH;:l\x88\x99N\x88_~\xeaN-\x97|\xed\x88I\x85\xaf\x05\xfbP\x84\xc2{C\xd1\xe0\\tn.\xd8\xef\xf7\xf7\x07\x07\xc6\xfcw\xe7\xe7\x83\xf3C\xf3\xf3\xf3\xd1\x90\x90NG\x98`0\x9bM\xbc|\x9cR.\xf9\xda\x16\xe9o\x8aPL\xdc\x9b\xf3\xdf\x1do\x90U5x&lt;\x9e\xae\xf6\xf6\xcc\xdb\xbc\xac\xcc\xfa\xdbP\x8f\x1f?~6&gt;\xd6\x0f\x84\x03\xfd\xc0\x05\xde\x87\x1dy\x98B.DEfRh\xae\xff\xee3V{V_\xba\xc5\xe2n\xec\xe9\xd1j\rn\xbb\x94\xef\x8cD"\xbf\xc1\xab\x8fw\xfbq\xc3\xb3\xf1qs\xebX\x10\xfaj\xb3\xd1\x85\xbb\x9f\xe4)K\x86\xf8\xd1E\xc8Ma(\xea\x7fv\xbb/\xe2rJ\x9dN\xbeC\xafg+\xacl\xbdC\xebP\xa9TR\x97T\xea\xb2\xa7\xa7ge\xf12Y\xac\xb4\x9a\x1a\xd3X4\x14\xfa\xfe{\x1b}k4U\xc7\x1d\xf9\n\x97B\x05\xa8\xbb\xcf2\x7f\x8b8\xf9|\xbeT\xea\x94\xaaT\xb8\x1e\xc3\xd8l=\xae\xe2\xe3*)\x92\x0c\xb0\x10X\x16\xaf\xab\xeby\x8d\xc7\xe8\x0f\xde{\xd7a\x13o\xa6\xa8\x8d\xb9\xf1\xad\x0e*=\xdao\xe6\xd9\xe1\xdb\xf9R&gt;@\xc1\x8d\nw\xe0\x18[\xc1P`\xb8&gt;\x81\x15\x89\x00\x16\xaf/\x93\xd5\xd5U\x93\xe6\x91\x99\xa6\xfdC\xef\xa8\xd4\xe5\x83\xd4\xb4qbs\xbf\x83\x12\x1d\xafO\xb7 ()\x89\xc47\x18T8\xae\xb7\xb6&lt;x0\xd8b\xd5\xab\xf8N\xa7\xdd\x0e\xeeBM\xcc\xacg\xb1X5\x1e\x8f\xcfd\xea\x07,\xdb\xaf#\xa9\x90+cm+\x1a\x8d\x9a\xdboZ\\.\xc4\xe4\x02\xb9\xa4|\x83\xc3\xe0\x00\xaar\xa8\x16\x05\xae\x02\xae\x88\x8b4W\x1f\x0f\xb6%\xab\xab\xc6S\x03XcQ\xc2\xd6\xb1\x9f\n\xb9r\x97Vv\xa6}\x9e,\xb7\xc5\x1eq\xa2\xee9\xc9F:\xb4\x06\x87\x03\x03&amp;(\xab\x1e\x0707lJ\xe0BX2\x90+\xcds\xdfd2\xf9!)\x88?R0\x1d3\x8ew\x89\xfe\x9aZ\xb7\x8b\xa4B]\xe4\xc3\xceSio@&lt;`\xc045\xd8\xc2\xc6\x80K\xafu\x18\xe0\x9f\xd2!%Xi,V&amp;KV\x05X\xe6 \x9d\xb0\xbd\x8c\'\x7f3v\xaf\x0b\x89`\x97\xc5n\x87\\@\xa6\x82\xc5\x01[\xd0Z^n\xc5\xb0\x96)\x0egjJ\xc1\x060\x0c\xd3\x1a\x0c \x18\xa4\x17DD}}\xbd\xac\xa1*!\x17\xc1LAv\x8dl\xd9B\xfe\xf6\xf4t\xbb\x13\nb\x81\x0fTl\x06g\xb0\xeez]\x0b{\x8a#\x10\x00\x98\x82\xc1`\xb3\x15\x98\xc3`h\x0c\xd8#\xd0\xc6z\xb0\xbd\xa7\xa1\xa1\xb5\xd5g\x9c\x0b1\xc5\x87\x13I\xc7\x8a\xffy/j\xec\xb4\x90XR&gt;\x98\x08\xc7\x06\x05\x02\x9dD#\xd1\t\x04\x08\x8a\xc3a(\x18\x1c\x06\x03\x92\xa2\'\x10\x08X,\xe9Y&lt;\x1e\x84jZU\x95\xc9\x88\xb0B\xa1\xf5\xa5\xa4;\xfe\xe0\xf3\xaa\xff\xfeM\x17\xf4\x10\xb4\xc2\xc1D\n\x81\x86\xa6\xd1\xcc\xe6\xcf\x16\xd0D@u\x07Q1\x18\x1c\x01Ga\xbd\xd1\xe8\xb6X,\xf6\xf4\xbe&gt;\xc0\xf2\xc8d&amp;\xa3q\xba\x7f(\x14\xdaJzD\xc87?\xbf\x18n\xbf\xe9v\xdb\x11\x16\xcau\x81DSP\xa0\x9e\x9d\xf9{\xbeZ#\xd2\x95\x95\xdd\xe1( S\x01\r\xc30\x87\xdb\x82\x92\xbe\x0f\xe4\xaa\x07\xcf\xb7\xb6\x1a\x8d~H\x97\xe5\xa4{~\xe2d\xc08&lt;y\x0e2\x0b\xb0p6(#(\x95h\xd4\xf9\xde\x05\xc0\x02\xbdD\xa22\xd4@\x90\xeb\x0e\xccG&gt;\x8a.4\x18y\x99\xf5iU\xe0-\x93q,\xb8\xb3\xb3\xb3\x96d\xac\xdc\xee\xf59\x7fU\'\xe4\x03\nw=\x92\x85\xa3\xd3\x14\xcc\xe6\x93bih4\x00+\xbb\xc3P\xb0A.6lS\x17\xd9AHz\xc0\x92U\x99\xcd\xad\xa6\xe9\x81\x81\x9d\x9d\xa4\x07j\xf7\xfa\xce\x98\xb9\xbd\xd6\x85\xf6!\x1f\x87\x11\xc8\xe1\x80\\\xb3\xf9\x7f{\x08\x9e\xd7\xe9\x12X\x1c\x14\x11\x18\x06C\x1ba\x91\xc3\'3S&amp;kEXF?p%\x1f\xebdu\xba\xaa\xf3\x9c=\x81\x85F3\x83SW\'\xd1&lt;\x94HJ\xebJ\x01\x0b\xc0H\xb9\xf48pIaXg\xd5\xdfNKKc\xd5\x83\xb5\xcc$\xd7\xf4j\xf2\xb1\x96N6\x8c\x9e\xce\x00d)L\x1c\x9c\r\x851\x06[\xa6\xea$\xa5\xa5\x80E\xa3%\xda\xc8\x99j\xb1\xc2\xe9\x0bs8\xed\xe9`\xf64\xc4%k0\xa32\x1a\xb7\xa7w\x92\x9e\xa7#\'\xdb\xb1\xae\x9b\x01&gt;\x1f\x05)N\x9e\xafp-\xa6\x10\x00\x95\x0e\xc4\x12\xe9\xd0\x9fN\x07\xdaq\x18l\x0c\xe7K#\xe0v\xc4%K`\xb5\x9a\x8d\x95\xdb;\xc7\xc9\xce\xd3\x91\xf7\x95\xc3\x8b\xe7,\x10\xef\x80\x05g\x19TZ6dh\x9d\xa4@C\xcb\x13\tDH\xb0\xbc\x02\x8d\x06z\xa9\xd0\xebqW\x16\n\x07\xa0\x92\x91=\x04\xacXlu\xb3;\xc9;q\xe4\xfd\x8b\xc9s\x81\x80\xe1?#\x1aB^\xaf\xc78\x02\x9dN\x9d\xdf\x94\x9d\x9d\x93\'\xa2\xe5\xa9\xd5\xd9\x8fr$\xeaK\xb42\x06\xdbz\xa3\xc7\x8dL\x0f\xdb\xb0\xaa\x81t\x96\xd1\xe8\x8bm\x9c$;\xe6G\xff\xc2"\xdd\x05zal\x86@\x94\xd7TTTT\xd1T\x98\x93w\xe9RNv\xf6\xabW\x05\xb3M\xd99\xa2;\nLo\xb0\xd8\xfb2\xc9,5\x81V\xadF\x93/\xb6w\x92\xec\x98\x8f\xbf\x870\r4\x1a\xe0\x9c\x07G-&gt;:\xc1\xb39\xa2\x9cW\xdf\x165_\xbb\\QX\xf8\xe8\xd1\xa3WMmE\xdf6\xe5\xe7\xb75\xe5\x88 \xd7\xf4\x8e@zV\x97\xc7\x03\\\x00f6\xfbb\x95{\xffL\xf6s\xc6(\xc2j4\xa0#\r\x94\xca\x01\x17[@{u\xa5\xa2B\tXW\x10VaE\xf3\x19esQ\x05\xbc+\x90\\\xaf\xe3X\xb5\x96\x9b\x9d],\x96\x8c\xc4j\xf5UV\xee}N\xf6\xf4Aj\xd56\xc2\xc9=\x81\x05\xa7P|*/\'G\xdd\xd6|\xf6Z\xb3\xd7\xdbV\x98\x9d\xdd\xa6\xec=_\xd2{\xa6\xb9\xc8\xdb6\xfb\xf0\xb5\xa4n\xb0\xbc\xa7\xb1\xb6\x93\xc7\xeb\x82Qm6\x9b\x10\xd6\xdeZ*\xb0\x02\x0ex\x16D\x0f\x87\xe0w6C\x97\x9d\xaf\x9e\xf5\x9e!\xeb\x9a\x12\xaa\xe4\xeb\x1f~8_\x12\x0e+\x17ff\x0b4\xb7n\xdd\xbap\xf5\x9b\xc9\xf6\x9a\xe75&gt;#p%\xb0\xe4\xc9n\xe2"\xa8\x05X\xf0\x0c!\xc5\xf5\x8a\xa7e:\xf5\xcc\xcc\xccB\xb8\xf7\xcc\xd9\xb3\xbd\xbd%%\xe7{\xcf\x96\x9c\x07\xac\xb3\xf0\t`iJ\xdf\\x\xf3\xe3\xe4\xe2s\x1f\xec\xc0\x98\x0f\\\xef\xab|\xb1\xb7\x97\xec\x98\xff\xfd_\x8b\x93\x93W\xb5\xd0\xc0\x88\x13\x0e\x10O\x9f\xfe\x94]\xa4\\X\x08\x87\xc3%\xbdae\xb8\xe4\xfc\xdb\xb0\xb2Y\xd9\xfbu\xaf\xf2\xf2e\xef\xec\xeb[\x17\xbeYl\x1f\x1e~\x1e\xdb\x86\x11\xed7\xfa|\xa6\xfb\x08k#\xe9X\xef\x87\x9f\xfc|U\x8b;\xdcn-\xe3\xa9\xeez9\x8c\xc3\x99\x19%\xe8\xf46\x1c^\xf0\x9ey\xfb6\xecm*\x84\x96z\xaf4I\xde&lt;\x89\x8dM\xaf\x06\xfb\xe7\xe6\x06\x06\x06\xe6\xa2\xd1\xe0\xeav\xa5\x0f5\xf1O\x98&gt;\xb9\xc9\xc7\x82i\x17\xe8\x19\xac\xb3\xb6\\\xff\xb9}x\xf1\xc9\x8f\xbf|\xfc\xc7\xc7\x0f\x1f&gt;\xbcn\xba\xdc\x1cV\xb6\xe5\xe5\xb55{\xb3\x0b\xca\'\x9fO\xf7\x07\x83\xd1\xa1{\xa8\xd0\xcfJC\xf3c\xb1X\x0c\xb06\x8e\'\xe4KI\xfbm07#\xe3\xf7\xf7\xedO&amp;{\xacXOm\xe3\xe0\xf5\xdas\x1f\x7f\xd9\x86\xe6\xf8WW76\xb6c\xbe\xe1\x07\xea\xb6\xcb\x1594Z\xa1\xb7B}\xabv\xd8\xe8\x0f\x06\x83\xf3s\xfff\xd5\xfc~\xd2\xca\xd30\xbeW$\x1b\xbc1\x08\x8dM\x08\x84\x05\xd2\xa6)$\xd4\xe0!1\xe7\x90\xe0\x11\x10kh(H\xf8\x91 \x9c\xc6\x9e\x03\xa9\xe1\xa7,H"\x05\x04L7\x86M\xb4\xb0\xd6\x8cT\x01\xed\x85\xc1Z\x07\x8d\x8b&amp;Z;:\xda\xb5\xcet\x1a\x1d\xebMm\xd5N\xd2\xd8\xe8\xa4\x9av~\xec\x97\xe9\xbfpn\xbc\xfe\xe4}\xde\xefs\x9e\xe7\xc5\x7f\xdf\x1dy:\x92\xcd\x8e\xdc\xbd\xf7\xa4\xff\xa5\x1a`\xa9\xb7&gt;\x7f\xfb\xfb\xf1\'\x92n\x83\x17\xde&lt;x\xf0\xf1D\x93\x195\xbf7b\x1em\x8f\x12\x9b\x9d]?\xd9\xea\x07#y\x02\xa2\xf0\xbd\xbb\xb7f\x03\xbc%\xb1\x80"\xe0\x8b\x05)\xb3\xa2\xebf6[\xd233\x13\xa3\xce\x89\xd1\x88C\xd3}k\xe4\xee\xa3\x97\xea\xca\xb4\xb6^?\x1a!\xc9S/\xbf\xd9\x1e\x9d?Q\x8fg\x16=\xef\xd3\x986\xe2`\x05=\x91\xe0\xe1\xe1\xfc\xc4lF\xa3/eoT3\r6\x0e.\x06\xc9^\xccg\x87\x144f\xb5\xc3I3\x04\x83\x8a\x88\xd3\xe9f:\x1c\x99\xb9\xfb7\x1f\xb5\xfe%b\x7f_\xb6\xf4\x88\x1c\xf3\xba\xf0N\xdb\xd0\xc2\xea\x1e_\x98\xc7\x94J\x8f\xb3\x96\xa6\x08\xa6\xb9\xdc\xdc\xaf\x1b\xab\xab\xb9\x80\xcd\xa84\x1ak\x8c\xa9&amp;\xb1\xc5.\xe4\t8\xc6^\'\x8b\xa5P\xd0F\x17\x8fZG\xb2#}@D\xbd\xdb\xe1\xae\xbaQ\xc1z\xb95R\xd2\x17\xae\x93\x83\xf5p{\xf8\x9cjvtg\x161e\xda\xa3P4\xda\x02\xcb\xcb\xcbi-0\xa59\x87C\xa1l\xe2\x0b\xa4SB\xbf\x08F &lt;\x11R8X\n\x8f3s\xf4\xdb\xe3\x17/\x06\x9f\xfe\xf1x\xf0I_\xa1\x96\xc5\xac\xeaRw\x03\xac\x9b\xfa\xeaB\xeb\'R\\\xe2\xe1\xfa\xed\xb3D\xbd\xd61\xbb\x88\xa5ui[:\x8a\xa6\xcc\x11\xc7\x8d\x91{\xdf\xfc\xeb\xc5`\xffH\xc9\xa9\xab\x93\n!\x02X*\x84S{h\xf1\x08\x16\xa9&gt;\xfa\xfc\xe3\x1f?\xff\xe3\xe9\xeb\x1f\x9e\xdf\x1b\xec\xbbZ\x1b\x8f\xb7i\xc6\xbb\x81\x88\xad\x1af\xec\x16IX\x87\xe7\xd3\x02n\xc8\x99\x99X\xb1\xa5t\xa8\x9c=f\x88e\x1f\x1d=\xffi\xeb\xbf\x7f\x7f\xfc\xfa\xb8\xbb\x14\xe1Z,*\xc2\xe5\xb7\x8a\xe5\xf4;q\xa6B\x1b[\xf8\xe5\xfb\xffm\xfd\xfc\xcd\xd3\xad\x0f\xdb\xee\xbe\xac\xbe\x8dEs\x82\xcd\x07*\xb6V3c$M\xeb\xda\xc1\xd9\x19e\xca\xa6\x05&gt;\xa5\x1cc\xb3\xe5\x8c\xe6\xf6X)\xb3\xff\xcb\xd6\xe3\x9f\x06\xfb\x8f\xf7\x0f\x17\x83\x01H\x90_\xc2-\x10\xbf\xbea8\x0ev\\?\xb1\xb7\xff\xe1\xf1\xe0\xe0\x93\xfb\xeb\xc1\xd3\xd2\x8d*&amp;M\xabuV\x03\x9b\x1f\xbfU\xd5F\x1a\xd6\x1e\xbdY.`4j\'\x16\x95 bq\x185\x17\x877{Ww\x17\xbe\x19\x1c\xbcy\xb2\x1e\x0c.z\xb8\x89r9\x0f\x89\xf8\xd4f\x10\xfd\n1\xa6V\xb9\xbc=q\xabT\x8a\xc57c\xfa*w-\xcdl\x8e0\xef\x8f/\x8c\xdf,\xb4\xb5\x8d\x93\xf4\x12\xf7:\xe8\xf2\xe9\xb3\x0e-\x98\x16\xb5\x9c\xe70*\xf7"z"w\xf8jbV\xeb\xf1\xdd\xf6aX\xc3\xd94\x9e\'DR*\x101\xce&lt;\x8dk\xa39in\xac1\xa8h\xa71\x0b@B\x83\xafW\xc1\xba\nT,\x15\xda\x98\x0b\xe4\x84\xae\xcbo\xcd\xb2\xfc\xd9\x97;\x13\x13\xf3i6%\x8f\xcb\xa9:\x06]n9\xd8+\x0e\xf0\xd8\xef\x9b\x9b\x8d6\xfa\xd9\xb4&lt;\xbfD v9\xbd\xa5}3\xbe\xb9\x19\xd1\xa6S\xa9z\xeaX\xc87\x1cg\xb1"\xda^\x9fB\xe1\xb8\n,B\x7fz\x1a;!\xc9N\xdf\xed\xd8\xf1\xb3\xb3\xf4&lt;\xc0B)8\xceAQ\xae\x8c[7y0\xe3\xafK\x19m\xb6\x14\xa7\\\x9e\x16\xf0\x92"\xc4\xcf\xa9\xef\xb8\xd3&gt;\xec376\x80Lf\xac\xa9\x1c\xc4[\xccf\x8f\xd9\xacU8\x1d]\x1a\xb5\xba\xfa\xb4P \t\xebo\xfb\xbb\xd2\xe9\xf3\x8d\xbdu\xe0[\xec2\x8e\xe7\xf9b\xbb_\xc8\x07\x9dB*\xad\xe3.\xe7,y\x1c\xc7]*/\x0c[\x05\x89+\xbe\xdevZc\xfd\xf4YsC(\x04\xc2b\xe5^\x18\xf2\xf4\x98\x01\x96\xbb\x82\x15+\xe9\xc9\n\xf4\x7f\xee65\x9c\xcf&lt;\xdb\xf1`J9\x8e/\x89-\x10\xe1\x95\xccH\x08\xff\xcc\x0c\xcf\x05B3$^r\xb9\x92\x12\xd8\xe4\xc5\xa7\x9b["\xb4\xcd\x8b\x0c\xae\x8cB\xed\xe8\xb8BO\xb1\x13\x0c\x9d\xcd\xd8\xd8\xe2\xa39\x1cn\xb5Z\xd3V*\x91\xb4[\x00\xab\xfe\xcb94\x19]\xc1\xc6\xcax\x1e\x10\x10^o%%\xcfl\xf0\xec"\x18F\xbcD\x92\x80T\x04\x0c{\xedh\xcd\xa5\x08\xad\xbd\x05\x9d\x12\xe7\x05\xd4\x1a\xd0\xda\xea\x19l\n\xaaT\x9a\r\x11\x96cN\xadvT\xf5e\xd5\x1f\xc9\xc1zs\xd0\xfc\xe5&lt;/\\^\xc1\xd8\xe5&lt;\xc0R\x01,\x02\x80\xd8-\x90\x08\xe4\xe4!\x98H\xaa\x92~\t\x0c\x8b&amp;\xd1\x9a\x06\x83\xc1`\x96\xd9U*\x0b\xbf\x89\x0eZ\xdb\x18\xa3\x89\xabS\x9a\xc1g\xb2\x16\x88\x98)\x91\x89E\xff\xf2\x85c\xcf\xcdc(\x07\xcf\x83\x12f\xfd\x8a\x95\xb4"C\xc5\xb5\xb5\xa2\xc9\nY\x92\xd0\x80\xc9$\xf2s\x8d=&gt;_{{Z(B\x08\xbb\x8c\xcd`P\xc1\xbc\xd0@\x08,}\x84\xa5Q/\xcc\xf5=\xc9.\x90\xb4[\xff\xdc\x0e\ro\xbe\xb7o\xac`:\xceR\x12\x88\x084\xf4B*H\x04\x0f\xad\x15\x8b\xc5\xce\xb0?\xe9\x82 \x04\x86%\x96&amp;cOGcK\xbb!*1!\x12\xa1ELAS\x0c\x9dN\x17\xea1\x9b\x15\x15\xac\xeb}}\xa5\xa3\x07\xe4\xc4\xc0\x87\xdbJ\xdf\xe9\xb0l\x12`Q*X\x15\x11E\x04\x81tVF\xf5,,\xf2Z\xc4*\x02\x82\x80C,%j&lt;5\xa9T\xe3\x1d\x83R\x02#\x12o\xb2NP\'\x95\x05t\xca\x9e^m\xa4V\xb3\xa0\xee\xeb\xbb\xa19!\xa9\xf1_{\x1bM\xb5l\xb6L\x1ebc\x9c$\x04\x8a\xb4\xd5\x8b \x88\t@\x01\x01\t\x08\xbcD\xf06\x89%!\x88\x10\x1c\xa3\'\xa5k\x925\x0eo\x86&amp;\x11\xf0\x18\xec&lt;\x9e\x90\'\x0b(=&gt;\x05\x8b\xa9Y\x18\xcf\x962\x9a\xcf$\xddG.\xecc6\xd9\xc5\xd3\xf4n\xd4\xd6\xb4\x04\xb6;i\x15\xc1\xa6\xca\xa8\xd6\xd6L~1\x81\x10V\x11\x12\x86\x91g\xc5N\x91\x18Ur\xb9R{\xc0\x17\x8f\x87&amp;\xc1\x1b TB\xe1T\x1d\xc0\xea\x8d\xd4\xb6i\x16\xba\xabY\xb3s\x9f\xc8*e\x0fV\x1aW)\x97\xcc;\xd11\x0eXx\x17\xe4\x05\x0f\xf0\xeb\xac\xbcb\x15"\nw\x0e\x81&gt;=\xb4\xf6g\xb1\xd3\xcbCe\x93~\x890\xc8:\xddL\xfbg@?\xb3\x0b\xa5\xb9\n\x16\xad\xb6J\xbd\xd0\xcd\xa49_\x91v\x1e\xb9\xf6vg\xf5\xd7:\x1b\xb6b\x94\x8b\xc5b\x80\x85t\xfe\x85\xd5)r\xf1\xac\xe10\x90\xb3hB\xbe\xfe\x15\xa6\x12*$\xbc\xaap\xd6n\xb6\xf0\xed\x04\xc0\xda\x98\x92\x05B\xe0K\xcd\xac\x9eSw\xb3\xe2\x9a\xdfI\xfb\x15\xf6\xf2\x83m.\x7f\t\x1f\x9b\xc7\x9a\xc0\'\x07\xd8)\xc0\x1a*\x16\x9f!I\xdc\x82\xc0\x03\xe1\x83\x9d\xa8\xccN p\x18\xf1\x07\xb0\x90\'\x18\x0c\x1a"\xc0\xbd\x9a\xec\x12\x89U8%\xe3\xa2!\x03\x8by\xb5\x0b\x98\xbc\xdb\xad\xf9D^\xb1\xbe\xf6.Q\xce\xe3\xd1\xf9\x15\x94C\x11\xb8\x80_\x99:M0"\x82p\x81d\xa88\xb0L\x8bi\xb9`\x88"\xd1d 8\x9a\xb9\x9a-\xd5\xb6\xb7\x84\xb0(j\xb7Z!^\x1d\x9a\xb2\xf5DXmU\xf7\xd5\xea\xae\xeb\xbf\xbd"\xf1\xc4u\xf9c\xae\\\x06X\x18CN\x11,%\x81\x8a\xc0\xa5`DE\xb1\x83\xcd\x1f\xca\x99\x83\xb9\x81\xbd\x83\xdd\x1dP@\xdc\x9a\xb9.\xbd\xc6\x19\xc4\xd2\x01\x99 \xefJ&amp;q\n\x9b\xde\xe1\x03\x0b\x1f\xabL\xab\xff\xf9\xf7d\xfec\xcb\x9bw\xebQ\\\xba\x12\x04\xf1\x94\x82\x83\xb5\x87\x08\xc4\x04\x16I:\x00V\xbd\xf8\xec\xe0`\xe3`o\xef`G\xc1r8\x1cNw\xa6\xd2\xdcth%c\xf0\xc5yy\xfd\x95;`X\x85\x18\x88[\xdd\xfd\xcfI=\xbc]\xfe\xf8\xdd\xba\xdf\x9f\x9eW&amp;\xe4\x1c\x10c\xf2.\x02\xf4/?\xcf\nwv\x9aLpx`570\xb0\x9bSj\x83\x8b\xce\xeaj\xc7h\xdaf\x1cC\x058NI\xa1\xfcD\xf3\xa5v@U\xa8\x1a\x1fo=:&gt;&amp;\xf7\xc2\xf5\xf0m\x90\xcb\xb7UT\x94\x97\x81\x9e.\xc2K\xd8\xf9*\xc4\x04\xa4\x1c\x90\xf8\x85\xa8\xce\xefo\xa2\x8e\x05\xa2X\xd0\xad/U\xcd:\xb5 \x05\xe9\xb8\xba\xc6\x0eF\xe2\xca\xedafA_\xa8\xea\x9a\xdb\xfa\xf1\xf8\x87\xff\x90z\x0f\xbc\xb0\xff\xdd\x87\xa3\t\x80\xc5\x96OOO\x97\xf3I\xc2E\x91J\xc2\xe1\x81\x83\xdd\xdd\xd5\x80\xd2\xa6\x8b\xe6Pc\x8d\xee\xff\xb4\x9bmLZY\x1a\xc7\xfb\xa1\xed\xa4\x03\xfd@|imB1\x86\xba5.\x9aP\xb3J\xda\xa8\t0\\P\xc8\xdc^@Z\x86i+PG%:\x08\x16\xe5%\xf5\x05[d \xaev\xe4\xa2\xd2\x08\x8bV1\xbb\xa6\xb6\xd2\x82\xee\x94i-J\xd4\xa6n\xa75:\xae\xeel\xd5V;S\xc6\xedj\xa7\xb63\x93=\x97\xee\x87\xdd\xcf\xe3=\x1f\x08\x1f\x7f\xf9?\xcf9\xf7y\xce\xf9?\xecl^c\xd1m!\x0c#\x08\xa2\xf2\x1a\xb4uWK\x08\'&gt;{X$\x91\xd0h\xc4\x8f\xd7\x1e\xfc\xb0\xc3^\xae\xb4\xa7\x93/\xbe1\x1a\x14\xad\xc9\xc9\x00\xebfiU\xf9\xde\xe4!\x7f\xfb\xc2\xd4\xa8/d\xe6*\xc6"\xe6Ho"\x8f`!\xb0@\xa9\xd0\xa7T\xc2\x1e\xabm\x00\t\x84.\x9f#\xf0&gt;\xa3\x90\xfa\x9a\x88D]\xff/\xb7jw\xfaA\xf1\x98\xeb\x87\x1f\x7f\x0ck\xb9\xc9\x1c\xcb\xcd\x9b\x9c\xd2{)\t\xad\xbd\x91\xe7&gt;\x04\x81\xc2\x91\xde\xc8\xf4\xf4\xf4b\xfb4(IY\xb2K\x85\xa0\xe7V\xa9a\xeb\xb0\xa3\xa5?\x90\x14g\xc9\xae\xa0\x10\xfb\x8aH$\xdd\xc7\xafq0B\xd4\xban\xbd\x9e2\x80\xe4\x02bYJ\xaf\xdd\xfc\xc9\x19\xf6!B\xa2\x829\xc8\x98\xde\xdc\x1cz\xb6\xb2\xb8\xe8\xa7\xb2du\x17NC\x90\x1a\x12i\x84V\xbb\xdd\x86\xa8\x1bS,\x15I\xa0u$\xe9twn\xe1\xe1\xfeI;\xf0\xf4\xa5OA\xe0|\xc5!$\xee-\xe5p\xcc\x01\x81\x95h\xaeIMaR\xa3\xd1ApB,N\xaf\xf3L&amp;\xd0\x1bR\x92\x92H}J\xf7\xf0\x8c\x035\\\xcaJ&lt;W\x04\xbaC\x80\xb5\x86\x93)ideT\x91\xcd)\xfd*1\x11\xb4\x8b\xa9z\xc4\xea\xf1\x9a\xb5\x15\xef\xd2y?m\xe5/&lt;\x1bo\x8fl\xad\xb3\xea\xa0\xb8\xcb\xe4\xa6\xdbV\xab\xb5\xcd1l\rhM\xe5\xadq\xa4&amp;\xec)\xbd\x7f\xf6)&gt;\x9e\xa4c\xaba\x85\x144?\x1cN\xe9\xb5k\xcd\xf3\x12+\x8aJh&gt;ma\xc9\xbaB\xe1d/-E\xb7\xde\\\xbd\xfa\x90L\x84%\xc2\xbf\xff\xea\xb0\x0f\xc3\xd0\xbc\x9c\x93\xc3\xa54\x01,\x9d\xd18Q\x8b\x0b\xd5\xae\x03\x1bS \xe71\xac\x8c\xd2{e\xbd$\x8dOh]{\xbd&lt;1\xb1\xba\xba2\xb7\xbd\xbd=\xa6wj\r\xaffgg\xdf\xbe\xfd\xe5\xc1\xf0\xf0m\xc8\x19a^+\xa8#KHIE\xa8\xb1\xff5^\x86\xb7\xa7s\x06\xae\x18k\xa2S\xaeUU\xd7(\xccc\xa7)\xe1\xe5\xce\xce\xce\x91\x91\x11\xd7\xc6\xc6rlm\xdc\xfa\xee\xc5\xe1\xbfL\xfc\xec\xe9\x8b3Qk\xf23\xa9\xe7\x8a\x00\x16\t5\xe2\x93\xf1\xef\xa3h09\x131\xac\xd4\xf2\xe2\xea\xf2\xcc\xe6\xbd&lt;\xd3\xfc\xca\xea\xa4k\xc3\xe5r\xd5\xd6\xba\\\x9d\xae\xe5\xd5\xd5\xd9\xb5\xd9\xb5`\x13)\xee\x92|(\'\xab\xd7t\xb9\xa9I\x93D\x14\x18\xd7:\xf1r-\xa6-\x87Y\\9\xd8\x8b\x1c\xe6\xd9\x9c\xea\xe2\x9a\xe2\xf2\xe4\xf8\xf5u\xc3\xd4\xd4\xd4\xca\xea\xea2 Z\x9d\x9b2@\xff\xc6\x16\x99"\xe2R\x8fdR\xf5\x10\xb9\x89\x9cD\xa2)\x8doqJ-\xac|~.SH-\x1cN"\xfbHsN\x0eV\xe5\xe9\xb9[[\xeb\xebo\xc6\x16@nm\xcf\xcdM9\xdf\xbcy\xf7\xee\xdd\xc3\x87\xe48\x998?\x8b\xaawR\x9aHI\x1a"\xcc\x7f\x8c[j\x813u\xc5\xa0\x90f\x13,\xc9\xc9\xa9UU9yytF\xa68a+\xba\x04\xd6\xe6f4\xba\xbd\x1d\x05\xdbqk\xfd\xd2\xe5"\rd\xa2\xe6\x03*QQ\x13\x89L\x82\x95\xfc\x9f]\xf8M\x8e\x1c[\x1d\xd5r\x13\xb2\x81^\x19\xf7\xaa@\x99Lg0\x86Z\x13\x92\x97\x96\x16\x17\xc7s\xfd\x18\\\xd9\xf4\xd6\x16\xa6\x90J\xc4\xd5S\xf5f-\x053\x1d`b\xbd\xc5\xd1\t\x8e\x1d\x11\xa6x\x82\xc5bI)\xfdC\x19\x1d\xa8E\xf7\xf7\xb2\xc5\xd1\xed\xc5\xeb\xd7s\xab\x01U\x8d\x7fsk\xfd4\x99\xacR\xcbZ\xc5b\xbd\xa2\xb1\x08\xa3B\x05\xfc\xc7\x13\xf8\xa5\xd6\xae]\x1b/C\x06\xad\xbc\'\xd1b\xe1d\x14T\xc7\x9e8\x19\x91\xb1h\xb4\xa6\xeb:=\'\x1a]\x1a\xdc\x8c\xaeW$Q\x1aE\x06\x93^o6\x1bT\x98\x13\x0fsJ=\x9e\xf8\x13\x8eX\xae\x97&gt;\xc0\xc5\xed\xe9!$f\x9ce\xe4\xd1\xab\xab\xab\xeb\xeb\xfdC\xf9K\x9b\xfe\xf6\xe2M\x90d\xfa\xf5\x13\xe7\x1aA\xa5\xc5\xe2\xea\xcd\\\xaeH\x839G`&gt;\x9f/\xc0\x1b\xcb\xe75\x98\xe4=\x04KF9#/\x8fQV\x96\xfbI\xae\x7fpz\t\x08E\x05\xd9\xae\x15\x89\x0cZ\x85\xc2\x94\xd0\x8a=\n7\x92P@%\x8ca\xe1\x1a\xc4)\xaf\xcf\xeb\x95\xb1\xa4\x04\xcb\xdeL?=/\xaf\x98\x01\xfa\xc3\xf6v?(R\xc7\x9c\\\xad!d\x18\r+\x9cb\xb9\x98-6se\x14\x1aJD\xf9\x03\x03|\xbe\xf1%\x9eXO\x9fC!\x9fW$c%\xc8\xc5Y\x83@.z1=\x17p\xf5\x86|\x01\x9f/\x10\xf0y\xd5\x06\xb3Y\xaf\x17S\xd9r\xae\t\xd2\xd0PT\xc9\xe7\x0f\x08\x058c\xcd]\x00\x00\x01Hf\xe2\xca\xa9\x99\xc5\x0c:\x1d\xc8\xf5Ie\xe5B\x80\x08\x1b\xfb\x8d\x1da\x05\xa4\xc8\xcfgR\xf5\xd8\xdb\x99L\xa5CQ\x01\x90J\xa8T\np\xc5\xaa\x9d\xab0\x84\xbcj5\xa45\xc9\xd9\xa95\xc5\x0cF\x19\x86u\xbd\xf2\x99Y\xed\xf1\xc0\xa1Hy$\x92\x99\x8a\x9d\xeeR\xa9\tBP\x81\x00\x0b\xa1P)AqV\xabBf\x10\xa9U*H\xcb\x153A7_\x1c\xc3\xea\xba\xdeU?O\x94\xa8\xc7j\xaa\xf3\x18\x99\xcc,\xaa\x98k2\x19T\xef\xa9\xdc\x03J\x18\xc6\x1b\xeb(\x8buI\xadAT\x90A\xa1\x1f\xca\xc1\x16\x1d\x04\x11t\xd7\xf5\xbd\xf3\xd3~\x06\x1dt\x8d \x88b)K\xa6F0ggC\x83[\x88\xd2`\xe3\x04\xbe)\x7f"\x9eU\x08uh\x10\x8d:\x14\x1e+\xcf\x01\x9fF\x90\xf3\x00\xac\x12k\xb0\xe9\xc5\xc5\x05G\x98Tj2!\x9e\x05i\x00\x95\xbb\x01`\th:\x14\xd7\x03"\xcd\xf5\xfcP||\x9d(\x00\xb8\x90\x0e\xefhoAAfAu^\xfdx\x17\xe8\xafss\xe9\xf4\xb2\x82\xd4\x0cq+\xbb\x87\xc7\x13\xa9\xd0\x81\x81\x01\x8cJ\x89\xd2h0\xbe)\xbf1UQ\x12o\x8a\xbd\x95\xe8\x82AMh(g\xb0\xb9:\xaf}\xbc\xab\x0b\xbb\x8b\x00\x11&lt;\xbb7Q.\x17s\xebdj\x1d\x1f0\xb54x\x84\xb0\x8e(\x91(\xdf\xe2\x89\xb5\x1c\xae8\x9a.\xd5\x8a\xd4\x1d\x1dAD\xe7\x11*\xaa\x9a\x9b\xe9\xf5\xf4\xf1\xca\xaeJ\xd0\xf9cyE\x95J\xa5,\x96V\x14\x14\xb6\xd8Zl\xb6\x06\x8f\x12\xd5\xd1$\x12\xf8\x15\x8e\x85\xcd\x81UC\xc5\xa1\x92x\x8cK\x05\xf4r\xb7\t\x14)\x99\xcf\x16\xfc\xe3\xe3\xa0\x1d\xeb\x8d\x0cf2\xd9N\xae\xd4T(\xf2\x06\xddm\xdd7l6\x9b[I\xd3\x11i\x12\x18\xbe\xb3\xc3\xb7"\xff\xd7\xf1\xcf\x89\x8e\x96\x94\xa4K\xe5\\\xa0\x97\x06\xe1w;\xf8\xa2\xf91\xb3yl\xa1}Z\xdf\xca\x1c\x1a2\xcbD\xa6:\xa8\xb1\xa3\xbf\xa1\xdb\x81M\x03Y\xf9:@\x05K`\xf4\xce\xfd\xaf\xf1\xe1:02\xf9\xf6\x95\x0c3\xe0\xc5\xcb\xd9\xe6PG0\x88\xda\xec\x0e\xc1hX\x14\xa7\n\xcd\xb3\xa5\xadTgx\x94L\x01i\x87\x0e\xb4t\xdb\xed7\xdalV\x8f\x11\xd3\n\xbb\xb0\xe9x\xb2\x7f\xc7\xfd\xf2i\xc7j;\'_&lt;\xfa\xfe\xd7\x8e\xc2C\x87\x0e\xa5\'\xf4\x88\xa9\xfa\xd1@P\xe7\xe9\x9eq\xf0\x83\x08\xcd#\x0cB\x10$R#\x08\x8a\xc2\x02\xbe\xcda\x9f\xb1w?\xb1Yo\xa3\x08\xf2\x1e\x0bF\x9e|\xb9\xb3S\x0fi\xd8L\xf0\xa3\x07\xdf|{p\xff\xfd\x00\xc0:\xc1K\xe8\x91\x8b\x99)N\xaf\x8a\xd8p\xc5\xee\xc0\x86\xda\xda\x1ah\x88F\x83\n\xdd\x03\xee\x96\'7\xec33vGw\x8b\xf56\x82 :\xda{\xb5\x82\xf7\xbf\xdc\xb3s\xbe\xd34l\xf2\xfd\xbb\xbb\x07O\x1e?y\xfc\xe0\xc9\xbfyK\x00U&lt;P\xcb\xacO\xf9\xc8\xac\x854\xee6\xc7\x8c}\xd8\xe6pX\xdd\xee\x06\xab\xcd\xd6v\xe3\xca\x95S\x18\x15\x88\xa0R\xa7\xc1\x86\x0b\xe0\x18\x96\xe6\xfe\x97\x9f\xffurgn\xdd\x80P#_|p\xe6\xc1\xbe\xf3\xc7\x8fc#\xdd\x03\x10+==!;;1Y\xcc\xa6R\xa9zn!\xd9c\xbb\x82\xf9\xb4N\xd9\x81n1\xcb\xd6\xcc\xa7\xa7\x00T\x9b\xd5*\x01\xf5rl\x13\xc20\x8dFD\x00\xd6\xbe\xef_\x8c\x1c\xd8\x01\xa1j;\xcf\x1c\xbex\xe6\x8fw\xcf\x9f\xc4\xa8\xf6\x9f\xbf\xdf\xc8b\xf1\x00T28\xc9\xa9T&amp;[\xce\xba@\x81\x1b\x1c\x8e\xee\x18\x1a\x88\xdd\x0c\xf6{\xa5{\xd8\x06\xb2\x1d\xa6\x11\x89M}\x98\xad\x19\xfc\xd1\x01\xacO\xf7}\xfe\xed\xbf&amp;\x7f\xdb\x8d`L\xa8\xdd\x87/^\xfc\xf0\xcf\xff\xfc\xc7\x7f\xc5:\xdf\xa2f\xf1\xe2\xb3-))\x1f\xb1cX=\t\xe9\x85\x14\x89\xb5\xa5\x05\xc4\xacm\xb8\xcd\x81\xe9\xd4\x8d\xc5\x0f\x9b\x02\x84i}`\x91\x88\x98h\x80\x0b\xa8\xb5g\xdf\x9e}w\x1f\xfd\x86\xabyl\xeb\xfd\xfe\xf0\xc5\xdf}\xb8{\xf7\x07_|}\xf2\x7f\xb1\x12\xb2\xb1G\x83,\xf0A\x8e\xd9\xbdy\xff\xe1\xe4l\x9f\x9aJ\xcf0\xee\t!9!\x86\x1cHpC9@\x92c\x12\x17b^l\x02\x1a&lt;\x9d$\x84\xc4U\xf4\x8cQD\xc3\xf0&amp;\x1a\xdaeC\xb1\xd8t\xd7\x1db\x14A+\x0e\x82f\xabu\xc6\xecnG\xeb\xb4@\x19\xad\x9dV\xcb\xecHu:\x9di\x87\x99\xaev\x9c\xda\x0fN?\xb7_\xe8_\xd0\xeb~\xe2\xd6\xbel\xa7\xbb}b\x12\x1c\x07\xf3\x9b\xeb\xbe\xee\xeby\xceL\xee3\xdc\xb8\xff\xd9\x93K\x07\xf7\x1d&lt;\xfe\xf1\xfd\xef]\xb9x\xe9\xfe\xfdK\x1f\xef?\xf0\x1d2\xd4\xc6;\xddXU4\x1c\xb5q\xeb\x93B\xa1LW\xa63H\xab\x7f}\xf8\xc6\x9b\xffg\xf5\x16\xb5.W\xc3\xe9\x06\xb5\xbab\xc6\xf5\x17\x8b\xa5-\x99L\x1a\x0c\xe9\xcb\x93\xcd\xc0\xd2_\x88k\xc2\xe0:5\xafomm\xad\xe9&lt;\xf1`\xdf\xe1\xf1\xef\xbfS{\xe7\xe7\x17\x0fn\xdd{\xf1\xe2\xbek[\x0f B\xefTUu\xd7w\xd7\x97f\xdcH\xadB\x1fq\xe9\n+K\xfd_\x1a\x8cZ\xef\xe1\xa2\xf6\xb9\xab\xba\xa1\xa1\xa1\x02j-.\xac\x82\xca\x92\xb4HR\xfal\xaa\x99M&lt;X\xed\x1e\x87\x17\xfb\x9f\x95\x86\x1czN\x9e\x18?\xf1~\xd7\xb1\xeb\xd3\xa6\xf1\x13\xf5[\x0f\x1f\x7fPu\xa7\nRm\xec\xae\xaf\xad\xadg\xd3+\xf4\r\xf5\xb3\xc0\x1a+\xef\x1b\xeb+\xb4=Z\xce\xf4\xbf\xf7%\xc0\xde|\x83\xd9\\\x0b\x91P?`\xa9\xb4\xaa\xc5\xa5\x15\x03U\xd0\x02\xb5\xcef\xcd4\x0bu\xc1\x1a\xd7\x04\xbc#^o{M\xb3\xb9\xf5V\xcft\xfe\xdc\xed\xdb\x8f\xefZo\x9d;\x96=_;^?\xd5]\xb5\x7f\xff\xc6\xee\xda\xf3lz\x85\xc6W\x80u\x19\xdeb\xab\xb0\xb2\xbc\xbc\x9c[\x98\xf9\x82\xb7\xb3 &amp;\x08\xd5\xefv\xbb\xd5.u\x05\x96Z\xabR\xa9\x17\xa3/\xd2\xec\x86\x0f\x06\x8b\xf4\xd1t\r\xaceMX\xad\xf1\xf6\xf0\xdd\x9f\xbc\xeb\xed\xa8\xa9\xa1\xe1\x1eO\xc7f\xc7\xed\xbbN\xcf\xe6\xa1\x9e|\xca\x04\x90\xa9\xad\x8776\x9aL\x93\x0c\x8bf\xa3\xb6\xee\xbf\x02\xb5\xca\xcb\xf1\xa7\xb0\xbaL\\\xd1\xd9/p\xa7\x81WL3\x80\xd2\x12\x0c\xf4R\x97\xd6\xe2\xa7/\xd3\xa5{PH\xd2\xc1N\xb3\xb9Uo\xb5\xdb\x13\x89\x84\xc69\xe0\xf5zo\xcf\xf7\x98\xf5\xf6\x8eC\xed\x1e\xa7\xd3\xd3\xbey\xde&lt;&lt;\x9d25\xd6O\xdd\x99jLeS4k\xca\xe6`q\x11{\xa9066V\xc6\xb0r9`\xe5rK\xda\xffQIf\xa8\x1b\x8b33\xfd@B\xe1\x88\tZ\xd1_T\x8b\xeb,\x1f\xda,\x92\xc1r|\x18\xea\xe87\xd954xA\xf6\xc2\xb9}\xde\\\xa3\xbf\xd5\x11@sj:n\xf5\x98\xf3\xbd\xbb\xc015U;\x99"\xae\xd2\x10R=\xd4\xba\xdc\x07,*\xe2\xd8j4JT\xd1\xa8_\x9e\xf9\xefaQ2\xf9\x0c-P\xa9\xd5\xaf\xb0\x10\r\x10N\xab\xed_\x7fi\xa0|0\xd8\x0c\xc9}\xb1V\xc2\x8a\xdb\xed\x9a8\xcaH\xb6o\xef\xa0t=E\x835\x9b6\xd5\xecn\xceO\x13Vw\xad\xa9k:\x0b\xe1Ll\n\x89\xcc\xf5\x1a\xebi4\xca\xa0\xfc\xfe\x9c\xef\xf4\xc3\xaf~\xbebt\xb7\x97E\x12\xaa\x9f\x95\x8fA1*\x15A\xa9\xdc\xaaGm\x16\xa6\x96\xcdb\xf9\xa8\xf7\xa7\xadz\xbd5\x1e\xb7k4\x9fa\xc5\xadVM\x00\x97\xac\x87zZ\xf5\xad\xbb\x87\xf3\xd9\xd4d\xe3\xf9\xc6\xc9]\'c\xbd\xd3\xd9I6\xdfFC,\xaf\xb1\xca\xd6\xc0\x93#\xaa\x88?\xea\xe7\xdd7~\xf0y``\x02\x15A\xa9\x18\x90J\xedrU\x94D#F\xb7k\xad\x84\x95L[\xa4\xcb]\x89MH\x07\x8d]\x03\x1f\x05\x8052\xe2\xf0h\xacq\xa7\xc3\xe1\r\x80\xef\x82\x9e\xc6\x13\xb3\x83&amp;S*\x9f\xcfO\xa7RL\xaez\xea\xc5kWJXe}\xe9G&gt;?\xb4\xf2E"x\x8fd|~\xb9\xff\xbd\xff\x94\xac\xa4\x14\x18\xb4T\xc1\x8aR6h\x99j\xc4\xe5nXK\x02+I\xb9e\xbb\xf7\x0b`%\x00\xa5\xf1x@\xc5\xb0\x9c\xcex&lt;\x10\x08{\x1d\x01M\xdc\x9e\xc0\xa5\xd8\xf0\xe8\xe0\xe0`6\x06\xac,\xccu\x93ED}\xd5\xde\x0f\xcbKXcm\xeb\x84\x05\xaaP\xc8\x1f\xf5\tbd9\'ko\xfc;Y\xc9RZ\x15\t\xa5u\xabX.0W\xa9\x99\xe7\xddZ*"%\x04\xddU\xe4\xda\xad\x04"\x9e\xb0\x9cNr&lt;`\xda\x9d\x01M\xc0\xe1p\x84=\x1a4\xe8\x05\xc2\x1a\xcdv\xc6&amp;b\xb1|/\x99\x0b\x15\x05\xd8\xf8\xd9#t\xcf\x03`\x15V\xfcK~\xbfoi)\x14\xf2\xe1]\x10\x83\xfe\xe5\x9c\xa0,T,\xfe\x0b\x19b\x8a\xd9\xa9\x82\x95\x8d~\x00\x1d\x1eTF\xfc\x8bv\x86,\xcf\xb0$T\xf1\xa4\x06\t\xcf&amp;\x8d\x02\x0e/\x12\xc2\x11n\x0f8&lt;\x81\x96\x16\x1a\xf7\xd1\xc4\x13\t}\r\x9b~\xc5I#\x86*\x9a\xd8\xa4|\xa3\xa9q\xfc\xca\x91\xf2B\x01\xce\xd2\x8d\xadfB~_HQ\x14\x86\x15R8\xce\xbf\x1c\xcd\x88EyN\xf5O\x9a\x91\xaf\x01\xe3j\x808,D+Tn7\x95PM\x96\xd7\xba\xfa\xff\xbcB["\x1dl\x0c\x92\xe5\x13\x8f\xdd\x1e\x08x&lt;N\xa8D,(\x9f\xa3\x85\xbe\xb4\xc1\xa6}&lt;v\xab^on\x06\xd6\xf0\xee\xe6\x9d;;!\xd6 \x1eH\xdfaH\x00\x00\t\xc7IDAT\x8d\xa6w\xf6_-\x1f\xa3\x98\xd7\xe9\xfa\xd6\xc4\xd0RF\x11\x15\x01X&gt;_H\x94\x89\xcb\'\x14EY\x91g\xd1\x00%\xb2\x12S\x83K\xade\x05\xa4\\`\xc1\xf0j\xa9\xb5\n\xce\xa68o\xd1\xeec\x91~|\xea\x87\x9a\xf0]\x87\xa3%\xa0\x01V\x0b\xb0\xf0\xf6+\x00\x12\x96\x86\xe6M\xf5\xe6\x9d[\x08\x0b\\\x9d\xa9I\xd3.\xf8&gt;;\xd9xYG\xd6*\xd3\xd9t\xc9uEP\x14Y\x16\x85R\x11QE&gt;\x88\xa8(\x8a\x8a(\x8a\xf2\xdc\xe9~"\xdb\xa0&amp;\xa8\x86\n\x14\x8c\xd5\x8f\xc5\x15\xc5\xbc\xaa\xa4\x97J5\xbb\xd6fc\xbb\xa2A2H\xf7~\xd4\xe2l\xf1z\xe1t\xb8\x0b9_\xd2\nj\x81\xcbIsd\xe4\xf9\xaft\xf6\xe6\xcd\xbb\x9b;\x07\'\'wue;\xa7{\xbb\x0e|\xa8\x83X}:I\xea[QdQ\x96\xb9 \xb0\xd0\x8a\x91\x90\x02\xb9\xc0\x15\x8d\x88A9(\x13\x197\xab\xbd\xb1\x81\n\xe7\xc2\xa6\xcc2\x01\xb5\xd32\xaf\xd1\x9b\x9b\x8a\xa9\xd5V\xac\xbfH#J\x93\x96t\x1ae|\xf6x\xa0\x85\xbe\xff\xd4\x02\x87yZ\x1ca\'[\x8e\x81={\x1c\x1eZ\x89\x9afx~z\xa2\x07\xaf\xa9\xd4\xae\xae.\xd8,\x7f\xe2\x0f68k\xac\x0cM\xa3[\x9b\xe3\xb9\x05\x9e\x03U(\x14\x89,\x85\x8a\x04i\xe4|\xd1H\x90\xe7x\x8e\x0b\x06\x83\xb2\xcco`\xc9\x00\xbf\xb3V$\xbbS\x0f\x944{^m\x14C\x91bt5\xad\xa3\xd3&lt;N\xcdi\xdb\xbd_n\x1f\x18\x18\x18\x19)a9\xc3\xce\x00u@\xa0\x05Z\xd9=xZ\xcd4\xfa:\x1d\x8bu\x8e\x0e\xa6R\xd3\xbd\xf9\xd8\xc4\xc9\xfcq\tT\x85rI2\xe8\xda&gt;5r\x0b\x0b\xbc\x0c\xadBEaiI\x10\x88\x823\x06}~\xc1h\xe4\xc1\xc5\xd6\x86\xcfLD\xce\x02\x13r\x15O\xed\xf3\xeaJ\xfc*b\x18\xbb\xaa\xff\xd1\x0b\xc9\xa63\xb4\xbdL\xa6m\x92\xed\xd9\xefv|\xeb\xbbGY\xc9P\xc7@\x98\xb0h\x0c0\xdea\x8d\xdb\xe3\xd6\xd6\xe6\xce\xaf\x0ff\xf3\xf9^`\rf{O\xbe\x15;v\xec\xc4=\x94\xb0Pn\x839\xc7V\x15&gt;\xb8 \xcbE\x88%\x88b\x86\xa9\x05\x91xc0\x12\x91\x8d\xf8\x81gO\xc2r37\xd1N\x88\xe3_\x9d\x11uW\x84\xccR\x04\x0b2\xfbq\ny\xdaf\xb0\x95\xd9\x92\xe0\x92l\x96\xbf\xed\xd8~\xf4\xe8v\xd4L\xc3B5\x80};A\x03\xdfV\x9a\x15\xae\xa1\xef\xe9\x8e\x0eO\x90Z\xa3\xd9\xd8D\xcfP\xcf\xf5\x93{\xd3et\x907\xe0\xc4f{4g\xe48Q)\x16\x05\x98J\x16C!Q\xe4\x18\x88\x91\xcbd\xe8\x9d7\xf2\xaf\xb1\xc8N\xae\xd9\x05\x08\xe4\xf3!~\x85\xa2"\x08\xc5"\x9a\x84\xe7\x8b\xd1\xdc\xa3U\xfc\x8fe:\xcb\xcb6CZ\xf7\xe4\x8f\xdb~v\xf4\xed\xb7\x19\xd77\xe0.p\x01\x8b\x8d/c\xeb\x19\xbdys\xb4\xd3\xdc3\x81\xf0\x1a\x9e\xa0+\xb7S\xf3\xe3\x16\x1b\xfc\x0e\xad\x0c\x86\xb2\x95\x8c\x91\x87{\xe0l\x05\x06\x0f\x06\x05A\x90y\xa6\x90\xd1\xc8)"^A\x85\x17\xc4)\xb0\x9e\xbb*\x8db&amp;\x13\xf1E2\x8a\xbc\xc0\xf3\x0b\xf8MP\x81\xbe\xa9\xae\x89\x933\xeb+iC\xba\xbc\x9c\x1a2-}\xf2\xc1\x99\x0fvl\xfb\xf6\xbb\xe1v\x9c\x9d\x89\x0b\xdbN\xdcz\x01\x87\x0bTp\xcb\xe8\x96fsMO\x0c\xcd81\xb4)\xf1\xf8q\xc7\xfb\x97\xd26\\#\xb2\x86\xd1\xadE\xfc\xfeP\x91\x939y\x01\x0e\x0bB4\x01\x9fb|\xc5E\xca\x81\xc9\xd8\xd4\x04\xac\x8a:^\x91\x15\xc2\x86\xbe|i\x05E&lt;\xb0xcSe\xf5\xec\xac1\xfa4\x99\x06\x97\x84X\x95.\xff\xf6\xd7g\xcel\xdb\xb1c$\x8c&lt;\xc5.\x8d\x10k\x0f8\xed8\xe0\xe0\x0cm\xee\x19\xa2\xf1\xd7|&gt;\xf6\xd6\xf5C\x9b7\x07\x02\xd7\x0f^\xb5\x8dQ60\xb1\xd6q\xd6\xc2\xc9T\x08\xe2\x83\xe6\xe6d1X\x14D\xfa\xd8&amp;\xf6\xa9\xb0\x8f\xc8\x01\nX\x1c\xb6\x01\x99A\xce\xcd5\xd5\xd5\xd55Qm9\xd6\xa8X\xdc\x82\xb1\x1a\x17\x8b\xa7+3k/\xd1\x870\x18\xb8~\xff\xa7o~\r`\xdb\x07\xbc#\xdb\xf7\x0c8\xc2a\xec\x89,\xb5\xacC\xf3\x17:\xa0\x1c6\xa0\xa1[\xe7\xce\xc5o\xfff@\xf3\xe0\xaa\xeeH\x01\xc6\xb2Y$]\xdbZ.\xc7\xba(\x9a\xf3\t\x1c&gt;p\x0e\x82)\x14\x0b\xa5&amp;\xe4yQ`\\u\x1b\x96\x14\xbe\xae\xb2\xba\xb2\xae\xae\xb2\xb2\xae\xa9\x89$D?\x04\xb9\x7f\x90\xf1\xc6JpUW\xcf\xfe\xbd\x87\xf3\tm\xdb\x0c\xc3\xb8\xe5\xe6\x8f\xeda\xd9\xe80\x0c2b\xae\x9b\x08\x84i\x95P\x17\xdb\xc5N\xe5\x9200T\x10X\xa0`\xd6\xe0\r\x1fR\x84\x99!\x10v\x88\xc8\xd8%\x18\x84X\xc8a\x0c\xbc\xc1\x96]&lt;g]JOKF\xb2?\xc9\xa1\xad/]q\xff\x10J PXwY\xef\x19{\x9eO\xed&gt;R\x91\xb8\xa1\xf9\xf5y\xdf\xefy\x9fOn\x85Bf3\xa3\xd1\xd4\xd5\xd4\xc6/\x87\xad\xc3Ve\xb9\xb8r\xa9\xb6^\xe3\xff2]\x9cXl_\x99\x9c\xc41\rfqq\xee\x9d\xef&gt;Z\xf8ta\xee\xf2\xf3\x07\x93\x9f\xec4\xf9\x90\xa9x*\x95\xbd9?\xc0\xf6A\xa4\x01\x19\x83\xa0\x05 \xee/6\xb0\x1f`%"\x10PJ\xa8F(!+\n$J\x18\xe4R\xdfb\x05\x92\xc2t\x93\x18\xee\xbe/\xeb\xc3\xa1^E\xe3gnB\xaf\xf8\xce\xeb\xd6W\xbc\xb3\xbc\xd6h/\xde.\x14\xd6\xdb\xb5\xdaJ\xad\xbdx\x05I\xe7\xfb\xc9\x89kc\xef\xbd\xbb\xf0\xdb\x85\xf3c\xdb\xf7\xb6?\xf8\x02S\x10\x87\xd6T3\x1e\x8d\x0fD\x84\x9f\xea;\x8ei\xe5\x93\xc8\x80\x18\x89\xac\x88$\xf9\xb2!:\x1d\xba\x08\xbaDHW\x88e\xc8\xae\x8c\x92z\x86\xf8-J\nrI`\x95\x92\xb6\xd3\xcdGTe\xc4yu5\xc3\xc7\x90\xcdg\x1f\xdf\xe7\xad\xf8;\xad\x99\xa5B\xa1Q\x80b\x05\xfe\x83\xd46Fc\x1bh\x13\x17g\x815v\xe9\xde\xd2\xe7\x9fE3|vQ\n\x06\x13\x7fU\x9dZ\x05I\xdf\xe9\x95\x1d\xab\xe7\xf9v\x89\xf3\xc7t\xa4\x04wV"\xc2\x16\x820\xac\xa5\x11Rd\x9954Dgy\xd0\xcdP=B\x0br\x90u1\xef\xfb\x16.\xc9\xb4\xda{\xf8,\x13\xcdd\xe7S\x1b\xbf\xdf?\xe4\x9b\x04\x95\xe9\x99Jef\xba\xd1h\xd4\xda\x90l\xbdV+\xac\x14\xa7\x1b\x8bs\xb3\x17.l5\xb6\x9f\xfe\x99i\xc2\x88\xf9x\xbc\xd1\xf9A\x95H\xc9\xa4\x83\xad.%\x1d_\x8b8i\xa9k"F\x94\x92\x92\n\xb5\x0c\x90\xc8\xfc\xa1@\x08)`R\\\x10\x19\tU\xf6d\x02{\x86\x0f\xe5\xd8m\xe2\x1b}\xe1\x17\xdc&lt;\x8a\xb7z\x10\x8ff\xb9\xd5\xbf\xf9c{\x99o\x13\xf0\xa3\xb2Yl\x14(Uaiiy\xa6U\xb9wmvnl\xeb\xc1\x95\x85\x1b\xd9\xe6F3\xceG\x9bEw\xf7\xa7,\xd3\x81\xbd\xa7a\r\x11\xa9k;y\xb5\x0c\xc8t\xb9\x0b\xcf\xb0\xe8\x13h\'C\x15\xba\xa0\xb7d\xb6\x94\xa0Q=\xcf%\x06j\xe9\xe1%\xc5u5\xc4z\xa6\x9d\x98\xc6\xdd\x88\x15\xcb\xf5\xf6w\x9b\xa8c\xfc\xeb\x1b\x1f\xef\xfd\xba\xbeY\xaf\xd4\xb1\x8a\rV\xb2\xd6(N\xaf\xad\xd5\xeb\x95\x95\xcbs\xd7/n]\x9e\xfbr\xa3\x99\xa5/\xc4\xa3\x99GULf\x04\x1a\x1b&amp;M{\xb7m\'\x99\xcf\xc3$%t\xbc\xe4\xf4\xfb\xa6\xc9F\xa3b\x06\xcb\x14`A\x18\xb4\x98\xe7)\xfc\x82\\\xc4B\xde\xd1\x83C,"\x86\xebz\xbe\xa7\x85s\x9d\x8e\r\xcf\x8f\xa6\xb2;\xaf\x9f\xbc\xdc\xfa\xa9Q\\\xab\xb7\x88U,\x16Q\xd0\xfa!\xbe\x9a\xd9\x86\xc3\x9</t>
        </is>
      </c>
      <c r="M220" s="3" t="n">
        <v>45492.6766087963</v>
      </c>
    </row>
    <row r="221">
      <c r="A221" t="n">
        <v>840106</v>
      </c>
      <c r="B221" t="n">
        <v>7314</v>
      </c>
      <c r="C221" t="inlineStr">
        <is>
          <t>Ronaldo</t>
        </is>
      </c>
      <c r="D221" t="inlineStr">
        <is>
          <t>Ronaldo</t>
        </is>
      </c>
      <c r="E221" t="inlineStr">
        <is>
          <t>GOL</t>
        </is>
      </c>
      <c r="F221" t="inlineStr">
        <is>
          <t>GOL</t>
        </is>
      </c>
      <c r="G221" t="inlineStr">
        <is>
          <t>GOL</t>
        </is>
      </c>
      <c r="H221" t="n">
        <v>193</v>
      </c>
      <c r="I221" t="n">
        <v>1</v>
      </c>
      <c r="J221" s="2" t="n">
        <v>35298</v>
      </c>
      <c r="K221" t="inlineStr">
        <is>
          <t>Right</t>
        </is>
      </c>
      <c r="L22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104e802-aae2-46ab-aff1-46fd85e04e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df\x80\x9e\x00\x00\x00&gt;tEXtComment\x00xr:d:DAEewil2SDw:3687,j:1904319450120277878,t:24032419\xd6]\xa1\xc0\x00\x00\x00\tpHYs\x00\x00\x0e\xc4\x00\x00\x0e\xc4\x01\x95+\x0e\x1b\x00\x00\x03\x00PLTE\xff\xff\xff\xfe\xfe\xfe\xd9\xb3\x88\x02o\xc2\x03d\xbb\x02k\xbf\x02a\xbb\x02_\xb8\x03g\xbe\x02c\xbe\xda\xb5\x8b\x00w\xcc\xdd\xb8\x8d\x01]\xb4\xc6\x9ds\x02d\xb8\x03d\xb3;1+\x02v\xc9\x8eoS\x02l\xb8\x02i\xb47-&amp;3*#\xbe\x91i\x01o\xbf\xd5\xaf\x83\xf7\xc8\x96\x03h\xbb\x02g\xc2\x02a\xaf\x04b\xab\xa3}[\xc4\x98l/&amp; \xc1\x9arsX@\x03r\xc3\xcf\xa9~\xb1\x88b\xbf\x96n\x01t\xc6\xfd\xfd\xfdD80A2(\x06f\xaf\xf7\xc4\x8e\xb3\x8bi\x89iKy_FxbP\x02o\xc7L?5(!\x1a\xa9\x84`\xb1\x85]\x02\\\xaf\xe7\xb6\x89\x03k\xc3\xf7\xc0\x85\xd2\x9fr\x9ayZ&gt;5/\xba\x94l\xc4\x92dkVERD:\xd2\xac\x83\x00z\xcf\xee\xb7~\xfa\xfa\xfa\xa9}X\xc9\xa2w\xd5\xa7|\x02Y\xa9]K&lt;\xd0\xa2xU@1\xb7\x8dd\xec\xb2w\xe1\xa9q\x02c\xc1\xf2\xc0\x8e\xcc\x9am\xd8\xaa\x81\x03U\xa4\xdd\xa3k\xcc\x9es\xe3\xbe\x98\xdd\xad}\xe1\xb9\x8d\xf7\xcf\xa7p[L\xac\x8ai\xf2\xbd\x84\xda\xa8{\x03\\\xa3\xdf\xac\x82\x02o\xbb\xe7\xadt\xf9\xf7\xf5\xd9\xaf\x84H7*\x83jW\xe0\xbc\x92lR&lt;\xcc\x97s\x83fM[G5\x05a\xa6\xd5\xa4w\xb9\x8dk\xd5\xa3\x7fcQB\xf6\xd8\xb8\xb3\x90q\x02O\x9a\xe3\xb3\x85\xe0\xb0\x83\xe0\xb4\x89\xa5\x83i\xe7\xb9\x92\xef\xc2\x99\xea\xbb\x8cL&lt;-\x88q`\x9fuU\x83aE\xcc\xa6{\xba\x88Y\x9d}`\x91u^\xeb\xbf\x95\x9bqL\xcf\x94]!!&amp;\xa4wQ\xcd\x9d{\x05X\x9b\xe8\xc6\xa1\x93tV\xc5\x91o\xbf\x8da\xef\xd0\xad\xc5\x9fz\x0b\x07\x08\x0bk\xb3\x92kG\xf4\xc9\x9f\xe7\xc1\x9b\xf0\xef\xeeUIA\xd2\xa7\x8deM8\xd8\x9cf\xd2\x99e\x04N\x8eE=8\\NC\x17\x18\x1c\xef\xd4\xb4\xaa\x89r\xd9\xd6\xd4\x83Z9\xdb\xac\x8a\xf7\xd4\xb0\xac{O\x99sT\x04E\x89\xac\x81Y\xfa\xdb\xbf\xeb\xcc\xa7\xc7\x8eZ\xac\x80gJE@\x9e\x7fh\xc2\x96|\xe7\xe6\xe5\x11_\xa0\xc4\x87g\xec\xde\xd1\xcc\xa0\x86\xe2\xd1\xc3\x13e\xaa\xcc\x91g\x96{g\xb5\x95{YSMdWN\x92\x87~\xb5\xaf\xa9\xe0\xb4\x94\xc7\xc4\xc0xi^\xbb\x8fu\xb5\x82S\xc6\xa7\x8f\xd4\xb2\x8b\xa0\x96\x8f\x88}t\xdf\xc5\xb4\xf2\xc9\xa5\xef\xf4\xf8\x1b\r\x07\x12,C\xca\xb1\x9c!\x1a\x14\xd9\xac\x95\xe0\xde\xddh`ZzQ2\x19[\x97\xd6\xbe\xa9fF,\xd9\xb5\x9c\xe0\xbf\x9f\x1au\xb8\xc3\xa0\x83\x0f;g\xbb\x7fb\xbc\x9a\x89X\x97\xc4\xd5\xe5\xf0\xbc\xb9\xb66u\xa5\xa9\x8d}r\xa8\xd0\x8a\xb6\xd5\xa3\xc4\xddzup\xae\xa0\x96\x81\x84\x83\xf0\xe5\xdf-\x82\xbf\xc8\xdc\xea\xf6\xef\xe7\x13Dwhhi\x8e\x94\x94&gt;\x8d\xc9\xb3\xcf\xe4\xe3\xed\xf5\xd5\xcd\xc5X7\x1d,5AH*\x160W\x80\xf6\xea\xd76\x1d\x0c\xa4\xa6\xa4gs\x7f\xce\xcf\xcfBPg\x13L\x8eCh\x8eb\x80\x989\xb2\x9c\x85\x00\x00 \x00IDATx\xda\xdc\x99\xdfK\x1b{\x1a\xc6\x9b\xbd&lt;\x1c\n\x830#\xeb\x8d$\xe1T2A\x930*%\xcd$\x99br\x964F"\xa4\xbf\x92\x94\xc5lfC\xc3\x911\xb4\xebj\xa2\x8diD\xb0h n\x86$$\xd4\x94*\xd66\x12\x0e\x055?0\xd8&amp;\xb8\x87#\xbaPD(H/\xd4\xab\xf6\xa2\xb0\x17\xc5\x9b}\xbf\x13\x15\xf7\x0f\x18\xbb\xec\x83\x8e\x8a\x17~x\xde\xe7}\xbe\xdf\xc4+W\xfe\x7f%Q(L&amp;\x8f\xc7c\x02)$\xff#D\x9e\xc2Nn\'\xf7u\x03\xe9k.\x97\xdb)$L\x92\xef\xcbdJ\x00\xd0\xc1Q\xed\xe8\xa8V.\xd7\xeb\xe5\x1a\xe8\xe8\xdb\xc1I\xe1\xfb\x99\xa6\xf0\x00\xd3\x06\xe2\tUCk\xa1\x10\xeb\xd4\xb0\xa1j\xb5T*\xed\x96\x0f\xbe\x17\x97\xc4\x94\xc8Uj\xe0P(\xb4\x16aY\r\xcb\x864\x9aP\x84\xd5p\x16?\xc3\x1dV\x12\x92\xef\x05\x05.i\x9cN\xa3\xd3\xe9\xd4\xc0\x93\r\xb1,\x1ba\x8dI\xbf\xd5j\xcd\xd6O\xbeC\xc0\x14\xa6B\xa5\\ur\x9c\xb1\xea\xb4\x808\xa3O\x03T\x1a\xa7\xcf\xe2\xe7\xac\xc1\xa0\xd7k\xadVv&lt;\x97\xcd\x958\xa9U9K\xd6\xe2\xb7\x18\x8d\x16.\xcbd\xc1-\xe4\x1ag\xb1Z9\xca\xabTz\xbd\xc1Ry#q\xb9T\x85\x83r\x89\xf1zIo\xd0\xcfq\xa5R6[\xca2$I2\x0c\xc33L\x96T\x92\xa4\x12\xa3\xbd\x96PeGq\x99^m\x00\x15\x89\xe3Jo\x90b\xb8\x12\x97\xcdZ\xacA%N\x00\x0eEQ\x0c\x85a4\x86a\xb8\x97\xa9^b\xf0%\x9e\x8d\xb2\x93\xa1HB\xaa$)\xf0\x07\x0c\xa2 L\xa4\x12\xc71\x9a\xa4\xe9L\x1e#p:\x83\xe14\xc9\x1c\x1e$\x14\x97EuR\xf7\x07)%FH\xa58\xcd\xf04H\xa9T""\x9c \xc0$:C#,\x92\x06\xef\xb2\x87\x1b\x97\x94{E\xaeN\x01\x86\xb4\xb3\xb3\x13&gt;\t\x12\xc6E\x938\xfc@\xa2\'\x81\x13\x18\x99\xa1\xc17\x9a\xccg(\xa6X?\xb9\x14.I\xa2R\xc4\t\x1c\'\xa4\x9dRB\xba\xbd\r\x96a\xb4\x12\x07B\x1c=\xa5\x88\x07\xec\x92\x82od\x86\xa4\xf8by\xe7\x12\xfaKb\xca\xd5y\x1a\x83q\x01\x02N {0\xcc\xebU\xd2\xa8\x13\x80\x0bGkH\x92\x18\x0e\\0\xc8\x0cE\x15\xbf\x15\xc4\x8f\x97\xa2P+A\x9a1\xbcs{\x1b\x90\x10[\xd0\xea\xb7\xfa\xb9d\xd2\x87\xea\xdd\xef\xb7\x06\x11%F\xc0o!\xf4d\x86\xff| ~}\x99r\x87\x14\xcc\x10#~\xfbm[\x8a\x91\xe0\x91\xd5\'W\x8f\xab\x9a\xc6\xa6\x96\xccc\xf1xS\x93j\\\xee\xf3{\xc10\x0ca\xc1$\xf3\xc79\x93\xe8\xc9:(\x91R)A \xb3\x94A\x7f\xd2\'\x1fW\xc5\xa3S\x9b\xe1\xfe\x1b7\xd2\x06Pso\xb7Y\xa7\xf2Y\xad\xd0\x17\x90/\xb4\x93\xa5JA\xe4tyr\xc7y\xc8\xb3\xb4s\xbb\x13\xf7&amp;\xe5\xe3\xf1x4:\xb5\xb0\xf9z\xd2a\xb3\r8\x04\xa5\xd2\xfd\x86\xee\xb8\xfc\x83\x17\xb6\x02\xc7\xa5`i\x1eZB\xe4~\xaf\x14Q\xde\x01\x8b\x08&amp;UcK\x9b\xe1\xcd\x85\x85\xf0d\xcaa\xd3j\xdd6@\xeb\xebC`\x86\xee\xe8\x0b\xbfWJ ,\xe4W\xad n\xe0w\xca\x14\t\xd1\x82\xfd\xf7&amp;\xe3\xe6\xf0d:\x95~=\x99\xee\x1b\xb0\xf5\xb4\xb7\xb4k\xdd=6[\x1f"K\x196\xa3\xf2\x0f\xff&amp;\x94J\xa1G\xf0\xea\x86\xa8\xe9\xf2l\xec",(\xf3`\xb2\xa9\xdb\x90v\xf4\r\x0c8\x10T\x8f[\xdb\xae\xd5\n\\\x82e\xe9\x99\x05\x95\xda\x0f\xad\x0b\x9d\x01\x86\xf151\xd3\x05\xed\xc0\x0b\x1b\x16\xb4\xc8U\r*\xdb\xc0\x80\xcd\xe6vk\xcf\xd4\x83\xc0\x06\x06\x80+\xfa\xe2\x83U(\x0b\xd4\xb1\xbb\x15\x11;\xd5s\xb0\x0bW\x03\x92\xb4&amp;\xd5\xaa%C:\xe5@L\xe0\x95V{\x01\xeb\xd4\xb0\xb4aj\xdc\x07%f\rB\xc5u\x92u\xf1\xae8\x92D-\x0f\x07\x8d\xd5\xe2S\xab\xa2\xe1t*\x85\xdc\xb2\xd9N\x07\xf8_\\0\xdb\xf4\xcc\xd4\x8b\xe4\x07\xa8Z/\xb4\x89\xb4X\x11/]\'\x87\x18\xae\x84\x01BU-\x18 \xee\xa9F\xac\xdc\x17\xdcr\xbb{\x04\xb0\x81&gt;\xe0Z\x88\xbf\xf8\x17t?\xf8\xd5I\xd7\xc5:\x82$&amp;8\xa4q%\xb4\xba*:\x15\x9e\x9c\x9cDn\xa1\xb0\xbb\xed\xda\xf6S!0!\xf8`\x97#\xd5\x1f^\x88\xc6\xe5&gt;K\x10\xe2U\x12\xab\xbb\x14\x85c\x92\xc0\xbd`V\x14\x15(\xc2\x02\xb3\xdcn\xbb]\xab\x85zh9\x07\xd3\x9eb9\x1ci\xc3L\xb7J\x9eDvej"]TM\x1b\xbbp\xca\x05\x93\xe3c\x9baD\x85\xdc\x02,{{;\xb8\xd5"\xe8\x94\xac\x07\xa8\x06\x1a\x8do\x08G\xd5\xc9 l#Q\x15\'\xf4\x12\xd3\xb7"\x8e\xc1\x0c\xe3@\xd5\xc0B\xd1\x02\xb3\xec\xf63\xaa\x96v\xf8\xbe\xdd\xedn\x84+%p-\xa9|A\xd4\x12\xbc8ST$\xea\x19\x1c#\xad\xf2\xe89\x96\xa3\x81\xd5.`\xdd?u\xcb\x8e\xb0z\x1aSL!\xbb\xe2&gt;\xabWIt2\xdfD\xb9\xdf\x98v&gt;\xd3\x18M\xf9/bA\xe4Q\xb6\xce\xdcBf\xd9\x1bX\x8f\x84\xe31\x95N\xaf\xce,\xca\x01\x0b\xc73uQ\x0eF\xcf\xc9.T)e\x91\xc77Q\xb6\x80,-d\xeb\xc2\x14\x81\xca\xedFP\xd7m\x8f\x80\xaa\xaf/\x95^]\r/\xaa\xfd$\xbcB\xc3ww$\xe2\x9c\x874\xdc\x81\x01k\x01\xd9\x05~\tX=\xa3\x08\xeb&lt;Y\r\xac\x1e8~\xfa\x1e \xbbV\r\x80e\xa1H\n\x93\x16E\xc9&lt;,b&gt;\x9f\x07\xac\xe8\x05,\xd4[\xf63.\x88\x96\xc0\xd5\xa8SA\r,\x8e\xa1(\xa5\xb4\x98\x13\x05\xeb\x04\xb0\x18\xe6\x0ck\xf2\x14\xcb\xdd\x80\x1a9K\x97\xf6\xdc\xad_\x1c\xbf8n\xac\xce\x84\x175F\x0bC\xd1\x84HX\xb9\xcf\xe0\x16\xc3!,\x14\xaet\xfa\xb4 \x10\xd3H\xcb\xdc\xdc\x9c\xc0eG\x86\tX\xb0\x87\xb0\x88\x86\x99V\xd6\xc9\xf9\x19R$,\xc5\xceq\x91g(N\x8d\xb0\xa0\xe5\xd3\x8dEl\x8co\x0eQ!.\x81\xcd&gt;z\xbd\xe7nc\x0f\xe1v\xdf\x1d\xd1p\x96,\x89\x97D\xc1\x92\x14\x8e\x8b\xf0:9\xa9Z\x00\x01\x16P=\xbe&gt;j\x1f\x01\xa0\xad\xb9\xb9\xfbH\xa7_\xee\xb7\x8c\x8c\x8e^\x7f\x0c\x87\xf5\xea\xeak\x83\xa1W\xf7\x90\xcbf3D\xf1\xc4$\xca\x91x\x98\xcf\x90\xc1\xe4\xa2y\x01\x85\x0b\x95i\xcf\xe8\xc8\x88@\x02\x8f\x97\r\xa2\x97/\xe1\xe3\xe5\xfd\xad\x91\xa7\xa3\x8f\x80Kx-\xd4\x15)\xf1&lt;\x85\x8b\x84\x958\xe6\xf3\xa479\xb6 `\xa5\x1d\x0f\x1e_\x7f:\xbd\xb5u\x86\xd3\xd0\xd0\xab!\xd0\xf3\xe7\xb3\xcb\xd3\xf7\xee\xde\x85\xc4\xcf47wD\x8c\x0c\xcf`\xe2`I\xfe\xf9\xa5\x98\xc9\x04}cS\x805\xd3\x7f\xe3\xcf\x7f\xbbwgzy\xf6\x9c\x07\xe9\xd5\x99\x86^\xcen\xfd\xe3\xde\xa3\x07\xfd\xab3\xbf6\x0fF\x8c\x16\x0bC\x8b\x13y\x89\xa7\x06XT\x03\xcbp\xfb\xd6\x1f\xfezgoooz\xf9\xf9\xf3\xa1!0\xe9\xd5\x05&amp;\xc1\xac\xbd\xf7On\xdd\xee\xef7\xcc4\xeb\x9f9\xb3&lt;\x85\x89\x13\xf9+p\x83\xc8\xe4\x19\x9fnjj)\xdc\xdb\xd6\x16\xdb\xdf_\xff\xf4i\xfd\xe3\xef{`\xd9\xd09\xd1\xec\xf2\xde\xef\xef&gt;~\xfc\xb8\xbe\x1ep\rwu\xe8\x9b{\x07\xf5\x13\x1aN&lt;,E\x05\xfa\x947N\xb4\xb6vu\xe9t\x91\x08\xab1rF\xa3f\xed\xe3\xfb\xbd\xe9Y\xc4\x05S\x9c\xdd{\xffn}\x8du\x82\xd8P\x84}\xd841\xdc188\xac\xc9fyzW\x9c\x0b\x97\xe2\xe40\x93\xe1\x9d+\xad\xba&amp;\xb5\x1c\xfe\xae\x91\xf3\x83\x92\xea\x95\xf5\xfd\x1f\xa6a\x92\x90\xa7\xe5\xbdw\xeb\x815hu\x0bgD\xff\xd2`5jv&gt;\x10\x18\xd6\xf0&lt;\x9f\xa9\x8arT_Q\xe4\x8e\xa1\xb7\x8c+:\xb5\xcf\xe7\xd4\x80B \xf6!;\xe1Z\x7f\xbb7+\xe4\xe9\xce\xfbX`X\xa7j\xd2\r\xbb\x02\xeb\xeb\xb2@\xc0\xa5kz\xe6\x02,\x86\xc9\x8b\x85%I|\x81&gt;\xe5V\x9e\xf9\xe4\x0fu\xae\x80L\x16\x8b]m\xd3w\xb8:\x02\x83\xb1\x1f`\'g\xb7\xee\xfcx3\xa6\xbf\x06\xeam\x93\xc5\xde\xde\xbc\xf9\xd3\x93\x98,\xe0r\r\xba4|&gt;#\xd2}K\xb85gHnb"2\x01P\xb1XL\xa6\xd7_3\x8fuu]\x1b\x8c\xbd\xbf\x03X\xcb\x80u\xb5\xb9\xb7\xabu\xe2M`}\xff\xed~[\x87^vU\x16\x0b\xe8]N\x8a\xc9\xf35\x91\xde}\x93Tvi\x9a\x9b\x18\x86\x14w\xb8\\\x81\xfd\xfd\xc0\xfc\xf0p\xeb\xe2\xd8\x98y\xf0\xc9\x8f\xd3\xf7\xb7\xc0\xad\x9f\xda\xba\xcd\xado\xe6\xe7C,\x1bZ\x99_i\xed\xd2\xcb~\x96\xe9\xbb\x8c\x14\xc3\x94\x0e\xc4z7i\xe33\x86Y&amp;\\\xaek\xdd\xad\xcf"\xb0\x8aj\xa3\x91][\x8cG\xa3K\xb2?&gt;\x9d\x9b\x1b\xf9\xfb_n\xf7\x9a\xcdo\xe6?\xd5wy2k\x84E\xd4u\xe9\xaf\x9ea\x89\xf6\x9e`\xae\x8ea\x8c\xce\xd5q\xcd\x1c\x1d\xd7TwyJ\x99q\xaeET\xd11s\xef\xad{##O\xef\xfd\xc9\xd0\x8d\xb0\x8e\xcaU\x9e(f\xabN\xb5\xaaU\xff\xf3\xd56\x18\xa2\xd5Z\xfa*\xc6;\xe1\x12\x85IQ\xf8B\xd3\x805\xd8kV\xf9\x8c\xe5z\x89\xcf\xf3\xf5\xa3\x90j\xec?\xb4\x9a\xcfk\xdbZ\x16\xc7i\x97\xb3\xd0F\x1b\x93\xd9H\xd8\xc4"\x0c\xc8\xceBF`\x91\xe4\x05b\x8b\xaa^\xd4\x02W~5B\x10O^$\xb05\x18\xc9\xbf&amp;Nc\xbbPQ+\r\xb4\xe9s6\xa5\xe9\x88\x1a/\x8c=\xd8\x0eIf\xa8\xa7&amp;\xf4%\x8b\x10\x1ex\x1c\x82\x03\x8f,Z\x02Y\x0f\xd9\xceQ\xe8\x9f\xa0\x1c\x8cA\xda\xf8\xe3\xf3=\xf7\xdc\xf3\xbd\xdcf\xa8\x19\xd5\xf3\xd5\xa2\x1e\xdc\x0cxC\xd8\xee\xe9\xe7\xdf\xde\xff\xf5\xf7oWk\x9eul\xee9\xe7N,\x00\xd6\xc2i\xef\xfa\x9d\xd3\t\x9bY\xbe\xee]\xf7\xbe\xfe\xf4\x97\xc7L\xc2\x15\t\xad\xef\xac|\xfd\xfa\xe5\xfdO\xef\xd7\xbeW\x94F3\x14\x9a\x17i\x9a\x16\xa3\xf3\x1bi\nk\x1f^\x1e,,|\xb9\xbaj7J^bz\x1aIx\x1e\xef\xac\xfa:g\xe3\xbd\x9b\x19\x877\xc4\xbd\xa3a\xe7\xa2\xbd\xfaw\xc0"\x88\xe6\x9bu\xa5}\xb5\xe6\xf7\xf8+\x15Ei\x04BM\\\xd44Z\x08\xceGH\x8aJd\xec\xb5puyH\x92ibz\xeay8\xed\xdf\xf1\x85\xcc\x94\xa8\xd6\x8fo\x9cM\xd6\xf5\xa9k_&amp;\xbc\xbe\xd5\x1d\x86t\xe3\x91P\xa9\x91\xdb\xcd\xc1&gt;\xc4\xa0h\x036\xef\x8d\xa8\xa4\xe9\xb4\x94\x9a\xdf\x08\x04\x00k\xd81\xea\xf5z\xdf\x8d\xc78\xfe\xe1\x14\x92\xf6\xad{\x83\x92 Ij}\xcf\xd1t-\xf7\xe4\xfd\xfdh0\x1ay\xf1\x0f\x0c\xb0\\\x91@ Mt\x08\x92b\xa0?\xbc\x0cm\xcc\xa7tZ\xa35Q\xde\xdc\xdc\xf4\x92\xe9\xce\xd6\xd6\xf4\xe2\xa2\xfa\xfc\xf94\x9b\xcc&amp;\xc3s/J\xa6\xa0\xe9\x92f\xa9\xe3\x1b\'\xeb\xfe\xe6\xd8\xdc\xef\xee\x07S\xd1\xc0\x1b,B\xe0\x04\xe1J\x13\xd0*\xe7H\n\xc3B\xa1\xc0|L\xbc\xc3\x92RQ\x98FM\x02\xd92T\x9e_\xe4\x93S|\xf2\xe1T\xd8\x1dj\xc6t\x8d\x96\xa4\xacz\xd6s2]7c\xc0\x8a\xa6\xc4\x94\xab\x84\xa5]\xb8\xdb\x8d \x86\xf1&lt;\xecN{\x03\xcd@\x00\x86\xc2\x94\x00%/\x89\xa9\xe0~4\xc6\xc5\x0c\x03\xb0\x00\x8c\xe7\x93\xc9$\x1fv{\xbd\x80\x95\x97D\xa7U\xbc\xaew\xbb\xdd\x18/\xa4\\\x18\x95\xc6\x11\x1bJU\xa7\rPscccs^\x8e\x06E\xbaX\xb4\xb1\xa2\x80\xc8B\xf0&lt;\xcbr)\x96\x97$\x9eC\xd2$\xa2iy=\xa5\xaa\xea\xb1\x83=b\xa6g\x00\x16\xfc}.\x82Q\x11&lt;\x1cF\xc2\x1c\xcbq\x08\x0e6pss&gt;\nX\x02\x98~\r\xb0\x82\x80%\x8a\x12\x04/\xa6\xee\xb0X6L\x90n\x9a\xce\xd3\xc1`\xd0\x189\x88\xb5\xbcgv\'&amp;o\xd9X^W\x94\x0b\xc78\x8e\x8b\xc5\xe4\xe8\x8f\x90c)\xfd\xc9\x93&lt;-\xb1\xf0\xcb\xa9\x94(\xe9\x9a\xaekP\xe4\x92.\tl\x8a#H"[\xac\x16S\xb2,\x8f\x9d\xc4:\x9et\xbbF&gt;\x9fD\xbc\x98\x17\x8fA\xb0\xb6D?"\x8a\x9b\xb2\xa8\x15\n\x85&lt;\xcdsF\x10r\xa5e!@U\x9a\xd6tA\x8c\x85\xdd\xa4\x8b\xcdV\xabRp\xdft\x1a\xcb\xb4\xb6\x7f\x99v\x850\x8a\x80\xf4\x04YQ\x10E\x91\xb7\xb5\xe2L\xd3\x8c\xb14X\xc6B^\xe2L\x99cu:\x9f\xaf\xc2\xa7\n`\x9a \xc4\x10\x82tq&lt;\xbcR\xbb]\x87\xb1&amp;\x9d?\xfdb\x85\x01\xcb\xeb\xc2q\xa8pA\x07\x81t=kq\xa6\xcb\x94\r&gt;\x0f\xe6\xba\x90\xcf\xf2\xb2)\xcb|6\xbf}\x02[w\xc16\xb1\x82\xc8\x85\xe7\xbcDR\xcf\xe6\x01k2vp\xbcY\xda\x03,\xd5\xe287\x16\xf2F\xe6\xf1hJ\xd0\xb4,\xe4$n\x19\x90+YV\xad\xed\xd7`\r\x81K\x95\xcd\xae\xac\x0e\xb6ON\xde\xc2\xa8\x03\\z\x8aC\\\xe40I\xf3\x92\x05\xd9r\xb2\xe4\x97z\xc3\t\x94k\x8cE0\xcc\x1bq\xe1AQ+\xe6\xed\xb0\x8ct\xc4\xb4\xbb\xd4\xe0\x04\xfc\xe2\xc9v~\xc0\xab\xf2d"[\x80\x05\x86\xfb\xe4m\x81\x16\xd80\xeeje\x1e\xd2\x86,\x07\xbb\xa6\xb3\r\xa231\'\x13\x93#\x18h\x10\x80%\x14m\x85\xf2\x03#\x1d\x88\xc8*pY\xaf^\xbf\xfe\xf0j`-\xaa&lt;\xbcs\xf1\xdb?\x0e\x01\n\xb0:\x11"B%\xa6$\xb9;\x91\xf7\xcd\xe3\x19\x87\xfb\xd6\xa7\x97\x01&lt;]\xbb\xc3J\xe9EXx\xdb\x03K\x0eL\xd2\x861L\x0f\x8d\xb3\xf3W\xe7g\xfdN\x1a\x1eAW\xde\xce\xd6\xcf\xaf\x7f\x86l\xe9\xac\x9bHc\xb9iQ\xfe\x14\xda\xdf\x97\xf7\x1c\xc5\xea\x03\xd6\x9b\x97.\x12\xfd\x81\x95\xaf\xdaX\xaa91e\xd3[*\xb5\x86\x1d\x18\x19:\xc3V\xa9\xe42,K\xe5\xf3\x85\xbbt\xbd\xadj\x12`\x91\x0c\x13\xe6\xccO\x90-\xc3I\xac\x07\xd7\xfd\xae\xb9\xf9\xf2E\x93\xf2\x95m,.\x19\x07\xae\xea\x00\xd6\x1d\xa7\x1ai\xc0\xca\x0c!2\xadV\x8b\x04\xaa\xac\xc4\xeb\xd5\xc2[\xa8\xfaBU\x179\xc4\xedE\xd1\xb9\xcd\xc0\xa6\x1c\xdc\xef8\xbd\'\xc2z\x0b41\x85\x81\x9a\xc7c|6\x0eXqI\x05*\x84D\xd7\xd1J\xfb\xf00\xc7T*\x0c\xb9eYv\xbb\x97\xf2\x05;\x00+ec\xd5\x10U\xcdZr\xb7\xef\xe4\x04\xf1\x00&amp;\x08\xd3\xc8&gt;\x9cN\xac3X\xd3V1\x99-\x16\xaa4\xaf\xaa\x86;]\xf6)+k\xe8\xee\xee\xc1A\xfb\xe0\xa0\xbc\xdb\xe9[YK\x8d\x81\x8e\xd0Oi!\x15\xc4\to\xad\x82H\xf9\xea@\xee\xd6\xaf\x1d\x1dl\x8e\rY\xcd\xc6\x1f&amp;\xfc5,\x10\xd8\x98\x8f\t\xf6\x1e\xa7\xb3[\x04Uj(\x9e\x85\xd9\x95;\xac\x83J\x05\x05\xa7Ov\xfa\x86\x9bHV\x0bEZ\x17\x83Q\xdcE\x81\x88\xfc\xe0\xe9SU\x1e9j\x7f\x96\xaf\xcf\xfa|6\xcbS~\x85i\x0666qN\x80\x9fd\x91\x04SS\xfc\x1e\xcfl%\x97\xcb\x0c\xc9\\\xfb\xa0\x82*\x8a}N\x93\xa0("^}B\xdb\xa3\x0e\xee\n\xf9\xd09\x101n\x8d{\xcez\x0c\xb0\x18*/q\x94\x7f\xb6\x16\nll\xe01\xa1\xa8\xb1\x04\xe6[__W\xd0\xf6\xeea\x7f\xb1\xbfX\xef_t\x0e39\x06\x05c\xebG\x99\xd2b\x11\xb0\x80\nwa\x8a2\xe4YI\x02\xeb\xe3\xf0\x99\xdb\xcd\xa8\x0fC\x1c\xe9\x9fE\xb1\xe6\x9d\x8aZ\x92(\xf9\xedS\x92\xdc\xf0\xa2_\x07\x85\x06wqV\xefd25\xcf\xaa\xbf\xf6\x06\x01,!\x18%\x08/\xa6\xf8sjR\xb2\x8e\xaf\x9d&gt;\xe2Z\xea\x9d\xf6\xd5\xc5\xcc\xac\xdf\xd7\xc0@\xc5\xa8\xa0\x851\xcf\xce\xaa\xd2&gt;\xect\xb6\xfa\xf53;\xac\xba\xedw\xfa\xfd-\xb2\xa6xP\xd4]\xfd\xb3\x96Bp/I\x95\xe0\xb1c==\xef9o\xac\x97{\xa7G\xa7\x97\xbf=\xf3\xbf\xc1(\xe8\x11\x02\x8d4\xfc\x1e\xa5\x9d!\x87\xc3N\x07\xf2U\x07\xb6\xfaE\xbf?\x1c\xa6[d\xa6\xac\xa0\x8c\xbb\xf8DG"^\x8c\xc2j\xca\xb3\xcah\xaf\xd7\xbbq\xfe&lt;\xf0\xc1\xd2u\xaf\xf7\xf1\xfb\xac\xe2\x83\xc5\x18\xc1E\xda\xcd\xa0&gt;\x94i4Z\xad\x8b\xa3\xa3\xf1h4:\xfep\x0cqTo\xad{\x14\x0c+\'\xc2\xf9"?GQX\xb9\x8c\xce\xae}\x7f\xb7|?\x97\xd6\x1f\xcc,-\xfd\xf3\xf33\xbf\xcfWc(\x82\xd5\x10\x8aA\x15\xcf\x7fW\x0e/F{{{\xb7\xbd\xbd\xdb\x9b\xdb^\xaf\x07`+\x8fW\xb1\x0057\x1dO\x12T\x83b\x982\xfa\xec\xcb\xe7\xfb\xbce\xf3\xee\xf3\xef\xfeu\x1f$\xc9\x1b\xce\xb2\xe0^k;\xffk\x1f\x8d&gt;\x00\xcd\xed\xed\xed\xcd\r|\xdd\x8e\xc6\x97\xe8J\x8e\x00{\x94\xcd\xc2\x8c\xdd\xa0\xa8r\xb9v\xbfX\x0f\xde}\xfe\xf7\xaa\x7f\x05EkL\x9a\x87a\x18\x8f4&lt;\x95\xab\xcb\xd3\xa3\xcb\xd3\xd1\xe9\xe9\xc8\xd6p\x04SD+\xbd\xc5\n\x82^\x9c"1\x8c\xa1\x12\xed2\xba0{\xcf\xd9z\xff\xc8\xb3\x02T(\xe6\x06\x97\x11\x9cw\xb5J\xadVgxu\tqtvv\ncDG6\xc0\xfbh\xe00\xc2\x892\x83%\x12ete\xe1\xcb\x1f\xf7\x8a\xf5\xc7\xaf\x8f\x16\x94\x1a\x14q\x83\x0c\'\x85 \x8e\x9bir\xd8\x81\xa6\x00K\xf1G\x97\xb0\xc0\xec\x08\xe0\xed\x8bq\xa8\xber\x82\xa4\xd6\x94\xd9\x85\xfb\xbd\xc1\xb5\xfc\x9f\x7f\xfd\xfa\x0c\xb0\x18\xc0B\x04\x01\xbc\x98,\x1b\xd0\x19\xee:i\xfe\xe9\xe0\xe9\xf6\xab\xedj\\\x17@B\xad\x18w3\xb5\\\x86,\xaf\xf8\x17\x1e}\xfbx\x9f\xb7&lt;g&gt;~\xfb\xdb\x02l,L\x03#\x11\x11v\x96h\x8c\xb3,\x9b\xe6\xd5\xf9\xf9\xf9x&lt;\x1e\x8c\xb7\xb7\xe3\xb6;\x04\x15\x936V\x82\xaa\xfd\x9fw\xf3\x8fi\xeb\xba\xe2x\xb0\x9aVA\xee\x9b[\xdb\xc4\xb1"\xf0\xc3\x0e\xb6\xc0\xe8={\xc6$S\xcc\x9b\x8d\x04\x06c\xffC\x10\x08\xd9\x1a\x8b\xc0\xe0\xd9\x8ek\xe1\x15W2\xc6\x85 \x90\xe5E\x01\x94\x12$\x07D\xa9f\xf8##AiRh\xd2\xa6U\xacN\xe0\xa2\x14\x8aD\xac%M\tk\x9a\x8c%\xa1\x81)m3m\xe7&lt;\x93\x7f\xa6\xfdj\x97\xb7\xcb\x1f\xfc2\xf6\x87\xef\xf9\x9es\xef\xf5\xbd\xa7\xd5n\xd1}\xc2\xe9\xe5\xd3\xac\xf3WF=.\r\xa4\xa2\x8c"\xab\xf0\x1d\x87\xfa*\xe9;\xef\xde\x80\xcau\xed\x0fs\xc1\xf1\xb9\xf6s\xd9\r;X\xbf\xaebd\x86\xe9\xa0\xd0\xad\xf5\x9bLW\xb8\xbdB|\xfd\xca\xb0\xc5\xaf\xd0\x08\xbb\xf5JI\xfda\x1cU-\xe5\x1f\x07\xbb{f\xc7g[\xb5\xc2\xe9\xf6\x93\xd9m\x8d\x87\x0e\xa1\xbbZj|P\x1b\xa6a\xd93\xaa{\xff+No\xea\x82Z:\x8b\x11\xe6k\x83\x01\xf7\xb1\xb0\xbd&gt;\\\xf5N\xf6\x8d\xf6`\xf7\xect\x0f\xa0\xddH\xb65\xbcq\x08VY\xbf\xf8\xe5\xebU\xf5\x0c\xd5\x1d\xeb\xd1\x18\xfd\xc3E\x1f]\xdd\xc5\xe98\xff\x95\xc9c\x87\xb9P(L\xe0{7\x80u\xec\xf5\xc6\xec\xe4\xe9\x1bs\xc1\xe9\xf1s\xa7\xdb\x1a\x8e\x1f?\x0e+R\xa8\x10U5\x84\x8a\t\xd2\x1a\xbbq\xd4\xa4\xbb\xc2\xed\rO\xa8\x10\x97-F\xbb\x06f\xa0D"!\xb3\xd5\xd6\xc2\x06\xbb\xe3\x8d\xb6\x0fO\x9fc\xb1`G\x0bZ\x1d;|\x18\xdf\xd0!T*\x07m\xd4\xda\xfd\xa6\xe1o9\xbe&gt;\xdc|\xb5\xd5\xe2\x07,7m\x88\xd1\xc2)\x0c#\xda\xe8\xb5\x93&gt;\xdc\xf5\xc8_;\x82o\x99\xe0\x82\xd4G\x92\xf5\x12\xca!ti\xb5~\xddg_\xec\xe2\x18\xeb\x1b\x83\xcbo4*\xba\xe8\x98\xb0\x8b\x0e+%?\x7f\xaf\xb6\xf6W@\x01\xc3F\xd9$\xbfy\x0f\xb2\xa0VR*\xd3S\x12\xd2\xa6\x9cn\x05\xb5FC\x9f\xbc\xcd9V\xb7\xc2\xe3\xc1\xbb\x94B\xba\x8bN\x84+\xdf&lt;q\xe2\xcd\xa9R\xa5\x92\xa2\x94\x1f\xfb(\xa5\xed\x84\x04o[\x87\x13\xdd\xdd\xb0\x8a\xd5\xc7\xb4\x1a\xede\x93\x85\xe3\xcb\xc3\x88\x15\xd4\x84\xac~\xbf\x02\x16\xf1]4\x18\xbf\x7f\xaa\xb4\xb42\x1c\x96Q\x14u\xee\x9c\x8f:\xab\xa7J\xa7z\x87\x86\x84\x86\x18$\x85\x8c\xd6@\xd1\xb2\xf6|\xce\xf5\x8d\xf9\xe6\x8b\x0ez\xc5j\xf1\x8f\xb84\xb0\xb9pwu\r%\x12aa\xc2\x10\x9ckow\x04\x8387\'`yH\xc3\xfe\xc7\x1d\x83\x19]\xe3\xb7XZ\xe7.6s\x8f\x95\xe8\xf2X-#\nE\x97\x06\xb6b\xb0\xfar\x83\xcfz\x0c\xe3\xc1\xf6\xf1\xe0\xf8\xf84l\x14\xbb\x85\xf0\x0b\x85F\x11\x8b\t[\xed~c\x8f\xe3\xda\x05\xae\xdb\x1e*.:\xc2a\x8d\xc7\xea\xf1(4\x1a\xff\x88_\x81C\xebv\xf7\x8cO\x8f\x8f\x07\x83\xc1\xd9\xd9\xd6\xd6V-{\x88\xee\xa2i&lt;\xfb\xefq0\xa7/dq\xafVX\x96PX\xad\x1e\xd0\xca\xe3\xf1\x1b\x15\n\xbbQ\xab\xd5\xb6N\x7f977=\r\xbb\xfd\xceN\xad\xd1h\t\xe9L\x16\x05D\xd0(tH$\xd78\xc7\xaa\xb8H\xf5WN\r\xb9@-\xc5\x88\xd5\n\xb5\xc2n4j?\xd2j;\xc7\xbf\x0c\xc2\xf4\x83\xa7\xfd~\x8f)\xa4v:M\x16\x8b\xc5.\xd4Cf^\xbb\xb0\x8bs\xb5\x00\xabtJ\xe8\xb2zF\xacN\xa7\xce\xe2\xf1[.\x03\x96\xdd\xd89\xdb\xa9\xc5\xf8i\xed\xba\x90Z\xad.R\x9b\x86-\xf6\x1e\x8a\x91\x9c\x90\\\xfb\x9ac\xaa\xac\xe6\x8bg\xfbe\xa5\xca)HG\xab\xa9(\xe7\x15u\x91\xc94:&lt;::\xec\xb1c\x0b\xa5\xdd?:j*\xcb\xc9)\xc3\x16\xb7\x11\x8d\x81R\xc9U\x12\xc9\xa7_s\xaf\xd6\xd9^(UJ==\xe2\x0c9\x8b\x8a\xd4{u:\xec\xb3+R\xeb,\x16\x8fe\xd4b\n\xe5\x94\xe4\xe7\x94\x15\xe9\xac#\x9a\x84\x92$HR\xc2|\xfe\'\xee\xd5r\xf4\x82\xb9\x946=\xbd\x12rbO\xc3^\xec\x17\xdb\x0b(0\x80\xcf\xb9\xb7\x04\xb1\x9cV\x05m\xa0\xc8\xfaz\x92Tq\x8f\x05U\xfel?\x98\xcbfc\xf4n\x8fS\x1d\xd2\xe5\xe7\xb3-n\x8b\xd8\xe9\x96\x8f-\\{\xb1\x030\xe4Q\x08\xf5&gt;\xa2\xbe\xbe\x96\x84\xb9\xe8\xf7o\xfd\x1f\xb00\x886\x98\x87e\xb4\xcb\x13rb\xd7O&gt;v\xfe\x00\x10~\t\xbe\xc2;\xf5\xee\x84\x9e\x91\xe3\xe1\x10\x04\xd1\xf7M3\xf7XA\x16\x0bbC9\x0c\x9a\x11k\x88\rcN\xce+\xd8\xbf\x99\x83}\x9cej\x8b&amp;\xa6\xa7\x18\xc2\\S\x83\x87{\x0c\xc3\xf9\xdcSq\xfe\x03!`\xe1I\x06!g\x1c\x06\xb7\xc6eUc\x87M\x0e\xf6qb\xfb\xa4:\xe4q!\x94\x8a\x88\x14\xe01\x1a,Q\xdb9V\xab\xf9\xfa\x17\x0f&gt;s\r\x85\x11KE\x00\x97R\x16\x8b\xb9\x8d\x10J5\xe8\xa4.r:C\x90\x7fB\x19@\xc9\xcd\x05\xe5G\x00\xab\x9e }\xd4\xa7\x1cv\xf9d\x15\x9e\xbfz\xf7\xcc\xd8\x82\x93\x0e\x83\xe5%*9\x11!\x18\xa5^\xd6m`\xef\xbdy`&amp;r)\xdc=\xc1v\x86\x01\xe6H\xb9\xb4\xa5\xe5H\xd51\xf0\xbc/x\xe5\x83\xf3\\-\x9a\xb3*\xae?\xf8\xdd\xd8\xc0\xc0\xa2\x95\xc6\xba\x05\xafl\x8eD\xe4\x0c\xa5\xd4;\xa8vXl1\x0cHD\x98\xcdfB\x8e\x9f\x0bZx\xd9\xbc\x16TKEu\x17\x95\xdd\xe5\xa8\xa53\xab\xf9\xed?\x96\x01\xd5\x82\xd3\x95Q\x8b\x04\xefD\xccr\x86\xa1\x189\x8cHA9\x8e\x02\xfc\xa1\xd9\x1c)\x90\xf2\xf8\x8d\x1d W\r)Q\xc6\xf2\xc7\xb6\xeer\xd2\x92\x8eT[\x03@\x953\xa2\xe8b\xbdE\xc2k\x17\x10\x0c\x0e\xbcb\x16)\xe7egg\xf3\xa4Riy\x01\x0c\xa4b\xb1\xeaI\xdb\x94\xbbd`\xec\xcc]\x0eZs\xb3\x9a\xbfg\xb5\x1ax\xb2\xb2\xb44\xd1[\xa9\xb41\xe8\xe9\x02\xb3\\\xc50\xc0\x04R%\xb3\xf9|\xe0\x82\xd0IA5\xc0\xe2\xf3\x01\xab\x86\x90\xd8d\x8050V\xf6\xdd\xf3o\xb1~\xeb\xeaw[}\x18\xc2\xed\xa5\x89\xa5\x89!\xd8\xb8"\x96\x94\xe5\x92\xcbA\xb7\xf2d\x06\x0bG\x124\xe3\xf1:\xf8\x1d\x88\x051\xac\xa4\xb7\xe1/\x17\xb7\xfe\xfc\xe0\xfb\xf9\xe7\xa8\xd4\xfc\xfd\xf5o\x81\n\xb1\x16\x1fOd\xb0\x94,\x96\xb4&lt;B\xc8\xe5\'\xcd\xacZ\xc9\x0c\x14+\x19\x8f\xc7\xef@oa\x0cK\xfbi\xe7\x02\xc8\xd5\xb7\xf5\xf4o\xeb\xf7\xe7\x9f\x8b\xf5\x0b\xe7o=\xbas\xf3\xf6_\x80\n\xb1\x9ed\xb0\xb0\x9e\xb25\x00\xe4"\xe4\x10C\xc0\x92\x02\x16\x9f\x15\x8c\xd7\x02Y\xd8\xd8\x88jU\xd5K\x94S\xbd]\x8fY\xac\x92\xad\x8d\xdb7\xef\x00\xd9\xff\x1a\xcb\xf9\xcd\xfb\xebk\xb7\x97\xa3\xcb\x1b[%\x88\xb5\xf0\x0c\x0bR\x91!P#\xc8;\x02\xad\x85PH\xc5\x07\xb50\x86`\xf8\xc6\x8c\xb5\x94\x95C;X}}[\xf1\xe8\xf2\xed\x9b\xeb\xf77\x7f&lt;YV\x05\x08\xb5v{f\xa6\xa9\xa9)\x9a\xee\x03\xac\xc5\x05\xc0b\xbd\xd5\x8bX\x10\xc5\x0c\x17\xa6$\x9b\x87\xfc\xb6\xb6\x8c\xedy\xd9;y\x88X\xfdC\x13\xcf\xb0\xfa6\xa2\x81x`\xe6\xde\xda\xa3[?*\x98\x85\x85 \x14\x04\xef\x12 E\x9b\xa2\xf1\xd4\x18&lt;\xeb\x18b\xad V\x02R\xd1\x07\xc1+\xc7r\xc0bIY\x14\x16\x0b\x9d\xd5\x01i\xd8\x01\xbf\x8b\x10\xbe\xd2p\xd7\xc46\x8b\x95\xdf\x97\x9f\x8aG\xe3\xf1x\xd3\xa5\xd5\x9bw~\xb0\xcb\xb2\nA\xa8\xf5\x9b\xf7V\x11\xaa\xae\xba\xba::\x89X\x8b\x8b\x18D,\x10C\xbd\xfd\xa8\x16\x04O*M\x16D"\x10Dp\x13\x1f\x03\xc7R\xe17\x1d\x1d\x10K\xc4\x02k-m?S+\x15o\n\x80^Q\xef\xe0\xeaC\x04\xfb\x01\xa7\x1aY\x15\xb7\xd6\xd7\x1e\xae\x0e\x16{gf\x96A\xab\x1d\xac\xb1ETk{ei\x02\xb0~\x0bX$\xcc0\xd2d\x12\xab\'\x94)\xa8S\x8d\xf0\xf1,\x86X\xb5\x00\xcbL\xd8*w\xb0\x16KX\xac\xbc\xea\xbax&lt;\xd0\xe4\xcd\x03\xb0\xb5\xf5\xcd\xc2\xff:\xf5 \xf3\x1e\xae\x16\x03\x12\x0c\xa0jj\xaa\x8e\xc7\xd3\x80\x95J\xa5\xfa\xf2\xb7\x1f\xaf(\xd0\xf2POI\xd2\x8cU!\x99\xa1Bc\xb5\xb55\xb2\xb9\x98\xd1\r\xd52\x93\x805\xb1\xf2d!#\xd6X*.8X\rq\x8cz\x8b\xc5\x83\x83\xab\xf70\x96\xffY\xb0\n(Q(\x94H\x0cJ\x01\x17\xf8\xdd\xebm\x82\x7f/\x9d\x1aK\xa5\'\'7\xd2[e\xd6\x15\xc0*\xa5|\x80E\x14@\xfe%\xcb\xd9\xe2\xc0okhh@2\x14\xaa\x11e\x03\xac\x08\xd4\x07\xc0z\xfcd1\x95\xdeH\xa7\xfa\xc6\xd23\x82\x83\xb9\xe8Wo\xb1H$\x16\x8b\x06\x01\xec\xd1\xad\x7fk\xb2\xac\nt\xf9\xbdA1&lt;\\T&lt;s\t\xb8ff\xbcy\xde\xa6\xe8\xe4\xe4d\xaa/\x1d8X]\x17\x98Lo\x9dq\xd1`-\t\xcc\xd5\x04;\x11\xc2\\\x93\xe4\x01\xd5\xa9S\xa72d\x8d\xacf&lt;\x1e\x16[\xc4Z\xda.I\xa5\xeb^\x8en\xa4R\x1by\xc5\xb9\x02on\x9e7Opt\xdfQ\x91\x18^\x0ccy\x7f\xb3\xe2_2a\xdd\\\x15\x0c\x16\x8b\xf7\xef\xdf\xbd{\x10\xa8fP\xac&lt;o4\x00X\xe9\xd4\xe4\xc1\x17^&lt;X\x17\x08Ln&lt;\xbd,\xd4\xdbH\x15\xbb|\x91\x02\x96\x14g@\x16\xebT\xc3N \x91\xaa\x05\xad\xa5\xa2d\xf4\xca\x93T:\xf0\xf2\x9e\x17\xab\xd3\xe9\xe5bo^n\x9e 77W \x12\xed;pt\xf7n\x91Xt\x14c\xb9\xf9O\xec_\xc8\n\xb5:8(\xde/\x16\xed\xdb\x07\x0f.\xbet)\x0f\x86\xe0\'\x82\xea@|\x12\xb9\x02u/\xbd\x00\xc6\x00\xc5\xfe\xba\xf1\xb4\xd3A\x92\xb0\x9a\x01.\x1e.\x1a\x9e\x05\xb1\xa1\xed\xc3\x9dB\x8fT\x88%w\xc4\\E\xa9\x8d\xba\\\xc1K{\xf6D\x97W\x07\xa3uybq1&lt;u\xb1X\xb4\xfbg?=p\x14u8\xf0\xeaC\x88\xe5\xfc?\x80Ul&gt;Z\xbb\x07\xa9\'\x10\xec\xff{\xd3\xe6\x13\x1a\xc7y\x86\xf1\xad\xbfof\xbe\x91&lt;\xf9\x86auX1\x7fr\x19\xa7{\x98C\xb3=\x0cs\xe9!"\xa8K.CX\xea*\x04\xc4\x80`)l\x0f\x8e\x12\x93\x9e|\xc8\xa5\xd2a\xc5\x92@\x0f9\xc8\x87\x80\x89\xa0\x07_\x96\x16\xd2\x12\xb0\x92^t\xb2\xb1\x92@\x82\x92\x98\x18\x97X\xb9\tj,\xb9\xcf\xf3\xee\xae\xf1\xc72\xb3\x96ww~\xf3\xbc\xcf\xfb|\xefb\xcbi:\x9dv\xbb\xe9\xa0\xf0\xf35\xda\x01\x16\xc9&gt;.=\xcf\xf5\xbc\x00\x92\xfd\xfc\xf4\xcbw^zio\x8fe$\xd5\xea\xa5C\xe9\xbeY&gt;\xc8\xda\xda\xdaZ}m}\xfd\xd7/\xff\xe6\xb7\xdf\xdc\x1a\x04V\'\x89\xdb\x9f~U\xec\x0c6\xc3\xa2\xc8\xd0I\xe0\xc2\xc5:\xcd\n\x14h\xe7\xd1\xa3o\x1f|\xf7b\xf8\xff\xea\xf5\xff\xfe\x88\x8c\xba=\x9dN\xa0TG\xa1\xe6\\M\x1c\x8b\xcb\xc2\x0c\x9dC\xbdn\rJ\xcfZ/\x08 \xd9\xf9\xd3\xcf\xdf\xd9#\xd6\xfa\x1b\xbf\xbf\xb4\xb4\xf5\xc7-j\x06\x12\xf0\xbc\xb7tx\x08**\xb6\xfa\xe77_y\xf5\xef?o\xf7\x03?I\x8c\x1b\xf4\xfb\x04\x1a\x00h%\xcd\xb2\x14\xa7v\xd3\xc0a(\xcdd\xd2\x10\x0c\xa5|\xbe\xf1=\xf8v:\x1aM\x85*\xcf;\x0b*\xbc\xbe\xbd\x12b\x15\x0c\xe6[0\x18&gt;\x1eX\xd0+\xe8\x0f\xee\x9e=\xbe\xb9\xb7\xf7\xa77\xff\xb0\xfe\xda\xd2\xd2\xf5\x8d\xcb\xb3\x01p\x15V\xbb\x8ezn\xbc\xfb.r~k\xf5\xc6+\xaf&gt;=\xdf.=\xed\x9b\xc4xeYfi\x8a\x9bB\x17\xa2\x1a\x05\xb1(D\xd3\x9e\x14\x05\xb8\x9a\xfc\xd1\x0f\x0f\xbe[T\xf2\x87\x93\xe9\xedl\xc2\xd5\x10Kpx\x1fx\xaf\r\xcb2%\xd6\xf6-8\xec\xe3\xed2$\x96\xe7\xa5p\xd8\xd9\xe3\x7f\xfc\xee\xafo\xac\xef]y\xef\xfa\xe5\xfb\x97%I\xe7\xe9\xc5\xff\xc2\xb2\xb11\xdc\xb8t\xe3\xed\xcf\xcf\xce\xfb\x90\xd8\xf7k\x1fw\x13\xe0&amp;m\x18\x8aF\xb3\xcb\xc4\x9d\xbc+R \xc5\x9a|9z\xf4\x0b\xc1\x04\x0b\xbb\xf1\xa8\x98\xacP\xa1\xbcKg\xe1\xe5\xf2\xd6v;\x86\xc9\xb3lg{\xb1\x06\xa5\xb5\xae\xeb\xc2b\x08\x8b\xf3\xa7_\xfe\xf3\xeb\x1bW\xb6 \xcc\xfd\xe1p\x16\xa6C\x18\xff\xa3\xbf|\xc0\xa8\x18\x0e\xaf\xbc\xfd\xf8l\xa7\xf4|\xa3\x85\nxq\xdc8\xb1\x8d;\\J\x81\xc6Qy\x17+\xcf\x1b\\&lt;Z[\x8e\xba\xc8\x0b\x98\x1f\x8a\x8d\xa6#h\x08u(\x96\x9ai\x15\x86\xbc#\xc7q\xe2\xb4\xcf\xf4[p\x95Vk\xdfw\xfd\xda\x85\xf3\xcf\xcf\x9e|/C\xbb \r%\xb3\x10\x13\xbb\xb2\xae\x0e\xffv\x13T\x81\xefkc\xf0\x16/\x00\x94\x03ebk-\x98\xb0(\x93P\x11L)\x1c\xa3\xe5\xe5(\x7f$`\xad4d\xc3\x81\xa2\xc3\x17\x8aV\xd0\xda\xc6N\xec@;b\x01l!W\x00,\xe3{nM\x87m\x83\xeb\xce\xd2\xf0\xa3\x0f\xde\x7f\xff*\xf3\xe1X\x98\x0e\x0e\x0ep&lt;&gt;\xfc\xec\xf1\xd9f\xe0\xfap{\xe2{\x90J\xc7\xc6Q\nj\x05e\xac\xf2\x05\x16\xb9\xa2(\xea\xf6\x14\x19\xc9\xd5\xcd\x99\xb0-\x94/n\xafP\xd7\x9cXbs`\xe1\xe6b\x07}\x08\xac\xd1\xe6\xe6`\xb03\xe0bH\x18\xdf\x06\x9e\xabC\nvqz\xc4\x7fp\x9dK\x04\xa2\xf1\x18\x8f\x0f?&lt;\xbe\xf3\xd9\xc5\xdd\x81[\xd7&amp;\xa9HE,\xedW\xc6\x18ryF\x81\xa5\xab\x1c\x87rE\xc4R\xf0\x90\xeau\xa3\xb5\xb5\xbcQQ\xfeK\x0b9\xeb8\xb4:k\x88(\x8dc\x12\xe1\xd6\x1cGuVB\xa6*\x92\x19H\x18q\x06\xfd\x92D\x1a\xf9E\x8fy\xe5\xe0\xec\xe1\x91\xe8s\xc0#\x88\xb0\x0e\xde\xda=\xfe\xe9\xc9\xd9\xa0\xef\x93\xcah\x83\x12z:\x06V\r,Z\xcd7FA\x97\x9e#\xde\x82Dk\x11\xdcC,\xa8\xc7\x0eh\xf2\x96\xc4\'\x9fv\xba\xbd\\UN,\xcb\xe0c\xb4\x8e\xd1\xc6E\x9a\xa5%,\x0e,vw\x80;\xf7\xb5\xd5\xe2\x17d\xd8\xddg\xff\xda\x9d\x89\xb4\xcf5\xfed\x7f|p\xff\x8b\'w\x07\x81\xa7\r\xeaW\xd7\xa4r\xfd\x98D\xa6&amp;\x19\x9e\xf8Ioy\xb9+\x95\x04\xd6\xda\xdar7\x87Tb\xb3\x0e\xdb\xb4\xd3Bn4\xc2\xa5z\xbd\x9er\x8c,\x80i\x9elX\xac`\x03\x0b\xd3\x92X%\x13\x83\\Dv\xb9\xd0`\xd3g?]\x1d\xef\x8f\xc7\xd7\xae\xed\xcb\xafq~rp\x84\x02\xf6!\xaaq*pAZW\xe3\xa8\x89\x85\xc5\xcf\xad\x92\xba\xae\xe4j\x8e\x83\xabB/\xb8^\xaa\x89\xa7\xb0\xbd\x02V\x87\xe6V\x1dRU\x0e_\x88\x03\xb1\xe2J\xc56\xcd`6&lt;\x10U\x00\xf3b[\x96\x1e\xaf\x83\xa4\x80`pL\x10L/\xbe\xb87\xde\x97\xdf\xe6$\xd6\xee\x9d\x87\x17\xb7\x03 k\xc7I\x92Z\xa4B\x1d\xf1gb\xa1\xa8\xda\x80\xa8\xaa\xeb\x84\xdd\x00D\xe8\x06\xb9fD|*\xda\xb5r8\x0f=\'T\x89@\x11\x8b^\x80\xcfl\x88`\x06V\n.\x80!\xb7R\xca\xc5E\tPLmo\xc8Y-\x00\x00\x02\x9bIDAT\xbd\xe9\xc9\xe9\xd1\xc1\xfe\xb5\xfdO\xa1\xd7\xf8\x1e\nX\xb2~\xbe\xd4L*\xa8%\xeb\\\n\xe6\xd7\xa0\xab\xb0\xa0\x17\xba\x14gjE.\xca4\xc7\x02d\xab\x0b\x9f\xb3\rgb9\t\xa9\x00%\xceG&amp;\xc3Y\xdc\xbf\x16\\(g9\x03\xc3U\\\xc6\x85\xd5u\x01\xae]\xb1\xd6\x7f\x8eN!\x15\x80\x1c\xe6\x02\xcb\x8cjK\x87\xf0-\x16yAs\xb1?\xab\x8a\\\xd0\rb\xcd\x85z\x91\xab\x85(\x93\xd4\x05U\xe5\x00\x8c\xf6\x02\x14\x90$\xc1\x8a\xac\xc0\xd4\x06\xe7\x17\x19\x0b\x89\xdd\xa8\xec\xcf\x05s]\xeb\xc3;UbCp\x1d\xa3\x13\xef\xfd\xef\x19\\\xc5Z%x\x08\x8a\xa6\x9e \xe3.O\x85}\x1a\x9e\xf6Bmj\x17\\\xddhQ\xbf^\xd4\x95\xa7s,\xa8%\xb1\x8b;\x10k\x99\x98\x9e\xb7\xb2O\x17\x05\xc0\xfa\x0c\tpa\x80\xee\x8f [\x19&lt;/\xa4\xc6\xc4R\xfb\xb5=9\xbds\xf8\xef\xa3\xd3\x93Ml2\xfcQM\xb1\xb8\xadKwh8J\x93\xd1\xf5|\xe9D\xb8\x05\x89Z%\xae\xeb\xb0L\xb3\xecB&lt;H\xa2\xb2\xa4-P93.vF\xacg\xa6\x97\xfa\xa5\xc5\xa4 N1\xe2W\x95b4\x92\xd1p4\xea\x97\x04\xc3\x03\x9dX\xd7\x16!\x904\'\x0fo~\xfflZzT\xaaN\xb8\xe1pw.\x05K\x16\x18=\xa3\x03|\xbe\x0f6\x86\xb5\x82k\xb4\xe9\x11K\x92\x1eeS\x82\xb5\x0c,X+\xee\xcc\xe4RH\x04\x1d\xcf:\x91[\xa3\x94\x0e,\x1c\xdb8\xd5\xe3P\x8c0S\xcc\xfd\x15\x10\xcc\x85\xbd\x19b\xe6\xe4\xc9\xc5\x14\xbb\x92qk6\x98\xc5\x94\x8c\xbfOS\xceB\x80\x92\x94\x0bb\x87\xbdh\x98\xae\xd8\x1b\xb1\x17)pug\x9e\xe2\xb6\xa3D-)"\xa8bn&lt;\xd0\x94\xdb\xa8}\x8e5Y\x01\xd0$\x13\x1e\x9c!\x16\xe5\x1aQ\xc5l\x81E20!(\xeat:\x899+\xd4\t\xaaVc\xb9\xa4\xcaRz\nY\xa5q\n,-U\x19\xd7\xb3\xdc\x84\xd0ZU\xd7\x04*Z[\x9b\xf7\xdf\x0b\xde\x82P\xb9\x94\xd5!\x15l%X\x18\xb68sc&lt;\xa3\xa36\xb3\t\x98\xa0\x16\xcd\x0f\xc7\xc1u\xc1\x82\x8b\x83\xa1\x18\xcd\x1a)\x1d\x1c\r:Pa\xbe\xc6w\x89\xd4"\x1a\xe6YOw\xd1\xbf\xd8\xeb\xb1m\xbb\xbc\x9cRe\xa9"!aC\xa2\x943\xae\x96ba\x11\xfcj\xa1\x15c\x02jq\x96\xc0l\x88\xef*\xc5\xa4\x99\x80)\xcb\xf8\x05-L\xd1\xa2\x9c_\xed\xdc\xf5\xb3S \x92\x80\x88\x05\x93\x85\x9f\xf1\x1bNh\xc9ZK\x1a\xf0\xc6\x8d2\xd4KW\xcaX\x0f\x97\xeb\xc4A\xbf\x89\xa4\x8c\x9c\x1f\xa2\xb9^\xff\x07\xd2/\xc4\xcc\'RPz\x00\x00\x00\x00IEND\xaeB`\x82'</t>
        </is>
      </c>
      <c r="M221" s="3" t="n">
        <v>45492.67662037037</v>
      </c>
    </row>
    <row r="222">
      <c r="A222" t="n">
        <v>840118</v>
      </c>
      <c r="B222" t="n">
        <v>7314</v>
      </c>
      <c r="C222" t="inlineStr">
        <is>
          <t>Lucas Kal</t>
        </is>
      </c>
      <c r="D222" t="inlineStr">
        <is>
          <t>Lucas Kal</t>
        </is>
      </c>
      <c r="E222" t="inlineStr">
        <is>
          <t>VOL</t>
        </is>
      </c>
      <c r="F222" t="inlineStr">
        <is>
          <t>VOL</t>
        </is>
      </c>
      <c r="G222" t="inlineStr">
        <is>
          <t>VOL/MC</t>
        </is>
      </c>
      <c r="H222" t="n">
        <v>186</v>
      </c>
      <c r="I222" t="n">
        <v>5</v>
      </c>
      <c r="J222" s="2" t="n">
        <v>35139</v>
      </c>
      <c r="K222" t="inlineStr">
        <is>
          <t>Right</t>
        </is>
      </c>
      <c r="L22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e159a4-037b-482e-9e26-7cda4d0b95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9\xbcm\xd4\x00\x00\x00&gt;tEXtComment\x00xr:d:DAEewil2SDw:3687,j:1904319450120277878,t:24032419\xd6]\xa1\xc0\x00\x00\x00\tpHYs\x00\x00\x0e\xc4\x00\x00\x0e\xc4\x01\x95+\x0e\x1b\x00\x00\x03\x00PLTE\xff\xff\xff\x15\x17\x1b\xb3\x8a_&amp;(-\xfe\xfe\xfe$%*\x1f %\x1a\x1b \x1c\x1e"\x16\x19\x1e\xb9\x8fi\xad\x87a\x12\x13\x18\xdc\xb1\x86\x15\x1b$\x1b\x1a\x1d\xb6\x8ba6/+\xb1\x8cd\xb1\x86]\xf8\xf5\xf5\xc7\x9br\xd7\xaa{\xfc\xfc\xfb\xdb\xaf~\x1e)*\xa7\x84^\xb9\x8fc##&amp;\xc0\x95o\xb4\x8fc\xac\x83]\x9e|V\x10\x1a!\xa5\x81[\xbe\x92d#\x1d\x19\xcb\xa0s\x9auQ=521+)820\x98yZD:4\x1b\x1b$\xd7\xa6q("\x1e\x1f#\'\xdb\xabv\xbe\x92j\x95uU\xf4\xf1\xf1\xc6\x96n\xcb\xa4yI&gt;7\xa3\x81b\xfa\xf9\xf8\xbc\x96j\xc6\x9dn\x1e*2\xb6\x94i/%#QB5+*4\xa7~UcQ@QFA&gt;97HA&gt;\xd1\xa1n\xae\x8af\xc2\x9aw\xcc\x9cl\xc2\x98i,\'(\xd3\xa4u\x92oT\xd1\xa4y\x93oL\xac\x82X\x85eJ$\x1c%\xed\xe8\xe6\x9d}_\xd7\xac\x81\x18! \xb9\x99p\xc4\x9d\x80\xe0\xb5\x8b\xc5\x95g\xb2\x90h\xa1~[\x1d\x16\x0e\xb0\x8am\x8eiJ\x13 \x1a\xba\x87b\xc1\x8cg\x85mV|bFZG:u\\@A=&gt;\x9bpJ$\x17!\xb8\x88i\x1c%$sQ6\xb6\x84\\56;\x8coOL;*oZH\xde\xd8\xd7\xc5\xa0uE3\x1f%04\xa0vP\xb7\x8fq\xa7\x87h\x1d\x14\x1c\x97}`@4)\x83^FjW&gt;\xb9\x9b|1.3\xac\x84q\\E-\xad\x89]]N6\xc4\x91_\xbe\x8d]HDE\x89jO\xf1\xed\xecfC(\xbf\x9bo5+$\xd1\xa7\x82\xf5\x13\x14\x8fvY%(7zXC\x1c\x1a\x16\xb9\x90\x7fP6\x1f\t\x1e\x19PMLeN7\xe0\xb1|U\x17\x1a\x8cpW\xbe\x91t\x9fw[\x15\x1f\'\x84[=\xa5{W&gt;-\x1d\xb0~[TA+jL1}^&lt;zeO\xcd\xc8\xc8\xcf\x9bt\x10! (\x1a\x0f\x9d\x82h\x89gB\xe0\xb6\x84\xa5yR\x81iOsmou_MkN;\xcb\x98d\x97gF\xd4\xd0\xd0ga`\xe4\xe1\xe2\xb6\xad\xad\x8fw`gXP\xdd\xcc\xc3|T3w\x14\x1ag\x1c\x1d."-8*\x182#\x16\xac\x7fc[NH\xb1\x94t\xabzX\xaesS\x9fvhcE3&amp; +\x8b\x0f\x1a\xa6~n(0+\xc8\xc0\xbe3\x1a\x1b\xc4\xa5\x90YUV\x94\x8c\x8e\x86pa\xbb\xa2\x87\xc5\xa6\x81\xe7\xd4\xcc\xe1\x1b#\x97o_\x1b\x16(\xbd\xb8\xb8[:%qSAA\x1d \xae\x8cy\xd1\xbb\xb2\xcb\xaa\x9e\x87\x82\x84\x9d\x95\x95\xd9\x12\x14\xbe\x99\x8c\xa1\x8au\x8ea?\xa0\x8aZ\xed\x19\x19G\x12\x0c\x86"*\x82zy\xae\x97\x86yjb\xed\xdf\xda\xd8\xb4\xa5ycZ\xcf\xa6\x8d\xca%0\xd0\x98~\xdd)3\x92|n4\x13\r\x92KA\xab\xa6\xa8\xaa\x90b\xab\xa2\xa0\x8a_W\xe5\xc1\xb3\xca\x8ew\xa8\x9d\x99\xdb\xac\x92\xaa\x1d#\x99,3\xb8,5n.)\x90+\xbeG\x00\x00 \x00IDATx\xda\xc4\x98\xdfO\x1a{\x1a\xc6O\xbad/l\xc8v\xac?\x88\x96\xd6\x08t\x18\tD\xa5\x0e\x968\xe4\xc0\x0c\x82P\xad\x07\x89\x8a\xae\xbdP\xe0\\T\x05\xdd\xac\x04\x96\x1a\x8b"\xa9\xc6\xf4\xe4\x04Oh\xb3\x17VmV]E\x03"\xbb\x17\xbb\xa5\x17\xbd\xa8\x89\xf6l\xb2\xf14\xa7\xab\xd9^\xb9n\xec\xc5&amp;\xc6\x0b{\xb3\xef;x\xf6\xec\x1f\xd0\xb1\xef\xc8\xf0C\x92\xf9\xf8\xbc\xcf\xf7\xf9\xbe\xe3\x17_|\x82\x12\x1596\x87\x866\x1dX\xb1\x98\xb6\xa8^\xf4\xc5\xe7\xae\xd2\xfa\xa2\xd8\xe6v\xe6\xec\xe0\xe0\xe0\xec\xec\xec\xf4\xf44\xb3\xb78\xe4\x88}N4QiQ\xcc1\xb4\xb8wvx\x94\xce\xe6r\xb9,T:}txp\x82h\xda\xcfD\x06\xbdK\xede\xce\xf6\x8f\xb3n\x03M\xabT*\xda`2\x19\x0c\x06S.\x0bh\x99\xbdT\xecs\x80\x89\xb4C\x99\xfdt:kR\xa9\x80\x86\x86\x02*\xb7\xc9d\x02D\x1a\xd0\xd2\xbb\xdb\x9bZ\xd1\x8570\x96:H\xe7\xe2&amp;N\x85E\x86\xf8"iP\x0b\x84\xa3i\x13\x80\xad\x9d\xa6\xb4\xa5\xa2\x0bn\xe0\xf6\xfe\x0e\xcb\x998\xafJ\xc5R\x041\x85EL\x85B*\xd4\r\xa8L\xb9\x9c)}\xb0\xe8(\x12]$\xd5f\xe6\xd0D))\x92d\xbd,K\x93P\xa8\x11\xef0\x9a\xe3LXQS.\xbd\x9f\x19\xba\xb8F\x8a\xb4\xa9\xd3#\x8eP\x12\xf0\xc3z)%K\x86H\x15\x8d0\xb4\xea\xbc8h.\x17\x8d\xc6\xd3\xbb\xa9X\xe9\x05Q\xc5\x16w\xd34\xc1h\x18\xa5\xcdF\xb1\xa36h"\x91\xe7\xe2h\x15\xf9\xbf\xa2H\xe8r\xfa\xe0\x82\xb8@\xab\xdd\xac\x8a\x04,\r\xa3\xe1\xb1\x94\x0c\xc3L\x11$p\x81F\xc8C \'\xc5(I.\x8a\x06\x8b\xd5_H0\x9c\xa61\xa8\xe0\xe26\xdb(;0j\xbb\xa6\x91\xcb\xe5\x1aB\xc5\x99\xc0e\x14E0\x8c\x92\xa0\x90\r\xf4\xf2F!)\x1c\xf5\xc2\xbb}\xe8\xf4\x08\xd7\x19\x84\x83\x97\xa2X\xef\x80\xf2\x97\xbf\xfa5\x14`A\x13Y\x12\x0c\xa7D*\xe0R*\x91+\x9e;\xccl\xd6\x0bNu\x926\xa90\x01L\xf1\xa8\xd7\x1b\x8dz\x95\xf2o\xa0\xe4\x0c\xaa\xc5\xd1$\xc1w\x90D,\x1b\xcf\x15\xa5Lk\'\x9b"A\x17d\xfd\xe6\xc9Z\x9cF\xf7P,\x07\x15\x8ds\x94\xe6\x1b9\x1e\x1a\x02s\x8c\xe5\x9b\x07\xa2\xa1Z6\x1b~\x8d\xf2\xc6\xd721\x91\x90\xd9\xee\xc8\xac\xc5\xa3,ow\x8ae\xc19Q\x8eTjP/\xb9\\\xe9\xdd\x81\xc6\xf2]\x84\x07E"\x97\x92\x82\x0fH\x92;L\x95\ni\xf7\xed\xc3\x9d\xb8\x17@4\x0c\x83\xa9EA@\xb1\x04\xbc\x05\xcf\xcbm\xde\x9d\x9d\xa8\x97\xa5\xe0\xadFc#H\x96w\x17\x07\xea1D\xee\xc0Q*\x9c\xb1R\xbb;\xd1(\\\x98\xf9\x8a\xb1\xf1\xceVA\x80\x92\xf0\x9e\x07#\xb8(\xe7eI4\x1bX\x8dd\x91\x8b\xe2\xe0\xc40\xaatJ\xa8mH\x04\xc6J\x83\xcd\x01\xcbf\xb3!\x14y\xbe\xe1\x90\xc4\x14\xc3h\xe4\x1a~\xe5\xb1\x04bA\xfbX\xe4\xa28\x0e\x02\x83!\xe2\x19\xa1\xe4*\xd5n\xaf\x01\xd5\xc0\xc0(`\xc1UU\xb8\xf9\xe5G\x1ad\x0b\xf1\xbb5\xc9y)F\xae\xd1(\xf3X\x14\xc5\xc5\t\x00fT\x87B\xc9U?\xb4\xbb\xe3E\xac_\\\x83p\xe7 \xbb\x8cFc\xce\xedvG\xe09\x12q\x1bB@\x16\x02\xf9B\xfc@\x01\xc3\x04\xd8\x9f\xf4FGm6\xc0\xcce\x84\xd9\x84J\xb5{k\x03\x03\xb0\xf6\xc0J\x04\r#\xb2\xdf\x9fL&amp;\xfdY8\x16\xb0\xfca\xa3\xdb\xe73\x00&amp;\x88\x87\xd3\x176\x17\xbc\x15g\x95\xb6\xaf\xe4\x0c\xbd;T/\x94X\x03\x18\xa0$\x112d\x8f\xdf\xbc\xe9\xed\xedM$\x12p\x9eYZZ\n\x06\x833\xbd\x0b~\xa8\xe4B\xd2o4\xbaq \x04\xd9\x08\xc4\xba\x06\xcb\x948Z,\x12\xc4\xf0\x8bkq\xa0\xe2h\x9f\xcf\xed\xef\r.-\xe9\xdat\xba2\x9dN\x17\x084\xb4\xc3\xd1\xd5\x18hk\xab\xaa\xaa\x82\xdf\x04\x13\xbd\xab\xfe0\xa8G\x83f&amp;\x15\x03;\xa6\xcd\x96\xdb\x13$R\xb5{i/\xeb\xe5\xa2\xf4\xd8\xacg\xb2J\xd7\xd8\xd8XXx\xbd\xa0`d\xe4\xb6T\x0f5&lt;\xac\x976tA5\x8c\x8c\xf44\x06\x96\x823\tP\x0fUS\xf1\xb3\x06\xc3\x9d\t\xb13\x8a6OvF\x07(/g\xb8\xdf\xd7RQy\xe3\xea\xa5+W\xcae\xae[\xb7\x8a\x8b\xf5V\xab\xd5l\xb6\xdb\x15\xfa\xa6\xa6&amp;\xbd\xfe\x91T*mo\x07\xf1\x80-\xb1`\x8c\x18B0N\xcb5\xa4 \xe6\x02k\xc5G\xd9Q\x92v\xb7\xde\xac\xbc{\xf7n\x7f\xff\xc4\xc4\xf8\xf8\x86\xd5\xfa\x1c\x99\xccf\xb5Zm6\xe3K\x85U\xaf/.~\xf4\xe8Q{\xfb\xcb\x9e@p5\xe9\x875@\xc85\x14D\x84\x00\xd6J\xed\xc7\x07\xbc\xc4\x94*|\xb3\xec\xfa\x15\x84B\xaa\rT\t\x91\xd4\xea\xeaj&lt;\x9b\xd5\xc8hW(\x14\xc3z\x00\x1bi\x0c\x0e\xf6&amp;\x8d\xee\xd0\x1f4\xaf\xd7\x84\xf0&lt;`\xe1\xb63e\xe8-\xbb~[\x86L\x00\xb5a\xe6q\xaa\xb1\xbe\xc3\x17&lt;\xa0\xda\xae.\x81R\xe8A\xb2\x86@\xed\xcc\xaa?\x82X\xe9m\x01\xb0\x8a@-\x96aB\xc67e]\xb7\x9b\x9a\x10l\xc3jVW\x97H$\xdf\x9d\x17O\xa7\xae\x86\x0f$\x12\xd4\xcel\x86\xa5\xd0P1\xd8\xe71\x1a|\x7fy\xbd\xb3\xa7\x15\x00k\xf10Nj4\x88U\x88X\xb2q\x17hU"\x11\x8bWV\xfe\x8f\xab\x04\xa8V\xf8O\x00\x0c\x8c\xa6\xd0\x97\xd5z\xee\xaf\x1b#\xa1\xd7q\x81\xb0\xa2\x94\xe6\xaf!c/\x8f\xe5\x92\xb96\xac\xf6\x92\x95\x95\xce\xce\x9f\xb1$P%H\x85\x95\xe72\xeb\x1b*\xe7\xef{\x16\xfc\x82a\xadq\xc4\xcfX\x00f5\xdb%@\xd5\xd9)\x96`#\xc5\xe7T\x92s.\xd0\x0b\xfah\xd57]oiMl-\xf8\x08!\xb0D\x80\xc5\x12\x9a)\xdfOXHe\x87\x1ev\x8a\xc5N4x\x89\x04\x1eN&lt;I$b\xa4\x92\xf0bm\xb8\xf4M\x85e\x81%\xc0\x12\xc8[k\x10\x0f!_d\xb5\xfb\xa1\xac\xa9)\x1f\xa0\xf6f@)in\xb6c\xf1p%\xcd\xf6&lt;"|f\xb6\xc2Z\x1dw5I\x0bz\x96\xfa\xe6B\xd9m!\xb0R\x87\x1c\x8f\xd5\xf7\xdb\xbb\xe5.\xa4\xe2\xe3S\xd1\x0ce\x7f\x0eG\x1e\x8c\x7f\x82G\x9dB\x01P\x90"\xe3\x13\x135\x05\x8dm\x9e9\xd5\xd1\xb60\xb9\x05X\xbe9\xc4\x9a\xd8\xe0\xb7\x1b\xeb\x86\xcbe}\x8eXj3\x1f`XvH-;\xac@\x85\xde\xe5\x1a\x9f\x80c\xbc\xbf\xfc\xf2\x0b\xc0\xa2\x05\x89\xd3\xd2\xa1]\xc4\x1a\x9b\xed\xfbc\xff8Pm`\x83\xc6y\x87\xd9\xd5\xe71\x7f\x9e]\x98X\x8ab=f\x1b\xee\x05\xfd\xe57^\xb4=\x9e3\x08\xb1\xf9\xc0V}\x90\x0b\xf9\xe6\xc6\x9e-\x7f}\x17w\xe8[.\x97LVs\xab\xb8\x0e\xec\x95\x0fz\xb0\xbaD\xc2\xfb\xabZ\r\xc6\x02,\xe4\x1a\x9f\xe8\xef\xbf\n\xd95g\xd8O\t1\x07n\x9e\xed\x84\x0ccc\xcf\xe6\xbf\xfe\xf2\x8a\xec\x16L\t55Ri\xb1\xa2\x0e\x96\x9f\x04s\x14\x93U,\x9681"\x80\x0c\xe6\t\xf8\x8a\x0c\xbd\xd5\xdf\x7f\xe3\x8eg\xcc \xccx\xea8\xc9\xd2\x86\xb1\x08b]\x92\xd5 \x16P\r\xd7\xd5M;A\xa4\xea|0@9y\xd1`\xff)\xa9\x1b\xb6 \x17`]\xad\xbc\xe3\x89\xb8\x0f6\x85\x18\xe6c\x99\xb4\xc906\xcbc\x95\xd7H\x9f\x14\x14H\xa5\x96\x9f\xb0\xf8\x1cu\x8a\xcfk\x05~$\xce\xe9\xba\x0e\xe4B\xac\xeeAO\xc4x*\xc8-\x19L\xa79\x83{6&lt;\x7f\xf3\xcb\x87\xd7a(\xed\xb9\xdc5b\xb1tt\xfcm\xda\xe9\xe4\xc3=\x8f\xe4\x14c\xeeC3\x9d\xd3\xd3\x1d\x96\xf6\xdb2Y\xf9\xa5\x1bO\'\xc3\x91\xac0\xff\x87\xd0n\x1f\x01V\xd8\xd3ZQ\xf9\xb0\xb0\xb0\xa7Q\xd7\rS|\xcf\xcb\x97\xed\x16\x0b\xd8\x9eW\xaa\x13\x1fX\x1f\xc5\x00\xf5\xe1C\xc7\x83\x07\xed55\x05W.\xb7\x01\xd6\xb1\x10!\x8f1\x7fdtG\xc2\x9e\xc1\xee\xca\xcaJ\xb8\xb3\xa8\xba3899\x99\xa8\xadj\xd3uI\x87\x9bQ\xa5&lt;\x13@M\x83R\x1d\xdf\x7f\xff\x00\xa0\xbb\xba\n\x0b\x1bu\t\xbf\xf1h[8,c89S\xd9]q\xb3\xb6\xaa\xea\xce\xe4\xe3\xb7\xeb\xcff\xdfz\xfaZ\x9f^.\xb0L\xe7{\xd8\xf9\xb1\xf3\xe3\x87\x0e\xcb\x93\x91\x80\x0e\xef\xd2\xdat\xf07\x94\x05\x02[I\xe3\x1b\xe1\xb0\x8c\x80\x15,\xebnYn\x1dL$&amp;\x1f\xaf\x8f}\xfb\xc3\xd8l\xd8s\xef\xe9\x8b\'uN\xf4\x15\xd4\xc7\xe9\x8e\'=\xba\xdaV\xcf\xdb\xb7\xeb\xeb\x9e\xd6\x96\x96\x9b\x15\xba\xc0\xd6BX\x10,QiQ\x8a\xc7Z\x08\x06n.\xff\xfew\xad\x93\x89\xad\xad\xadU\xb8\xf2\xdbd\xdf\xe0S\x1d\xc8\xe5t\x8a\x9dhtKO\xdb\xdf[\x1f\xcf\xce}\xeb\x9b\x83\xf4\x9d_^\xbeW\xbb\xb4\xe5\x17B-Q\xbd\xd6\xf1\xefm\xff,b\xcd\x94\xb5\xc0\x95\xee\xcc,\xbd\xff\xf1\xfd\x7fz\x93\xfe\xb0\x7f!\xd1\xa6\xeb\xb1LO7;a\xc4\x99\xb6\x8c\xe8\xa0\xbf\xeb\xaf|\xbf\x81u\x0by\xb2&lt;?\xdf\x1a\xdc\n\x1b\xdf\xbc\xd3~r\xa9\x1c\x7fz\xf7\x8f\x7f\xbd\x9a\x9b]\x0f\'\x13\x15-\xcb-\xdd\x81\xc0\xfb\xf7K[\xbd\xc7p\x83\x1a1&gt;\x9el\x0b\x14\xf0\xdbPIs\xdd\x93\x9e\xa7\x885\xebvg\x8f\x8fWW[\xef\xcd\xffy~f+\x1c^\xcd8&gt;q@\x88b\xef\xfe\xf9\xe3\xfb\xe0\xfa\x0f\xaff\xd7=\xff\xe5\xd5\x8c^\xd3\xd8\xf28~\x91&lt;\x8d\x14Dc\xb2\x8cL"\x8a&gt;\xf8\xe6d\xc4&amp;HI\x1e\xae6d\xa2C,IMp\x18c\x82\x0c\x8aM\xbdh\xe8u\x83I\xb7\x18\xdd\x10d\x16\x02Q\xb4V\xbbB\xbd\xb94\xd7\xcbn\x13_nnm\x04\xb9\x08i\x83\x90\x90\xf8\x90\xa6/m\xd2 \xe1\x92m\xd2\xbc\xecorw\xf7/\xd0\xfd1\x8c/\x03~\xf8\x9e\xdf\xf9\x9d\xdf\xf7\x9c\xb3\xaaP\xabQ\xfb\xeb\xd0\x8bG\x93\xcf?\x83\xd7\x1a\x18x\xb6\xb7\x1f\xd6(\xb4*\xc0\x1aVa\xc6\x04\xcc\x05\x80\x1a\xd8\xf8\xb4s~\xfeB\xa3\xc9g\x83\xab\x93\x03\x033\xef7\x9b\xbb\x95\xd4\xd6yR\xe5\xb8\x83\x17Td~\xbe\xec\xd4\xa0(j\xb4\xcfj\xc2\xce\xe7\xfb\xcf\x1e|\xf7\xdd\xd4\xe7\x81\xbd\x15\x8a\x94\x8b\xa5\x805$E\x14t\xac\xbcW\x9e\xd9\x18\xf8uc\xe3\xe5\xe7W\x1a+n\xf6.O&gt;~\xfc\xf8\xc7\xfaIS\xb9\xda\xda7\x0f\xb8\xb1\xb1\x805\x13\xd9+SV\x14\x15\x1a\x85\x1aj?\xb3\xbe3\xf3\xe0\xe9\x9d\xf3\xaf3\xe5\xd8\xaaF.\x19\xec\xfb\x16\xfa\x06\x99\x82\x04\xacgS\x0f~\xf9\xe5\xfb;S\x033NRc\xb5\xbe\x00\xacy\xe7\xd1fS\xcf\r:{\x0eC\x01\xa8\xd9\x81\xbc{/\xe2\xb4\xa2\x0bb\xe1\x04HR\x9e|\xff\x12\xb0v\xbe~Zw\xae\xe2r\x89Li\x83\xc6P\x84\xe2\xc1\xf5\xf2\xcc\xce\xc0\xf7\x7f\xbd\xb3\xb1\xb12\x1f\xc9\x9aa5\x00\xac?{\xe3\xa7M\x95\xab\r\xb0\xd8\xa5\xeb%S"\xc9c\t\xba\xbax\xacL\xe6\xd5\xc7\xf3\x99\xa9\x81\x9d\xf3\x8d\x95\xe90\x9e\x12\xc8\xc0\xd0\xfe\xe5\x89@\x81S\xfb\xe5\xfd\xcfSO\x9f\xfe\xfa\t\xc67R\xa4\xf5\xf6\xd9\xc9\xf9\xc7N\xab\xe9z\xb7\x99\xc7x0\x88\xa1-\xd3R\x03\x13\xd2\x91\x08\xa5\x07,1\xaa\xa6c\xfb\x93\xe7/vf^\xc2d\\\x99\xa6p\xe1\x8d\xa1\xfd\xe9\x89$E\x82ZS\xfc\x0e\xd2\xc6\xce\xce\xcc|\xc4\x9d\x9f\xb0\xdbW\xe7W\x96_7\xce.\x9b\xb9Z\xb7\xdd\x06\xacx.\xa7\x15\x9b#\x91\xf0,`\x89\x04h\xc2K\x85\xa9\xd5\xc9\x97/g\xe6W\xdcN\x12\xed\xed\xb3\x81\xfb\x87A\xb4\xa8)\xf7\xfc^y}`\xe6\xf3\xcedl\xdd\x9d\xa4\x01k93\xfd\xc1\xd4h\x9c\x8e4\xf3\x94\xb8\xf3!\xc7^5r\x8c\xc0\x9c\xc9\x84\xed2&gt;\x04\xddr\xb5\xd9\x1b\xa6\x82\xfc\xc2\x984\xa3\xbd&gt;)\xf8\x8d\xbb\x84\xcd!\xdaR\'3\x91ry?FQ\xc1`\x90&amp;q\xbd\xdd\xae)\xe6\xbb\xa5WW\xf5\x93f\x9e\xf6w\x9e\x1c\xc5\x1b\rG\xa9\x1f\xb0\xc8\x80L\x06M&lt;\xd2%T\xc8q\x12\xb0b\xb1\xe0\x84\x10\xc1\xa4\x84\x8d7C6\x07\xcbn\x91Aw\xa4\xbc\x0eXa\x8a&amp;5r\x14\xb0\xb2t\x8a\xb8\xba:\xdbmf\xcew\x8e\xd4\xb9+\xe6MI w\xbbqP\x0b\xeck\x14C\xc4\x8a\t\x9c\x0e\x06)\xd2:\x8aa\x84\x94 ~\xba\xfb\xed]\x07\xc3"\xecV\x82v\xbb\xdd\xb1 m\xc6\xe5\x13z\x85\x10\xb0\x82f\x97\x03\xb06\x9b\x8d\xc5\xbcy\xf3D\xba\x90\xcd\xaa\xb7D20&lt;R\x0cC\x84\x8a\x84\x9a$\x13\xf69\x13\x81IA-\x9b-w\xd7\xe1\xf1\xb0\xf1\x00\xbb\xc5\x03\x07i\xf5\x84\xd0(\x16\x1a\x8d\xc6D^]H;\x1a\xd7M\xc5j[\xac\x87\xde\x14\xde\xe4Th1\x9b\xe8\xe6\xb1\x08\x02\xd3"\x02!\xaa@\x8d\x01\xd3;)\xc6\x1b4\x87\xc3\x96\xcb\x01\x16\x83\xc4\xa1\xa5\xd6\xe3$\xa9N\xa0B\x16&gt;3\x1aS\xe6\x94\xcb\x9f\xbe:\xddm6V\xe1w\xc0\x12g\x93\t\xa1H\x89\xf1ji\xa1\x1d\x96!Z\xdee\xa8\xa47T\x0eb(gc@.m&lt;\x1e\xb0oAtw\xf3X\x021\xbb\xe5\x17X\n.G\x0b\xb0\x8a.\x9b4\x9aO\xfa\xd3"\x18C\x95\xf4\xbf\xa1R\xe9t\xc39\xc2\xe1`\x1cDn(G0\x9e\xb4\x07\xc1\xe2,\xcb\x06\xe2\x08+\x12!Z\x99H\xc4v\xaf!\x92B\x81=m\xeaL\x842\xcf\x95\n.\x89\xe1\x9d9\xe9J\xcb\xb4R~?D\xc7\xbf\x86U&lt;\xd8\xb0\xd4\xc10 V.\x07|\x9et\x9a\x81\xc4c\xc1\xaf\x1171\xa8E\xd8\xb4_d9&gt;n6V\xfb\xe1\xd1\xd5U\xba\xbf?jN\x16\xd22,\xc7\xef\x1f\xf1=\x1f42\xc4`\x9f\xea&amp;\xa3\x1c@\x90\xbbQ+\xcdh\t\x0cA\xb4\xe0\xb9\x81\x1bFX\xcb\x96\\\x16\xffq!~\xd9\xd4r\n\xab\xcf\xd1UC*\xce\xa3\x13\xc7\xc7i\x16\xd3\xf1\r2\xef\xec;\x86Twa\x02J\x99\xb4\x03\x86\x11#\x86\x87sL\xda\xc3\x00\xa3\x16q`\xbc\x8e\x1d\x1d\xc0\xa5eJ.\xbf\xcb\xc54\x9a\xba\xf8\xf0\rW\x9dk\\\x9b\xe4\x1f\x8c\xe6\xa4_\x84\xe9:nL\xea\xfd[\x1dC}6\xa5RI0\x8c\x16*FnX\xa7\x93j=\x1eO\xba\x94\x96HD\x98\x8a\xb7\x8f\x7f\x82\xe1&amp;\x04~H\x01\x0fq\xbd\xdb\xe4Fp\xe4\xf0\xe8\xec\xfa\xdd\xbb\xb992\x99\x92hu\x7fP\xdd\xbfuo\x88\xdf-R\x82R\x844n\x82&amp;\x03\x02c\x19\xc6SZ\xeb\x97@\xbbz\xef\x07\xf8\xe6\xde\xb0T\xe2w\xadIs\rH\xad&amp;\xef\x9cn\xd6\x8f\xc6\xe6\xce\xde\xcd\xd1\xc9Rw\xef\xff\xb0:T\x832\x91r\x10\x92\x07"\xbe\x04\x06ql\x8cM\xa5\x19\xcf\x9a\x7f\xcd\xa2\x84v\xf5\xd6\x0f?\xdc`\xa5\x84\xc8p\xc7\xd2e\xb3\xed~\'\xc85\xf7z\x8eWK\x8d\x1a|\xff\xd9h\xb87\xdc\xa7\x94)\t\x15\x06\xcb\x8d:\xb1\x15\xe0\x02v\xbb\x11R;\rj\xadYd} \x17|\xb4\xa4\x93JJ\xf1\xc6P\x07\x8ca\xb3\xf7\x02\xdbwO\xab\xe0\xdd\xe7\x12\xc9\x82\xa2\xcbw\xe3U\xc1\x13\xaa\x06\x95P.t\x04\x9b\xa2\x83tB_\t\xcd\xea\x13\xc7\xc5\xe3\x92H`\xe9\xb7\x88\x06!\xb9\xf8-\x12\x9f\xa9{-\xde\xc8\xdd\xba&lt;i\xfa\x96Mg\xcf\xeea\xfd\xed\xdb\xb7\xd6 -_\x18\xf5\xe9 \x89t:_T\x0be\xc0\x04\xd6&gt;q\x9c\x0c\x93\xb5\xedJ\xc5J\'\x8b\xc7)\x04\x91\xf4\x83\\R\x98\x1b:\xf8\xcc\x94*\x04\xe2\x8d\xfb\xbb\xad\xd8;m\x1f\xd9\xdd\xdc&lt;\xfcX#\xd5\x1f\x0cQXqx\xaa\xde^-_9\xb7\xb6\xc8"4\x0c\xc1Ur\x95r\xbb\x8b\xc9BI$\xf4\xbb\xfc\x0b\xbd\xf0\x99\x0f\xbe\xc2\xfc\x85x\xe3\xfa\xb2\x15\xfb[m`\xf7{\x16G6\x8f\xacj\xf9\xc5h\xd4\xe7\xe3\xff\x0f\x81\x08@\x1bs\\\x8cD2\x91\xc8~,\xe6\x8eD\x80\xcb\xd5\xdd\xed\xca\x9b\xe5b\x8c?X4\x88\xc7\xfd\x89\xeb\xd3\xdd\x91\xd6\\\xf8\x04\xb0\xce\xce\xc5\xdf\xde?\x92\xa3 \x97/\xaa\xec5\x08\xfa\xd5jha\xa0\x1b\x8d\xec\xdd&lt;\x7f\xbc\xdcA\x92\x0cf\xb3y\xb9\x96\xb0i\r\x17\x17F{u\xf7\xa4\xa5\xb7*\xdb\x7f\xfe\xf8H\x83\x8eGA*\x99\xcc\xe2\xca\'\xb3E\xb7;\x0bO1\x0bow\xe6&amp;\xf8\x01\xcdNO\xbb\x93~\xc6!\xeaB/\x8c\xd5\xcd\x9e\xdb-\xbd*u\xfb\xe1\xc7\xe5\xe5\x0f\xe3\xa3Q\xc0Z+\x1c\x17\x01*\xe8\xd5\xe0\x1a\xfe\x80\x1f\xc7\xc9\xb0\x97\x04\xa1\x82\xc1\x18\x8f\x18\x89$K\x0e\x8fDq1w8\xd2\xe2\x0b\xa8\x9d\x0f\xbf.{5\x17\x86hT)p%\x8b\xc5b\x1e\xb7\xea\xe7\xe68x\xb8Ph6t\xc0\x1d\x1cT\xb6k\xd0\xe4O\x03W\xd1\xe5H[\xe4\xe8\xdb\xcd\xf6oZ\x1b\x9d\xff\xf8\xd7j\x18GA\xae^\x81\x0b\xc4\xca\xabA\xa6\xd7\xaf\x0fx\x9c\x10\x04\xfc\x02^\xa8b\xc5\xc3\x14U,\x16\x18\x89E\xad\xa8\xee\xb6\xfcr\xe0\xc8?_\xfd\xe8\xb5\x1a\r\x90\xefP\x03\x14):I\xeb\xad\xdb\xd6\n@\x81JP\xbaj\x15(_d\x90\n\xe3\x1asa\x8d\x15*\xcc\xfa\xd3\x91\x96\xdf\xf1\\\xfc\r\xb04z\xa3X,^\xb0t\x99\x0c\xe6H1\xc1\x9dU\xcfN\xab\\e{;\xc4U\x0f\xb8\xed\xedZ\xe6on\xaf~V\xd1\xcdj\xc1N\xce\x1e.\xb6\x9a\xea\x9b\x1e\x1e\x0b\x97\xcb\x15\x0b\x06_\x17L\xc9\x80\x9c\xa6C\xd5j\xfd\x12\xe2\xb4\x0e?\xf5j\xa8R\x8b\xb9I{`|&lt;\x10\x17\x9ai:\xb0\xd9\xd3r\xacv\xc0Z\xc5q\xb3\x1a\x90F\r\x06\xccg2\x9a\xc3\xdb\xb5m\x8e\xab\xd6O\xebg\xa7\xf5\xca\xf6\x97/_(R\x1f\x08\x08\x11S@\x9e\xcf\xe7\xb9\x96g&lt;\x8f\xb5\xf3\x9c\xa2\xbc^\xafz|\x94\xc72\xf9\xe2\xc6D\xad\x06\x19\xb5]98:\xe2*\xb5/_j5rb|\x14C\x02\x01#\x9e\xcd\x9a\xeb\'\xad\xbf\xa6\xdb\xfe\xf7W\xd3\xd3\xcep\xd8\xab1\x02Vo\x14\xacY\xdc^\xa9\xc0\xec\x03.`\x83\x80\xd4\xd7\xcc\x8e\x9a\xa0\x9d7Nx\xb3\xd9\xc4\xe1b\xebo\x81\xb7\xff|\xbe\xeev\x82^\x1a\xc5\xb8\xc1\xd0\xdb\x8bA\x98\xb88\xc7\x1dAa\x80\xc1\x0cq\x1c\x14.\xfd8`9X\x14\xa7\xb2y\xfb\xffa\x0c\x01\xeb\xfdJ&amp;\xe6tzq3j\x1cG\xc0\xc4\x0e\x12c|\x9cU\xf9\x82\x15\xfa7/\xe7\x1f\xd3\xf4\x9d\xc6\xf1\xac\x85\x8am\xa2\xd8j\x08\xb4\xb4\xb5\xc6\xef\xb1f\x81P\xbd\xd4.\xd5\xd5\xf3\x029\xd2Pj\xd3\x12[Kkk\xe5\x87\xd0\xea* R\xbb\xc2)x&amp;\rR E\xceB=\x0c\xbaP (\x12m\xf91a\x88\xc8\xd4\x850\x01\x99\xc6\xc3\xc0\xee\xbc\xfdsV\xe5r\xc9\xc2=\xcf\xb7#\xf1\x8fe\xd9v\xd2\xa7\xf4\x1b\x08\xa1}\xf1~?\x9f\xe7\xf3\xe3\xfb\xf9\xb4\x0c\x8c|\xf2\xd9\x1d\x8d&amp;9\xfdP\xa1\xc0j\xb6\xd4\x9c\x9e\x8a\xc2V\xeb\xcd\xc7\xff&gt;;\xd6c1\x9bs\xf2\x84IL:\x1b7K\xc1P9\xf79\xaebB\xed\xd2\x83l\xf5\xb9\xa75\x1a\xfa!\xc4\xb2Xr\xbez\x19\x15\xac\x7f\xb4\xbbf\xc6f-f+t\xd9\xf4m\xec3\xdb\x0ed\xe6FB\x0fq17\xb7\xbe\xac\xfe\xb4F\x8aX\xba\x80\xc3a\xfe6\n\xa9\x85}\xf5\xa31\x8f\xc7\xd5d\x11\xaa\xca\xb5\x92\xf4mg\xfe| 9\x13o&gt;\x95\xe9\x87\xf5e\xfa2\\\x7f(\x83\xd6\xc0\x06,\xa1\xb9\xba\xda&lt;\x1f\x8ds\x0f\xa0V\x7f\xdd\x8c\xdd3f\x91\x0b\xc5Z\x89$\x82\x95\x99\\\xa6g\xf8\x08";;\x9b\x00\xb8\x8b\x1a\x8d\x06\xb0\x86\xb3-\xd5~\xd3\xfd(d&lt;\xaa\xd5\xdf&lt;\xeb\xb1\xbb\xc0E\x15CKg\x9f9t\xe0\xe3O\x81\x8b\x0eXy\x0b\x0by\xd9:=R\xa1Zmy\x0e\xbf\xbf?\x1a\r\x11\xd5\xaa\x10\xd6\x80\x8dM\x96\x80[U\xce\x84\x9cO\xc7\x95\x9b\xccL\xe0\xca_\xe8\xcd\xf71\x9335R\x8d\x84\x1d\xdf\xc6\xcfi\xf2_~\x12\x8d\x86\x88jU\x08E`\xa3\xdf\xe1h\x07.z:\x9b\r%u\xcbv\x98\xe7Sd\x9d\x9d2J\xfa\x16\x18Q\xc3(\x91\xc7\xb7Z\\\x9e\xca\xa84DTK%\x14\xe54y\xec\x1e\x7f\x8f\xd9*.K\xa6\xb3\x93q\x9d\xeb\xf7\xdb\xb7$K`$\xbd-\x19\xb14\xd2x\x1e\xf17\x97\xc7%\xff6*X\xbb\xa6\xbe\x16\xabT\xcd\xe61\xfb 4\xc7\xd9\x1a\xb1\x96\x9e\x9c\xfc\xf1\x96\xed\x18@\xb7\x13\xb7vI$\x12)\x93\xe7\xfb\xfc\x9c\xc7\xe3PEa\xb0\x85jM\x9d\x16\xebT\xc2\xe6n\xff\xa0\xdd\xefw\x1d\xb5\xea24\xe9\x7f"\x97\x07w\xee\xc4\x95\xbfx6\x9b\xc2bd\xf0|\xd9G\xa1\x8e\x04\xca\xa3\x85uG\xc7\x17\n\xfbMM\xf6V\xf0q\xcc\x92#\x12\xf3\xc0\xc6\x9d\xc9\xe9\xe9\x87`.]\xda\xd9\xc6b)\x04b\x1dq{\xc6\xe3\xb2\xb8\xa3\x85u\xeb\x8e\x0e\xb8*\xfa\xbb]v\x08\x8f\xeb\xb2\xc5J\xf8\x98tz!\xbd\x90\xc5\xeb\xcc\xef\xed\xed\xe41\x18:\xb7\xa8\xf2\x9cg\xc6a\xad(\xffWm\xb4\xb0\x04|\x95\xaa\xc2t\xcc\xe5\xb7\xb7\x82b.Kev\x8bN\xa7\x1b\x1e\xd6\xe9Z`0J\xc0\x0f\xa2\x80\xf9\xf2\x8c\xe7r\xc0]\xa1\x8f\xc6\xb0\x06\xb1\x9e\xf0\xf9|\x9d\xf8\x9a\xbb\xddQmC\xc1\xec\xfe\xa30\xfe\xaa\x91\x0b\x85r\x98)Za\xa6h\xad1;\xa0\xb2\xcd\xd4\xb9+Te\xff\xd9\x11\x1d,=Q\x8aX\xfd\xa6\xf6c\xd5~\x9b\rR\x0c\xf7BX\xcc\x01S `2\x99j\x02f\x8b\xa3\xc9\x05\x05\xa4\xc7TQ\xa1\xbax+*X\xb5\xb7\xca\x89RA\x12\xee\t\xe9\x0f \x17\x1ai\xb7\xf9\xab\xf7\xe2\x06~\xdc\xc3\x7flo\xf5\x1el\x0eM9B\x95\xb0\xa5~**\'\'k\xe7\xc5D\xa9,I,\xbeF\x1e\'\xd8{\xd8\xd6:444\xd8j\'\xcf;\x1c\xde\xbb\x17O\x16\xd8Z\x07=Mf\xb0P\xd8\x92\x1b\x1d\xac\xfd\xf3:\xa2S\xc6\x03.U\x7f\xb3)\x00`\xc0\xb0\xca\xb5g\x8f\r\xbeN\xb5\x0e\x0e\xda\xab\xdb\x91*ZX\t/\xbfj!\xb1\x90K\x88\'10\xf3#`\xe0&amp;|3\x08_\xad\xb6j\xb3\x9b&lt;\x02!\xae\x8fJnAC$\x10\x8b7\x0c`*\xb9\xd5\xd4\xdcL\xa6&gt;\x02]%ch\xd0n\xab&gt;\x16h\x16\xaa\xa03\x10\xaa\xf4\xf3Q(\xa7\xbb\xf6\xcf_\xcb\xce/\x95)x&lt;\x10\x8c/\xb26\xbb\xfb\xdd\xeeG\xa6nG$\xf9[\x81\t\xdae\xb7\xc9\x8d\x13o\x01_$R=\x9fZk\xb9\xf0\x88\xf7\x93\xe9\x1f\xb1\x18\xe4]a\xb9\xdc\xedv\xe3a\x9a@;\xd4\x05\x0c\x98}\x04\x02V\x11\xe1\x1b\xe1!\xb7\xa8\xfc\xf9\x95\xfdky\x1e=f\xd7\xfe\xfb\xcf\x1e-\xcb\xb3\t\x12\x8b\xc5HB5\xe4"&lt;D\x83!t7\xbbEn9\xccl\xad5\xd0\x1fA\xd7H\xfe^\x9e\xf3\xef\x9b\xc7\xd7n\x85\x12\xa8n~\xdf\xbd\xbc\x9c\xb3\x8a\x05\\:\xbe\x08oG\xf3U\xb8\x18\x88m@(\x14Y\xf3\xac0\xa0\xf7\xb5\x19\x8d,\x19\x9f/\x14\xd5\x8c\xb5~\xf1\xf0\xcaZ\x1d\xe0\xc7#\x93\xb3c\xb3\x959y\xf9\xa5\x9d\xbe\x88\x8b&lt;\x01\x9f \x08\xec\x8b\x92\xf0\x864b\xf2\xf9\xe44\xc3\x87\xf7\xc9\xdaF|&gt;\x9f\xc8\xea\xb0\x0f\x9e\xfa\xe7\xfc\xcb\xcdk\xb2x\x9aP;\xbf&lt;\xd3SWW\x99\x97O\x94"\x16\x83\xc9`(\x04\xc8$\x10\x00\x95V\xab\xcd`\x08"X\x04\x7f\xa4\xd8h4\xf2FFF\x00\xcb\xe2o}\xe5]\x86\xcc_\x93m\xa7\xb7\xbe\\\tUV\xbe\x8b\xc5d2\x92\x92\x04\xf0@\xad\xb4z\x90K\x00c\x1e\xd4\xcf\xc72\x1a\xe3Y&lt;\xd9\xc8\xc8(a57y\x16\x17C\xe1\xb5(`1\tS\xf5\xe1`(\\y\xe9\xf3&lt;h\x89\xabX\xcc\x0c\x06\x03\xd0\xe0Bz(\x10\x08\xc0F\x82/`0\xe9\\f\x95@62:Z\x9ag&gt;:\xb3\xb8\x18\\\n\xdf{\xef\x15\x0c*\xc3\xf3\xf0\xd2R0|\xe9\xd2B^\xfe;X$Y\x15\xa3\x1c\xe1\x92\x04\xba\x08\x17PI\xa5\xda7/^ \x96\xaf\xb7\xf2\xf6\x8a\xd7\x1b\x1c\xff!&lt;\x8d-\xf2=*\xb5\xa3\xef\xfe\xb3\xe5\xa5\xf1\xf1`8\x0cj\x81\x89\x9d\x88\x05\xc1d\xe2nW\xd0\x8a\x91\x84~\xea\xf0\xe9\x13\xf0\x98Z\xa9\x14\xa8^\x08d\xa3\xa3\xa3\xbd\x0b\x97VB\xc1\xf1\xf1\xa5\xd0\xca\xf7\xf8I\x0c\xef\xa5T\xc4$\xec\xda\xd1\xf7\xf8Y\xd7\xe1\x15x\xe5\xf1pxa!\x1b\xb0d2\x99\xa2\n\x03\xb0\xb4\\P,b&amp;\x86L\x00:\x82V\x88\x85j\x8d\xf6\xf6.\x90X\xc1\x90\xd7\xf3\xc5w\xaf\xc9\x8f!I\xf8\xff\x99\xae?~x\xe3\xec\xbe9/b\xfd\x10\x86i3\x14\x08\xc4\x82\xee\x87W\x85\xba\x80a\xb8A8\x03\xb7\xad@\xd1\xe0\xa1\xbd$\xd5\x0b\xc5\xbbXK!\xef\xdc\xdc\xef\xfe\xd0\xf5\xf4\xbf\x8f\xaf\xf7\x01\xd9o\x14-&amp;\x86dz\xd6\xf5\xe0l\xc9\x89\x94\x08\xd6\x12`\x11D\x04K\xc1\xabZ\xc5"\xb90\xb4L\xe4BsI\xb1\x14m\x88\x95w;\xe4\r.\x8d#\xd5\xa6\xf3Y\xfb\x8e\x9c}\xd0\xf5\xf0\xe6\xf5&gt;p3\xe6\xb7@\xd5\x1e\xbf\xf9\x10\x99\x9c\xce\x13\x13Y\x93$V0\x9c\x9f\x1fQ\x0bD\x01.\xd2G\xaeT"\xa1\xd3\xb9\\.\x1d\xaeL\xc0\xaab0)\x94\xaa*\xa0\x02\xac|\xa2\xe6\x1c\xd4\x87\xa5 P\r\xecNM\xe5pR\x9c\xfb\x90\xec\xfe\xf1\xda_\x7f{jW\xed\xf5\xd7Oo\x9c\xa5R\xa9w\xefR\x01k\xb7\x17\x8c\x08\x86n\xe7\x13\x91\xd4\x02$E$\xbd\xb8\x80E\xa7K\xf1\xd6"\x9b\re\x81\x87\'*)\xc5\xc0\xc5*.\x1e\x1d%Df\xcf\xabEo(47\xb7{\xb7\x92\xc3\xe1\xa4r\xb2R\x9c\x1f\xee;{\xe3\xe9\xdb_\xf7Q$\xe8\xde}4\xcf\x19K\x8b\x8d\xbd;@\x9d\x98H9?\x17\n\x06\x83\xa1\xa3\xd9\xa5\xa5(\x96\x02\xbaD\xc4zCy\x03j!\x95\x94\xcee\xc7s\xb9\x14\x16\x0b\xa8\xb8\xc5\xc5\x14\n%\x1e\xfa\x9f\xd1\x96\x9a\xea\xc1\xab\xc0\xe5\x9d\xdc\rJ\x91\x915\xe0\xdc\xe4L\xf9\xf0\x08H\xf6\xb8\xef\x97\x96\x0c(\x07W^?\xecj,\x01(\x1a\x95\x1a\xabTR\'NL@r\xad\x84\xbc\x8b\xe7rZ:\xb1&lt;(X\x11,\xee\x8fA\x07\x07a\xa2\x0f,$\x16\x00\x19a\xdao4\xb6\x8d\x08\xbbm\xa9\x07\x0fNNN\x16\xc4\x15\x15qb\x91*\x0b\xe4J\x19\x80(i\xc4,\xfb\x05\xbd8\x08u\x1c\xb2\xbc\xb1\xa4\xa4\xc4I\xa5\x81V\x89i\xca\xbb\x03\xce\tpq\xce\xe3]|\xe5\xa9k\x19A*\x05\x0b\xde\xbf\xaa\x8a\xf2\x86\x84br\xb9l\x92\x8a\x85AA,\xe8|\xe2\x8d\x85\x85\xc3 \xd6y\x83\xc1pr\xb2`\xbdZ]\x94\x06X\xf0\xa2\xb1\x80\x86XT\'\xe4\xff\xd3\x9b\xd7\x7f\xbe\x98A=\xa8\x85r\x00YN\xa5~\xf2\t\x95\xc6\xa1Riju\x9c\x12\xb0\xa8\x9c\xd4\xc9\xc9\xa1\xab\x07\x87z\xa6\x87#T\xc0\x80\x89%\x85\x07\x97\xc2drI*\x9eb\x15\xeb\x0c(W\x08X\xd3=\xa7\x0c\r\r\x1d\x1f\x15\x9c\\\xbfU]\x04Z)i4NZ\x1a\\\x00\x8c\x1a\xcb\x89u\x1ey\xf0\xdd\xdb\x9f\xa9\xb21\t\x9b\xc1\xbd\xae\xc6#%NdZ\xb7\x8e\xc6\x81\xffKm\xd8X\x00\x7f_T\xa4\xbep\x01\xcc\x18:&lt;\xfd\x19\xa44\xbc3\x9b\rW\n\x17\xaa\x03`\x91\xc1\x8a\x04@\xc5\xc7\xb3\x8dPd\xb5e\xf7\xa6\xebl\xa9\r\r\r\x7f\xdd\xf0\xcd7[\xb7\xaai\x1c\xa5R\x19GKLL,*JK\xe3\x00[,\x95\x9a\x95\xb2\xe9\x8f]\xaf\xaf\xf4\xfd\xe4\xc0\x07{\x98+\xcfn\xa0R\x89 \x12\x15\x03r+Mm\xf8\xa0@9\xc0Qw\xa8\xd5\x06\xb5\xc1pa\xcf\xf2=\x06\xe9\x99D\xc2\x06\x95\xa0\x19Jq\x1b\xea*\x13y\xac\x19\xb9\xb8P\xff\xef\x94\xcbgmC\x17\x00\xab\x03\xb06lX\x17GS\x16l\\\x17\x978\x01\\\x89iq4\x00\xa3\x91\xc96\xd1\xd8\xf5\xf6\'r,&amp;\xf2AL\x8d%\'0\x00\x08\xec\x07\xa6\xd8\xb4\xf5\x1d\x86\x0fN\x16(i\xea\x8e\x0eCCG\x83\xe1`k\xdd\x97\x19t`\x92\xfcE"!\x93*\x82\x85-\x00\x9eU\xa8"\x04R\xbd\xb9\xa3\xaf\xb0x\xae\x1eD\x0f\xb7\x02\xd6G\x10q\x05\x05\x1b\xd7\xc7\xa5\x81X\xa0\x188I\xa3\xc5\xc5\xd1R9\xff+\xe3\xfcB\xdb8\xb3(\xae\xf1T3\xf3-\xc3\x0ct)e\xb0(\x08\x8da\xa1\x83\xf4\xd0*`\xab\xb6\xf0C\xb1\xdd%\x0f\xca26-Z\x04\xa5\x18!\x10\xf6\xbazP\nRiH(vS3\xe0.~\x18\x08\x858\x96\x1fZ?lw\xb3P\xffa\xfd\xa2\xa2\xb5\xd3H\x98\x16\x1a\xc8\x1aA\x92ua\xd78\xa1\xec\x93\x93\xed\xb9wFrJ\xaf=\xb20\x92\xf5\xf3\xb9\xe7\x9e\xef\x1b\x18\t\xd6\xad\xdf\xf9\xf5\'\x04\xbd\x1c\x84T9\xa0\xca\xa2\x87\xcd&amp;\x9eQ*\xad\xaf\xac\x17\\\xd3\xb45h\x05,\xb0\x8d^\x98\xff\xc3\x1f\xa7\'\x16\'\x16F\x16\xa7\xd0\xc7A\xd0\xbd\xc8\x1d\xe4\xb8\x02V"1\xf0\xdb\x81W\xde\xd9\xdb\xeb\xde\x1e\xbf\x91\xb4%i%\xee\x03KQT!\x84d\n]UR\xa9T\x94\xff\xf7h\x94\x13\x83\xee\xd7\x83O\x96y\xe1\xb9D\x80Rw&gt;\x9b\xadog3\x99\x0cce\xb7\x89\xcbw\xd7WV\x08\xcb,\x81\x90\xb0\\Q\xdc\x1e\xbb\xb9Q\x9b\x99\x99\x98XX\xa07\xaf%\x80\xf5\xd1\xc0\x8ba0\xfc&amp;18\x98\xb8zu\xe0\xea+\xa0\xba{e\xc9\xb65\x11\x8f\xfb\xbe!\x84\xa3I\xba\xaeK\xaa\xaa\x0b(\x94b&amp;9d\xa3;r\xbd|\xe7\xdf\x7f\xfbS?__\xbe\xb4\xf6\xedW\x08\x84rv{\xbb)\xf3# \x97\x1c\x85\xc6\x9a*I\x92\x00\x96\x02\xcb\x17\n\x84U-.}\xbe\xb9Q\xab\xcdLt\xd2#\xf4f\xf8\xa9\xc4\xe0\x00\xbb\x9c\x94\x1a\x9e\x1aN@\xae\xc4\xe0\x1b{\x1b_\x8c\xed\x80J\x8d\x1b\xa0\x02\x16d",M\xd3%\x01\x93\xa5H\xb1^\xb1\x93\xe5l\xf9\xda\x97\xff[\xfb\x98F\xf2\x05X}\xed\xfe5\xb4ny9\xbb\x9c\xa50iF\xe5\x0cU\xaa\x99+\x16\x8bU]\xaaVM\xcc4\xb8\xd6\xfd\x92+L\xbb1\xb7y\xf9\x1e\x04[\x18\xe1\x02\x17\xdb\x89\xde\xc2\x9f\x18^\x9c\x1a\x9e\x9aZ\x04\xd5\xe6\xdcn\x03T\x10\x0b%T\xd5\x94t\t\xdf\x9aB\xff)\xb8P\xa9X\xec\x1c+\xdb\xcaf\xeb\xb3_\xdd\xff\'-H\x98\xbf\xbf\xfc\xeb32U\x06\\e\xa2j6\xa3\x04\x95\x02\x16\xb8\xaa\\\x98k\xf2\x06\x8d\x8ff\xe6\x1b\xef\x8f\xdf\xbeW\xab\xbdA\x1fm0D\x9f\x1f@\xfa\x0c\xf25\xc5S#\x8b\xc3\xd3\x13\xd3\xef\\\x9e\x7f\xbf\x91\xb7m!\x0c\xa2\xa2\xbe\x99\x12\x1a\x88\x03j\xf5\xb9\x18\xadG\x06\xaal\xb65\x8bF\xbe\x16\xb9\xb4\x86Hg\xa3/s\xd1\xca\x1c\x14@\x9a9\xc7\x08\xb0\x8a\xe0\x8a\xa9\x98\xa1\x14\\f{\x8d\x1bW\xde\xdd\xd8\xdb\x9b\x1e^|i\x88.Z|\xfd\xf5\xb7\x01\x96\x98\x1aI\xa7\x17\xa6\xa7\'j\x1f~\xfa\xe7\x1dPy\xba\x1e\xf7\rj!\x89E0B\x17\xaa\x04\xe7\xab*\xfc\x85)\xc4M*\x04\x93e\x92\xab\x0e\xae\xef\xff\x1a\xf9\xe9\xcbk\xb3e9S\x81&gt;D\x85\x1fV\x942\x8fbOS|\x7f\x1dfb\xacb\xae\x99SU\xd5E%\xbd|~g\xecf\xb7V\x9b^\\H_\xbc8\xf9\xf6K\x93\xf4\xdeN\xa2J/\xd4:\x07\xc7w\xc7v\xf3y\xcf\x03\x08\x89e\xf8\x0e&amp;\x90\xbb\x87.\x12\x93\xda\xc7\xd2\xb8\x95\xb1\xb0\x93\xadz\xb95{\x7f\xedR\x84\xbc^\xcf\x96+\xec&amp;PY\x94\'dv\r\xcft\xddu\xb8\xc2qp0\xa8j\x9a*\x9c/$/\xef-\x8d\xbd\xdb\xdd\xab\xf1\x95\xc3C\x93\xb7n\rMN\xa2\xa1t\xb5V\xbb}|\xf7\xbd}\x82\xd2E*\xc5=\xf4U\xe0\xc4d\xf6&lt;\x1b&gt;\xac^\x1bc}\x83EK.\x92\xf5~\x04P\xdb\xdb\xf5l\x86\xbaHR\x851\xa7%5\xd3\x14\x94\x0fq\xc30\xe2\x86\xa38DFr\x15\x80\xeaj\x9e\xb7;7\xdf\xad\xcdt\xd2\xe9\x8bC\x17o\xdd\xfa\xfd\xd0\x9bt\x15q\xba\xd3iw7\xe7\xb0]0C\xa9|\x1fr\txJ\xd1\x98J\xe7\x0e\x92ZD\x05\x07\xc7b\xcfa\xc9\xad\xa8\\)_\x8b\xc8\xe5:6\x082\xc5\x15\x14\xab\xd0be\xdb\xfb\\\xb6mr\x84R\x170\xe3\xc4U$\xb9\xd6\r\xbf\xa4\x98\xe0\xba1\xbf\xd1\xee\xcc,|\xf2I\x9a.\xc6\r\xb4\x02\xd5\xfc\x07\xfb\xc5bN\x95\x98\x88o\x90\xa2B\x11\x12\x80\xc1\x9f@\x00\x00\x03IIDATkEjq\x13\xd5\xc0X\xca9\x17\xb7\xb1eE+\x95H\x85\xfd\x0fSU\xe8\xa8X\xb1dr\xff\x87\xd5\xd5\xad\xd5\xd5\xd5\x1f\xf6\x1b\x9e\x87u\x10k\x87OEXUh(\x08R3m\xbb\xb13~y\xaf6\xc3W\t\xa6\xe9\xea\xb7N\xa7S\xbb&lt;\xbe\xd4\x80\x131\x82\x0670n\x10\x96\xa0\x01\x14AD\x88\xc0Z\x81\xbd\x94_\x0c\xa4,[\xadR*\xc0\xa2\xcaX2VB\xf9w\xc9]@m=z\xfa\xf4\xe9#\x9c\xa8&lt;|\xd2\x80d\x12bt\xdd\xcf\x00\x0b1\xa6\x99\x05A\xf1\xa8\xa96\xb8v\xe7\xbe\xb8\xd7\x9e\xe9\xfc\x17\x99\xdf\xe9LL\xd7\x0e\xda\xb7?\xc7\x04B,\x85Z\xcf~w\xe3lr8M\xd0\x0c\xea\xb8\xdfs\x17-\x8988\\cL\x15-\xb5\xacRE\x8e\x04TY\xcb"\xbf\x8d\x8e\xee2\xd4\xb3\x13\xd4\xd9\x19\xce\n\x1e&gt;A3=\x97\xb8|\x07\x03\xc9jA\x07\xb4\x14\xd9o#\xc16\xbb\xed\x83v\r:u\xe0\xf5\xee\xcd9P%\xab\xba\x03,\xc3g\xa5\\Z\t\xa5\xb0\x7f\xb8\xe7\xa8\x1c\x10}\xdfC7\xad/\x16aYV\x05X\x08\xf7\xe5e\xcb\x8a\xbe\xf5\xd6\xe8~\x08uz\x88:=yvF\x8a\x91d\xcc\xa5P\xb8\x92\xb9\x00e\xf0v\x80\x1ayc\xfc\xf1q\xfb\xe0\xe0\xa0\xdd&gt;8~\x8c\x06\xda\xc9\x98V\x95\x18\xdd\xa05\x07$\xaa\xa0\xcc\x02\x99\xd0\xb0\x8bs\xd4\xb0\xb4\xe7&amp;2\\\x87\x80U\xb2d\xc2"*\xca\x85(S=:;9===&lt;:b.\x80\x9d}\xcd\xadDT\xb8\ne\x04Z\xea\xaaNP\x860\xb5dr\xf4\xc2\x8f\xc7\x8c\xd5\xfdql\xb4Z\xa54\xd7\xb4@R\x83_\x9e\x80`(\x88EO\x12\xe7\xc1\x15*\xc6\xd6\xea\xad\x8e\x88\x82\x96lE\xb2a\x86ZL\xf5\xffg\x80:=:b,F;&lt;\xf9\xe6kpy\xd8\x86\xd3\x96\rk\\\xa1@\x7f\xd4\t\xc4Pc1\xcf~\xf5?\xdd\xe3v\xfb\xf1\xdf_MV\x8b\xdfQ\x16\xe0Q"\x94\x04\xad\xc6oL\xc0\xe9\x14\x80\xb4\x8d\x90$\x11R\x9d[L\xe9M\xa4\xe5\x96d+\x15Y\xeec\x11\xd5S\xea\x1fQ=\xe8\xd7\xe1\t\x04{\x82\xcc\xd6\xd05\x05a\xea\xd2FGU\rN\rZ\xebL{\xf4\xca\xdd\xee\xe3\x7f,%sE\xda\x83:\x9a\x90\xa4s,\xcav\x93\xbc\x85\xe8C\xfc\t\xeeh\xbf\x91\x9ar\x9e\xabD\xc7\x1b\xc4\x1e\x16z\x08\xb1\xb6\x1e=\xe3\x06\x82\xea\xfa\x83\x07\xd7\xa9\xc0utr\xf6\r\xc0\x1ay\xcftiw\xc3\xfb/\xe6\xa2Y\xa3\xd17\xbd\x9d\xb1\xf7.\x8cz\xc5\xdcw(\xf4V\xf2\n\x12?\x06\xf61)\x18D\x90\x0b\x8e\x024Z\xafi\xd5\xeeq\x85\x82\x85h\x14\xe7\x96\xd5\xc7J\xee\xe3|\x9c\xcc\xceR1\xd1\xf5\xb0\x0e\x8f\xce\x18\x0c\x8a\xf1v\xbe\x84\x8do\xb0_\xd1i\x17U55\ra\x91\xf7\xaa\x8eCX&gt;\xbd\xa6)\x05\xec\x00\x93\xc8g\xf0\xbd!BO*\xe46\xecR\xcd\xf3Y\x0c\x02\xbf\x8fU\x89\x04=,\xc5v\x1fn\xa1\x83\xa7=\x94\x10*\xb8\x05)\x14\xdbz\xd8\x00\x18\xd4*\xe5r\x8e\x88\xe3\xbca\xa5\xe0yX\xc6\xe1\x1e\xd3\x0b)\xe8eym1\xcd\xe07\x84\x1a\xa7\x81t\x0c\xf4\x8b\x1f\xa0DS\x12K\xc8[y\'\xc0J\xe1L\x08=\x8b\xe2\xc0\xd7\xcf\rd5\xde\xb0\x90\xbb\xa9\x00\x00\x00\x00IEND\xaeB`\x82'</t>
        </is>
      </c>
      <c r="M222" s="3" t="n">
        <v>45492.67665509259</v>
      </c>
    </row>
    <row r="223">
      <c r="A223" t="n">
        <v>840119</v>
      </c>
      <c r="B223" t="n">
        <v>1981</v>
      </c>
      <c r="C223" t="inlineStr">
        <is>
          <t>Igor Vinícius</t>
        </is>
      </c>
      <c r="D223" t="inlineStr">
        <is>
          <t>I. Vinícius</t>
        </is>
      </c>
      <c r="E223" t="inlineStr">
        <is>
          <t>MD</t>
        </is>
      </c>
      <c r="F223" t="inlineStr">
        <is>
          <t>MC</t>
        </is>
      </c>
      <c r="G223" t="inlineStr">
        <is>
          <t>MD/LD</t>
        </is>
      </c>
      <c r="H223" t="n">
        <v>173</v>
      </c>
      <c r="I223" t="n">
        <v>2</v>
      </c>
      <c r="J223" s="2" t="n">
        <v>35521</v>
      </c>
      <c r="K223" t="inlineStr">
        <is>
          <t>Right</t>
        </is>
      </c>
      <c r="L22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57777b6-721c-4da1-b3fd-2534dd7246f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f6\x83\xe2\x00\x00\x03\x00PLTE\xff\xff\xff\xfd\xfe\xfe\xf5\xf5\xfb\xf0\xf0\xf8\xfe\xfe\xfe\xee\xef\xf8\xfb\xfb\xff\xfc\xfc\xff\xfc\xfc\xfd\xfc\xfe\xff\xfe\xff\xff\xec\xec\xf6\xe9\xea\xf5\xed\xed\xf7\x0f\r\x1a\xcf\xa5\x90\xe3\xe5\xf1\xd5\xa6\x8e\xe7\xe8\xf4\xe1\xe3\xef\xfa\xfa\xfe\xe6\xe6\xf2\xd9\xb3\xa0\xd3\xab\x97\x14\x12\x1f\xd3\xa8\x93\x19\x17#\xd1\xa3\x8c\xf4\xf4\xf8\xf8\xf8\xfd\xdb\xb6\xa5\xcb\xcd\xdd\xcc\xa1\x8b\xf6\xf7\xfc8"$%",\xc1\x90{\xdf\xe0\xed}PD\xc7\x97\x82\x1e\x1c(\xe3\xbf\xaf\xbct[\xde\xbb\xac\xc2\x94\x80\xf2\xf2\xfc\x8c]O\xd2\xa0\x88\xd5\xae\x9a\xdf\xb8\xa7\xcd\x90}\xd9\xaf\x9b\xd8\xa8\x92\xd0\x9c\x85\xb3\x82m@&amp;\'\xbc\x8ez\xcc\x8cy\xf0\xf0\xfa\xd1\xd4\xe2\xca\x9e\x8a2.8\xdb\xdd\xea\x86TE\xca\x9b\x86\x90ZIrLE\xc3\x85p\x92bRI*(\xff\xff\xfe\xabxd\xd8\xda\xe7\xe4\xc3\xb5e=7\x9aeS\xae}i\xb9oV\xc0x`\xc2\x8ct:5&gt;\xa2mZ\xd0\x9a\x7f\xb8|f\xc0\xc1\xd1\xc5\xc7\xd8\xe1\xac\x9e\xe3\xad\x96\xdd\xc0\xb4\xaes^\xb5\x87sBAP)&amp;3\xc6\x9a\x89\xc3}dA;C\xa8^G\xde\xb4\xa1\xe6\xd2\xcc\xe4\xb4\xa3\xd5\xb0\x9f\xc9\x93z\x86ZM\xb4xb\xa5ta\xa9lY\x99iYT,)\xbb\x82l\xa2gS\x98`N\xc5\x81j\xdf\xc5\xbc"\x1a"\xd0\x93\x7f\xb2gN\xf9\xf8\xf9\xbb\x88u\xe4\xb1\x9b\xa7\x7fr\xdb\xab\x97\xd8\xaa\xa0\xb9\xba\xccqE:03E\xca\x8bu\xe4\xbb\xa89,1\xc9\x87rhD&gt;Z72p;1\x7fVL\x96R=M0.\xcc\x96~\xea\xd6\xd1e4.\xc1\x96\x87\xe1\xa7\x93\xa1YCNCH]1,1\x1f#\xaebJ\xc8\xa2\x94JGU\xee\xec\xf1\xb7jQyG:\xc2\x9c\x90\xd8\x99\x84\x85H7\xcd\xa9\x9f\xd6\xa0\x91\xcf\xa6\x97\xb7\x92\x86\xb5\xb3\xbf\x9ep_\x9evl[BA9:K\xc7\x88xg`p\x82`Y\xd1\x9b\x8e/)0\xfd\xff\xff\xe7\xc9\xbc\xf5\xf0\xf2\xc0\x81j|A1\x90qiVLS\x8ae^\xab\x87~\x83~\x8bfLJ\xe7\xce\xc5\xe0\xcb\xc5aSX\xcf\x94\x86\xa2[WI8:\xe5\xe3\xe7\xe0\xdb\xdf\xb0\xa0\x9fsUR\x93kb\xd8\xb0\xa6\x8b\x89\x98\x8eL9B13\xca\x83k\xbb\xac\xaa\xee\xdc\xd9\x99\x97\xa4bYb@4:wad\xab\xa8\xb5\x9b[Gtkt\xb4\x8a}\xcb\x9b\x91\xed\xe8\xe9\xa2\x9f\xad\xd6\xba\xaf\xd7\xd5\xdaws\x82U;:\xc2\xba\xc0\x94\x8e\x94\x97SQ\xd0\xcc\xd4\xb3fdURa\xac\xaf\xc1\xcf\xbe\xbc\xa6\x95\x93*\x18\x1e\xf5\x1e3\x9b~z\xd7\xa4\x9c\xab^^\xff\xfe\xfe\xec\x9c\x95\x89BD\xd8\xc8\xc4\xe7\x1b.\xfa/?\xe0\xa0\x8c\xea\xb7\xab\xb9omL\x18\x1b\xcb\xb1\xac\xea\xbf\xae\xdc\xb4\xac\xd8!4\xa1LP\xe2\x8c\x88\xbdxx\xdcxj\xf07H\xef\xa8\xa0\xc3\x81\x84\xeet|\xee\xba\xbf\xb9MR\xe8Ze\xf6HT\xd8\x87u\xc2\x18\'\x88|}\xd3k|\xbc0D\xfbX&lt;\xfe\x00\x00 \x00IDATx\xda\xac\x98\xefOSi\x16\xc7\xb9;7\xed\xa5/\x98d\xc3$\xb5a^,\xd7\xc5\x1b4\xbb\x9bfYl2OXh\xcal\xd8\xa1\xdeY\xcd\x06\xed\xb5\x97\xec\x8be\x1d\x9c\xd4\xfe0n\x03\xcd-`1\x1aJk)\xa60\x12k\xb5%"\x08\xdd\xa1)\xa8H\x99\x08R\x10Q!\xc4\x0c\x04\xb2\xc9\xbe3\xfc\t\x93\xecy\xeem;\x05J\xd2\xea\x9c&amp;\xb4E\x90O\xbe\xe7\xfb|\xcfyZT\xf41E\x92\x04E\xd9\xa8\xbe\x95\x07}++6[\x19E\x11$I\x91Y\xff\\\x9c)\xf9\xde\xa2\xf6\x16|G\x96UE\x1f\x87E\xf5-\xae/\xf9x\xc4"\x0e\xf1&gt;\xdf\xd2\xe2\xda\x9a\xcdF(2?\xa0 \x88,2\x8c\x96\xc6\xa3d{\x1e\xb8~\x01,RA\x82.\x0f\xd6\xe69F\x05\x0f\xa5\xb2\xa4D\xa9b\xa0h\xc3\xfak\x8aP\x90\x84\xa4\x19\xfe1\x89L\x9e\x96\x8cJ\xcbEd\xa9%\xa3JK\x7f\t,\x8az0=a@\x88\xe3h\xa5R\xa5R\x95@)\x11\xcd\xdd\xe5\x90\xe1\xde\x9a\x8d"\xff[\x94j&amp;Y\xa48\xac\x93Yj\xc9(\xf9\xc7c\x91D\xdf\xeb7\xb4\x8a\xa19Z\xa5T*i\xac\x16\x88E\xb3\x88\xe58v\x8c\xf5=_\xa1H2E\x05\x8fL/\xe5\x87XL\xf6\xe1M\x94\xfe\x0etEAR+\x13,\xa3R\xd1\xd0B\xac\x13\xa3d\x18\x14\x01@\x86\xe7"4\x86\xa5\xf9\xe7\xd3\xd40\x81{\x8d\x7fox\x98\xd8\'X\xa6\x95io\x81\\\xf2\x0fS\x8b$\xebE,\xca6\xe4c\x11\x10\x81\xa9\xa4\xee\xe16*\xb1\xbbh\x96\x11K\xc5\xb1\xfcD\x9f\x8dH\xff\xe6pqqq\xaeS\x99r\xbb\xf8$\x9d\xc6\xd2\xc2\xd5z\x00g\x8c\xb4Qe\xcf9\x8e\x03"\x00Q\x96\x88X\x8c*\xf5\xc4\xa8\x90\x8a\x03\xb5\x18\x8e\xe5\x10\xbb8eK)&lt;\x9c\x9bj\x8fZY)Q\x98\xa1\x86\xc00\xe4J\xd9=\x1aJ\x14*\x85U\x92\xc6R\x96\xa8\x944\x8d\x1b\xc9\xd2,\xcd0\x86\t\xdb0\x80\x11\xd8\\DN\xe3g{\x8b\xa2J?\x04\xeb\xf5s8a+g\x0c\x0c\x98\x1d@0\x96D\x05\xddS\x89O4\r\x1a\x82\xcdhU\x84\x05\xd5\x10M\xcfOS8`I\xe2\xf0d\xcd\xa8%\xfb0\xac\xf55\xc8\xf1\xe7\xa0\x02 \xe1\x16\x96\xa4\xb9\xc0\xfc\xa2\\ b\x84\x07\x9b\xa9\x80\'Bc&gt;\x0e\xa1\xc7\x14\x01\x16\x1b\xa6\x0ei\xa3$X\n,}\x1c\x0b9\x86e\xcf\x16\xa7J\xcf\xb0`n\xdc+8~"\x16\xc6S\x99\xcdf\x06\xbf\x8bx"\x91\x88\x07\xdeE\x04\xb4\x80\x80\x0e\xf1\x06~\xddFA\xaeR\xc5)\xbd\x88\xfd\\Yj\xa5\xd3\xab\x00,rz\xf1\xd9\xd4\x12\xb6\x14\x8et\xa8\x12\xa5\xd863\x86\xc2(Js\xb9\xa7\xdc#$\x12\x82\xe0\xd9\xf2\xb0\xc2\x02\xabD \x9c\x81u\x0f\xe1D?T-y\xb6Zr\x8cW\x08\x1651\xb1h`D\xa90\x10\xc62oy&lt;\xe5\xe5\x82 $\xba\xbbu\xba\xea\xce\x8e\x86\xce\xce\x86\x8e\x8e\xba\xe0\xdbx"\xe1\xf1\xf0|\x04\xec\xcf\xf2&gt;4\xd1\xb7\x07\x8b\xd8\xcbV\x9c\x06+-\xa50\xa4\xbc\x00,\xea5\xbb8\xa1RI\x9d\xc3HfO\xb9\xae\xb5\xb5\xbb\xb3\xbb\xfbmC]EMM\x7f\x7fEm2PS[S[\xd1\xd6\x19\xad\x8bv\x83r\xc8L\x9b\xe9\x08b\xd9\xf9\x8d\xd2\xccY$HiF\xca\xf7\xc5\x97\x98]\x94\x98\xaa\x05\xa4\xc3\xbaaI\x1a\xc98=\xcd\xe6r]wgC\x9bX\xfd\xfd\xaeo\xbd\xcd.WM\xb2\'\x99t%k\xfb\xfb\xdb\xda*\xae\xd65\x04AI\xda\xcc\xb0\x10a\xbe\xc9\xe92\x82\x00\x94\x03q\xbf\xaf\x8d\x92\xef\xf3\xc7*\xbb\x87T\x8c\x14\x07\xd0\xbcr\x1d\xb4\xab\xad?P\xe3r%\x93\xc9fk\xa3\x1f\xb0j\x9b\x93=PI\x97kv\xb6\xa2\xe2*\x88\xa6K@\xb4\xba#\x88\x8e\xb8\xe7\xa7K\xc1`\xe4!X\xb2l0\x19\x95\'T}\x11\xb5\xf1\x8eQJf\x17\xa1\x1a\xba\xba\xba\x02\x81\x00P\xf547{\x9b\xa1\x80\xa7\xc7\x85\xdfX\xc5\xd7I\x17\xb4\xb5\xa3;\x11a\xa1\x8b\x08f\x91{\x83*\x85yJ\x1cb\xfbl\xb5\xa8&lt;}\x05cp\x89\x93\x12Ai\xf6TW\xb7^\xef\xea\xef\x7f\x18\x08\xcc\xce\x02\x88\xd7k\xf5\xfb\xadVL\xd3\xec\x07*k\xb3\x15S\xbafkfg\xdb\xde\n\x82\x99\x8d@\xec\xf3\xe8]\xdfo`y=&lt;\xbd\xe4\x85\xaa\x05T\x7f\xb9+%\xa8H\xa5\xeb\xbd\xde\xf5\xf0\xe1\xc3\x80\x08e\xb5\xfa\x1bq\xf9\xfd\x8d\x80\'\x02Z\xad^\xa8\x1ep[\xe0z0\xce\n,\x0b+\x05\xcb\xbd\x02,0\xa9\x02\x96\xc4a\xd1\xff\xf2\x83\x8a\x15\xa0\x16\xa4C\xd93\xc8qq\xab\xda*\xafn\xed\xed\x05\xaa\x80D\xe5\xf56V\xea+\x8d\xc6\x11xT\xc2K}%\x00\xfaE,\x10,PQ\x17\x8c\xd3\x02\xbb\xc0\xf2,\x9a\x9c"\xd2{\xfe\xf0\xf0p\xce\xf1X\xa0Z+\xefRSO\x8c\x05Q,L\xe5\xb5b\x9d*+\x01\xc9\xa4\r\x85\xb4\xda\x90\xd642\xa2\xd77b\xcd\xbc\xd0\xc8\x9e\xd9@GG"\xc1Cz!\x9e_\xffUzc\xcd\xac\x14YX\xc5\x05\xaaUOR\xb0\xca\xe0\x00\xc5\xc1\x90j\xa1D\xe5\x07\xa6J\xbd\xd1h4\xcd\xcd\x99\xb4&amp;\xad\xd3\xe1TkM&amp;\xa3\x08\xe6\xf5b\x8bU\x04\x83q\x81\x87\x19\x89\xf8\xa5\r2\x937\x07-\x96\xa2\x92\xe5\x9b\xf2\xf5d\xd9;\x8ea\xc4k\x04`\x81\xdf\xbb$_\x01\x95^\xaf7\x9a0\x8e\xc3\xa1q8\x9d\x1a\xb5Z\xa3q\xce\x99\xa0\x9f\x98\x0b\x9f\xd0\xda\xba`\xd0-\x00\x15\xc7O.f\xb0\x14\x8a\x03{4U\xb0\xb7\xa6\xda\xa5\xf5X\xc9@\x0f\xb1X\x98\xaa\xc7\x0bZ\x01\x93\xc9\xe4th,\x16K\x95\xc5\xa2V\xabcj\xb5\xc3\xe1\x9c\x03.\x0c\x06\xd9\xf1uEC\\\x10h\x84\xcc\xbc{\x02Fk\x86,\xd7\xa6Z\x88\xb7\xea\xc93\x08\xe1aX\xc2\xd0\x9e\x8cX\xaef\xaf\x1f\x1cn\x1a19\x9d\x8eX\xac\n*\\\x15\x8b\x85\xc3U\x00\xe6\x9c\xc3\xde\x07\xf3{\xadgk;\xdc\xee\x85%\x1f^\'&amp;&gt;I_n\x15\x07\xb1\xb2\xb6\xc2\xfc\xd4\xa2^\xb5\xb7\x8bb\xd1\x12V*\x1b$c\x81`N\x8dE\rJY4\xd0\xc3X8V\x15s\x9a\x80\xab\x12\x9f\x06\xff\xd9\x0b\x7f\xad\x88\xba\xe1$"\x06-\xac\xff\xb6T\xe4\xc2\xd7\x14"\xe7\x10\x92\x15p\x12\x01\x8b\xc3\x1b\x83\x92\x86\xd4\xca\x18\xbe\x19\'\x16\xa0\xe9\xb5!M\x0csY4\x0e-T\x08 \xe7\x8c`{\x0c\xd6r\xf6\xab\xaf\xaf\x06\xe3\x0b\xee17\xa8\xf5fMT\x02\x87*\x91\x0bKV\x98ZC\xed\xb09\xc1\xf5\x86\x81\t\xdd+Q\x89I\xea\xc7G\xd1\x84\x8d.\xfa\nL\xaf5b\xb7iMp\x14\xf4\xa0e\xe5\xe9\x8b_}3\x1a\r\xc6\xdd\x93c\x11\xe4\x9e\xdfH]\x1f\x0f\xd9\xed\x0bSK\xfe\xda@c,F\xb5U\x8d\xb1\xd2S\x07\xc2\xc9\xef\xd7k\xa1w\xb1\xa31\xf0\xba\xc6i2\x1a\xa5\xc0\x00\xa6FP\xab\xf2\xe2\xc5sWF\xeb\x82@\xe5\xe6i\xde7\x94\xc2\x82\xdd&gt;\xf7\x18*D-\xf23\x1f&gt;\x89\x0c\x84\xa9.;\xe1\x01\n\xce\xa2\xd6\xa9\x89a(\xa8\x10\xce\xd3\x14U\xa5\xe8\xbc\x91\xa3\'\x97\xef&lt;\x89F\xc7\xdcn\x83\xcf\xc0/\xda~\xfep\x828\xe4\xe2(\xcb7N\xeb?\xc1\xb9\x05`\xd0\xc3\xd6\xecq\xd8\x88\xa5\x81&amp;\x8aq\xa5q:CP\x9a\x90C\x8b}%:^?r\xe2\xc4\xf2\xf6\xa3\'O@\xac1\x9e\x7f\xf7\xccF\xd5g\x0f\xb5\x8fS\x8bz\x037Rp\x16\x9c\xc3^\x9c\x0f\x0f\x03\xa2\xe3\x1b\x1b\xc5,\x05\x1e\x8bZ\x04\x12\xf9\xb0\xc7L\xa2\xb1\xa0F\xce\xdf\xbc}e\xf4\xfe\x8b\xc9\xb11\xd6\xc0\x8e-~N*\xf6\\\x10r\x7f\xf8\x95\xef\xf0\x99@p\x195\x9b\xab\xbb\x01\x0bs\xcd\xe2\xd5\xafEo\x1c\xd1b\xbf\xabq\x13A\xad\x90Fm\t\x87\xc3\xbf\xb7X\x1c`2\xd1\xf3#\xc7\x06n\x8e\x8f\x8e\xbex2?\xe6f#\xbe\xe9\xcf\x7f\xfeTN\xc4\xcaq\x1e\xa9\xbc\xb1l\xcf\xe0v\x8f\xd3A\xd7\xdd\xdb\x0b\x1b`\xffl\xf2\xc2\xd9\xd3##Z\xcd5\x00\x8a\r\x02\x0b\x90\x81V\xe1A\xfb\xce\xbf\xff8\xf87\x8d\xc9(\xba\xbf\xe5\xd4\xf9\x81\xd5\x81\xedm\x00\x9b\xe4y\xe4\x83\x15\x95\xdc\xf3\x7f\x139\xdb\x98g@PC\x1c\x07wS\x18\xd3:Q\xae\x00P\xb5\x9c&gt;\x15\xd2\\\x0b\x87\x07\x07w\xec;\x83@\x16\xc3P\xf6\xbf\xdb\xed\xf6A\xb5\x03\xc6\xa2\x1e\x8c\x7f\xfa\xd4\xcd\xd5\xa6\xa6\x1f6\xb7\xb7_,\x8d\xb1\xec\x1bX\xe8\xc9\xfd\x9fs\xee\xbd\x07\x15\xe4\xad\xcf\xda1\x17,\x80:hcW\x7f\xed\xb7_\xfe\xe9\xf2\xc9c\xc7\x8e\x85\x8f\x00\x14\xd4\x8c}g\x07\xa0f\xe0\xd5\xcc\xee\xae}\'\xecp\xcc\x01\x95\xbe\xe5\xf2\x8d\x81\xd5\xd5K\x8f\xb77\x7fZ\x9a\xe4\xd1+\x8a$\x0f^^\xa4\x0b-\x95\x95\\y6\x91\x9cn\xe7\x10\x17)\x07\xae\xee\xd6\xce\x8e\xba\xdf\xdd\xb9sn\xf9\xf6\x8d\xf3\x7f~\xf9\xe9K\x00\xb1\xef6\x1d\xdf\x95\x88f\x8e\x1fojj\xda\x9d9Ru-\x14:}\xb6\xe5\xe2\xc9[\xab\x97\xfe\xf7\xe3\xe3\xcd\xcd\x9f\xa0\x8b\x1b\xb9\xfe\xe0\x87\xabE\xfe\xfa.\xc7\xa2\x08\\T\xabup\xcb\x8aG\xa3/\x1e\xdd\x7fr\xff\xca\xf2\x8d/^~g\xb7\xef\xd8w\xb1D\xf0\x15\xd0f\x06\x06n\r\xbc\xbf\xf9\xdd\x8d\xcbG/\xff\xebB\xcb\xe9\x1b\xab\x97\xfe\xf3\x8f\xf7\x9b\x9b\xebK\xee\xb1)\xa2h\xbfZ\xe9\xbb\xd0\x1es\xe5\xa9\x96\xa2\xcf\x80\x90\x80\xb1\x84-\xb3G\x10\xe2\xf1D&lt;!\xc4\x83\xd1G\xe3\xcb\xb7^\x86\xc5F\xee\xec\xd8\x07n-\x8f\x8f\xdf\xda\x1e\x1f\xdf\x1c\x1f\xbf\xbd=\xfa\xe8\xfe\xd3\xa7\xdf|y\xee\xfd\xa5\xef\xbf\xff\xf1\x87\xc7\x9bK\xee\xc9)r\x0f\x16\x0e\x8b\xec\xb3H\xa5&gt;#\x94\xe7\xdb\xc42\x1fb#HX@\xf4Vu\xfc-P\t\x82{!\x11I\x04\xef?\x1d\xbfs\xe2\x8b#G\xc0\xf5\x9f\xfe\xe1\xe6\xf8\x9d\xa7\xa3\xe3\xdb/\xa2\xd1IH\x84\xf9\xc9h\xf4\x9fO\xffO\x9a\xb9\xc74\x99fa\\\x92f\xc3\x90\xec\x12\x93\x8d\xc4\xc5\x18B\x9av\x1d\x1b\x1aJ/\x90h\xda\xd2*K[\xad\xd0\xa4\xb5\x90\xca\xd2Zj\xe9\x05\xec\xd0\x8b\xcb\x96[Y\xdaR)\xcaL\xa9\x96J\x81\xc2p\xb1\xc0\n\x8eh\x95\x19\n\x01\xa2\xe8\xba\x02;c\x94\xa8T\x12\xba\xc0&amp;\x84\x90u\x13c\xb2\xe7+^\x18\x06f\xaa\xf3\x05\xfe"4\xbf\xef&lt;\xcf{\xcey\xde\xea\xa7\x96\x8b\x8b\xc5\x0b\xa3\xa3O\xdf\xf4z\xbf\xdc\xe2\xf7\xce\xce\x0fQ\xe8\x9d\x80\x1f\x83\x15\xdd\xf0\xd7\xd6\xafO\x9c8q\xb8~\xba\xfa\x8e\xc7\xd3\xaf\xd7{\x9eynO\x0f\x8d\\ko\xef\xd3\xa3i{\x9f\x9fk\x8a\xbd\xd8\x7f\xc7\xe3\xf3y|\xd7\xeazG&amp;\x86&amp;\xae\xb7L\xb7\xb4\xd7\x8a\xdc\x805\xb0\xb0&lt;\xea\x9f\xbd~\xef\xb7[$\xec\x84\x84\x06i\xa3\xf3\xed-\xce\xc6\xe4\x89\x14\x0b\xbcU\xe2m=\x01\xe1%\xefpMz\x12\'C\x98A&amp;\x93S\xd1S9\x9e\xf6tLu{3GKk\x8a\x8b{\xde\xe4\xf6\xf8&lt;\x1e__\x9f\x0f\xf4k\x7f\xe6nt\xf7\xbb\xe3\x13\x9e\x8e.\x80\xb9@\xc57\xe3\xb3\xbf\xdf\x82\x05\xd9lc\x9fx\x7fi\xbfQ\xafH\xb3~\xe7x\xeb\x89\xd6\xdc\xbc\xbc\xf2\x96\xeaB\x95\\\x05]K\xa9D\xe3jk\xddz&amp;\xb5\xa0\x0f\xb8DMq\xa7O7\xba\xddS99Zm*\xfc\xe5\xe2\xc5\xa6\xd8C\xb1\x87\xf0\xb1\xee\xa7\x83\x83b\xcb\x93\'\xa3\xb3\xe3\xb3\xd1\xa8\xed?\xfe\xc7:F\x8e\x85\xf2\xb6"\x0b\xc0\xc4HKA!\x9b\xadR\xa9\x99w|\x9e\xfe~}3Y\xcf,--\xc8\xe2\xa0\x0f\xc5\xc6\xc5%\x88ph.W\xc9\xe3\x90sRE4Rv6\x89\x16\xdftyyA\x1c\xc6z:~%j\xa7\x8f\xff\xd0\xea?\n+\xe6Qk+`\x8dLW\x16\xb0\xd9j*\xe6\xf6\xb5\xa1D\xca\xc85\x9f\xa7\xb0Y_mg\xd13\x18Rl\x02\x9e\x86\xd3j\x95r:\x9d\xd9\xe7{\xf6L\x9f!\xe3J\xb3\xf1\xb1\xff\x01,\x8b\x05&lt;\xef\xf7~\xbf\x13\xd6\xe6\xde\x85pE\\\xadoss\x1f7\xe4MW\xa5\x17$\xd11\xa5\xd3\xe5ug\xcf\x1e~\\7\xe3\xa7\xb3=\x1e\x96\xc2\xa1\x122\xb0f):G\xcbS\xa9\xd5\xd5\x93\xe5\xf5_S\xae\xdd9\xa3\x92K\xcd\xf1\xa7\x1f\x9e\x04\xac\'p\x14\xef=\xd8I\xc4\xb7\x17\xf7\x1f\x8f\xf5\x8f\xdc\xd6\xc7\rC\xac\xca\xea\xa4$&amp;\x8bR?\xf9h\xee\xec\x1f\xcb\xf3\x16\x06/z\x92\x9aK\x8f\x94\xde\xfd\xe28,\xccJ%\x97#\xbf\xd1\xe7\xff\xb6\xfe\x0f\xf7\xe6&amp;\xc6\xd3U*\x197;\xf6\xe4\xa0\xc5rk\x01\x1a\xd7\xa3\x12\xd4\xae\x9f\xc5\xfa\xec\xa3\x16\x1b\xe4\xdf\xfe\xd2\x00\xd5\x1a\xaaL\xafN\xa2;\x145\xb7}\xb3\x13\xf5\x89\xf5\x93\x0b\'\x97\xa7&lt;t\xc7\x91\xab\xe7/|\x0eY\x9a\xd7#\xcdilt?\x9c-?{v\xae\xce?Yu\x17tL8\xdd50\x06"\xfaGg\xb7\x99\x88[\xbf\xe6\xf88\xac\xa3\x7fz\xdc0\xde0]J-\xa0:L\n;\x86\xe9\xf1M\xb7L\xfa\xdd\x1caFN3Kq\xe9\xcf\xc7\x8eCd\xe5\xf1\xcc\xda67\xafi\xf4:\xa5\xbc|vT\x8f\xb9t\x8c\x81N\x88}886\x86\x88x\x05\x15\x85\xf4\x84\x8d\xdf\x9f\x0c\xec\xcd\x0bN\xc4\xb7\x81\xfb\xbc\xb9\xde\xba*L\x12\x9dz\xc9ar`\xe8jf\xb3\xde\xdd\x88&lt;S\x85V\x16`\x15\x19\x03\x81\x1e\x19\xba\x83\xc1\x93\x0b\x85z\xb0\xfc\x14\'\xa3\x90.\xe7qi\t\x0f\xa1Z\x08\xd6?\xdfE\xeam\xb0\xc2\xa1\x03\xf5\xeev)b\xac\xdf\xfc\xbd\xc1[\xc7B\xb0\xe8T*\x9d~W.\x17\x92SE\xf7\xef\x8bj\xc9\xd40\xd6\xa9S\x81\x00\x83\xa7\x14a\xb5=J2\xee\xb2\xfb\xa2\x1b\xfa\x97L\xc8`\x98\xf1\xfb\x07\xc6\xc6\x16\xfc\xfe\xd9nTTg\xccNX?\x1a\x8e\x11\xb4\x06\x14\xf2\x16\xa8\xa8+\x1bXT:\x9b\xaeV\xabTB\x9e\x92\xcb\xc5\x02Wm\xa1\x03\xb0\xceC\xd4\x08T\xb4\xf5\xf4pE\xf7q\x8c6iGS,Vj4r\xb9R\xae\x14\xbf\xa7\x0bN\xa2\xdf\x7f%*\n\xb9\x0fA\x85\xb1bv\xec\xa9\x80\xf5YDX\xfbffn&gt;\x98\xc9\x1d\x1fba\n\xe8\xec\xac\xac,\x95\x10\xa8\x94\\\x1cBEf\x03\x96\xe3o\x17\x8e\x1d\x0f\xa4\x99\xdbz*\x10\xa2\x0e\x1al\x88\xd24\xa9\xd9l\xce\x96J\xb3S\x8a\xc3X\xb7P\xf3\xf0\x82\x9d;b\xc5|\xf8\xf28\x92yx\xeb6\x8bU\x938w\xf8\xf1P\x15\x86J\x07$\x99\x8c\xc7\xe0r\x81Jt\x1f\xab\xe4\xa9Ma\xac\xaf&gt;?\x1e0K\x19F\r&gt;n\x18\xd9W\xf7\xba\\\xf1x&lt;tzi6\xf1\x80\xd8\xb2\xe0\x1f\xfd2\xfa\xe6\xe0\xadpN\xdc\x0e\x0b\x85zg\xad\x88\xb0\xa2J|\xd5\x98\xf4\xaa\r\xacR\x0c]\x0eP&lt;F[\x9b\x14K\xc3\xd2p\x0c\xae\x92n\xb2\x83\x88\x17@\xc5\n)6\xadB\xe3r\xa5 \x8b\xea\xf0p\n\x91\xb8\x1bo6\x13\xb2\x89\x07\xc5\xe0-\x11C\x0bA\x1b\xfd\x00&lt;\x81\x1c\xc6\xad`\xc8ix\x1f\xd0~\xb1V\xbb\xa2G\x99/M\xa6*J}y\xefP\xcd\x06\xd6)$\xf1\x98\xbf1\x93\xcc\xc6\xb46\x19\xd5j7]:\xff\x15\x88X\x81\xc5\x1a\x8d\x1a\x17\x91\x98\xb2\x7f\x7f\xf2p&gt;?\x85\xe8r\x92\xb25\xa4\xfc\x83\x03\x16\xb1?\xde\xe9\xd4\x04\xd2\xd2\x9aJP\xc8\xda\xb0\xad\x8c\xef\x95\x8c\xe0\x08\xf6\xdf\xb8\xf1\xd2\xaa8B)\xef\xcd\xab\xa9\xc4\xd0\x85&lt;^\x0fHe\xd6|cF\xc2*W\xee\x80\xcc\xf1\x1d\xa2\xe1\xa9@\xd3\xfd6#\xc1i\xb0\xe5K\xf2C\x07\x93%|\xbe\xcb\tO\xfc\x9e\xcc\x01\x8be\xd9 XtV\xfc\xfb\x7f\xc6\xb1\xf0q\xdc\tk\xa3^\x114\xac\xfe\x1f^\x00V\xcd\x91\x91\xde\xba\x1a\x16F-\x07\xaa\x8a\nB\xf86+-\xadM\xa96)\xacW\xa1m\x05\x02\x81"c\x07\x97\xa0q\x12\xf9|\xbeDR\x16\x92\xf0%|\xdb\xe2\xe2nCr&amp;4\xaee\x9dN\xe0z\x1e\\]\xe3G\xa3:?\x14g\x9b#\x16\t\xd6\xd1/\xf5? \xd5R\xd4l`\xb1!40\x18\x81\x8a4\r\x92\xf0\t\x0c\x19\xdd\xae0\xdd=nt\x9e{\xee|]\xd4\xa3d\xe0\x9d\x06~\xf8\x91\x84\x00Lg[$\xf2\x0ft\x89\xc7\xc4\xc3:I\x88/X_\x7f\xbd\xd8\xbdi\x02\xc5l\xdf\xbf~\xb9Z7\x01\xeb\xaa]\xb1TC\xe9\xed\x9dfQ\xd5*\x9e\xb2\x87Q\x140B\xa9\x08\x1a\x02WFWX\xe92\x82+\xdf\x92\xc9\xb7\xb9\x08=2\x17\xd1\x99\xbc\xc1\x15Z\xe1\xf3m6\x81\xc1p\x00\xda\xa98E\xb7\xd2\xb5\x1e\x0c\x06Wm\xdd\x9b\x12\xecvX\xbbv\x9c\x9c\x1f\x9e\xf9\x9b\xfa\x177L\x80u\x84R7&gt;]Ieo`U\x18\x81K\xa3!\xa09\x0e;&amp;C\x8b&amp;\x81`\x06CJ\xfe9-\xa9\x0c&lt;u\x8e\xdf\x01\x12J@D\x81\xcdF\xcc,\x1e\x1b\x1bL\xd1\xe9\xd6\x17W\x83\xc1\xffB\xb5~\x16+\xc2Kf\xfd\x8b\x17&amp;\xbb]\xa1\xa8\x9f\xf0\xb6\x00V\x16\xf4\x87\x9e"\x861\xcdH\xd0\x90H\xd8f\xab\xb50\x87\xac\xa5\x11\xf3\xf3\rD\x83.s\x18[\xb6\x12\x02 \x9b\x04\xb1\x96\xce&amp;\x10\x18\xf8\x88\xb5\x8a\xe3t+\xba\xc5\xd7\xc1\xe0\x9a\xb3\x1b\xf5\xa90\x9b\xb0\xba\xe1$Z\x01k\xa9\xbe\xdc{\xbd\x12\xc3\xcc\xca\x90\x85\xcf"\x14\x8b\xe4r\xa5:\xac\x98\xe6\xea\xf4Bl\xc2\xde\x94\xd8\x1c2\xc9\xb0\'E\xb2\x82p\x81\xb7\xf8\x02\x9d\x00\xb0t\x92L\xcb\x98\xb88\xd9\xb6\xd2e\x0b\x04\xd7\xd7l\xdd\x9b-\x1f\xf3i\x88\xa8\xe8\xa77\xfeeeY\x15K\x89\x89\xe3\xde\x16\x0c\x93\rM^\xc9\xa80\x82\xb3\xf0\x86\xbd9VS\x81u\xeewsI8\x9c\x88iM\\\xfa\xce\x18\xcf_)[)\xe3\xeb\x04\xf0\x03\xce\x02oI`$\x0ef\x1e\x90\x84Vt\xaf\x01\x8b_\xb2\xd9[\x9f\x88\xb5k~&amp;\xeb%`--Q\x12{\x01+\xa9\xf0\x0c\xa4\x1e\x06T\x8b@r\xf1\x89Z\x87B\xe5aA1U\x1c\x8e\xb6\xa3\x03\xade\xd0\xf8P\xae2\t\xc8\xa7\xd3!\xce\xd2\xe9\xf2\x11\xac\xae\x15\xc9z\xe8\x953\xb8\xfaz8:\n\xb5\xeb\xd7\xab\xb8\xef\x19`\xd9\x97\xc0\xf3\xbd\xde\xdet\x04K\xa8T2\x8cR\r\x89h\xd8-\xe5PMT\x07\x95\xd9G\xcd@\x1f\xa2i\x8adJ\x97\x01\xf1\xbaD\x07TH\xb5\x04\x02~r\x97E,\xeeZ\t\xad\xaf\xbf\xb2\xad\xae-\x8aQ1G\x7f=\xd5|\xf4\xccK;K\xb1\x04\\u\xde\xde\xca\x82\xc2\xac,9,5R\xa99\x1b\x8f\xd7\xc0\xe6\'W;\x1cg\xdc\xb58Qc\xaa\x96\xab!9w\xdb\x90B\xe9\x04\xc8\x83`I\x10,K\xa6\xe4\xd5z0\xe4Z[{^\x82zk\xf9\x98OV0&lt;\xa4J\xde\xd8\xab\x14\x89\xc05\x04X\xd5lv\x16tTX \xa4\x1aB\x1arE*g;\xa8g\xdc\x8d8\xad(\x95\x93\x03]&gt;\x1b\xe6\xcdb\xb8N\x88\xdfu\x86d\xe8\xa6bKY(\x14\\]t\xae\xad\x0el5\xd6\xa7\xd1\xcdG\xcd\x7f\xcfR\xc0b3\xb7D\t\x1fE5[.Dz\x97\x11\xb9\xb7\xfdB\xaebVc\x98\xb2\xc6\xcb\x8dd\x1c\x8e\xcc\xe1(\xb90\x96\xc2`\xe1r\x01\xd7\x81\xcc.\xb1E\x0cPkkN\xcdZG\xf7O\xde\xfb\xd3\x8a\x16\x85\xda7iWP(\xf5s\xf5\xde\xeb\xe0y\xa6:\x0b\xc6\xf5\xffy7\xbb\x98\xa6\xb34\x8c[\xd3d\x1b\xc6I\xa7\x99\xb1\xa4\xf9c\xed\x90Z\xd2i\xd3\xd2\xed\x07\xdd\xd8Li-`)\x86)~l\xa9\xe9\xccRKm\x816M\x16\x04!\xe9\x0e]\x06\x9c\x1a\x9d\xadD\x0c\xf2!#\x9a\x85Y\x87\xefA\x9d*!+\x02\xf2\xe9\xaa\xc80\xd9lj\xd8\x8b!\xb3\x1b\xc2\x05\x89\x897\xfb\x9c\x7f1{\xa3\xb3\xd6\xd0=@!\\\xfd\xf2\xbc\xcfy\xce\xfb\x9e\xf6\x8f\x8c\xf8\xf4\xa3C\x7f\xfa\xbd\x0f=\xb4\xdew2\xdc\xda^\\%\xd5\x14[=\x05\x85$g\xe3\\\xa7N\x9d8Q\x12\xec\x19r:m\x97&gt;\xff\x1c\xf9\xff\xe2\x92\x93\xf5\xec\xf5\x85I\x88+\xf7\xd9B~y\xd6xc\xfaW\xf7G\x1e\x19\xdd&amp;\xbf\xcfK\xb8N\xa2~&gt;\x9f\x0c\x9d\xfd\x17\x0f\xbc\x87\x0e{\x7fw\x08\xffC\x8fXQU\xf8\xebK4\x17\xa8\x82A\x05\xc1:\x93Zc\x0e:/\xbfxq\xac\xf2U\x83\xf5\x96\\\x89\x8a\xd6;\x15j\xccJ\xff\xea\xef\xf7q\xfc`\xca\x80\\\x08\xaf\xe2b\xaf\xcfb0\x18\xfc\x0f\xbex0\xea]^\xd3n\x1e8\xfc\x11p5\x1a\xbb\xb0\t\x06\x83Z\xa0\x12\x07\xc5\xa4\x86\xbcS\xf8\xf3\xbb\x17\x97\xd1\x04\xbe\xaa]\x8es%\x8a\xc5z8\x12\xcaA\x15\xbf\x8dc\x19\xe0\xaeb\xaf\xd7[fAE}\xfe\xd1\xd1\xa5\xa5\xd1\xf5\xcd\xb5\xb5\xb5\x8d\xcd\xab\x85\xa5UZ\xad4#\xfb\x12\xa7\x86\x88%\x16\xc3Zh\x02ygO\x9c\xe2KN\xdfc\xbcr\x82\x8d\xdb+a\x8b1Y\x0b\xf9\xc0Bp\x01\x0b\xe3\x98\xc5\xe7\xf1y\xad\x9d\xa62\x93\xc5\xe7\x1b]\x02\xd7\xe8\xfa\xda2\xb0\xd66\xae65eg\x84\x1d\x0eyMM\t\xa8\xfeEc9\x9d\x8a\xcbgkT%\xf7^s\x07\xb1\x85\x95hF0\xe1\xfaPyNh\xa4\xbb+\xdf\xa8\xd7\xcb\x10\x12\x16K\xe7\x8d\xb2\xceN\x9fwtt4F\xb8\x96c\xcb\xf4:p\x9d\xcd\x8e\xe8Z\xd8JEI0h\x06\x95y\x08j\x99\x8f\xa9\xcf\x1e3W2r\x7f\xd9\xee)\t\x86\x04\xeb\xe1\x94\xb1\xde85\xd3U_\'r\xcb\xc0\x85\xa9\xfa\xc6\x95&lt;\x8f\xc7\xbb\x84\x12.-\xad\xc7b\xb1\xd1\xd82\x08cUsmmm\x91\x88R\x11$L\x12\xb3\x18j\r\x05\x83\'~{\xe2\x1e\xe3\xf5\x9d\xd4\xeb\xc7\xda_\xb6W\xf3\xe3\xef\xff\xfa\xf4oPK\xe4v\xcbL\x16\x83\xe9Juuu\xa7u\t\xe2\xad\xae\xae.\xad\xaf\xaf\xae\x8f\xae\x13\xc2\x98P\'`\xb7\xb5\xb9\x82\n`\xe1\xdbF,\x7f\xfa\xa7\x9fN\x05*\x99;^\x8f\xb5\x15\xad\t\xa7\x17\xc6\xb8\xf9\x81s\x04K&amp;\x93\x99d\xc0\xb2\xe7\xc9\xf4u\xc6\xba\xd5\xd5\xf5\xe7\xf4Z~\xbe\xbe\xbe$[\xf5\x17Te\xf3R\xf9b\xe2w\x89\xd8\x1c@&gt;\xdc\x9a\x0f\x04\x9c\x95\xcc\xff\xd9v&amp;\xeez\x06\x06\xfe\xde\xb1o\xeb\x8d\rn\x99\xdb\x84=\xd8i\xd7t\x1aC\xf9_\xfe\x05X\xb1\xe7\xb1\xe5\x18L\xbf\x1c[_r7\xf4\x15d\x08\xd8.\x89\x82`Ih\xc7\xcf\xb3\x18,r\xf5\xb1c\x1bz\x87W\xdc7\x8f\x8dt\x19\x1bd27Q+\x0fX\r\xc6z"Vlmmscsnscc\r\\\x96&lt;M\x13\x95\xeaR\xd0XA`\r9\xe7\xdf\xa0!My\xcb\xee\x8b\xc9d=y\x89e0\x99\n\xb4\x1a\xab\xdb-\x12!\x1f\x96\x91X\x9bss\xdfm\x02l\xa3J+-US\xbcL\xbe\x02v\x17KP\xc4!g\xef\x1bL\r)oy8\xc2\x1a\x0b\xc8\xd3\x06\xe2-\x99\xa9,OS`1\xc9d~\x8b\xcf\xbb\xbc\xfc)B\xeb\xea\xe6o\xae^\x15\x96\xaa\xb3\xd5ME\x14\'\x93["1KP\xc4@`x\xb8\x97\xc9x\x13\xac\xb7\xda\x8c\xf0}\xc7\xfds\xf5\xa2\x06\xc0\xc8\xca\xca&lt;y\xc5\x16\xbf\xcc\x8f\xc3Yc\xb7k&lt;\x9e&lt;\x8d0;[\xadV\x0b\xe4x\x95sx\\\x056\xa2Dl\x0b\x04\x86\x86+\xdf\xd0So\'\x18\xf3)\xb0\x8cq\xacN\x8f\xc7g\xf1\xfb-\x9e\xbc&lt;\x1c7\xf6\xea\xfej\x8dTG\xc9\xb1\x8a\xe4\xf8EQ&lt;\xbe\x04\xb1E\xb0\x86\x9d,f\x12\xbc\xfe\xdf\x8b\xb1\xden\x82\x05o\xc9\xca\xac\x9dHz\x0bNmL\x1c\x85B{\x7fu\xbf\xbd\xaaI\x1d_\x02PqT\\\x89\xd9\xb6h\xb6\xa1\x86g\x12\xd8\x82o#\x18k\xec\\\x97\x916\x17\x0e\x9eN`\xf9\xac\xf4\xb5`)\xe4\xb2\xdbK\xd1F\x17\x15\x15\xc9\xd5\x84\x8a\xc3SJl6\x90\xc5\xd5JI\xa2Z\xb9\xac\x0e\xb2\x15\x1bh\xb5\xca\xac~\x03\xe9TO\x92\xc6^\xaa\xad\xd6\x14\x96\x16\xc5\x17\xf4\xa2\xe40\xbdBl[\xb4\xd9l\x81\x7f\xc2[\xc9\xc4\xda\xc1\xbc=38(j \xc7\x8f\xd5j\xf1\x1b\x0c\xf4\x9bR\xa5M\x85B\xa9T+mj\x02S)yU\xc3b\x02%\x1fr\x81\x8b\xec\xc4\x94D\xbc\x95\xf8\x11\x84@\xad7\x12.S\x99\xd5b\xd0\x1b|\xbe\x93q,\xf42s\xd7\xe5jr)YJT\x83ZJ\xf8]B\xab5\xd4\xcb|\x96L,&amp;kbf\xd0(\x02\x97\t\xcd\x16\xfae\xbf\x17Cca\xa9P\xeb\xd0\xb5D\xda._\'z\x91\x1f$D\rW!!\x1b\xd1\xf6c`h&gt;\xc9Ed\x0c\x0c\x8c\x0c\x1a\xa1\x17\x8e\x1f\x99HD\xb0\x0e\x1f\xf8\xe6\x80PJ\xd4jk\xcb\x06\x0fm/\xb9\x9a\xa3Dp\x11\xb1\x16\x7f\xec\x19\x9aOI2\xd6\xd8\xc8\x00\xb0\xe86\xc2-\xba\xa8\'\x1f\x1e\xa9\xa8\xf8\x06E\x94B\xad9\x01\x89\x08@\xb1y\xbcT%\x9f/\x91\xd8\x16\x17\x17m==\xf7\x18I\xc5Ja&lt;\x99\x9c\x9a!\\\xb0\x97^T\xa7\'j\x1d\xae\xa8\x12\n\x1ds\xad\x114\x7f\xc4\xeb\xc8\xd2Tn\xa6\x12\x8e\xc7\xe2\xff\xfc\xb3\xcd\x1c\xb8\xc7\xccM\xaaZ\xac\x89\xc9\xac\x99)`\xd5\xc3`F`Y\x8b5\x9a\n\xadP\n\xaa\x96HdNG\xa9\xe58\xa7\x15\x12Wj&amp;\xb0\xf8w]\xadw\xd1r\x9dI\xc8\xf2\x89\x8f\xd8\xcc\x89\xc9\xf4\xf4\x99\xa9\xa8\xb1\x1e\x1b\xb2\x0e\xa3\xbf\xb5\xb8\xe0p\x85\xbd\xcaq\xba\xb5\xb55\x12a\xb3)\xea\xbaN\xe7B\xe9ZS\xf9|\x97\xcb\xd5\xea\xe2\xc3\xf7NV2\x0f\x9f\x1d\xb9\xcc\x05`e\x8dLE\t\x96\xb1\xbe\xc1\x84#:\xaf\xc0\xae\r\xb7\xde\xfd7\xc0\xda\xda\xd8l\xb6@\xe0Z\xbc\xbb\xd8\xea\xba\xcbw\xb5E\xdaRK\x14\n\xdbper-Oc\xa5\xa7?\x9a\x8a\x0ev\xa1\x94\xd1&gt;\x9c\xd8\x1e\x8fF\x18\x8e\x80\xe9t\x84\xad\xd3\xe9\xd8\xba\x16\x00.B(\xd4\xb5\x85W\x03\x93\x01\x8b\x91\xdc\x9d\x18\xc7Jo\x8cF\x07\xeb\x8dQ\xe3\xb5;W\x08X\x956&lt;\xe7\xd0\xa1|\xd9\x19:\x87\x03&amp;\x8b\xa0\xa2\x91\x96\xb0\x83\xadR\xa9\x94\\\xdbp/\xf3\xff\xa1VzVVWt0z-z\xad\xaf\xef\xce\x9d;\x1e\r\xf6bF\x86\xc3\x11\x16f8\xc2\xe1\x96\x96\x08\xf9\x0e\x87\xb3)N\x8dJU\xc3\x97\x04\xe6\x93\x8b\x95\xb20\x99Es\xa5\xe7@\xb0kX\xd1(\xc0\xaag\xab\xb4\xe4\xd3\x1aam8\xdc\xde&gt;K\xde\x96\r\x873t\x02\x0e\x96\n\x1dN`\xfe\xcf\xc9\x02b\xd2o\xad\x01k\x8b+\xabq\x10T}\xd7\xa2}7n\\\xa9\xd6h\xa5\xc2v \xb5\xcf\xf6\xf7\xcf\xce\xe2w8[\'\xe7\xd0\x8b\xc7\x95 O\x93U&gt;V\xda\xc3[\xbdi\x137\xb3r^\xea\x95\x13\x8a\x12\xae\xbe\xbe&gt;p\xcd\xd20\xfd\xd5\xff\xc0T\x0b2\xa9N\x87s\x11R\x81K)\t8\x19\xf4\xa3\x8d\xac\xed\x0f\xd2\x87c\x13\x03\x03Of\xc6srr\xb6\x04\xcb\xcai|D+F\xfcE`\xfa\xab\xaf`\x81K\xeb`\x0b\x10\xf8*\x9a\xea2\xfa\xc1\xe1J\xfa\x11\\\xe66\xc7U.\xeb\xc8\xd8\xc4\xe3\x1f.t\xff0\xdeH?\x98\x95E\xfb\x1e\x88\x8d\xf9\xc6\x06"\xd8\x9d\x97\x0b\xc3\x87V\xc0&amp;]\xfd\x96X\x1c%\xfa\x88\xdb\xef\xef{\x7f\xd7\xad\x9d)\xb9\xb9\xdbj\xac\xa7c\x13\x1d\x8f/\\\xb8pn\xbc1\x14\n\x95\xd3\x92e\x01\x8cF+\xcf\xafC\xcb\xeav74\x88\xf4&amp;\xabF\xea\xe0\xb1)2\xfd\x80\x8a\x02\x1c\x97o\x0e\xdcz\xf7\x9dw\xf7=m\xde\x93\xbb\x8d\x82\xa50\x9b\'\x16\xa6;\xa6\x8f\x1f?~\xb3\x11X\xf9\x00+\xa75\x8bS\x95\x9f?\xff\xe5\x1f\xebDzYg\xb5V\x9a\x8d\x01\x83\xc7\x96\x13gq \x16J\xa9T@\xadwv\xed\xaa}\xdc\x9c\xf6+\xe66\xd6\x90\xb5\xb2\xb0R\xdb1\x00\xac\xc9\xc6P~~~\x1d~\xce\x87\x08\x19\xfd$\xd9E=F\x8e\x02\xbb\xd4\x91\xca\xe5+k8r\x1dE\xa1\xe1"P\xa4\x88*\xc4|\xc0\xb9\xfb\xbd\x83\x13\xd3\xcdi\x1flc/\xc1\xbc\xbd0]{\xb4\xb6\xfb\xeb\xcf&gt;\x1b\xa7\x1fh\xbb\x88\xaf\xba:"Z(T/r\x9b&lt;\x1a\x98&lt;\x93\xab0\x9b\xc5\xfcT\x0e\x87\xe2\x08(\x8a\xa2\xf3\x81\xbcd\x02k\xf8\xe3\x83\xb5\x03\xc0\xda\x93\xb2}Xi+\xd3\x1dG\xf7\xef%\x1f\xc4\x1b\'\xe2\x88D"\xbd^$\xbaHD\xab3\xba\xcb\nf\xa1\x93\x82O\xee\xb3\xf8\\%\x0cE\x062N&lt;\xb6\xe4q\xb5\x86\x1f\x1fY\x98\xe9h\xde\xf9\xe1\xf6e\x04\xf3\xe8\xf4\xca\x91\xbd\x07\x0f\x8e}\xf2\x87\xc9\x9b\xa1z\x98Ho0\x90\xfbx\x80\xa1O5u\x16\x08\xd9\\r\xc9\xd6c\x16+\xb8*\x8aC\t(:\xde\x89\xe1A\x98\xc9\x17\xf7\x0c\x7f\xffd\xa0\xfbi\xf3\x87{X\xdbe,f\xf3\xcaJ\xed\x91\xfd\x1f\xbf\xb7\xff\x93\xf1\x9b\x8f\xf2\xeb\xe8K]\xcc\xf9~\xbf\xc9-B\xf7\\\x86\x12\n\xf84\x16\xa82U&lt;\x1e\x1bX*\xce\xcb\xc5\xa3\xd5jqwO=L\xdb\xb9\xe7\x83\x94m\xc2b\xec]\xa9\xad=\xba\x7f\xdf\xee\xdd\x037\xcf\x91\xcbS\x0c&lt;\xe4#-\x98\x14\xc9\x95\x8d\tAe\xcfHE\x01\x81\xc5W*y&lt;\x8a\x12\xc0^\x14\x8f\xe8\x05\xedx\\&gt;\xfa\xe6v\xbfhf&gt;m\xcf\x7fX9\xdf\xd06\xce;\x8eGw\x92#\xa2\x13:\xdf\xe9N\x08\xdfI:\xea\x9b0\x96\x88\x84\x1c!|\xcaE\xed\x8cs\xa1\x06\xcfT\xda\x88\x1d\x134\x9c\xd51u\xd8\x8b\x98\x1a\x13\x02\x83AK\xde\xd5\x82\x8d4\x95\x1b\x93\xbc\xa8!I=\xf6\xc6N7\xbfh\x0c5\xcb\x12,2\xbc$\xc5\x19\t\xb5\xfb"`\xd29Kj\x13\x92}\x7f\x8f\xd4l0\xe8\x9a\xcd\x0fF\x92c\x82&gt;\xfe\xfe\xbe\xcf\xef\xcfs\xd6\xe9A\xd7\x0ea\xcd\x81j"j\xd9\x82\x7f\xe5\xfc\xf9\xf3\xbfz\x83\xa8\x86\xfb\x0e\xb25\xd2\x85\xc9l\xf8`O.\xa0\xb6\x1d:t\xa8]\xcd\x84\xc2P\x0b\xe6j\x19W\xb1))\x86\xcdl\x8e}\xf7\xc4\x81/y\x88\x15\xf4\xeeL)\x04Uq\xa2DX\xbc\xff\x8b\xdfaJ\x04V\x1f\xa8z\x0ef\xfb\xfb{\xa6FF\xa6\xd0\xa0f\x13\xa943|*\x14\x0e\xb1(v\xa8\xaa\xda\xd1\x11nn\x0e\x10V\xe4l\xdf\xe8\x81[&lt;\xa8\x9a\xbc;B\xe5\x10U\x11X\xa6\xc0k\xd57&gt;C:\xefz\xb3\x0f\x02\xf5\xbc\x95\x1d\xcbe\x0fN1\xac\x9e\\\x1eM{$\x93\n\x81\xab%\x06\xaa\xf1\xb2\xaa\x86\x80\xd5\xd2\x11J\xa9j\xea\xa3\xd1\xe3\xbf\x9e\xd7tP\xed\xc4\xa5W/\xf9j\xa2HX\xb6\xc4k\xfc\x17\x17\xe9\xfc\x01a\x03\tM&lt;\xb9\xfe\x9e\xe1\xa9\xe1\x9e\x9el6\x97\x0feR\xe1\x10\xa0\x90\xe3\xc3\x1d\x99\x8c\x8a\xd4\x9a\x81\xc702\x86\x03\x83=\xa3\xa3\x97*\x1c\xc4r\xed\x80V\xdd\xd1\tFU\x8cB-\xd1\xc3iW/^\x01U_\xdfp\x0f\r\x16\x89D"\x97\xc5+\xc2\xca\xb6\x16b\xf9X \x14\x1a\x07Z8SV\xcbe5\x92\ncO\x06\x02\xf9\xf8\xd8\xf1\xd1\x03\x0fy\x12\xcb\xb5\x03\x11\xb4\xee\x14\x8bu\xb1\xa2\x8e-y4n\xf9b\xd7\x15`\xd5\xd5\xa2F9\x01\xbd\xc0t\x9d]\x7f"\xaa\x14\xbe0W\x94#j$\xa2\x0e\x85\xe0\xfeX\xfeXo\xf6\xf8\xe8\xc59.\xd8\x14\xac_?w\xff\x1f\xa7\x83{\xdc\xf6\x1dR\xaa\xc8b\xe8\xd8\x8a_3\xb4{o\x8e\x8c\x10\x16\x027\x96\x8b\x0f\xc6\x06\xcf\xe4\xfa\xfbs\x80\x1a\x1cdZ\x85\x86R\xa9\x10\x02\x881L-GR\x90+V\x88\xf7\xfe\xf8\xad\xe3\xaf\x7fY\xd1\x9b\x82\x0c\x8bn3\xf3?^\xddG\x00\xf7\x9c\x84\xb1\x8a\xa5R\x89\xc4\x82\xb7\x14\x9ffp+HS}\xe4x\xb8)\x91\xc8c\x04K\xe40\xf7$\xe2\x98\x08C\xa9\xd4\x10\xf6_\x04\x0fi\x86\x05\xb5\xc2\xf9\xf8\xb1c\xbd\xef\xbc}\xfcG\xcbZ\x93\x17j\x01\xc8\x05\xbc\xa0\xd7\xdd\xdd\xfd\xea]\x0e~#\x8dj\x0e\x88\x00\x06\xb5\x96\x99Z:\xff\xf1\x9b\r\xac~\x0c\x15\x08[\x0cq\x84T\xb1\x0fB\xa0\x89D"\xe9tDMcE\xd2\xa0BD\xf3\xf1\xf7Z\x81\xd5\x05\xb1\xe8S\xf9\xde\xdd\xbb]u,o\xb7\xfb\x95\xbb\t\xb7W\xb4\xac\x9b\xb3%\xd2\x89\xa8\xa2g\xbfu\x04\x0fo\xe8\'o\xbd\x8e\xf4\xc0\xb0\xc6Z\x13\xf9\xd8\xb9@!\x81\xe7@\xe0\x1c\x9a\x9aH\xba\x1d`j$\xcd\xf0\xca*2~(\x16\x8fC\xad\xc3\xbf\x98\xe7\x1a7\xae\x06\xe66\xb5\x00\x00\t+IDAT\x01\x97\x17&amp;\xd3u\x94m\xf7+\x15\xc1\xfb.\x9dW\xac\xe2\x9dZ\xb4\xc8\xb0\xa2\xd1\xe2\xb3g\x8f$?\x8f\x1d\xce\xff\xe1\xc4(\x92)\xa8\xb0\x13a\xa7\x18\xde\xf7L&gt;@\x7f.\x1fag4\xedL\xae26"\xcb\xf8\xb1|\xbc\xb7\xf7\x9d\xae\xab|\xd0]\xc7r\xd1\xa7\x08\x80\xc5\xf9\x04?\xe7\xfa\xc1q\xc4\x064$\xdb*\xc1\xe8\x0bU\x8a!\xc8\x16\xa2\xcf76\xe6y*\x1e\xc6]$y\x12\x0bN\xa7\xcd\x87\xb7\x8d\x0f2,:\xfd\xa3\xa3\xa3t$SN\x93b*\x12V Vh\xed\xed}\xfb\xca\x1c\xc7&gt;fN\xc1c\xf7\xc8\xd0\x83:\xefA\xc7\xca\xb9\x7fh\xf88\xd1\xb1\xa2L\xa7;\x0b\x0e\xd3\xea\xc2k\x8b+\x1bk[&gt;\xc2\xd2+\x97N\x8c\x12V6\x07s\xc5\x81U\x88\x17\x06c\x84\x15aLd\xf92e\x87\x14\xcb\xad1\x8aa\xd7]&gt;\xe8r\x11\xd5\xb5\xc6\x9d;\x82\x06\'\x88\xb2)\xfa\xff{-rc\xc2\xb9\xaf\xdb\x16\xa8J\xe8\xfa,\xa7Tcn\x07\xd6~\xebokkOy\xce\x08\x06\xb9[\'F\x0f\x93Z\x0c\x0b\xa332\x00Tc\\\x94\xaa"TlPy\xa8&lt;\xa2R\x17\x805|\xafbx\x81\x15\x0c\xbe\xbf\xfd\x14\x8fX\xba\xa1\'=~\xbfO\xd1X\x0e\xeb\xfe\xfekM.\xd1\xb2M\x8b\x02\x078;\xba\xb8\xc8\xb0&amp;\xf6\xbfV\x93\xb7\xd6\xb6\xf9\xa4A\xe2\x7f&lt;J\x1f\x11\x19\xc3|\x8f\x84Z\xc8\xe7\x0b\x85B"N\x1fz\x18JQ\xd6\x02V&amp;\x93\xc1+jq\x02\x85c\xc7\xb2W\x96y/\xdb\x7f3\xdb\xebO\x82\x8c\xcb0`zC\xeb\xf4\xf85\xcd\xeb\xfe\xde\x13_\xd7I\xa5\x14\x95E\x87e)\xc7\xb1\xc5\xe8R\r/\xc9[G\x8e\xac\xfc~m\xf5\xb1\xc6\x19z\x13w\xb7\x8f\x9a\x87\xb1\x1ca\xd5\xc3H`\xb0?\xad\x0f\x02\xa4\x96:\x04\xb1\xe8\x10n/~2\xf59\x92\x03\xf9\xfd\xe4\x93\xf5\xedk\xcbK\xa8\xd8AC\xe7:y\x9e\xf4\xe2%\x81\xd7\xff\xf3\xda:\x06\xca=\xc0\xbd\xef\xd6\xe4h\xd1\x12\x15\x9b\xc2\xe7\xd8\xa6#\xcb\xd1;\xb5\t\xf2Y4:y\xe4\xb2\xf0|m\xf3\x06\xc7\xe9M\xfa\xdc\xd4\xe1\xecX+\xa3j\xa5\xdc\x850\x92fy\xaa\x89T~\x08+\x13b\x8d\x17Y&gt;{\x89\xfc\x8eT\x1a|\xbc\xbe\xfe\xb4r{`\x11:qA\xae\xd3\x03\xcf\xfb|~A\x92\x14&gt;\xd8M\x7f\xaax\xff_\x99\x8c\x9dy\x04+\x0e\xc9\xe2\x88\x92iY\x96c\xda\xa6\xe4\x88\xb6\xb5T[0\xc9\xf3Vq\xff\x91\x9b\xf3\x9b\xab\x0f4\xbd\xc9\xb5\xdb\xb8z8\xdb\x9a\x00Q\xae\x8e\x85\xf7\xce\x93P\xb0\x19\xab?\xa9\xa1\x0c"\x18\x00\x16\xbe\t$F\xbe\xe2\x9b\xdc\xde&amp;]\x7f\x7f}\xfd\x916{tr\x0eX\x86\x91\xac\x8b\x85/I\x10\x14Akr1\x97\xb9_\x9e\x87zy\x07\x1b\xcf\x01\x8e\xac\xc8\x0e\x16\xa8\x14\x9f-\xdb\xf6\x9dZ\x8d\xd9\xdfTf\x8f\x1c\xad&lt;X\xdd\x9c\xa1\xa2\xe6\xbd\x812\x9d\xa0\x95\xeb\x85\xbb\x80\xd5\xc2\x80\x80\xd7\xc2*\x10a\x85\x02aD3\x15\xca\x1f\xfc\xdc\x83\xe1\xd0\xed%cm\xcd,\x1d\x9d\xbee\x80*\xa8\x11\x16\xb8&lt;\xb0=4\x03\x98$hT\x91\x1as\xbcf:\x08\x94c;\x10I\x04\x8am;\xb6,K\x82-\x9bv\xb5V\x9b\xb00](\xfe\xb9\xc9\xc9\xea\x8d\'O\xaeQM\xf3\x06\xef\xf6\x93\xd7\x07\xe3\t2}\x0c\rUK\xa0\x859+p\x0e*\x91`\xa4\x14\x15\xc8P\xffU\xecB7q=^\xdd\xbcV\x1a\x98\xfe\x0bg\x18\xba\xa6w\x92\xb5\xd8B\xf6"\xcd\x04E\x91\x15\x8f\xb1\x9b\r\x92\x86\xe9\x082\x80L\xc0\x80\xc6\xc4\x0b&lt;\x8b\x8a \xd8\xb6\xe8Tgk\x8bNT\xf4k\x95yj$\xaa\x7f\xfd\xe6\x9b\x7f\xfc\xf9\x97\x95\x933\x1f\x01+\xc6\xb8z\x1bX\x90\xabN\xd6\x12\x08\xa7\xd8~D\xc2PS\xb9O+\x9cNwUs\xcfl\xae?\xd0n\xffd\x16\xdb\x06\x0e\xe5:;=\r,\x10\xf9\xfc\xecY\xc2\xfb\xcb&lt;]\x13\x05\x87\x85Y\xcb\xa4\x9dg\xca2\x033EQ\xf2)\xb6)Z\xc0\x9a\xad*\xfc\xf2\xc4\xd2\xcd\xa5j\xb5:q\xf5\xc53\xaco\xef\xf2\xf3\x94\x11\xa8\xbfkm}\xaf\x05\t\x81\x92A\x80\xd8\x90\x12\x8054\xc4\xa8\xda#\xbfy\x97:ev\x88\xf4t{{\xa6:I\xc6B\xe1\t&amp;\xf9N\xc6D\x06\xf3a\xf9\xeb\xc2IH\xb1\x8a\xe6\xdae;Q\xc4\x8e\xb0\xeaT\xf5\xa5H~\xd1V\xe4huava\xb1\x08\x9ez?\xbf\x12\xbd\xf5bc\xe3\xd9\xc6\x8b\x87\x95\xaf\n{\x11\xa7@&lt;\xde\x1ao\xc9\x94\x91\xa7H \x8c\x16\xcc\xe8C\x98\xadS\x94\xf4\xcf~\xba,,\xde\x9e\x9c\xbc][X^\xb9\xbbRY\xa8-\xd5\xd3\xaa\x91\xec\xec\xecdT/\xb9\x18\x18\x99L\x94\x85]%\x0b!\x93\xe5z\x08eY\x14\xf1\x8d\xa8H\x02\xb0\x04\xd3\x9a\xb8\xb9x\x13=\xd7J\x14\xdbs\x19\x96S\xccy\x14\xc7\xb5\xd5\xcd\xe73g\xf7\x86\xe1hp\xc5\xf7\xa9\xa7\xa90\xa7h\xf7a\x85\xf1\xef\xed\x91\xa1\x8c\xda~\xe8\x8f\xd7\x1fV/\x0cL\x9f:ujz\xb141Q\xc5\xaf\xb6&lt;\x87\x11\xd6\xabs\xc9\xbaXL.\x0fa\t\xbe\x06\x9cO\x90\x94]\x8eIT0\x14\x85NQ\x14\x86%!\xd8\xa6\x02\xach\xb1Z,\xc1y\x90O c\xf2\xbc\x9f\x7f\xb4\x01\xb0\xf5\'?m\x1e\x1fG\xecZ\n\x85}\x99\xb6\xd3ej\xb3\xd4\x10\x19\x0b\xa9\x0b\xd1C{\xda\x1e9\xf3\xd9\x85i@MO\xff\xc9\xa9\x17\x7f6\x19XJ\xd2h`\xf9\xbf3\xd7\xcb\xc5\x08\x85]\xa6\xdc\xf0\xb9LP\x12\x14\xc43\xfd\xd4\xf4\t"\xd5!\x07|\xec\x7fw\xd2\xdeIr&gt;\xcfS`\xad\xad\xaeo\xfdv\xbc#\xd3\xb1w_a\xdfx[{\xf9\xf4\xe9\xb6\xb6t$D1\x0c\x84\xd3\xed\xd8\x83j\xf8\xd2d]\xa9\x81\xeaI\xaf\x9e\x14\x10\x12\x8br\xb3\xe9\xe7\xb8\x06\x16\x13\x888\xa4\xfaR\x88Ah`\xc9\xa6\xcc\xb4\x92\x18\x15\x85\x90B\xec\x17\x14\x9fd\xcb\xd2wv\xec\xf4\x10\x17\xaf\xf9*?\xdf"\xae\xd5\xcd\xad\xaf\xc7;\x9a[&gt;l\x1eO\xb7\x95\xcb\xa7\xe9`DE\xfa\x8c\xe5\xc3\xd4\xdb\x84\xef]fP\xa7N]\x98\xf7\xa2O\xd6\x8dd2\xe9\x11\x90\x04\xfc\xc9\x7f\xc7\x12\x18\x13\xe1\xb0Gf$e\x17\x11\x99\x04&amp;\x92V\x88\xa1(\x81J\xf0)&gt;\x9f\xe4G]\x10\x1a^|\xa9\x17\xcf\xf1R\xe5\x11\xb8 \xd8\xe6\xdf\xbf\x0e\x7f\xd8\xdc\x91I\xb7\x9d\xfeY9\xfd\xc9\'\x87\xd2\xa90\nd3\xfa\xf8\xeb\x97\x07\x06\x18\xd4\xc0\x82\x86\xce\x8f\x9aQ\x0e\t\x0b\xd1#(&lt;\x12\x96\xbf\xa1\x94H\x8b\x94\x12\xa1\x0b\xa5\x82]\xf5\x9d\xc7B\xf7\xcf6\xce\x9f\xc5\x89 \x0c\xe3\x9b,+\x8b\x99\x81ec\x04q\xa6\xb8\xca*\x85xi\x16\x0b?\xc3!\x04\xbc*\xca}\x83\x90\xdbj\xdb\x08v\x1e\xd8\xcab\x15\xb0\xb0\xb8"i\xae\xf1D\xb1:\xbbkl\xaeX\xdb\xc3\xc0\x86M!\xbe\xcf\xfb\xce\xee&amp;\xe2l \x90M\xd8\xdf&lt;\xcf\xfbgf\x13\xc2\x1e\xb2\x88x3\xad\x1d\x03\x1d\xf7\xda\xe4uy\x83\xa1z/\xff\x80\xebg\xb1\xfd\x8doO\x1eg\xd9\x04?\x04\xcc&amp;\xe9\xc3g\xf3\xa3\xf4\xfe\xbb\xf3c\'\xd5\x8f\xab\x10\x99\xc7T\xc0:\xc0s\xd7\x90r~-W,r\xf4\x05\x8ec\xcas\xe9\xe7,\x8cXKV</t>
        </is>
      </c>
      <c r="M223" s="3" t="n">
        <v>45492.67665509259</v>
      </c>
    </row>
    <row r="224">
      <c r="A224" t="n">
        <v>840150</v>
      </c>
      <c r="B224" t="n">
        <v>1999</v>
      </c>
      <c r="C224" t="inlineStr">
        <is>
          <t>Matheus Fernandes</t>
        </is>
      </c>
      <c r="D224" t="inlineStr">
        <is>
          <t>Matheus Fernandes</t>
        </is>
      </c>
      <c r="E224" t="inlineStr">
        <is>
          <t>VOL</t>
        </is>
      </c>
      <c r="F224" t="inlineStr">
        <is>
          <t>VOL</t>
        </is>
      </c>
      <c r="G224" t="inlineStr">
        <is>
          <t>VOL/MC</t>
        </is>
      </c>
      <c r="H224" t="n">
        <v>183</v>
      </c>
      <c r="I224" t="n">
        <v>35</v>
      </c>
      <c r="J224" s="2" t="n">
        <v>35975</v>
      </c>
      <c r="K224" t="inlineStr">
        <is>
          <t>Right</t>
        </is>
      </c>
      <c r="L22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40036f1-9d7f-47ad-b9c0-d05f88af0b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3PN\x17\x00\x00\x00&gt;tEXtComment\x00xr:d:DAEewil2SDw:3129,j:9030118292309124670,t:23082714\xb3\xea\x8f\xec\x00\x00\x00\tpHYs\x00\x00\x0e\xc4\x00\x00\x0e\xc4\x01\x95+\x0e\x1b\x00\x00\x03\x00PLTE\xff\xff\xff\x0f\r\x0f\xfe\xfd\xfe\x16\x13\x15\x01\x01\x01\n\x08\t\r\n\x0c\xff\xfe\xfe\x05\x03\x04\x07\x06\x06\x13\x10\x11\x19\x16\x18@"\x17\x13\x08\x069\x1d\x13\xd7\xe0\xf8\xd5\xdc\xf8\xdc\xe1\xf8\xdb\xe4\xf8\x18\x0e\x0c \x0e\x08\xd7\xa2\x83\xd2\xda\xf4\xd1\xd6\xf0?\x1e\x12\x1e\x13\x12\xc1\xc8\xe1\xda\xe6\xfc\x1e\x1a\x1b2\x17\x0c\xd2\x9d~a4#\xb8\x82e\'\x10\x07R-\x1e\x0e\x04\x037\x1a\x0f\xf8\xf8\xf91\x1c\x15\x1b\n\x04K(\x1b,\x13\x08\xd7\xa4\x88\xc6\xcd\xe9%\x15\x10\xe6\xaa\x97\xdd\xa1\x88\xd9\xdd\xf7\xe0,:X1!\xcf\x8dn\xc9\x94wE&amp;\x1aM2+G!\x16\xdc\x9e\x80\xd2\x90vI-$uC-\xbe\xc4\xde\xfc\xfb\xfc\xd0\x95y\xcd\x8dv\'\x1a\x18\xbd\x87i\xcd\xd3\xed% !&lt;&amp; k@,\xe1\xa7\x8f\x88\\H\xc4\x8fu/ \x1c\xca\x86f\xc4\xcb\xe59!\x18\xb0y]\xc2\x8cn\xe9\xae\x9bT90\xce\x99|\xd7\xd8\xf2\xdf\xe6\xfb\xd5\x9f\x80B0,\x89L4h8%\x8dV&gt;}L6,\x17\x10~E-\xa9dF\xd5\xde\xf33%#\xb4~a\xba\xc0\xdbV@:\xa8pV\xd7\xe4\xfb\xe2\xa4\x86\xd7\x98x\x96cI\xc9\x87p\xc8\x8dp\xd7&amp;5\xbcx]\xc3\x81g\xca\xcf\xec]:.\x97Z?B+$\xf6\xf3\xf3\xd6\x97\x80\xda\xc6\xe0\xdb\xde\xf1\xe2\xe3\xf6\xbaqP`A6\xe8\xaa\x8ejF;7\x12\t\xd0\xc7\xe2\x83T?\xd8\xd5\xeb\xf1\xf1\xf3\x9flU\xb7\xbd\xd6J84\xe4\xe2\xe4:,)\xb1jJ\xacu[\xed\xe9\xeazRB\xd5\xce\xe6\xd6\x9c\x85\x93R6\xa0\\@P&amp;\x19\xdd\xdb\xdc\xad\xb3\xcd\xcd\xc1\xdd\xc7\x90\xa8\xc5{]Y)\x1dr9\'\xd4\xd1\xd4\xdc\xbf\xd7-+,c\x02\t\x8c\x90\xa4\xc2\x85osL:\xb3\xb9\xd2\xa6kO\xd8\xa5\xbf\xcc\x1c/\xa0aI?\x15\r\xcb\xcf\xe4\xd0\xb7\xd1\xe1\xd7\xec\xe2\xcf\xe3\xdf\x84\x9b\xbc\xbb\xbb\xcb\xc9\xc8\xdb\xa2\x91\xdc\xec\xfc\xddv\x8f\xda\xaa\x8e\xb9\x82mXTT\xdc\x91\xa9\xb4uX\xe55A856\xaf}k\xe1\xb0\xc5\xbe{j\xe2\xee\xfal\x03\x0c2\x0c\x05xmk\xcf\x9a\xb6\xa7\xac\xc3\x96gU\xc3\xbf\xd4A??xWO\xc2\x7f\x97\x99\x9f\xb6\xc3\xa8\xc0\xa0\x07\x1c\xa1\xa7\xbf\x8bbU\x99n^\xeb\xb4\xa0\x8c\x03\x14\x93\x98\xac\xb2\x0b#hee\xd9\xb4\xcd\x96KI\xe9\xec\xf6\xb4\xb0\xb1\xa5ub{\x03\x11\xd8\xc2\xba\xcbokLHI\xbf\x13)\xc7\xb2\xca\x90\x8c\x8f\xe6\xbb\xd0\xd6\xb2\xa8\xe4\xa0\xac}z{\x86\x84\x88\xa3\x9f\xa1\xc6\x8d\x83\xc8\xad\xa3\xad\xa6\xa7\xef@K\xd7z}\xdd\x8d}\xbd\x9c\x90\xa2\\T\xe6TY\xe6\xa9\xbe\xc8\xb9\xb6\x89:@\xb5\x87u\xe6ex\xe2\x8b\x89\x9b\x96\x9a\xce\x9f\x90\xb8Yt\x971,\xbf[H\x8ewv\xdb\x90\x8f\xa4\x86\x83\xcel\x87\xd9}l\xb1nf\xe6\xcd\xc8\xb4j\x81jOG\xec\xbd\xb2\xee\xda\xd6Q\x10\x12r\x19"\xb5\\Z\xbaKe\xde\\n\xaeE;\xa2\x13J\xab\x00\x00 \x00IDATx\xda\xcc\x99\xcdK[\xdd\x1a\xc5{r&lt;\xb99\xe7\x98L\x92\x82\x81\xa36\xd1\xc4\x0f|\x854\xb1~\x90\x98rLcD\xfb*TMT,\x95V%\x12?\x06\xb5\xbd\x84\x94j\xab\xa8u`+\x01%\xe0,\xe9\xa0!D\x84W(q\xa4\xef \x838\x088P/\x8e\x05\xff\x01\xa7w\xed\x1d\xed\xed\xbd\xd3{b\xfb\xb4\xa5\xd6I\x7f]k\xed\xb5\x9f\x9d\xde\xbb\xf7\x7f\x8f\xea\xbf\xe7\xde\xef1\x94\xc5\xe2T9-\x16\xfc\xfc]\xd0T\xaa\xc8fb}ai=~\x15_O\xe4\x12\x91\xdf\x00\x8b\xe8\xb4~\x92Mf\xcfN\xb3\x99h&gt;\xbb\x9fN\xe6\xd6#\x90\xed\x17"\xddS9A\xb5\x90KF%Q\x96XA\x90$YL\xe7O\xaf\xae.\xd6\xa9d\xaa_\xa1\x933\x12\x89\xcc\xce&amp;N\xb2iY\xe08\x8eW\x0b\xac(J\xe9(&amp;\x7f\xb6`\xf95\x19sZ\x16\xceO\xae.\xce\xe1\x9d$\n\x8c\x9a`\x89\x92\xc8\n\xac\xc0\x08\x82|\x1a\xdf\\\xba{0\x12\xa9\x8b\x0c\x11F\x96d\x99\xe1\xd4\xe0\x02\x90 \xb2\x1c\xf9\x1a\xaae\x92\'\x0b*\xa7\xf3N\xb9\x10\xaa\xd9\xf8iZ\xc4_\xcf\xb2\xa2\xc4\xa8\x05\x0c\xcb\x12\xa9\xd4\x1c\x01\x03\xa0\x18=\xcd\xe5\x12\xb3w\xc8Er\xb5y\x92\x97Yx&amp;\x08\x0cC00jb\x9f\x9a\xe7\xd4\xf8E\xe2\x9f\xce\xa4\xb3\x9b\xce\xbb\xc3rF\xd6s\xa7\xf9\xa8(\xc9\xac\x9ad\x89a\x04\x96\x1a\xa9\x86V&lt;\x07C5\x1c+K\xa2$\xa5/"w\x86\x85N8MF\xa3\x12\x9cb8\x81\xc4]\xadf\x91-\x86\xe7y\r\xcf\x93\x9ci4\x1c\xf1Q\x88\xee\xe7\x96\xee$\xf7\x08\xfb\xe6I2\x9a\x96eb\x9aZ\xcd@\'\x0erqjV\xe4J4%\x1a\x8e\xc1\xb7y20S\x103\xb9%K\xf1\xb9\xf0O_?K\xcb\x08;\xcd7\xcd\x15\xd8\x18\xb0\xa9\x89H\x1a\x9e\x04^\xcdk4%%\x1a\x9e\x88\x96\xd9\xcf\x15\xdfH\x14\xc3y^B\x11\xb0,t"\x04\xc0\x80V\xd4?\x04\x8bb\x81\xaf\x04\x03H\xa0\xf1B&gt;^l\xbdT\xce\x85\x93dF$\x11\x87`P\x05\x08PL@\xc6y\x8e\'\xdaQ\xc0\x92\x92\x02\x16!\xd3pb2\x1e)n\xc0T\x91\\2\x8d\xf3\x07\x16\x14\x96\x00mx\xc00\x0c\x89:C\xce!Fs#\xd4\r\x16\x8f\xb6H\xc2GUQ\xbb\x1d\xc1Bmr\xa4\x14\x18\x8e\xa6\x07_\x92\x88\xd3^@\xcc9\xbe\x84\xb0P\xaa\x02\x16\xf4\xca\xc7g-\xc5\xb5P\x16!\x13G\xa4!B\xf0\x1cBFd\x82}\xe0\xe0\xc1\xcaS\x18M!^\x94\x8c\xe3\xd9\xfdD\xd1\xf4\xc2\xc2\x97\xc8\xca2\xc9\x14Gl\xe49z\xd10\xd4;\x12s@\xa0\x14n\xe2^Rr\x9b0@\n\xe9\x93\xf5"\xf5\xbd\xca\xb2\x14?\xcbDe\x916\x82\x9a\xb6(\xc3\xd1b \xc3\xdfZ\xf6\x03\xa80\xe4\x08hx6\x8d\x9b\xbb(\x0b\x98*\x12\xcf\xa6\xd3\x88\x16E\xe2\xab\xb4z\xe2\x1e\n\x81\xe7)\x1a_UE+\xe2\x7f\xb8p,\x08.\x9bLX\x8a\xa2\x97s\xe1"O\xf6O\x81\xd4\x00\xa7\xd5\x1b\x8dz5\xa3\xd5\xea\xb5z\x8cQ_\x18m\x159\x94\x9a\x9b\xb3X0\x91\xfc\x91\xe7\xe4\xfd\x0b\xec\x13E\xf0p\xf34\xcd\nd\xd3\x834Z\x83\xceQZ\xde\xd0`h\x18\x1a\xf2\xf9|\xdd\x1d3\xa5\xdd\xddV\xab\xb5\xc1\xa0\xaf\x01\x1b\x86\xff)]T3)\x03\x1fU\xcac%\xb0\xb4c\x97\xc1\xca\xa0\xd678l\x83\x9eJsiw\xeb|(\x14\xf2\xb4\x05\xfc\xfe@\x9b\xc73h3\x9bk\x1deu&amp;C\x8d\xb6Js\xab\x18\xcd\x1c\xea&gt;\x99P\xdcFtV&lt;\x1f\xa5+\x96Z\xab\xb7\x9a\xbf\x0c\x0f\x0f\xf8\xfdm\xc3\xfe\x9d\x9dXl$6Bfuuu`x\xb8\xedK\xa5\xcd\\[Vn\xaa\xd1B6\xcdm\xf0\x81&amp;\xe7,\xcac-]\xa5%\xba\xaaW\x19J+\x07\xa6\xa7\xa7\xd7F&gt;\x8c|\xc0\xbc\xc6\xe0\xb7\x91\x915\xc2E\xc1\x06+?\x7f*\xd5\r\x81\xac\xaa\xaa\x90{\x82%\x9d+\x8e\xe5tnf\xa3\xf4\x86V\x1b\xcc\xc3\xabk78\xb7\xf3\xa1\xc05M\xb8\x06\x08\xd7\xe7\xcf\x9f\x1e\xe9\xca\xebL\xa6\x9a*r\x07q\xe482\xc9u\xc5\xb1,\xf1\x0c\n^\x12\x18\x83\xcd?\xf2\xe1u\x103\xb5\x11\xdc\xd8\x08\xbe\xde\xd8\xb8%\x1bY\xa3`7r=*\xab.//\xaf3hI\xfd\xd3\x96\x90\xcff\x95\xf6p\xe1T&amp;\xef\tA\xaf\x0b|H\x05\x83{\x1bSt6n\xe6\x87\x91\x94\xeb\x16\xab\x1a`D/Maqe\xf2KJo\xca\xf1l\x94p\t\xc6V\x7f\x8a(555A\xa7\xabk\xaa\x0bt\xc1 \xe1*`\xad\x0e\x00\x0b\xb1/\xd5\xe9~\xc2\xc20\xc9%\xa5\x03O\x1f\xaa\xe0r\xdb\xa6\x83{{{\x04\xaa\xbd\xa5\x1d3\xd15\xd1ED\x0b\xbe\x06\x15l\xfc\xa1V\xed\xa3\xd22pQ\x17\xc9\x06\xc4\xf1\xa2\xc2&amp;\xc2\xc3\xfdtT\x86\\\x92\xdbL\xb0(U{K\x8b\xab\xa5\xa5}bb\x8ar\xbd.pM\xd3p\x01\xeb\xd3\r\x96I[(.\x8dF\xbcr*\x8c\xb5\x9e\x85V\x92(\xba\x87l;\xc1\xbd\xad\xad\x89-`Q\xb9\x88\x8ft\x00FR?=\x8d\x8e\xa0."]e\x04\xab\xe0"\xd8\x84\xec\x92\xa2=\x0f\xac\xa4D^\x84\xa2\xbbc{ljkk\x8a\x88E\xe4z\xf8\x9f\xe9\xa2\x82\xe10\x02\xab`c\xe10\xd6\x19\n\x17%j"\x9dP\xf6\xfaQ\xe5\xf2\xe4.\x14D\xb7#\xdcs\x13-d\x8b\x86\x8b \xb5\xe0\x07\xb8h\xbe\xa6o\x1b\x15r\x81k\x88\xb4*W\xc0\x92\xcf\x15]RU\xce\x8b\x0c\x8bw\x8e\xe4\xb6\xb6\x02\x0b.\x12*\xc2E\x86\x8a\xd6\xf2\x90\xf8H\xb8\xd6~4\xd7\xa7G\x8e\xd2j\xabu\xc8\xa0g\xe8\xc6\xc3\xb3\xa7\x16E=t\xc6\xf3\xd8\xfe\x80\xd5\x1d\xf2&gt;\xa7X\xd4\xc39: +P\xddrQ\xbd\x06?\xd7\xd6\x02K\x07\xac\x06,A\xf4\xcd-\x9c*\xf9Y\t\x9eS\xf1$\xf9\xe0\xca\xe8k\x9d\xf7B\xadB\xb4\\s7\xf3\xea\x15\xc9\xd8O\\\xe4\x0ej\xab4\xd7\xd6\x12,,&lt;n\xb7\xdb\xc8be\x14\xcf\x94\xbd\x15q\x12YQ\x12\xa5\xd1\xa6P\xb8\'\x18\xa4Z\xb9\\s\xcd\xcd+\x8d\x8d\x8d+\xcd\xcd\x00\xa3\xe9\x9f\xec\x9a\n\xa6&gt;\xec\xe0"_\x1d\xc6&amp;\x81\xea\x82ZV\x9f\xdbh\xa4\x1f\xe6D\xe3\no\\\x913Q\x94%\xdfLo(\xfc1\x05,\x17\xb4jn,\xccJ\xe3\xca\xca\x1c\xb8\xda\'Q\x17\xc0J\x8d\x8c\xec\xecL\x0f\xb4y\xc0\xe5\x80V&gt;\xdf\x10L\xc4\x82\x8d\x82P\xf6\xee\xf9\x87\xe5\x1cZ\xc9\xa3Mo\xc3\xefz\x08V\xcb\xab\xb9\xfbO\x1a\x1b\x9f&lt;\xf9\xfa\xf5kc}=\xb8\\\x98v\xd7\xe4\xe3`0\x15\x8b\x8d\xfb\xc3X\x0bC6\xb3\xc3\xa1\xb3\xfa\xba}n=\xf9\x94\tb)\xbd\x9b^H\xac{t\xa6i\xf9\xfbG\x8a\xe5\xaa\xa8\xaf\xaf\xffZ\xff\xf5k=\x99\x95\xbe\x02\x96\xcb\xb5\xf5|,66\x1e\xde\x9e\xefmjj\x9dq\xcc8:\xba1\x8b\xa3F\xa3\x91a\x92\x0b\x8a\x7f\xa8\x15\x8f\x1a}M\xbd\xdb\xe3=\xa9Tjjr\xf2\xdb\xe5\xe5\xe5\xee\xe5.\xe6\xf2\xb2\xd3n\xef\xb4\xbb\xe6\\\xf6\xc9\xf6\xa7\x1f\xc7\xc3\x81\xed\xf9\xd6\x0e\x1fN_C\xc3\x10\x82e\xed\xee\xee\xe8\xef\x1fE\xe6\xc5\xb3\x88\xe2\xcb\xe9\xc2\xbe\xbb\xff\x05\tV*\x15\x9c\xec\xdc=&gt;\xfa~xp\xf0\xf6E\xef\xfc\xf5\xf2\xd1\xee\xf1\xf17{\x9f}r\xf2\xf1\xf3w\x9eP\xef\x8c\x0f\x8f"&lt;\x1d\xf1,\x02Z\x83\x15X\xef\xd3\xa3\x08\xc1\x95\xd2/~\x95e\xf6|qq\xde\xe3\x05Vp\xabs\xf7\xe8\xe8\xf0\xfa\xc5\xfb\xfeQ\xd9\xed\xebh\xba&gt;\xf4.{w\xfb\xecO\x1f\xf7\x8c{C\xad\xd6\x06&lt;\xcc\xb4\xda\x1a\x83\xc1\xd0`0\xd4\xd4\x18\xac\xc0z\xbf(K\xd1\x9c\xe2\x1fD\x90\xedt\x06\x1eb\xd7z\xf0x\xf7\xf0\xe0\xfa\xfaE\xef\xfb\x8e\x0eX\xe4h\rm/\xb7\x05&gt;V\xd4\xdb{v\x02\x9e&amp;\x9d\t,\x86\xbaj\x87\xd9f3\x97V\xd7\x19j\x1aF\x81\x95\x06V\\\xf1\xfft!\x0f\x9f\xf7\xa1\xe5X*8\xf5\xe0\xd8\xbb|px\xf4\xdd\xeb\r\xb4\rVV\x0ez&lt;\x01\xaf\xff{\xe7\x93?\xfaR\xfeAsi\xb9\xc9TWW][\xb9\x1d\x08\x04&lt;\xb6Z\x02\xe6^\xec\'\xca\xa6\x8b\x80\xe5L${\xe7\xc3\xc0\xda:&gt;X&gt;\xfa\x86\x98\xdb\x9f&gt;\x8f\xa1\x9d\xda\x86\x07\xa6c=\x8f\xeb\xff\xfe\xc3\x95\n\x98\xcb\xca\xeb\xea\xea\xca\xcb\xcc\x9e\xed\xb0\xdf\x0b,Gi\xa9\xceD\xe4\x02V&amp;\xa1&lt;\x96j3;?\x1f\x1eK\xed\xedz\xc3\xc7\x9d}\xcf\xea\xeb\xefw\xf6\x8c\x0f\xb4\r~\xf92&lt;\x9d\x9a\xbc\xff\xe6\xef?]\xb16\xbc\\M\xa0\xb2m\x1f\xbe\x1b\x8b\xf9\x89Xe:\x9du\xc8\xb7H\xb16\x95\x7fT\xab\xd6\xf7\xdfn\x87c\xc1o\xef\xbc\xc7\x9d\xae\x8a\xfb\xcf*:\x91\xf0a\xb8X\xd9\xb6:f\x7f\xf9\xe6\xcf7\x0fG\x06\xffi2\x99\xfer\x84\x96\x8f0\xe3\x01\x8f\x19\xebi5\xb8H\xe8\x17G\x8b\x86\xe5\x8d\x05\x1f\xbc\xeb\x01U\x85\xbd\xb3\xef_\xbb\x87\xdb\x95\x9fm\x95\x83_\xfc\x8f+\x9e\xbcy\xf3\x92`A\xad\xea\xd0\xdb\xb7\xd7\x07\xc9\xfcb\xb7N\xd7\x8d5\xb0\xba\x9a4W\xbahX\xcb\xcb\x04\xebc\xe7\\\xc5}\xfb\x83\xce\xcb\x83\x17\x1d&gt;\xac\x14\x8f*\x87\xc7!\xd6\x93\xc6\xe6\xae5\x8aU\xf6\xa8\xac\xf6`?#3U(\x89!+\xb8\xba;f\xfa\xfb\xd3E\xc4\x1a\xdb\xfb\xf6\xb4b\xee\x99}\xec\x9dw\xdegd\xf45\xadom\x83\xe1\x9e\xbe\x97o\x9a\x9b\x81\xf5\x05\x89\x87:e\xa1\xc3\xfdQ4V\x8d^[c2\xfd\x9bv\xf3}I\xbb\xdd\xe3\xf8A\xd8-\x1c\xd4\'s`\x0f\x9ci\x96\x1a*h\xfa\xf5\x07\xfd\x18\xa7\xfc\x9aT~\x07\xd3\xd4F\xa1|sr\xcb\xb7\x1f\x0f\xe6\x0fdb\x9e&amp;.{\x90\x8d\x03\xca \x9f\x9c;\xe18\xc6$h \xb7\x8f\x9a\x0fF,l0\xda}V#\x0bZxF\xadh\xb1:gp\x9f\xcfe\xfb\x13\xbe]\x05\xd6\x93x\xf1\xbe&gt;\xd7\xfb\xfa\xfc\xb8Br\x01\x96-~\rX\x7fa\xcc|MDp\x8f\x7f\xa8\x0b\x92\x05\x88fC\xd9\xdd#\x94\x89\xa9\xac\x11\xdf\x18\xbaG\x92:Rg\xb9?\x82\xa1=\x93\xaa\xfa"xV\x04y\xbcK\xc2fs\x01\x94\x03\xd7O&lt;\xfen\x9e~,\xe6\xe3\xd3\x08\xee\x1d\xcc\xf8\xba\xf4j\xff\x92\xc3\x08Q]\xa6\xc0\xb2\x9c\x8eY\xf3\xed[:\x1d\x19$\x01+\x05R\xf14*A_6\x0b\xe60\x00i\xbc\x84+\xbc\xc2\xb2\xc5\x9f_\x03\x16\xe3\xd1\xa75\x1c\x1f\xf3\xfb\xba\xf5\x0f\xfc\x99Bs\xc1|X\x8c:\xecN\x87\xc7\x0c\xa9 \xa2Bj\xa5x\x80%\x85c\xd0\x07\xd9\x96\x14\xb6\x14\xecB\xdc\xc0\xd2\xda^\xbe\x9a\xa1}\x1e\xcb`L\xed\xacE\xbc\xcd\xfe\x07\xfai}\xf7\xdd\xbb\x1d]\xe6La\xf6\xd9\x92\xa7`N\xe6M$\xa8\xa5DX"\x16/\xc7\x13\x01\x95\xd39\x92\xedC\x15?$\xf4`],C\xcc\xf6\xf2\x0f\xba\xe7\xc4\xf0\xc7:[\x0fJx\xd4oQ\x8f\'a\xdd\xbb}\xb7\xa3\xbb\xdb\x97\x19\xf2\xddN\x9a\x82\x08K\xa9\x9c\xf6\xdf\xb7\x83Bb^zx\xd18\xe2\x8c8"\x11\x94\x0b\x0e\x83\xd3\xf3\x10V\xfc\xcdo\x07\x07O\x1f\xd1\xd7\x11d\xb6N]^&gt;&gt;\x88B\xc4\x03\x16\x10\xe4\xe1\x0bvnz:\xd9n2)\x14A\x12\x96r\xdc\xf2w\xf0u\x16\x87\x97\x1a\x1e\x19\xb1\xdb\xed\x8e\x89\t\xaf\xc3\x11\x81RC\xc3\x1a@X\xf1X\x8cp\xbf\x9f\xef\xa4\xed\x9a&gt;\xcf\'\x93\xdbE/\xee\xc9\x00\x96\xb2\xfd_&amp;X\xed\xca[J\xf4\xa9P(H%I\x9aL:\xf5\x8b\xb9\x11\x81\x86\xc7\x03\'\xb3\xa3\xda\xc71\x01)\xbd\xc38,\x92\xb24\x93\xdaX\xdc%\x0b\x87\xf9\xbc\xaf3\xf4\xc8\xc5\xec&lt;\xcf\x9f=\xf4\x8f\xfb\xbd\xf8l\x03\x0bH\x00\x07\x15\x17 \x94\xc2j\x05\xcf"\x15\x95J^\xff\xeb\x92\xbd\x0f\xa2\t\x13\x18\xedO&amp;\x9e&lt;\x81\xfa\xc7\xdb\xc0\xd2\x00\x16d\\m\xb2\xd5\xd5p\xd8@S\xd6\xc5\x98\xaa\xd4\x8e\x8f\xe6\xc6\xc7=\xdeb\xc6\xa2GX\xd6\x06\x98\x02\x90\xac\xf0\xb3R\xa73U..\xac\xc9\xcc3\xfb0$Y)Q\x9f}bnnnb\x7f\tU\xb2}WXnPk\x15V\xee\x15-\xfd\x11f\xe7\xe5\xf4\xf1\xd1\xd1\x8a\x82l\xf6\x14\x86,z\x9d\t\xd1\x00\x98\x02a\x01\x1c|[+\x08\xab\xbd\xdb3"\x10\x89\xe0\xf8\x89\x8c\x0e\xe0ZZj\xd4e\x10\xf3\x9a^C\xccms\x81V\x80\x15xJ\x0bV\xeb\xf9\xd9\xd1\xd17\xc5E\xd02X\xc8\xa8\x01+X\xa9\\a\x81PI\xd8H\x80\xaa\xc0o\xf9\xbbw\xbc\xb0a\x90\x94J\xb1\x94\xd1\xf1d\xee\xfe\xfd\xfd9T\xc5BU6\tX\x932\x84\x15\xcei\x0fh\x11k\xea\xe2\xf8\xe8G\xcdZ\tZ^47[\xd4\xba \xa4Vh\xf3\xd0NNw\x01\x96\xc2t\xd7lN\xb6we&lt;#i\x16\x87\x95\x92\xb28\xb9\xb4\xd1\xb1\xf4\xac\xd1\xbd\x19VI\xa5\x06\x83\x96\x00\xacp.\x07jI?1h\xb9u\x14\xc7G\xbf\xd6\x15\x95\xa0\x1a\xb0\xfc\x08\xab!\x14\xd2K\xa9\xd7+\xf3I\xfd\xacS\xd5W*\xacx"*\x9eP\xc2\xe5s8\xfc0&amp;p\xa29\x02\xc2\x12I\rZ\xad\xd6\xed\xb6q\xc2\x18\x06r\xd1\x82\xc5d&lt;\xce\x1f\x1fm\xd6+\x15\x9d\xe5\xc5\xd8\x1d\xc0"\x83\xc1\xe0Ux)\xf5\xeaiS~\xda\xb3\x98\xcbI\xfb\xbc^\xa7\x8a\xc3mii\x81[\x10\x12\xd4\xd4\xb0c\xe9\xfe\xd2\x9c}D\x90\x92\x1a\x08\x845i\x00\xef\xc8\xad\x86Eo\xe9\xc1R\x1c\xffy\x16\xac\x90\x16\xf5\xe0 R\x8b\x84\xfb/h\xb5V\xac&amp;\xbdE\xad\x04\xd52\x13\xce\xc4\xda\xc6\xeb\x84\n\xe3s\xd9-P\x8a\xc1\xe5\xcc\xc3\xd06\x02\x96Q \xd5\x18\x08\x02\xb0z\rX\x8e\xc7\x0b\xafR\xcb\xb4l\xe2\xd4\xc5\xc3?k\xc1\xa0\xda\xa2\x1b\x8c6\xfb\xf5`R\x90\xc5(\x1ab=\xd0\x9b\xc0\xb0\xac\xc9\xe2\xeb\x8d\xb5D\x88\xa24B4\x1d\x93\xc8\x80\nK\tF&amp;\x00k1\x8di\xb4\x04A\xb8c\x03R)\\\x98\xe1U\x9aNb\xe7\xf9\xe6q-X[X \xc7\xa2c\xfeq\x1dj\x1b\xe9\x90\xa5&amp;\xbba\x0f!\xcc\xbe\x14\xf1r9@h\r\x94\xc1\x05rAR*\xe3\xf0\xb0TZ`t8\xec\x8b)LC\xb8\t\x08\xad^\r\x96\xcb\xf1V\xc3\xe5\x19\xda|\xeb\x8c\xb4\x1c/\x90\x1d\xd1A\xbf~\x1c-\xb8k\x14\xf9\xe9n}\xd2\x94\xffrX\n\x05\x02\xdaI(e\r\xb6Q9\x9a&amp;B\xea\x07z\xa5D\xaaE;\xc22\xb8\xd1\xb2\xf5\x8a\xc5\xb9pn\x95\xf7\x95\x9en\x12\x04\xd7\xe6\x19yv\xbc\xa0k\xdf\xf0\xdc\xb9\xc2\xd2\x91\xa6&lt;`u%\x93w7\x12\x01\x08\x1d[\xbc\xbfI\xde\xdf\xdf\xdf\x83\xda\x0f\xec\xab\xa8\x97\x8a\xd2F\xa71\rX\x01\xb7;\xd6\xeb\x92\x89\xc3\xe2\xf0\xaa\xe1\x13-\x97\x0f\x13\x82\xebl!X{\xb8\xa0Sl\x94\x9a\xd5\xa8\xed\x87\xb0\x94\xca\xa4\x19r\xae\xd7\t\n\xa8\x88\xc969\x9b\xdb?\xda\x83\xda\xa4l\xd4\x81\x90\xc0N\xb20\x91\x11\xb0\xb4H\xac\xd8\xa8P\xc6\x03\xaa\xf0w\x9a\x86\x9d`\xf3\xb5\x85ZP\xaf\x1e7\x15\xf1Y\x1f\xeaE\xa2\xe4\x86Tv\x14\xa1\xec\x0fP\xee@(\xb4V\x0eQ*\x15E\x19X|\x97\x90\xcbE\xc3W\xd8J9\x87\xa7\xba\xc2\x8a\xc5l.!\x9f\x05\x01\xaf\xf9J\xd3\xc8\x80\xc9\xb8\xcc\x9fm*\xc1\x16n\x15\xf1\xe8Pw\x03\x0b\xb8no\xe0Y\x8a\xa0\x12\xa5b\xb1\x98Y\xf9\xb6\xbf\xbf\xe4p\x0e\xa71\x9e\x98\xc3o\x0c8A3\xae\x907,h\xa8\x15\x8b\xcb \xdeX,V\xe0\x80\xae\xae.c\xea\xa2~V#MA\xab\x19\x7f]\xf0\xf9|j=\xc8u\xaf\x88\x87\x08"\xb4V\xd8\xde\xcel?\x00\xac\xf5\xf5E4\xdc\xc4\xb0\x1c\xeaC \xc5\xd8\xe0\x15)\x95F\x8b\xc4\xea\x97\xc9\xc2P}\xb8\xe9J\xb7P\x17\xe9RQW\x82\xb7\x07o\x97\xa0\xfa\xf2\r5\xb8\xcck\xe0\t\xd9\x8d\xc2\xcaJ\x06\xc0\x10\xd6\xc8p:\x9d\x96\x82\x0b\xa0"\xf6\n\x8b\xcd\xe5\x81\x9b\xc6\x88X\xbc\x9f/\xce\xf10\xd1\xabe\x1a[\xe0S\x17yT\xcd\x93\xca\xd7\xa1\x92\xaf\xc3g\x01\xac\xf1b\xc80i\xc0g\x97\xf6\xbf\xc1\xda\x07\xad&gt;;\xd1\\\x0c\xcb\xa1\xec\x05\n1vcq\xf9,\xd6\xa4-f\xeb\x1d\x1d`a\x98\xb6|@\xdf[\x08&amp;\x93\xf9x\x0b.\x99\xa0\x82\x8c~/5\x0fe2&gt;\xf5x\xd7\x86\xaaw\x80C\x19\x8d\xeb\x00\xb4\xbe\xbf\x0e`vgv8\x95\xc2\xc2\xb9pcv\x0e\xa7\x11\x9cB\xc6\x19\xe8\xed\x8d\xc7\xe3\xcf_\x11\xa2\xc0\xd7eZ_\x981\x99\x97\x1f \xad\xb2\xd6\xbc\xdf\xf1\xa8gl\xb0yH\xed\xf3j{\xf9\xc2\xd5\x1c\xb6\xe8\xf8\x16=\xdc\xd9\xdb\xd9\xda+\xee\xedm$\xca\x01)%\x92I\xd0A\x14r%\\\xae\xb0\x8d\xd3\xdf\xd6?\x1a\xffc\xfe\xed\x7f\xde\xce\xd0\\\xbf\x82\xd5o\x81\x7f\xae\x1c\xbe*GJ\xd1\x92g\xd0\xdf\x1c1\x0cp\xf8B\x89,\xb1W\xdd\xda:\xaf\x9e\xcfWw\xaa\xd5\xbd\xd3\xd3\xf2\xf7\xb5\x80K.\x91\xb8\xf8|!\x90\t]h\xb4\xd2\xff\xf2\xfdTg+\xfd\x8fv\x99\x9d\x8f\xcf\xb7\xb6\xaa\xf3\xa7\x81,\x8e\xe3\xde\xe8`4\x0bU\x16%\xc0Dk@S=\xaf\xce\xcf\x9fW\x9f.\xef\x9c\x9e&amp;\x02ew\x9b\x0b*iq\x9b\x9c+\xe7\n\xe5\xf2&amp;\xb9\xbc\xe7\xe5\xc7\xce\xebx\xe2\xccd2Z\xa7\xa6Z\x1f\xbd\'\x12x\x04\x8fD&lt;\x9e\xacv@\x84G\xf7\xf7\xbfm\xe7\xbflU\xb7\xaa\xd5\xad\xbd\x9d\xbd\xc3R9\xa4\n\t\xd0\x1c\x91\xcfi\x83-\x04k\xbdy\xb3I\xde\xf3\xfb\xdb\xebz\x1e\xc8D\x0e\xf61\x16Jd\xf1D6:\x16!&amp;)\xbc\xf0`sw\xb7^?99\xc9\x7f\xd9^\xd9.4N\xe4g\xf0\xd4\x9cL\x86\xe6\x88\\\x89\xa4\xa9\xa9\xa9G\xde\xf3n\xf9:\x1f-v\xfe\xf6\x8eH\x84\xb2\xd9\x90w0Bi\xa9\xc8XWm\xb7V\xaf\xff\xb3\xbe{\xb5677\x7f|\xfe\xdf\x7fsb\x99\x90\xdf\x06\xd9\x84\x84}\xb3\xe9&amp;\x02{3s\xadXO\x9f\xdb\x02\xa1\x00\x15\xc8z\xbd\x81I\x83s\xd6&lt;]\xdb=\xc9\x7f\xf8P\xaf\xff\xc4\xfa\xb1\x0eTa\xbeP\xe8r55\x9c\xab\xf1\xae\xebo\xef\xaf\xf7\xed\xe9\xfc\x9bQ-\x95\r\x18\xa8\x04NM\x1a\xb2\x9eB\xc7\xf4\xf4\xc9\xc9\x87\x0f\'\xf5M\xb4~\xac\x7f^lh\x85\xc2\x8a}\x83\xfd\x13\x8c\xfd\x8f\x8f\x8c\xeb\xfc\xff\x0c\xc6\xa3\x7f\xa3\xe9]@KP\x010\xf9P\xc9\x93I&amp;!\xb2Nv7\x7f\xc0\xda\x07\xaa4&amp;\x06g\x90 \x9b\xbf\xf1\x0bz\r\x07X\x7f\xfd}\xf9z\xdf\xc3\xb6~z9\x1a\'\x02\x04Eh\xe1&gt;\xd1fK\xc5C\xf36\xac\x15@\x82h_\x14\xa4X\xe2\x9fP-7n\xfc\xd2\xd2\x10\xeb\xff\xbc\x9cmLSi\x16\xc7mIA\xdaZ\xa0P\xdeZJel\x17\xb1\x91\xb0PM\x87bKkhCi\xa0/\x11\x99\xd8"\xc4\x86\x0f\xa30\xd0\x10\xe4\xa5\nie\x92\xb1Lf\xca\x80\x02Q\xa4\xeatD\x93\x1dR"\xe0j\x05\x0c8LGLF\x99Q\xd7\xf9`\xc2\xf8A\xc7\x18\x93]M \xbb\xd9s\x9e\x0b;\xc9\xba\x9b}\x19/G\x8dW\xbe\xf8\xcb\xff\x9c\xe7\xdc\xe7\xb9\xf7\x7fn\xf4\xbbv\xb1\xbc\xcd\xe5\xbf\xfcE\x97\x02\xf6\xa3\xe5:\xb5\xdc\xa0+o\x9b\xc2G\xf0SS\xb3hv\xcb+\xe0\x1aeU\xf2$\xea\x86\x88\x06\xe7X\xe8\xf6[\xa2Y\x9c\x87\r\xb4\xba\x9a\x99L\xefU\xad\xddV^\xaeT\xda\xd5i\x06\x9d\xa2\xa5\xe5\x04\x1cy\xe0xZo\x94\xc9\xe4r\xdc\x9c\xc2\xefD\xc8\x1fe1\xc0,2\xa2ix\xad\xf2\xcfX\x0f\xec\x06\xbbM\x81/\r\xd3\xd4pU\xde\x02T\xf5:\x83Z\x9e\x94\xa6\xe6\xe0\x96\x99\xcdf\'\xbeG\xf9\xdbX,\xcc"\x8b\xf5\x8d\x97f\x0b8\xd6\xbc\xd6nW(trvT\x9aH\xa4\xd6)\x0e*\x94:\xa3\x0cv\xf1r\xb5\x1aZT"\x9b\x81ng\xb49\xb3\xd0\x87\x84/&lt;\xdf\xf9k\xd7\xb7\x9f\xec&gt;\xfb\x82\xa3\xd5\xdal\x06\xb4z\x8a8\x90H\x9bNWo\x87\xdb\xb1Z\x06\xc7\x1e4\xa3\x12\x1b?\xda\xaec\xd7&lt;\x94\x8cg\r\x9bh\x0e\xd5\x85?r8"\xb5A-\x12\xa1o\x1e\xae tv\x83\x01r\x8b\xc7\xb1-dP\x04\x8d\xd8h\xd9\xa5\xdc\x9d\xecGR\xba\xb1\x98\x17/k\xd38"t\x98a\x11\x89\xa2\xd2p\xdf\xd2e\xd7\xd9\xec\xc0\x06\xd5\xce\x06\x1a\xe2(fQv]\x00c\xfcD?\x96\xf7A\x97\x16\xad\\\xe8\x8c\xe5D\x89@:\xa8}\xbb\xbd\xcb\x0e\xa1F3\r\x0e\x18\xb0Hem^\x1b0\xe0|G?\x96\xf4\xd1q;j\x85\x83l"\x91\x16\xcaK\x044\x90A\x836-\r\xfd\xd7\x94=\x11\xb9(\x9b\xee\xe6\xd8?\\\xa4}2\x90\xa9\xba\xf0\xc6\x86\xbe7\x10K\x84\xaa\xb1\xd9"-\x94\xbaZ\xcda\xb3p&amp;\x8aE\xd2\xf7k\x12c\xa3\x13\xe9x\xd9\xf3\xd6Z\xec|y\xd0\xae%\xb5\x15\xb5N\xc7\x86\x1e*\xc2\xb16\x9c\x14\xa1\xfa\x02\xa5\xd9\xe6\xcd\xac\xc44\xc3\xd5N\xfa\xb1b:\x9e\x944\xeb\xd4i\xa8\x13\x87\x1a\xf8\xc1:cGEE\x13#\xfdZ#%\x83\x0f\xc0\x08[S\xfbU\xef&amp;\xfa\xd5jx\xf2\xf5\x9d\xeb\x07\xb1o\x01\x13G\x14\x85\xe35\x0c\x06\x19rcP3H\x94\xfb\x15\xafX\x98]\xfb\x83\x8d\xc1\x928n]?h\x17\x01\x16*\x85#m\x8chD\x8bf\xb0\x188\x8c\x11\x8b\x83\x19,l]H%\xd3=\xe8\x8c\xd9\x10,\xc9\xd7wf\x9b\xbb@/J)F\x14\x07\xe7\xa3bY\x8cXr\x87f\x11\xb1\xa0\xc0\xb6$\xca\xd52C\xd7F\xd4\x16\xb3\xe1\xf1\xa8ct\xd43\xfb\xc6\x86S,(\x12\x1b\xf9\xc8\xb4\xddfR\xead\xe8\x0865x\xe6\x91W\x19t\x1b\x80\x15\x13#\xfdaT2*\x91\xb8KZ\x8ek\xa1\xecIa\xe1p\x1b\x99\x13!c,\xa4?D\xe3\xb8F\x12\x9a\xa5\xea\xaf\x9e\xdc\x00,\xd5\xddQ\x87\xc3\xa1\xf1L\xcd^W\x18pp\x99A\x95\x15\x1b\xf3H\xda\x16\x994\xc5\x03\x0f\x9c_\xe5rC\xfd7\xfe\r\x18QT\xdd\xd5K$\x1a\x8d\xa4\xec\xce\xad\x13\xcd6\xbb\x96\x83\x8eTv\x14\xb9A\xb3p"\x10\x90\x12\x11*\x11\xadRU\xa0\xd6e\xfa\xbb&lt;\xaa\xa5?\xa5\x91h$\x12\x89g\xeaD\x0b\x80\xa5\xe1\xf8\x1d\x87\x02\xc2\x84\x02\x15\xaa\x94\x84Xp.3\xd6\x1f\xbf@\xfb=q\x13\xd4\x96^\x83X\x1a\x87\xa7f\xaa\xa4\xe4D\xb3\xce\xa0\xd5\xe2\xb0\x14t\nv\x14;\x11\x1der\xdc?\x03\xd6V(-\xa3\xed\xf8#\xda\'\'\x99\x88e2i4\x1a\x93\xc4\xe1\xa8q\xbboM\xc1\xf9\xccf7\x90}|\xe2\xef\xc8S\xe6$RTI[\xe1\x10+3\xea\x94\xc7\xe9_\x8a\xd8 \xeaL\x18u\x90GGYM\x8d{\xb6\x04N\x19J\xa5NVUU\x85\x871,)9^\xcb\xb7n\'X\x8a7\x17\xe9\x1ed\x06\xacKuz}\x1d\x04H\x06\\\x1e\xb7\xdb\xed,9\xdd\xd2|X\xc95fTmG\x89\xb6\xcae\xc0\xb8\x1d\xcd\x19\x04\xeb\xe0\xbb\x1f\xa5y\xfb)}E]~Q~]QE\xbe\x89\x02\xbb\xe3\x99r\x96\xb4\x9d8\xdd\x9c\xa7\xe4n\xc3\xa7\xcc\xa0\x94L&amp;\xcb\x00\xc6\xed2\x9eQW\xaf(\x7f\xd9A\xef\xf8+S\xd5\xf9\xea\xcf\xbf/:\x94\x9f/\x16W\xe4\xd7\xe5\xebM\x12\xd3\xa8\x04\xe4*\x01\xb0\xbd\xc0\xc5\x93eTe\xa0\xd9\x94G\x083(\xac\xeb?{U\xf4N\xbf^\xb8U\xb6\x87\x18r\x0fY\xd1;b\xd2\x98\xa0\x85\x91D\xb6\x9d&gt;\x9cU\xc0\xe5r\xb7\xf1\x8cF.\xd7\xc8\x03&gt;\nK\xa9(\x7f\xf3\xea/46\t\xa6\xb4\xf3\xfe\xec)B%\xb6Z\x05\x02AE\x9d)\x1f\xfa\x05\xe4\xb2\xc6\xedl\xdb{8+;\x1b\x88\xb8H\x85C&gt;\x19\xdbx\x14\x97b\xe5\xe9\xcf\rt}\xb8\x82\xd9\xe1\xea\xbe:U\x87P\xe2"\xa4\x12\x08\xc4\x15 \x19v\x0c\x89\xc7]\xb9\xff\xfd}8\xdf\xc3\xd5q\xb9@Eb\r\xab&lt;{\xe5\xe9])-\x0f*\x99*o\xa0i\xf8\xa5d\x0f&amp;\x10p(.\x01\\V\xe4C2\x1d5\xce\xca\xfd\xe8B*\xc0w;&lt;\x1e\x8f@\xf1x\xdc\x02|\x85\xae&lt;\xbb\xf2\xed]\x1a\x9e53\xa5\xde\xa6\x91\x11\xfe\xf0+M~\xd1!@\xb2ZI\x16\xf1o\xa8~1\xa4\xb2\xac\xc6\x8d\\Y\xd9X`\xa98\xe4\x83T\xa8V=p\xf1\xce\xae~\xfb\xc4\xefU\xbd\xcbO\xca\xc4\xa8\xa4\xde@\xa39!\xae\xb6\xe9\xc9\xa9|\xf1\xa1\xdd\x84G`\xcd\x01\xad\x049b\xab\xd8\n\xc5/)\xf38\xdbN\xef\x854\x16 \x18\x97G\x85\x91\xabS\x82^\xdb\xce\x8e/\xae&gt;}\xe5\xef\x90J\xa5\xd4\xc3\xf0\xdf\n\x07P\x1d\x81\xa5^sm\x9cP\xd8\xf4\xc4\x04\x85\x85:\xedF.\x00\x12\xe4@\xe5\x8b\x89\\\x9e5\xb9v\x15`\xa0\x15\x16k\x8b\xcbU\xd6+\xeb\x8f\xae\x8c/.\x8e\xaf\xce\xfe\xe4\xf7\xfbOvvH\x7f\xablL\x02\xb5\xdc\x98P[+\xe4\xbb\x02\x9f\xee\x81\x14~\xb4\xdb*\xd8)\x00,\\\x8f9\xc0e\x85\xfa2\xc1\xbd\xfb\x08\xc1"\x01\x8a\xa5\x12\xb5\x8c\xba\x82\xfa\x02\xde\xd1\xbeq\x88\xbe\xbe\xcf\x1f\xce\xcf?\x9b\xff\xee\x9a\xbf\xd3\xdb\xf1\x7f?\xe7e\xaaT\xaa\x8e\xc0\x8fW\xc6F\xf8Ba0\xb0&lt;\xb6\xb4\xf0\xbc\xa2b\xf7\xee\xb5\xc2\x12PX99d9J\xcaj\x9c\x88E\x82d\x92\xe2\xc2\x84\x1e]\xe9\x03&amp;\x8c\xeb\xfd\x0f\xef\xf7\xf7\xf7\xcf\xcfL^\xb8\xe8\xef\x94\xfe\xefw?\xfc\xeeQG$0\xf6\xe3Po\x93P\x980\xb2\xb4\xbc\xd4\xe8jz\xac/\xfa\x08\x13GaAXsr\xacb\xbc\x13A[E\xac&lt;\x12Y\xebr\xa5r\xa1\xe5g\xac\xf4\xad\x07`\xf5c\xcc\xcf\x87g&amp;}\xa0Z\xc7\x7f\xbd&gt;\x81H%\x8dD"M!\xd7\xd8W\xe7\x17ZS\\\x90\xc6\xe5\xa5\x80+dq\xf5&gt;\x07\x81v\n0wd\r\x02\x17)-h\x11\x1e7&amp;1\xf30\xfc\xc2\x99\xe1]\xdcT\x08\xd2Z\xcfB\xfe(\xb5V_\x12&amp;\xfc\x13\x9e\x9c\xf4\xf9\x06\xae]\xeb\xeel\xf8\xcfd\x04\t\x98\\M.KB\xe3\x95\xbf}564\xb1\xb04\xb6\xbc\x1c\x08\x86B!\xd7H\xe4\xe2s\x92\xb7\x9d\xa4\xa2\x00\n\xfa\x16T\x96\x1e\xc4\xaa9\x03%\xbfo/Df\xde?\x16$j\x06\xab\x10\xa0\xc6\xb1\xbc\x9e\xde\x07\xa4p\x98\xe2\x02\xb9\x06\x8eA\xa4\xb7G\x1a\xfemSc\x92Z\x82\xbcE\\\xc0\xe42\xb7\xb7/\\9\x7feh\xa9w\xa170b\t\x06-\xc1Pdd$\xd8\xf4\x03R\x01\xda\xc7$\x85xg\x84\x00,\xcf 4\xd4\xf71\xf6\xee\xa3\xcc\x9d\x05\x84,u\xd7\xf8\x1c\xc1\x1a\x87\xc5\xf8r&gt;\x0cu5\x13F\xaa\xf0\x1aWu\xf5\xb1\xc2\xe1v/\x80\xc50\xff\xa5N\xc8\xc4wY\xf8\t\xb9\x81\xc6\xc6\xde\xa1\xa1\xde\xf6dsn\\J\xb2\xc5"\x14\xf2\x83\xc2\x90\xab3\x14\x0c\x9d|\x9cs\xe9\x92\x00\xa8p)\x8aI\x93\x876\x8f{\xc23G*\xf7\x7f\xb0\x9f\xf8:)\xae\xec\x82\xec]\xa9\xbbV\x81\n\xa5Z\\\x9c{\xfa,\x8cX\xbe\x99y,\xfa\xc9I\xc2U]\x88\x91\xde\x0e}\xe3\xadvF\x98\\\x16\x17\x9f\x9f \x14\xb6\xb76\x9e\x9b\x18\xeaMINN\x8eO0\x17\xa7\xc0\x8f\xa0=\x08\xf9\x81\xceP(\x18\xf4\x13.k\xce\xc7\xeb\xb7\x1e\x14\xcb\x01[\xc2A\xa7\xb3\xb2\xb2\xf2H%\xe1\x82\xe5\xf8\t\xce\x91}\xb2:\x87X\xc0477\xfd\x1aH\xe6\xfbg\x06| W\x18\x90|&gt;(0\xc4*-\xddQ:&lt;|\x92\xfa\xe8\xd3\xafB\x01\x13\x94\x8e\xc5\x02T\xb9\x90\xb5s7\'\x86\xba\x0f U\xbc0\xbe8\x05\x1aim\xad\x85\x1f\x08\xf0\xa1\xc0\x82\x16\xff\xe3/s.\x01\x15\xca\x05Tz\xbd\x1e\xc5*\xf3\xd4\x9cq\x1eq:\x9dG\xdapL\x03\xca+\xef\xb3\xac\xac\xcfV\xa7\xe7\x16\x17)\xa8\xe9\xbf\xde&lt;\x86D\xe1\x81j\x1f\x11\r\xf3\xe7\x83\xba\xaf.,\xdd\xf1\xe1\x8e\x1d7o\xdcl\x8f\xac;f\xf1\xebB\x91\x88\xc5\xe2\xea\xeenm\xedi=74t\x0e\xa4j4\xe7\xe6\x9a\xcd\xc9q\xf1q\xc9\xc5\xc5\xf1B\xe0r\xf5\x06\\\x90H\x80\x0f\xf9\x1f?\xbf\xf4%4\x06\xe8\x14VlYxn\x04\xaa\x9a\xc13\x83\x83dV\x0b\'\xc8\xf22!\x93\x99/\xa6\x11\x0b\x99\xa6\xa7_|Z\r\xe1\x0b\x87\'\xab\xd3}\xd0!\x90\x07~00\x80\x17\x85\x857\x7f\xb9q\xad\xbbx\xb8=\xb2\x0e\xe5\xb2X\x12\xe2\xcc\xdd\xdd===\xd7z\x16\xeeML\x9ck\xcf\x8d\x8f7\x83Z\xb5q\xb9)\xc5(WB{oc\x1c6\xd5`\xc8\x82z=\x87Db\xed[+`_\x03\xa7 \x0fPAx\x10\x0f\xf7\x128\xd5\x92\x99\xf9\xf9\x8b\xdb@EA\xdd\xbe\xfdz`\xe0\x18\xfc\xf7\xbe\x99\x99\x81\xd2\xf4I\xe8\x10\xf8\xcf\xf4\xf4\xf4\xc2j\xcc\xe6\x8d_^\xdf\xdb\xf1a\xf1pi:UQ\x90\xbb\x84\xdc\x94\xee\x9e{==\xad)\xc5=\x13\xe7\x87\x02M\xf1\x07\xcc\x07\xe2!\x85\xf1qq)\xc5)\xc9\xf1\xb9@\x95+\x8c\x83;\x10\x80\t\x85\xae\xbb\x7f\x02.\\\x91\x88\xa5\x81\xba\x82(\x83\x90\xe0yh\x10\xb7^\xd8)&gt;\xf8\xfe\xfb\xe99L\xdfm\x0cH\xa1\xcfW\x9d^\n\\\x7f\xef\xd9|^\xdb\xb6\xc30\xee\xff@?\xa0\x12(Pr\x9e`_C\x0f\x1b5\x85\x086\nb\x83\xc8\xd0K\x113h\x87\x18t\x99\xe4\x93\x11\xf8\xb0\x83Wh\xa4\xc2t22H\xb6\xa0\xa8C\x0b\x13=8\x18\\\x93S\xf1\x18\xac\xc48\x86u\x0b\x85\xa4\xc3\x8c\xac\xb0\x0c\x02;$\xdd\xf3\xcaI\xdf\xfc\xb2\x1c\x82&gt;&lt;\xef\xf3&gt;\xef\xd7!\xd9\xad\xd9\xb5\x83\xb2\x8b\xc0\x82\xadj\xd3\x8b\xb3\xb3\xc9\xbc\xa6\xc6\xb1\xa6\xd9\x15\x04\xd4\xf3\xbaeY\x80J\xfc\xa4+\xf1\xdd(MC\x8e3\rFT\x1c\xb0\x98,Kr7\x9c9\xa2E\x0e\xdb\x10\xc5z\xdd\r\x8b\xe2-\xe9\xf5\xec\xd9wk\xb5\x88\xe9+0m!\xee\xcb\xff\xb4\xf9\xec\xee\xdd\x87\x7f\xf7\xfb\x10\x8bt:D]N\x95\xc6\xfeA\x07\xe2\xa0i5U\xddE\x17;\r\x88\xa5+\xca\xf4\xecr2m\xd0\x95j\xdbv\xe59Y\x1c\xedK\x1c\xa7k\xf0\x92\x11\xa6\xd9\xa9\xc73\x8e\xe3\x193I,\xde\xe2e\xad=\x1f\xcd\x1c\x97\x90,\x0eC\xb9\xd1\n\x8ba\xcb%\x83\xa1\x91X&lt;\xf4\x92\x11\x05\xa6\xfb\xf7\xb7\xef\xedl\xa2\x8b\x0f\x1e&gt;x\xf4\x9e\xa8P\x87\xfd\xc3\xc3~\xff\xd5TW:\x07pU\x03\x01\n*\xa5\xb6\xffb\x1f \xaa\xae\xc0UgSH\xd6 \xf1t]\xaf\x08\x02,\xd4\xf6\x9d\xae\xc9\x01\xc3\x88\xb2448\xd3ee\xffxI2\xf1\xed\x04V\xf3\xd1G\x0e\xed\xabs&amp;\'\xba\x8bb80\x98\xfb\xf8\xd7\xa35\x17\xfdF\xa2T\xea\xce\xf6\xed[\xb8\xfc\x02\xae\x7f\xf4\xbe\xd9\xec\xbf|IJ\xf5\xa9\xae\xe6\xaa\xaa7v\xf7\x1b\xaaBw\xd7u(s\xf0b\xb7\xa1\xdb\xea8\xb8&lt;\x9f\x83\x86P\xc9\xfaJe\r\xe5\x19\x1c\x07\xacn\x9e\x9d\x0e\x18\\\xc5\x18,Ur1\xde\x83\xd5\x926J\x95\x99\xeb9\xb3Q\x94\xa7Y\x96R\x15\x8b\xe5\xd3\xa7\xe0\xda\xa6I\xdc\xdc"\xaa[\x1f\xd1\xe5\xe6\x8f\xdf\xbe{Wm\x1e\x92\xa1\x00\xd5l6\xabY\xa2!\x01\x94\xcenO\xd5t\xdcYWz\r\xadC#\x19\xfb\x93\xcb\xc9\x98rK\x058\xf9\xbfQ1\xba\x8e\xe3\t\x1cQy\xb34+\x04Nr\xa1\x10\xc3SX&gt;\x03\xaf\x1b\xe6Y\x1eE#\xd44\tgQT\x14E\x1e\x15\xf4\xa5(\xc2\xc5\xe9rytDXD\xb5s\x7f\xfb6\xd9\xed\xd6\xa7O\x9e\x9c\xec]S\xf5\x9bUP\x9d\xa4\xbe\xae\xd7\x08\xa7\xd7\x83&lt;:M_\xaf#\xc7d\xb5\xf1\xe4,\x88c\xd5\x06\x15\tF`\x95\xd0\x19\x08\x16\x1cn\x9a^\x94\xe5\x0e\xc7\x0c\x19\x83\'\xcb\x86\xe1\x85\xd1\xa8\x08\xc3&lt;\x0f\x1dg8\xecR\xb5\xf1\xc8u\x9c\x01\xe6\xd1\xa2\x91\x14\x85\xc1\xc0\x1d\x14\xdf\x94\x19\xbf\xf5\xe5\xce\x9d\xdb\xf4\xb7\xf4\xcf&gt;\xfe\xf7\xe4\xb8\xda\xec\x93\xcb\xa1T\x15u\x92\'&gt;\xfcT\xeb\xf5\x14\x85&lt;\xae`\xfc\x90V\xb1Q;\xd8\x05\xd5\x08.\x07\x12\xc1\xae\xab2hY\x02Q\xc9\xd8\xca\xd1\xc0\xe2\x19%\xaa\xef\xd3v\xc6V\x1c\x82j\xc01\x91V\x07\xda$&gt;\x00\x00\x03+IDAT\xa2e\xa1\xad\x86\xe18.I\x8b\xc7\x02\xb3D\xc12g\xd9\xea\xe8\xf7\xd7?}\xb1\xb9\xb5\x83\x16~\xfe\xf5\x1b@A\xaa~\x9f,UB\xed]ey0\x99\x04A\xf0\xdb/c\x7f\\\x16R\xa2\xd6S\x8cx\xff\xaf\x8b\xcbQl\xebzI\xb5\x0e1E\xaf0\xcb\x12\x98!uG\xe7\xb9c\xc2\xf6\x86Dj\x19(\x93\xb3\x84Y\xb6\xf46L&amp;\x08\x14\n"\x86v0\xec\x1a\xa2\x89\x89\xe4\xd0f\\\x0b\xeer\x95\x15\x9e\xfb\xfd\xdb\xd7?l\xed\xdc\xfb\xe4\xcd\xea\xe4\xf8x\xaf\xa4Z[\x8a\xa8\xd2\x109=\x9e\x8eF\xc1\xc5\xd9\xc59j2\x9aN\xe7S|t\x87\x93?\x7f\x0e\x14\x84\x95BA\xbe.\xb2\xbc,!6\xddY\x96\x15.f\x9f\xb0\xa4r\x11\xf2\x86ib.s\xcf\x12$\x93\xe3\x845\x16^\x92a\x95\x8bu\xb1\x8eg \x19\xf3\xf2U\xea0\xc9\x10\xdc\xc7o_\xbf:!\x9d\xf6\xc8K\x18\xc2\x1b\xa8\xabh(I\xb2\xa67jq\x9bX\xa6#(w]\xc9\xe9\xea\xe2\x9f\x80\x80ojR~\xae\xc8\xaa-\xb7\xe1jG\xa02M&amp;Q,\x00\x8c\x99\xed\xfc&lt;\xf28\x01\xcf\x10\x16\xd1\xb4P\x90\xa8%b\tQ\x82\x99N\xbaZ\x0e\\\xd7\x94\x18\xe3\xdc%\tU%\xac\x12\xacZ\xd6q6\xf3H~M\xe94\xa8M\x10&amp;\x8e\xb1L \x8e\x9f\xcc\x83\xec\xd4\xf9\x03\xed\x8d\xa2i4O\xaek&gt;\x9fW\x8c$\x18\xa5Y\xe4\t\x02\'PoP\xbcD\xe7\x19;\xca\xb2\x19\xceZ\x16\x07P\xe8(\x88p\x12Nb\xd8S\x10\n\x97\x02g.\xb2U1\x10(K$C\x96\n\xc2\xba\xa6\xa1/\x10n\xef*\x0f=9\x96y^\x8eq\xd4\xa35c\x97\xf6\xc6\xc0\xa9\xb6\x1f\\f\x03w\xbc?W\xe0\x1a\x99v\x89\x86\xc2\'\xa9\xb2\xc8\xd2h\xd6\x96\xc8H\xe4\x1d\xc1\x02\x1f\xce3Z\x92\xc2l\x08U\xdc\xd2\x90\xca\x10#\xc5\xae{I\x8bAd\xeeb\xb5Z\x00\x0f\xee\x14\x04x\x92\xd4\xaa\xf6o\xa0\x80\xb5w\x92\x9e\xe2\x1c\t\xb1\xd0\x04[i4(\xc0\xb1\x8b\xd7\\\xca\x1cq\xe5\xb3\x96\xd7\xe9)\xb6Le\x10V\xf9\xa8\x92.1~2E8\xee\x84\xc2\xd0\x0b&amp;\xef\x07\xe7\xe9\xcc\xa0v\xf2\xeb3\x17\x8aQ\x96\t\xe4~4\x16\xb3\xeb\x9d\xae\xb2\x10=\xdd\xb0JN\xd8\x0c\xcej^\xb7o\x0fu\x95.g\x08j\xba\x15\xfa\xac\xe94b\xbaJ\x82h1\xa8\xe0\xff@\xd7\x8c\x96\xa8\xf5::\x0e\x03h\x11)F&amp;\xd2*\xe9\x7f\xcf[&amp;\x01\x920\x00\xab\xe3.\xc6\xec\xfc\x1cg@\xfe\x03\x96\x897\x1e$\xd4b\x0eVg\x18\x87n~\x95\x0eK\xff\xd7\xcb\x89t\x8d\x1c\xce\xea\xdf@\x1d_\xa5\x8b$\x01\x95\xac\xc5\x9a\x8c\x9f\x90m\xbdV\xf6\x90\xb0l\xd5\x0fp\x8a\x89m\xd56\xeb\x1c\xd9N\x93K,\xb25~\xa2\xb2\xc0\x8b\t\x81\x97m\x9b\x14C\xa3p\x8f\x8d\xd9*\r\x19\xe5j\x1c\xd3\xd2\xf1\xe9\xddo\x7f(,uOr\xb2\x93\xcc\xf1\xbaX\x04\xb0\xbc\xcb\\\xc4\xef\x08~\xef\xaf\xdbw\xbcZ\x86\xce,\xe9z\x9a\xa4\xd9\xb1&amp;1\x9c\x9b4\xe4\xb7z\x835\x9e\\\x04\xe3\xd2e\x9a(\xc65ln"*\xa9$M\xef\xfc\x0f\x83\xe0\xcfM\x06/\xc13\x00\x00\x00\x00IEND\xaeB`\x82'</t>
        </is>
      </c>
      <c r="M224" s="3" t="n">
        <v>45492.67671296297</v>
      </c>
    </row>
    <row r="225">
      <c r="A225" t="n">
        <v>840166</v>
      </c>
      <c r="B225" t="n">
        <v>1984</v>
      </c>
      <c r="C225" t="inlineStr">
        <is>
          <t>Alisson</t>
        </is>
      </c>
      <c r="D225" t="inlineStr">
        <is>
          <t>Alisson</t>
        </is>
      </c>
      <c r="E225" t="inlineStr">
        <is>
          <t>GOL</t>
        </is>
      </c>
      <c r="F225" t="inlineStr">
        <is>
          <t>GOL</t>
        </is>
      </c>
      <c r="G225" t="inlineStr">
        <is>
          <t>GOL</t>
        </is>
      </c>
      <c r="H225" t="n">
        <v>190</v>
      </c>
      <c r="I225" t="n">
        <v>25</v>
      </c>
      <c r="J225" s="2" t="n">
        <v>34857</v>
      </c>
      <c r="K225" t="inlineStr">
        <is>
          <t>Right</t>
        </is>
      </c>
      <c r="L22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0733f6a-73f7-4e85-9c54-402348dc9d2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6\xd1\xea\xfb\x00\x00\x00&gt;tEXtComment\x00xr:d:DAEewil2SDw:3696,j:5137903986264129303,t:24032420:\x1a%F\x00\x00\x00\tpHYs\x00\x00\x0e\xc4\x00\x00\x0e\xc4\x01\x95+\x0e\x1b\x00\x00\x03\x00PLTE\xff\xff\xff2,% \x1f\x1d\xfd\xfd\xfd"\x1d\x16\x1d\x1d\x1b"!\x1f\xff\xff\xff$#!\x1e\x19\x13)$ &amp;!\x1b\x1c\x17\x0e\xaf\x91l\x1a\x1a\x182*\x1e.\'\x1c+$\x18\xb1\x8cc&amp;&amp;%\xb4\x96q\xb2\x94n&amp; \x15\xb8\x9at,)$\xac\x8ej\x19\x13\t\xaf\x8a`\xb5\x91i\xa7\x83V\xaa\x8cf\xa9\x85[\xb7\x94m\x9fzLI?36- \xa5\x88i\xae\x90i\xa1\x86g\x1a\x1c\x1e\xbc\x9bu\xa7\x89c\xba\x96p\xa4\x7fS\xac\x8fq@7,\x9d\x82c\xb4\x95v80&amp;\xbc\x96u\xb3\x8eg!\x1c\x0f\xc3\xa1\x81\xad\x87]OD7\xb8\x9az\xaf\x92t\xbc\xa0\x84\x9bwFS\x98\xe6\xa9\x8cl\x1e!$\xc1\x9e|G;-\xbe\xa3\x89\xa3\x85a&gt;1 &lt;3(\x84iL\xfb\xfb\xfa40,\xc4\xa9\x8f\xbf\x9ay\xbf\xa2~\xbb\x9d\x80\xa3\x82]\xb8\x91q\xc6\xa5\x86\xf7\xf7\xf6\x9e\x80\\oZC\xaf\x89j\xb6\x8fl\xbc\x9ey\x8cpTv_E~cJ\\I7UI&lt;X\x9d\xe9\xaa\x85aQ@/\xb0\x90o\xc1\xa7\x8d\x8bjM\x93pSF6&amp;\xa3~LB[i\xa8\x83M\x98}^:5/\xb5\x98|VE3\xa2|\\\x9avZhWD\x16\x15\x161&gt;D@:3\x94vW\x8ckC\xa4\x7fc\xf2\xf2\xf1\xf0\xed\xeb\x9d{TL\x96\xe7`SD\x84lS]N&gt;*38G\x8d\xe5\xe5\xe3\xe3\xc7\xad\x96\x9dzZa\xa0\xeaVw\x86\x87cG\x91qMwcP\xe1\xde\xdcfR=pU9=Sen^L\x90x^$-1Ll\x84cN8}hTmA@&lt;NV\xaa\x85gi\x97\xb8fI0\x8bt\\k\x9f\xd1~^Co\xa9\xecw[:Gbr\x99uQ9N_8EKc\x90\xa9\xaa\xa4\x9dmO5 &amp;*[\x82\xa3o\x99\xaaSx\x93Q8\'\x94{d*7A\x9a\x81m\xe8\xe8\xe9\xd8\xd6\xd52F[\xcf\xcc\xc9=\x88\xe3\x12\r\x06PkvHc}\x83o[n\xa3\xbe\x81b=\x9a\x95\x90&lt;Zy[A+]\x7f\x97\x8c\x87\x80\xdc\xc6?.@R2\x81\xe0r\xa9\xcb\xab\x92}\xa4eh^XQNn\x93V\x84\xaf\x95rCz\xb3\xcf`\x8a\x97\xa0\x89q\xc5\xc2\xbe\xa7\x8br|\xbb\xe1\x86h;\xd6\xc5\xb7c\x93\xc2nicr\xaa\xda\x81yo\\\x8a\xb9M[`\xac\x8aUPOJ_\x9c\xe1~LK\xcd\xb6\xa2w\xa6\xb3z\xaa\xc1It\xa7k\x86\x93\xed\xe7\xdda\x94\xce)|\xdegwyXkl\xcd\xb8$P\x8b\xd6K~\xc4\x9cW]wRE|\xb7\xc2\xd7\xbf-\xe1\xd7\xce?i\x93\xb4\xaf\xa8x\xb0\xe2\xabvt9n\xbd\xba\xb7\xb5\xda\xde\xe50[\x98\xa6\xb0\xbf|\x90\x96\xc0\xa9&lt;\x19g\xd1\x84\xb2\xd8\xde\xce\x7f!q\xda\xdc\xcf\xc2\'Hv\xe5\xcfX\xe5\xd9\xa2\xbe\xc5\xcdjX \xd6\xc0Z\xa0\x8c(\xbe\xcb\xe0\x9c\xa0\xa6\xb3\x99K\xef\xe5\xc5\xd0\xc3\x89\x84\xcb\xd5\x04\xf3q\xfb\x00\x00 \x00IDATx\xda\xbc\x98\xefK\x1b\xf9\x16\xc6;\x9b\xb9\x94\xcc\xcc\xde\x99\x91\xde\xa9&amp;f\xf3c\\\x91\x98\xc4IFc\xae\x88\xc1\x99\xa6k\x7f\x98Zo\xd5\xa0e\x1b\xc1\xda\xd6R%\x11o!\\\xd8\xdd\xac\xb8\xe0\xc2\xc5\xbe\x90\xbe\x88o,M\x08\x85\xc5 \xbe)\x82PKA\x02\xb7\x7f\x85/\xfag\xdc\xe7|\xa7]\xee\x8b\xfbr\xec\x81\x99d\x12a&gt;&gt;\xe7\x9c\xe7\x9c\xc9\xa5K.\x84\xe7\xff\xc6\xff|w\xe9\xab\x87\x83\x90\xcb\xe1\x94/\xd7\xeb\x95j\xb5R\xce\xff\t\x86oJ\xa5\xd2W\x06sn\xec\xf1\x94\xaa\x8df\xb3yZ;j\x9f\x9d\x1d\x1f\x9f\xb5k\xcdF\xa3Z\xce3\xd4J\xf3\xb4Y/\xe5\xbf\x0e\x97\x87p\xe8\xc8WOk\xad\xa3\xb3\xe3\x8dB!b\xa8\xaa,\xeb\x86!\xc7?\x12\xdcQ\xabV\xab5+\xa4_\xa3R\xcay\xbeV\xear\x95\xd3\xd6\xd9\xc7H\xdc\xb0t\xddB\x18\x86m\x1b\x96m\xe9\x96.\xeb\xba\x1eGd\x8f\xcf\xab9O\xae\x0c\xf1r\x17\x0fU*\xd7Ok\xb5\xa3\x8f\xcf\xae\xcb\x8a\xa2\x1b\x168\x14E\x91\x11\xb8\x94\x15\xbaPUU\x91\xedt!\xb2u\x9a\xcf#\xcb\xf5\x0b\xad0G\xa6\xfa\xe9Q\xe1\xe1C\x83\x81\xe8\xe0P\x15E\xe3MMu\xc8d]V\x15]\xd1$IT\xb2\xe9\xe2q\xabZ.\xd5+\xe5\x0b,0O._*\x95\x9b\xb5vD&amp;=\x88\x83\t\xa3\xf1\xbc(j\x1a\x81\xe9\x1a/\xd27`\xf3I\xa6&amp;\xcbV\xb6\xdd,\xe5\xab\x15\xea\xc8\x8b\xd2*_A\xc3\xa5qgM3\x99&lt;\xaa\x08$\xde\xeb\xf5\xf2\xf4FT\x15\xae\x93.y^\xd5u\x05\n\xf2\x9alY[\x9f\xf0\xbf\\\x98\\\xc8_\xbd\xd96D\x93\xe7%\xc9\xcbk\xa4\x97(2(\x02\xa17\xa2 \x08\xf4\x89$\x99\xaa\xaej\x12\x0f-e+R\xa8Q\xd5\x97.\n+\xd78J\x8b\xbc&amp;\x88\x9a\t\x00F%:T^\x92\x88.@\'\xd1\xb5\xcf\xa7)*\x8f4"\xb5\x96U\xa85\x9a\x95\x0b\xc1\xba\x9c\xcf\xe7\x1b\xad\x08:\x8eSDMTT\x11\t\xf4J\x04\xc3\xf4a\x89dZ\xd1\x15\xcf\xfb|\xbc\xe05%\x14\x98\xa9)\xfaB\xfb\xb4q\x11X\x9e\x12\xca\xea,\xa2S\x9f\x01\x84\xa84\x82a\x10\x08\'\x8f\xa2\xd0\t\xc5$\x9f\xef\x8d$z},\x99\xb8@F\xad\xb9\xf6i\xde\xfd\x9aG\xb1\x9f\x9f\xc5e\xd6{\x9aL\xe9SE\xc6\x82;\xe3\xbe\x12\x9d}\x12xI/\xc9\xf7\x06\xc1{}\xce\xa78\x99jv\xae\xe5~+z&lt;\xe5F[V8\xf8\x82\x86,\xe2\xf6\xa8\x1b\x9f\x97\x97\x1c\xa1\xd8\xe1e\xda\x89\x94S\x89\x819\xc8\x8cK2\xe5l\xbb\xe26\x16z\xb0\\\xdb08J\xa0\x8a\x8a\xc7\xcd\xbd\x8eR\x8c\xc5\xc9\xa0\xd3\x93\x8e]0\xf9\xdex\x19\x15#3Ue\xa3\xe9\xf6`\xccU\xea\xf5\xf3\r\x8bM\x15\x8du\x1b\xabl\xfe\x0b\x99D8\xb0\x07VZ\xf4\xce\xf9\xc0\xe7\xe4\x10\xedh"\x8d\x85Oe\x8f\xbbZ\x95\x9a\xb5V\xfb\x91NSF\xd54\xfe\xb32\x8c\x8a\xdd\xd8y\x8fN\xe48\x18\x95\xe8\xa8\xe6\xe4\x10\xc9t\x04\xd3\xd2\xb5\xba\xcbX\xf9r\xb3m\xc3\x1apOMt\xb0H\x1b\xa2zC\x0e`R\x85\xd1\xc7\n\xc7q\xa0W\x1d\xc9\x9c\xd2\xa2\xf2\xc7\x1f\x9a\xc5V\xd9\xdd\xe2\xf2T\x1a\xd5#\xcc\x15Le\x9a|\xe4ST\xda\x12\t!9\x85\xe4P\t\nm\x12:\x9d\x9d\xa1\xf4\xb9EM\xf4\x87\x99m\xd5]\xc6j\xb6Z\x05\xc5Y\x16\xc8\xb4XH\x94\x1e\xef\xe7\x00\x82\xa6\xcal\xed\xb2\x8a\x0b\xd9\xecB\xd1\xb2\xa8k5\x93Q!x\xd3:j\xe4]\xdd\xba&lt;\xf5\xda\x86E{\x82\xc8\xfc\x8ay\x00\xd5\xb9\xe4 \xb1\xd5\xc1*\xee\x1f\xee\xec\xed\xedmnn\xb2cgg\xe7p\x1fp\x96j\xb2$\xfb\xde\x98\x85OyW{\xd1\xe3\xa9\x9c\xd1"E\xff?\xeaGA\xc7\x81\xec\x1bR\x08\x1aZ\xc5\xe2\xfe\xfe\xe1\xde\xee\xc1\x87\xb5?\xe3\x03b\xed\xa7\x83\xdd\xcd\xbd=\xa2\xd3y*2\xb5Uv\x11\x8b\x16\xbf\xe6\x06\xab\x1a\x99\x83\xc1\x13\x16\xd3\x8b\x97\xad\xfdCH\xb4\xbb{\xf0\xd3\xda\xcf/\xc3\xe1\x91\x91p\x98\xce\xfd\xe1\x91p\x7f\x7f\xffz\xf8\xe5\xc8\t1\x1e\x1c*pT\xc9&lt;\xab\xba\xb9\xdb\xe4\xca\xf5VV\xd7\xd9"\xcc\xd1\xe2\xa7\x88\xdf\xfc\x15\xbe]\x9c#\xa2\xb5\x9fOF\xc2\xeb\xe1\xfe`0\x00\x94\xfe@ \xd0\x1f\xee\x0f\x04\x87\xfcC\xf4v\x11\x94#\'\x9b\x16\x8c\xcb\x94\xec\x9a\x8b\xce\xe5\xa9W+gx\xa0!\x1e\x8e\x82\xba\xcc\xab\x16\xe76\x89i=\x10\x0cP\x0c\xf9\xfdC8\xfc\x1dx\t\xb2\x0b\x04\xe3Z\x1c99\xd8\xd7\xa8\'\xcd\xc2\xa9k\xbd\x88!]\xa9\xa5\r\x8b3\x18\x12\xa7\x907h\xd6\xe1\x1e\x98^\xae\x07\xe7\x87\x86:\x10\xfe!?N\x1d\xdd\x88\x0e\x7f\xb7\xf3\x02\xb4\xc0\xe2"\xd2z\x82,\xa2%MSm\x97\xdc\xdbh\xaa\xcd\xdaF\xdc2t\xe8%\xb0\xd5X\x10\x8a\xdb\xbb\x07\x80\xba\xe5Ou\x00%\x95\xc2\x0b;\x88\'\x14\x8a\xf6EC!\\\xfa\xfdA\xa8\x15^&lt;\xf9\xb0\xa3\xb3%\x87?n\xe4\\S\xab\\&gt;=\xceZ\x98\xd2d\x90&lt;\x8f\xd2\xcfN]\xfb\xf1\xc1\x93\xc7\xb7:R\x1d\xdfw\x87H\x9aT7\x81\xa5\x88+:16\xd6\x07\xb0n\xffP\x90a\x85G\x08\x8b\xf6\x08&gt;}\xeeVu\xa1\x0f\xf3\xad\x05K\x174\x06%\n\xaa\xbc0\xb3\xba\xbat\xe7\xce\xad\xf1\xef\xfc\xfe\xf9y\x96\xc3\x8e\x94\x9fi\x15"\xadXD\x91FV[(\xae\x0f;E\x95\xcc\xcb\x94\xdb.\x0e\xa0\xd2Q\x11}\xc8F\x8e\xd2\xd9)/\xcc\xae\xde\x19O$\xc0uk\x9e\xda/\x88@}\x13W(J\\Hb\x1f\xb2\xc8z\x11^\xc1\xb0\x14&lt;*a\x958\xae\xba\x85\xe5\xc9\x95\x8e \x96*\x88\xaa\xd0\x89\xea\xca\xce,%\xc6\xc7\x13\xe3\xffz\x89\x80%\xc0\xa2\x02\xfd\xd4\x89\x84\x85\x8c\x86X\xc5\xa3\xd4\xfc\xacGY\x127\xf7e\x15jyM\xd7\xb0&lt;xX?*\x1a\x1c\xdc\x01\'M4\x9e\xdfK$\xc6{\xef&lt;&amp;\xac\xf5\xf5\x97aF\x16\xf0\xb3TNw\xb3\x86\xa4\xce\x84|$e`\x11\xc6\xb5\xb6{\x08\xb9\xa9\xe8#\xaeY\x04\x8a\xab\x16\xb1m\x03\xd6\x85&lt;\xca\xe9_\x96F{\x12\xbd\x89\xc7\xc8\xe1\xe3\xf5u\xf2ur\xd1!\xf2\x08\x07\x88YW\x80\x12\x1b\x0c8%\xbfv\xb0S\x94\x15\x9e\x8a\xab\x95w\x8f\xeb&lt;m\x19F\xa7@K\x96\xbd\xf2\xea\xfdh\x0fb|\xdc\xa9\xac\xfeu2\xf7 `\x08*E\r0\x14\x08\x06\x9d\x82\xc3\x1f\xa0\xb8\x1c,Y\xa4\xe2:sm\xa3\xf7\\&gt;-\xd8\xf0v4\xa2\xc0\xcd\xbd\xe8\xed\x8d\xc5\x006\xda\xf5\xdd\xfc|\x90\x999\x11\xa4\xc8\xa8\x88*5\xdd\xdd\xc1\xac\x14I\xc4@\xa2\xe9\x13\x86q\x15\xb1\x15\xb9\x8c\x05\xb5tP\xc1\x1c\xb8\xc8\xef\x10*\x13\xcb\xf4\x8c\xc6\xba\xba\xba\xbe\x9d\xa6\xc6#;\x9d\x9e\x0eu\xa7\x98\\\xa1d\x12\x9e5==\x9d\xeaf\xc5E\\\'k\x9bY\xb81\xfdn\xe1^+^\xf6\xd4\x9e)\xaa@\xcb\xa7=\xf5\x0eL\x19\x12+\x16\x1b\x18\xbez5\xd9\xd7\x07\x8a(Ew\x8a\xec\x0bn\n;\x1d\x9bHN\xc0\xb9\xfc\xc1/\xc3zw\x81aI\xe2q\xc3=\xb5Z\xd75\xf8\x83\xd0i\x17^e2o3\xb1\xd1\xde\xde\x9eXfy\xf9\xe6\xcda\x00@\x9eh4\x94\x8c\xa6\x90\xc0\xe9\xdb\xc9\xb1\xc9\xc9\xc1\xc1A8}\x88\x8c\x9ej\x1eY&lt;X\xb0dx\x04\xaf\xb9\x89ut]U\x05\x81C\n\x1d\xaa\x9e\xde\xde\xd1\xd8\xfd\xfb\xc3\x83\x837o\xfc#\x99\x9c\x88\x92\x87F\xa7\xa1T\xb2olprr\xf2\x07\xa0\x8d\xf5]\ru\xb0\xe2\x02\x18\xb0\xf0\x90\xc9\x9b\xaa\xabj\x19\xa4\x15\x17\xdfx=\x80\x14\xf6\x80\xaa\xe7\xee\xdd\xbb]\x03c\x83\xc3\xc3\x13\x03W\xaf\xc2\xdc\x93P\':\x01\x18(58\xf9\x03\xe3\x1a\xec\x03\x17\xb5bxqm\xdb\xc2\xc6\xa6\x99\xda\xc7\x86{\xb5u\xfe\x90\xa8\x8c\xf4?3\x99L,\x86\xa2\x8f\x8d&amp;\x12\xbd=\xbd(\xfd\xd8\xc0\xc0mh5\x9d\x1c\x1cKFI(\xa4o\xf0\x06\xa1!\x95\x18\xd8\xa9`?V\xd5\xc5\x91\xcd\xa2a\xeb\xc0J7\xdd\xdb\x9a\x9b\x11M\xe0\xec\xf8\xd6\xfbe`\x8d\xc6\x06\xae$fV\xb6\xb6~\xdd\xde\xda\x9a\x9a\xfa\xfdU\xcf\xbf\xef\xfe\xed\xf6\x04\x92\xd6G,c\x13\x13\x7f\xbf\x89\xb8198|\x05\xdd\x19\xc4\xf8A"w\xf7a\xc7\xa4V\xd3\xadQ}\x19XX\x97\xed\xec\x8b\x81\x01\xc2\x1a\x88\xfd\xf1\xc8\xc6 \xa2\t\xa9\x8ar\xf6\xf9/\xab\xe3\xf7\xfb\xbe`%\x07b\xbd\xaf~{\xf1\xdb\xebw\xef\xe1\xb90\xb6\x00\x8ckd\xe4\xc3\xa1m\xc8\x02\xefb\x12=\x9eOqQ\xb1\xed\xf4\xeb\x81\xe5\xe5Ll\xf8\xddJ\x1c{\xaa@\xbf\x8e&lt;}\xfa\xf4/\xbc\x12\x9f\x9b]\xba2\xd6\x87\x96\x1c\x1b\xbb\xbf\xf4\xe2\x97\x85\xb8a\xc7\xd3\x85\x95\xa9\x95\x95\xa9k\xb7\xfeC&gt;?\xb2vh\xdb\xa8y\xad\xe0\xa2Z\xe7q\x813\xec\xe7\xef`\t\xcb\xcboW\xe2\xf1\xf4\xf3\x95\xa9\x8dt\xdc\x80f\xa2H_\xdd\xeb\x8aFoG\x016&gt;\xb3\x1d\xe1\x04\xb6\x98ur\x9c\x11\x8fo\xaf\x06iZ\x9f\xec\xd96\xa7\x8ann6\x9e\x9a\xadp\xd7\xed\x95\xf7P+\xf6v\xeb\xd1\xd6\x1f\xaf\xdf\xf7\x8c\xdfY\xfdqvvv\xe5Q$\xb2\xb0\xf0\xeb\xbd\xae\xfb\xdf\xa6\xa6\xb1h=\x99\xda\x8e\xd8\xf4\x93 /\xf2b\xe7uCQ"\xd7\xfa\xc9Q\x0f\x8a\x16\x9e\x03\\u\xf9\xf3g\xaa\xfe0\xbe\xd5\x93Y\xce$\xee\xcd\xbc\xc2KOb\xe9\xc9\xea\x83\xd5\x07\xf7\xae\xcd\xce\xce\xcc\xcc\xfc\x97U\xf3kMcO\xe3\xf8fSN\xd8t\xd9\xa4\xee\x9e\xdd\x1c\x12k\xa2\xaex\x8cqT\x12u\x8a\xa8US\xe7\x8c\x93\xd4\x99\xfa\'\xcc83\x16\x93q\x0cT\xe7Tb.\x1c\x18\xb3\x91\x06"\x88A\xc4\x8bzc\xc9\xd9\xbb\x12\x08\xbd)\x07\x02\xdd\x90P\x0e\xa4\x90\x9b\xde\x16\xc2\xbe\x82\xbe\x82}~\xf6\xec;\x98\x81\x19\x04/\xfc\xf0&lt;\xdf\xe7\xfb&lt;\xbfg\x8c\xbb\xfe\xf6}~a\xd1\xeea\x92\xf1L\xea\xb0\xc4\x85\xb9\xdc\xfe\xe1\xee\xee\xc1\xc1.gY\xc9 \xa7\xbf\xe2b\xe0\x10\x0f\xf4\xec\x89 y\xcb\x8b\xf0\x81\x13\x93\x026\x9b\xe4\xc7.m.\xc4\x93\xad\xd7{\xfdT&amp;\xd3\xab\x1f\x051;\xc5\xa0Q\xf9\x87Z\x13\xb1jB\xba\xac*\x8f\x1f\xe6\x9d\xb6L\xb8p\x05\\\x17\xa5\x18\x18\xea\x03\xfd\xa6\xe6\xa9\xc9\x7f\xef\xcd\xc6\xc2\xe1v\xc0O\xe2d\x04\x97\x82\xae\xa3Lnoo\x9f+\xed\xef\xed\x87\x0b\\.\x93\xb6a\x04\xe3u\xd8\t\x86UUQ\xeb\xf5{Y\xa1\xac\xaaO\x9f&gt;\xb6\x06\x1f\xa6sC\xd4\x19\xbb\xe0\x10\x0f,\xeft\x1c\xe67?\xce\xc4\xc2\xe6:\x06X\xfc\x86du\xa5\x0f\xf7_\xed\xc5\xa0\xdc\xa7c\xe6\x95\x99\x07\xb1\\|;\xbfH{\xc1&lt;\xd9\x9a\xa8\xb5J\x85($\xf10\x93\xae%eUM&gt;n\x0e\xabE0T0\x95\x07\xe1\xff\xea\xb8\x86X\x7fg\x89\x9a\xb9#?\tX\xb8s;^\n\xef\xae\xbcx27=\xfdig\xcb\xe2\x9e\xb5p\x994k`\r\x0b^Vn\xf6\x86\xa5\xc2\x8c\x05\xac\xf3\xef\x16\xf3~V\x1c4\x9b5S\x15\xb0\x96\xae\n\x16\x84\xa5_\xb0\xc0\xb8\xc2ns\xc9\x05\xc1\x8aD\xfc\xc1\xf4a\xc1g\xf9\xf4\xfa\xe3\xaf\x7f\x9d\xfe\xd5\xfc\xd67\x13\x8b\x96ZB\xd20\xcf\xc2\xa1bp\xd6\xca\x8c\xa2+\xe1\x95\xfb\x7f\xf9\xee\xbb?&gt;Y)\xf5\xab\xd5\xe6\xb2q\xa9X|~\xc1Y\xdc\x0f\xc0\xb6t\xc3\x9a\x9a\xfc\x8f\xd9\xbd\x92\xbb\xfc\x86e\xcb\xe6\xb8\x82\xf9\xdd\xeb\xdf\xdc\xf7\xef\xdf3\xb7\xb7,a\x8e;\x16:\x0c\x84\xcbkl\xb62\xa9Q\xa9\xf4\xca\xb73\xb7\xf3i\xee\x93\xd9R\xe8f\xabK7\xc6b\xb1\xf8\xe8\x1c\x06\xd4\x8f:Jk\xea\xe5\xeb\xb0\xa5\xb0\xeb\xf4\x03\x17\x8em\xa7r\xa5\xbd\x83\xc3\xdd\xdf\xb6ff-\xfb\xb9B,\x9c;&gt;\xacP4kb\x1d\x86f\xab5L\xb5\x8f\xdb\xbe\x89\xe9\xb9\x17\x13oO}\x96h.;X\x86`\x15\x9fw-\xb3\x96w:\xe6\xf0\xf3\xed\x9b\\\x81;\x08\xf8\xc1\xe51k%\x95\xcb\xa5\xea\x07\xa9\xdd\xbd-\x1f\x17\x8eF\x01\xeb0\xd3\xa1\xbc\x08\x8b\x19\xf4\xb3\xbda\x8a;\xdc\x9b\xb9wo\xfa#\xff\xe1\xb8\xb0\xc2\xf5\x9b(\x87\xcf\x8b-\xcbl\xec\xb5~\xf6\xf0s\xc3\x1a\xac\x9c\xe5\xda\x18\x0c\xa3~\xa7K\x8c\xa72\x07\xf5\x934\x04\x8d\x0b\x17\xa2\x85B\xb8\xd4Jc\x1e\xc6d2x(\xf9\xac\xdf\xcb\x1cr\xdc&gt;\x176\xbf:=9.q\\\xa9U]\xbe1&gt;/\x16\xfb\x96Y\x9fn\xc7\xc4\xa9\xa9\xcf\xa7\xe7uII\xd51R\xc20\'\xf4\x9cx\x1dyi&amp;u\x9c+\xc1\xcf\x86\xb9\xe3x\x10\')\x83\x97\n9\xd8f\xaf\x0f_p\xe0\x0f\xa9\x83\x14|:\xceu[\x82q,.\xc0z\xa5\xdb"\xe9\x0f\x93wB\xb4\x8ba\xf5#?\xccQ\x98S\xa9\x08i!.\xa4+\xe9l\xbf5\x84\x9f\xcd\xb5\xe2\n\x9e\xc0)\xc6K\x11\x1e\xc3r\xb5\x17\x8f\xf7\x00\xa7\x95\x8d\xc7\xe3\xd9V\xab\xdf\xd3\x06\xa6\xdf\xa3\x15{\xf7\xcb\xa6nI\xfc\xfaeT\xf9)P\xb7\xe18\x0eX\xd6r\xa5&lt;\xbe\x9a\x82\xa6\xf5[\xadV\xb6\xac`\x1b&lt;I\xc1\xf1\x02\xfct\xad\xd6\x14\xd2\xd0,!\x9aqA\xeb\xf5\xb4jS\xac\x99\x8c(Zg\x85\xd6\xf6\xfb\xaf\x9bS:a]\x7f\x19\x06\x03\xce\xba\x13\xca\x10\xc6\xad\xa0\xa2\x96\xcb\xb2\x0c\x0f\x11a\xf55Y\xe9\xe0&lt;\xe9\xa1\xd0!\x831\xcc\x1b\x97\x07\xcdJYQ\xd4J\xa5\x89\xae\xc1\xa0f4\xad\xdd@)\x9e\r\x97MI\xdb\xf5\xba^X=Q\xd5lG\x18\xb8\x16\x89\x05\x822DJ\x95UQ\x1c\x07C\x90\x15EJ\xe0\x185\x9e\xb6\x00\xcb\xb4\xcc\xaabY\xa1\xe9\xfc\x0f\x9d\xa4*\xd7j\x83\xda\xb2i\x1ea]\x9dy\rB\xf7\xf4\xb3N\xda\xba\x16TQ\xb1\x9e`\x90C\x88W\xbe\xa3\xa8\x03\xc44\x86\x02@\xd9\xc9\xf3\xa4\xdfCQ\x04Ax\xbcp2\\c\x92\x03\xb5C\xd3\x1d\xb8\rl2\x89\x96\x117\x90\xc4\xab+oR\xebjw:-\x92nk\xc9|0U\xf7#mA\x1a\xe9\x8e*6\xc7T\x82(\xaa(\x85\x89\x88\xdf\xe3\xa1&lt;@\xe5XX\x9b7\xad1\x0c+\xcb\xc9\xc7,\xcb\xd2^\xe8\x95\xac\xc14\xc6\xba\xa8\x1a\x0c\xe2\xb0w\xa7\x8f\xe8_\xe2\xa6\xa4\xd8\x1d\xa5%2\x12\x81ZD\\\x90\xc2\xaa\xd0l\x96\xe5\xb2\xa8v\xa4F\x82\xc4(\x88\x16\xe3Xd\xbch+\xc80^\x1a\xb8\x92\x8a"\'\x81\xcd\x0bN\x8b4\xff\xe8\xcck\x97\xbfh:a\xdd\xe5\xd5^w4\xaa\x07\xfc8\xcf\'\xf8\x08\xe9\x97\xf2\xb4\x02\xd9\xab\xc9ry ?\x8c4\xc8&lt;EQ\xa0,\x02\xb4\xb5f20\x1e\xca\xcb\xd04\xfb\xed\x9ag\x17\xc7\x87\xd8\x9b\xe2\xa3\xfe\xf2\xbc\xd2\xd3\x07kr\xf3\xdat\xd6=\x1fu\x8f\x9c\x12\xc97\x1a\x89D\x02\x84\x8f\x81pdYV\xe0\xb6F"\x01`"\xe1\x10\x9d\xd8 \x18S\x8d\x05\x8d!\xb7\x80\x9b\x01:\xc6\xcb\xd8\x19\xd3\xd2\xc5\r$\xd1h\xeah\xda\xd7\xf5)=\xda4^\x86X\x8d\xda6\x1b\x86\xb0\xe0J\xf0\xc8\xee\xf34\x8d\xa8 \x89\x92\x94h\xdc\xde6VC\xb7\xd7\x8d\x90\xc3\x94\xf4\xac\xaeB\xdc(\x8f\x83A!\xf4x\x1c\x84\xddP\x84,^\\9\x08Z\xd0\xaeu\xc0\x9a\\\xbf\x0bh\xe7\xa3\xc2(\xed\xb2\x050&lt;1\xe6j\x00\x97\x1f\xb8@c\xea@uJ\xfcm\x83O\xac\x12D\x03\xb1-\xb2\x0cZ\xd8xP\x05\x8c\x0b!\x14\n\xd9\xbdFp\x88GCqcU\xd4t1\xae\xcd\xeb||4*\x9c\xc3\xb8\x1e\x90p\x1er\x88\xd0@a\xa4\x1f)L\x14\x84\xcb\xdb\xdb\x84\'OAh\x08\x0f\xc5xB\x0e\x9a\n\x85\xc6\xab$\x00\xa3(;|vxMF\x98\x03\x87\xfd\xe4jG\x17,\xb0\x07Z9\x8fF\xcf[\xf1m\xa4\xf9D$\x02\xbaG\x89\x8c\xe0~Z\x06\xa3\xd7\x02\xb7\xfce\xfb\xede\xc7\xaa$;\n\x9b\'B\x90@\x02\xedF \x95v\xb4\x83\xb3\x87\xec\x0b\xc8O\xab\xc3\xa1\xd6\xf1\x0ct\xc1Z\xbfV\xa4m\x10\xd70\x9b\xb6b$\xe8\x1d\x06\xd4\xc47.\x92RD0/k\xc4\xca\xfd\xf9O\x87\x8a(\x88\xf1p,\'z)\x86f\x08\xa0\x82L\xa2\x0c\x86\xc6o4\x8c\xcf\x97\xaa\xfd\xeeP\xa0\xf5\xc1\x9a\xfc\x97\xa2b\x81J\xab\xdbJ\xbb\x02$\xcfG \\\t\x90&gt;&lt;H\x82Q\x05M\x10;\xe2\xa8\x90\xcbB\x8b\x14\xe3\xb9p\xb4[f\x19\xbaC\x876~_\n&gt;#\x9e\xd9\xc1"n\x8aKUm\xd8\xfd"^$~\xd6\xa1\x12\'_\x92MW$\x91\x17\xe2\'GA2\x82\xb8\x12Ha&lt;\x129\xd5\x81\x06\t\xadq\x98\xfd\xf0\xc1\xd5\xe9(VE8\x1e\n,\x84\xabCl\xa0\x0b\xf45~\x07\x84\xb0.\xce\xca\xc3\xf3\xaeV\r\xe8\xf16jj\xf3\x96\xb5\xfaq\x7f9^?\xb1b\x80\x84\x82\x85\x9e&lt;\x8f\x13\x144&gt;E\x16\xe3\xd9v\xfbU\xfbRz\xf3\xe6D\xf8\xd2\x1b\xd0P\x80yj\xbcw[%\xfe1~\x93\xb7\x80\xb0\xae\x84\xf3\xf3\xa18\x90tyI\xb6~\xc7&gt;\r8\x15\xa1R\xcf\xbe\xc1\xf8\xc68P\xa0\xae\x08\x8f\x93\xfe1\x96\xd2Q\x0e|\xe6\x1d\xdf\xdb\xd3\xbd\xad\xad\xfd\xb6\x8bF\x8d\x08\x1a\xf7*Z\xc19\x16\x11\x95caa\x1eI\xab\xab\xd1t\xad\xa1G\x12\xc1O\x7fR\x03\xc1J\x19\xab\xa7\x8e\x028\xca"\x14!T$Pa0M\x00\x96\xd26\xbb\'\xe6\xdc[\xfb1\xf7\xce\xceV\x1d\xe6\x06\xd4\x8b@\xed\xab\x88j\x8c\xe55\x18/\xce\xfa\xcd\x8e\xd7kR\xbeN\xea3A\\\xd3Nk\xe5\xd2\x99\xca\x1c\xb9H(DP\x17Tc\x04\xc7\xfd\x18\x04K.W\x0e|/\xe0\xf85\xb1\x13\x9b\x98\x9bp\xbb\xb9\xb4L\x83\x89QD\xe8Y\xc8\x8e\x96\xf5\x06\x00\xfb\xe7\xfc\xd2\xc5Yzccay\x89|\xa9\xcfx:\xf99\xf2\xfe\xfd\xe5e\xb9\x94\xaa\x1f\xbd\x97$\xbe\xf1\x7f,)\x9f\x0f\x9edS\xbb\xbe\x95\x89\xb9\xb9\x89\xb9\';\x007\xf7\xc4\xed\xcb\xa6a\x08\x84\xf3\x06\x81\x9ca\xc1`0|\xbf\xf0\xe3\x8f\xcb\x83~\xdaa_\\\x9b\xd7i:E\xe1\x8aH\xef\xcb\xfd\xd2q\xfd\xe4\xc3\x87K\tE\x0b\xf2\x18!\x03\xc1\xd3\xf6n\xce\xb7\xe2\x9e@\xff\xd6\x98\xde\x81\x98\xdd\x9f\x9b\xf8\x1f-\xe7\x1b\xda\xc6}\xc6\xf1\xde\xc9w9NDI\xac\x98\x9e\xb0-\'\x17Y\x9dj\x9dt\x98\xf9\xaa\x04\x15E\xd3Ya\x88Y\xca\xd0\x9f\xc3N\xe4\x84J\xbe\xe4V)\x89\x85t\xa36\xc3\xe7\x0b\'f9/\x84\x19Y\xf1;M\xee\xfa\xe6XR\xb2\x80\xf2\xa2\xe0\x062\x08\x1d8/j\xe8^\xd4\x90\x16\x8f,-\x0bi\xda%\xcb2\xf6\xfc\x94\x96\xc1^v\xba\xdf!\xa1?/\xee\xc3\xf7y~\xcf\xefy\xee\x9e\xdf\xd1XD\xcf\xd4\xd2\xd1\xa1\xee]\xd8\xd7\xc7\x07\x07\xfb\x13\xc9\x04$\xa9\x97\xd7&amp;\x0e\x8d\x8f\x9f\xde\xb6\xf5F-X\x80\xee/\xdcnu\xd6\xcdv;\xd0\xaaw:s\x90\x0f\x1eG\x17#\x9a\n[\xe2\xbaL8I\xd3X\x9c\xb6\xe38\xea\xe1\xe2\x04IM\xb5\x06^E7a!\x8bN,-\x95\x93\xc9\x0b+\xe2\xcf\x87N\x06\xefL\xf6\x0c\xcbf\x9b_^\x9e_n\xb77\xeb\xf5V\xbdy\x1brgH\t;\xa6\x0c\xde\xc4\xd0\xf4~^\xd6\rmG\xd7uMS\x04\xccng\xe2\x1cW\x12\x9a\xa3?\x82\xc804\x9e\xa8,\xa5\xa1\xdc\xf8\xc3J\x1a\xd6\xc8\x85\xed^v%\xa1V\xe6\x8d\xbbf\xbb\x05dmp4\xc0\xeah,\x0fL\x18\x97k\x98\xe9|&gt;\x0fe\xc5E(&gt;\x9a5\x05\\\x8d\xde\x87aR\xfau\x98\x88\xe3\xa0U&gt;\x9d\xcc\xe7\xd3\xa9\xfa\x8f\x8f\x1e}\xdc\xe3F&lt;P\xecn\x03\xa86;\x9b\x9b\xedv\xe7\xe8\x89\x96\x04\xa7\xc7bj\xc34\xb7vVWW\xb7\xb6\xb2[;;[[\xf9\xf3-MF\xad\x1c\x9c\x1e\x80\x89X\x113\xa2\x98\x17\xb351U\x9f;~g\xea\x95Wz\x8cu\xe9\x86\xd4\x00\xd7j7\xdb\xed\xdb\xe0_&amp;L@&gt;\xa2\x9a5`\x02\x9c\xd5\xee@l\xab\xd9V\x0b]\xb9\x87)\xb9w\xdcW\x163\xd9\x0c\xd4\xe1\x99\xcbZ\xe7\xder\xef\x1c\xeb\xbf\xb9\xc45\xb5\xd12\xdb`\xc4\x0ex\xd9\xa6\xc2\xb2l$\xa2\xca3\xf2\xaa\x8c\x88&gt;X\xfd~\xc8\x1f\xa4\x0c6\x86\xc5$\xbd\xec.\xe7\xc5\xdfd\xc4\xa5d:\x95\xea\\\xea9S\x17k\xbdj\x9af\xbb\xd1\xea\xb4\x0c\xad\xde\xacJUU\xe0\xf7\xf13/U\xda\xfaN-4r3g\x8e\xf0|LVj\xe5z&amp;\x93\xaa\x89b9\xab\xa7&gt;\x9a\xb4\xa23\xdd6\xb5^U\xcc\xfaf\xabn\xa6\x0c\xd3l\x1a\x92\x02\xa7T\xd4\xd5\xad[\xb7&gt;\xfb~\xc0\'\xf8\xb6\xa3\xa7R\xb93\xb1\\\xa3^C\x17m\xf4LVTt\xf3=K\xfa\xe5mS_\x18B\x03&lt;\xdeT\x14\xad\xd105!\x97\xc9/F!\x92\xb5;\xbb\xb7\xbe\x1b\xbb\xbb\xf01=\xbb\xe8\x9b\x9e\xd5gr\x99lCO\x1999\x93QV\xf4\x1b\xf3\x96`\xed\xb9\xb4npJs\xb3\xae\xa9\x86f6\x0c%2\x93-G]\xfe\xf0\xed\xf6\xeeK\xae\xcf\x10\xd5\xee\xad\x8b\x17O\x0e\r\x8cF\xf3\xba\xb1\xa2\x83T\xaa,+j.\xa7~a\xcd\xe6\x15\xdb\xa5\x05\x83\x93\x1a\x9a\xa2J\x8a\xa6\x19\x86!\xe4\xc4\x8b\xfep8\xeci\xb7w_\x9a\xb1\xab\x16$:\xa3\x03\x87\x0e\x8e\x97W$Y\xd1g\xaa\xd2\x8c,\xcb\x11\xc1\xb0\xc6\x86\xa0\xd6=\x8d/UY\x8e\x15\xa4j\xb5\xaa(\x92\x9e=\xef\xf7\xfb=\x81B&gt;\x9b]\xdbYY\xcb\xee\xec\xecd\xc5\xf4l\xd4=th\xa8?\xa9G\x00KV\x05\x16\x8e\x08{\xd7"*\xdb\xfc\xbd&amp;\x8fq,P\xa9j\xb5*\x08\x92\xac\x8b\xde\xb0\xc7S\xc8\xaf\xad\xe4  p1\x8c\x8f\xa1+\x96\x8b\x89i\xdft"\xa9Dr)C\x8dD\xb8\x08\xbc\xb8k\x96a\x9dn\xc5h\xac\x84\xa4\x02,\x96U\x05I\xcf_-\x17\xcabV\x97\xd1\x8d\xcf\xfd4\xc3\x9fY\xc9\x94+\x95\xca\xb9DeMf\xa5\x9c\xca\xf21\xae\x14\xe3\xf7q\xeb\xd6a\x15"\xb0\x06\xb2jU\x12\xaa*\x04SN\x92S\xb0\xae\x88i1\xb3\x12\x89\xc1z\xc3\x1c\x99\xb9\xbcT9w\xfe\xea\x85\xa5\xca\xd2\xe5H\x89\x8d\xa0\x95\x80\x8f\x01r\x0f\x9b\x15\xff\x17k\xc1\xab\xf0\x14\x83q\x92\xc0\xb2%\x96\xc3bl$w9+\xe6g\xf3b&amp;\x17\x8b\xed\xe3y\xd6H_]\x84\xd4j\t\xfd\xc2\xc58\x0er1\x06T\xb4s\x8d\xf7-\xda\xe5c\x9b?\x11nJ\x0cd\xc7\xa5b\xa9TD\xa3\x14c\x91^\xb3\xb3b\xcd\x10X.\xc6\xaa\x8d\xf4\xec\xb9dr\xf1\\!%\xb3\xc58\x08Ud`Pv\xd9{\xdf2\xac\xd3\xfe\xdb\r\x96v:\xe3\xa5\x97`q\xc8\x12\x04\xe0J\xd7\xb2\xb5\x94*\xc0\xc8)b\xb6&lt;}2Y\x16S\x11\x98\x01X\xb1T\xa4i\x92\xb2\xf3\x19\x8fEX\x90\xd8\x1c\x0f\xcdy\xb5\x18\rv,\xc6\x01\xaa\x88a\xf18\xc7\xaa\xb0\x00\x19\x90;\x0b\x92\x10\x89\xe4\x0cE\xaf\x15\x9a\xa9\x95*[\xe2\x91\xb2\x90\xbb\x12\xf8&gt;\xf9\xc2\xf0c\x0b\xb1\x82\xfeV5N\xd9\xfb\xa0\x9c\x88\xc3)\xe1\x1d\x03\x1c\x143\xe0%\xb0\x11\xb6j\xa8\xacP\xd5L5\xc2\x950\x94$24\xee\xb0GV.\x0c\xdf\xb1\nk\xfb(\xc2\xd28\xcan\'\xe9x\xb7\x8d8\x1e\x8f\x978\x98pl)V,r\xe0\xe3\x92$\x08\xb1\xa2dHh\xf6A\x19\x14G\xdb\x91\x8a\xb2uX{\x00\xcb\x1f\x0c\xf9\xebr\x89!I\x8ab\xe2\x18\x8d\xea\xaf"\xc6\x17\xf9b\x17\xb1\xc8\x80\xd7\t\x02\xcf\x14a\xa6\xa2{\xb3\x14CS`\xc2\\F\xfcp\xf8\x9eU.\x0fj\x85\xfc!oM-1\x14N2\x18\xa0\xd1t&lt;\x8e\x15\xd1l\xa3\x01\x13CX&lt;\x94Bq\xe4z0\xff\xa0\x10"\t\xbb\xb4vu\xec\xec\xd8\x82U\xdb\x00\x97\xe7`\x05\xf4\x87\xbdM\t\nC\xca\xc9P$\x05z\x14\x01\x8c\xa2I\x12\x94\x83\xa9\xc0r@H\xa1\xa0\xc0\xd0\x04IC}Fsbex\xf8\xec\xd9\x13V\xa9u\x7f.\x84Vf\xcff\x03\xa6\x19M0`K\x1a\xe4\xc2\xba\x1c`1\x1aq\xa1\xaf\xf6.\x15\xd4\x8e\x14\xdeGszebb\xec\xf0\xe1\xd3V\xf9\xd6c0!j\xbf+\xd4L\x85ep\xdcIQN\'E;\x11\x1c\x83\x0e\x04\x07\x11\x01\xb0\xe0g\x9a"\xed}\x04\x15\xcb&amp;}\x83#c\xc7\x8eY\x855y\x07\xc4:\xe8\xf7x\xbd\xe9fC\x8d\x938\x81\x938NP\xe0\xff8\x0e\xef$CQ\x14\x02$q\xe4\xe8\xe0U}\x0e\x92\xcd\xba\x07Q\x97\xe7\x87Va\xd9&amp;\xef\x84\xfd\xa1\x81\xb07\x10\xae\x07ZF\x91q\x12h\x00\x19\xe9\x04:\xc2\x81S8\xe5\xa4\xed\xf0\x03N\xe3\xe8+APR\xfa\x9co\x04\xed\x82\xb0N\xad\xa9{\xe1P0\x14\xf6\x04 \xef\xab\x9b\x12\xcc4tr\x06\xb4\x02\xbd\x1cH\x1e\x1cy\x93\xc3\x01\xac\xf0\x17\xe5$\x18!\xed\x8b\x8e\xf8&amp;\xba\x9d\xba\xc7-\xca\x99\xa7\x16\xa2\xa7B~\x97\x17F\xa0\xd0j\nE\x06\'\x1dT\x1cN\x0f\x08\x0e\x90\x8d$p\x82$\x1c\x84\xc3A\x92\x04`\xd2l-1\xd2\xb5\xe1\xe1\xc3\x87\xcf\x0e,[S\xf8\xcc\x9f\x8e\xba].W \x10\x00,O\xc0\xa8\x16\x01\x84dp\'\x81\xcc\x08r\x11\xbf \x90V\x80D\xc1\xcb\xd1\'\x98\xc9\xa4{p\xd0=\x81\xda\xd6G\xceZ\x11O\xa1\xd4\x7f\xf1S\x8fk\xd4\x15v{\xbd\x1eo!YhA.C\xbc\xf6\xd2\xeb)d;\xf0/\x02\xf9S\x97\x90\x80(\x9a\x8eV\x92\xbe\x91\x11\xd45?28|\xecg\xdb\x93\xbdf\xb2\xd9&amp;_&lt;:\xe4?\xe5w\x85]ao\xd4[(\x14\xbc\xf5\x80\xc91Nd.\xf0-\x02a\x81\r\xc1\xacxW\xb0\xfdjs\x11m?\x18\xec6\xf3C\xe4:\xf6\xf4\x9b\x17S=\xac\xf6\xbbO2X\xfe\xe8\x9b\xaf\x96B\xc1`\xc8\x15\x8dz\xc1\x8a\x81\x02\x1c^\xb3Z\x82\xb8J\xa0(\x81`\xc0\xbdH\xa0\x03C\xf6qZa1\x91\xac$\x12\xee\xa1\xc1n\x9b\xfa\xd8[O\x9f&lt;\xda\x9e\xdcc\xeb\x95P\x93S\x0f\x1e~\xf9\xf1\x8dG\xff\xd0\xfd\xc1`p\xaf\xc7\xe3\x01*/b\xf3n\x9a\x9a\xa1rv\xdc\x81\x9c\t\xe8\x90\xfd\xc0\x9cv\xae\x9a\x8e\xfa|\xee(\xc85\xd8?1\x9c\x98\x18\x99\x18~\xeb\xe9\x1f\x9fl\xcfO\xf6\xe2i\x1a\xe8\xe1\x17\x1b\xdf&gt;\xfc\xcb\x95\xb7\xdf\xed|\xf5\x93\x99\xcd\xb9\xb9\xe0)W\x18\x02}4\x19\x08\x00]\x18*}p\xb18\xdd\xf5q\x80\x82\x80\xc1`\xac\xd6,\x14\x12\xd1D\x14\xd0\xa6\xa7A\xa9\xfe\xfe\xaeZ\x80\xf5\xce{\x0f\xba\xcf\xd6\xf8?c\xc2\xc6\xb7\xcf\x7fu\xfd\xeb\xdf\xbd\xfb\xfb\x8f\xff\xfd\xec\x00\xd7\x1a\x98{\xf5`8\xec\x02\xc1\x02\x85B8\\@\xcd\xcd\x81zSSK\x18\n\xfavH\xbe\x04\xa3\xd1\x0c\xf8|\xc8\xad\x12&gt;\xb7\xdb7\x8dvf\x80{U\xfe\xfc\x04\xb06\x9e\x7f\xf2\xe5\xc3\x7fn\xfc\xe0}\x0f\xe8\xd9\x18\x93\x1b\x0f?\xb9\xf2\xe6\xcd\xcfo^\xf9\xed\xf5O\x1f=;p$\xeb\n\xbeqp/T\xf7a\x977Y\xf0\x02[\xb8\xbb\xfd\xc1[7\xabP9CV\xda\xd0j\x81h2\xe1\xf3E\x93\xc8\x8a\xa3n\xf7\xf8\xe8`\xffh\xff\xc8\xf0\xd8\xbf\x10\xd6;\xd7&gt;\xbf\xfe\xf5_\xff\xf4\xf7\xf7\x01l\xcf\x9e\x1f\xe4R\x0f\x9e\x7f\xfa\xf6ko\xfe\xf2\xd7\xd7o^\xb9\xfe\xb7\xf5\xa7\xcf\x0e\xec\xd7\x93\xa17\x0e\x9e\xda\x0bft\xfb\x90\x83u\x91 ^\x04\xfeC\xc9\xf9\x87\xb6q\x9eq\xdc\x93+\xa1\x04N\xed*\x1d\x17\r\xa3z\xd4\x97\xb3\xba\xb4\x1e\xa1T\x19\xf8\x06N\xd7\xc25\xa4\xf9Cn\xff\xc84\x92]\xe3\x96E\x97@\x16(\x87\xc8\x8e\xe1q\xf4n\xe5P{\xcd\x0e\x9d6\x9dD\x85\xadP\xdd\xb4\xa8\x8a\x84!\x12\x16\xc1E\xd1\xa4y`K\x13\x92\x16\xb0\xe2\x99\xd8\xb1MBG\x9c\x9f\x0b{^\x85\xc1\xd8\xcf\xf6\x05\x9fl\t\x9d?~\x9e\xef\xf3}\x9e\xf7\xd0\xf9\xd3\x13\x1f|\xfc\xfe\xe4\xe4\xe4\xfb\x93\xa7\xa1F\x11\x11\x84\n#\x81kh?\x89\xeeKz\xf6\xb9\xef@\xb4n\x03\x96\x18N\xfd\xf5\xc6\r3\xfe`\xe6\xb5\xaf\x9bLt\xf9vgS\xe0\x83AN\x8e\xca\x92Xh\xac\xae\xe7\xb7\x0f&gt;\xf3\xde\xcfG\xc6\\\x81@\xc0\xed\x99\xf0z\xc6G\xf6\x8e\x8c\xef\x03\xdd\xef}\xe2\xfb\xa7\x8f\x1dCwJ\xc1\xf2zI\xef\x04J I\x02\xd7\x10&gt;D&gt;K&gt;w\xf6\x9d&gt;\xd6%=l\x14\x1a\xd7\xb2\x85k\xb9\xcd\x8d\xaf\xa7\xfe\xc17\xcf&lt;h\xea&lt;\x15\x8c\xb1b\xb1\xa4\x14\xccHM^\xcfw\xef~\xf3\xf8\'\xe70\xc2\x87\xbb\\n\xaf\xc7\x1d8\xe0\x1e\x19\x1f\x1f\x87\xb9\x10\xda\xe4\x89\x97N\x1f\x9b&lt;1\xe1u\xbbG&amp;&lt;\x00\x04P\xb0\x86\xf0\xe1!lh\xf8\x05|\xff\xd0\xd1\xb3\x90\xc4;\xa1\xd0%.\x9c\xc9ek\x8dd\xe3f\xb6\xb2\xb9\xf1\x15o:\xed\x1b\xe7\xc6\xc5v:i\rJ|\xc2H5\x1a\xc9\xecj\xd1\xa8_\xb9\xd7\xbb\x7f\xf0\xe0/\x8f\x1d\xc2}.\xd7\x01\x0cD\x83\xa1\x9a\x04,\x0c\xc0\x00\xeb\xc8\xb9\x13/MxH\x0c\xc7I\x88%\x04\x8ct\r\xe38\xba\x81\x84\x18}a\x18?\xfa\xed\xed|\xfe\xce\xcc\xf4\xef\xa5rxY\x96+\xd9l\tr\xa0m\xad\x9f\xf9\nW.\x91I\xcd&lt;0LaOp\x97Xf\xc3&amp;[\x92\x93\xab\xab5\xb9~\xe1v\xaf\xf7\xc5\xc1\x1f~\xf2\x13\xcf\xd8\x98\x0b\xc3\xdc\x80\x85C:\xb1\x00\x8e\xa3\xb0\x8d \x9dC\xc7\xc4\x10\x160\x93\x10R\x17\xee\x1a\x86\x1fG\xfd\xc3\xc3\x04\xe9\xf9q\x1e\xb0B\xb3Wi!\x93\t\xb3\xe1\x8cX\x8ad\x1b|R_~\x10\xfa\xbf\x9f\xe8\x1a&lt;\xb3\xb1\x13/\xad&amp;\n\x92\xa2,\x0bZ8R\xacER\xa5FT[\x9c\xbd\xde\xebm\xdf=\xf8\xd1\xe4\x04\x8e\xbb07\xc2\n`\xd8\x01\xc2\x07b\x1b\x1f\x0f\x80\xf7C\x1f\xc7\x80\x12C\x92"\x11\x13\x8e\x0e\xc4\xe8\xe8(A\xec\'\'\x1e\xe5{\xf9\xbf\x85f/S\xec\\\xad$\x9bsB\xb1X0DSLE:\x9b\xff\xf3?\x1f@7\xber\xa9\x93M\xa6\xeb\x94\x12\x8e\nj*\x11\x8d\xd4j\x05\xb9VL\xb0\xfc\x95\xd0\xedno\xfb\xf3\xe3oO\xb8].\x8c$\xdd$T$\xe6\xf2\xf9 \xa7\xfb\xdc\x01\x0f\x12\x93\xd7\x03O\xf5\xe3\xe8"\x08\x17\xfa\xc2\t?\xe3\x1f%p,pv;\xdf\x03\xc5_Xt\xe8\xb7\x1a\xb5R!\x9a\xd1\xa2Z"\x91\xad\x15vY\x14\xd0\xd8\x7fS?\xba\x1bxK\x81I\xc5AK|xM\x10j\xa9\xb0\xc1\xaa\xa5T\xa9$\xb2b\xf0\xe2\xcc\xf5|7\xbf\xfd\xd1\xe7\xa7G \x0e(W\xe8\xe0B\xd1\x82\x8e\xe4Bw"\xb9\xa1\n\xd0k(D\x0c\xe1"\xfc\x04,?\xc3\x108A\xb8!X\xbd;\xa1\x99\xbfLY\xb8e\xb3\xd2\x12\x85\x85t:\x93\x8e\xb3\xa5Z\xc1&amp;\x89\xb9\xad\x07\xff\xd9\xfb\x07\x07\xdf\xdc\xa9\xeb\x9c\xc5\xb1\x0b\x86K&gt;Z\xcd\x1a\tv\xde\x94\xd7\x8a\xd9Z)YP\x82\x8b\xa1\xd0\x9d.p\xdd\xfd\xcd^\xdc5\xf6\x84\x0b\xb1@\xa6\x02c&gt;\xe2@\xc0E\xb8\xc6\x08\x9f\x1f\xb1\x80\xac\x00\x0b%\x0fB\xf62\x03O\xf9\xbc\xdb\xfd\x1c\xfe\xf4\x92\xdd\xc6G#\xc6\x9c\xa9\xad%\xc49M(\xa7\xd5\x04eq\xd0)\xa3\xbd\xfe\xef\xa9\x1c\x1c@\xf9\xd3a&amp;\xb7\xd0\x8b\xa7\xac4\'\x88\x19MVSF5[\x84\xf7E\x14\x8e\xdb\x9c\x99~\xdc\xe7\x9a\x04AALH\x8f\x9bD\x1a\x07B\x0c\xd0\\&gt;\x08\x1a\xa4\x14e\x0e\x07\xa6&gt;\xd6(\x8a\x96\x1f\xd6\xbb\xef\xf4z\xdd\xdb\xd3\xa1\xe9\xab6\xbbd&amp;\xb59CT\xc3bFf\x97\xd3\x99\x8c\x1e\xb4:\xe8\x98\x8do\xcf\xfeKO\x82P=\\\\\x9c\x9a\x82\xf1\xc4\xba\xd8\xe6\x9d6\x9af\xe7\xc5\x92\x11QKb\xad\x95\xa2\xcd\x14\xab]\xdd\x98\xdex\xdc\xed\xe5\xef\xff\xea\xc8\xd8\xbb\xe8w\x03\x16\x89\xa1z#\xa10\x01\xcb\x87\xb0\xc6\xe0\t\x0c`\xd0\x1a\xf5C.\t\x06\xc0|\x81G\x80ugff\xfd\xd4\x9e\xba\xa4Iz\xa5\xa2\x19j$lD@a\x0b\x02\xe5@[\x15\x1b\x17\xde\x9c\xfe\xa7T"\xa7\xda\xec\xd8OM9a\x04\xe7\xb68.\xae;\xac\xbaP\x9f3\xe5jV\xae\x96\xf8d#"V\xb8\x8b3\x88\xab\x9b\xbf\xff;\xb7\xcf\xdf\x0f\n\xe9\xf1\x82K`h\x05p$\xb11\xc2\x05\xa5\xe6&lt;W@\x00\x00\thIDATHB\xac\x80\tD\xd5\xc7c\x98\xef\xbfqd\xbb\xd7\xcdO\x87\xfet)\xa64y\xa1\x10K\xa8E6c\xca\x99H\x98\xcd-\x94%\xeb.+m\xb5%5\xee\xf2\xc3\xd0?\xb8\xa0\x00w\xda\xba2UoO\xd9\xad\\S\x94\xe2Ku\x85\xb6Z\xebq\x16\xa4Y:\x9f\x88\x89\x156\xa2\xaer\xeb\xa1\x8d\xe9{\xdd^\xf7\xee\x0f\x0e\xf8\x10\x15\xa8\xc9\xdd\xaf&lt;\xaf\x1b\xbc!\x80J\x0fe\x14\x15(1\x8ax\xfc~\xf4\x81\x16\x86a&gt;8\xfeE\xb7\xfbx\x06\xec!fDyC\xa0d\xb5\x14\x01\xeb*\x0b9A+s\x0e\xeb\x14\x8d\xe6\xec]\xbb\xe9\xe4\xa5\x9d\'\x99\x1c\x1c\x0cmiz=\xden\xf3\x16\x07\xbfU\xa7\xcaK\xa9\xe82\xef\x08:yv\xad&amp;V\xaa&amp;]\xacD\xf4\xd6\x1fS\x8b;\xa1\xe9\xeb\xf7\xba\xf7\x9f~\xfaC0\tT\x8a\xfd\xa3\xc7\x0b\x83\x15\x8cVn\x84\x04|8rRP\x15 1\xcc\x1b\x0c\xf3=f\xfc\x94\xc3\xf6\xde\x1f\xbe\x9c\x0e\xfdzOA-s\x95\xb0$\xb6*\xa2\xb1&amp;\xa4\x97\xb5t\x92\xfe\x8c\xa6\xeb\x1d\xcbS\xb4\xc5\xa1\xe7\x8a\xfa"p\x81\xd6_\xbb\xd0T\x9a\xe9\x952o\x871\xae\xd9\xa6\xb4\x156\xb1,R\x92\x12\xa3\xf828\x84\x9a\xa2K5\x8ek\x9dO\x04\xaf\xcenl|\xf9\xe8E\x9b\xf5\xc5\xd3n\x1cI\xaao\x11\xb8\x07\x06\xbe#g\xcf\x1d9w\x08\xcd2\xa8\xff \x13\x85H\x1d\x86@!\xb4\x93V\xa7\xdd6uq\x16,\xbe\xb8\x90K\x96*I\xbd\xd2\xd2\x12k\x86\xb6\xc4Y\xad\x92^o\xf3\xed\x0e\x08\xcc\xa1\xac\xa9\xac\x9e\xde\x82\x16&gt;\xf00m\x14\xa3\xb9\x15\x1df\xf0`\xa7))KBt&gt;BI\xb9\x15\x8e\xb2\xf1\x8a\xa9V\xa4\xa4jHtiM\xe6\x9dp\xe6\xf5\xcbv\xa7}\xf7/\x0e\xc1h\x00\x86\xeeAv\x8e\x1e\xbd\x87\xfa\xb3\xc3!\xe4\xf0x_S\xcc\x8f\x10\x15\xc3\xf8\x98\xdf&gt;C;w;m\xaf_\\\x7f\x85kUe\x10V\x84\xaf\xa9\xb2\\\r+&lt;m\xa5\x94\x95\xb2\xd0\xe4:u\xcajq\xe6\xe6\xe4\x9c\xcc\xb57g\x06\x12E#a45\xbb\xc5B)M\x8e\x8d\xcb\xd1y\x91\xa2\xb4[\x82\x13\xec"\x96;o\xc4\xe4\xaaIQ\xabj1\'\xbd\xfep\xfd\xb2e\x8f\xd3i\x7f\xfe-/$\xado\xab0\xbb\xa0\x07\xe89^\xa8G\xf4\x9d\x0ba1\x87\x0f\x1f\xf6\x13~\x1f\xf3\xf2\xc7\xcf\xdb\x9ch\xd9__\xb4(j+B\xcb\xaa&amp;\x19j\xc2\xacV\x92A\xcan\xa1\x85[r3\xceu:P\x8f1\xa1c\xa8\xe9\xba\xde\x1e(\xd6\xccxY\x8f\xc1n\xaf\xbe\xc5\xa5\x97\xb4\xc4-\x8drpj%\xc9\xe7\x14\x9a\xd6\xa3l\xb2\xd6*\xecJ6n\x14s\x9c\xe3\xd4"\x9c\x7f\xb7\xd3n\x7f\xf5m/\xb2,\xd0\x11\x0ez\x87\xbca^\x0f\xd8)\xf8\'\x86\xb0\x90_\x1df\x08\x1f\x94\xec\x87\xdf\xb0=y\x0bl\xdd$V\xbd\x96\xa4X5\x11KT\r3\xaaX\xedJ\xda\xf9\x14\x1f\x9eg\xe3q\xae\xdd\xa1\xc1\xbftC5\xc3Bz\xa0\x18\x16\x97\x85 E!*vE3\x17\x8c\x98%fTEJ\xaefx\x87C\xb2\x81yI\xb4\xf9\xe7\x9b\xa5J\xad\x10t\xc0\xf9\xd1\xb2\xbd\xfa\xd6Qh\x8cHb\x10+\xb2\xdf\x10\x01\x07CM\x1c|\x8b\xf0\x01\x15T"\xb3\xef\xa4\xcd\xf2\xe4/\x81\xadd\xacm\xb6\xae%\x83\xca\\T2\xd7*"\x9c=\x96[S,Td!\xca-E\xa5v\x07\xed\xea\x84[\xe9\xb0\x1c\x1f(\x87\xd9f\xd2j\xa5\xb4-NY\x11\xd8\xf99\xdd\xea`\xe7\x12tJ\xad&amp;\xd2\x1dK\xf0[\xec\xb2&amp;\x15[\xad\x9b\xd7\xce\xff\xac!9\xedh\x93\x8a\xf6\xab\xdf=y\x82\xc4\x91\x92\xd0L\x08\xaa\xf7&gt;\x99e\xd0\x01\xda!H\xdd\xe7g|\x9f\xbe\x82\xae\xb2\xdaQ\n\x91\'\xc6\xcdk-\x16\xb02\xc9\xc8B8\xe9p\xf06]\x8dJ \x95\x05\x93\x9d\xd7h\xd0\xbd\xc5\xcaou\xe2rs \x1a\xe5$\xab%\x98^\xe2\xf8\xe5\xf8\xdf\x8b4\x9f\x17\xb5\xd10\x8e\xdb@\x82;\xc3d\x0fn\xa1\x03\xcb\xb0tY\xde\x9dC\x87\xbd,]\xc8\x842\x14\xe6\xd0K/\xbb[\xc2\xf6\x14\n\x0bM\xda\x93\xb4\xc9!\xa1\xa5\xa4\x13YD*Ab F\xf0 \xc1! \x82\xe6`\x89\x87\x80H\x0b\x01uPJ\x04A\x06\xc1\x83\xc3\xe0\x1f\xd0}\xde\xd8\xee\x8a(\x88I&gt;\xf9&gt;\xdf\xe7\xfb\xfe\xd0\xba\x17@\xe6\xd6\xbc\x82\xae[a\x97\x9f\xab\xa7vZ\x17Ys6\x8bg1\xc31M\x96 \xd1v\xff\x88\xda\xb9\xfd\xe7\tL%\xf6\xf0t\xe2\x18\xb0 .~\xda\x03\xbf\xe3\x7f\xb0\x80\xb3\xee\xde}p\xfc\xc7/\xc9\xd6\x12V\x18\xb8\xa4\xcah1\x8b\xbbH/|\xceKV\x1b\x11y\xa7D\xe7\x06%D\x95\xfdA\xbd5\xaf\x9d\x0e\xf3\x02\xa2O\xcb\x9e\xaa\xa6\xe6=X\x0b\xd3\xda\x88G\xad\xc0\xac\x86\x8e\x04\xca\x06\x1a\xab\x86-\xb3`\x89-\xef\x82E\xf51 q\xae\xcb0\xb1F\xb00n\xc2\n\x95&amp;\x08\xea\xc6\xcb\xe7PB(\xe2\xfe\x0f\xdf\xef\x1f&lt;~\x8c[`\x0f\x06\x1dp\xd6\xdd\x07?\x7f\xf7\xee\xf6.\x91T\x9cM\xefd2l\xe6&lt;\x9e\xac\x96\xf1\xc4\xa4\xcb\x17\x1fI[@\xbas\xf9A\xd2\x0b \x1b\x0baQ\x1fY\xf6\xc7\xa1H\xb345\xec5R\x17\x12\xc1\xd2\xb5\xb9\x8a\xf2A\x8e\xf7\xfd\xbc@\x94\xc2\xaa}\x1e\x16\xea=\x9f/]\x16\xbb\xcd\xf7\x11\xc7DJv\nX\xdc\xa4NS\x14K%\x0bz\x12Q\xf7\xdf\x1e\xed\xdd&lt;\xd8\x83\xe9q2\xe1\xc2}y\x13\xd7\x11&amp;5GO\xbf%\xd8\xff\xa9\xd2\xe9f\x1c/\xc7\xb38\xae\xd84\x95&amp;\xa4\x8f\x9f\x1a\xa5~1\x87\xb4A\xcb&amp;\xc5\xfe\x00\\\xcd\xa3\x9ec#B\xc8\x7fj\xa42\x88"\xed\x8b\xa1\xa4\x0f\x9dr!l \xb2\xec;z\xdd\x9f4\xabA\xcb\xec\xcf\x963E\x91e&amp;b:S9\x0b\\3\x89\xd8I\xb3\xbb\x14\x857eH\xc4\xde{}t\xf8\xeb\xfe\xf1&gt;\x04\xd7\t`\xedA\x1dq/\x1e\xffs\x87d\xd3\xb8\xffp\xcc\x81\xe7)-\x96\xe3\xebN\x14/\x97m\x1a\xe9\xaaz\xe18\xbd\xf3\xa2\xaf\xb1\x95\x80\x17\xc8\xc6\xa0\xdf.xRm\xa8\n\x04\xa2\xa9F\x8a&amp;\x10\xc9\x8f\xf2H\rL5\xb42\xb4\xee\xccEX\x9d\xe4rW\x85\xfaj9\x8b\x14\xb7#\x83\xab\xe4iG\xce\x02\x173\xd6\t\xbc\x91\x8b\xbb\x11o; \xe2\xd9\xeb\'\x870\xc799y\x08\x93\xf9\x83\xa4=\x7f{\xf77\xde\r\x84\xafl\x13+\x93f\x9bQ6\xcb\xb9\xeb\xa9\x12\xc5\xe3\xba\xcd\x87\x03\xde)T\xd5\xaa\xef\x895\x0f:\x9e\xa8\x0c\xd4\xb6_\xa5\xf9yY@\xa4\xc0\xa7\xc0\xc1\xe5y\x0b\xf1P\xc2\xd0\x83\xd2\xaa\xf3|\xde*VL\xeb\xc3f\x83\xa1\xae\xa7.\xd0\xc8\x1dx\x03,x.t"\xf3\xb5\xbb\xa0+\xe1\xde\x9e\xbd=\x83\xa5\xceC\x18{N\x0eA\xaf\xfd\xb3\x977H\x1c\x0b\xc9\x97\xf0\xebn&amp;\x17q\x80\xc5t\xd6\xeb\xc8P\x98\xe5jV\xac\xf0\x81U\xb2,\xcf\x11\xcdQ\x8f\x15Do\xc0\xabA\x19\x97\x11l\xab\xa7\x10m;sI\x1aYy\x0f\x8a+\xc0\x90\xd8\xe8YW\xaa6^-\x19\x80\xbaveW\xce\xcan\'\x11\x8bc\x98,S\xb5\xc1\xc9\xbb\xe9\xadb\x04\xde\xcdM\x9f\xbe|q\x04c\xcf\xc9\xe1\xf1\xfe\xc1\xf37?\x12\t\xd4Nf\xfbH\x7f\xa3w\x81\n\x8e\x04\'\xac\xd7\x8ca(\xf2r5\xaeW\xafr\xa5 \xd7\x1bj\xda\xb0\x01\x17\xbe\xecC\x8f\xd9\xa2\xd7\x00\xd7\xd2\x80\xd5\xf8\x0c^\x1b</t>
        </is>
      </c>
      <c r="M225" s="3" t="n">
        <v>45492.67672453704</v>
      </c>
    </row>
    <row r="226">
      <c r="A226" t="n">
        <v>840202</v>
      </c>
      <c r="B226" t="n">
        <v>1958</v>
      </c>
      <c r="C226" t="inlineStr">
        <is>
          <t>Marlon Freitas</t>
        </is>
      </c>
      <c r="D226" t="inlineStr">
        <is>
          <t>Marlon Freitas</t>
        </is>
      </c>
      <c r="E226" t="inlineStr">
        <is>
          <t>VOL</t>
        </is>
      </c>
      <c r="F226" t="inlineStr">
        <is>
          <t>VOL</t>
        </is>
      </c>
      <c r="G226" t="inlineStr">
        <is>
          <t>VOL/MC</t>
        </is>
      </c>
      <c r="H226" t="n">
        <v>185</v>
      </c>
      <c r="I226" t="n">
        <v>17</v>
      </c>
      <c r="J226" s="2" t="n">
        <v>34784</v>
      </c>
      <c r="K226" t="inlineStr">
        <is>
          <t>Right</t>
        </is>
      </c>
      <c r="L22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1f1103e-0872-4bde-9361-b9b17a3409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5\x9f\xe9\x7f\x00\x00\x03\x00PLTE\xff\xff\xff\xfe\xfd\xf9\xfe\xf7\xf0\xfb\xf6\xef\xfe\xfa\xf5\xfc\xf8\xf1\xff\xfb\xf5\xfe\xf9\xf3\xfd\xfc\xf7\xfd\xf8\xf1;6394130-@;8F?=\xff\xf9\xf3\xf9\xf4\xed\xfb\xf6\xf0\xf7\xf0\xe8620\xfe\xfb\xf4\xfc\xf5\xed\xff\xfc\xf7\xfb\xf9\xf4\xf9\xf2\xea\xfc\xf8\xefD;8@9561-.(%\xe5\x9do\xfe\xfd\xfc\xfc\xfb\xf9\xe5\x9bi=85\xff\xfe\xfe0+(\xe8\x9fo0.*\xd9\x8f^\xe1\x96e\xfb\xf3\xeb(&amp;#\xec\xa7{$!\x1eC=;\xd5\x8a[\xff\xfb\xf7\x7fP4\xf2\xeb\xe4\xbetI\xda\x91b\xe2\x99i\xa5`;\x7fS9\xce\x82TIA?\xdf\x94b\xd2\x88Y\xec\xa5v\xff\xfd\xf6\xe9\xa2w\xf4\xee\xe6\xc8\x87a\xdd\x92`\xaeqM\xb0lG\xe8\x9dl \x1a\x17\xa0]8\xabe?\xd9\x8bZ\xb1iA\xc7|O\xd6\x8d`4-*\xaamI\xca~Q\xce\x84X\xd4\x85V\x95Y6\xa1fC\xc4\x81Z\xff\xf8\xf1\xed\xe7\xe0\x82Y@\xb7kC\x91U2\xee\xab\x80\xc0}V\xb3pK\xb3uQ\xe9\xa0s\x9bY4\xdd\x97k\x85R4\xdc\x94g\x90\\&lt;\xbayS\x8bS2\xbbvN\xf8\xb6\x88\xc4uH\xe6\xa0s\x8acL\xbboF\xb7qJ\x88]D\xd2\x8a_zYB\x85V9\x81_G\x9b\\8\xf3\xb1\x89\xc9yK\xe2\x99nvI0\xc3yN\xcd\x87]xO6\xf1\xab{\x91gO\x9da&gt;\xc7\x7fU\xeb\xa3r\xa8iD\xba~Z\xfe\xfb\xf2\xe4\x98e\xbfzQ\xd9\xd6\xd4\xf6\xf4\xf2\xc9\x83Z:1.\x8aY:\xf1\xaf\x83\xa6qS7,%\xcf\x7fO\xd8\x88W\xf0\xef\xec\xec\xea\xe7\x8e`DKFDB-#\xd3\x8fe\xc0\x82^\xf9\xf8\xf6\x95T0.$\x1e\x96^&lt;\xee\xae\x887&amp;\x1f\xdd\x8f]xS&lt;\xa7d&gt;\xff\xfe\xf7mhfoI4\xc0qE|L1\xacy[K6+\xb3}]Z&gt;-\x94cG\x9enS\x83J,\xe8\xa4{\xed\xa4~\xdf\xdc\xd8\xd3\x82R\xf5\xf2\xee\xca\xc7\xc5\x8cO-\xb9\x83c\xfc\xb9\x8cQKI\xcd\x8bc\xdd\x9arpR&gt;\xe6\xe5\xe3\xff\xff\xfamD-c@.\xc1\x88g\xf6\xb1\x82XRP\x97kQ\xe9\xe2\xda\xd2\xcf\xcd\xb3\xaf\xad\xfd\xbe\x95B2*{wuW7&amp;H=9\xd7\x94j\xe2\xa0xR/\x1feI8\x8c\x87\x84\x9e\x97\x96d^[yD*\xf6\xb5\x90~eU\xe8\xa8\x83l&lt;%\xc0\xbe\xbc\xe2\xe0\xdd\xafc:\xe8\xd2\xc3\xf8\xba\x92\x84~{*\x1e\x18\x9aeE\xbb\xb7\xb6\xd5\x9e{\xff\xf8\xf5uqpa5"\x94\x90\x8eWF:\xd2\x96q\xcb\xa7\x91\xac\xa9\xa7\xdb\x88g\xc8\x8ek\xf4\xe3\xd7\xa5\xa1\x9e\xfd\xc3\x9e\xdd\xa2~\x96M(H\'\x19\xda\xcb\xc4\xc7\x95wfSE\xd9\xc0\xb3\xbc\xa0\x8f\x9ct_\xff\xfe\xfcz&lt; \xa6[4\xbe\xac\xa3\x89vk\xfc\xc9\xa7\xb5\x88s\x8eF$\xd8\xb2\x9e\xdd\xa5\x8d&gt;#\x18\xa1\x8by\xcc\xba\xb2\xf4\xbd\x9a\xe5\xc6\xb1\x07 @\x1a\x00\x00 \x00IDATx\xda\xdc\x98\xebO\xday\x16\xc6\xe7u\xbb\x997\xf3N\x05\xcb*\x81\x08K\x0cW\xa1!\n\x96\x8b\x8a\xa2$\xa0\xa8\xe0u\x10DP\xb1j\xa8\x0b\xf12R\xc0j\xb1UA\x8c\xe2\r\xc5Zk\xac\x18u$\xe3\xe2\xa5^*x\x1b\xab5cuv\x9b\xa6\xd3\xd6\xc4mkv\x92\xeel\xf6\xfb\xb3\xd9?\xe1g\x9b=\t\xf0\xf6\x93\xe7&lt;\xe79\xe7\xcb7\xdf\xfc\x7fWD\xc4\xd7F\x14\xdep\xa7yjggg\xea\xe1\xb5\xf0\xaf\x87\xe9\xc1\xd8\xab\xb5\xf3SP\xc1\x17\xcf\xc7~\x9a\xba\xff\x15\xc8v\xad~~\xad\xfbx\xf5\xf8\xf8\xf8\x14|\x96BBb~Y\xdfn\xbe\xf6e\xedtg\xfb\xc5\xd3\xb9\xbb\xc7\x13\xa7\x00hi\xe9n\xe8\xd5\xd0HDR\xe3D\xf7\xdaX\xc3\x17\x93,\xfc\xce|\xf7\xc4DLH\xcc\xd2\xb7a\x8d\xfe\xf6\xfd\xc8\xb0\xc8$\x04"*)\x0c\xd1\x1e2\xd7=\xdf\xfcE\x9a\x19\xf1pl\xe1nL\xe8\x95\x98\xd0\xa4\xd0\xabI\xed\x88\xf6\xf6\xa8(&lt;\x1e\x1f\x15\x15\xd9\x8e\xdfOBD.=\x9d\x9f\xba|\xff\x87\xd7\xbf\x08m\x0c\x8d\tE\x84]\xb9\n\xfa\x86\x00@x\xfc&gt;\xfe\xc6\r\xfc\xfe~;(\x8b\xc5\xe2_\x18\xbb\x7f\xc9T\r\xf3O\xaf4\x8666^\xb18,I@!\x04\xfe\x06\x90\n\xa2\xc2#\x10\x08\x87\x1f\x14@;^o\xbeT\xa9v\x9e\x1d7F"\x1a\x93\x92\xc2"\xbf\x830\x1c\xedQx\xa8\x8f\x0e\x87\xc3\xe2p\xd8V\x06\x07gf\x06\xfd\x8eO\xb6\x85\xfaK\x1c\xca\xfa\xeeF\xa8I6\xf0e\t\x03\x14++\x8b\x8b3[\xd3[G\xd3\x1b\x1b7\xb7\xb6\xb6nR\xb5b\x8dsu\xd0\xb6\xdf8\xb7}i\x8d\xdc\xe9\x0e\xb3\xd8\x16\x17\xb7\x8e\x8e\x8efz\xa6o\xe6\xa5\x81\xba\xd5\xb5+\xe1R@q8\x1cY^\x9e\xbb\xa5E\xa9\xd6\xac\xf6;,s\xdb\x97\xa4\xd7\x83n\x8bm\xb0Z\x9b\xca\xa1p(\x06\xb6D\xa5\xd3\xe9\x88D\x95J%\x01\xb5\xcb\x05\\\x94\xb2\xbc&lt;\x93I\xadV\xeb\x95\xab\xedQ\x13\xdb\x971\x90\x11\xcd\x0b\x91~\xcd\x01;\x93\x9d\x99\xc9...&amp;\x12\x89\n\xa8\x88.\x15\x11p\xf1!\xc98\xa9yZPb\xa5R\xefu\xec\xcf\xfd\x04\x7f\x80\x857\xac7\xf6\xfb\x06X\x026[\xc0\xca\xfcL\xe5R$$\xe8\x14\xe0\xd7ET\xf1\xb9]@\xc5\xd4T\x93\x96J\x15\x8b\xd5J\xbdr\x10\xdf=\x05;\xd7\xb5\xe7~\xff\xd9\xbfX\x06.[ \x80\xb8\x88D\x80\x94\x9cBKN\xf8\xac\x99\x84\xcf\xa7P\xba8\xa9\x059TPbu\xcb\x90\xde\xd6\xbe\xde\x00\xfb\x10\xce94\xe3Yl\x83\xc1\x00\xd4be\xe5\xd7U\xd2RhB\x06\xc4\x95\xa0\xd3)\\P\x1f\x81\xc1d\xe9\x059\xd1\xd1\xd1\x10\xd7\x99\xc6\xf2\xa71\xb8\xc5Z\x089\xee3\n\xb8]\\.\x9b]\x9c/\xad\xa9\xa9Ia\x100\x89\x89\x04\x06M(\xb4B`.`~`|\xa0W/\xe0\xa2\x8a\xf5\xbe\xa5\xc8\x05x\xa71b{\xa9_\x9f\x95\xc9\xe6r\xb9]|Ue\xcd\x0f)\x8c\x92\x12\x02\x86D\xca\xc5`:y&lt;\x9e\xd0\x9alMp\xb9\\\x90\xc3RM\xd1\xd1\xbd\xbdT\xad\xdaw\x1a\x1a\x03\xaf\xeb\x1b~\xe9\xf7\x8e\xb3\x04\xdc\xdd.\x03_ELH)I$\xe5\xe6&amp;b\xe2H\xf4\xceN:=.\x8e\'d\x10\x84\xc9\n\x85J\xc2\xa7\x94\x15\xe4\xe4\\\xc8U\xaa\\\ry\x06k\xa8\x8eM\xf4\x0f\x19\x05\x06 \x95D\xa5\xaaL.\xc9\xcd\x95\xcbsI$l\x1c \xa2\xd3\xe9\xe0\x17K\xe7A\xbd\xac\x94p9\xc0^T \x97\xb8\xb4E\xd3?\xf7\x00Ng\xbd\xf2{\x07\xb2\x04\\&gt;_Bt\xb9\xac\x0c:\x1aY\xc4D\xca+P\x00)\x8e\x0e1akky\xa3:]\x82B\xc5\xa5\x94\xa5\x17h!\xb9\xd4\xa5b\xef\xd2&lt;\x8c\x99\xda\xb0\xd6\xaf\x1c`\xb3\xf9\x00K\xa5\xa0\xf1H\xc8\xeb\xd7q\x19\xb8\xa2\xecld6\n a!\xb2\xda\xce\x0b\xe7Cml+\x00\xe3H\x8d\x16k4\x9a\xe3\xb5\x87\xf0\x19\xfe\xc1S/dx\xc0%q%\x0b\td$\x92\x99\x91\x91\x81\xc3\xe1\x98#L$\xb9\x16\x85\x05\xb2\x91\xe3\x9aFA\x88\x81`\xa5\xb4\xb5\xb5=\x1a\x8e\xa6V;5\xa5\xa7O\x1f\xc0f\xfa\xf0\xb1\xe3\xd2!\xb0r\xf8\x12\x88\x8a\x91(Gf\xe3 \xac\x91\x11\xcf\x08\x8e\x19\x1f\x1fOFaA/\x9b\xac\xb4\x04"Q\xc2\xed*\x93\xc9\xda \xbd\x00W\xf0x,\x1c\xbe\x84\x9f\xf1\x192Y\xecb\xd0B\x9d\x10\x93\x98\x8bdf3q\x9e"&amp;\x8e\xc9df\xa3\xe3\xe3\x01U\\gg\xd3E\xacr\xa1cB\xd6\x96\x0e\xb0\x9c@.\xefs\xd8\xa2\xeb\xfe\xfc\xea\x90\x00\x84;Q\xe5\x02X\x04\x02)\x17\x89,\xc2y*\x90E\xc8\xa2"$\n\x85"c\xa1\xec\xd2)\x14.\xd5.8/8\x9c2YzNo\xb5\xd3\xe9,\r\xc2\xb7\x80\x1a\xd6K}\x02\xb0\xa4\x8b].\x9d\x95\xc6\xc3`H\x15@&amp;fQ\x11\x13\x8d$#\xd1\xf1\xb5\xb5X\xde(0&lt;Hz\x90\x0f\xa0\xca8\xb2\xf4\xe1\xde^H\xad\xe09\\\xf7s\xc4\x9ds\xfd\x05\x16\xe8\xe1\xe8(\rC`\x806\xa2+\x80b\xd7\xafgg\x83&amp;\x92\xc9(z\x13\xb4\x82\xa01\xe4\xc8d\x10\x19\x84Euz5\xc1\xe0\x0e\\\x9eo\x0e\xfa\x86\x04\x02p\xf9\xb9t\xa3B\x02f\x94\xc6\xc0`\xe8X2\x19Y\xf4W\xa0\x192\x1b\x8dF\xa3\xe2\x08\x04\x88\x8bO\x91\xc9\xca\xc0AHI\x1d\xee\xfdl\xae\xe0[\x98\xb0"\xa6\x82Cf\x81\x80\x9d)QX\xad\x0c\x06\xcdj\x15b\xe2\xe8(\x14\x16KF\xc5\xa3\x91h\xa6\x07\x87&amp;\x93\x12\x13y\x04a%\x91\r\xb6u\x19\x87\xdb\x95\x1a\xfd?\xac\xbf\xc35\x8a;\xc1!\x16\xc0b\xab\x14\xd6Q\x80\xd5\xc4\xc3@\x8eBakQ\xb5\xb5\xb5\xf1L\x1c.\x83Y\x01v$\xa8*i&gt;8~\xd2(\x17XT\x90\xf4\x00\xeb\xdf0aE\xec\x04\xcd\x17XD\xc5(\x0f\x18\x1eH\x85f2=L$\x1a\xb0\x81`\xbd}\x1b$~EE\x85&lt;w\xb95\xf6^&gt;\xcb\x90\x96f\x10\xdc\xd2VC\x0b\x08\x8c\xe2\xf9}\xb8B\x1e\xc2b\x81CY\xd7\xd4\x89!\x10\x08\x189\xd3\xb3i\xb7o\x8ex\x00]Fy\xb9\xfd"Y\x9fLNN\x9e\xbc\x9c\x1d\xcfb\t\x0e:\x0e\x0eL\xd4\xcfg\x84&amp;\x08\xd3(\x86\xd7+\xfb\xcc\xd0\x9d\\I\xe3\x11\xaa~(\x99\xc4\x05\x02\x81\xff\xec\xed\xed\x05\xec#8\x08\x0b\x94\xbd\xdc\xbe\xf9\xfa\xf0d\xdc\xec\xf3\xe9K5\xcejj^\x078\xbbr\xc0\xb3Q\x13\xac\x87I\xad\xb7\xfa&gt;Vffq\x9d\xa8*%!\xf6\xf0\xf0\xf5\xe1\xbb\xd9w\xef\x0e\x0f\x03\x01{`/\xc3^\x1e\x08@T\xf6\xc3Y\x9fs\xd0f\xeb\xef\xf7\xfbmo\x16\xa9\xe0\x01D\xcd\xd1R\x01\xd6sx\xb0\xfe9v\x06\xc4*,\xacKI\x91\x1a\xfb\xfa|\xa5\xea\xea\xe9\x9b\xd5\xca\x96\x81\x93\xd7\xf6\x80\xddn\x0f\x04non\xbe\x9e\x1d\x12\x0f\xda\x1c\xfb\x0e\x1b\xa8\xfe\x95\x99\x96\xadj\xb5Xk\x02X\x9aW05\xf1\x0f\xdf\x999\xb3\xae\xb0Njt;{ffV\xa1?\x1af\x9c\xd5\xee\x01c\xab\xdc\xb3\xb9i/\x1f\x91\xc7\x1a\xdd\xd3\x8b\xb6OoVz\xd4-n\xb7\xbb\xc5m6Q{\xc4&amp;\xadZ\xe3\xf5\xae\xc3\xd4\xc4\x8f\xca!sqa\xbe\xa8O&lt;\r\xe185\xe2\xea\x9e\xa3\x95\xa3\x9by\x07\xd2\x12\xe0s\x0fn\xb2\x95\x957}\xb4\xf8f%:M\xda\xba,_\x8e\x05\xb67\xb7L;\xd5b\x80\xa5Y\x83\'!\xc2?\xea\xcdY\x85\xf9\xc6\x01g\x8f\xaf\xef\xe5\xcbw\'\x87\'\xf7\x8ci\xd0\xbb+G z\xbc&lt;\x89\xc3-\x8b\xd2\xb4[[[\x1b\xa9\xf9\x89\xd8x\xb2|\xb9J\x94iH;P+\x95ju\xa9\xd7{~\r.\xac\xa1,\xa9\xc8x\xd02~rR\x94\xb1\xe9y\x82\xc4\x92\xaaD\x85lCGZ]\xeb\x93M{\x86\xbc\xe6V\xce\xc6\xc6#\xae\xe8q\x8a\x90\x90RCd\xb3Y\x86\xb2[&amp;\xf0\xb4V+{Va\n\xae\xcfXR\xa3Y\xd4Z\xb2\xfcd\xd3#_^n\x15UU%\xf0\xf9\xc5\xc5UO\xca\xf7\xca=\xf2*\xc1\xf0\xfb6\xae\x84\x9d%5\x9e\xb9;\x0e\xf2\xb4\xc3\x05\xe9\xa9&amp;\xb5^\xa9\xd4kNa\xc3R\x0e\x19E\xd2\xd8\xd9{)\xa4\x8a\x7f\xd4\xd4&lt;\x1e7\xa7\xe5\xa5r(\xbb\x12\x97\x8bV\xf1\xfd\xdf\x02\xcc\xdc|\xd9\xfb\xe1\x0f\x1f(Y\x03\xfa\x99?#\x1c\xfe\xc1\x9e\x9e\xa3\x8d\x02\x93\xc9\xadW\xeaKOaz\x94E\xfc\xa1\xf4\x19E\xa2\xd8{"\x06C"a\xa9\xbdK\x0e\xc7\xe0\xeaFG\xb1N\x98l\xc5\xe0\xf6\xbeg\xc6\x15\xfe\xf6\xfb#\x99t\xd6}\xf6qn\xee/wo\xf8\xfbW\x16\x8f\xde\x17t\xb8[\xd4\xfa\xe0\xe93\x98\xee\xd3\xb7\x00+\xf6qll\x95\xf4\xc3\xee\xc1\xe0\'\xc4D\xd4w\xdd\xbf\xfa\n\xd8\x89\x93\xa4\xa6N\xf2\xed\x1f\xe3y\xc4\xdf~oc\x99{\xcf\x7f\xfdy\xddrc\xdfv\xaey\xf3f\xf1\xfd\xa3\xff\xd2j\xbe?i\xe4y\x1c7\xf7\xec\x9e]/\xd9\xec3\xb6\xc4\x10\xd8#\xe1\x14P\x02\xc4\x1d\x85\nH\x14\x19R\xe5\x87\x80\x80\x8cPd\x15\xa4P\x18~D\xae\x04\x8c4dA\x16\x8f#Yk\xadEJ\x02\x066i%5\xe1b\xd4{\x80\xd5\x04\xbc3&amp;\xcdI\xd4X\xac\xa7\x8d\xf6\xfc\xd1\xf6\xda\x1b\xef\xfe\x05\xf8\xfc\x05\xaf\xbc\xe7;\x9fy\xbff\x06\xdeVz\xb5\xda\x7f\xfd\xfb\xd1\xed\xc9\xdb\xd5o7\xf5\x7f\x1ay\xb6\x08\x00\x19\x8b\xf9\xbcR8z\xfd\xf7?\xdc\xb9\xf3\xf3\xe7\xeb\x10\x18\xe6\xb4\x90\xfd~l\x0b\x1e\xe7\x1f\x0c\xa7\xc2`\x01\\\xf4,\x1e\xcf\x156\x0b\xca\xc2\xe6\xda\xdaf*\x06*\xbd\x81\x91\xbf\xfdrY~\x7fY}/\xfb\xee\xf9\rV&amp;\xa8w\x9fo~\xda\x9c=\xfduy\xed\xfe\x8c\xa4\xa8\xd3\xf5r\xa3\xc9$\x1b%%\xf9\xcd\xed\xf1\xb8\xb0swcc\xd5\xe2\xf6\x08$\x9c\x188\xfc\xe0\xb10\x16\x8b(\x11\xac\x86\xf0\xd5\x95\xf2]\x95\xadg\xe9\xf9\xe4\xf3\x9eW!\x00\xc0\x92:\x8a\x950\xab\xa8\xdb\xdf\t\t\xec\x1d\x14nV\x8e\x14\xd2d\x14\x87e\x8f\x12\x9dH\\Mj=\x97G \x91\xe5z\x8b\x9b\xd5\x1e\xdb\xe6;%\xb02\xf0\xfa\xd7\x81vC%uR]\xac\x1f\xf6\xdd\xe5\xb27\x80\\\xc4V\x1cm\x9a\xc8#\xa1P&gt;\x1f\x9e\xcc\xeb\xe2\xc9\xb3r\x9c?\xe9\x1f\xa3\xb2\x93\xd3\xf7t\x06aS\x13\xc7\xae\xd7\xd3x7\xb2\xa8\xe3\xb0$}0\xdc\t*m\xda\x1f\x85\x06\xb8\xa2\\\xaa.\xd6]\xf5\xe8D\xb7:\xb0\x98\xc9\xe0\xd0\xfe\xae\x0e\x1a\x8e)\xa5;\xe4$=\xcet\xb3U\xfd~D\x0f\xd9\xdd\x83\xd3\x1cC\x98e\xa6P\xf4$\x05\x89D"\xe8\xf5\x1e\xbb\xc5#\x81\xe1\xed@@\xdb3\xc0\x87\xafl\x8f\xaa{\xdc\xef2\x06\x93Q\xecx\x1a\x08R\xa3&lt;\x1a\x16G\x96J\x11\x11\x9bG\xa4Z\xe4\xb3\xa2\x91\xb4\xfcl\\49}\x1eN\xc9:\x14&amp;2R\x9cMh2FcR\x90\xb8n\'\xdc\x8f\xdc\x89\xcdqa\xfb\xd5\xab*\xdbb#\xe0\'\xd0\xb0\xaa4\xa0gwsMt\x9f\x11\xca\xe5\xa0\x9b\xe2\xb7\xbe\xb5`EN|\x92\xdd\x8a\x1ec\x0f\x16\xc3\xa9\x14\x8bG\xc6\xa0\x10O\xc3H\x1dR\x94I\x11\x14\x83\x91B\xf3+[\xc3Y\xb8IvY\xe5\xdd\xf5\xf0\xe3(\x8e\xedW\xcf\x02\x84\xee\xa4\\$2\xae/,,@F\xc8\xb7\x90\xcf\xfb\xc6\x90\x13\xefgS\xd18\xf6D\xafa@\xd8\xae\xeb&amp;!\x92\x86"\xd3\xe9x\x04\x0bP5\x19\x94=6[\xf3Y%\x06\x97\xab\xbd\x1dJ\x83I\x7f\xb7\x18Ik\x82G\xc6\xfb\xa0\xad\xad|~\x0b\xbaa\xf3\xcd\xa3\xd9I\x02\x9bM\x95\x9bH\xfe\x8e\x98P(\xd3\xf1Z\xb1$2\x1a=\xe6\xc0\xe35r@\xc5p\xc2J\xed\x9cw\xa0r\x0e\x9eT\x1b\xeb\xc0\xe2\x8f\x8eJ\x90-\xcf&amp;(\xe89$\xa4\xc3|~a\xc1\x98\xcb\xf9D\xb8\x89\xe4\xde^\xb4\xc5hL\x8ca\x89\xb2pE\xa6#\x91\xc9&amp;\x0c\xc6\xa1\xd1\xa0P\x16\x8f\xb8\xaf\x13\x8c\xd8lJ~\xa5\xd2^\xed\xb4\xea\x0eV\xc6\xa2\xd3\xac\xd9E\xa0\xd5O\xd2\x88\xa0&lt;\x02\x05A\x0b\xeb[\x90\x0f\x85,-\x12\x9a\xfe\xe5\x8b1\x81\xd7\x04\x19\x88\xb6\xcatA\x87\x95\xde\x82\xa7;\xc8\n\x8b\xe0F\xcd\x946[\xc4P\xb9\xba\xba\xac:\xd6\xc6\x18u\x82\xe8J\x03l?\xcea\xcdA\x10\x943N!\x91A\x1a\xdah\x94\x89\xc1o\x1d\\@\xeb\x87S+*\xa7\x13L\xf1\xd5\n\xbaU$\xb2\xa2\xa4\xa8\xa0@\xdd\t\xc2\x01m`\x1bN\x9d\x9dU\x1d\xab1\xc1n\xa5\xf1\\\xe9\x0c7:\xc6tX}\x10\xb4\x9e\xffrqh\xc4\x93)l:]*\xca]\x1cB\x90o\xc5\x8d(\x08\x83\x1f\x97\x99\xa9x\xc8\'jIH\xe5\x16\xb7\x13\x8c\x04\xb4C \xbc\xf9f\xf3\xb4\xeai\x99\xfcT.7\x84\x9cy,u\x8ci\x15-\xe4\x0f/..\xd6Q&amp;j7\xd3\x97\xb3&amp;\xac\x88\xbd\xb6(\xdcj\xb1@\xdd$\x8c\xa7X](\x91\xcf\xe8\xc3\xa3\x14z7\x08\xf3\x87F\x86\xc0\xf8\x9bBO\xd5]\xf1\x800\xddE\x90\xef\xcf\x02zn+\x1a\x83\xf7\xddP\x1dn\xb5D\x1dL6y&gt;kq\x07\x13tT6\x03\xc7\x1f+#\xfc\xd4\x8006H\xd2\xe0\xa7\xa6\xe6\xe5\\\x1e\x114\xf0\x03#\x01~|\x00\x9c\xa9v\x81\xa8o\x0c\x16\x8b\xa3\xa6\xdd\xd9\x10\r\xdb\x8avX\xa1\x1b*\xc8A\xc0\xa2\x1c\x0e\xae\xaep60\xbe\x08\xb8%\xfc\x02bB\xf1p\xd8\xe0\xd4\x11\'\xc8t+^\x8a#tH\xc0\x9b\x021\xc4\x97\xb5\x1b\xcaUo\x82\x7f\xbc&amp;\x16+\x94\xf9t\x08y\xf4\x90\x11\xac\xfc\xe1!D\'\xd0Px\x07\x1dE\xd3\xb9WV\x018Ux\x8c(t\x8f\x17\x86\x19n\x1a\xaf\x83\xc2\xc4`\xc8\xad43\x03\xc1\x9a\x1b\xf1\xb6\xcbd\x91wUw\xb2\xfa\x83,\xad8\xadYtY\xf4X\x1c\x93\x9e\xdb\xca\xe70\xdd\xa3\xcc\x9c\x0f#\x97\xa3\xb2\xbb\x8bi\x97\xca\xa3\x02\xfb_&gt;}\xf3\xe2/\x81qqP\xc15\x0f\xb6\xa2[\xb1\x14b\x0c\xe6+\x03?z\x8bpj\xe6n\xf5\xcb\xe9\xe4G\x133\xaa\x08\xcdZ\xf4\\*\xda\x91\x83\xd6\xf1]\xbd8\xabh\x9e\x0c\x84f\xe7\xfa\x95J\xa1\xce$\x07\xda\xe6^&gt;y\xf2\xd32b\xda\x99\x15.q\x9a\xddJ\xe8\xe8m\xe2\x0b\x03C\xaf\xdf;\x9d\x91\x93Z\xb4\xf9R\x16\xcd\xc4,\xce\n&lt;z\x12\x95i\xf5\x89\xb8E\xfd\xd4\xc6\xdb]\xa0\xcf[\xd8\x8c\xc7\x18,3\xcf.\x96\x8c\xc6^&lt;];Bd\xffYz1\xc4!\x12\xba\xcd\x9c&amp;\xe1@@\xfb\xe1\xeei\xfa\xba&amp;/\x9bo\x7f\xc4b\xad;\x08\x96\x85\xc0\xa6\xe2E\xa6"e\xe3\xedNz\xae\xdf\xdb\x90\x82\x81\xac\xdcB\x99\xa0\xe8\xbb(\x1d\x1c\xa1\xf7\x975\xc4\x89\x86\x9e\x8d\xb7\xc5\xcc\x043\xa7]8\xd0c{W?\xb9T#!+\x05\x15\xbe\xb73\x02\x81\x87\xc6\xc6a\xf0\x1d\xbd\xd9\xe3\xcb\xf1\xe6\x17\xf7\xc1\xbe\xe0\xea\x94q}j\xc3*\xd7{x\xf6.\xb3\xaes\xf8\xe9\x9f\x7f^\xd3\xbe\xda\x06Y\\u\xcc \x1c\xeey\xbfTW\xb3\xb9uMj\xd9\xbf\xb4\xdb=&lt;\x02\xd5!\xbdg\xd9\x9dm^^.\xcc\xec\xce\x8b\x12\xab\xd9\xacbw\xd7\xdc\xab#\xaa\xd5,\x86Z\x026\x1c\xfdc\xb9\xe7\x15,s\xab\xe1\xc8@s\xcf\xe7G\xb5\xc3\xfa\xeeV\xe9\xa4t\xd2\xe7\x12P\xba\xa3\x0e\x141s&lt;\xb7\xf6\xd3\x83E\x1f\x1d\xb7\xa7\xdf\x0bf\xec\xaeY\xd69+\x06\xc7\x0c\x06Y;\xc3y\x7f\xed\xd3\xcb\x00l`\xa8a\xaf\x17\xc1\xaa\xe9g\xce\xfa\xfa\xba\xa5Y\x95\xd8Na;Hf`\xfc\xe5\xb2\x12\xa0\x93\xba\xa6\xefq8Eg[\x9f\xda\x19k\x92\xa5\xae\nW\xf1\x17\x85T\xff\xcb\'G\x8f\xfb`\xa1$\xd2\xd0\xd0&lt;tZ\xeb_4\x1a\xf7\xddbA\x17\x8dI%\x00\xcdG\xf7\xcd\x14b\xb1x^I\xc1\x9d\xc7\xd7\x1f\xdf~\xfd\xbaS.\xcf\xbe\x8f\x9f!\xbb\xfe\xe8\xd3\xd3\xfb\xca\xb6H\x1c\x8c4&lt;~0tZ\xeb?!\x1e^\xa7Cb\x1e\x8d\x8c\xe6z\xe2\xfd\xe0\xd9\xe6\x9b\x86\x08xY.\x95\x1a\'\x1b\x0f~\xf3}\xe9\xe0\x87\xd2R\xf9\xf3\xe7\xd7\x7f\xbd\xb3\xd6\xd9\x06\xb6\xc1\xc2\xed\xe1\x86\xe1\xa1\xa1\xd3\x1aS\xd5\xdd&gt;q\x85\xfa\xd4v\xb9U\x91q\x12=\xfdG\xff\xfcpR:\xb8{\xeb\xf7\xdf|\xfb\xfd\xef\xbe\xf9\xed\xc1Rci\xe9\xe4\xf4\xd4\xf6f\x13\xd4\xbb\x9d.8\xa2D\xb0z\xb45\xc7\xaa[J\x87Tm\xea\x8c\x15\x17t\x89\xe5d\x8e\xf7\xb2\xfc\xf5\xebu\tA;@\xe6:\xbd\x13:n3\xa4\xce\xe21\xb3\x9d\xd1\xd6\xc7\x8f\x0c?\xe8\x1f\x1e\xb1}\xa85U}\xe3\xb1@\xa0\x12\x0b4\x1a\x0b\x90\x91\xd35\x1d\xe7E\x89\xdd\xb3\x9b\xfdx3;&amp;}\xf7D/"\x8bq\x03C\xecat\x82\xfc\x9b\xb0\x86\xb4\xb5\xc7\xaa{Xv\xa9T\x1e\xfbJK0\x93%c\xf0\x1a\xaeDm\xdf\xfb\xffH[\x12-{{vF\xbb\x01\xb9/\xc5bU\xa70\xe2m\x18F\xb0\xb4\xff\xa9yZ\x93e\x97\x0b\x00\xdcv\r\xca\xa2\x97K\x91N%\x17X\x14\xf2\xc4\xd4T\x02\x99)\xe3\xfc\x9e]\xe2\x94\xf4\xb5\xa9\x10xx \xf2\xbf\xb0Fj\x8fU7y:\x93\xde\x07&lt;\x9e\x152\xcdl\xc2k\xf0"\xdf*i\xcf\x94\xf8r\x98_O$6\xa6V\x83bU\xc8\xf5_\xde\xcd&gt;&amp;\xed\xfc\x8e\xe3\'\x0fC\xba\xe6&amp;TNX*H\xd5\xa2\x96C\xd4*\x93*\x0f\x8a\x0fP\x9e\xa4X\n\xa8(\x90Z\x15\x95^y\x88eZ\xb9P\x0f\x1f\xea\tU\xa3\xf6J@Q\xdbk\xa7\t%A\xb3j\xe2\\-\xd76\xb9\xe6\xd6T\xd7\xfe\xb5\xaei.[\xd7\x9e\x7f.\x97e\xfb\xfc\xf4\xb6\xec\x8fm\xb9\xdbU\xbf\xf9aLL\xc8+\xef\xf7\xfb\xf3\xf9\xfd\xbe\xfe\xbe\x1f\xa9\xde\xa8\xd3\xd7\xcc\x1b\xfa:\x9cE\x80\xd5\xf5f\xcf\xb1\x9e\xbf\xf5\xce\xf8U*?\x9f\xc5qm\x9c9s\xe2\xc4\xf9\xf3\x9f\xdc\xdc\xb8\xf9\xe5\xcd\xd2\xd2\x0b\x8d\x17\n,\x0e\xb9\x87\xaf\x97\xea\x85\xdd\xd2\xf1yh\xf0\xc8[\xa8\xf6}\xc0J\xfb\x83t\x06Z\x97\x8e\xef\x93\x144l\x00\xd6\xb1\x1b\xe7\xcf\x9f\xb9y\xe3\x8fr\x8b\xcf"\xb6{"\xfc\x88_/\x14\xd6\xd4\x0cw\xf4\rw\xb0\x11\xac\xa2\xd9?\xef\x03\x960\x04\\FU\xc4\xe1V\xddin\x06,$X\r\x11\xb76\xb4U\xa3WE"\xfc\x1e\xa3\xb0\xa6\xa9\xcf\xe9\xec\xe8\xeb(\xaa\xad\r8\x8b\xba\xf6\x1e\x8b\xf6W\xa3&gt;\x14\xea\xf1k\xb5*\xa3\xf1\xdeFs\xdd\x89\xba\xd2\x1b\xc7n\xdc\xd3\xea\xbcSK\xce\x85V\xb9C\xd5\xa3\xaf\x19\xef(\n\x04\x90sx\x9d\xb5N\xa7a\x1f\xd4\xda~\xa3\xd5{\xbd3\xcb~\x95\xdfh\xf4\xdf\xa3\xc2\xce\x99Jm\xa6R=\xc6\xbe\x91o\x97\x94b\xaeG\x85\x88\xc5\xae\r\x04j\x8b\xa6\xda\xa3\xb6\xa9\x0e\xc3\xdd\'{\x8e\xf5\xde\xdf\xb5\xadB\xef\xcc\xe2"\xdc\x84\x84\xc6\xc8\x9d\x06j&amp;\xfd\xc2\x89\x13\xbf\xa4\xde\x9b\xfd\xf6O}\xfc\x02\x86G[vm\xdc\x10t\x06bN\xe7T\xe7\x94\xcdi0\xdd\xdd\x07\x13\x9f\xa8\xccB\xa90\xb4\xd8\xd3\xa32\xaa\xf8*\xdf\x05j]i\xe9\xb13\xa5\r\xfe\xae\xbb!\x95E\xe2\xb0\x97u\x83X\x805\xd5\xd9\xd9\xee\xb4\xd9\x0c\xa6\xad\xbd\xc7z\xef\x89\xcam\xd6u{C3=\x1e\x0f_+T5P\x9b\x91\x7fVn\xdc\xe3\xcf\x84\xbcz~\xc4\x95\xaf\x13\xee`9!X\x01\';h\xda\x0f\xac\xf4\'\xfe|\xbbY87\x17\x9a\xe1G&lt;|\xa3\x99\x8f\x1c\xe3:V\xba\xf1\xf5\xb3\xe5\xc5\x99\x1e\xbe\xc3\xa5\xd5J\x9b\x86\x9d\xd1\xe8T{{\xc0\xc6f\x1b4\xa6\xd9\xfdP\x8b\x7f\xf6\xac\xbd\xb5f\x0b\xd1\xab\xc7\xdb\xd3\xe3\xbf\x03L\x1b\xa5\xb07{\xf9\x1a\nAkT\xa9jj\xa3\xf1x\x14\x8a0`3\x18L\x0b\x0bMo\xf6A-\x95l@v\x1a\x1e\x0fB^o\xe8nhq\xc6\x7f\xe7\xe6\xc6\xd7\xb09{\xb6\xbc\xfc\xf2%\xdf/\x14n\rwF\xff\x02j\xd9b1\xdb\xbc\xc14\xba0\xfb\xb7\xfdP\x8b\xa3\xe0\xe4\x9b\x8dR\xef\x1c,o(4\xb3\xfc\xec\xcbg@\xf5\x1ay%\xbb\x1c\xf2\xceuvNE\xa3\xf1(\xa4\x1d\xd4\xd2\x98F5Mo\xd3\xf6\x01K\xa6\x90\xd9\xedf\xbdp\x87\xeb\x9bPhyqyq\xf1\xf5rh&amp;4\x1b\xf2\xb6\xd5N\xc5\xc3\xe1x4\xe0t\xc6b\xb1G\x06\x13`i\xbeY\xa5\xed}%\xca\x14\x03\x03\xb2|xz\xd1\x0b\xe7\xbcs]msw\xdb\xba\x86\xdb\xce\xd5\xb6M\x85\xe3\xf1\xa5\xfb\xd3\xd3k\xfdk\xf1"\x03x\xf8\xe8Q\xc7\x82f\xc1\xa4l{\xf8\xd5^o2\xdeh\xc5\x03\x8aAN~\x19\xe8%\x94J\x87\x97\xc2\x81\xa5\xa5h|z=\x1c\x9eFN?L\xf4_&gt;\xca\x9c\x88\xb3\xd9\xb6\xc7\xb6 DK\x03&amp;\x0e\xf7?\xd8\xdb)\x83\xf4+o\xdd2\xd9\x00r,\xd1l\x14\xea\xa4\xba\xe1\x91\xb1\xfe\xe9\xe9\xfe\xfe\xb1\xd4\xb5\x89\xb1M\xb8\xfa3\x98L\xd1\x0e\x16\x04~\xde\xa4\xd1hF\x9bf\xd7\x8e\xac\xa6\xed\xa5^C\x0f\xbaTr\xce\xad[\xb78.\xbb[\xa7\xd3\xb9\xbd\xeb\x9b"f\xea\x18S46\xb1)B\xd6\x18|&amp;\xd6\x97l\x81\x98-\x08\xcd\x01\xa8\xea\x9bf\xa7\x99O\x87\xae\xd2\xf6\x0c\xec\xea\x8b\xd4s\x1e\x0f\x875\x08\xe9\x12\xbb\xccf\xbd[\xd8q\x7f\x17\xe7\xdf\xd6H\x18\x98\xfe\x89\xa5\xacG\xb0DGVy\x00\xb67\x0e\xa6\xad~\x98q\xce\xc3\xe1pY\x8aA\x05G&amp;v\xeb\x84z\xfd\x96s}B4\xb6\x89\x0c\x1f\x89D\x9b\x9bc\x13#\xebN\xb6\x8dm\xb3\x01\xd6\xa8rTY?:\x0eX\xa2W&lt;\xb5zh\x0f\x9c\xdc\xa6\xa5\xa5}!:\xd4\xe9\x90\x89\xe5\x8c*\x16\xa3J!w#\x0f\xedR\xefV0\xbc\x84\xc4\x1d9\xf23\x1d\x8e-\xc5\x82\x06v\x10\x1a\xbca\x14\xa0@-\xc0b\x8a\xae\xab\xd5\xea\x155\xe1\xdd:\x99N\xcb\xc5\xfc\x0cs\xfbz\xce\xc1vPK.a\x14d\xb18\\\x8f\xdeo\x94^\x94\xea\xbb\xfb\x82\x8f\x97\xd6\xd7\xd7\xef\xdf_\n&lt;\x86&amp;\x1a\xec`\x07\xa1\x06M\xbbXJ\xc4D\xd1\xafW\xf2\xd4++\xea$L\xc2\xbb"K\xa7\xd1rQ$\xfc\xf3\xe4\xa1\xeb\x13\'\xa3\x1e\xb9G!\x91T\t\x8a\x05,\xb9\xcb\xaeu\xb7\x96\xc1V\xe7b\x1f\xe2\x9a-\xe6\xb4=\x82\xbbs\xd0\xc96)\x95\x88\x81\xc8RZ\xc7\xd7\x98\xa2\x0f?\x06\x17\x81\x8bH$\xa4\xbd\x0b\xb0tZB"\x1eE\xa2`0?\xb9\xfa\x9b\xb1\xa3q\x95\\&gt;\xc8\x90\x0c\n&amp;{\xb3\xc4v\xb1\xd9\xac\xd5j\xcdz}\xf7\xf8x\x93R\xc3.\x8a\xd9\xd8\xf3lh\x0c\xca\x8b\xf5\xf5V+\\\x15\x15Jk\xd3\x08\x82\x95\xa7V\x83`\xf0\x83\x98\x84\xf9\x91`\xe9\xdb\t\xb9\x18,\x8aD"\x93\x92Sp)\x0f2\x8eN\xeb\xb9\x9c[\x83\x8cI\xc1\xe4$\x83\xc1\x92\x9b\xcdn\x87\xc3\xa3\xd5\x95\x95\xd5t_\xd4\x18\x0cl\x93a~^S_Y\xd8}mwH\xaa\xa2b\xdc\xda7\xc1dB)\xe6\xe5\xe5\xed\x08\x96\xc7#\xa2q\xb9\xdb?\x06\n\x83\xc7\x9fB\xa1\xb2\xb3\xc9\x94\x92\x14L\xc2\xab\xd4\x83\x07\xe6,\n\x85\x821Y5(`\t\x8a\x0b&lt;Z\xb7\xdb\xed\x8b\xb4\xb6\x9a[++\xad\x1a\xc4;\x8d\xa6\xb0\xfa\xf4\xef\xaa\xab\xab\xaf\xed\x8co\xd5\x8f[\x8b\xa0\x99\x1d\xfa\x151/\x0f\xc8\xd4_!\x82\xf1\xc8$,\x86\xb6\x9d\xfe\x7fA\xe5\xe2(h\n\xea\x14\x88E\xca\xc6\x97$\'\x97\xfc\xfe\xf2I(E\x05\xb7\x8a!\x10T\t\x18\xc5\xbdY\x0c\x97\xd6cv\xf8&lt;\x16\t\x97\xd3RQ\xaf)\xb4^,\xac@\x86"\xf2[\x90\x19) \xb3Z\x95\x01\x11S\xf4\xfe\xc7\x80E$\xf2v\xb1\x80\x90\x98\x84\xc6%l\xff\xc0\xc1\xe7\x9dDQ\x00\x87\x04Xh\x14\t\x8d\xb9\x94\x9c\x98\xbc\xfa\x8b\xfeCq\x95\x82U\x85\x9c\x1b\xce\xca*\xa7g\x15\xb3\xb8&gt;\x07\xdf\x17ih\x90pZ!O\xd5\xd5\xa7[O\xb7\xb4\xbaeg[ZZu\x95\x95\x95\x85V\xa52\x0cX\x9f~~\x9b\xc7#\x93\x89\xea]*\xe0\xe2\x11\xe1\xcb1?$\xff\xe9\xdb\x1f\xe0\x08\x04\n\x1e\x85"\xa1p\x18\x14\x1a\x8d\'\xa1\x12S0%W\x1e\xe6\x1c\xfe\xb9\x9eUU\xc5\x18\x9c\xcc\xa2\x1f\xa7\xd3\xcb\x8b\x05\x05\x05\x12\x87/\xe2kh\xb0\x18\xbb\x0b+\xcf\xca\xc4\xf9-\xf9n\xb1xg\xe0\xad\xba\xb2\xba\xd0:\xae\xb9\xcf\xcca&gt;\xbcB\xe4\xe5\x91\xb3\xc9y\x10.\x1e\x0f\xa1\xe2\x81b@Fx\x9e\x90\xfe\xfd\x98h\x89\xcf\xb1X\x02\\h\x14\n\x8f\xc3a)I\x14\xc0JL,\xb9\xfd4\xf5@F\xad\xe4\x16\x83Q5\xd9K/\xa7#r\t\x04\x8d\x12\x9f\xcf"\x91\xb8t\xdd\x95-v\x97=\xff#\xf1G\xb0\xce\xda\xf3\xf3\x01\xeb\x9a\xb5\xc90\x92\x93\xc3|\x9aD\xe4\x11\x01\x8b\xb7\xb2\x02R\x11\xb3\x89\xa0\x16\xb2\xc0L\xc2\xf7\xe8e\xe9\xb44\x0c\x06\x87&amp;\x10\xd0I\x04,\xe4\x1d\x87\xc7B{@\x93p\t\x89\xc9\xc9)/r\x0e\\\xfe\xadq\x90\xc5((\xce\xa2gf"3\x05\x82,zc\xa3\xcf"\x17\xb7T\x97\xe5\xdb\xedb\xb1X&amp;\x83Kf\x17#\xa3n\xc8\x08K,5\'#\xe7\x05\x81\xbc#\x0eY\xbd\x82D\x8cG&amp;\xfek\x91\x93\x80\x8c\xf6\xbf\xc8\xa0\xf6R\xc0=JR\x12\x1a\x8b\xc7b\xf18&lt;\x1e\x8f\xc5\xa1\xd0\x14\x12&gt;!\xa1$9\xf1\xf3O\x0f\x1f9\xdc\xc6\x80fz\xfc8`Q\xe9\xe5\xe5\xbd\x82\xe2\xf2\xe6\xc6F\t\xdc\xbb]\x1c\x99L\xce\x95\x03\x18G\xce\x91\xb9\xec\xc8\x04\x1ed+\xcc&lt;\x9as`\x15\x0b\xc9"CI#\xed\x0b\x11\n\xb8\xb2\xb3\xbf\x93\x0c\xfe@J\xf9\xaf)\x03\xa5r1\x144T\x1f\t\xb1\x10Q\x0bA\xc3\x91(\x97P\xa8\x0f\x12J&gt;K\x1c\xfa\xe2\xe0\x81\x93a?c\xb2\x18\x82E\xa7\xd6\x95\xd3{33\xe1\x17\xea\xf1\x86\x02\x96\x84\xcbe\xb1X\x12\x0bG6\xc0A\xee\xe4\xf6\x1d\xb5\xea\x95\xd39\x07\x99\x0f\x87ph\x04\x8b\x94\x9d\xb7K\x056\xee\xf2|\xa7\x18\x18\x82}\xfe\x9f\xc0v\xa0\xb0h4\x9a\x80B\xa1\xd0\x04D*\xc8\x15\x16\x07\x95H\xb9t\n\x85K\xf8,99m\xf5\xfd\x8c\xc3\x97;\x1bz\xb3\xe8\xbd\xbd\xf4\xcc\xba\xbaLz]\x1d\xb5&lt;\x93\xdap\xbc\x80Q\\,`p\xb9\x16\x8b\xc3\xe5\xe2J\xe42;2\xees\xad\xa2"\xb8v\xf8\xa79\xafR\x92\x88\xd9\x08\x16\ti_\x88T\xa0U\xd2?\xb88\xff\xd76\xce\x03\x8cK\xba;\xddw}\xf1\x9d|&gt;K\xb2\xa5\xab$\xcbV$\x93H\xcc\xb2$g&amp;\x82e\xb1\x88\xc3\xf0:\x9c"\x82)1\x0ek\xc7p\xcd2\x95\x08\xe4I\x13\xc6C\xc2\xcdL\x96\x16\xe4\x8ceiI=\x19\x92f\t#\x0ev\xe2&amp;\x81$\x94\x10C&lt;\xb2\x18\x17B\xc9\xfe\x8d=\xef)\xb0\xb1\xd7\xf2\xe1\x1f\xac\xbb\x8f\x9e\xe7y\x9f\xf7=8\x9b\x1c\x01\xdb\xd3\xee\xe9q\x91\x16r3\xff\x17\x7f\xac{\x80\xd2t\x8a\xe8\x04,^w\xbby`\xe1\x1bXf\xc8\xb8V\x8b\xe3\x1a{&gt;A\xf2~\x18$\x0f\xc9\x07\xf3\xe1l8\x98\xcd\xa6R\xe1\xf0B85z&lt;9:0\x90LdFNN\x9e2\xd5\xfa\xf3/\x88\x8b\xff(\x08~\xc7\x16\xed\xf6\xf4t\xb9l\x1ed\x1d\x89\xef\x81Nx\xb9\\\x1d*\x17\x86\x87p\rR\xff\xe3%\x98\xac4\xabB\x1a\x86x\xe7&amp;\\\x1e\x8f\xcd\xc9\xf2\xba\xcd\xc6\xf26Fc\xe8\xd7l\xa5\xd5R[\\\xf5fA\x94\xbe\xff\xf1\x0c\xd2\x95\xcf\x97\xcb\xf9T\xb8L\\L-\xcc$\xc1\x94L\x0e$NM\x8e$N\xfda\xe4\xe4\x91#\xbf\x04\xd6O\xfetU\xf2\x0e\xed5(\xcf \x18\xd0\x84\xc0"\xfd\x85\xa0\x83\x06d\x83\xc8[\x8f\x0b\x90\x14\x054\xdd\xd5\xa6:\xff\xbf\x01\xcdI\xd3\xc3\x1d(\x84\xc9m\xca\x85j\'\x9ai,\xf2\xee\xd1V9\xab\xc6\xe8\\\xae\x95\xd3V\xdf\x18^)\xf4\xabG\xa3Q\xa2\x16\xe6"\x82\x8f\xf8GS\xa8\x8aQ@M\x8e|2\x92H\x1c\xff\x1b\x92\x05\xaec?=\xf6\xa3e1\x94\xde\xd0\\&lt;\x08(L%W\x0fr\xde\xe31\xd5B\xd4\xc84 b\xb5]n7\x10\xcd\xdfp\x01\xcaJ\x0f\xd3,K;\xed\xcc\x7fGG\xad\xa9)@\xf1\xbc\x9b\t\xd4^\x1c\xbc\xa8\xe9L+g\xe5\xac\x8d\x1d\xbf\xac\x14\xbe,\xa6\xf2\x8b\xf92\xb8\xc2\xc5pt\x1cY\x0bF\x07\x92\x99\x93#\'&gt;9\x91\x18O\x0e\x9cB\xad\x1e\xf9\xdd\xd9c\x1f|p\xad.\x14\xf6\x1a\xac\xdb\xe3\xc1\xf5\xdc.7\xa7\xb5\x8f\x92y8H\xc0\xc03\xd8\xc1r\x91N\xf2\x0c\xc2\xe1\x1e\x8f\xc7\x82\r\x02\xcb\x80\x8a\xe6u\x86\x94\x01O\x0e\x04\x0b\x82MM\xd9\xf4\nCk\x8d\xed}\x87\xf4\xb6Vq\xab\xdd\xc0\xe2\xaa\x9b\x92Q\xbf\xfa\x97r\x10\\\xe1&gt;tD8\xbf\x18\x1d\r.\x8e\x0ed\xd0\x0c\'3\xe3\xa9\xe88\t\xd8\x89\xdf\\8}\xf6\xec\xcf&gt;\x13\xea+[*\xcb{&lt;.\x8agk\xdb;\xafn\xb7]$\xf2\xe8V\xd0@,\x0f&amp;?\xe5\xc2\x0b\x88]\xe8\x8f\xa3=\x16\x86\xa6\xd1\xe8,\xd8\xdc\xc4B\xd6I\x9a\x8a7\x99\x9c&amp;\x96\xbb\xbd\xb1\xa3\x88i\xe1i\x83\xd55\x8e\x8c\xd5\xedx\xef\x83\xc8\xb5\x1f\xae\x17\xcb\xe5&gt;3Y\xe8\x88T\x14\x06"\xeb\x89\x89\x19\x94\xc6\xf1Lf\xf2\xc2\xe4\xe4\xef/\x9c&gt;\xfd\xfer\xbd~\xa0\xa9L\x05X.\xdd\xcdl\x0fI\xcf\xdeV\x9bZ\xcd\xed\xea\xc2L\xa4(\x12u"\x15Q\xc3\x03\xd0\xa3?o\x1e\xb6\xb8\t\x12\xaa\x800a\xe29\xa7L,\x00\xd9\x08\x16\xab\xb9\xabO\xd3~\xc1\x9b\x16\x9f4\x18V\xb3b\xf4s\xed\'\x92W\x08]yT\xfa\xba\xd8\x97-eI\xd5\x87\xfb\xa2\x03\x13\x89\x0c\xf9\x93\xa4b9\x18\xfd"\x939?\xf9\xf1\xc7\x93\x17\xce\xff\xf1\xfbe\xff\xe6\xaeU\xd5\x11v\xca\xd3\xa3k\x1b\xe9\xd0\xa1\xa1\x95\x9d\xedj\x83A\x8a\x8e\x12\x85&lt;:\x0f{QM\x8cm\x90\xa2\xba\xb0\xfd\xb1\x98%@\x11\xf7\xd8\xa9)\xc2\xc5\xb2\xba\xaeC3\x8a\xa5\x87\xbbk[\x07\x9bBA\xf0\xf6:\xe4\x83\x86F3\xb0\xd0\x1ahq\xb7\xd7\xa4\xba\xb2\xfc\xdb[\xf3\xd9r\xb6T\xce\x17\x17\xf2as/\x91I"\xff\xd9Rx\x1c-\xf1\xcd\xc4\xc4\xc5\xcc\xf9\x8b_-\xfbCo\xfa\xb5J\x85\xd8\x84\x14\x01+\xa2H\xfe!ie\xe7M\xb5\x16\xd043\\:\x85\xbe\xc6\x12\x0c\'\xa9\xf6\xd1\xc3]\x16\x18\x08\x04\x8a!\xe1\xe2+,;\xc5V*dNVh\xad\xd6|\xb1sS\xf69d_\x1dX;M\xac\x89\x15\xf5\x8e\x15d\xefm\xdc\xf4\xc9\xbe\x07\xef_/\x8de\xb3\xc5&lt;B\x1f\x8c.F\xb1\xddI\x15\x81\x95\r\x8f&amp;g&amp;\x06\x1e\xcd$\'\xce|s\xed\xf3C\xfb\xcdaU%\x0ea\x97\xa4\xd3\xd5\xcd\x88\xa8\xf8\x94P\xc8\xef[\xd9\xdb^o\xd74\xc8\x04\x17]\x98[\xba\x191,\x98\x16s\x81\xd1\x89f\x98\x8c88+\x15^\xe3\xe8vs\xfd\xd5\x93\xb5tAv\xc4\xd3\xf1zApx\xf7\x80\xd5\xd2:6\xbe\x17xe\x14\x0c_\xfd\xa3\xebK\xd3cs\xe1|\xb9\x98\x8a"\xe6_,\x86\x8b}\xc5X6\xb5\x18}43z\xebV\xf4\xd1\xe3//\xfd3\xbd\x15\xe0hUE\x03\x0e\xf6xx\xae\xfa,"J\x11\x9fO\xf4\x89RH\xba\xb9\xffvc\xb7\x01\xcd\xd0\x0e\xa8pJ\xa7\x18\xc6\xd5&lt;j13E\xa0XV\xa5M,FkT7\xde\xeeo\x8a~\xc3\xe1\x15\x0cy\xc5!\x14D9\xbe\x7f\x1b\'\xb7\xab\xc4\xc6\xfe\xfe\xfe\xdaSC\x10\x85\x07\x9f^^*\x85\x91\xfc|r\xfc\x8bDb&lt;X\xce\x16\xc7\xa6\x91\xad\xd4\x99\x052\xe6\xfe\xfa\x19,\\}\r*\x95\xd5\x07QS:\xb7\xbb\x16\x11}\x12\xbe|"T\x93\x0e\r)\x9bO\xb6\xab\xcd\x9a\xe6\xc6m\x0c\xb00\xf3\xba\x0e[\xd8\xce\n\xc3;\x9d\xa4%\xc8\xb1\xb9\xbd\xb3\xe9\x10$E6\x1c\x0eC\x11\x84\xb4C6D\xd90\xb1r9\xc2\x15\xb0\x06\x02\x8d\x83\xe5\xb8 \\\xbd\xf7\xfcn\xa9\x94\xcd\xf6M$\x06\x12\xc9T_9\x16\x8bM\x97\xc2\xf9\xb1\xebs\x8f\xe7\x8ac?|\xeb?\xb4\xd7\xb4\xbe\xe68\x96\xb5\xeb\xe8P\xac\x17\xcd}\xbf"\x15$\xa8\xe5\x13\x15\xd1P\x14i\xc8/\xad\xac\x1dT\xb1\xb6\xa0\xcb\xc9F\x819lq\x92\xf5\xd8|\xd1v\xfcLs3\xf8\x04\x87\x00\x00\nRIDAT\xdc\x86C\x11\x85\xb8W\x96\x05$J\x11%C\xee\xf5\x8a\x86\xbc\xb6\xab\xd1vUm\xe174\x12\xfc\xe6ND\xe85\xae\xde\xbb\xfc\xdd|)VLN\x0c\x0cD\xc7b\xb1\xd2\xdd\xa5\xa5\xbb\xa5\xec\\lll.\xf6\xaf+\x85K\x9b\xeb\xd6a\xac\xf1X\xd9P\xa0T\x85\xa2\xf1&gt;%\x12\xf1)\xbe\x82O\x14\x04A\xc2\x10\x95\x90_x\xa1aJ\xb9)FG\xb9uY\x88ot\xc7F\x90q\xd6nnc\xc5\x88{{\xbd\x82l\xc8qY\xc4\x9b\x04\xaf!\x1a\xc6\xda:\x07\x93\xed-\x8eF{!\xf7\xdc\xee~\xdcQ7\x1e\xde\xbb\xfcr\xbeT\x1eM\xa6\x82}1 \xcd\xce\xce\xcf\xc6\xca\xd9\xb9r6\xfb\xf8\xd7\x05\xbf\xbc\xc1\xd1\xd6\x00\xc7\xa9\x15\x1d\xeb\x9f\xa7Bi\x8d\'\x11_\x84p)\x88\x81(H\x91\x08.!\xd6\x1d\xaf4\x9a\x06\x17\xcfC-\xc6RQ\xedN\x9a\x84jj\x8a\\\xad\xbb\x9b\xdb\xda\x8c;\x04\x99`y\xe3q\x88\xac(\x82\x88S&lt;\xabr\x00\x87\x87*]\xc9\xb5\x80\x15\xb8\xbdVx\xf8\xd0\xe1=\xf7\xfc\xc6R1\x9a\xbc566\xff\xf2\x86\xf9,\xeat,V.\x95\x1e\x9f\xf3\x87\no\xde}\x06;\x9a\x12[*$\xba\xfdT\xf2E\xfc!\xc9\x07O\xc0\xa5@-\\@\x04\x96\x93\xe6\xec,\xe2\xcbP\xba\xc5l*Z\x83\x859\xbc\x1fX\xdd\xeb\xcf\xe2qY6:X^ \x91\x0c\x08\xe2\xe6\x16\xd4r\xdai.\xa7j\x95\\\x0em\x1fX_\xab\xcb\xe9\xb4\xf7\xa3\xc7\xb3\xd3\x0b\xa3}_O\x7fw\xff\xfe,yB6\x1b\xcb.\xcd_\xfe\xd4\xef\xfb\xfc\xa0\r$\xeb\x9d\xeea\xbbm\x10[\x04\xbdB\xb9\x81\x85\xde\xf2K\xe4\xe3\n\x1d\xb5\x80\xe5\x93\t\x16\xb6w\x88o\xaebb\xd9\xa1\x9e\xf5\xce\x1d\x9c\x80\x03\x15\xbaR\x8c\x13\x1e`9\x1cH\x18JF\x12\rae#\x90\x83\xb2,\x8d=\xbd\xa6\xdas9\xe8\xb0\xbe\x1f\x92\x1f\xa6\x85\xbf\x9f)\xdd\xba\x18,\xbd\xfc\xb7\xf94\xea\xddR,[\x9a\x7f~n9ri\xaf1\x8c\x8f\xda\xca\xe5\xecN\x1b\xa2e\xd3y\xca]{\x8b\xf97\x14z\x87\x85\x92\xf0\x9bX\xf1W\x9a\x8d\xdc6@\x1f{\xb7j1\' \xd7\r\xaa\x80\x89\xa5r\xcd}E\xc6\xec\x83\x8fP\xab\xd7\xe1\x151Y\xd0[\xe2\xf6\xaa\n,\xa7\x93\xc3\x9e\x1eZ\xc3O\xce\xba\xbb\xef\x93\xe5\x95\xabW.\xcee\x821\x82E\x1eH\xbd[Z\x8a\xc5\xbeZ.\\Z\xbb\x1d\xb0\x9aX\xf6\n\xaf\x13,\x96w\xb9k\xdb\xa8\xad!\x04\xea\x1d\xd6\xd0\x10\xd2+\x10\xb5\x88o\xe6`X\xa8\x05\xa8n\xab\xb9\x06C+\xbb\xd3^;\x10\rGZ6z\xcd\xe1\xe8E2q\x02#\xfef\x95\xa3\t\x16\xcd\xddi\xa94\xd72}\xc4.G\xc1\x82\xf9\xed\x87\x03\x0b\xb1\xd9\xfb7H\xb6f\xe7\xa7KYP\xe1\xce\x90\xcb\xf5\xe3\xc6\x84\xb8\xc2C-\x0f\n\x80\xe2\xb5m!\x12\xf1\xc39rVQ\x89t\xb0\xea\xc0\xe2\tVg\x07c!\x9f\x19\xe7\'l\x84\n\xf9_}*\x08\xf1\xb4\xc3\x1b\x07T\x1c-\x8f\xd6B?x\xa5\x83U\xfbkb\xa2\xdd\xde"\xbbg+\xa7\xfd\xa7\x8b\xf3ym\xdb\x0c\xe3\xb8-\xbd\x92^Y\xb6lU\x8a\x15\xcb\x12\x16B\x98\xd5\x8b1\x81\xc1\x0459\xf54\x1d\x93\xdb\x0e;\xf5\xb8\xc3\x18\x8cm\x97\x80\x8d)\x85\x04\x17J\xe9%\x811\xb6\x8b\x97\xd0\n\x16\xc3\x12\x9a\xb0.\x879&gt;\xb9\xd0\x8c\x92.\x8c\x1cJ\x8f\xfb\x13\xf6}^;\xfd1Q\x1aJ\xed\xe4\xe3\xe7\xf9\xbe\xdf\xe7\xfb\xbc\x87@\xf8\xe1\xc6\xa4\x80\xe2\xa6\x7f|\xfe\xd9\'\xb7P\xa7CH\xfe\xee\xdd7\xdf\x05\xcd\x95\xe9s|_\xbcD%\xac\x9a\xb4\xbc\x8c\xc9\x8b&amp;Z\xb3HT\xcb \xc5\xdav\x00\xd7\x02\x96\xdd\x9e\xb9\x12\xc4%\xa8t%\xb7S\x05Sg\xae*\x8eb\x955\xf7\xaadx\xe8\xa2\xe7\x95\xa0-\xd3\x83\xbc\xe0\x0fu\x7f\xd2\xef\x90\xb5\x81\xab\xda%!v\x1d|\xe9\x86[gQ\xea\x95\x9a?~\xff\xcbG\xb7n}{\xf8\xe2\xc5\xe1\xe1\x9b/\xe3f\xf0j\xc4ql7yW\xa5\x16b\xc5[\x96\xd1\xc4%\xd9\xdd7\x8b\xc5\x16\x1c\xc2 \x1a\xf40\xf0\x0b\x1151d\xc82\x14f`\xaa\xb9\xaa\xda\xa12\xb1\xea\xf8\x1a\x8b\xbd4\xfd:\xba\xe8y\x90|\x1bX\xd0\x19,\xcc&amp;\x9bWar\x8c^?\xceclw\xa9\xd0\xf9\xbd\x97fP/\xa4\xf7\xbf\xf8\xf4\xeb[\x87O\xee\x1c\xde\xf9\xe7\xcf \xbd\xb7\xfb\x1c\x1a\xc4\x06\x07\xacr\x19{\x94\x85\x1dB\xd7k\x84\x95\xf9\xc5`\x81e\xc4\x02\xab`4MTKQE\x13\x91\x14\xde\xc7\x82=\x90\xd1s\xbc\xaf\x80\xe6\xb5\t\xab\x94\xe0o/\xaa\xd7\xeb\xc65\x96\xe3\x10\x18\xed\xd8X\xd0\x1c\x05\xb1p\x7f\xfaW\x1a\x15\xef\xfd\xf0\xcd\xc7/^&lt;\xf9\xea\xb7\x9f\xd2b|~\x80\xfc\xc3w\xc6\x90 \xce\xbaD\x93\xb8"K\xb0p\xcb=\xce\x8a\xc5\x00\x8a7\xc0e\xc7++\xf4[\xa9\xecfiF\xc1OlZ\xa4-U\x15\\\x8cz\xc8\x05\x16\xebe\x06\xec\x01u\xaa\'\x02\xcb\xabGu\xcf3\xa6=\xe8\x84\xaa\x052V%q9]\xa6t!Kw\xb4\x9b\x06\xbe\xff\xf0\xef\xc7\x8f\x9e&lt;\xfa\xf7\xf74-N\xb6\xc4\x19\x82euU]Z\'Ia\xfdD{d\xeb\x02\x99\x1b\xd5"k\xa7s\xb8\xd2\x8aQ7\xa39\xdcG\xa6r\xdfb\xb1\xb7X\x18v\xf8\x07aM\xc1\x1fA\xf5B[&amp;\x94_\x07\x9aq\x04,\xa8\xcb\xc1&lt;gNU\x98\xb7\x03\xf3\x03\x98\x8b\xc1=\x08\xee\x19\xad\xfb??\xfe5-\x06\xde\xeb=\x1e\x8ew\xf2\xa4\xc0M\x86\xad@\xb3\xe8Qt,\xc7\n\x1b\x1d5\x8b\xe4\xa6\x85\x05\x16\xd4_0Rs\x9fI(W\x99zh\xe9\x84\x05;]T\xcbQU\xddb\xa3i\n\xfb-\r\x13\xef\x1aK\x90e\xc7\x84U\xe5e2\x89\xaa\xe0r;cd3\xe6\xe4\xc3\xadYv{`\x07A}0xx4\xeb\xeft\xc7\xe3.\xd5\x8a)\xb4\x18H\x16\xbc\x01\x11\n\x89\xcf\xd2\x9eO\x9b\xa2Z\xe4ZM\xc2\xc2\x18\xb2c`\xd1\\\x06\x96n\t,\xb6\xc0b\xa2\x89\xba\xcc\x0ev!B\xb8\x11\x12`BXf\xa9\xee\x9dz^\xb6/\xb0\xe8X\x94UX\tqu\\^\xd5\x9c\xae\xeb\x84\x0fz\xcf\x10\x030\xb3\x9a\xafFn\xbe\x11\xd2\xff\xa2\x9e\x9b\x04\xb5\xae[\xb4\x05\xeb\xd8:Q\x8c\xe7\xbb\xd4Da\xa6&gt;\xa4\xd5j\xda\x06\xc2\xea\xf0X\x93(\x8a*5\xca\xf49M\xa5\x1b"$\x96*s \x13UB\xf4\xd8M\xa3\x82\x1d\xa1V\xc0j\x9b\xa7\x10\x99IX3,oj\xa7\x03,4\x9e\x06&lt;\x1fs\x9a\x8e\x0c\xf9\xc0\xc1\xe4~501\xe3/\xb7\xf3\x02\x88\x87.s\x14\x8d\x96\xe0ui\xbe\xc0\x10\x1a}j!y_\xd8\x03\xb0R\x7f\xe0\x17\x81\xe5\xc8\x9a\x8b#ts\t\xe7#\x07\x1b\xea\xe45G`U\x19S\xa5\x8a\xbb\xf7*-\x196\x80L\xc8\x0b\xca\'\xed\'\xa7\xe6\xf0\x03,\xa6\xa9T^\xc7\xc1h\xacr\xe8k\xeb\xea\xc8L|\xf3j/\xbf\xe3\x92\xd7\xe6\x0f\xb6-\xd9Q\xdebai\x80l\xa0\x114\xc3\x0e\x10N1q\x08+@\xee\xb2\xfd8;VdD&amp;G\xbeq\x13\xdbY\xce\xe5*\xef`,b\xb5\xa6n\xaa\xf22\xdf{\x96\xc2\xd9aUmX&lt;\xb0\xbc6\x9c\xe24\x01\x16\xceD\xa7\xfa\x0e\x0bO\x97\xefpw\xcc\xc3\xc6\xc19&amp;B!\x9b\xf5\xf3\x84\x146\x1e\x9c\xec\xa2-\xba\xb5\xc0\x127R\x8aV\xd3\x15\xe4@\xdf\x07\x0b\x9a\xe8\xc7t\x10)\x12\xfa\xa8\x16\xc3\x1a\xca\x9c\n]\xf5\xca9\xb7\xabQ\xdc*\x93\xf2\xf1\x83\xca\xc0z0\xb1\xa3\xc8F(\xf5(\xe1\xc0 h\x06\x99\xc3\xe1\t\xbaM\xaa\x9a7\x91\</t>
        </is>
      </c>
      <c r="M226" s="3" t="n">
        <v>45492.67679398148</v>
      </c>
    </row>
    <row r="227">
      <c r="A227" t="n">
        <v>840218</v>
      </c>
      <c r="B227" t="n">
        <v>245419</v>
      </c>
      <c r="C227" t="inlineStr">
        <is>
          <t>Danielzinho</t>
        </is>
      </c>
      <c r="D227" t="inlineStr">
        <is>
          <t>Danielzinho</t>
        </is>
      </c>
      <c r="E227" t="inlineStr">
        <is>
          <t>MEI</t>
        </is>
      </c>
      <c r="F227" t="inlineStr">
        <is>
          <t>MC</t>
        </is>
      </c>
      <c r="G227" t="inlineStr">
        <is>
          <t>MEI/MC</t>
        </is>
      </c>
      <c r="H227" t="n">
        <v>173</v>
      </c>
      <c r="I227" t="n">
        <v>16</v>
      </c>
      <c r="J227" s="2" t="n">
        <v>35074</v>
      </c>
      <c r="K227" t="inlineStr">
        <is>
          <t>Right</t>
        </is>
      </c>
      <c r="L227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037a882-5893-451f-b4ca-326743f49a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c[\x93\x87\x00\x00\x03\x00PLTE\xff\xff\xff!!"\xfe\xfe\xfe\x1d\x1e$#"%\x16\x16\x1a\x1e\x1d\x1f*)*%%\'\'\'*\x1a\x1b!,,-\xb9\x8aY\xbd\x8c\\\x1b\x19\x1d\xfc\xfb\xfb\x17\x17\x1f\xc1\x90_\xcd\x9en\xb6\x87W{\\&gt;\x13\x13\x16\xc7\x97d\xa0rJ\xc2\x94d\xd3\x9cb\x89fD\x13\x0c\x05\x14\x1e&amp;\xda\xa1f&amp;\x1f\x18\xf8\xf7\xf6\xc8\x9bi\x90gB\x1e\x1b\x16\xa9}M\x8flH\x9bpI,#\x1f\xa9xSC1%"\x15%\x94kC\x99uN\xae}W\xaf\x84]\xaf\x83T$(!\xda\xa6l\xf2\xef\xed\x96nG\xe3\xb1\x82\xf4\xf3\xf2K9$\x85bD\xafxP\x84\\=\xd4\xa3hrYA\x18\x16\x0etR4\x8agL$\x17\n\x81[5\xa4yN\xc8\x9do&amp; \x1e\x8dc&lt;222\x12$\x1f\xc7\x97kB-\x18\x9cz[\x0b\x19\x19\xc4\x93_\xb7\x83R"\x16\x18iR=\xbf\x97nrM&amp;V;"\xe4\xb8\x8c\xd6\xa7t\xfa3*\x8cnQ\xc4\x90h\xcd\x9fheH*\x91t]\x9brB1( \x95pN0"\x13~aF\xa7\x83Z(\x1c\r\x92tU\xa8\x87f\xb4~U\xa5wG\x9ci@rR;\xcc\xa2w\xd2\xa3s\xb0~M\xa1sS\x82gN6-):+ \xb8\x80M\xbe\x8fWU@,\x87b&lt;\x1d\x12\x18]F0`@$\xb5\x8c_\xa9sK\xe1\xa9m\xe4\xaex\xee/&amp;\xa3}T\xaf\x8bekN1\xcd\x95f\xb9\x86^\x1d\x0e\x06\xa4oC\xbd\x8df\x8b]5zU8;98\x9dzQ\x10\x11\x0f\xd3\xa9y\xd9\xd3\xd0\xb6\x92i\x1c%*8&amp;\x17eL5\xd5\x9bn\x1e"\x1c\xc2\x89`\x94h9\xb9\x91]\xbf\x86W\xdb\xabw\xc8\x8cR\xef\xeb\xe9\xe9\xaco\xc2\x9dv0\x1b\n2\x15\x1b\xdf\xa5y\xc1\xbb\xb9|S-\xcf\x96YT5\x19\xab\x8bqL1\x1e\x9d}e{soC\x12\x10\xb6\x81Y\xb0xG\xb5\x95q\xa7y]\xd0\x96k{YI\xde=1_ZU\xca\x8ca\xed\xe7\xe37"\rJED\xe6\xe2\xe1\xc2\x83L3\x0f\x0b\xe7\xbe\x96\xd7\xbd\xb3\x8b\x0f\x17\xa1\x0e\x1bO.\x14\x8f[D\xf0:2\xa9|f\xc3\xb3\xab\xc8\x90}\xc9\xc3\xc1\x9dpa?\'\x10Q\x12\x12\xfa\x1e$v\x0e\x114\x1f\'\xdd\xdb\xda\x94\x8d\x8c\xa5\xa0\x9f^&lt;\x19t\x1f\x17b\x15\x16lF-\xb1\xad\xab\xaf\x8dU\xbc~D\xb9\xa0\x8e\xb7\x89j\x9d\x86t\xd9\x9fs\xb7\x99~jea\xd3\xcb\xc6\xc8\xa6\x83n]QG\'\x0e\xd6\xae\x87\xc3\xac\x99\x0b"\x15\xb2\x82i\xc0\x86t\xb6{P\x89\x84\x7f\x94zi\xadib\xb6uj\x15 \x12jC\x1d\x9ahM\xcd\x97\x86VQO\t\x16\x05\x88Q3\x94eO\xd6\xb5\x9d\xe7\xdc\xd3\xb9\x8btG=2\x7f?$\xb0\x05\x14\xb8\xaa\xa0\x8d0(\xad\x92{\xa56,\xa0\x88St.$\xbfA7\xa2\x97\x91ZNA\xc1|i\xbcp\\\xc6\x9aY\xee\xcd\xb9\x86h[\xcf\xa6\x98\xc9:0\x98\x19*\x13\xa0\xa0\x16\x00\x00 \x00IDATx\xda\xdc\xd8\xebO\x9ay\x16\x07\xf0\t\xd9\xd4\x1a5\xa4JJ\xc1\x88E\x14\x89V\x01\xb9\x0cru\xc0\x0eF\xa4\xd2\x86\x14\xfa\x08\xa2"\xad\n\x8a\x0b\xad\x8d\xd2\xca\x8a\xb66X\xe3xi\x9dx\xa3\xec\xea\x8cq\xeb\xa5\xbe\xb0IC|\xd1j\x13M\'\xb3Z\x914\xa9Ml\xa3\x93ML\x9a\xbe\xa9\x89\xe9\x8b=?t&amp;\xfb\x07\xccc7{\x101OL\xf8\xf8=\xe7w\x00\xbf\xf9\xe6\xff\xb5\x08\xc4T&gt;\x9f\xcb\x1d\x80\xe2r\xf9\xa9\xa9\x84\xff\r\x14\x7f\xb634\xf4\xec\xd9G\xa8gCC\xa1\xceY.\x9fH |\xe5\xa0\xb8/B\x9f\x83a\xadV\xdb\xa5\xd5\xee\xefOM\xad\x07\x97VC\x9d\x8f\xf9D\xe2\xd7\x92\x11\x08\xa9\xb3\xafW\xb7\xc2\xfb\x02\x96Z\xad\xf6\xab\x05,\x87\xc3^\xd8&gt;\xb3\x03\xb4\xa1\xce\x81\xd4\xaf\x14\x19\x81\x1b\xdaZ\xdf\xdfc\xa1r8\xfc\x0e\x07fb21\xccn\xb7\xb7\xcfL\x05\x97C\x03_%0\xe2\xec\xb3\xe0La\x1c\xe6\x88\xaa\x1c\x18\x861\x994\x1a\xad\x84\xa6d2A\xb6\x13\\\xee\xe4\x1e\xbb\x8b\xc8\xed\xfc\xb8\xbe\xc7\x86z\xceb\xd9\xa1{v\x0c\x95\x12`\xc8\xc5d\xdb\xf7\xc2K\x10\xd81\x8f\xfa\xe3\xd0\xe70\x0bc\x9fg\xb31;\xcbn/\x84\xd6\xc5\xc1=\x06DJ&amp;r11\xd6\xfe\xd6\xd0\xe3c\xdc\x17\x04\xe2@\xe7\xc7\xe0&gt;\x0bcF\xd3\x82\x8a\x89\x89\x8d=\t\x15\x03uR\xa9&lt;q\xe2\x04\x8a\xcd\xef\x0c~\xec\xe4\x1eW`p\x00W\x83\xfb{\x8e\x1f\x99\x88\xc5\x04U\\\x14\x15\x0b\x15\x17\x070\xa6\x12\x15\x8d\x899\xf6\xc2[\xa1c\x1a0B\xea\x8b\xe5\xa9v\xfbs\xe8\x96\x92\xcd\x8e\x81I?\x19\x17\x17{26\xae\xb0\x10P\xf6ha\x18\x8d\x89\x1e\x98\xf6\xfd\xad\xd7\xc7\xd3G~\xe7\xd2N\x1c\x9b\xdd\xdd\x8d:\xc8\x84}\x00}\xfb\x0bj\x1b\x9b\x19\x83\x16\x84\x83\xe5\xf0\xfbMr\x8b\tc\xa6I\xb6\xd9\xfbK\x9d\xc7\xe0"\xf0C[;\x85\xb1\xec\xf3o\xdeDU\x0e\x14\x0e\xea\x1a:\x82&amp;\xcc\x8f\xd6\x05K\xed\x9f\x96\xa3\x92\xdc\xd9\xddeO}\xc6\x7f\xbe\xd0\n\x9d\x899\xc9&gt;\x0f\xacnp \x86\x03\x83}e2Y,\x16\x93\x7f1\xa0s\xba\xddn\x9d.\xb09-om\xbdsgW\x82\xc1\x81\xc4yQ@V\xc1\x99\xe7%\x92\xed7o\xdelo[,\xd3\x8b\xea\x00\xcba2\r\x0e\x0eN\xc3}qa\xd4\xed\x91\xfaD"\xa1P$u\xab\x07[[[\x93\x93%\x96\xbd\xe0\x10\xaesO\xe0\xbf\xdejW\x96\xfcU"\xd9\x85:T\xe9\x9c\x02\xb5zsqqsss\xe1\xe5\x8a\x82\x9a\x97A.(\xc8\xcc\xac\xfd Z\xd1\xa9!\xb1\xe4\xe4\xdd\xed=\x98{&lt;\xcf`gpFYR\x12\xcd@nR\xeb\xdc\x06\x8fOd&amp;\xd9JK\xdf\xbf/\x1d\x1en\xcb"[\x19\xb9UUU\x1a\x8d\xe6\xdc\xb9Z\xbaoE\xb7\xf9\xa45y\x17\\\x9f_\xe0\x17\x17qvy\x86\xdd\x9d\x063#\x97\xfb\x05\x06\x125=\xaf\xa39\xa7\xa5\xa5\x9ca\xf5z\xad5\x9a\x84\xd3\xa7\x1b\x8a\x8b\x8b\xfb\xfb\xfb\x1bz5U\xe7n|x\xeas/\x0c\x02kw{j\x15\xb76\x12RCS\x85\xecn\t\xa8\x06\xd5n_^\x01#7)\xe1\xcc\xd9\xc4\xc4\xb3\x97o\x15\x9f*\xbeu\x8b\xf23\x85\x92B\xa1\xdc\x1a\xb952\xd2\xd0\x10\xaf\xf9\xd6\xfbt\xd8\xbdi\x01V\xb2=\x88\xdf\xfa\x9a\xfd\xdc\xce\xa6I$\xf2\xc1\xc5\xd1\x15\x11\xb9F\xa3i(&gt;8\x9d\xcf\xe1\xa0/\x00\x81(Z#\xe8~p\xd0\xd0[\xff\xd6\xfb\xf47\xb7\xda"In-\x99Yz\x81\xcfi$\x10C\xeb\xec\xb44\x89\x05\xfa\xe7\xa3\xdfx;7\xd7\xdf?2BI\xe14\xa5\x80\x08\xee\x1c\x04\x8b\xdaR\xf2)\x07\x07\x07\xfdssoo| \xb9\xd4\xa6\'\xad\xad\x18nm\xe4.\xb7+%\x12\x1a\xcb%\x96e \xd5\x1cRQR\x9a\x9a\x90\x0b\xb1\x9a8Q\x1c\xa7\xa9\xa9\x8fs9\xca\x9a\xab\xca,#\x19\x02\x7f\x7f\xd2*i\xdf\x9a\xc5\'\xae\xd9%;M\xd2j\xdf7\xebk3\xbf=\nk\xe4\xbfXGu\x1f]\x81\xae\x8e\xf4\xcf\xbd\xaa\xaf)\xa8M\x97\xba\xe1&lt;\xdea\xaew\xe2\xb2$\x88\xa1 f\x91O\xebl\x8d\xe9dF\x95\xa6\xf7\xa8\x87)\x1c\x0e\'%\x1f\xc6\x0bB\xba\x89&lt;\xf0c\x1f\x87\x03\xe3\xd5\xdf[__S\xc3\xf0\xaaJG\x07\xe5i\xdd3\xab|\\V\xe9\xea\x0eMnQ;\xa5\x8dY\xb0\x0c4\x9a~\xe4\x82&amp;\x02(\x1fY\x9an\xa2j\xe2\xdcG\x17(\x10$b\x81\xcb\xda\xa3pO[\xd2\xba\xdb\x97\x07p\x18.\xc2\xc0\xd2\x9e\x056\x83\x81\xa4\xba\x82Xs\xaf\x8e\xa6+\x9f\x92\x88X\x87\xaa\x9bh\xbe\xf2\x91\xaa\xbf\xbfw\xae\x1e\x15\xe3J\x9bAm\xa2)\x0b\x97\xf0\x18.\xe2\xec\x96]n\x99\x0ex\x14=W\xc6\xe1\xd9^\xa1\x9aCy]\xa6P@\xd5\xf4\xe0&amp;\xdc\x1eD\xe7,\xaa\x9a;T\xd5\x8f[{\xa4\x01?Si\xdf\xc2cE\x10_\x071`\xe9\xa4m=\xde\xf1\xfa\xb9\xa8\xeaU\xb4\x8d\xe0JIizpX\xd1m\x81X\xbf\xab\xeak\xbc=\n\x9d\xdfD\xb3\x07q\x98yB\xea\xd0:f\xf9\x9d\xf5\xea\x8f\xac\xe0\xd8q\xd0^8b\x1d\x9dJ\nJ\xab\xbe\xa6^\x03\xaaqo\xb5\xc2\r]\xc4\xd6_\xe3\xc1Z\x9d\xc2L\xa6E\xb7\xb4\xad\xfa\x88\x85T\x1c4O}\xe8\x14\x1e\xa5\x05\xc0\xa6\x070`\x94\x7f\xf6jP\xd5\xd7X\x0fY&amp;,\x8c\x0bkh\n\xf3\xfb\xd5\x06\x9f\xca\xeb\x1dG\xc3\xd5\xdb\x7f\xfa\xf2%\x1e\xef\xe2E\x1e\xaf\xaf\xe9\x0f\xd6\x03\x18}\x1e\x0f\xa4\xf7\x8b\x13\xe2\x93\x924U\x88\xd5\x083or\x84C8\xb1\x1c\xfe\x80\x07X\xd6qp\xc1\x0bb\xe2]\xde\xc5\xf9\xf9y\x80\xdd\xec\x83\xd0\xd0\xccC\x01\x14]\xf9\xd7\xcf\xa7\x12n\xc7\'U\xd5\xdc\xf0^\x01\x96\xdf\x0f,&gt;N\xac\xc0\xa8TD\xf7\xc2\xbb\x18F\xee\xf5\x0b\xdf]\x8d \xd5\xfc|\x84\x07\x85BB\x05&amp;t\xed"\xef\xda\xf7\x17\xfev=\'7\x97a%\xd3\xa5:\xb5\x9f\x85\x0b\x8b\x0f\xb3\xe5\x10\xe8|Bz^F\x06\xb99\xe7\xde\xc3\x8d\x8d\xc8\xbf\xa3\x15\x89\x00\xec\xe2\xe1\r\x85\x17\xb5\xf2\xee^\xbdz\xa1%\xa7\x9cQ`%g)\x0c\x015+&lt;\x84\x0bk\x07\x83\xf7\xa3$*\x9d\x9e\x97\x9d\xddQT9\xb1\x06566\x06\x8f\x1b\x91\x08`P\xf3\xe0{d\x03\x15P#\x1b\x0f[~j. \x93\xc9yB\x8f3\x80\x13ky\xc7\xc1r\x1aDt:\x95\x9a\xae\xd7\xeb+\x8cE\x15z\xb3\xcdc#\xc9*Z\x1eF\xdb\x89d\x91\x8d\x89J#\xd4O-\x13\x0f\xd7&amp;*\x8b\x8a::\n\xc8yTq\x97\x80\xa5}\xc6\xfd\xf3\xb7)\x7fy\xca!pyD\xa0\x12\x92Hb\xb1M\xdb\xe5\xd6\x8d.,\x8c\x1a\xa4\xa4lp\xcdG\xd3\x8al\xdc+2\xdb\\N\xdd\x8a\x14\xb8F\xa3^_\x96][\x9b\'$i\x9d\x02&lt;X\x90\xd6\x14K`\x90\x8aT\xa0\x92Jm\xb6.\x97s40\x1a\xfd\x94\xa1H/\xbfp7\xda\xc2\xc8\xdd\x0b\xe5\xe9&gt;\x83.\xa0^XX\xd0\xb9l\x93\x93b\x12\xb5,\xbbL\x06T\x01^i\t\x04]\xa4FU\xa3O\nI@\x10uP\xb2\xf4t\xbaJE/\xb8~\x15\xe6\x9d\xc7\xbb{6\'\xaf\xd1\x87\xc8\xf0\x016\xe0\xec\x12\x8b=\x1e\x9f0\xbdL_g\x83\xb4\xf0\x99-`y\x84\x8d*\xd1\xb0OXQ\x89\xe6}\xed\xd3\xc4DKNsF^\x169\xe9\xbb&gt;\xd8\xaa\x97\xce&amp;\x91U\n\x12\xc9&lt;i6O\x8a\xb5\xdap]\x9d\xd9&amp;\x85\xbc*\x10\x0b\xa7\x91\x0f\x1f\xb1\x14\xd4\xec\xca\xb5\x8d\x8d_~Y\xfb4VY\xdeL\xce\xab\xae&amp;\xe7\x9e\xb9\xd6w\xe9\xda\xe5S\x8c\xea6\x85H\xa67&gt;z\xf4\xe8\x9d\xd1\xf8\x0eJF"\t\xf5\x15ub\x97\x13\x9f\xbd\x85XZY\xa3\x8a\x9e\xd5\x91sob\xe2\xd3\xd8\xd8#\xa3^&amp;\xa3\xc2\xc6\xa0gd\xde\xfe&gt;1\xf1\xf4\xa9$kO\x9bH(3\xbe\xfb\x15\xd5\xbb_\x1f\xc1/\xa5S\x0fY\xae/x\xbc&amp;\xf2W\x81%\xd6\x0b\xe9W\x18\xd7\x7f\xc8i\xae\xa8\xd0\x7f\xa9\x0bk\xb5\xe2I\xb3PH\xcd\xab=w\xfb\xd4\x99\x04\r\xa3\xa7M\xa1 \x99\xeb\xbe|\t\xaf\x07\x8d_\x8c\xb2J\xd4\xe4t}\x85^\xdc\xe5z\x87\xcb\x1b\x9b\xd5u\xa7\x93\xa4\xa7\xd2\x0b\x92~\xb8^\xd0(\xf5t\xb9L\xd3\x96iW\xdd\xa4\x07^\x902\nr\xe3\x13\xe2k\xac\xd5m\xc3\xa5\x06\x8fX\xecb\xed\xed\x8b\xcdfRYGyNs6\xfc\r\x90\x16N\xac\xb0\xc0i\xd6\xd33r\xe3\xe3s\xb3\x86\xe1\xb9\xb5\x01\x81?P\xf7\xc9\xb8\x02[\x83\x9e\xc1\xf8G\x82f\x1c\xa9^\xbe\xec\x12k\x9d&amp;\x07K\xd0\xe5\xf6\x88jsr\xca\x9b;*\xf4$\x97\xd3\x88W\x13u$jzfR|\x92UUZJ\xd2\xeb\x17\x17\x07\xd5ukERac\x9b\xaa\xda\xaaI\xe8\xad\xa9n\xfbm\xf8\xbd\x1b\x89\xe5~\xb5S\xec~_\xdaF&gt;\x97S\x8eX\x06\x9d\xf9\xcf\xffw\x12\x818\xf01\xca\xca\xca\x8cO8dU\x14\xd9\xdc\xa3\x06}\xa5\x0c\xc2R\xf5T\xdf\xf8\x0f\xadf\xfc\x92h\xba\xc5\xf1\x8b?OH%)\xfe\xd2H\x8a\xa0\xafAn\xa3/\xa1\xab!8\xb2q5\xc2\x971\xde\xd5UKKav\xa5\x94EK4\x89\x92-l].\r\x8ed\x82eAEp\x85B\xc5~Y\x10dI\x8b\x96\x18,*2\xc8\xf2\x87\xa1_\x86b&amp;\xb8\xe7\xb1\xbd\xff\x81\x1e\t\x85\x04?|\xbf\xe79\xcf9\xef\xf3\x84\x7f\xf8!\xec\x9a\x01\xb9\n\x85\xa9\x85\xc1\xdf\xdeLXD\x85\xfcut\x94\x0bX\xa4\x14\xb0\xa6\x1e\xee\xa9\x8d\xb6p\xfb\xa4\xb4\xb0\x92\xa7\xb1\x84\xdc\xf6\x96vP%*c\xabTR\x9a\x88\xcd\x96EeK\xa3\xa3\xbe\xf1\xd0\xc6\xf4\xd6\xf9\xe8m\x14\xb8\xa6,\x16\xcb\xa6]\xca\x8c\xe6\xebj\t\xdcu\xacIif\x9b\xda\xd8\x12?\x9fy\xe8\x1b\xdc\xcb;\xa0\x14\x98\x07\x12f1]\xc8#\xdd&amp;&gt;I\xb2d2\x90\xca\xe7s\xbd\xdfZ\\\x9c\x06\xb9no\xa3\x1aM@\xa4\x8b\xa7U\xa4":*Nx\xbd\x90\xf4l\xc0\xcaKb\xa9\xedF\x9e\x03u\xce\x1f^h\xa7\xf2+y\x19,9\xf1\xb9\xd8\x9cH` \x82\xc7`\x98\xe5)\x96\xe8&gt;\x97\xcb\xb56\x80\xb0\xb6\xc2\xbe\xa5%\x05\xe8\x87WU\xc9d\x92;*6{[\x12\x18`\xc1F\xf9Nb\xcb6\x92\x8b\xb2\x9d\xd1\xa9TLI&gt;/s\xf0\xe8b\xb3X\x8c\x99\x13\x02\x81\x80+\x10\xc8\x87\xe9]\xe3\xe3\xe2\xb5\xb5\xf3\x81\xad\x8d\x8d\xe9\xf0\xda\xe8\xd2(\x87\x07\x05v\x9fW\xa9p\xe8&gt;s\xa2\xc5\x8b\xc9\xe5|\xa6dr\x92\xe6\xe0&gt;\xde\xa4\x1a\xf7\xd4\x99:\x7f\x1c7\xa9\xd8\xb2kP\x8bGw\x89Qp!\xba\xb0\xae\x91\xae\x81\x96\xd6\x9f\xdf\x9f\x9f\xbf\x0foM\x83X0}\xf9\\\\\x1b\x1d\xbd\\\\\xb18\x11\x0e\'\xc6\xe9\x1c\xa1T\x92\x9fb\x93\xe6\xc7\xc7\xc3\x86\xa5=\xa53\x15K\xa7\xdd|\x85&amp;/S(F]\xc0\x05\xae\xb9\xc4\x80\xd5\xfe\xaa\xb5c\xba\xe3\xe7\x81s\x90\x0bq\x85\xd6 \xf9\xc5\x18\x04\xc2\x06\xfa\xf30JD\x845)1\xba\x1f\x1f/k\'\xbd\x8dr\xb17\x95.\'\x93r\x1e`9fXt1\xc2B\xf9\xd5\xde\xd2\xda\xb1\x01\x19\xd5\x1a\x1e\x80Y(\x0c.n\x9d\x83Zf/D\xc2\x0c^\xaf\x89\xc5f3\xc6\xe5p\xaaR\xc9;\x1a\xdf\x10zz*7\xce\xc5\x9eL\xbah\xc3\xe4\xc3\xd1\xeb(&gt;\xc3s\x99QxC\x04\xd11=\rT(\xd1\xdf\x83Z\xa1\xe9zr\xf9\\\xe6\x90\x9f B\xa1P\xd8|\x0er\x89\x11\x16\x1b\xb0\xf4|\xc1\xd6\xd3\xd3\xd9s\xc3\x8e\x0ez3\xc9"\xb7\xbbkXv\x1d\x95)*\\X\xf2\xa1P\x1d\x08\x05T\xab\xf0\xf9\x9ak-&lt;\x8d&gt;\x87\xc4&gt;\x9f8\x11"\x94\x881\x04\x0e\x9a\xc1O:)\x15I\xa6D\xc2\x17\xac\xed\x06ba\x98w|d\xe6Z#c\xd1\x01+Dl\x1c\xa1X\x84\xbf\r\xa0B\xa9E\x1cE"G\x1b\x08\x0b\x0c\x0e\x11\xd3\x8bG\x88\xd2\xfb\x0f\x96^"\xd1\xf20\xc0\xca6\x0e\xab3\x95\xb6\x99[\xba\xbb\x964\x9a(\x93\xe4\x9a\xbd@\x15\xa9\x07\xfc4z\xd6\x00\x8e\x11Gh\xec\x8f\xb4\x85\xcch\x9d&amp;B[\x8bG\xe8\xbf\x84\x17\xe3&amp;\xf9\xa4Ho\xa1\xa9\x86\xb1\xc6\x9a\x08\x05\xa2\x82\xbd\xea\xee\xe2i4\x1a\\hKx\x89\xc5\x084\xee\x91\xef"\x8b\xc8(\xf0\x8c\x08\x11\x114\x8e}g%\xbc\tX{b\xf3\xd6"\xa2&gt;Z$\xbcI.`\xd1,"\x93\xbb{\xeb\xf1\xa9|\xd7\xb0\x94\xa7n\x7f\xaa`\xed]]\xc3\x80%b#\xac\xb6H}\xbc\x8f \x9f\x12\x89\x84\x0b\x12J\x89\xc6\xfc\x1bB\xc0\xe5b\x98\xd8%\xaecAX\xfd\x18\xa8\xa5\xa7Y\xec1O\xfb\xd6\xd6S:\xd5\xb86\xa2\'\x95\xb3\xc9GP\xcekp&amp;\x87\x9b\x00\xc7P\xfc\xb1\xb8\xb1\xa1$\xfc^\x8c&gt;s\xab\x10\xa0A\xfa\x8c\xbe?\xb3_A%+T\xf7\x19\\\xf5\xc3\xd6C\x8a \xb5&lt;\xce\xf6\x907\x19K5\xacn\xfd\xab\xf3\xa4dd\r\x8f\x0cC\xce\xe3\xa2\x8a\xcb\xfc\x82\x15\x19z\xdd\xa1T\x12\x84\x1f\xb3U\xf1\xfdd-\x9b\xcd\x96\xab\xb7\xd1\xdb}[\xba\x8c\xd5\x93\xeb\xd7_\xc7\x94N\x0c\xea\x83\xa8\x10Py0\xcc\xccM\x1e\xa7\x1aw\xc8B\xb9?4*\x96\x96\x10\x96LZqa\xfe\xb6\xa1?"CCm\x0c\x06\xc3\xef\xf7\x17\x056\x92T\xa5\xd3\xe9d:m\xc3\x03x5W.\x97\xbd\xd3H\xad\xb16\x06`\xf1\x1c\xb8\x067x`g\xb0\xd9\x1e\x1a\xd8\xa2RzR*6oxd\xe9\x1aZ\x16\x1e\x9d\xeb%\xfa\xc7\xacc\xfd\x0c\xa7_\rPI\x9b(\x10\xc0\xf7m\xc9\x1c)\xc5\x0b\x93\x05\xbc\x9a.\xd6\xbc\x84rql\x0c}G.\xe41\x1d\x1a\x19\xdf\xed\x1b\xe5\xd8\x8c\xa5\xf9\x06\xb6\\\xbd\xf3\xf1Y\xf7_\x7fA\xce\x07h\xf51\x87\xd1o\xedW;\xa1\x8b0\xf0\x99\x81\xc2\xe4\xe0\xcaJA\x1a\x8fK-\x93{\xa7\x83\x05\x9a6n*\x82\x8cJ\xabU\xedt\xf3yu,\x8e\x8dK\xe7\xd8t\xa5Fv\xa8\xd4\xddC\x95!\x18\x9c\xd5h$\x01\x9c\xc7\x91\x1b\x9c\xfd\xd6\xe5\xa0\x1b\xdc\t\x14\xf2{\xa7;\x1f&gt;\xec\xbc\x9d\xe8\xeb[x\xf3\xdb\xf7\xdf\xef\xbc}3\xd1gO\xa6=E\xf5\xf22P\tY,\\\x16e\t\x8a\x90\x83\xaa\xd2\xe7F6\xa8\x94\xdeT,n\xf2\xf0\x81\x8a\x06\xd3\xd7\xac\xdb\xb9\xbc\x1c\x9c\x85Ng\x05=\xb3Y9@\xa7\xc3\x80\xf5\xef_v~\xfa\xe9\xc7\x1f\x01\xec\x17\x89\xc8hZ_V\x0b\xf8&lt;\x96B!\x93\x05\xc8\xa2Z\xedQ\xc5\x0f\x1b{\xfb\x80\xba\x9dy0\x99T\x12\t\x8c\xeel\xfe\xac\xdb\xa3\x0e\xce\x06\xf2\xa7\xa7{+\x93\x05\xcb&amp;\xb4\xee\xa8M\x8e\xc7\xed\x96\x85\x85\x89\xc1\xd5\xd5\xb7\x07\xa7\x83\x16\xadi}\xdd\xc4g\xe1\x0e\x05\x8e\xcb\xc8r1\xe8\x89?\x9c\xf46\xb4\x9b\xa7P\xb7S\x87\xc71\xbb\xa5O\xcf\x04,\x83g\xdd\xe4\xc8\x9f\xee\xec\xbd\xa3\xd9\xbf\xe5\xe2\xe9\xcb\xcb\xab\xab\xb3l\xf6\xacVN\xe7r\xd2\xcd@ao\xe7`eJ\x1b\x03,\x85\xc3\xe1\x90\xe18iJ\x9bL\xb1\x06\xcf\x18\x88\xab\xe7\xfe$S\xda\xec\xd3K\xd9\xb3nCp]\xa59=8\x9d\xd4\xebr\xb9\x8b\xf8\x15\xc4\xe3\xd5\xd5%z\xbf\xba\xcc\xe5r\xd5\xc0\xea\xce\xce\xaa%\xbenb;XLG@\x16\xa8\x9ab\xa6\xd8\xa7\xfb\x86\x1f\xafP\xd0\xed\xa8\xcc7\xbb^J\xf2gM\xc1\xf5Y\xcd\xdeJ\x1e9\xb8\xf9-\x97\xbb\xbc\x82\xc6\x13E\xb5\xba\xff\x12\x13\x07\x1f\x0e\xdeic\x1e\x12\x07.\x1c/Xt\x0f\x87\x99\xfbf\x9cWS(\x9d\xf3\x17/X\x86\xa0\xda\xc4\xd4\xd0h\x05\x18\xfe\x8e\x9f\x0fonn\x9e\x9fo\xb2\xd9\xe7\x1b(\xaa\xe0\xa2epou\xf5t\xef\x9dq\xdd\xc3g\xb1I\xa6HZX\xb8\xc8\xcc7\xe92\x17\x85\xba\xfb\xe5\xffX\xcbj\x03\xdf\x9d\x94\x16\n\xd2\x9b\xbb\xe7\xaf\xf5H\xa5\xbe~\xbdK\xdd\xdd}*\xe9Ww\x06\xa7\xa6\xa6\x02*\xc0b2\x99\xb8^\xf7\xad\xf4q\xbb\xb3Yw\x05)=\x1fuz6\x89V\xe22\xd4-O\xd0C\x8a\xa4\xe9Z\xed\xf9\xee.\x85\xc0\xee\xefS\xa9\xd4\xdda\xc9&gt;\x01\xeb\xd0H\xf2\x83j\x03\x07=\x02\xb6_|i\xea\x05F\xea\x9f%;\x9b\x0fj9\xd5\xd69\xabZ\xad.&amp;m\xd5J.\x1d\xab\xfd}ww\xf7\xdf\xaf\xa9\xe7\xe7\xe3X\xdc\x08M\x1f\xdb\x04\xd4V5Tv!S\xfb\xad\x94\xd9m\xe6\xe5\x1f\xea\x7f&gt;\xebP\xd92\xa0\xa3\x15k\xbfR\xad\xf6\x97\xb96[2]\xae\x9de!\xc3\xb2\xb5Z\xba\xba\x8f\xc3\x06\xe9\x0e\xa2o\xf8\xe5]r\x1e\xd3\xa8\xfb2\xdf\xc4;6/-\x8eV\xc8ww;\xfdJ\xd8\x15\xadm\x84\x1f6\xbf"\x94\xac\xec\xd9\xe3Y=\xael\x95J\xe5\xb2\xecd(\xfb\xdb\x94\xed#r\x8eBd,5\xfb&amp;\x1eu\xfb\xd0\xc8\x12\xca\xbb\xdb\xeb?;4\xa4\x0cA\xab@d\xff\t\x90\xeb\xe6\xec\xf1\n\x8a\xeb\x99\x9f\xd1\x81\x1eZ\x8e\xd0\x85l\xed\xc5\xe7\xdd\xe6\x8a\x05\x9bc&amp;\xce\xe2\x01\xd6\xabV\xc0\x1a\x1bkC}\xa0\xb7X\xab!\xa4\x17\x1f\x81\xeb\xea\xf1\x8c`0Z\xc6}#]#&lt;\xa6\xf6\xe2c\xb3\xaf-R\xa8\'\x0fL\x07p\t\x9c\x8c\xfe\xfe\xb6z(\x19\x06\x95Q\x97\x8bCu\xcf\x95\xd3\xc9$\xe6\x85\xf1\x95\xc1hmw\xf9\xe8r&gt;[\xaa-59\xb3PI\xdd=\x94:x\x1cH\xfa\xdf\x7fg0^\xbfF\x8a\xbd6\xe9\xb4\xfa\xcdzH\xab\x15\x1b\xe6\'\x94\xd0\xb6:\xbbG\xe8t&gt;\xa9\xb5\xeb\xbe\xec6\xfd\xee)\xa5\xe7\xb3]\xe6\xe0\xf1\xdd\x06\x03\x901\x00kn\xce\xban\xd2\xd97\xfb,S\x96MQ5)(\x12\xca\xd7J\xa0\x92s8t\x92m\xd7\xeb2\xcd\xbfz\n\xc9e\xd7D\x1dlt\xa6(p\xa2*077\xf7\xf7\xb1\xc9(\xd5[, V\xb2\xa8\x06s_w\xf8\xd1\xa1\x8b\x90d3\xf5\x9b\x17\'\xff\xe3\xe5\xdcc\x9a\xce\xb28\xbee\xba-]ZHmm\x9b\x92`_PRh\r\xcd\x94%\x94G\xa5\x14\x98V\x90?\x80\xd2\xe1=\xe0\xa4 \xd3"\xe0\x1fP@\xcacA\tZ#\x19\x1a\x08"\x9d\x8dk\x1c\x95\x18\x8bD\xa36\xbc\xa4+Q\xb3\xbaq\xd1dtebp\x1dq0\x90\xddd2\t{\xce\xadff\x93\x9d\xdd\x9dY\xe9!\xa1\xa1I\x9b\x0f\xdfs\xee\xb9\xf7\xfc\xee\xb9w\xbb}HJ\xec\xe2\xa6\x95QX\xad\xc8z\x94\xad\xfd\x00\xf6\xe9\xef\xfe\xfc\x97\xcf\xfb\xabrJ\x12\xa7_\xdc8\xf38\xefSp+\xcf\xd8\\\x1e\'\x13\xcbdP\xb7&amp;?\xe9\x0bB\xffp\xc4\x83{\xe6[+\xb0J\x15B\xb2\xaf\xaa\xaaj\xfd\x1c,\xaf\xbf\xb5\xf5L\xdc\xd7\xb5g\xce&lt;\xee\xcc\x82Q\xc0s\xb5\xe6\xc8\x84\x89\xb8\xc77\x90{o2\x18X}o\xb8+\xb7n\x99S\xb8\x89\xc2\xca\x9c\xd3\xa7\xabN\x9d\xaajm\xee\xef\xcf\xfb\xe6.\xd4a\x8f\xef\xde\xed\x04/\n\x9a\xcb+\xeb\xb8\\n\x97\xc3\x9c\x9f{\xef|0\xb0^\xdeIM\x19\xbb2fv8\xf6\xd7\x15\x14\x14\x14?yR\x1c\xd7\xa2\xbc\xdb\xff\r\xd8\xa9\xc7UW\xafb\x13cOe]r\xae\xc3an\xca\xcfO\xfe{0\xba\xe6\xb1\x94\xe5\x9a\xc7\xae\xe0\xbek2T\x15\xb9\xc9d\x875\'\xe7t\xd5\xd5\xd3\xc5\xc5\x95\x05\xa9\xa9\x05\x05\xa9\x89@5`67\x8d]i\xaa\xfbv(\x18\xbd\xd6\x93\xcb\x95\x89]\xc05\x96\x9f\xdfh\xd7h4\xf6F;x\xb4\xac\xac\xac\x0e\x92Dr2\x14\x19\xe4\x1c\xcb@\xa3\xdd\x9e\x0fe\x91#\x18\xf9\x01\xec\xfc\xb2L(\xec\x82:\xf5av\xf6\xd1\xd2Rlj\xd6466\x0e4\xa2\xd9\xed\xf6\xd8X\x8d\x1dq5\x9a\xf1\x87\x0f\xc7\xcc\xdc\'\xdf\x06\x05khY\xa6\x97%9\xa0j\xbdya\x18\xdb\xab\xeb\xebc\t\x05\xf6~\xbf"\xc7E\xc0bc\xb3o\xde\xbcy\xa5)\xa5\xac8xX\xeaT\xae\x83t,w\xa4\xa5\xa5\xe11\x82\xfa\xfa\x03xr\x05\xfb\xe5c\xc8\x01\x96\xfa\xa3\x17\xa0&amp;kJI\x12\xe6,\x07\tK\xad\x8f.\x11\x02\xd7\x85\x8e\xc8\xc8\x0e\xadV+!gUb\xa222\xa2$@$\x91H\xb4\xda\n(\xff\xc7\xcc]I\xc2\xd4\xe2\xe5 \xc5\x96\xe2x4\xcc*\xdc\x01\xcd0rEF\x02\x85\xe4\xadi\tSo$\xb6\xf2\xe6\x03U\x83&gt;Hj\x85\x9c_\xc6}\x1d5\xcc+\xb9\x9a\x8aH4moo\xaf6\xf0\x0b\xad\x17\xde\xea(\xcd\xce7\xa7$\x89\xc5\xe2`9\xf1-V\x89,\xb1\xac1\x1b\xfb\xe1\xd1\x80)\xf2G\xd6\x11\x15k\x1f\xe8J\xd2+\xd4\nq\xd0\xd4\xb2\x00Vt\x1c`\xe5\xda\xb3K\tXo\xe4\x8f\xa8`\x1c|\x1c\xdb\x98\x0b\x93\x93"::XX\xbf\n`\xf1\x01\x8b\x9b\x9c\xdbh\x8f-M#\x01\xf6\x03UZE\xfd\xab\x7f\xe4\xe23\x14u\xb4B\xaf\x0f\x12\xd6K\x18\x89\n~-?Z!\xe4\xa68\x1c\x03\xf6\xf1\x9b\xa5\x15ix\xec\xa2\x03m\xb84[c\x1f@\xad\x80*Z-\x16V\xde\t\xcaI\xb2\x97w\xd4b\x05_\x07\\\xe2\xf4\xd1\x94\xae\xfd\x0es\xa3&amp;\xb6\xfeh\xa9{\xf8\xc2\xf0QH\xf10\x1b\xc1D\x89G\x0f\x02X9\xc1\xc3R\xf3\xe5r]\xb4\xd8\x99\x9e\x9e\xc4\xc5N\x1f\xec\xf3\x81\xb9\xf0\xedt\xb8?9\x99\x9b(+\x8153H*\x0b\x1a\x96B\x1c\xad\x93\xc7\xcbu\x8a\xe3z}CCb*,\xbbr\xb0\xc3\xad\xb2\xb2\xa0\xae\xae\x8c\x8b\xa0eBu\x1c\x1f\xcc\x02!\x1f$\xac?\xc9\x00+^\x15/\xe5[\x8eC^\x92\x95\xe4\xe0"\xb5\xb5\xb5\xaa\n\n3\xc8\xb3`\x10Xq:\x9d\x0e\xd5\xd2\x07\'\xb6B\xfa\xde\x88\xc5\x16\xa9\n[7\xf9\n\x85BV\x12\x97S\xde\xda\x9f\x97\x97\xd7\xdf\xdfZ\xde\xd2\x13W\xa2\x96\xc9\xc4bu\x8fN*=t\x88_\xa3/\xb8\x13\x8c\xd5\xe9\xae\x07\xa7\xf4\xc7\x01\x8b\xc3\xe1\xa8\xaa-\n\xb5\x1a\x96\xf4J\x17yR\x92\xd7\xdf\xdc\xd2\xa2\x8bSC\x0eU\xc4\xe9p\xc7\x1f\xb0\xc4/\xde\x04a-\x0f\xd94\xa7\x81`19\x1cp\xa3\x85\x0fTKX0\x16\x89\x04\xaef\x95T\xc7\x87BL\x81\xa7mT*\xe0:\xacxq\xea\xe5\xb6\x17d!\t#\xf7\x84\xe9\x01,\xa6\xcd$\xad\xb6T\xebT\xcd.\x1b\xaf\xa8H\xc4c\xb3\\\x1c\xc2\x05C\x10\xe54\x99&gt;\xf9\xed\xa1\x9a\xe9\x1b\x97\xb7;\x9fF$\\\x9f\xc8MG\xb58L\x1b\xdb\xc8\xb4VWWKU.\xb6\x91\'"X\xac\xf6v\xa5\x1c\x06`m&lt;`\xb3X\x01\xac\xd4{\xd7\xb67\xe8#\x86.O\xc4\x8e\x8d\x12,\x1b\x9bg\xb4Y\xa5\x04\xcb\xc8\xe3\xf1D"\x9e\x00\xb8:\xdb\xe3\xe5\xfcZy&lt;\x87\xc5b\xdbNX\x0f\x1d\xae\x99N&lt;\xfb\xfd\xb5\xed\x8c\xfa\x88\xf3\x97od\x0f\x07\xb0\x986#`\x99\xac\x04\x0b\xa1D\xa2,\xb2\x8d\xd7\xa9\x94\xd7\xd6\xca\x95L\x16\x9bmc~"\xe7\xd7L\'\xfdq\xfc\xec6\xea\x05Z=]\xf7d7\xed#Xl\x9e\x88gc\xaa@.\x95K\x04.\xdc!\xca\x02+\x04\xacx\xb9&lt;^\tTl6\x13s\x88s5\xc5\xe7\xf9\xferB\xc46=\xfd\x06\xaa\xad\x19\xcf\xb8y\x1f\x86&lt;\xd3\xc8+\x02\xb98V\xc4"b!V^V\xe1]\xa5\\\x8eOm\x8cF6\x8b\xa9\xd2E+\xa6WG7}\x9b\x7f\xdd\x16.\xbc6\xe0\xda\xd3\xad\xa9\x19O\xbec_\xba\x9e\xa8\x05X\xe0\xc6\xeaj++\x80%\xca\xda\xb3\'+ V{gV\x1b\x8c\x80fU\x8fZ\xec\\]\xdb\\\x9cY\x7f\xfa\xb7\xc9\xf7\xce\x15\xf2\xe1\xe4\xc8\xfc\xd9\xcd\xad)\xaf\xbf\t\xd4\xd2+\x02X&lt;\x9e\x11\xe4\xb22\xf1\xf1\xdb\x9e\x1d{\xc0\xf2:\x95:\x9d\\\xd9Y\xf8\x87\xb6B\xc0*\xefQ7$\x11,\xe0\xba3\xf7~w1"&gt;\x9c\xbb\xfd\xd5\xb9W\xbe\x99\xa9\xd7\xde\xc5[+\x04\x8b\xc32\xb6\xb5\xb5\xf1x6\xd3\xef\xad\x1c\xc0*\xda\xb1\x03\xb8D\x82f\x95N\x17\xdf,\xc8\x02,V\xb3\xb2\xbcG\xd6\x90\xe4\\[\x9c\xf1z\xbd\xebg\xe7G\xe6\xde\xdf\xbe\x1d\xb8od\xfe\\\xb7A\xe2\x01\xac\xa9\x99\x95}\x88\xa5\xc3n\xa46Q\x11\x8fm\xb2ZM\xe4qe\x11\xa6\x08\xd7\x92T\nCS\x90\xd5\xf6\xe51\x82\xa5\x16\xa6\xaf"\xd6\x94wf\xfc\xe2}\x02\x16\xf2^b*\xa1oa\xe2"}\xd0\xa0E\xac\xd73k\xa3\xa3N\xc0\xfa\x82\xc92\xf2@-6\xc7j\xb5r\\l\x01xT p\xc1\xd8\x83\xfc\xce\xe6e\xb5\x15\x1ec\xb5\x07\xb0\xd6\x08\x16\x84eLf\xf79\x00\x1b\xfa\x7f\xc9B"v\r\xf5\xdd\x9e\xb8x`6\x06\xb0.!\x96w}m\xd5\t!\xaflg!\x07\x8c6\xd3gV\x13\xa4t6\xfc\x81cO*\xb5\x02\x16\xaf\xb0\xb0\x10\x9b\xb8\x0e\xd58GG\xd7\xfc3SSS^OT(\x9d\xd1\x8d\x17X\xcc\r\xfd\xf2m\xa9\x90\x90\x88\x84\xb9\xeb\x0b\xf7\xbb3\xe9\xb3\xb3\x19\xcf\x1e=\xbb\xe4G\xacE\xc0:n\xd1\xe1\xb1W\x88x\xc8\x02\'L&amp;\x15r\x05\x0c\xc4S1\xd9\x02\xe3\x97\x85\x9d\xcdJ\x9c{\x9c\xe9\xab\x9b \xd6k\x82\x15J\xa1\x86\x05\xae\xd6\x98\xfbe\xf7\xa4\x10\xefA\xa0w\xef~4Hs\xcff\x0c\x1a\x00\xcbK\xb0\x9c\x80\xc5\x97\xa2\xe3\x04\x82w\\0q\x83\x01\x1cG\x85[\tl6\x86Vy\xbc\xfcp\x8d\xd3\xb9\n&gt;|\rQ\xe9\xc9\x00,\x1a\x95\xc6\xc8$d}\t?\xfb6\x12\xbcqeda\xe2\xf9\xc5L\xba\xe1\xd1\xe0^\xf7l\xcc\xee\x7f\xc5\x82I\xd1\x85\x87\x95\xc1Xx\xfa\x89\tj1\xf1\x95\x83T\x02#`1\x976Zt\xb0\x0c\x04,/\xfa\xd0\xef\xa6\x85R)4J8%\x94\x0e\x92=\x9f\x98\x1f\x99\xfc9\x19\x03u\x1aY\xf8\xea\xfe\xf3\xee\xccP\xca\xee\xc1g\x04\x8bbx\xe6\xf6\xc3\xd7#\x16PY`5\x03\xb35\xdbH\x929\x13\xa9\xf0\x05\xd6\x86&amp;\x18\xa3\x04\xcb\xb5\xb4\xb1\x01X\xd3\xd3\xeb\x01,\x9f[B\xa5R(\x94p\x1a\x83\xc1\xa0gff\xc2\xc0\xbc=\xf7?\xb6M\xe1u9\x0fn#S\x18\x9d\x11J\xa5I$\xbd\x12\xc4\xa2\x19\x0cn\xff\xcc\xd6\xd6\xa2\x7f\xc5\xa9\xb0X\xaa\x97\\\xcc%\x9b\r\x167o\xb1\x98\x84\x8a\x08\x86\xd3\xe1\xb1\x93\x04\xab\x05\xb0V\xd7\xe1cS[3&gt;w8bQ\x7fC\xc3+-\xc2\xc0\xc0\x97\x00\xf6\xdfSY\xc8;\xe7u\x87\x85\xd1\xa9\xe1\xe1\xf0\x05\x12m\xaf\xe4\xa0{v\x96b0\x94\xfa\x16\xbd^\xbfolTm\xb1l\xb8\\K\x1c\xc02\xb2q\xf8\x05"\x8b\xc4\x16\xea\x06o\x9d8y\x92`\xd5~=\x8d\xe9ak\xcb\xbb\xe8\x9b\x1d\x04\'RBi\xa0\x18\xb813\x0c\x04\x0b\xc3\x8c1\xf9\x9fc\x8c\xdc+\x04Q~\xb1\x9b\n\x06\x9f\x0c\x0b\xa5dd\x0cj%\x07\xf7\xce\x861\x8e\x18\xa2&lt;~\xbf\xdfs\xe9\xe1\xbe\xb8\x1e\x8b\xca\xb5\xb4dc\x82Zl\\\xfbq0\xa8\xc8\x0fj\x16\xc0\xb2\xbd\xc3\xda\xf4\xf9\xfc\x8b\x8b~\x9fg\x96\xc2\x80\x91\x08Xt:\x95\x16Na\x84\x116p\xe5\xf5\x9f\xbe\x8a\x87\xa4\x83\x91yp\x1e#\x94A\xc1\x7f\x0b\x8cF\xa3\xe1#\xab\x83{\xe9\x8c#G\x0c\x12\xb7\xc7\xe7\xbb\x946\xdc\x04XK\x80\xf5\x1d\xaae\x14\xe0\xc1\xba\x1f,\xe0D\x16\xeb\x84m\tB\x1e\xb0\x92\x9a.y\xe0s&gt;w\xcc\x81P:`Qi\x14*\x83\xdc\x02B\xeeK\xa1\xc3\xb0\xbc\xbf\xd0\xf7\x13;\xd9!\xbb\x86\x1e,L\x9c\x83\x91\x07\x9f\xa4\x04\x8c\xbc\x0eJzwJhT\xea\x11\x83\xe1\xa3\x83n\xb0\xb4\x8a\xb1\xb2\x9e\x9e\r\x17\x14\x14$\xb6x\xb0\xfc{\x17\xf4\x81WL\xac\xac\xcf@-U\xfc\x17g^\xec\xd7\x94\xa6U\xb8g\xdd{\xa3 \xd0\x19\xf0\x9d\xf0e\x0c\xf0\x04\x1d\xa3+\x8c\x0e\x8ae\xe2U&lt;s\xff\xa6\t\x0e\xe6\xe2\x91\xf9\x00T(\x95\xfa\x0e\x8b\xd8\xe0\xce\xde\x9d\xbf\xa6\xd1&gt;0\x00\xd6N\xe0\xda\xab\xad\x18O\xae\xdc(\xef\xdfS\xf4\x1d\xc8\xf5\xcf.\xce\'\xb4\x8d3\r\xe3\x12\xdf\xccx\xf4\xb9;;+:\xc6\x0b\xda\xc1\xcc\xc1xN2\xb49\xd8n\x05\x12\xfe\xa72\x11\x8b\xdc\xaa9(UzX\r\xe4b&amp;\x94\x8d6\xdb]\x16\x82\x1dK\xa9`\xf1A\x12{p\xbd\x06\xd1j\x0f\x01\x1d\xba\x18v\x93\xb8i \xa1\x81@\x83\xbbK\xb6\x94\xae\xa1\xc9\xa9\x05\xd7k\x07v\x0f\xa1\xcf\xfb\xceH\xee\xf6U,\x0b\xd9\x99\xfc\xf4\xbc\xcf\xf7\xbc\x9fp\xfc\x81*\x99]\xa4|\'(\x0e\xd4\xf1q\xda=\xbf\xf0\xe0\xc1\x83w~\xf7\xdf\xafn\xceN\xd9ss\x9e\xe79M\xd2\x07mP\xe8d\x99\xc4\x90\n\x0f\x00\xf6\x97/?\xbd\xf6\xa3\x99\xc4\x1b\x84G7\xb0\xf4\x18\x8a\xb8\x18M\x8395\xc7Z\xcb\xab\xaa\xba\xc0XV\x80\xcbW\x96\xae\xbf\xfe\x9f+\xc0*\x8d\xfd\xef\xb5\xd7\xc6h\xe7\xb0H\xfaP\xc1j\xe3c\x8b\x8b\xf4f\x03T\x7fx\xf8\xef\xafn\x9e\xa5cI,\xcbR\x9bq=Ay\x1a\'\xe3\x12"\x1f.CE\x807\x1e}\xf9\xff\x8b\x926\x08\x88\xa8Q\x1d\x18\xb4\x80\xe3i%\xa2\xa2\xca\xe7\xf3\x07\xf8\xc8\x13\x16\xb8,\xb3i7V\xcf/\xe3mti\x06`\x10\xcb\xaf&amp;\'&amp;B\xbd\x18\n\xdbg`\xbd\xf0\xc7\x8d\x8d\x87_|q\xf3\xc3o@\xf58\xbf\x967\x85\xa6!M\xb1\xbc\tLO\xb0\xb5\xe8\xe8\x1b&amp;\xd3\x91\x16\x8f\x9e\xfd}\x98\xaf?}\xf9\x1a\xc6\xde\x08\xbd\x10=\x1dZJ\x19\xf8\xbd\xa99\xaae\x91X\xf9\x85T\x8a\xb8\xf2\x96j8\xe5\xa9\xb3\x17\xb6\xba\x85\t\x1f\\\xa5\x92\xefG\\?\xc1m\x1cP\xf4\x032`\x8d\x17\n\xdd\x7f\xdd\xfc\xf0\xfd\x1cQ\xa1Ru\xf0h\x86\xaa\x1a\x1a\xf51\xc2\x81\xdd\xf8\xf3\xfc\x08%?M\xa4P\xb0O\xfe\xf4\xe7\x1b\xf3:O\x05}d\xe8\xa8P)\xbc4\x95\xe4WA#\xa4\xd4\xa4J\\\x8e]^\xbd\xf8v\xb7\x90\xf5\x8b\xc4\xe5\xaf\xaf\xaf\xfbI(\x84\tI\xe2%}\xc2\xfa\xd9\x1bo\xb4Z[\xe7\xae/uTb\xca\x9bR\x08Ea,\x16\x8b\xd7\xe1\xa0\x89\xe4\xfb\x11\n$J\xb1\xf0\xd7\x0f\xee&gt;\xbaJa\x92\xa0D\xd7~\x84e\x84X\x96\xb5\xb6fA{\xad)U\xb6\x97=u\xf6\xdcV\xab\xba\xceXE`\xad\x17\xfd\xe4\xa0|\xfaq\xff\xf8\xf8\x07\xd5j\xf7\xdc\xa5F\xc6#\xac\x94\xeb\xbaB\xd0\x15U\xc8\xad)\xa7jE\xd6b28\x1f\x82}\xca[\xeb\'\xf3z:M\xe1\x0b0^y\xb81\x93\x03(C3\x02+\x00\xd5\x9a\x15h\x9a\xa7i\xd2\x0c\x02p\x95\xcf\xcc.w\xabU\xea\xa2\x1fb\x15\x8b\xbeOwI\x9f\xee\xf0\x1e\xe8\x83j\xf7\xc2j\xd9\xb6\x1d\xc3L\x99\xae{\xc7uS\x90\x9d\xc57B\xb9\x12C\xb2Q\x8e\x0b\x18i\x9eB\xec.\xfdG\xff\xf9\x04\xb0h\x05\xeat7\x10*\x07W\x91\x0b\x84\xa2\x05\x01\xab\x05\x18\xcf34\xa9y^\xe0U\xca\xbf&lt;\xffv+\x9b,EXE\xaa\xcd\xe2\xe6f\xd1\xc7\'\x9fv\xf5_?|u\xb5\xec8\xa0B\xb9T\xe6\xda\x9a\xca\x05s\x85)\xa1\x9f*F\r\xe5\xc8\xb8z\xf5\xc9\xddk/\xc7\xd2a\xe9u*r;\x9d+\x04\x82\x80\n\x17\xc3\x839\x92\x0b\xd9EXt}#gg\x1a\xd7/l\x10\xd6\x0cX6I\xaf\xf5M\xaei\xa0m\xfa\xd5\xd6\xdf\xb6.\x12\x15\xacDT\x065\xd1\xb4\x98\xc9P\xa9\x0b\xec\x9bD\xa4\xd8\xe8\xc0`\xc0\xc2\xc7\x93g\x9f\xc4\xe8\x04\xa6\\:\xcdTu]\xcf\xd9\x93\x9dF\xa3\xd1\xe9\xf7;\x1d~\x8d\xc4w\x90\x7f\x1a\x9a\x8b\x9fqEB\xf1*\xef\xbf\xf8Va\xa2433\xbdy\xf9\xf2\xe6\x00\xeb\xd7\xd3\xd3\x97/\x17\x8b\xeb\xd5\xd6\xd6\xe7\xdfL:\xd8-0V\xe0\x06\xa4\x99*\x0cK\x8dK\x8b\x05c,L\xa3\x10*\x11\xa5\x17\x83\xcd?y\x16S\x9ai\xca\xb9\xb8L\x81j\xb2\xd3\xc1\xfc\xba\x7f||\x8c\xc9\n.\\*\x08\x1cm!\xff\xf4\xe9\x9aAK\xc0\xd5\x84\xa8\xd7\x85\xe6e\x1a\x97^\xbdR\xc8&amp;\xa1\x16\xfd\x16\'\xb5qz\x9a\x8e\xf2(\xbe\xf4R\xb2\xba\xbf5;5\xe9\x18\x8a.\xcc\xb0\x02\x93X\x84ji\t\x8d\x96\xb6!\x95P+\xfdN\x94\x13Q\x0f\xa9\x8d\xf3\x89\xab1%\xdel\xc6\xd3i\r\xfc9\xaf\xbd\xf3\xd7\xe3\xc3\xa3\xa3\x93\x93\x93#\xec`1\x9c\xfe\xe4\x00\x00\x03\x9fIDAT\xfa\xce\xc1\xe3\xc7&amp;%&lt;\x16\x93Jj\xc1[R\xd6\xeb\xa6\x91\xf32\xb7\xde|\xfdJ\xb6\x9a,\x15\xa1\x16A\x15\xf9\x10\x8d\x19X\xed\x9f\xad\xe5\xdf.\xd9\x1e\xad8iJ\x98\x0bH\x01\xccn\xa8k\x962b\xc0\xa8\xe0\x8a\'\xe8\x80\xb3\xc4 VA\x15\xce\xa3\xbaB\xc6\x8f\xb1\xcd\x9bN3\x07\xa5\xfa\xb7\xef\x1d\x9e&lt;\xef\xed\xa2z\xcf\x8f\xee\xedd\x80\x9529w\xf2\x82\xe2\x02T\x0b\x08VS\xea\xb9Lf\t\xf6je\'&amp; \x12\x1d\xe3AP?\x9f)\xfa\xad\xfd\xfd\xedK\xed\xb2\x8d\xe5\x86\xac\x93\x92\xa9P&amp;\xf9J\xe8\x8a\xc5I(E8\x1a\xf5;\xcc\xc5j%pC\x0b\xb1\xfb\x1c\x89)\x88\xf7\xfa\xc1\x01,\x85\xee\x1d\x1e\x11\xd4\n\xaa\xd6;9:\xfeG{\xee\xa0\x9eZ\x08\xf3\xd00&lt;\x83\xa8\x16R\xd2D2:\x99\xca\xd2\xd9s]p\x95f~P\xd5\xea\xfeg\x17W\x1be\x1b\xa6f*i2\x11,\x86\xc8\x8a\x0b\nB\xea\xa7\x94\n\xcf_=:|\x8d\xe2&gt;,E\x81f1\xc4B\xbdn8v\x1bR\x01\xaa\xc7P\x84\x05\xaeo\xef\xef\xb4s\x86\x8a\xe0\xe1\x97\x8ak1\x96\xa0\x7f\x0f\xc1\x86T\xdd\xee\xb6\x92\xc9\x12\x9d\xf8\xf3\x0b0!J\xf7\xf7\xbf\xbbx\xa6R\x99\xcc\xc1\x84T\xa4\x96I\xb67`w\xa1`eZ\xfc\xc7\x80\\a\x85\\\x10l4\xe2\xd2\xd0\xcd\x98\xebb,4C\xaa\x93^\xa4\x15\xb0j\xbd\xe7p\xd8=\xecF=/\x17\xce\xb2\x88\x8b\xb0L\x13\x7f\xc9q\xa6f\xb7\xbbU\xc2\xa2*%\x93\xd0j\xeb\xf3)\xcaPl\x85\xa8\x8b\xf4\x9d\\\x90\x0bX\x82\x89\xd4\xb0\x8bq\xd2K\x8f\x02\x8c\xc5\x1a\xa9\'\xea\xd8\xac\x93ZX\xf0)\x99+\xb7wX\xab!\x16q\xf5`\xb0Cp\xf5;9\xdbA\xbc\x9a\xc0J-pgRT\x0b\xaa=5\xbb\\\xa8&amp;\xf9\\\xa4wK\xd9V\xeb\xb3\xed\xd9F&amp;\xa7\x1b\x16\xd8\xe1\x1ee\x80\x05\xbd$\xc2B2\x96\xc9\xf7\x9a\x18\x88\xa5\x0f"\x8c\n\xd9\t{\x11\x964\xec\xf6\xce\xfdC\xd6\xaaW#\xb0\x1a\xa8v\xf1\x08\x9d&lt;\xbcw\xbb\xdf\xefg\xe6\xe604\x80\x85\xabK\xd5\xc4jd\xae\xb9\xcc\x14\xe2+\x94\xeb\xdd\xc5l\xab\xbb|\x1dTJ\\\x88\x94\xd0\xd0&amp;R+\xb4=\x18 \x15\xd6\r\x8d\x7f^\x01\xe8\xb2\x12\xfa\x9e\xb0B2\xa8\x85\x11\x88!\x18K\xb8.\x86I\xff\x94\x8a\x80\xa8vk++{h\xe5\xd1\xc7\xb7w\xfa\xed\xdf\x13\x97\x94\xc2r\xc9\xc9\xa9\xa8\x0c\xec\t\x7f\xf5\x16\xe2\xeb\xbd\x99\xf7\xc6\n-J\xf6\x8a\xdd\x14\x00N\xe1\xbb\xd8Z@\x92\xe1c\xc220,$\xbd&lt;(\x87\'\xa3!\xa4\x0c\x0e\x1d\x84\xe1\x05v\xd4\xba\x12K(\xc0\xea\xdc&gt;F\x0bk\xd4;\x16\x8bj/\xac\xddZ\xef#42\x93\x99\xc3+\x14.\r\xa4S\xac8\xad\xc7W~\xd3\xca\x8eM\xf8\xd5\x8d\xe5\xd93D\xa5\x89\x14\xb4\x8cP\x98l\xf0@\xe8\xb4\x8b\xd0\xb0\xb5\xd1\x90\xadR\x95\xf1\xd0\\\x8c\xc5`u!\xe2#\xa3\xba\x0e\xb5&lt;\xaf\xbfsLv\xaf\xad\x0c}u\x8a\xb5\xb7W{\xfe\xd1\xc7t$\x94\x83\xe6\xb9\x18$\xaeq\xca\xd5\xb4+\xed[\xaf,\x17\xb2\xd9\xd6\xc6\x857o\xb5+\xb6\x8d\xe6\xd0W\x84\x04\x82\x08\x15\xc3\x1dy\xcb\x14\xa1\xe7y\xf5\xe0yZ\x8d\xbc\xa3\xc2{\x8e\xe8\x94F`)\xd8\xaa\xea1]\x01\x15\xb70\xa2\xda]\xd9%k\xd5\xf6j?\xe4\xc2\x1b\xb1\xb9@5C\xac!\x97\x8a\xa9]\xc1\xde~\xb9\xdb\xdd&gt;\x8f\xcd\x95M\xa7Q\x92\xb1R\x84BXR\x0c\xbb\xe9J\x13\xfb\xa4 `w\x01\x89\x9eV\xb8e\x8a&gt;\xa4\x92\xdcD\xfd{9\xa2\xdf\x96\xd6&lt;\x95k\x00\x00\x00\x00IEND\xaeB`\x82'</t>
        </is>
      </c>
      <c r="M227" s="3" t="n">
        <v>45492.67680555556</v>
      </c>
    </row>
    <row r="228">
      <c r="A228" t="n">
        <v>840219</v>
      </c>
      <c r="B228" t="n">
        <v>5981</v>
      </c>
      <c r="C228" t="inlineStr">
        <is>
          <t>Pedro</t>
        </is>
      </c>
      <c r="D228" t="inlineStr">
        <is>
          <t>Pedro</t>
        </is>
      </c>
      <c r="E228" t="inlineStr">
        <is>
          <t>CA</t>
        </is>
      </c>
      <c r="F228" t="inlineStr">
        <is>
          <t>ATA</t>
        </is>
      </c>
      <c r="G228" t="inlineStr">
        <is>
          <t>CA</t>
        </is>
      </c>
      <c r="H228" t="n">
        <v>186</v>
      </c>
      <c r="I228" t="n">
        <v>9</v>
      </c>
      <c r="J228" s="2" t="n">
        <v>35600</v>
      </c>
      <c r="K228" t="inlineStr">
        <is>
          <t>Right</t>
        </is>
      </c>
      <c r="L228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d277d42e-741c-44f7-9e82-aa0dbd4321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98\xce\xd4\x00\x00\x02\xfdPLTE\xfd\xfd\xfd\x1d\x16&amp;\x18\x14!\x16\x15%\x1a\x16$\x16\x13#\x1b\x18(\xfe\xfe\xfe\xff\xff\xff\x18\x17\'\x1d\x1b,\x1a\x1a+\x14\x11!\x13\x10\x1d\x19\x18*"\x1e/\x16\x12\x1f!\x1a+\x1b\x1c.\xdd\x98v\xcf|_\xfc\xfa\xfb\x1a\x13"\xd3\x80d\xcd\x80d%\x18"\xda\x91m\xda\x93q\xcdx\\\xcf\x86e+\x1a$4&amp;0\xc8{_;,61!*\xde\x9cz\x1b\x0f\x18D06\xe1\x9f{\x15\x0b\x13\xd6\x85h\xdd\x96q\xe0\x92v\xc8sY\xe1\xaa\xa1\xd4\x88m\xce\x8an\xdb\x98}\xcb\x82l+\x1f)\xc8|f@2?J:G\xd8\x93x \x13\x1d\xe0\xa4\x98\xc3w\\\xe2\x98{\xe4\x9c\x81\xf6\x05(\xe7\xb9\xb6\xd6\x8ej\xd0zd\xb3jZ\xd4\x8afbCA\xda\x99\x84\xb9nZ\xe1\x9bwJ6=\xc4pX\xe4\xa9\x9a\xe0\xa1\x91\xaecN\xdf\xa0\x81\xdb\x8bn\xbep[\xb4gRU&lt;@\xd6\x8ep\xea\xbd\xbd\xd2\x82j\xe5\xa5\x81\xbckU\x9fYGS@K\xc2uc\xe4\xae\xa6\x0b\x05\x0b\xd7\x82f\xe5\xab\x8b\xe5\xa6\x91\xfb\xf4\xf5\x86E7\x97cWzOF\xe3\xa2}\xe5\xa1\x88\xe5\xb2\xac&amp;#5E\x16(\x97QA\xc6\x80j\xce\x83s\xd1\x8aw\xc2zb\xdc\x9c\x8d\x8d[P\xde\x9c\x87\xe6\xb5\xb1\xe0\xa0\x8c\xf5\xf3\xf6mD=\xe1\xa5\x86\\K[\xbbta[:6,\x10\x1a\xde\x8frpKF\xd7\x92\x80\xc2kTT\x18,\xd3\x8f}\xa4dU\xe6\xa8\x86w=/\x81WP\xec\t-\xd9\x86l\xe8\xaf\x90\xd9\x8eu\\FP\xe1\x97v\xed\x148\xa8]K\xabqa\xda\xa1\x99v\r"D))\x91J&lt;;&amp;*\x8dRBODW\x85RF\x88\x10%\xf9\xec\xed\xcb\x8aw\x96\\L\x9f`O\xbczg\xdd\xd6\xde\xdc\x156\x10\r\x1a\xd0\x90w\xd0\n)\xa2k\\\xb4q^\xf5\x00\x07\xeb\xc4\xc5\xc2zlQ54\xee\xe9\xeemQU\xc9q`\xbafR\xdd\x08)7\x0e\x1ekYi\xadkZzF:A7Hf&lt;3\xe6\x03\x07\xc3\x86r\xc0\t"\xb4\x0e*\x8by\x8b;  `Rd\xb4wg\xe5\xe0\xe8\xe8\x07&amp;\x9eOAm4(\xaceYg\x11&amp;\xd7\x9b\x91\xf3\xc9\xcd\xd4\x96\x87\xc9\x199\xf5\xd8\xdc\xf5\xe4\xe4N-)\x99\x0b$\xa6\x12#\xc9\x91\x84\xeb\xb5\x99_,!x\x1b1X\x0b\x1dG\r\x1c\xde\xac\xa9\x99\x1f8\xb6\\Q\xaf\xa0\xaf\xda\xa5\x8b\xb9\x1f;\x86$;\xc3\xae\xb9\xc8\xa0\x9a0+?\xac\x82\x81\x99\x87\x99~m\x7f\xa2\x95\xa5\xbc\x87|\xce9F\xf5\x02\x1d\xaaSH\xcb\x9d\xa9xcq\xbb\x82m\xb7\xab\xbae!6\xbf\xb6\xc4\xabwm\xc4]I\xea6X\xa6B3\xc5e\\\x9eld\x87b`\xf2\xa4\xb4\xd6$D\xf6\x0c3\xeaTr\xedi\x83\xa1FK\xd2\xca\xd2\xcb\xc0\xc7\xee\xd4\xd3\xa8#&gt;\xb8N=\xea&amp;K\xf0\x91\xa5\x95po\x975,\xca\xbe\xd2\xd4\x01\x04\xbf\x93\x93\xed\x80\x97\xd3B^\xd5\xb3\xb5\xcfps\xc2\xfb\x1b\xd5\x00\x00 \x00IDATx\xda\xcc\x98AL\xdbX\x1a\xc7\xdd\xd3\xcbmw%\xb2`\x89\xb5\xb1\x15+\xd1P\xb6\x18\xbbiw5\x82M\x91\xd9\xa9\x1aR\xa1\xc8,\xd5H\x89\xd4\x03\x85M\xdb \x87\x0e[\x81\x84\x10&gt;\xb0B\x11H\xd3\x92\x0b\x91H\xb2\x95\x12QUJ!\x07\xb4\x9a\xc3H=\xad\x94C\xd5I\xd8K\x84\xe8e\xf7\x06\xa7\x15\xc7\xfd?\xdbq\x08m\xa7\xd0\xcej\xe7S\xe2\xd8N\xb0\x7f\xfc\xbf\xef\xfb\xbf\xf7\xcc0\x9f\x15^+\x98\x9fWx\x93\xf9J\xa5\x92\xcf\'\x93?\x1f4o\xb2\x92\xc9\x9c\x1cT\xf7k\xb5Z\xf5$\x93\x07\x1aa\xfe\xdfx\xde|%sX\xad\x95\x1bES\xd7\xcd\x9dby\xbfzpR\x81zI/\xb4\xfb\xfc\xeb\x13\x84\xbdu\xc3=d\xce~\xe5\x1cQ\xa5N\xaa\xb5z\xd10M]\x919\x91\xe7\x15}\xa7X\xaf\x9e\x1c\xec\x1f@\xc1\xa3\xbc\xd7\xbd\xb6{\x1dz\xec\xde\xcf\xda\xb1\x0e\xda \xdc\xd3\x8c\x07A\x88\xe7t\xb8\x87\xd8i\xff\xca:"$\x999\x00\x93\xa9\xab\x92\xa0\xa8\x8a\xe8\xf3\xfd\xda\xc7\xb2\xbc\xa2\x16\xcb\xf5\x9dF\xad\\,\x1fV\xacr#\xcd\xbf\xa2\xd7\xa1p\xce\xf5\xec\xdd\xe6\xd5(\x87{3\xe7\'\x8c\xe7\xa2A\xbc\xf9\x93ZQ\xd7$IU%^\x16\x05&gt;\x18\xf4\xf9\x83A\xca\xb5\x860\xd6T\xa3\xbe\x7fxrTI6og\xdf\xdd\xfe&lt;\xf5\xcf\x9e:\xd7.\x86\xa3\xd6\x05\xa9\x0e\xcb\x86&amp;\t\x92\xa4i\x9a\xc0\xcb,\xcb\xca\x1c\xde2/(\xdb\x10\x0f\x1be\xcd\xd8i\x00\r`T\x1a\xfag\xb6&gt;T\'\x0b\xeb\xec\xb93X\x0c\xf3IT\x8a\xc0#\x14I\x10,.\x11@\xea\xb6\x138G\x0f\xa1[\xb1\x86"#\xae\x1c\xee%&lt;\xef?$\x96\x94\xf6q{\xb1\x7f4&lt;\xc9\xca~C\x15dV\x16yA@\xb1S\x06\xd50\xd6\xf0\x82D;H!\xc4R\x14\r\xdb7\xfcv\xa3\x9a\x81`\xe4LG\x91\xf7\x1f2Vk\x90VS\x9c?\x92\x99\xda\x8e@\xd3\xc6\xdb\x81t\xad\xadm[,\xfc\x9b7\xca\xf6\xb6\n6\xd0A3E\x90e\xc1(\x1f\xe6\xff\xe7VF\x92Ge\x93\x07\x15\x87BBl\xab\xea\xb6\xf0F\x91\x05\xfeW\x97~\xc1^\xbat\x89:\x05M\x9fa\xa8\xbc\x08=%\xcdl\xecC\xb0O\xbc\xddGN7w\xbc\x99\xb2)\x892\x17\x0c"{\xaa\xaen+"\x8b}\xb8\x83\xcf\xffK\x9f\xcf\xef\x0f\xb2\xb4!\x15\x81\xb2)\xbc\xc8\xc1\xd14\xb3~\xd0\x14\x8c\x9c\xf3\xee\x17\xcb\xa17S3%\x9e\x92\xb0\x16\x96\xc2\xcb@\xf1\xe3M\x91\xfc\xf6\xae\x9f\x15i\x13\x00L\x178\xca%\xa9\x8dj\xc5\xfb\x13\xaa\xc50\xed\xb5W\xd97@\xc5Q\x8b\x92\xa0\x88\x00@J\x04&amp;\x9f\xb3\xe3\xf3O\xf8}\xc0\xc6/\x04\xdd0\xd1\x13\x94+R\xac\xdaz\x91O\xc4\xf81,\x92&lt;lH0(\x9f\x8fC\x01A)\x96\xda(\xa5A\xe6\xc0\x1a\xc4wH&amp;2\n*\xb4\x84f\xee\xe8\xa8zZaz\xe3u\xfe\xe2\xc99g\x13\x1e\x955\xceJ\x9aE\x05\xa5|\xe0\xc2\x9bK\xaf\xae\xae\xa6_Z[\x9a6\xcejTA\xd3M\x03\\\x9c,\xa4\xa5H\xe3\xe0\x82\x85o\x1b\x06\xe3\x0c\xcb\xd6\x8e\xfd\xd9\xb4\x10\xe7K\x94\xbb\xca\xf9\'&amp;&amp;\xfc\x1c\xa8\x04\xce\x12\x05[.\x9d\x0b\xcd\xcd\x85f\x11\xa1\xd0lNZM\xa7ENL\xa7%M\xb7\xb8Pg@\x95\n\xb5cX\xabsU\x869}K\xe2\x8c\xe1\xee\xdd\xdbT%\x1f\xce#^\xdeJMe)\xd5\x04\x87\x16D]\xc9\xb8\xb9(\xa6Ws\xa1xls3\x96X\\O$\x12\xeb\xf1\x99\xe7\xb3\xb3\xb9\xefWW%I\xd2U]7t\x91\xa5\xd9\xe6\xd2\x10\xac\xe2\xfd\x1c\xa7xo\xc3&amp;\xab\xa6\xec\xa3TAAU5MJ\x8biI\xca\xcd\x86\xe6\xe2\x89\xd8f6[ZX\xd8+\x95\xf6\x9e&gt;y\xd2D\xcbE"\x11(f\xe8\xbc@\x1b6\x98\xde)\x1f\x9c\xb7\xc0\x88\xfbq\xea\xd5~d\x7f\x8f\x14\n\x16\x95_\xd6\x80\x05-r9\x1b\xa9T\xcaf\xb3C\xc3C4J{\x0b\x88\xa7O\xd6\xe3\xf1\xb9\x99\xd0l$\x171\x8bE]\xe0iI\x06\xa5z\xf50\xc9\xb4.\xf9.\x07y\x17\xab\xfd\x97\x84\x9c\xf9Y\xf2\xd8\x08NXX\x98\xf0A\xac\x08\x98b\x9b+\xd9\x14bx85&gt;\x1e\x0e\x0f\x0f\x83moo\xa8TZ\xa0\xa2%\x16\x17\xe3\xa1\x90i\x14\r\x8d\xe7X\xeagf\xed \xe3\xfdh\xd3\x936X\xd2\xda!-,g\x97x+e\tb\xc1\rdA\x81R\xa1\xb9\xc5\xd8\xe6\xee\xc6\xc6\xf4\xf48"5&gt;=~\xfd:\x05\x1brD\x83j\x9b1\xd4[&lt;\x14\x89\x98\x18\x88X\xeag|q\xff8\xf9A\xb5\xec\xce{7\x89\xe4\x9d:o\x11&amp;\xab\x86L\xa5\nb\n#i\xb3s\xf1\xc5\xd8\xca\xc6\xe4\xc0\xc0\x00x(\xd3\xc0@O\xcf\xf5\x11\x97ke(\xbb\xb7\xb2B\x1b!&gt;\x1bAy\xa9|\x90rI\xf5\xd7\xc9\x1f\x1f\xdd\x98\xb3R\x91v\xeb$m\xa7\xbd\x99:\x15\x0b\xde\xa0\xa1\xdc!\x15\xa8\xb6@\x85\xd7t\x8f\x15\x83=\xdd\xbd\xbd#\xe1\xb0#\x19\xca-\xbb\x0b0pA/\xddTE\xea\xff\xac^\xcb\xb7\xa9\xf5\xbe\xe6"m\x06@\xa7\x88\xad\x92r\x15\xb5\xb1\x92\x07\x05\x91\x9aCP\xd1\xf5H\xc4\xd1\xaa\x1fbu\xe1=8\xd8\xd1\x01\xaan\xca5Bs\t\xac\xe1\xecnjcc\x17\\\x8bs\x94kG\xa5\xa3\xa7OhX\xc5u\xda!\xdf\xc9&amp;qW\x19\xa7\xb0\x88\x8b\xe5q\x96!\xf4T\xa5\xacS\'\xf5\x8b\xaa\x1e\t\xd1\x06,M\xf7\xf7wu\rt\xd9\xd1\x81\xe8\xb6\xb8zi.\xa3\xa3\xe0J\xa5\xb6\xb6\xb6\xc0\x95\xb0\xb8\x8aE\x81\x8e\x9ab\xe18\xf9!,B\xda*\x9bx\x9aF\xee\xee0\xf6\x1a\xc5=\x97&lt;*jA\xcb\xb2\x14`\xcd\xcc\xad/l\xf4\x8f\x8duA\xa5\xaeN;::-\xb2\xde\xee\x9e\x8e\xee\xde\xc7\xd1gQt\'\xb0\xb66v7\x13\x14+\xb2\xa3r\x18&lt;\x83\x91j\xfeLs\xb5\x8f*\x17\xc0\xf2\x90|\xd5\xca\xa1\x9f\xd74\x18\xc3\xcc\xfaB\xaa\xbfol\x0c,\x88;\x81;t\x8b\x8d\xa5\x18\xa5\xeb\x1dy\x1c\r\x0f\x87\xc7)\xd7\xd6\xee\x82%W\xc4Td\x0c\xf2R\xad\xe2=7\x16\xe3by\xc8Y,z\x1a\x93?\x0e\x15\xcf*j$T\x98\x8bS\xad\xfa\x02\x16\x13\x05B\x04\xee\x04\x026V7\xd5ldd$\x1a\r\xc396\xb6^l\xed\xc6h\xd5k\xc5\x9dm9\xe8\x13Q\\\xe4l\x12?\x80\xd5Z\x13y\xec\x95\x90\xb3\x9clb1\x99\x86\xc6\xfb\xe0\xef\x8a\x1a*\xc4\xe7\x12\xd9\xfe\xbe\xbe\xbe\xb1\x00\x8d\xce\xce@\xc0\x06\x83h\x94\xa9\xc3\xaa0p\x85\xc3\xd4\xcf\xb6&amp;\'\xb7J\xeb3\x11\xf8}q\r\xb3C\x0e\xc5u^,\xbahk\xae\x7f-,w\xe1\xc6X\xcb#\xefQC\x02\x16*\x0b\xde0\x13\x8fmP\xac@`\xa9\x8f\x82\xfd!\xe0\xc4\x1d[\xae^\x9b*\n\xb9\xc2\xe1\xd4\xf4\xe4\xbd{[\x9b\xf1\xd9\\$m\x180{V?Hz\x98V&amp;\xc8\x99\xec\xb4\xd7\x96\xbd2s\x96\xe5\xad\x95\xa4So\xde\xe3\xa2\x84\xda\x92\x15ZZ\xa1\xf5\x85\xc91\x0b+@\xdf\x9d.\x94S\xf4`zL\xa1F\x9fE\xc3\xa9\xf0\xf8\xe4\xbd\xa9o7b3\xb9\x88\xa4\x1b\xdb\x1c\xc7\n\xfb\xf9\xa6Z\xd6-\x1d0\x8f\xf3\x18\x82\xa22m\xcb\xd7S\x8bJ\x86\xb4\xce\xe17\x18\x0f%\xd9\xef\x17\xe0\xa4\x982\xac\x97&amp;A\xf5\x1b\x9a&gt;\xe4\xd02\x07\xda\x89\x9d\xb6T#\x8f\x1fG)\x14\x02r\rS\xac\xa9{\x1b\t\xcc\'0\xfd\xa2S\xe8z\xc5Yp\x12W\t\xe76\xa4\xb9|\xa5/\xe6=\x0fE\x18\xd2v\x98\xafbP\xf3\xb1\x82\x1a\xd1r\xb9\x99D\xf6\xb7\xcb}h\xc3\x0e\x1b\xaa\xbb\xc7j?\xcb\xba(U4\xfal\xf4\x19\xa0n\x8e\x8eb\xec\x1e\xef\xbf75??\xbfb\xf5\xa2\x8ay\xab\\\xc80\xee\xaa\xbe\xed\x11\xc5\xe9\x870g\x9f\xd8\x10\xf2\xee!\xc9\xd4Q\x15A\xcc\x945L\xb0\xe6b\x93\xb7\x97\xd1\x87]\x10\x08F\xda\xd3\xd1A\r\xbei\rt\x00\x8aF\x87G\x87n\xde\x1c\x1d\xb2\xb0\xa6\xe6\xffr\xe3\xcf\xaf\x16Ct\xc4\xa6\xd3\xd4\xc2\x91\xf7\xcc\xe5\xdb\x95\xf0\xb4\xaa\x9a4\xdd\xc1Q\xd2\xf9t\xd4e\x8e\r\x8e\x15!\x96\x8aY\xd6l|e\xea\xea\xd5\xdbc\x9d]\x9d\x96\xbd\x0fv\xd9J\xf5\xf6vt:N\x8f.\xb4Gl`\xa5\xfa\xa7@u\xed\xafo\x0b9\xb3\xa8\xcb\xac\x98.R\xacf\x1e[\x9fL\xeb\xae\xce\xc2\xdfyB\xe2\xda)q;\xc3&gt;\xe7}\xadbz,c\x06\x8c\xd9_(\xf6\xe2\xca\xef\xae,\xf7u:\xe3\x8ee\xa4\x9d\x9d\x83v&amp;\x07;\xb03\xd8\xf3\xb7q\xcaU\xc2;59\x0f\xaa\xcb\x97_\xfd\x1b\x13BS\xf6sR=\xe3u\x9f\xe79c[\xf3~\x0e\x06iu\xe2\xe9\xbas\x1f&lt;9\xe7\xbc\xafuQ\x96\x15\xdd\xc4\xf4/\x17\xdf\xbdq\xff\xf7W\x96\xc7\xba\xac\x11\x11u\xbf\xb4\xb4d\x99V+\x06\x07\x07\x80E\xa7\\\x0b\xa5\xec\xd6\xfc\x8d\xaf.\xff\xe9\xee?\xfe\x13*\x14L\xde\x1f\xd4\xcan\xc9;y\xf1\x9c.y7WM\x97w\xd5r\x1f&lt;\xd1\xd1\xdaj\xd8\xe3\x1d\xac&amp;T\x8c\xd20\x88\xc4\xab\x87\x0f\xef_\xb9=\xd650==\xd0\x05\xb7\xef\xbb\xb5\xbc\xfc\xcd\xad[K\x01j\xa9\x81;c\x18+\x07\xc6\xb3{\x0b1L\xea1\xa5\xde\xfd\xf6;`=x\xf0C\xa1P0\xd4\xa0_\x00\xd6);u^\xb6A8\x18\xb6o}\xfc\x89V\xa6\xce\xb1\xfc\xb6\xa2\xa2\x13Co\xaf}\xfd\xf5\xc3+}\x03\xd3\xa9l6\xb5\x01\x0f\x87\x03\\\xbd\xba\xfc\xc57\xb7 \xdb\x12F\xca\x81\xe9\xa1\x85\'\xebs3\x88\xe7\x18\xd4c\xbb\xaf\xfe~\xf9\xc1\x97_\xfeP0\r\xac\xb2Y\xb1\x9c\'\xe7y\x8cv\x1e\xac2\x16U\xb0xD\xe8\x9f\x97\xff\xf8\xd5\xfd\xf9\xc9\xd4B\x0c\xf1/\xcc\x8b\x13\xb1\x95\x17S\xcbW\xbe\xa0`\x10*Uz\x1a\x7f\xfe\xfd\xcbG\x8f\x1e\xbd\\\xfd~\xf6\xf9\xccz\xec\xedw\xd7\xee\xde\xa5X&amp;]5\n\xb5\x9f\x0e\xab\x0e,Q\xc1\x1c^\xb2\xb0n\xbc\xf8/\xab\xe6\x1f\x93\xd6z\xc6q\xb3,\xc1?\xb7\x14\x03n\\ESW\xc7\x8f[\xa4\xed=`\x1c\xaee"\'@\x0b\x93A\x8dRS\xb2#\x8a`I\xed\xb5\x10\x08\x86XC\x89\xc8\xf5*\xd8\xe4\xa6\x8d\xb6\x1e\x92\xee\x844\xb9mo\xc0\xa0\xa9\xa6\x86d\x84\xfb\xc7\x16{kbv\x97IP\xff\xbb\xbb!\xa9\xc9\xfdk\xcf{\x10\x05\xb5\xd5n{c\xe2\x11\x12\xf8\xf8&lt;\xcf\xfb\x9c\xe7\xfb=\xef\xfd\xf0\xe4H\x8f\xe3\xf2\xe3\x89\xe7\xcf\xc7\xa1e\xcc\xf4\xf6\x8d".6@\r\xdcEP\xcf\xc7\xc7W\x1e\xc7\x1c\x8e\x9e\x91\x81\xedu\xa8-\x84\x85\xc4\xec\xed\xa7\xff\xba\xc58\xd6=.\xff\xca\x8aSF\xab\xa6\t\xe4N\xdd\x04\xc2\xb2N\xdf\x87\x99\x13\xa0\x90\xc0G1\xe9y83\xd3;*\xe5\t%\x0b\x11\x8a\xba\x03D1j2\x1c\x06Q{\x1f\xd6\xe6z\xc0h\x07,\x10\xb3/^&lt;}\xf3\xa0\xea4X\x8c\xa3\xbe\xcc\xc1+\x95{F\xcd\x9b\xba\x9a\x9aZh[\xf5\x80\x85a\xc9\xef\xb7\x07z\xee\xa2!\x15\xa9ATB\x937&lt;\xfd\x97\xa4R\x95\xc43@9\x1c^\xca\x14\n\x85#\xb0\x0fan\xee}\xb6\x1aH\x9b\xcdP\xf2m\r\x7fz\xfa\xe2\x1f\xdf&gt;\xf9\x88\xc7\x05\xef3J\x0b\xbf\xbey\xdb\x80\xdc\xbf\xb6\x89\x9a\xfa\xcbk\x01,\xb9\xbe\t3:\x1d\x8b\x87\x91\x08HBX\x9e\xde\xf3\xcdRU\xbf\'4\tH&amp;\xd3d\x88^aOk\xfft\xd2\xaem\xb1\x9b\xd7\xe6\x1b\xea Z\xdfA\x0eO\xb5N\x81\xf5\xe4\xdb\x86\x9a\xfa\xea\xda\x0b\xf54\x962\xb9\xb4:=\xfd\xec\xfb\x99G@E\x84\x08B\x8f\xe3\x7fy\xf4)`]\x13k\xc2a"h\xa2\xa8\x1e\xca\x11KA&amp;Cz\xbc\x7f\xc9&gt;;\xdb\x92FX\x17o\xbf\xf8\x0e\xf4\xfe\x87-\xe3\xfd\xc7%\'Y\x01\x80UW\xd3\x04\xf7\xc4\xda\xa6Z\xc0\n\x08\x04\x83_\x89fP\x1b\xa0b\xa9T*\xe1%p9\xf7\xf7\xbf\x1d\xe35r5~}\xd0\xe4\xa5zF.\x8fC\xd9\xc7\xa8\x81\x01\x02\x9f\x16 \xac\x9f\x00\xeb\x02T\xfc\xd7\x0f\xaaNp\x1fN\xed\x81A\xc975\xfd\xa2\xa9\xae\xb6\xbe\xf6\xdeZ@`6^\x11\xc9=\xe1P\xcf\x9d\xf1\xcf\xcf}\xbe\x92@\\\x92O~\xa5jd\xbap=\xe1\xf5&amp;\x1c#;/\xea\xae\x9f\xfd\x0c6\xc3vX?\x13\xb0k\xed\xe9\xbf\xcf\xb7\xd5\xd5]\xfc\xe2\xf6IXe!a\x1cvlJd@\x05L\x81\xb5\xd5\xd5?\xfb\xac\xb6\xb6\xben\x1e\xb6\x95\x19s\xf7\xfb\xc3\x03\x8e\xcb\x13\x17~~\xbd\xe6^\x8f\xd7\x1b\xf4w0\x1b;\x99\xfc\xa8?nJ\xa4R\xb1\x9dwO/\x9c\xad\x9f\x98\x1f\x89\xf5\x0cD\x1e-\t\xec\xe6tz\xa7\xad\xa1\xad\xad\xf6\x8b\xa3\xb63\xe3\x18m\xcd8\x85{y\xeb\x87\xaf\xeb`\x0c?W]\x0fX\xab\x98\xd1h\x9d\x96GB=;\xef\xae^\xfc\xe5\xb9\xe7\xf3#\x0eoP\x8fs\x1bY\x1cW\x14\'\xbc\x89\xd4_S\x8e\xbb\x90\xc4\xe7+\xd4\xe4\xc0\xa4I\xdf\xfalI`\x14\xa4\xdf]mhkh\xba\xf8\xe6\x87[\xff\'\x9b\xbe\xfb\x9b\xb7\x17\xab\xab\xcf^\xaf\xae\xadk\x98_U\xb6\xb7[?\x95\xebM\x93\xdb\x9b;P@+w\x1d\xa9D0\x8eK\x10UT\xa3\xf7&amp; \\\t\x8a\xf2:(h\xf0\xeb7B\x04&gt;4\x9d\xc4\x04\xe9\xb5{\xd0\x8d\xff\xecX\xfb\xf7T\xd5\xc7\xb8m\xa5\xd6\xe1\x81iH\xdf?\x11\x16\x08\x1f\x845\xb2dU\x0e:{\xe5~\xcf\xfd\xfb7\x06F\x1c\xb1\x987\xe15\xc1f\x94\xc8\xf8\xae\xa8K\x8d\x9b\xa0\xb6\x12\t\xca\x14$\xf4\x11\xcf\x82\'\x0co\xc9{\xddV\x81\x11j\xbe\xe1\x8eW\xbf\x9e^\xae*\xf7 \x18\'y$\xef}\xce\xfa\xcf\xa7\xf5g\xaf#\x83\xb9m\xc7:8x\xfe+\xb1Z\xd3:3\xf7\xf2\xe5\xa6\'\x04\x18\xa6\x90\xde\xaf\xe1\xb2H\x97\xcbe\x90\x13\x88\n^\x0b"\xae\x88^\xaf\xf7\xe3\xf2~\x8bU`\x0e\xec&lt;\xbeCm\xcc\reZ\xba\xffw_\xbe\xf0L\xfa\xc1\xdb\x11*1~\xb6z\xe2\xea\xb6Ri\xbb$\xe4J4\x9a\xd6\xa1\xa1\x99\x97\x0b\xd0\x0fLA\xa0R\xb0t\xa4+\xdaA\x1a\xf4\xc0\tT\x10-B\x8f\x96\xdf\xaf\x81\xc9\xd9)0\x9b\xdf\x81\xee\x15Y6r\xc9\xa9\xff\x1e\x8bQj\xe7T=\xf9\xdb\xfa\\&amp;\x98Xi\xb8\xbc\xa9\x84a\xeb\x13\xae\x04\xe6u\x98\x88\x1f-\xe8\t\x88\n\xaeq1}\x9d\x1c\xd2\xd5a0h\xe2\x00\x8a\xa0\x88\x02\x94\x1f\x07\xac^w;\xdc\xacw\xb6\xa7\x9d}\xb9\xd7\x96\xe5\x8f~"p\xc4\xa4,\xcciSiR\xc6\xe2g\x08\xc7\xdd5\xc0\x12\xb2\xb9\x05\xebO\xde\x8a\xfb\xe1\xab5\x1d\n\x0e\xcb\xd7)\xe3(\x14\x06\xf1\x90\x9f\x08\xd2\x91BDh\x81.3\x88\xdc\x98Y\xfb\xd3\xda\xaau\xd4\x92{\xbd\xf5\xeac\x9eT0\x0e\xbfV\xec^p\xb9\x9c\xcc\x93\xa3\xc3\x9d\xdc\xc8\xc8:6\x88\xb0\xb8\\\x89Z\x8e\xc4 |\xad\\\xc2a\xb2|&gt;\x98\x95I\xd2 \x86p\x11\xf18T\x94\xa6\x15\xde\x8eFA\xc4J\xc4\x16\'f\xd7\xa6\x03I7)\xcb\x17\xb1\x18\'\x95P\x89\xf8?\x0e\x15aY\xb3\x9c\xd1f)\xafwsU\xd0\x05XL6\xe2RK\xd4\xa0\xea\xf9L\x99L\xa6\x03,\x90\x19\xa4\xda V\xfb\x81\x0baE;\xe8\xe5Rp\xd9\x16g\xbb}VkO\xaa\xb3\xaeR\xac\x12\x0f\xa2&lt;\x12{\xa2\xe3\x18\x03\x9c\xb6\xdd\x8a\x0e\xe1\x14\x96\xe5\xa8\xa47oJ\x9d\x01#v\x1e\x995H\xe6p\x91\xf2\x91\xa1\xc5\xd2\ti\xb5OB\x16\rx\x1c\x16\xc2\x8av\xc0\xde\x04n\x99\xcem5j\x01k)\x93\xcff_\xcb\x96\x8f\xb8\xc8\x15\x87\\\xe4\xf2hU\x1e\xc5*\x94\xd7\x941\xcb\xef\xe4\xdd\xecj\xb6a\xc6v\xdb\xe8\xefT*d\xd3\xb0th\xc9d\x1c\x88\x96\x8e\xc6\xe2(H\xd1\x1cl\x83"\x16\x84\x8a\xcf\xe1\xeaFm\x98}vQ+\xb0D3\x80\xe5^&gt;\xd1\xb1)w\x9a+\x8b\x07$J\xa2E_vk\xb3Y\x99\x8a\xd7\xdc&lt;\x88\x99\x8d\xca\xf3\xc3\xa0t@Q4\xead\x88\n\x92\xa8 \xa1\xb8\x80\x94\xc9\'-\x16\xb9?\x18\x8co\xe0Q:\x81|.\x87}\xed\nfn\x01\xacU\xcd\xc6F\xc6\x95\x0fL\x15\xb1\x8et\xd1\xb2\xc0\x1d\x1f\xad=\xb3\x87\xfe\xa9Z\xcc\xe69&gt;\xd5\xb0\xd4\x160\x9b\xdb\x07\x9b\xc7x\xc30\xb9\x83\xfab\xd19$I\x99O\xa5\x1a\x06\xc1(\xd39\x9d\x16\x03\xe2\xc2\xe9\x14\xba\xf8\\\xb6\xd0\xa9\x14\xd8\xb5\x8b\x8b\xda\xa5L.\xb7\x91\xdd\xb2w\x97c\x95=\x07(\xb5t\xf7ttA\x1eB\x94\xcal7\xfa\xe8\xca\x8f[y\xce\xb0\xf4\xd7\xd7\xdc\x01\xb3\xb1\xbd\xeb&amp;p!\xa1\x03y\xd3\xd1\\\xba\xe1f\xb4\xe05\'\x86Y\x9ds\x84)\x9e\x89\xba\x14\x08\x8b\xa9\x1b\xb5\xb6\x1b!X\x8b\xda\x80|7\x97\xcb\x93\xda\xee\xf2$V|\xd8;-\xa8\xd62\xb1\xbf\xef\x04\xbc"\xf3L\x1e\xaf\x91\xdd\x170\xd2X\xd2\xb1\x02V\'\xf4\x05\x8e\x0c\xb2{\x13\x16`\xf1lJ\xab\x15\xc3&lt;\xa6 \x0e\xc5\x8e\xf6)\n\x96\xb1\x05\x82\x05\xb5e\xd8\xdd\xdd\xcdm\x1d\xc6:\\[\x15\xc7a1\x0e\xefD\xfa\xcdeK\x96\xd3\xc8b\xb2\x9d\x01\x98Q\xba\x8a\\\x9d\x9d&gt;\x9f\x8c\xc3\xd7\xc1\x16\x15\x8a@\xf9\xa8T\xa3\xd3\x0f\x17\xe6\xae\xb4/\x98\x82\x19\x05\xed\x0b2Q\xbd\xd39\x9c\xd5\n\xe6v\xbf\xfc2\xb75\xfb\x01\xac\x03o\xf0h\xb4\x0ej\xab\xb2hX,;\xb3|\xf8\xd7\x85\xd6@\xc0(\x80p\x01\x17\xa4\xd1\xe7S\xf9X|\x85\xae\x99\xc7\xd7\xe0\x06\xa1\xaf\xd3g\x01 \xdc0\xa7\x0fnD9\xb4\x7f\x03\xc1\xb2\xb6\x0b\xcc\xda\xd9\xc5\xd9\x96\xe4\x02\xc2\x12/V\x95\xf9"\x15\x07\xee\xc8qX\xc5\xc3-Ec\x82&gt;\x1b\xc3\xd8;\xf02\x85\xb9\\\xf9\xbc\xabO\x89\xd1YD\\(\\\xb0\x1fe|\x05)\xe3d2Q\xb5H\xc7\x16\x19Ps\xd8\x80\xbe\x85\xbb8\xb4e\xc9\x1e\xa5\x9d\x91\x16h[\xe6\xe9\xf8\xeen\\myUQbR\x16.\x18\xc7z\xa7G\x8f\xbdTV\x96\x9c\xc9\x81\xcb\xee\x162\x9b\xcbe,\x80%\xa0\xa3\xf5\xc7\xe61\xe0\x1a\xf6AOP(:\xa2QRf0\x88\xc5b\xb9_O\x98L\xc4\x86?\xd3\xc1G6\x9c\x8b\xed\x86\x1c\n\x8c\x08\xcb\xf8,\x9eS\xf4YV\x97\x19eX\x8c\xb2\xec\x94\x04\xb1\xb2xhh\xdfBe\x1c\xc6\xaaze\xc9\xe6v7\x0c\xce\xc1\x02\x16l;i\xa1\xbc\x98|&gt;`\xe1\x9a\x05B\xbf`0\xe0!\n\xa6\x1a\x02\xee\xd2Q\x14.&amp;[w\xc9\x86a\xa8A\xccj1\xf7P\x87;\xb9\x95\x9e*\xc3*\xec}F\x99\xfb\\\xc1\xa8&lt;|P\x8a\xfe\xbb\xe2p\xf0\x18SI2\x9f\x8bo\x18l\xc9@\x81\xea7R\x14.\x15\x8b\xc3\'\x15\x1d\x1a?\xe0P!}\x84\xa0\xd0\xc8\x0c\x03\x18\x0e\\\x10/TZJ\x84\xd5\x02wD\xa7\xd3\xa9L\xce\xfdXUY&lt;\xccV\x1a\xad\xbd\x13I\x05\xa7\xb9\xf2\xb4\xc7\xca\xba\xb5}\xa4H\x82\xab\x9b\xaf\x04\xb0\xae=*\xc0\xf2\xb1\xa0\xc7\x1b\xe4x\xd8\x1b\x8b!\x89\x1f\xa2\x12++)z\x8a\xd6h:\xf8\x1c\xa6\xf0\x92M\xa9\xc4\x10Vz\xa9\xcfye)\t\xc1z\xaf\xd7\xc18\xadcs\xe0\t/;-V\x9b\xf0\x1a\xcf\x89\xb0\xa4R\xf8\xe1\x8d\x8d\x01\x16\xcc^r&lt;\x12J\xc5L!\x98\xff\x08\xc2\x9b\xa2\x15\xad)\x14\x01.\t\xb7\x80e\xb4k\xb5I\xcb\xd0\x90H\xec\x86`\x1d2\xda\xf7\x0e\xe4\x15\x0b|/S\x1f\xc6\xda\xff\x80n\xbb\xc8\xda\xd5|\xe6\xcc\xa5$\xa6\x04\xa6?HQ\x12U&gt;\x9d\xb85\x12\x0e\x85&amp;\x13^\x8f:\x1a\'\xfc\x1a\x18\x9a\x134\x18\x15Y\xd0\xa8\xb9B\xa7m\x10\xb0Z\xb4\xdai\xb5\x1f\xef\x15\xc3\r\xf1\xc8\xc73\xca6\x1cc\x9f\xb8\xacA\x1ct\xf9\xfd7Q\x05V-\'\xad\x83\xe7\xcf\xf0\x10\x96M\xfa\x1f\xda\xcd?\xa6\xc9;\x8f\xe3\xdd?{\x1a\x96I\xb4v\xf6\xe8\xba\x90\x10\x99`\xfb&lt;\xb5\x97\xc7\x16\xc5(\x95[K\xc1\x15\x94H\xeeZA\x0b\x96\xb6\x94\nW\xd0\xce\xeaA\x8e\x83\x81l\x80\x94r\\\x85 \x13/C\t\xe7\x90\xed\xe2\xb0\x02\x17rQ\xd4\x9c9\xcc\xf4\xc2\x8d\xf3\x16O\x98\x99n\x18\xe7\x1f\xde\xcd\xdc\xe7\xf3\xb4}\xfa\x94\x16\x7fe\xfb\xfeA(\xd1\xf6\xd5\xcf\xf7\xf3\xfd|?\xdf\xf7\xf7\xfd\xd4\x07\xa8\xb2\xd78\x07:P\r\xd9\x9b\xbfY\x91\xb7j\xed\x8e\xf7\xd6\xe6l\xcbb\xday\x98To\xd6\x0eU\x1e\xad\xb6i5\x88u|\xe6?[\xfdM\x0b\xc2\xe0n\xc7\x0f\xa5&lt;?|\x9d\x11%\xe9r\x94\xdc\xb0\x00\xce\xdeb0?\x8d\xbdZZO\xae\xa9\xf3+\xa1A\x15\xa4e2uK\xe1mkk\xe984\xe04\x932\x19\xb4\x13\xfd;w:\x9d=x\xb3\xdfvj\xb0\xc8\xbb-G\xeeF,\xa8[\xb9\x93[\xb7M\xf6\x8e\x19Y\t\x84}o\xce\xefQ\x028\xc1\xb5b\xf2\x89\x88\xec\x0b\xfcW^\xbb\xc9\xe5#\xdf\\5\xa9\xd48(\x0cVBv\xb6\xde\xd9v\xaa\xe5\xd0\x88Y.\x97+\x14\xfd\xfd\xfdwNn\xde|\x8e\xb9\xda?\xe4m9u\xaa\xa3GU\xca\xe8\xdfXN{\xd3\xd3\x17\x8cB\x1e?\xf8-Ya\x99 "\x14\xf9\x90\xec\xcd\x9dD&gt;\x9f[\xe5#\xb1\xf8\xbc1S\x93\xe7d\xce\xa4\x94\xdd\xab\xf7\xeb\x07\xda\xda:\x06\x9c\x9d\xce\xcd\xe7\xae\\\x99\x99\x99\xb9\x0f\x03\x0f\x18\x1f@\xf6\xb7t\xb4x\x9d\xe6R\x8b\xcb\x06\x19\x0fX\xed\x01)-\xd0\x9d\xb0&gt;[~\xd8d\x1b\xc4 8N\xcb\xa7(\x86\xe1H\n\xc7{G\x9d\x8f\x7f\x98\xd2h\x10\x0b\x8b\xbc\xfePK~&gt;\x9c\xbd\xf6\xfe\xf9\xfe\xfd\x00\x12\x02\xed\xba\x86\xc5k\x97\xd7{\xee\xb8Gn\x81h\x99\x00k\xc1\x18\x9a\xad\xf0\xfd\x1b{\xb9\x12\xf6\x9d\xb2\xb6\xd8\xe7\xc7\xe2\x13\xc6\x85\xde\xf1qS0\\\xd0s\xd1\x03\xde,\xe6\x00;s\xe5\xca\x9d;w\xae\xe0\x80\x98\xed\xc5\x93\xe2\x07\xf9Y\xd6R\x0b\x06\x0b\xe70\x88\xc5\xbda"x\x04\xa7\xad\x0b\xe2\xf0\x82nY\xde\x8b\x18&lt;\xd1\xdf\xdd\x9e\xcet\\P$\xd2\xd2h3s`\xcc\x82\xa3b\xff\x93\'\x90[\x0c\xdb\xcc\xfb\xef\x9f\xdb&lt;\x00\x1bP\x8e\x9c\xa1b\xe60\x9c\xec\xcf\xf9Q/j.\xeb-\xd00\xad\r\x82\xe9%\xa2DQ\x9e\\!b\xcedx\xec\xe8\xef\xcf\xc1\xbb\xf3\x9d\xce\x9c\xad\xb0\x0e-6\xa5\xa6\xc0T\x0e[\xe2\xf8\x8f\xe8\xf2\x8c\xc5l\\0i\x02\xad\xcd\x86\r\xf5)z\x99LV\x87\x83Nu\xd1uX$`Q\xcaKqe*T*\xb9\x0b6\x1ehk\xa0;m\xff\x89\xcd\xa7\xc2\xf6tH\xae\xdf\x1a\x0e\xef\x81\x8dQ H\x05\xa4\xd4\xd4\xb4T\x9a\x94\x9b;{\x06\x06z\x9cV\xc0b\x86B\xee\xc1)\x84\x84O\x879|\xc9\xb0,\xe9O\x8aP*\xe0\xa7\x91\x99E\x03r\t\x92`kL\xc5\x0b\x8c:\xbd\xb9\x075\xde\x16o\xd6\xd6\x9d\x0c\x97\xdbb\xb6\xb8mR)R1s\xb8\x94\x84E\xc4\x96\xd9^8\\c\xe5\x0c\xd6\x9e\xca\ri:\xa6{\x86\xa3Ej\xaal\xab\xb7\x05z\xad|\xd8\x08Ey\x16\x8b\xc5m!]\xfe&amp;f\n\xb1j\t\x7f\x94\x0c\xe2q\xac\xfe\x8bD\t\xe1G\xe9R%b\x19\xec\x94\x0e\xbbz\x04K\x15\xd4\x89\xb2v\x01U\x96*Q$b\xee\xa7-\x16\xffh\x13.\xc3\x97\xc7"b\x08\xe2!Gv4\xd6\x0fR\xa5\x16\xb8\x0cv\x1a\xb0\xec\x80\x85\xd1\xda\xaf\xcf\xc9\x87\x0e"\'111\x84\xa5n\nd\x16\x94\xadv!\xc7o\xf44\x13\x1e\xf1\xb2\xdeT\xc0jj\xd2j\rZ\xad\xda\xa2\xc3\xf5HA\xbd\xdf/\x16g\xcbD\xaa\x1d\xef\xa9\xd6\xaaT\n9L\xa2\xa7\xd4\r\t?\x85T\xe5\xe5\xe9\xcf\x8aV\xac[\'V\x03\xe1Z\x7f"|\xa7|\xce-\x8c\xb0}\xcaf\x83.\xc7\xe0PSv\xa6~\x01V\xf6\xfe\xba\xba\xec5+\xdf9\xb96\x80\xe5)\x85R\ng\x1e\x9cCS\x81\xb4|&lt;tA\x1d\xe5pe\x8f`\xb1\xa5\x91(\xa3\xde\x92\xe9gL\xb7Sj\xbf\xda\xeep\xd8\xed\x81\xdc\xaaO\xd5\xc3\xe1\x0c\xb0\x02\xce\xb2DX\x89f\xb3\x05\x12\x1e\xa7\xd0$UjL\xe3BN&gt;\xbc`\x96\x13K\x065\xe2\x950\xd7!\xa0(\x17r9 \xb7\xb0\xdaS\xa9\x88\xf5\xcbUh\x92z\x07\xa2U\xea\x91\xcb=\xa3\xd2)X\x86&amp;\x8dM\xab5\x8d\x19c\x8b\x8e\xcf\xb9\x1e\x17k`\xb1\\\xb2\x88%\x10Pv;\xf4\xc3\x06\xc4\x82\xf6K\x80gY\xc6+\x05\xb3\x88X\x1e\x8f\xbfi\n2\xab\xbc\xc0\xe6\xb29\n\x16\x8c\\Q&amp;\xbaF=\xc5I\xf9\x14=5r\x12s\xedTR\x92\xae\xd2\xa1\xb694\x90`\x14d\x17\xad\xd7\xeb\xb3e\xc0\xf5f\xa2*\xd1z|\x08\xc6$`\x99\xca\x0b\xb4.\xb7\xcb&amp;=o|\xea\x04,\xc2\xe2J\xa4\xe1D\xe4\x18&lt;\xc3\xd7E\xe1\xaf&amp;L\xb7\x0b\x04I\xc9:\x83\xc3\xef\x1f\xf5\xfb\xd5j5M\x93z\xdc\x11\xb3W\xad\x84\xfa\xe0t6\x8e\xcc\xce\xde\x9c|\xfcw(\x10\x1a5\xf6\\\x1aV\x0f\x89\xd2&amp;\xb93\xc1\xfd\xf4\xc5fN\xceJ\x8c\xf2\xa52/\x85\xe9j1pA\xb8\xec\xea\xc9\x9b\x93~\x9f\xc73\xd4I\xd2\x100\xd9\x1a\xc0r\x0et\x17\x16\xce\xcd}u\xfd\xfa\xf5Q\x8d\xc6\xe1\x96\x9bK\xd5\xca\xf4\xf6h\xac\xe8Y\x8b\xad\x06Fb\xf1#\xb0\x08&gt;\xfb\x8e\xc6rJ\x9c"\xc0i\xac\xb4{\xbe\x8212\xd282\xe4\xf3\xf9\xf4\xb2&lt;Q\xa2u\xc0[VSS3??\xff\xe8\x91_kw\x91f\x05\xe9R\x96\xb7\x0b9XDT\x05\x8f\x85\x15\xe9;\x8d\xd4\xb7\x88H,\xfc\x9b\xd1\xa4\x16\x03\x17\xc6K\xe7n,\x9c\x9f/\x9c+\xec\xee\x1c\x9a\x85\x93\x86\xc2j\xed\xf1\x96\xa1\xcd\xfa\xc0\x89\x13\'\xe6&amp;\xd5He.uk\x0b\xc6\x97\xc4Z\xc2\x84\xc7\x95t\x89\xd8\x02x\x08+ _\x18\x0b(\xb1\x18\xc1\x92t:j\xa4\xec\xc0\x81\xa2\x9a\xa2\x9a\xee\xc6\xeeF\xb4\xe6\x0ex\xdb\x8a*\xaa\xfa\xde\xcd\xc8\xc880\xe7v\x93\xe8y\x91C\'\xb1`|A,\x8e\x93\xf2\xf9\xb1\x12\x12\x00L\x90\x9cD\xf9\x1a\x8b\xaa\xaa2\xaa*\xd0\xc3\xdf\xd1\xe1-,\x03\xa8\xaa\x89\xe6\xd5\xbfx7\xa3l\xd6\x07TL\xd1\xb7i\xce\xfftXAi\xcc(\x05,=\x80A~%\xd1\xc0\xd5\xd7\xcc\xf8V**\x8a\x8aN\r\x02S\xf3\xf0\x87\x1f\xae\xce\xe8\x1e\xf2y\xccV\x95\xd5*\x87\xa5\xa8\xccm\x8f\x89\x15\xf9\x90\x05\xab\xb9\xf3\x89\xc5XD\xc0\xe0\xc9\xfc\x1b&gt;G\xb8du\x0c\xc0\xa2\xc5\t\x9b6\x05\xb0\x04\xb4o\xa4\xa8oxx\xb8\xb9\xaf\xaa\xea\xaf\x0c\xd3pu\xf5[\x1fV4z|\xa4\x1cbeM\x14!V:\xd3\xcc\x87\x1d\xae\\\xcd=\xa4\xd2\xf2\x82\xce\xcd\xd8\xd1"X\xf4\x80\xde\x14\x1d-\xc4\xd2\x8b\xb1J$A\xb9\xf7\xcd\x96M4#\xd8\xc4\xc403\xaa\x87\xfbjF&lt;n\x8f\x19\xa7P\x15\xc02]\xc5+}\xf6\x93B\x071V\x7f\x0b~$\xc1JpAK\x0bG\x89\x0bF\x8b}0/\xf4\xe7\xc01=\x1c\xad\x14\\\x8eP(\xa8\xa1\xee\x9aA\x18\xbf\xa9j\x1e\x9e\x98h\xee\xab(\x9b\xbb\xe9\x06*+R\xa9\x14\n\x12\xb1\xbe\xbc\xf1i\xe0Mx\xc1s /l+\x0b&gt;\xa8\x18r\xb2E\x08\xe0\xc1\xd7\xfcP?\xc3}\xb42:Z\x90[\tX%\xb0~\xe9t\xbe\xa1\xd9\xd9\x91\xc6\x81C\x1dE\xf8t\xc6\xec\x90\xdff\xf3{\x80\x8a\x89\x96\x82t\x03\xd6\xfc\xafo|Dp\x94I"JQ\xe2^\x9c\x10\x8b\x14\x1b\x1e{\x08\x8fP \xc2\xf2\n\xb1\xef\xbbQ\xc0b\x868\x05V\xa3\xae\xd2\xae\xd3A\xc8h\x92\x94X{z:\xcdC&gt;\xb5C\xebP\x93V\x95\x13\xa9\x00\x8bV+\x0b\x1e\xff\x0e=\x10BV\x0c\x89\xad"\x87\xec\x8bQ\xce\xca\xe8C\x7fP\x9e6\xfe\xfe\xbb\x7f\xc3\xf8\xd7\x8d/o\xb2XX$\x80\xab\xb2\x12"\x06i\x96\xb0I"\x91\xc8I\xc02h\xd5d \xb3\xa0\x87\x96\xd1ve\x81\xf4\xd1\xea\xd6On\\\xfdv\x1f/B?\xe0q\xe4".\xc4s`\xe1\x170.L=9Ws\xf6\xe3\x8f\xcf\xb6\xfe\xbcS,f"\x85C\x90\tX\xbf\x02. K\xceL\x01.\xd2\x83X\x0e\x17`%\xe2\x13\x11"\t*\x95\x05\xd2\xc9\x03\xebN\x9f=\xfb\xc5\xd5o?\xdd\'\x8cH\x11"\x96\xf4\xc1\xe3?\xd3\xe5\x05}\xf2\xf9\xaf\xef\xdd\xed:s\xf1\x95\xe2\xe9\xe9\xe9\xd5#\x88\x95\x82C\x1c\xd8\xb31\\\x95\x95\xdbw\'g&amp;HH\x92t\xa9\xb5\x06\x87\x8f\x0c&lt;\xa4\xc1`\xa9\xb5R\x8dv\xae\xb9\xf8l\xeb\xe9\xd6/&gt;\xf9\'\x1c\x1b\x9f\xe5\xc4\xe3\x11K8\xceX(\xe3\xf8\xf9\xef\xbfih\xe8\xfa\xe3\xd1K\xf1\xc5\xc0U\xd5\x19\xccw\x04C,\x8c\x14\x83\xb5;3E\x0fX\x98[j\xd8\x0c\x01\t\xb0$y\xb2:\xb5V\xa3\xd1vV\xc5\xb7\xb6\x9e..^~\xed\x7f\xdf\xc3\xe1?\x961\x98`\xef\x04bh\xf3\x91\x81\x1a\xcb\xbdw\x1b\xa0\xfev\xf9\xe8\xa5\x9f\xc5\x03W\xf1 \x83\x15\x08W\nSS)\x18:\xdd\xf6=\xdbwg\x06\xb1\x1c\x14)\x12\x89$\xa8\x9c@\xb4\xea(\xc02\x0c\r.o==]\x1c\xff\xca\xd1\xae\x87\xdf\x84\xc1BU;\xf8+\x8f\xfb\xb8\xf7\xa2l\n\xe5#\x13\xa8\x87\r]\x17\xeeW\x94T\xbf\xfd\xfak\xf1\xc0\xb5\xae\xc2\x1a\xc0\xaaO\xa9\xcf\xc4\n!\xa0\x92(\x9a\xa6t\xdb\x0fo\xdf]\x0fX&gt;\x1f\x05\x9d!$\xbfH\x82\xa6g\xc0\xd2S\x06\xc0\x9a\x85hM\x03\xd6\x1b\x07/_\xe8j\xb8\xcd\x82\x11\xb1\x1em\xe6\xc5p.2\xe2\x97\xd0\xd8&gt;\xf6u P\xd7n\x95\x94\\\xbaX\xbd&gt;n\xc5\x8a\xf8\xf8u\x83V\xa8\xa5\x18\xac\xfa\xccL\x01\x96.\n\xa8h\x01\x1c\xb1\x0fo\x100\xd1\x82?\xc8\x00\n\xc9\x00M\xc2L\xa2\xd2\xd1\xd8\x17\x8f\xc1Z\xfe\xfa\xfa\x92[\x97/44\xdc\xfe/\x03F\xf0\x16\x19\xbd9)\xbfx\xed\xf1\x84\x0c\xd3\xc3\x86Z\x80:X\xf2\xf9\xd13\xc7\x8e\x1d\xa9\x8e[\x11\x17\xc7`\x05\xe70\x13\x07\xee\x8bb\x1a\xc3\x05X\xf5uX h\xdaG\x02\xd3\x96-\x12\xc9J\x84\xd3S\x0e\xa5\xd6\xd5\xd1\\|z:&gt;\xee\xd5?\\&lt;\xf2\xf9\xc1[\x97\xbbj\x1bn\xdf\xeb\xc5\xf6\x90\xfb\xc0\xf7"\xacp\x9d`\ny\x90\xa9\xf6\xee\x03\x08\xd4\x913\xc7&gt;\xab\xdd\xf8\x19`\xc5\xbd\xb6,.\xbe\xaasS \xb7\x18*\x9cG\xc0\x020\xc1\x86=i\xa9z9`A\x9f\x8aP[\x90\x0b\xc8Dz\xdan0\x0cU\xbc\x05S\x18\xf7\xea\x1bo\x1f=v\xec/\x07Kn=`\xc0r\xdb\xb9\x1f\xbd\xd8w\xca\xe1D&amp;L\xa8\xbb\xffx\x00\xb3w\x10\x02U\xbbqcm\xd7\x9f.\xae\x8f\x8b\x8b[\xb6,~"\x94\xf2\x08\x95\x9c\x99\x9c$\x80:\xf1\x7f6\xce7\xb4\xad\xf3\n\xe3\xba\x7f\xc7\xd5\xfd#]{\xb9\xab,\xa2\xac\xb6\x93,\x83\xc6\x98\x11\xf7\x83\x108!##\x83\x98\xf9\xd3\xc8\x82g\xb0\x08l\t\x05C\xbc\x80F\x881\x8b\t*f\xd1\x02\xc3\x8a\xb2\x8c1\x90\xb6\x0f\xb1\xdd\x11\xfcA\xb4\xca*\xd5\xc8\xc64V\x971b3&lt;o\x04F\xec\xb4\xb0\xd0\x0c\xda\xe6\xc3\x9e\xe7}\xaf\x9cx\xed\xc1\x96,Y\xba\xf7\xa7\xe7&lt;\xe7\xbc\xe7\xbd\x06\x1f\xeb\xc4\xed\xcf\xbe\xff\xad\x1f\x00\x8b!\xa9\x06\xf7\x7f#T\xebG?\xfd\xe3\xfb\xfe\xc3\x871S\x0bz\xeb\xf8\x8c\xf3\x85l\xb6\xb9V\x0e\xc1\xbe\xfc\x9f\x15\xf6^\xeb&amp;\xd3\x17O\x1f\x7fZ{\xd6jn\xe5r9d\xaf\x9c\xdeH#\x93\xd5\xe5\x89 \x1a\xed\xf0&lt;\x7fF\xf4\xad.\x91\xc4C\x08\xb4\xf7\xe41J\x96\xe1\xdf\x8d_#V(V\x06\\\xb0\x18*\xf1\xad\xef\xfd\xfc\xc6\x9fb\x10\xcb2\x82\xc3\xd5\xb5\xd9\x9dt\xb9Q\xcd\xe6Z\x12\xec\xc9\xfd}\x91\xaf\xedm\xe5\xaf\\\xd3\xdd\xf7\xe7w\x05\xd3\xf6\xda\xeaV\x8e&amp;\xcf\xd7\xe7\x17\xd3\xe9rm\xb5\x99K\xf5\x1e\xfe\xa1\x03\xcb{\x9e\xd9}\xbd\xdd :_\xe1Jv&amp;3\xe8\x07\xdf\x94\\\xfb\x073\x99\x0c\xb0\x84\xe9\xdf8\xd6w\xf1\xad\xcdK\x89\xd8\x18\xc42\xe2\x87S\xc0\x99NO\x96\n\xcb\xcc\x85H\xe5\xf3w\xcfE\xda\xff\xb4b\xcf%\xdds\x92i\xbb\xb6\xf6\xac\xd5\xda\xaa\xe6\x0b\xf5\x06\x99&amp;K\x0b\x85\\wo\xefD%;@\xceM5\x00\x00\n\x10IDAT\xa1\x10\xcb\xb2\xfa/\x1c\xddUK`\x91\x0b)&lt;\xd2\x85\xf2\xfb:\xd4\xa1\xdd%\xd5\xe0 \x93\x08\xac\x13\'Ff\x94\xb11[3\x9c\xe2\xc0@o\x8a\xa5\x98\x9e\\\xc8\x03\xac\xb5\x80v\x81F\xf6\x15\xd71%\xd3zm\x8dLM\x88T\x86\x9d6\xd2\x93\xe5\xf9F3;\xd0[\xa1p\x0b\xf9\x14\xb0l\xcb\xf2/\xfd:\\}v\xb18\xa6\x82\xac\x8b\xf2Hg\xa1*2\xd2\xf2\x83\x83C\xc9\xbe\x13s\x97\x12\xd1XT3\x8cxo5\xbf\\\x19Hm\xad\xcd\xe2C\xcf\xe7W*\xd9\xe6\xeaZm\xf6S\xa4\xf2\xdc\xde\x8b\xb4\xf7\x7f\xfb\xfc\xe96R\xb7\xdaj\x15\xea\xc2\xe1\xe9\xc5\xc5r\x89L\x13\x13\x95\x95*r\xb9\xb1\xb1Q\xaf\xc0[\xb6e(\xdd\xb7\x87D\x06\x05\xd6\xe8(\x96B\xb6\xfa\x9e\x93\xd7\x92\xc9\xa1Lf(C\xbfg\xba\xa8\x97\x8c\x0c\x1a\xc6\xc8\x8c\x1e\x85\xb1\x1c#\xa8\xcc\xa7K\x85\x95\x89\x81l\xab\x86\x13\xc1\xfb\xcb\x95\xca\xdb[\xabk\xb3\xf4\xd8\xb9\xdd\xeb`\xbf\xfa\xcf\x93\x8f_\xac\xaf\xd7j\xb3\xb3\xd3h\t\x8b\x02h\xa1Qh\xe6*d\xca7Jd"\xd6\x8a\x8d\xc6e\x19\x86ryS\x8c\xa5\x9d\'{\x885&lt;\x8c,\xf6P\xb5N\xac\xddCC\xa2e\xb1\x87\x08\xae\xfd\x83od\x86n\xdd\xfb]B\xb7\x90A\xc3\x18X.\xd1\x1a\x00\x9b@\xb7\xa7M\xca\rHV\xc9\xb5\xa0\xd8\xd3\'\xf7\xdb\x17\xe8\xbex\xfab}{{v\xb66\xbb\xbd\xbd]\x83\xb5V\x9bY\x00\x01\xa9\xb2\x8c\xe6 \x99\x16\x17K\xf3\xf9\x8a\xdd\x81,j\xae:3r\x0b\x1c=\xbc\x12A\xb5F\x01\xd4yRx\xecH\x92T\xaf\xbd\x82\x858:t\xfeFw`\x18\xaech\xc6@\x95\x96\x85J\xf9\xca.\xd8b\xa9Q\xc8e\xb9&amp;\x11\xec\x9c\xb8*\xfd\x98\xe9C;@?\xc8"\x00^YYY\xae\xc2L\xa5\xf2\xe2F\x9aLxWu\xa5\xd2\xdbk\xa1qE-\xc7Q\x8e\xdf#Q\x0f\xa9\x86\x8719P.\xd9Z1Bp\x8d\x16\r\x17\xee\xca\x888\x7f\xfb\xa0b\x18\x8e\xc0*Nd\x9bh:(\xf0\x85*\xc1Z\xb5\xc5IA\x86\x0e\x8b\n\xdd\x0e\xc1"\xe8\x99\xb9j\xb5\x9aG\x14\x10\xf5\xfa\xc2|\xa9T*\x97\xf9j\xbcy\xbe\x9e_^\xa9L$\x12\x81[4l\xdb\x86\\\x86\xd6\xff\xe39\x8e\xf0\x08rA/\xa4\xf4\xda5\xb8\xfe\xdb\xa8F\xcc2\xd8\x7f$\xbb\xb8\x0f\xc1\xea9\x94\xd9\xff\x9b\xe3\t\xd5A\x18\x9a\xe6\x14\x03%\x85ucQ\x80Q\xb1\x95\xeajM\xb8\xb9T\xaff\xb1Z\xae?FU\xee\x8b\xac6\x04\x07@D,NN\xa6w\xf0\xaa\x1d\x94\xe1B\x88\x14\xc4\xe3\xf1@Q\x8b\xaeg\xdbX\x804Cy}\xa4\x8fS\xd6\xf8\xe9\xd1P\xaeC\xf0\xfd\x11\xcc`\xc9Aj\x95\x14#b\x97\xa0\xea:\xfa\x93\x1b\xdd\x92\xca\xb0\x0c\xd7\r\x94  \x185*/\x140\x01TrM,Dt\\\xa3\t\xc9\x9a\xcf^|\xfc&lt;R\x92\xb20&amp;\'\xcb\xe5Ri\x1e\x86\xaf\x17\n\xf9*\x91\x06\xe2j\xa0\xebz\xdc\x8d\x07\xaa\xebj6\xd3\xe8\x19\x9a\xff\xdd\x7f?\xc0L:&lt;&gt;N,!\x183\xd8\xc9\x9e:\x98\xc1(\x8d\x19Q\x0c\xfb]\xc9\xa1\xf3#\x07\xf5P+\xcd\xc1q\xf4 \x08\x12\xa9\\^\xa6r\x1e\x86\x9fHe\xab\xcd\xc6\xec4\xa4X\xa8cu\xd9j}\x12\x99\x14\x95\x07\x12\xa04\xf3\xf9juy\x19.\xab$\x12J\x00\x18UU\xe3q\x037\xae\xaa:E\xc7f\xa0\xa5z\xfd\xc77\xc9\x052\x19\xe3(\xc7\x1eN\x13\xc9!L\x86\x87\xe031\xeb\x1fK&amp;\x8f\xde\xbe\xa4\xa8P\xca\xb0,\x88e\x04\x02KQ\x02\x805J\xa1dpn\x05c\xca\x1a\xc8\xa6g\x17V\x9b\xcdf\xa4\x0e]\xaa\x04I\xa5|\xfe\x17\x13\xd0\x04\xbe\x0f\xa5\x15]\r\xb9\\\x17?\x98\x90\xcc\xb1\x00\xe5\xd9\x1eD;p\xf9\xd1\x83\xb3g\xb1\xb9\xb8\xc2\x08\x13)r\xd9s\x88?s\xb2\xe0pq\xeb\xde\xe5\x14\xa94\xcb3-\xa7\xa8\xe3\xc0\x00Sx|\xa4R6n,%\xb0K\x16\xf9Cc%Y\xedY$\x05Y\x14?\xe6+\xbe\xc2/\xbeA\xd5\x15\x1d\xa9\x0b\xf4x\\\x8d\xe3a\x1c`j\xd4\xd4\xf1i\xc1d\x99^\xb4#\x16=p\xf5\x03\xc1%\xb0\xaep\x92\x1f=$\x80\x84\xdbX\xa7\xe8m}\xc76\xaf\xd2X\x90\xca\xf3&lt;M:\x0b\x87\xe6Y\xc0\xa6\xa48\xa0\x94\'w\xd2;\xd3\xb5F&gt;\x17\x92\xa1\x81F|\x9f0\xbeo\xfa&amp;^\xae\x13\x0cf\n\xd4\xc0\x04[@\xc5\x1c\x95|\xd1X,\xea\xc0]\xb6\xa5[\x9e\x8d\x81Pp\x91\x0cA\xbd\xc02J\xb8a&lt; #\xf6\xdb=}s\x17\x0e\x06\xe8\xa2\x1a\xa9&lt;\xc3U\x03\xc9\x13\x04\xe2\x0egKTB\xb2\x1d\xe6\xaf\x80b\xccn\xb5\x9e\xd5"\x82\xc4\x02\x90n\x02D\xd5MR1\x8b\xba\t&amp;U\xd7\r\xc7\xe1\xef\x18\x90K\xb34\xc7\xd1,\xa4\xd1?p\xf5QHu\x96y\x04\x8c\xb0\xd9\x15I\x89\rm_\xdf\xcd\xdbg\xd0\xb1`vR\xe1\x8d\x06\x0e\x18\xa8\xc4B6\xf1\xe1\xa9X"\xd1\x9dC6\xb1\xc8\x80l\x9a\xe3\n\xd0"&amp;\x98L\x13)\x8ac\xd52uC\xd75]"\xe2Fg\x80\xcb\xa4\xb3\xe2:\xb8\x1cM\xf4E\x08f\x9b3W\xe7\xc0555E\xb0q\xb20\x9fx\x86\x0fO\x9f&gt;q\xe2\xd6\xf5\xe3\xfd\x84\x12Z\xe1\xbdN\x9c\x1fQ5y\x1a\xa5m~\xa6*\x95B\xfa\x1a%doZ\xec\xb2\x9a\x11\xb0\x00\x01\\\xaaa\x98\x02D\xd5\xf1\x01\x91S\x13k\xbei\xa9n\xd15L,\xd10\xbf\x81\xaat\x80U$\x98m+\xe4\x9a\x9a\x12\\\xc0!\xd3\xd4\xd9\xf01v\xb4}\xb76/\x1f\xb0\x90@A\x85\x14\xba\xa0r`\nZKG&gt;\xe8\x17%\n\xac\x18\xbe\xfb\xbbQ\x8cX\xb1\xa7\xe1\xf9\xe9\xd9\x08\xceNW\xe9\x16\xad\r"\xd01\xac\xa8m\x11\x0b\xd2\x19p\xbc\xab\x99\xe0\xd7\xf0[\xd7u\x9cb\x11\xa8(-p=js\x89\x98\x9aZZZ\x9aZ\xe2\x13\xa7\xfbn\xce]}]\xd1\xa4\xafl\x8eZ\x8e\xe3\x8a\xc0yPe,1Si\xdf\xd3\xe2~\xaa\x9b\x9e\x87\xe5w"\xf4\x0c\xb3\x07\x83\xa3A\x85}\xcfb\xd8\x94\x0ba\xaah\x100\xbe\n\x10\x13X.\xe4\x02\x17\x1cf\xe9B\xaf%\x81E\xba\xa50\xa6\xa6\xc6O\xdc\xdc\x1c9\xe8\xf38\x9e\t,\xa60\xc4b\xc3QixQ_L\x8b"\n\x8d\xb2\xf9&gt;\xc8\xaa\xcdg\x11&lt;kY@\x83dX\xe5%\x96\x15\x86I(\xdb\xd2\xe8s\x88dxxh\x89\x96]\x14\x82a\x19z\x1b\\\xc0\x90T\xa7\xdaXKg/\xde\x9a\xbb~\xc6\xd7D\x06E\xb1\xb4\xa5\xa2Xl\x87t\xbc\xd2\x0e\x9f\xba\x99\xbe\x88X\xcc\xef\xceE|\x9a\x0b\xf6\xc6o\x02Uc\xd9p\x95\x10\x82\xed\xe2\xe1\xd0\xe2Y\x0b\xdbW$\x16/r\x05\x17\xda\xa4\xf2\xfe\x85G\x0fD\\\xe4\xcd\x9b\xa7\x96N\x9d:\xf5\xe6\x83\xf7&gt;\xd8\xfc\xd7\xe5~q\x04\xba\xdd2^\xa6\x10Xl\xd2j \xd5\n\xb9\x98F\xa5\x8d\xe5\xc7\x88\x15\x15e\x07.\xa2H&amp;m\x17M\xdey\x92\xd1\xeb\x18\x1b\x8ba\xa3\xa0\xbd\xe4J\x9c\xf9\xef_\xbe"&gt;\xff\xeb\xef\x0f\x98\x96)|\xe5\xb1\xa9\xbc\xaa\x96\xaaJ.\x91D\x11B1_\xa0\x01+\x16\x8b\xc4\xfc\xf0yd\xcc\x0e\xc1\xac\x97\xb1\xcb\'\x1fx\x1d1\x80\x99\\\xdeB,\xed\xc0\x1f&gt;\xfc\xe8\x9f\x1f\xfd_\xfc\xe3\xc3w\xbe\x83\x84\x8b5\x14\xc5c\xb8/#\x14K\xe52"zwH&amp;\xb0b\x94KbE\x85\xb3h|O\x9e\x9c\xe7\xb7\x04bHe\xb4\x95\xe3\xda\xd61\x16\x</t>
        </is>
      </c>
      <c r="M228" s="3" t="n">
        <v>45492.67681712963</v>
      </c>
    </row>
    <row r="229">
      <c r="A229" t="n">
        <v>840220</v>
      </c>
      <c r="B229" t="n">
        <v>5981</v>
      </c>
      <c r="C229" t="inlineStr">
        <is>
          <t>Fabrício Bruno</t>
        </is>
      </c>
      <c r="D229" t="inlineStr">
        <is>
          <t>Fabrício Bruno</t>
        </is>
      </c>
      <c r="E229" t="inlineStr">
        <is>
          <t>ZAG</t>
        </is>
      </c>
      <c r="F229" t="inlineStr">
        <is>
          <t>ZAG</t>
        </is>
      </c>
      <c r="G229" t="inlineStr">
        <is>
          <t>ZAG</t>
        </is>
      </c>
      <c r="H229" t="n">
        <v>192</v>
      </c>
      <c r="I229" t="n">
        <v>15</v>
      </c>
      <c r="J229" s="2" t="n">
        <v>35106</v>
      </c>
      <c r="K229" t="inlineStr">
        <is>
          <t>Right</t>
        </is>
      </c>
      <c r="L22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be155fd0-7ba8-4ccf-8d4e-18f3dad9ae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05\xcb\x82\x00\x00\x03\x00PLTE\xfd\xfd\xfd\x1d\x1b\x1b\x0c\x01\x01\x0c\t\t \x1e\x1e\x08\x01\x00\x04\x02\x02\xfe\xfe\xfe\xff\xff\xff\x07\x05\x06\x10\x03\x02#!!*\'\'\x01\x00\x00.*)\'##\x19\x17\x18\x13\x0b\x08\x17\x02\x01\xfd\xfc\xfcA\x04\x03\xec\xa6qJ\x02\x03\x10\r\x0e1..#\x03\x02\xdd\x8fe\x1a\x11\x0eO\x01\x03-\x03\x02(\x02\x02\xe8\xa2o&lt;\x03\x021$\x1e7+%\xfb\xf9\xf9 \x17\x138\x0f\x08)\x1e\x19}\x01\t7\x03\x02\x1d\x01\x01F\x02\x02\x84\x01\n3\x02\x02v\x01\x07A\x15\x08[\x01\x03o\x01\x06\xf8\xf6\xf5\xd5\x8ea\xeb\xa2l\x15\x12\x13\xe0\x98g\xeb\xa8x@%\x1c\xcf\x88_b\x01\x04\xdb\x92iD,!U\x02\x03\xc8\x83^J\x1c\x0e\xcf\x82Z\xef\xa9w\x8a\x01\r\xe7\x9fk\xdc\x94cP&gt;5\xe4\x9dk\xce}UZ&amp;\x13@\x1c\x10h\x02\x059$\x1b\xd5\x90h\x1b\x08\x05C?=\xd5\x87_M0$\xda\x8aaQ \x0fI\x0f\ts@)\xec\xa9~\x90\x03\x0f\xe2\x96k\xd6\x98tF70\xf2\xf0\xf0\xe8\xa4uf2\x1b1\x1e\x18\xcf\xc9\xc5nhe\xa2cE(\x0f\x08!\x10\nT&amp;\x14\xd8\xd3\xce\xf0\xafy)\x18\x11/\x0f\x07\xcd\x8ah\xd9\x9e{VQO^-\x18\xc3|W\x85\x7f{\xdc\x9bo\xed\xa1yB1)\\A2\xce\x94r\x81N:N7-sYH\x8fpY\x8e\x87\x82\xe7\x9dt\xf2\xae~\x93\x8d\x89K#\x1dv6\x1foE4\xcaxP\xdb\x94q\xa6z_}XD\xbc\xb6\xb1\xa5lP\x7fyuW7)\x96\\CcOCl;%\x86I._YVwqm\x9b\x94\x90\xe8\xe0\xe0V\x10\x0c\xe0\xd9\xd7943`I:a9)\xe4\x98p\xb2\xa0\x9b\xc0\x8ae\x8cU=\x9ay_4\x19\x0f\xec\xe9\xe9\xb5\x82d\xd6\x82YMIG\xec\x9bl\xe7\x96h\xc5qJ\x89\\M\xc7\xc0\xbcha]\xe4\xa5|\xbcuQ\xa2\x81h\xd6F5\xb4\x8fv\x9bnV\xeeR&lt;lRA\xb1\xaa\xa7\xb0uY\xe1\xa0u\xa2\x9c\x98m-)\x96V;~dS\x80@%fC2wI8\xab\x88o\xa2U3\xb8zZ\xb2oL\xcd\x91j\xe3F4\x8agP\xfc\xf2\xef{E-\xachG\xb9;2\x8eK.\xcb\x9c}\xbf\x80b\xbchBU-\x1c\xc3\x91n\xee\xc0\xa5\x93GEVE&lt;\x9d6+\x98cK\x82\t\x0f\xee\xa0rg\x0f\x10f\x1f\x1e\xc8A2\xda.+\xc5\xac\xa2\xf1\xc8\xb9\xadmT\xbe\x97|^\t\t\xbc\x89l\xe1\xa7\x83\x8d0*])%\xf7\xbc\x91\x96N.u\x0c\x11\xec\xad\x8a\xae^;\xae@4\xf6\xb5\x86\xcf\xb6\xb1\x9d&amp;/\x7f62\xa0QL\xf5\xd8\xce\x7f$#\xf6\xe1\xdc\xd9WI\xb0\x8f\x8e\xe5\x8d^\x8ctm\xb8VJ\xc5\x88\x8d\xa5\\[\xd6\xaf\x97\xea90\x8cC:\xa0gh\xa2\x83\x80\xc0%(\xf9\xea\xe5\x96\x15\x1br \x19\xdc\xc5\xc0\xd5wi\xedl_\xabuu\xc3f[\xf1\x9a\x92\xbew}\xee\x87}\xf4\xb1\xab\xbc\x13}Z\x00\x00 \x00IDATx\xda\xb4\x99mLSY\x1a\xc7\xef\xb7{\xb3\xd9\xacY\xda4K\x85\x86\xb6\xa2\x8c"P\x92\tX\x94\xc6\xcc\r\x82e\n\xa2@\xbbX\x04\x1b\xa4\x80N\xcb\xb4\x85\xa0\x03\xa5\xe2\x94\n\x9dZ^\xa6\xb4\x98 :\r\xa4\x80\xbb\xc5T%\xcd\x18\xdf\xc86\x9a\xddd"\xc1lXM&amp;\xbb_\x0c\xc9~\xd8\xfd\xb0\x9b\xec\xa7}\xce\xe9m{o[\xc0\xee\xcc&gt;\x91[N\xb9\x9c\xfe\xf8?\xaf\xe7J\x10?\x83\xf1\xe2F\xfc\\F\xfe4\x83\rxR\x99F#\x8bZ\x94\x8d\xfc\xc9F\x90T\x14\x8e\x81\xa4\xe2\xb4\x89\xf7H\xce\x1d\xcc+A\xe1;xR)P9u\xf3K\xc8l\xf3:\x97\xd7\xab\x91I\xa5&lt;\xd8\x9b"v\xdd#\xfd\x8aH\xfbf\x1a,\x82{\x07\xeb\x0f@:y\x9d\xda\xf9\xa5\xf1\x91\xd6\xae\xae\x9b7\xef\xb6\x8e\xf5\x8dO\xd9\xb4:\xa7S#\xe51\xe0;\xee\xb1\x17\x16#\x1br\x08`\xa5q\x13\xeb\x8e\xf8\n\t\x05L:\xdb}@\xfa\\rP,\x96\xa8i\xb5\x9a\x8e\xdc\x8c\xa295,g\xc6~+\xfaqH\xe9\xb4\x8ec\xdd\x91dT\xba\xf0K\xb7\xe2\x81P.\xd0\xa95rK\x02&amp;\x86/\xb5\xda 1\x18\xd44M\xdb\x83\xff\x9c\xd2ze\xbc=\xf6H\xf5Z\x82\x83dn$YX\xd1\x15\xbe\xc6\xe1\x13\xafQ*\xaf\xd6650f\xa7\r\x12\xb1\x18A\xdd\x024\xfc\x8d\x81V\xd3\xc6@p{\xc9\x85\x04\xc3{$\xdc\xc6]\xa5sp\xf4\r**(E\xc6^\x13+|\xa5(2\xcd\x1d&lt;\xa9W;&gt;v\xd7N\xab\x91N\xe2\x83\x12\xac\x98X|\xf0\xc0\x81\x83b\x83\xdad0\x19\xed\xc1\x01\xadWJ\xe0=\x98\xdf\x8a\xee\xc5Z\x91\x89\x1d)\x96c)\x92\x15a\xdc\x90\xc7\xefQ\x9c\xbf&amp;\xbe"y2\xd7\xd2\x08@\xd1\x80%\xf9\x95X\xfcK\x10K\x8d|(\x91\x1c\xdc\xbf\xff\xbc\xc1PQQw\xc3m\xbf;\xa0\xd5$\x855\xf9\x91\x99H\xb0\x03\x8eIj\x96jd"@\xe3\xaf\x04O\xa3\x1d\xbfk\x8f\xd8\x03\x017\xc0H\xf6!\xdfALEh\x03Z\x8a\r\xb4\xc9T\x01`ue\xa6\x91y\x94\x92\xacO\xa1\x98\xb0\x8ef\x10\x19_1\x04\t\xced\xac\xd4L\xa4H\xee\xaf\xf3\xbc\xb6\xbe\x9b\x11\xbb=h\t\xda#\xc8\x8d\xfb0T\xc4\x1d\x01,\x9a6\x00_]EYYu\xd9L\x87aD\xabaa\x11,\x90=\xb02\xceD\xa9\xd76\x16\x89\x98\x83\x16\x8f\'hw\xbbqx\xa9\x81\xd2nw\xabMjdF\xba\xa2\xect\xf5\xcc\xcc\xcc\xa56\xd3\x80\x13\xcb\x95&amp;\x13w\x0e\xf9\xc4\x87\xa6\xc9D\x92\x93\x89\xf1\xe8\xe3ilc\xe0@\x8b\xc7\xef\xb1\x98\xdd\x90rf\xb7\xc9\x00%\xc1\x1c0\x07\x03vH\x02\x83\x81v\xd3\x153\xf9E\xf9E\x97r\xab\xcd\xd8\x8d)\xb1E\xa6\x8f\xb7\x84&lt;\x19\x1a!\xd3\x02U\xc4\x8c\xa9\x8c\x15&amp;\xb3\x05\xccc\xf1\x84B\x96\xb0\xc5\x02`\xc8\xad\x91\x88\xa9\xecR~C\x03\xbf\x80?1\x05\xf5\x8b\xcc\xf8SvU+M&amp;J\x9d\xe3f\xbb\xddl\x01\xaa\x80\xc9Tg\xba1\xec\tY=~\x7fh!\xe4\xf7x\xfc\x96\xa0\xd9l\x8f\x88\xc5\x15ue\xf9y\r\x02&gt;\xff\xcf\x03N\x19o\xd7L$&gt;\xa6\xf9\xa4\xa9b\xb1;(\x9c\x84\xf3\xdb\xc1`\xd0\xe2\xc7.t\xdb\xe1+\x10\xf6\xf8C~\x90\xcc\xe3\xb1\x84\x11\x15D\xbd\xb8\xe3\xf4\xd5"\xbe \'\x87\x7f\xf5\xb2\x16{1\xb1\x07+\xb7IN\xa6\xef\xd2|\xf62\x99kj\x1bQ\x85\x00!\x10\x08 \x17\x82\xef&lt;\x0b\x1b!\xa4\x13@\xba\xdd\xa6\x8a\xd3\x92\xf3\x1d\x97\xaa\x1b\x10U\xe1\xcc\xed\xcbL2\xfe\x1f\rj\x83\x1f&gt;\xde\x12BXw\x86\x03\xc3a+(\xe5\xf7\xf876\xfcA\xb7\xd1n4\xd2\x86\xd3\xe7;::\xda \xb4\x04\xc7\x05\x05\xd9\xb5\xfb\x7fsY\'\xcb\x98\x8b"\xd3TyVl\xb1\xe2\x01VR]\x9f\x194\xf2,\x84&lt;\x8b\x1e\xebbx8\xec\xb1ZC\x1b\x0b\x16\xff\x82?\x1c0\xbai\xdat\xba\xa3\xbd\xbd\xbdM\x94[\xc8\x17\x14\x0b\n\xb3\xb3~Q\xfb\xf9}\x97\x8c\xd8)\xb6\xd8\xe5\x8c\x1d[i\xa3\x89\xe9\x89dR\x9f$4\xb6\xbb\x10O\x96\xd0\xc2\x82uq\xd1j\xb5nn,\xa0(\xf3{\xc2(/\xeb\xea\xa0\xb8#\xacZQn\xaeH\x94\xc7\xe7\x17\x88\xb2\xb3\xb2\xf6\xdf^\xf2\xf2\x12=\x91\xdc\xb3\'\x92\xdc\xde\x9e\xd2\x13\x89\xa4L\xe4\xb9\x06\xa0j\x06\xfd\x0b\x1b\x1b\x0b&gt;\xdf\xf4\xe6\xfa\xb3g\x0b \\0\x00Ek\xd8\xec\xae\x88\xfa\x0f\xac\xb0 7;[\x04p\xb9\x88\xeb@\xab\x16\xbb\x91\xe4L!\x1f\x9b\x89\xac\xe6\xc3\xbd\xc6_5S]\xb4\xdd\x1c\x0em&lt;{\xf6l\xda\xb7\x0e\xb6\t\xc2\xf9\x87\x8dF\xb7\x11\xac\xee|G{-\xd8\'\x9f\x00\x92(;\x06\x96\x95\xb5oL\'e\xf7D\x8ai5\xb1\xa1\x90HjE\x995\x1f\x9enDM\x9b\xc3\x90w\x80\xb5\xee\x9b\x9e\x9e\xf6m\xfa \t\xc3\x0fn\xdc@\xfe\x83&amp;\xd8\xd6\xde\x9e-\xca\x15\x01X6\xc6\x82\x18+\x14e\xfd\xfa\xd6\x80\x97\x97Y\xf3\xd9\r\x8b\xe4`\xf14\xf7\xbb\x0c\xb4y\xd1\xb7\xb9\x0e\\\xeb\xd3\xc8\xe0[\x08\xf6\xaf&amp;^^-\x83&amp;\xd8\xd6\xde\x06)\x98\x8f&lt;\x88\x90D\x18\xab\x00\xb8\xf6w\xd94\xbcL\xb0b\'\x9f\xa8t\xecU,\x13\xe3y#\xd5\x8d\xa9\xd5\xee;\xcb@\xb3\xde\xbb\xde\xbb\xd6\xdb\xbb\xb6&gt;\r~\xb4\xde\x01\xac\x1b\x17A\xab\xf6Z\xa0**\xca\xcf\xbf\x84\r\x1c\x98\x0bj\x01W\xed\xbe\x11\'\x8fH\x19"\x88\xf8\x18\x15\x9bf8\x81\xc5\x1e\x0c\xd9\xd3)\xc9\xa9\xf5\xb2\xa5.\x83\xf1\xce\xf2\xf3\x13`\x9dk\xbdz\xfd=}\xf3\xda\xba\xcfg\x1d~011:\xf1\xb2z\xa6\rS\x15\x15U\xa2K~~~!\x84VaA^^\x81\xa8\xfd\xb6V\x96\x9a\xe3\x9c\xfd\xd9\xeb\xe4)\x9f[\xb7\xb8\x87\no\x1fm\x1a~\xd3\x83\xa9\xca;\x95\xfa{o\xdf\xea\x9b{\xa7\x97_}yvttt\xa2\xe5euuue\xe5\x993\xa7\xc0.\x9e\xa9D`\x05\x85\x05\x05\x80\x95W(\x92\x8c{\x13\xbb\xed\xeeD\x92\x9b\x89\xa8t\xe0LD\x9aR\xf1JB1wH]\xad\xea\x07\xaf\x1e\xf5\xf4\x9c(G\xa6T\xea\xf5o\x01l\xed\xfa\xb7\xdf\x9fE6\xdar\xf1bww\xcb5d--\xdd\xa7*+\x11\x17P\xf1\xf9\xa0\xd7L\xab\x8b\xc7|\n\xd3\x05)NO\x8c\xaf\xc8\x0c\xc7@\x99\xf6&amp;\xfd\xe5c$Vy\xb9\xa2\xbcT)\x1f\xba\x02b\xadM/\x7f\xed`\xb0Z\xae9\x9enmm=]E`\xddH\xaf&lt;$\x15\x1fq\xe5\xd3ZY\x06\x07\xb2\xf8\xec\x10\x15\x97J\x1c\xc5XG0|\x87\xc6f\xff\xea\x15\xa2R\x00\x96BU*\x97O\xae\\Q\xae\x9dX\xbe\xf0{\x07\xe8\xf5\xbd\xe3\xe9\xc3\xf7\xef\xdf?|\xf8p\xcb\x81\xb9N!,\x0cu\xf80\\\xae.iRr\x9b\xe0\x1e\xcf\xc8\xf8\n\x1f\xc8(\xee\xa1"y\xc5\xdc\xe1\xbdo\x1f~\x83\xb5R!,\xa1\xbci\xb2\x7f\xf2\xca\xd0\xd0\x89\xef\x1e?\xb9p\xe1\xe1\x85\'/\xe6\xe6\xe6\x10\x17\xc8\xb5\x8a\xb0\xce\x14\x81L\x98J 8\xcc\xaf\x1cw\xa6\t\xef\x1db?}OL^a\xf3\xf6\x99_=\x82`Wu*T\n\x95J\xde\x04X`+r\x95BQ5\x08Hspy\x81\xb1\x1c\xc0\x05X\r|\x0cuX\x90\x03\\\xdfl\xbb\xf6\xc2J\xe9\x89iO\xd5\x04g:%\x9c\xdbw\xae\x03\x16p\x81V\xaaz9\xa85\xd9\xbf\xd2\xbf\xd2$\xc4\\\x83s\x83UU\x0c\xd6\xaacu\x14\x82\x0b\xa6f\xa4\x94\x00\x06\xaf\x1c\xc17f-\xf1\xbf\xf6\xc4]\x1eZHu\xc1Wo\x9ew*\x95\xa5\xe0\xc5\xfaz\xe4C\xb0\xfe\xfeI\xb9\xbc^U\x85\xf4b\xb0\xb6\x18\'v_\xacl@J\x81\x1d\x07+\xfe\xdd\x8f\xd2\xf4\xb9\xc7Z1\x056\x83L\xd4\xcc\x07A,\xe5\x90\\YZ*\x94\x0b\x85M`\x93\x80\xd6$\x14\xd6+\x00\x0b\xdb \xe2B&gt;\x84\xbc\xec\x06/6\x08\xa2X\xc5\xc7\x8a\x8f\xfd\xe9\x07MF\x072v\xee\xa5dbt\x82\x80\x95w\xc9\xb2\xfc\xbcs\xe8\np\t\x9151&amp;\xaf\xaf\xaf\x07/\x82\xcd\xce\xce\xc6\xb1\xa0rAI\xc5X\xc7\x11UMM\xc9_&gt;x\x13\x8fFH\xd6#\xb4\xf8\x04\xc1\xa4#\xfeGqO\xd5;&amp;\x80s|\xf1Q\xa7rhH\x8e\xb8&gt;\x03\xacO?mj\x12\xca\xe5\xc2z\x95J\x05r)f\x15\xb3*\x8c\x05\x05\xe2,\xf8\x10U\xfa\xa8Z\xc7\x8f\xd5\x94\x94\x1c}\xfd\xc1\x99\x08\x12fg\x8a=\x1d\xe2\nNP\xb1r\x9e\x8aE\xa6f"\xe1\xea\xb3\xfa0\x96\x12\xb9\x10\x811V\xaf\x9aE.TT!\xb5^ \xac\xd5(\xd6\x99\xca8V\xc9\xd1\xa3\x87^\xff\xc7\xb5C\xec\xa6\xc4q\xac\x0b&amp;\x04e\x1d\xe98\xe7D\x9en\xdb\xba\xb9\x86\xb4\x92\x0bYV\x8f\\8\x0by8\x08\x01\x1fs\xe2j\xb4&gt;\x00U\x03N\xc3\xe2\x9a\x92\xa3\x87\x8e\x9c\xfc\x87n\xcf\xe7[\xb1\x07\x8e\x04\x8b\x12-(\x82;\x8f\xc6\xb3S\xaa\xdb\xf6\xad7\x0f\x81Z\xc8o\x18\xe9\xb3\x98Z\x8aA\\\xb3b!\xbf\xe5p \xacJ\x06Kp\xbc\xb8\x06Q5\xfe\xfd\xdf\x89y46\x9d\x92\xcct\xfa\x91\x0f)IV\x8b \xa3\x1dq;\xd4\xdb\x0cE]\xceh\x84\xd0PIEe\x0bW\xd3\xc1*\xc5l&lt;\x15\x11\x16*[H-\xe4\xc3CG\x1a\x1b\xff6\x9f\xc1\x18\x98:\xb7\x13\xc9W\xf43\x99\xd6\xbf\x89\xb0\xb0X\xe08\x84\x05y\xd8\xffE?pA\xa8#/B.\xa2\xd2\x85\xea)\xc6*\xc2\xc54\x07\x89\x05X\'\xff\xf0#\x91T\xa9\x88\xd8,O\xec1A\xech\x1a-\x1c,\xf4Q,\xe0\x82\xecS\xc9\xa1\x9a~q\xee\xb7\xfdMPNQtAlA\xf4\x0f\xbex\x8f\xbc\xd8\x12\xadZ\x18\xab\xe4\xd0\x11\xf0a\xe3_\x7fH\x7f\x8a\xdd\x85\x82\xfb\xc0\x96Lu\xa2w\x1e\x0e\x16z=`)K\x01\n\x8f\x10+\xf7\xce\x9d{w\xee\xde$\x94y\x15pU\xa9\xe0u\xb6j\x0ec]C\xbd\x07\xb8\xa0\xcc\x1fC\x91u\xb2\xf1\xe4\xbf\xa6d\xa9\x13\xc4\x0eX\xc9\xe3\xf2N\xff\xdd\xe2\xb5E\xb1\x86\x94\xca\xfa\xf2\x13=o\xae?z\xbe\xd6\xac\x7f\xfb\xee\xdd\xbb{+\x88\x15\xb8\x14B!\xaa`sO\xb6\x1cO\x1d\x80\x05\xc1\x05\xdd\xe7pN\xcdQ\xa0:\xd9\xf8\xfa\x8f\x1fd;5f"m\x99`\xd5+"\xfd\xbc\xc1\xf3\xdaB1\xac\xd2\x9e\xeb_\x0f\x07\xc2p\xda\xf7\xad\xc3[z}\xb3R.GXr4L\xf4&lt;\xbe\xf0\xd4\xf1\xed\x7fY5\xdb\x984\xb3,\x8e\x1b7-\x84oR1\x91\xb5\xe2\x84\xb1\xa8\x88`\x1bA\x14\xec\xa3U+B\n\xd5G\x18\xa9\x1b\xc5Ui4\x92B\xb3\x81X\xda\xba\x06b?h\xb32\x12\x8b\x81:\x91\x8d\xa6\xd1]3`\xd5\x8c\x9a\x16\xd1&amp;V\x9bL]\xed,\xa3\x13\x9a\xe9K\xc6\xddm\xb2\x9bt4\x99d\x93=\xf7A|\xa5\x95N\xf6\x1a\xdf\x12?\xfc&lt;\xf7\xdc\xf3\xff\x9fs\xef\x9dJ\xc2\x06f\xa5\xa6\xa5$\x10XUU\xac\xe5\x9f\xaa?\xe0g"LF\x0f\x06\xf2\x83\x9a\xd8\xf5\xc7\xf1\xa1\xc7WUP"\xa4\xe2\x0eo1\x9a\xe7&gt;\x80V\x1a\xcd \x1c\xbd&gt;\xadV\xdc\xe2&gt;\x9f\x87\xc4\xd1=;v\xc7`\xf7\xf6\xb4\x95\xf555\xd5\xd5%&amp;\xa6q\x89\xf2P\xc5\x81h\xfd\nM$\x87\n()$Qd\xf2\xce\xf7\x1dM\xbc\xf7\x92\xd8D\xe0\xd2\x0e?\xb8\x8e\xc6\xca\xc5\xc5_\x14_\xff\xe2z\xb1\xe5\xda\x83\x81\x8e\x91\x8e\xd9I\xb1\xf4|\x8b\xdb=i\x9d\xe9\xf4\xf4\xc8\x05}\x1aY\\\\\x1c\x85BIO\x13\xa2\xf2\x10\xc2\nMb\xc8d\xd2\xbe\xd2\x19&gt;\x89\x87F#\xe4\xb0\x1e\x11\xe2D\x0e\x7f\xdd\xfb\rI\x17`\r\xa1\x1dSM9\xda\xffT|\xfd:\x90\x11s\xf8\xcfjj\x04\x16s\xfb\x80\xdd`\x1d\xd1B\xa8j\xedfK~\xf9\x19\r\x10\xc5\x9e@+\x96\x9a\x1e/\x01\xacB\xde\xb3/\x99\xbb*H\x0e\xef\x1dy\xc7 G3\x1a\x890\xa4\xac\xfej\x9c\x08\x97\xbew\xb8}\xe0\x9b\x81\xf6\x01\xf4\xc5#\xafil\xac)\xcf\xb7\x98\xbdf\xb3\xa1C+\x9e\xb5\x02\x95\xa0\xe6\xb7q\xbf\x89=q\x92\x80\x8a\x05\xac\xd3\\VU\x15[\x02X\xd1\x0f)\xc9\xa4\x0f\x8fF\xf6]\x17T\xff\xee\xcf\x80\xa5R\xe9\x1d\xc3\xdf\xdcv8&amp;|\xbd&gt;\xdfD\x87\xdd\xdc#G\xeb\x9a\xc7\xe31\xach[j\xefT\x02\xd5\xe7\x88\n!Q\xa8T4%9\x9d\xc0+\xdc\xc1"G\xbc\x13;\x10\xa6\xfd\'q\xb7\xed\x0e\xbb\xc3}\x1d9\x99t*\x9b\tU~\x1ca\xcd\x8f@\x8aOI\xd1\xd2\xe6\xb6\x8c\xd4\xda\xbd\xe6J\xf8\xf0\x9a\xbd\x8b\xbe)\xf7X\xa5_\xd0\xa8A\x19E\x89\x93i4uMM\xa8M\x8cO\x90\xb0\x0bY\x80u\xaf\x9a\x19\x13\x1dV4\xee\x94\xf9~{\xfb\xf7\xdbC\xe3Cz\xbdJ\xbf6\xafW\x81A\xcd\xcd\x15C\xb4\x16\xed\x06\xafw\xc6`\xb7[\xad\x1d\xbd*\x95{\xecJY\x9d\x8c`\xaa\xeb\xeb\x83&amp;;\xab\x02\x84\x1a\x16$=G\xf8\xec\x1f\x7f\xf924G\x8dF\x13\x0f\x16\xb0\x08\xf3\xad\x98\xe9\x05\xed\xc4\xdf\xbe\x1d\x1a\x07Q\x84u\xb5U\n\xf5t\xb2\xc3\nU@.\x10\xb4\xf9{*g\xc6&amp;\xc5\xaa\xc1\x8d[\xeeG\x17\x9bd\x94XJ\x9c\xa6\xb1O  \xb0\x92\xb8\xc8\x03\x82\xfc\xf0\x84\xdde\xa9\x05\x03w\x99{:\x1b\xb69;?\x84o\x11\xa2\xd4D\xe6\xfb\x17y\xfd\xa5&gt;\xc7\x1a\n\xd4\xd5\xc1\xc1V\xa9xr\xcc\xe0\xf5\xc8\xf3kd\x1a\x88\x89\xbfsflBj\xc4\xf1\xbc9\xc0\xa2\xc6\x9e\x88\xa5h\x1ak\xce\xc8d\x1aY]J\x02`!\xa5\x06\xac\xa4\xf8\x8c\xd5\xef^fGy\xb5\x7fX\x13w\xdd{\xf8{\xcc[\xe9ME\x89R:\x0fT\xaa\xd1Au\x89\xb4e\xd6\xde\xd99\xe0\xc9\xef\xab+\xf3\xf7\xf8\xfd\x95\xf6\x15\xad\xb2\x08\xc3\xe9s\xdf?K\xa5B\xb2S4g&gt;\xfb\x1c\x12^\x96\x98\x99\x91 B\x9a\x88\xb0\xb8B\xde\xfa\x93\xbb\xcc(\xe7[\x1f\xbd\xe6$\x84\xe7\xfd\xad\x9b\n\xacA\xad\xd2#\xacQ5\xe3Bn\xcb\xa4u\xf1\xf6\xf0\x80\x17z\xfc\x99J\xaf}V\xdcZr\x0e\xb0\xee?\xdc\xaaH&lt;y\xf2\x04\xa51\xbf\xbc\x11\xa2\xd5\x94\x9a\x1a\x9f\x11r\x10l\x1e\x04\x8d\xb7\xfc\xae+\xe6\xd8A\xd2\xd1]\x8c\xf8\xe0\x80\xf9\xd6\xd6o\x0b\x06\x83\xa3z"\xb7\xf8\xb4\x92\x0bg\xc5\xee\t\x9f\x0fM\x1f\x0cw\x0c\xd6\x95\x96\xb3J\x17\rW+\xee?\xbc\xb1\x9ay\xe2d\xacF`\xb1\xb4\xa1\xdc\xaa\xe8\xe6\x82\x95G\xe6\x94\xcd\xe1\x14\xb2%\xab\xaf\xba\xa2\xbc\xe6\xfc\x80;\xdd\xe7\xc6\xb2\x9f\xd3\x15\xea` \x88\x03Vkk+\x1fc\x00W\xaeX,\x9e\x98\xac\x1d\x1b\xb3\x8f\xcd\xb6Hs\x94\xae%\x9a\xab\x7f\xee\xe1\x8d\xe5\x0c*\xec\xa1\xc0\xd2\xd3\xd3\xec/\xc8\x82\x9e\x07Z\x0c.\x8f\x03X,\x84\xf5\xa4+\xba\x93H\xa8 9\xdc\x02\x8541\xac\x0f;\n9\xbd\xd0\xaf\xa0\x05\x03\x01\xd3\x94^5\xaa\xe6c\xb4\xa2\x9c\x0bg\xa1D\x80:O\xce\xd6Zk\xdd\xb9J\x97\xcb\xb9\xe4\xdaDX\xeb\xdcL\nEV\xe6on\xf6_\xce\x8aO\xe2\x8a\x92B\xf6\x94\rr\xcd\xe6-\x13XG/\xa6\x0e\xce\x1d\x8e\xcf-\xb4\xa6\x17J7\xcfa\xa6 `Af\xf1i\x8c\x92\x9c\x9c\x1cp\xa9\xa8N\xb8\xdd\xee\x96\\:P9\x9d\x9b\xfd\xa5s\x0f\xbf^\x97$%R\xa8Mem\xf5\xf5\x05Y\xf1a3\x0f\xd6\x86\r\xc7\x91\xb5\x0eX\x1f\x9d\x0e\x1d\xd6D\xd2&gt;M\xdc-Z\xc4o\xa7\xa6\x17\x14N\xd3\xb9\x1c\x13\x0e\xe5\x01\x12\x9eQ\x12^9\xd0]\x80\'U:\x11\x15`\xdd\x04\xac-\x9e0%]VW\xd6\xe6\xf7\x87\xb82\x88\xb3\xc8\xaeb\xb3$\xbc\xc2\x9f#l\xe2\xc7^\x8d|&lt;ZFS\xb0\xa8\xbf\x88\x8f\xce!\x83QT\xc4`\xd0h\x18\x8a\x1a]q\xfe\x12\xdd\xe6\x0c\xad0\x16O\x94\x0c5\xbe\xc0\xdf|\xa5\x19\xf5\xd5\x19D\xb4@\x139"\xee\xd3\x9f!\xe5w[\x8c\x83\x97+\xfb\xbd\xe0\x91\xfaE\x8e\xe0\xaf\xa7\x176\x02\x01\xda&amp;]\x8dj)\x81E\xc30\xf8&lt;\x07\xe1\xa2\xdbl.\x97k\t-\xe7f\xe9\xdc\xf77\x969,Ifz]jY}\xf3\x15\xa2\xb3\xaeH\na\xb1D \x8dO\xdf\xbd\x8d.Z1a]&gt;\xdcU\xef\x8d)\xa6\x9f\x07\x10\x96\x8b\x86\xb0\xd44\x1a\x105`4\x8c\xb6T\xe4rACfC[\xb8\xa4\xd3\xe9\xe0$",6/%=1\xb5\x00a!\xaen\x91\x88K`%\xa4\xa5d,\xbf\x8a|\x12w\xa7"\x07\xe6\x98\xfb\x1f\xf6\xc4D\xc4\n.\xb9h\r\xd0R\x0c\xf2\xf9|\x0c3\x990\x0c\x83\xf8\x18\x9d:\xa3\x11\x0e\xa1\xd3\x85\xb0\x8c\nT $\x1c^\nU\xd6Tv9\x14\xae\x8b\x08KBD+-3\xb3"\x94[G\x02s\x14\xeb\xf8\x05XA\xcci\x0c\x9a\xc2X&amp;\xb4\x00\x0bH V.\x9b\x13\xd5\x07\x14\xae\xfb?\xdcX^\xe5\x8aR\xa8T\x84u\xb1\x19\x16D\x0bD\x87\x05X\x92\x94\xe4\xd3\x11\xb1b\x8e\x7fp@:\xfc\xe0 \x84er\xba\xf0@P\x0fXj\xc0j0\x99\x1aL\x98\xceH`\xd1\x15J\xd7\xe6\xa6\xd3\tX\xb6\xd2\x1f\xbe\xdeZ\x15%\xc5\xa7S\xebv\xb0\xd0&amp;\n\x85&lt;h18\x9c]\xac\x83\xd7\x9c\xbf\xf2\xc1\x01i\xfaypi\xd3e\n\x04\xf4\xfa\x17/p\x1cC\x0b\xa2\xa5C\xd1\x02*\x05\x9d\x08\x16\x0e\x1dc\xe9?\x1fmA\xb4DiTH.\xe0\xba\x88\xb0\xc0B@\xb0\xaax\x9c\x94\xc4\xd3IO\xbab\xa2{p\x10I|H\x876q\xc3\xb9\xb9\x89\x05\x02\x8f\x01k\x10G\xb9\x05`\xb8\x0e\xa5\x93\xf2R\xbfBi[\xc2A\x04\x16\x166\xce\xcf=\xdaZ\xe6I$\xdcd"\xb9\xd0-K7`\xa1`\x15\xf2\x84i\xc9)\xa1\x94\'E\xf7jd\x9f1#\x1f\xb8&lt;\x08\xfdm\xf6\xf3\rP\x16W\x10\xb0\x88\xe4\xc20&gt;\x86\x9bv\xa8J\xcf\xe7\x19u\xa6\xe0\x06\x04k\xc3V:\xfbhk\x9d\x03\xf6\n%}\x01q\xf9\xd3\xbd\n~\x0b5&gt;\x1c8\x89\xa2\xf5\xff\xdc#\xed\xbd\x98\xdb\x1b\x8d\x84\xe7X\xa4\xbdt:\xde\x06\xbe\xde\xe0\xd3\x9c\x9b.\xbe~\xfe*l"p\xa1\xac\xc7CT\xa5t\x1b\x14\x89[\xbe\x11\x9fT\xdb2;\x86R\x1e\xcaAB:%1u\x07\x0b5\xd5\xd0S\xf3@ \x85o~\xaa\xfe\xff\xbd2x\xbf1\xaa\xc6\x96\\\xc6\xde\xb5\xc7\x04\x16q\x18u|\x9d\x8d\xde_z\t\xa0\xf2\xdc\xe0\n\r\xb5`s\xfez9&gt;39M\xc4\xc9H\xa7@\xd6\xd7\xa3=\\E[\x08\xcd\xab0C(\xe1\xfe\x18\xad9\x8d\xf8\xac\xec`\x9fH\x9e^hU\xe2A\x13\xd6\xbb\xa6\x87M\xc4\t,\xdc\x84\x1b\x95\x8a\xfe~\x1b\xae\xbb\xd52v\xb1\xe0\xeff\x83a\xa6\xb9\x00&lt;s,5-)\x19\x0c\xbd\xac\xaf\xbe\x1e2~\x95\x87\xa8\xaa\xc03\x83\x9b\x7f\xd2\xc5\x8c\xf2%\xe5\x87\'\xcd\xbb\x9a\x05\xbbh\xc4\x83\xc1\x86^\x87\xfe\xea \x8eC\x8d\xe0\x03\x15\x0e\xa7\xb0\x9f\xae\xc3\x8d\xd2\x89\x7fwB_=\xbch\xe8lC}\x0f51\x91\x1a\x0b\xee\xa6\xefr}=`\xa1\xcc\x82\x8c\x97H\xa0%\xfb\xa5:\x86\xf4QM\xdcu\r\xa4\xa3\'\x91t\xe8\x9a\x13&lt;\x84\x8e\x06\xa7O\xeb\x98\x07\xf9A\x9b\x88\xb0\xf8J\xa8\r6\xb5Q;1\xec\x95\x0b\xe4\x1e/\xf4\x8a\x16h\xa8)\xd0\xb6\xa2\xceUSV\x8fv\x91\xa8\x0e\xd0%B\xff#\xfc\xf1\xdb\xecO\xbf. \x85\x9b\x8b\x83\xcf\x81\xd0\x03\xc5\xe7\x1b\xe7\xa0&amp;L9\xd6\xf4\xa3j5D\x0b\x87\xa5V\xd2\xe9t\xa9vd\xb8\xdd\xdc\x93/\xc8\x97\xcb\xcb\x05\xd7\xf2\x1b\xe3\xe2\xe2bC\r\xb5&amp;\x14-\x84U\xc8\xe6p\x85\\\xae\xe4\xdd\xddS\xe1h\xed3\xc0\xbb\xf2\x17\xf3\x89CJ\xd2\xfb\x05\x90\x9b\x86)\x87c\x1e\xbc\xcd(\xdaE\xbe\x9a\xa1\xcc\xcb\x9d\xb0\x1a&lt;=\x16\xf4V\xa4\xbc\xbcO\xa3\x11\x94C\x9f\x1f\x1a\x89@n\xa1J\x7f\xb9\x1bY@\xf0\xa5\xe8z\xe5\xcd\xbf\xb2#\xc9\xcd\'?@\xda}j\xc0|\r\\\x98\x16\xf5\xf9\xe0\xe6\t.5\xa3D\xbbb@\rl\xbe\xdc\xe2\xf1\x98\xcd\x16A\xb9\\.h\x94\x85\'5\x14(\xa9\x05\x05\xdd\\\x84\xc5\x92py\xbc\xa7\xef\xb6OE\x8bu\xdc\x83\x83\x1d\xaf=\xfdz!\xf0\xc2w\xdb\xb1\xd6;%E\\jp\xa9\xad\x13\xed\x16\x08\x93\xdc\x03\xe9&gt;\xbc\xb2b\x85\xbe\xdf\xdc\xd3\xd6\x87\xb2\x9e\xc0\x02\xae\xd4\xac\n\xc0b\xb3x\xab\xcf\xde|\xf7\xeae5)\xfa\x8b\xbb\x88\x8e\xfa\xc8\x83\x83\xec\xb7\xaf\xb7\x87\x10\x96\x96\x88\xd7(\xa3\xa8D\xbcx\xad\xbc\\\x90o^\x84~{\xcd7\xb2\xb2\xd2a5\xf4\xf8\xdb\xca\x10X(\xed\x13\xd1\xb3$\x0e\x8b\xc3\x13&gt;\xfb\xc3/\xff\xdd\xae\x8e9\xf4d\xf4\xe8\xb3\xb2(\xdc\xe9\xc1\xff\x86\xc9\x9c~9~\xdb\xe1\xe8\xd5\xe6\xfd\x8f\x95\xf3\x8fi\xfaN\xe3x\xaf\x04\xbe\xa5An-\x05iJ\xdboi)m-Ja]\x81\xc2\xdd\xae\xd8\x9b\x96#\xcd\xc4l\x11\xbb!g\x10w\\Cm\xf5\x0f\xbdF{\xbd2\x97L\x10\xe2z\xe2_\xbd\xf8c\xe8pu)\x0bs2\xdd\x91\x0b\x0cr\xc1\x0c/\xb7\xf1\xc7\xc5\xa8 \x98qKpq\xa7\xce\x1f\xbb\xe7\xf9|\xfb\x9b\xa2ew\x9f\xa8I1\xc1\x97\xcf\xf3|\x9e\xcf\xe7\xf3&lt;\xef\x87\x06\xfby\xb3Yj\xf7\x86:\xc1V}\x93\'FO\x9c\x18\x1d\xf4z\'\xbb\x9c\xee&gt;\xdf\x81M\x9b\x8e\xb7\xf2\xb8&lt;\x1e7\x93\xadF\xac\xf2\xf2\xcd\xd5\x1bn\xfde\x9b\x0e%\x95T\xfa;1\x9c\x128\t\xfb1\xe1\x13\xb3St\xf7?&gt;\x84\x95\xd2\x8b5v\xbb\x19"\xcb\x03\x1e4\xba\x9d\x93\xd7\x06\xc1R\xdf\xb6tu\xf9\x9b\xfa\xd0Z\x04\x8b\x8b\x89\x82`UWWo\xa8u\xee\x94\xb3\xe2Ex\xc9X\xe1"%\xf5\x13\xf6\x80|\xee\xfd?\x1f:48Zw\xb1\xa1\xc1\xaeo\xf0:\xb0&gt;\xe9\xf4\xb7x\xbf\x9d\x1d\xbf0\xbe\xb4\xb4t+8\xf3\xb7_\x94\xc0\xc2Z\x127\x8cU[\x8b\xcd\xd7\x00\x93\xdeW\xbb\xdbR\xb7\x0b\x12\xbf&amp;\x9f\xbf\x83X\xc3\xa3\xef\xc1\x8b\xba\xa1n\xd2ek\x03.\x7f\xcb\xec\xd2\xd4Lp(\x10\x00\x17\xce\x1c(\xd9!\x14BlA\xc4\xf3\xe0\x18\x92\xa84E\xd8\x18\xee\xde\x17V\xfe\xa4\xdd.H\xb3\x9f\x88&amp;\xbfw\xec4`\x01\xd8\xf0\xe0p\xdd\xb0\xc7ekm=n\xed\xba\xb68\xbbtki|vv\xfc\xd6\xad\xa6\xe0o7\x95\xec\x12\xf2\x01\x0b\xcb\xcc|\xb5\x98\x16\xd0\xb4\xa6`\xea\xae\x8e\x95\xa4i^Y\xc6OQ\xcb\xcan\x9c\x14U\x94(\xd6\xb6/O\x83\xb9\x06\x06\x06\xbd\x03\xdea\xaf\xdb\xd8&amp;j\xb58\x07G\x1f&lt;x\xf0\xe8\xd1\xa3\xc5\xc5Y \x03G\xbe\xb2EL\n\x82"\x11\x8f\xaf\x96hi\xadJP0\xf5\x9d\x8eZ\x15VR\xcf\xe7Y"&lt;Jw\xe3\xf4\xbe\x01\\\x93\xb0\x02\x0eK\x9b\xa8\xcd7\xd8\xde\xde~\xf0\xe0\xd3\x83a60\xd9T\xb7JH\xa8P\xf9&amp;\x14k\x81L\x03X\xab\x15\xe1-ks\xb2R\xb59\xf1\x93|\xfa\xe3}\x03\x97\x06.\x05.\x05\x02\x1e\xb7\xd5\xd2\xd6j\x0b\x01\xd6\x9e\x83\x07w\x7f\xb5\xbb\x1d3W\x0bX\xab\xbb@\x0bX\\\x82\x05\xe6\x12\x03\x16=\xf5\x83.~\x9e\x83C\xb1\x92\x8a\x94\xb16\x1e\xf5|\xb5[RH\xca\xa7\xdf\xdfw\t\x91\x02\x9e!\xb7\xc3jP\xb6YB]\xdeQ\xe0\xda\xb3\xa7}\x18\xf2\x96\xdf\xd94\xf3\xea\x16Z\xac\x86\xeb\x96\x08\x9d\xc8GE\x1ex\xf1?Ot\xab\x9b\xc5\x88\x93\xf7D\xee\xf2\xd4J\xb3\x18y\xd3\x7f\x1d\xf0\xec\xf5\xe0:\x17r8\x8c6\xa5!\xe4\xf4{\x07G\xdb\xdbG\xe1\xec\x81\x9d\x08ik}\tR\xb1I\xc8\xe3\xd5\x0b\xc0\xb4\x1a\x06+\xaa\x89\xa7b\x8a\xa3\x04\'R\xf1y,\xd2\xec\xe7D\x07%Rjl(N\xde\xdcW\x87\xf6\x9e\xdb{\xee\x9c\xc7\xe3\x0e9z;\xc1Z}C\xfe\xae\xaeI\xef\xa4\x7f\xc8\x07\x97\x1b\x8b\xcdv|G\xebo\xf8xXs\xb1:\xcfW\xab!\xea\xb5\xb5\xb7\x9fD\xb4n\x9cx\xa9Ar}2\xfaE\xd6\n\xa2 N\xaa\xdaf\xde\xdc\xbf\xfe\xe9\xe9}\xbb\xb77\x14\n\xf5\xfa6\x16+\x94\x06\x1f\xdc\x95\x9d\x1e\xa7\xdbg\xb4)Dm\n\x85\xa2\x95\xdc\x03\xf1\xa8\xce\xc0K\x97\x1a\xa2K\xa5\xaa\xfe\xfe\x89nU#\\)c\x8b\xa2\x92\xe7[\xc2\xf7\x9b\xb9\xb1=\x97PM\xed\xf09\x1c\x9d\xc5J\x85\xd2\xe8r\xc0\x95f(\xe43\xd8\xdaD\xb0\xf90\xa0\x98\x1eT\x16\xb6{\xd8\x88\x05\xe7u\xf9\xcd\x14\xb1\xf5\xbf\xb6\x0b\xa2\x7f\xc3\x9a\x1b\xdb}\xa8w\xe3\x17\x8e\x8d.\x14\x9f\x03\x16\xdc\xb0|}\x8e&gt;\x9f\xd5bk\x85`\x12\x89\x14\xc0\xc5\xdc\xb7\xc0^\x99l&gt;,\xa1\xb8\xa0\xec\xe6\x13]Bnb-\x97\xa2\xa7l\xa1S\xe9\x1cRy\xf3c\'/z\\\xd8\xb6\xeb\xc4\xa9#\xa5\xcc\x08\x01\xe5\xf2\xb9\xacF\x83\r\xbc\x07K\xa1`\xb0\xb2\xb3\xb3\xb2\xb2\xe1\xcaE\xb0\xaa\xd7\xdd|"\x7fn5y\x85\xbb&lt;\x15k\x10\xc4\xdd$\x12\xf6\xe5\xfc\xd8\xd6\xd7\x07\x1c\x9d\x9d\x9d87\xa3T\xe2\xd4\x91\xc5\x08PF\xab\x91\xc1"^dgefgd0M;&gt;lFA\xd9\xafn\xfe[\x1e\xbd\xbd\xa75\x15\x15\xdf\xe6\x8c6\x08\xa8\xb0\x9e2\xf6U\xe6O\xc0:\xf9\x9e\x87t7\xc1TJ\x9b\xcc\x02XF\x83\xc1\xea\xb0\xa2\xca\xba\x95q"7#3+\x8c\xc5E\xac\xdaR\xc4\x8a\xee@\xces\xdb\x05\x1c*\xe9\xd2\x1c\x1f\xf2\xf1\x97f\xe61\x0bN\xdc\xba\xd5\xeeu\x11C)q8KFF\xb4\x0c&gt;\x07&gt;3 \xec\x15\x88\xc5\x03\xa6l\xd8\x8d\xd8\xfc\x017j7\xafC,V\x82\xe27\xad\xe7kl\xbco\xa5\xa24\xa3\xedB\xac\xf3`.\x08v\xa5\x12\xe1d\x84\xcd\xe8p\x84|V+\xa4-\xa5\x02]\xc9\x98\x8ayg\xf0\x85Ee\x0c\x16\xf3\x1fM\x91\x06\xe2\xdb\x97\xac\xc4\xde\\2V\xb2\x91\x99\xd8\xba\x07X\xcd5\x83!\x9bH\xa1\xf8\x99\x02\xc7\xd8 \xc4d\x96N\x94\xa5c\xd8\x87\xb1\xb2#{\x11\xb0\xd4\xf4\xe6R\x82\x15\'a\x8e?\x87SH\x7f\xd2ms\xc6j$c[_j\xb6\xb7O\xba\x94\xc0\xa4\x10!\x16N\xdcu:po\xa2\x88\x1f\xa2\x8b\x97\xc1P\xa1\x17!\xb8\xc4Dn\xc08q\xb5SQ\xe1 K\x10\x1c$\x9e\x89L\x8d`d\x0c\x9e\xfap\x8b\x0f \xd7\x0b\x88\x05\xc6\x82\xd8\xea\xc4\xc8\x02*b+b\xac\x88\x0f\x85\x9a\xf2\xd2\x08\x16\xb3\x89\xd2\x15\xa6\x87O\xaa\x04\xc1\x01\'"8\x88(\xe4\x98O\x88\xd5\xdcl\xae\xf2\x86d\n\xe2F\x0c/\\\x16\x0c44 o-/\x03b=\x93&lt;\x15!\x9dj7\x94\x97E\x9c\x18\xfeW\xe2\xb4w\xcf\x98\xc5H]HZV\xb2$\x96\x1c\x99\x06\xac|\xa9\xb9\xce\xeb\xb6 \x06$\x04\x05\x86\xbeM&amp;c\xbc*bJ\x10p\xf2\xe0%\x02\x8dU]^^\x16\xdb\x89i\xcf\'R\xf1\xc5\x10\x16+\x95\xe0 Z\xed\xa2t\xd3\xd8.\xc8\xcf\xd7Wy\x1dp\xf6\x88D/\x8aD\xc4JJ\xfc\x00\x87"\xf1!\xe3&gt;|\xbe\xaaiT+\x96\x952\xe94\xfc\x1dY\xd1A\xc0\xe8to\xe4\x10Ny\xc5\t+\x05\xe3\x04\x07,*\xf1R\x14\xc1\x92\xea\xeb\xba\\\xc4Z"p%\xd2\xbd\x08\xa1\x0eHk3x\xbcpTa.\xd5\x16m \xad\xea\x88\xb5\xe2\xbe-\x157\x1d\x99x\x10\xa6:\xa2\x9e=\x9f(\x0fc\x99\xcc\xf5\xc3N+N\xba\xbe\x00lkyk\xe17d\xab\xb5\xb8\x0b\xd9\xecHiD-\xd6\x10%ly\xe9O\xdc\x89\xe9M\xdcQy\xfdc\'\x9b\x9b\xf3\xff^Yi2\xd5w\xf8}\xb2h&lt;\x01\x13\xfc\xca\xe0\x11\xa0\xacp"\x15k\n4\x9a\xa20\x96nu\xb1\x95\xfe\xcc %?\xf2\xc1?v\x9f\x97\xe6\xe7W\x02\x97\xbe\xbec\xd2mhkc\xaeX\x19\xc8\x14\xf6_f\x16,\xd8\x84B\x81F@\xc3\xab\x1a\xb1\xbe\xbf\xdb\xd3\xbf\x8d\x0c\xcd\xb3\xa8\xd5\xb4\x0b\x12\xda\x9c\xa9\xad%\xef\xf9\xd3Q\xcf\xeb\xcdRi%b\x99\xcc\x15u^g\x1f\xbc\x15\xc91\xc8\xcb\xe0f\xb0\xa3\xc9\x1d\x12\x84Z\xac\xa5UZ\x15-@\xacu\xa5\xc17\xf7\xef\xff\xf0\x8fo\xec\xec\xe9\xd7\x91\xb1\xc0\xd5\xb69S\xe9\xc1\xc9\xa7\xbc\x9e\xdf\x17\xf2\xce\xed\tc\x01\x97\xbe\xbe\xea\x9a\x7f\xc8j\xc1\xd0\x07Cq\xb91*6_\x0c\xa6"s+\x0cVY\x91B\xf6\xf3\x9c\xc2\xa3\x8d_|tg\xa7\x8e\xb5Z\xc1\xc13\x8a\xf3G\xdem\x14Y\x02\xc4Z\xe8F\x13\xd8K_5|\xadk\x88\xb90\x93ZH\x04J\xa8\xd5\x14iTb\x89P\xac\xd20X\x05\xb05\xc1\xbbla\xc9L\xe0X\x8f\x9c\xf5\x7fZ\xf2\x9e\x0f\xdf\xca\xb54\r\xda\x19,\x00\x93\xc22\xd7W\xd5\x01X\x9f\xd5\x82\x0f\x1e\x1e\x93B\xe1:\xaa*(*PI\x84j\xa1\x98f\xd4\x19\x80\x05.\xceZ\x93\x05\xce\xdd\x12\xbc\xfbe\xcfs\'\x169\xcb\xb3|,\xc7\xc9G\xee\xcd\xcf\xf5\x1c\xe9?\xf2\xc6\xbbo\x15\xca\xdc-u\x04\x8bp\xe5K\xa5\xf9R\x93\xdd\xdePw\xaa\xc5\xdfD\x86\x8f\xe0)\xc6\xc7\x97\x0eN9\x08\xc4B5`\xa9\xb0\xee\x06\xb1U\xc4`\xad\x81\x1d*\xa1\xbb\x83?\xdc\xe8\x89\ro%\xc5\xd6\xf3\x04\x07y#\xf7\xe6\xa6\x1f?}pw\xff\x07\xef\xbe\xd9XXhh\xf9u\x85\x1dld\xaa\xac\x8c\x18\xcc\x84&amp;\xabAm\xcb;M\xdb\xb1X\xb3C"&amp;T\x1a\x95D\x8dX\xdad,\x02.\xe8\x0e\xde\x050y|\x912\xe9L\\\xc1Z,\xf9\xc8\xfc\xf4\xe3\x87g\x17\x16\xae\xcf466\x1e-,,4~\xf2\xcb\n=\xb6\xd0I\xcc\xe7\xbf\xfc2XK\xda\x0cG\xf7k\r\x1d\x97/|\xfe\xd9a\x04+Q\xd1\x88E\x8b\x85h-\x89V\x80\xe2\x0c\x06\x8b\rXl\xb5\x18\x81%\x9a\xee`\xe0\xd8\xce\xfem\xd1\xc2e:\xcd\x15\x8a\x9572\xff\xe3S\x80Z\x1cw[e\x85\xcc\xeaL\xc0\xaa\x94\xe6\xbf\x94o63\\\x15\x1d\x9f\xb4\\@\x83\xad/\xc1rV\x81@\x95\x84\xb5\x81\xcb\xe62\xd6\x92\xd0\x1aZ\xc8\xe5K\x04[f\xdc\xf8\xc3\x19\xc8\xcf\xffX\xde\\Iu\xf8\xe4\xdd\x03\xe7\x11\xa8\xa5\x89\x89\xdb\xb6\xdc\\\xa4\xca-\x06\'\x12,\x13I\x10(&lt;\x90\x9a\xf5fp\xe3k5\x15u\xa87=\x1cQd\xd0Z\x89\x90)?\xd0\x05\xb5\x04\x8b\x0f;q\r\xacL\xae\x90.\x10h\x85\xf8P+90\xf3\xf67\xc7vn\xcbK\xe7\xf0\xc9\x1b\x99\xfb\xf1\xf1\xc3\x87\x0b\x8b\xb3K\xe3\xd7\xaf\x9e9s\xd3\x96\x93K\xc0\x8a\xfd\x1d1k!\x96\xd9$5\xa1\xb0\xc5\xae\xb7\x03\x17\xc4\xd7\xe1W\x10K \xa019\xec`\xb04\xa8\xdf\x8aa\x11?\xd2\x02Z+T\xa3\x9eQ\xbc\xc9\xb5\xf7\x1b\x94\xe6-/\x8d0\xd1\xc4\\b\xc0y\xd3a\xef--M\\\xf9\xf4\xd3\xabWn#V!p\x15\xbbOU\xe8Q3\x12\xc6B"\xb3Y___\xd3P\xd3\xd0Pu\xaa\xe5\x9d\xed\x04\x8b\xa6U\xa8\xcf\x85%\x16\xab\x18\xac\xb2\xda0V\xe4\x08P\x81=\xd5\xf8\xe6\x06\xb4\xe3\xae\x8f\xee\xdc\xef\x8f\xbdo9T\xe2N\x04&amp;4\xd4\xc2\xc2\xd5\xc5\xf1\xa1\xa6\xaf\xaf\x9e={\xe6\xfa\x1ff\x0cJ\xb4\x16\x9a\xcbw\x19\xace\xaa\xacdNE\xc4\xaa\x070}\r\x8e\xfeT\x00\xd6g\xbf{u\xbd`=MG\xc6&amp;w\xed\xc2\xd3\xa7\x08\xf2\xe9f\x1a\xeb%k o\x01\x08\x97d\\\x9c&gt;U\xf3II\x9a/&gt;\x10\xb8s\xff\x88\x8e\x95b*\x8a\xa5\xc3t\x00L\x18\xe6}\xc1\x893\x08\x154X,\x16eNN\x0e\x89\xf9\xe2\xae*}$\x9bb\xa2\x07\xacz\x02\x06Y\xb5\xae\xe3\xf2\xe7\xdb\x19u5P\xc1\xefMX\tW\x81\xb5\x00\xab\xbcH\xcd%\xf9!\x0b\xab\xa9b5je\xb9D\x91*al&amp;Tu\x0f}w\x03\x0f\xcc\xb8\x9f\x92\xc3Ae)D\xf9\x83\x85G\x8b\xb3\xce\xd0L\xf0\xeb+\x0c\x94\xd1b\x08NLL\xe5\xe6\x107\xe6\xe6\x0e\xfd\xb7\x8d3\x8e\x8d\xda&lt;\xc3\xf8\x993\x91n\xbe\xd8.\xebz\x87Z\x18\xa0%\n\x15\x82\x8d]\x9bHk\xc3$\xd8\x08+n\n\xa8\x1aZ9\x83b(2\x18UC\x9d5\x1f\xd2:\xe3!\xb0\x0f\xe2V\xc0\x1f\x93\xff\xe8\x9d\xa6\x88\xee\xda\x0bH\x93(\xa9\xb4aa\x88\x00\x00\t\x14IDATB\xb6\t\x89\xddP\x08\xd1\x14)h\x91\xa2.[\x04\x02\xb5\x1b\xa0l\xd3\xfa\xcf\x9e\xf7\xb5/\x97\xa9{\xd1\xe5|\xc9I\xfe\xdd\xf3&gt;\xdf\xf3\xd9&gt;\x7f\x1c\xfd\x1e\x1f@p\x9c~\x1brm}m+\xd7fD\xd7\xe5\x13\xb4*\x84\xb1:6\xf6\xd1m\x94\xd8X\xf34\xb0v\xd0=]\xdc\xc3\xb6\xb8\x7f\xab\xd6\x7f%\xbe\xadx%\xaf\xd9\x85\xa4]\x1b:z\x87\xdf\xbf_9\x8b\xc3\x8c\xc5u\x9a_\xfd\x16\xc5\xc1\x17\x7f\xfd\xcd{w\x87\xe7\x1acC#M\xa8\x13\xd8\x9e\x98_\x97\x95\xa9\x8fYy\xdbI\xc2b\xb1(\xe61[\xd3\xfdet\x13\xea\x96_]\xff3\xafV\xa1\xe5\xa5\x1b\xfbzK \xec\x03"am\xda\xd4\xb5b\xd9\xb2\xd8\xf1m\xcbW\xac\xea\xea\xea\xda\xb0j%_\x9b\x8b\xa7\xaa\xa7y\xe9\xd43\xcf\x9c\xbb=\xfc\xfe\xe3\xc9A"KQF\xfd\rY\xfe\xd9\xcd\x7fL7\x1ac\x13C##\x1f\x8cL4\x86K\xdd\xa5\xb9Y\x88\xf6\xc1\x9d\xf9\xb5\xe8"\xc8\xd0\xca\x9f_\x00\x0e\xdd\x9e\x11c\x91\xdf_\xdb\xbc\x99\xee\x92G&gt; OY\xaf\xbe\xde]\x037\x06\x06X:\xba\xb1\xec\xb9\xae\xf5I\x98\xc6\tA\x17\xe2\x88\x8c\xac\xc5\x93\xe8NB{\xee\xdc\xd4\xd4\x8e\xf1\x99\xf9\xb9\x9b\x8f\xee\x7f\x8a0\x87\xcb\x7f\xf6\xc5\xc3\xd9\xd9YF\x1a\x19\x9a\x98\x9d&gt;q\xb7T\xba;\xcdP\x13\x8d\xf9\xdeN%\xab(\xa0R\xb2{?9\xf6\xb5\xef\x1e\xe4\x02\xd9\xd7\t\x0b`\xafn\xf9\xfe\xd1\x8f)\xe7\xf7\x9c&gt;2\xb0kW|\xd3\xcf\x11^\xfeJq\xb1a=\x9d8.O\xb0\xda\xc9V\xab7\xac\xa1\xc5\x948"\xa3u\xea+\xe9J\xf9j\xfa\x96\xef\xdc\xb9\xf1\xf1\x99\x99\xf9\x9b)\xc4\xc1\xbf\xef=|HLC\x13c\xb3\x8d\xc6\xdc01\xc5\xf6\x82j\'J\xfb\x04UQ$\x92\x0b?\xb7]:\xf6\xe2\xc1\xa4^\xc4\xa9\x06\xc6"9\x0bj!\xe6\x7f{f\xf4\xf4\x91\xed\xdb\x8f\xbcq\x1a\x15cm\xdc\xb8f\xd5\x8a\xe4\xa0\xb5}\xb1b\xb0\xe7y)\xde\xa6\x97\xd0?\xca\xba\x8e\xb8v\x13Y\nC\xef\xe1\xd8\xd8\xc4\x04\x90\xa6\t\xa8\xbbT\xba=\xdf`\xa6\xa1\x89\xc6\xed\x1ftJ\x92(H\n\x9b^\x11Ee\xdb\xa5\x1f6\xb1\x0e\xb2\\\x08\xaf\x84\xeb\xfa\xa9\x8bgh\x05\xec\x1b\xa7y%\xec\x91\x01\x1e\x97\xab\xff\x97\xaa\xadEF\xa6\xa2Uo8c\xbb\x85\x9a\x99\x99\x9a\xa2\xb9\xf4@\xc7\xee\xf1\xd4\xbd{\xe8Z\x83\x88\xba\xbb\xbbK\x03\xff\x9c&amp;\xc7s/a\xaf}\x9d\x82 \x8a\x82@\\\x08\xae,6\xa5\xbd?\xf91\xf4\xfa\xe9\x12\xac\xad/\xb4\xf4\x1a\xa5\xb5\xcc{FGGi\xe10\r\xcb\x03O-\xe3\x83\xfb%Z\xb5/\xe9&amp;\x99jj\xc77gf\x98\x8c\xe0^z\xbe\xe3\xc0\x9b\xa9\xa1\xd9\xb9\xbb\xb1D\xd3\xe4wF\x1a\x81\xbdn\x97p\x02ODT\xaa \x01\x0b]\x14UU|\xeb\xed\x0b\x1f-Q\x8b\xa2\x0b\xe3\x91\xe5"\xac=\xa0:~\x9cm\xd6K\xdf,f\xfe?\x15\xff\x82NE\xe8J&amp;&lt;\xdf\xb1{j\xbc\xc963\x95\x1a\xee\xef\xee\x1e\x9e\x9em\x02\x8d\xdc\x19k\xcc\x03i_\xa7\x18\x17C\t\xaaHc1\xcf\\\xc2\xbaw\xdfa\x83\xd1M\x8bLEj\xbd\xccj\xf1\x92\xe1\xe3\x17/_$\xb5n\xf4\x12U[[\x82\xd5b[\xb2\x81\x03Vz\x07_f\xdd\x89\x03\xc4\xf1\x99[\xaf/,,\xa4J\xcc\x84!\x07/\x11\xd1\xf6R7N\x1a\x88\x04\x0f\xa1\xc9FrQ\xd4\xcb\xcc\x95\xddv\xe5\x02}\xb9\x9f\xdc\x17\xbby\xeb+\x8cu\x9dL\x7f\xe6\xcc\xc5S\xa7`2\x98\x7f\xa0\xef\x10\xa8\xda\x13\xae6\xba\xca\xdb\xde\xbeHI\x9b\x19\x86\xce\xb4\xc5h`\xdb\xb9z\x15\xd0n-\xa4\xd8\xddH\xcf1\xf6\x17\x11\x11\x8e\x8a\x9f*U\x0b-\xe1\xca\x12\xa3\xb2\xf7m\x08\xf6#\xea!a\xbd\xd2\xbae\xf7\xf2\xe5\xcb\xa7\xf6\xef\xa7/\x7f\xde\xbb\xd1}\xe8\xd9t\xb2[\xde+U\x931\xa1]\xf2\x8b\xe4\x1d\xe9\xa7v\xc2\xf3)\x92ib\xac1\x87\x19Y\x14\xc4\xd8\xe0\x89T-0\t\t\xa1p\xa6"\xeb12E%\xff\xee\xa5k\x1f1VO\x9c\xf3/\x1fe\xae\xfd\x80"\xac\xd1\xd37\xba\xf7=\x9b\xce\xf0\xce\x96/R\x01#\xb3T\xbdE\xac\xccb\xa5\xe9\x91BX\xd1\x90C\x0c\x10\x11DI\xfc\x04\x1c1yB)k\x15\x85\x12\x95S\x15`\xa2"\xef\xbd\xf2\xcbc\xc7^\xa0\x89\xa7\x87\xa7\x9fX.\xaa\x93\xfbOA\xac\xfe}\xdf\xe0=\xa4\xd3\x84\xc5;Lg\xe2f-\x91\xefKT\x8c\x95I\xcd\x0f\xc0\xde\x92DX\xc9\xb0\x03\x9a\x14#\xc6:!EEz\x03\t\xa6\x10"\x81I\x8a\x9c\xff\xf5;\xd7\xd0\xc3\x9e-==\x87{\x08\xeb\xea\xc7\xccu\xf2\xe4~\xf4\xb0\x7f\xad\x9a\xc3\x1e\xd2\xb9\x1cKFW\x03\x12\'\xf16\xbf\xcc|\x89\xa9Y\xa9NRD\\,!1\x13\xc0\x88\x02\xcd\xa3\xc8\x92\x99\x87\x888"\x14\x99d\xcb\x87\x7f\xf8\xe40\xad_\xe99|\ru\xf8\xc2\xef\xaf^\xfd\xf0O\'\xa9\xfex\xfc\x17D\x95N\xe7\n\x85B\x9a\xa8\x88.\x930\xe5\xa8b\xae\xa4\xaf\xf1c)V\x1c\x001\x0cTZ\xec\xa5\x14\'\xbb\xac\x90^a\x9e&amp;j\t\x7fP\xc0U\xa0\x14\xa3\xc3\xc2p\xdb\x95\xdf}\xbe\xb4&amp;?\x9f\x8c\xeb\xc1^\xa1\x80}\x17T\xb5\x90\xc3.\xd3\x92\x16J\x85\\\x13)\xc1J\'\x1d\xcb\xb4\x9e\x17\xb1\x9a\xd9\xc4\x9aI\xdcM\xbc\x84BP\xaaS\xe1\x0c\xc53\x1f\x9fR7\x01F\x11!\x81\x8a\xce\xd1\xb4\x07\x93\xff\xfa\x94\x8bi\xce\'eEJ\xa1@T\x82\n\xb1\xa0\x95\x12U\xf5\xaaoF\x11N\xed\x04%\x9f\x15\x98\xb1Y\x99\x96t\tk*\x16)\xe6\x12\x92&gt;\xa2[\x14\x05\xe8\x98B8D\xa8(keB\xa5F\x8a\xf8\x04R|\xbc\x9a\xd7\x82zmr\xb2\x06\x94\xfb\xe5\xfb\x8f\xe3\xb2uMR\xd1=\xfa\xa0j\x8ev%i\xbe\xaf[\xb6m[\x9e\xe7g5"\xd4\x94\x9cJ\x9f\x19r\xa2\xd5,_\x13\xab\xa9V\xe2\xf8&amp;\x17:\x05\x99\xf2\xdcA\xb2v\x18b#4\xfd\xaa\xae\xfb\x1a\x84\xcb\xf2X\xc8\xf2YZV6\x1f&lt;\xfe\x0f\xea\xd1\xa3\xcf\xe8\x1f\xeaQ5\x94\xd0&lt;\x96_(\xa4\xc9W\xa1\xeeU\xab\xba\x07\xaer\xb9\x1a\xfaV\xa0\x07\x9e\x99\xcdW\xab&gt;\xf8D5\xd4\xa0\xa2\x96\xcd5eK\xb3\xb7\x88K\x89\xbb\xc7\x9e\xa2=\x13\r\x04\x97e-2\xabAU\xcb\xfb5\xd7\xad\x14]\x9d\x02B\x89\xf5".\xb4\xb8\x7fnv\x8c\xeb\xc9\xd8\x13\xd4_\xe6\xdfR\x12\xed%Qe\xaa\\d\xd5\xebVd\xfa\xbaWvLM\xf7\xa2|dy\x9aFx\xb6\x17eu\xdb\xb2\x1c\xa7*$\x86\x03\\\xaa\x95\xe4\x12w&amp;\x0cC:\xb7\xd7\x00\xe3Y\xba\x16\x95\x8b\xc5\xa2a\x94}\xcbpm\xcb5\x1cx\x1d\\\x02q)\x9c\xfaR\xe7\xb9\x85\'wZ\xd5\xe8W\x9a\xe3Y\x82X\xa0*\x14L\xa7^/\xeb\x9a\xa6\x97\xeb\x8e\xa6\x05\xc0\xd2\xbc 2-S\x92\xaa\x8e\x1ezV\xa4U\x1d\'\xcc%\xc1\x01\xac8\xcai\x0e\xcc\x86\x11&gt;\x0e\xfd\x87\x92\x15\xd7\x0f\xdcb\x05@\x9e\xee\x16\xeb\x96cT\xf0(\x9bQ\xad\xe2\xf1\x91\x04,\xc1\x0e\xe4\xe8\x90\x0e\xed~\x9d\xb8\xfeN54\xddO=f\xd9\xc9Y\x04U\x10\xaa\xe5z\xd9\n,\xdfw\xeav\xde\xb4\x1c\x0b\x05\x12\xcb\xccB\xa9jhy\xa1b\xda\x96\xdc\x1a\x06)\x9ed`OU2\xed\x1a\xdad\x18\xc6\xe0\xd9\x8a\xe9\x14\xcf\xebz\xdd(\xdb\x15\xb7\xaa\xf9\x95\x8aS\x1f\xac\x95k\xc5r$\xc7cR\x8c\x9bO\xd1&amp;\x89\xcc\xc5T#\xa0\x92\xc4\xc4\xaf"\x87\x04*\x0b</t>
        </is>
      </c>
      <c r="M229" s="3" t="n">
        <v>45492.67681712963</v>
      </c>
    </row>
    <row r="230">
      <c r="A230" t="n">
        <v>840247</v>
      </c>
      <c r="B230" t="n">
        <v>1954</v>
      </c>
      <c r="C230" t="inlineStr">
        <is>
          <t>Neris</t>
        </is>
      </c>
      <c r="D230" t="inlineStr">
        <is>
          <t>Neris</t>
        </is>
      </c>
      <c r="E230" t="inlineStr">
        <is>
          <t>ZAG</t>
        </is>
      </c>
      <c r="F230" t="inlineStr">
        <is>
          <t>ZAG</t>
        </is>
      </c>
      <c r="G230" t="inlineStr">
        <is>
          <t>ZAG</t>
        </is>
      </c>
      <c r="H230" t="n">
        <v>190</v>
      </c>
      <c r="I230" t="n">
        <v>27</v>
      </c>
      <c r="J230" s="2" t="n">
        <v>33771</v>
      </c>
      <c r="K230" t="inlineStr">
        <is>
          <t>Right</t>
        </is>
      </c>
      <c r="L23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94e32282-010a-475e-8b1f-0ab3f99643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]\xe9\xdc\x00\x00\x00&gt;tEXtComment\x00xr:d:DAEewil2SDw:3796,j:1497870925631122622,t:24040619\x85uW\x81\x00\x00\x00\tpHYs\x00\x00\x0e\xc4\x00\x00\x0e\xc4\x01\x95+\x0e\x1b\x00\x00\x03\x00PLTE\xff\xff\xff\x010\xb5\x01,\xae\x00;\xcc\x007\xcb\x008\xc8\x004\xc6\xfe\xfe\xfe\x01\x01\x02\x04\x04\x05g2%\x9fK@\x003\xc2\xc2\x8c|V*!\xc4\x91\x81\x8eMB\x00\x15\x89\xc2pb\xa8G8\x00)\xa8\\0\'\x00-\xba\xaddX\x00;\xcf\x00(\xb4\x8dG;\x8dQH\xc2vi\x96ZQ\xfb\xfc\xfdO$\x1d\x95NC\x18\x0c\x0c\x02(\xa1\xa5PDa.!m&gt;=~E&gt;\x86I@p/ \x95A6\xc4\x94\x87\n\x0c\x0f\xbakc\x80?7\xbf\x87x\xa5_S\x02!\x99\xbfk]uDB\x9bUI\x01/\xbf\x006\xb9\x9dZP\xacl]\xc8zn\xb1l`\x95SK\xb5]O\x8e=3\xcd\x80s\xd5\x8b\x81\xafM&lt;\x85E9\xb4QA\xb8h[{?1\xb9aT\\&amp;\x1bg)\x19\xb6uhu&lt;1~9.\xb9zm\xaerc-\x1e\x1e\x95TD\x863"e:7\xa3YM\x9d_W\xc4\x9c\x90\xa0E9\xf6\xf8\xf9\x0f\x07\x07\x96H&lt;\xabUG\xd1\x84y1\x13\x0fo;1u9+%\x12\x11\x00!\xad\xd5\x92\x89\xb1XJ\x00\x1a\x95\xd0|l\x00\x1e\xa1\xa7hY\xc8wh\xc7k\\\x879+s\'\x14\xb9\x81swA7\x94:+\xa2SI\x01\x1b\x8e\xb8\x87{\x87@4&lt;\x1e\x1a\xf1\xf3\xf5|5$\xaaM@\xc1dU\xa0h\\\xb5b[\xbb\x90\x82\xab[O\xcard\xbfpi\x83LE\x8eVPx,\x1an6&amp;\x00:\xbe\xbf|n\x9e@1jCBb\x1d\nm6,F\x1c\x14\xca\xa1\x96\xa7aY&lt;*(\xc2\x83t\xb5qb\xbaVE\xbf[M\xd7\xe6\xee\x00e\xfayNJ[75\xb2\xc7\xd7R1*\x17\x17\x1a\xb0yj\xcb\xa8\x9f\x00?\xda\x00\x12\x81\x8d7\'\xb6nj\x03-\xc5\xa4lf\xba\xcc\xe1\x84RLT\x1b\x0e\xce\x86\x82\x9fbP\xc3\xd5\xe4\x02\x0ev\xb3\x81r\xeb\xed\xf0oMKG0.\xcd\xca\xca\x154\xad\x81-\x1d\x00J\xe6\xc1yw\xcb^o\xc9\x99\x8a\xc3\x81\x82\xcel~\xd7\x84uk"\x0e\xa2\x8c\x8c(+3\xd8\xda\xda\xcb\xd1\xd4\xd9\x97\x91\xe1\xe2\xe4y\x91\xce\x9a\xb1\xdd\x00:\xd5?\x12\x0bP89\xa4\xb8\xcf\x00G\xdd\x00\\\xf5\x00T\xed\x93d]\xd2\xae\xa7\x05\x1c\x84\x90\xa3\xc8)&lt;\xa5\x96~\x7f\x18:\xc9\xe5\xe9\xed[DC\xcc\xdd\xeb\xa8\xbd\xdd\xb0\xa1\xa1a\x82\xd3[r\xbc\xc2\xbb\xbdTXb\x89]X\xd3\xdd\xe9v]]\xafWT\xca\x8c\x8d\x80\x93\xb9-8\x98E_\xb6\x89pp\xba\x8e\x8d\xba\xb0\xb0\x86\xa2\xd8&gt;@E\xbfUert}\xa1BI\xa6ttOo\xd0\xbd\xc1\xc4A^\xc5\xbf\x9c\x9d\x02_\xed\xbfkwY\\\x99+J\xb7\xa4\xab\xaf/M\xc5\x19*\x90FO\x9d\xafIVces~*/\xcf\x84\x96\x99\x9b\xa0~\x82\x87bp\xa7\xb3\xb7\xbb\x8c\x8e\x90\xdc\x9e\xa4\x18\x1cXn\x82\xafcSV\x81n\x929@\x80\x02\n1/V\xd3\xd6\xbc\xbc\x1bL\xcd\xbf\xe9\xb3\x16\x00\x00 \x00IDATx\xda\xcc\x99ML\x9a\x0b\x16\x86\xddQ c\x0c\xc44\x01\xe4\'\x88@(c\xa0\x89\xe5\nZT\xe0\xca\xbd\x9f\xd8^D\x8a\x92\x12S/\x0e\x98\xe1O\x1b\xff\xb8)\x08Sz5\xc1\xc8,\x98\x98b\x93\xab\x18\xd2\xc4\xd4\xa2u\x81\x1b7\x8d&amp;M.\x8d\xe9\xa2\x9d\x10\xc7\xb8sc\xa2\xd1\x85\xbb9\xe7C\xdb\xcetf\xf7\xa9\xf7\x08\xb4\xbb&gt;\xbe\xe7=\xef9_\xa9\xa8\xa0\xa4h\xe7U\xf1G*\x04\xe2\xf3\xe1\xfd\x07B\x03\x9a\xc0\xc2\xfa\xda\xfe\xfe\xda\xda\xfe\xeaB \xc0\xbf~0\x14\'\xb0\xbettX\xca\xa7R\xf9|*_&lt;&gt;]\xda\xea\xba^\xcd\xb0u\x81\xd5\xa3b\x9e~\x03\x8a^\xfe\xa1\xe7w\x0f\xd6\x16\xae\x11\x0b\x95\xda?.\xa5\xce\xa1\x80\x08^\xf8g\xaa\xb4\xbb\x14\xa8\xa0]\x17U\xe0d7\xaf\xa0\x93T_\x15\xa2)\xf2\xc7[\xd7\xd2H\xe8\xdf:B\xdd\xf8_\x05d\xa9\xe2\xc95\x98\x1f\xfbW\xfcV\xa9\xaf\xb8@\xb0\x93\xc0\xd5r\xa1TG\xf9\xff\xc7\xf4\x05\xect\x9d\x7f\x95\\\xb4\xae\xb5\xa2\xe2\xc6\x7fiE\xff\x96,u\xb8\xd4u\x85\x82-\x1c\x95\x14\x17\xff\xb6\x8d\xfe\x99\xe2[\xc1\xe8\xa5\x83\xc0\x15Y\x9fV\xb1\xbe\x9b\xfa\xccb\x13\x89l6\x92\r)\xce#\xe2+4\xe2x\xeb\x8a:\xb8~\xa8\xf8\xa2\x90M\xe4t:\x1d\x0e`\x13A\xd9\x80\xd3F\xff\xcfF\x16\xf7\x03\xfc+p\xfb\xfa\xae\xa2\xec#T\x07\xa8\xfc\xf1x\xa5 .\xa8\x14TV\n\x1c\x0e\x82p8\x9c\xa2/\x92\xa1\xf3\x0fW/\xdd\xf9\xb4\xad\xe3\xd4g\xeb\x88\x9c\x8e\xb8\xc0h2\x99~\x91\xf5\x9a\x83\xe6\xb6\xb6v\x8f\xc7\xd3\xc3\xa8\x168\x9c\xd8YR7\x1c\xc9\xc3\xb5\xcb\xe5\xa2}E\x05L\x02\x93,\x18\x0c\x86s\xc1\\\xda\x1d\xb4\x04-i\xb7\xdb\xed\xf3\xb5\x99\x832\x93\xb1P\x80\xce\xd2\xcf\xab\xb8z\xa9\xbe\xa7\xa1\xdb\xe9h \x91#\x032\x85s\xe9t\xdab\x81\x0f\xaf\xd7\x1b\x81\xb7\xce\xeb\xb6\x00hx`ee2S\x00\xcf\xe1@\x80^\xc5\xb5\xcb\xe4Z8V\x94\x9bW\xc8L\xaeL\xae\x0c\x84s\x16\xa84"E"\xd6\x08;"\x07\xaa\\x &lt;\x80\\\x93\x99L&lt;^\xd6LQ\\\xbf,.\xdc\x82)2\x13\x1c\x99I\xa8\x95\x95\x81\\\xce\x92\x03\xad\xbc\x11\xf6yyQ\xb7\xb4\x05\xc0\xc2\x03&amp;\xd3\xa41c\xcc\x14\x9c$\x17\xf8\xfe\x92\xb0\x16N!\xaf\xe8"G\x81\xa4\x02\xb1@-\x90\x0b\xb4b\xdf%+\x14b[\xd9lhf:\x17\x0e\x87e0\x0b\xc6I\xa3\x11\x05\xb3\xd1\x15\xbb\x973\x8f\xb4\xae#\xd4JT\xc8|\xa6\x02.\x0b)\xd5\xdd\x16(\xe0"\xf1B\xecH\x04\x14\x0b\x86e\x08\x06h\x19\xb2\x91\xe0\xafK\xe0\xa2\xd1VKh\xab\xaf\xa9\xc0Ze\xa9ZZ\xa6ZZ\xec-!6I\x05e\x8d\xe8\xdcfwP\x06e\x921\x80\x0b\xb0\x14\x87[\x94\xfb\x8bF[\xd8\x85p\xb7\x9dS\xad \x15t\x10\x9c\x1eB\x85@+R\xae\xf3\xbf\x93\\:\xb7\xdb\xdc\x8b`\x0cF\x1c\x12V\xa1H\x1d\\\x82\\\x07\x10\rt\x88\x05#)\x15\x1a\x0b\xa1H\xad\x80\xc4555\xd525=U.li\xc8\xea\xd5\xf9\xcc\x08\x16\x8b\x99 _\x81\xabH\xf5\x8d\x0f;\xa7\x88b\xc5\x81je\xe5\xbc\x81\xe9\xb2\xab\xca$\xd3CC?c\rMOO\xe3\xdb`p\x85\xacr\x9d\xd9\xac\xec\x8d\xc5b\x02\xa7H\xa1\xb8\x91?\xa1\x1a\x0b\xfc\x0eb93\xc6I\x13@\xad\x0c\x04\xd1\xeb\xa1\xbb-@\x03/@\x1a\x1d\x1d\xed\xeb\x1f\x1d\x05\xb0Q\xd6(Ke\xd0&gt;\xd6\x8e\x88\xc5\xdd\xc8\xd5\x1e\xeb\x89\xf9\x9d\n\xa8cj\xbbH\xe3\xaf\xa1\xdf\xe9\x85I\xa0\xc2\xfe\x91T\xecP\xcb4b \x90F\xd3\xa7\xd1\xf4\xb3X,\x95JuK\xd5\xaa\r1\xa1\x84\x8d\xccnw\x90\xe4\xaa&amp;\xd0\xf5\x14w\x91\x168U\xe0\x18\xc6\'M(V\x18;\x08b\x85\\\xd3C,\xd0\x86\xf5\xb3J5d\x00\xdd\xd0\xeddvY\xc1uhz\x1f\x87\xe33+\x95JO\xcc\x0f!\xa1\xc8\xefS\x8a\xc5\xdf:\xc4+\x06\xf7 \xe9+\x88+\xb7.b\xb5k\xd1A\xe4\x14\xe2\x1c\xe2\x04\x02\rd\x06\xa6\xbe\x95m\x95\xcbau\xeb\x95\xc0U\xd7\xe3Gw\xa5\x8e\xa8\x1d\xc3\xf5b\x19\xeb\\,\x8b\xcem\xf1\x86\xec\xf6\x10\xea\x82\xb3\x08\xc3W\xfe\xb8\xd8Bw]\xae\x16l\xa4\\\xe7#\xb1\xeaf\x89\x14\x98\xeb\x94Js\xd1hk\xf9\x1b\x18\xa5\x90\xd9\xa4Xn\xd8\xcfL\xb1\xd5j\x95\xa30$\x16\xcc\x1f\xb8lh\xda\x00C\xa8\xc5jm}&lt;rop\xb0\x9b\xe3S"\x16\x83@\xb9v\x03Tbu\x91\xa1%\x8a#V\x18\roI\xebti\xb8\x19"Vl\xe0\x14\x8eb\xbf\xa6\xa9\x9f5dP\xb5\x1an\x8e\xd8G`\n\x99\xccnNw\xb7PX\xe5C\xacN\xe8\xa2\xc8V\xdc\xa2\xd2[]\x07\x8a\x0b,\x19,\xe1\xa0\xc5\rz\xc9\xad\xd6\x90\xcb5\xad5\xb4B\x1ch[UCSd\xce\x97\x9b\x18\x01k\x81\x98:\x1d\x98^\xaf\xf4\xa0\xb9\x08g\x8a\xda\xfb\x86Fb\xd9\x9c\x805 \x0b\xcb\xf0\xca\xca\xa5\x91\xc9\x15r\x19\xec`\xb1\x16r\xe7`\xa8b\xd0\x93A64\xa4\xd5\xba\xecb&amp;\x07\xcc\xa5\xf4x\xeab\x80\xe5\x14\x95V)W\x8b\xc4\x92\x9d\xab\x95\xee\x16\x03\x0e\xd3\x1a*\x07\xfd4\x16\x98\x0bS\xac\xbf\xaf\xaf\xaf\xa9I\xd3\xcf\x83P\x1dar|&gt;s{O\xbb\xa7g\xd6O\x10\xa9\xd2\x12\xc5\xdeR\xd8l\xce\x0cR\xc9\xc2A8\xd9ur+[lw\xb9\xb4\x00\xc3"\xb7N\x99\x07\x88\x1e4\x91\xa5\xd1\xf0\xc6Z\xb5b\xb9\xcf\xdc\xd6\xde#\xf1x:\x13~?Aip\xd1\xf8\')\x85\x08\x8eR\x13\x1e\x04\xb2\xa0\x1b\xd4\x92\x87 \xb5n\xa9X\xfd\xa0L\x13\xd2\xbcz\x00\xf5\xaa\xaf\xef\x0b\x1b\x8fw\xcb\xe0\x12[u\xa0V\xa7D-\xc9&amp;\xb2\x04\xa5[\x11vO\xde\x06O\xa9e\xacp\x10\x9a(\x0f\xb9\xb4\x06\x15\x8f\xa7iB\x9afx57?h~\xf8\x10&gt;\xa1\x9a\xe6\xe7\xe1C\xa3\x19\xbb\xf5\xf8\xa6]\xac3\xf7tv\xaa%3\xb3\xd9\x04\xb5M\xacX+!V\xdc\x84\x07\'z+mu\xb5\xaaX,\x9e\xe6\x19`\xcd\x03\x12\x10\x95\xab\x19\xc8\x1e~\xf8\xf0a~\xf9\xc3\xf2\xf2\xa7\xbf\xee\r\xcf\xdd\xb9\xc7Q\x82\\\x12I\xe7\xccFi\xbf\x82\xda8\x85\xc7\xc2\x82QFb\x05-^\xab\x0b\x96\xe1\x18\x88\xa5\x99\x9f\x9f\xff\x8ctQo\xde\xfc\xed\xa7O\x80\xf4\xf1\xe3\xce\xceNrq\\\xaaWJ\xa2\x12I4\xba\xbdM-\xd6j\xc9I\xf8\xe3\xb5\xbf\x00\x95\x0c\xb6\xb4\xd5n@(\xdeK\xde\x18\xf4\x8b\x04y\x83\r\x04\xa1\xde`\xfd\xf4\xe9- \x9d\x9dmoll\xc3\xc7Lg\xac3*\x89\xaa\x93\x8bgK\xd4&gt;\xe2\x1f\x12~\xbf\x80\x81XA\xaf\\n\x15\xb7.?\xfb\xe1\xc9\xcb\x97O\xc6\x9e\xcc\xffi\x9edA\xaaW \xdc\x9b\x87\x1f&gt;\xcd-n$\xb2y"\x9fHd\x01,\n%\x81.F\x17\x17w(\xc5\xe2/\x1c\x13\tA%\x03\x1e\xe2er\xb1\x90\xa3\x94\xde\xdf\xdb\xdb|\xbf\xb9977\xf7\xdb\x9f\x97I\xae\x87\xcd\x0fH\x8b\xcd//\xef\xbd\xdfH\x10"\xa7\xc8\xe9\x17dgg\xa3\xef7\xdf\'\xeb\xd40\x8cTc\xd1\x02G\t\x01b1j\xcdL\xa6\xb4gf\x06~s\x18\xf8l\x16\x1a\xf4|\xf8\x07\xd2^$Vs\xf3\xb3\x97\x7f\x99{\x1e\x9d\xf1\xfb\xe3\xd5\x9e\xf1\xe7\xdc\x9a\xe1\xfb\xf7\xff\xbe7\xcc\xbd\xc0\xa2\xf4\x0c\xec:\xc8f\x05\xd5\x80%\xd3\t\xf5\xd5~\xbf?\x91\x80\x8b\xc0\x86\xff\xab\xe5\x98U\xbf\x18k*#A&lt;4=\xf9\xf5\xbb\x86qO\x8c\xd1S\xc7\xady1&lt;|\xe7\xd1\xd3G\xdf\x7f\xff\xc3\x8f\x13\xd12\x16\xa5\x97\r\xff\x04\xbaQ\xcd`0\xcc\x9c\xbaJ\x87\xd3A8\x080\x1bT&lt;.\xa8n\xaf\xbaw\x0b\x12\xfe\x15PA\xb8\xf3\xbe{Z3^\xa7\x94r\xb9\xc9\xe4s\xe8\xf3D]U\xfd\x9d\x7f\xccM\xa8\xd1\xf2;\xbfSz\xcd\xd3\xf6\xb7\xcbXz)#\x8e8\xb3\xd1d\xcd\xa3G/:\xa4m\xedmJ%g\xd0\xd0\xca\xea{\xf0\n3\x94\xf7\xe3p\x95\x9e\xdb\xd8\xe8\x99!\x08"\xbb\x9d|^W\xab\xaf\xbfy\x7f"\x19U\x83\\\x14c-\x91X\xb5\x8c:\xa9Z"I.&amp;7\xe7\x86_\xd4\xd7\xd74r\xf5\xbd\xb1viU\x87\x182\x1f\x14\x83\x93\xeb\xd7GB=\xb7\x86\xc3\xd8N$\xf2y\x02r\xa5\xb3\xa7\xf7\xf6\xcd\xfa\x9a\xf1\x0b,\xea\xd6\x0f\x04\xd7\x19`\xd5\xd6\x1a=5P\x13\\\xaeT\xca\xdd|\x0f-\xda\xbc/U\xf6\xca\xf4U\x83v\x17.m\xde\xa8\xea\xe6m\x1f\xa7\xa1\xbbw\xe7\xe0l\xbbT\xda(\xedn8\x8c\x9e\xaa\xfa\xfa\xc6q\xb5:\x99\x04,~\x17e\x82\xc1\xd3\xeb\x0eb\x19\xab=\x1d\r\xf5\xb7\xa5`h5D\x13A$6$R\xa9\xb47\xe8\xeb\x10\xc3\xfd5e\x80{\xf0\x9e\xd0\xd7X\xff\xaf\xbdw\xff&lt;\xf6\x17\n\x85\xb3\xd3\xa41\xc3\xd0764\x82\xcc\xa8\xd6\xc2\xef\xef\x96\xba(\xfb\xd6b\xeb\xe3\xec\xec,`\xb5W5\xdc\xeb`\x08j\xab\x13"Q)U*\xed\x9e\x99r\x1cn0(\xef\xf6z\xe1\xd0\x19a\xc2\xe1\xc7\xe1\x08\x1f?\x9d\xdb{\x9d\xac\xed\\\xfc87\xa1\xecUr\xf4U\xc22\xd6\xbb\xd7\xb2\xf0\xf0\x12\x9f\x1a*\x1am\xe1-\xa8U][\x1d\xd3\x0b;\x94\xc6\xda\xb8\x93H8\xb2\xce\xec\xf6\xc1\xeb\t\x9d^\x19\x84\x13\xcc\xe2e\x87Bvf\xb7\\\xc7\xa9\xe2\n\x85\xf7\x1a\x1a&amp;\xb8\x9bo_\xef\xcd\t\xa5\x8d\r\x1dUB\x8e\x1a\xd6\x8f::\x99\x1b\x1c\xfcD\xc5\x97A\xf8e\xe6\xbfi5\xbf\xd74\xd64\x8e\x9f;\xc1\x01\x11\x83\x08:V\x17\x8df\x96\x99\x95Q\xb0\xfe\x18s\xec86ji\xe3`vL\xf5\xb0\x12\xaa\xb6V"\xd5(:zB\x1a\x92u\xdb#d9\xb4\x10\x11c\xe1\xb4\x1b\x8a\xc1f\xc5\x9c^\xe4*\xb9\x08g!\x10J\xf5"\t\x94\x84R\x02{Q\xda\x8bm.\xc3&gt;\x93\xc3\xfe\x05q\'? 7\xc9\'\xcf\xf3\xbc\xdf\xf7\xfb}\xe7\xbd\xf6\xe8\x9b\x04\xb0\xe4r\x9fG)\xf5\xe9\xb7\x7f\xd8\x9e|%\x1c{\xbf?\xac\xb8\xfd~\x7f\xf6\xc7;w`\xff\x0e\x8d\xe4\x00+I\xb9\xdf\xedXY\xd6j5U\x1b\xb7\xee\xb1\x0e\x8b)h\xd1J\x95\x86\xc5\xc5\x95\xd4\x8f\xabH=\x16x;\x0c\xaa\xb7\xddw\xdd^\xf7\x7fXnb\xde\xbb\xbd6\x9fj6\xdf\xaf\x94\x9b\x15\x95\xdb`\xf0\x8d\x81\x05\x83jA\xb9\x10\x8e\x830-\x1e-\xab*j6\x7f/oU\xb3&amp;S1\xa85\xba\xdd\x80e\xf6\x87\xfa\x85\x0e\xc9\x0f\xe1\xc0R\xf4\xa8\xeb~}\x7f\xe5\xbd\\.p\xf9\xfc\xd9\xa8\xcf7&amp;6T\xd4;\xb0"\xa5F"\x15\xd1\xdf\x14\xa8\x92\xd8\x08d3H\xac\xdcC\x8c\xca\x8e-\xf9\x0cF)\xc8\x97\xc5\x12L\xc3\xbc\xb9\tO\n\x9a\xa8-\xe0x\x8b\x9f\xbb\x98\xbar\xb9D=\x96\xa2\xee\xdc\xbf)\x06(\x89&lt;\xea\xf7{\xdcR\xa9\xdb\xe3\xbem\xb9mL\x11\xbe\x88\xd8\x9b]}\r\xee&gt;\xf9X\x88&gt;9\xe4\x04Q\x86t\xe1\xb4\x92\xf0{&lt;~"\xa3\xd4rH\x08\x81\xdd\xdd\xe7\x1b]4(\xf8\x00\xde\xee\xd4\x9e\x0f!\xc5\xaek\x1f\xa71\xea\xf5M\x80\x92\xe8\xe7\xa3\xd1\xa8\xdb\x12|a\x81P\x9a\x8aD@\xf7\xc7\xa8\xd0*\x84\xff$\xf5\xf8F\xad\x06XH\x1a\xe1t\xb19\xd2\x19\xd6i\xa1\xa1\x90&amp;C!X\x9f\xee\x14`\x99\x15u\x9e\xc4\xbf\xd6:/\xaf\xde\xc4\x0b\xdd\xe7\x02BaY\xaf\x80\x05\xb69\xab\x85\x01R*\tOt^,\xceRH\xe8\xe1\xaap I\x8d@@\xacA\x17\xa1gH\xd8I\xcaHz\xce\xc98c\xc2G\xbf\xdf\xb7\x18\x85&amp;V\'\xc2\xb9\xfe`\xae}u\xack\xbb1\xa6\xa0\xe3\x1cZ\xbf^"\xf1\x82;U\x82\x06$\xb3\xd9,\xccy\x12\x83:\x8400\x86\xc9\x87\x02U"Q\xfb\x1e\t\x16uH\xceI\x02W\x82\x84\xef2\x18\'\x1c\xb7\x17\xac\x060\x82\xf9\x07\xbf\xd8\xfb\xed\x04s\xe5\xa5(\x02,\xb2\x80\x84\xd5\x8e\xdbQ\tpy\xfd\xca\x0c\x85Q\x99$\x95\x01\xa6b1\rX\x18,?ha\xa24SJ\xd4tE\xda\t\xf9\x91\x96\x95J2\x80\x92\xf14\xcf\xf3\x13O\xebU\xadat\xf1\x1db\xff\x13\xae\xb8\xe1\xbc:\xd6\xd4\xf3\xef\xc9\x02\x96KK\xb5n\x89\xc6\xeb\x8d*3J\x8e\xc30`\x82\xa0\x08\x03\x04a_\x87`\xd8H\xad\xb4\xb99\xbe\xb9Yr\x86\x15\x0c#Ce\xb2\xb8\xcd\x16/\x95J(J\xd3B0S\x04\xa5\xa3\x8b\x95\x87\xe1N\x07\x1fi_\xf9\xdd\'`\x8d0\x85U\x8c\x93*\xddr\x8dFLd2Z%4/\x07\x15\x11\xb6@RF\x871\x8a\xe2~*\x8d\x83s&gt;?o\x91}\xe0\x95Az\x9dvm\xba\xa6mq\x1bJ\xd2\x05\xa1\x8b\n\x87yq\xc7\xca\xb8\x06\xed\xd8\xd5G^4\xb5\x9b\xab\x05\xa9\xdb/\x8cn\xa3\\\xe3\x8d\xba3J%\x85\xe9\xa0Ks\xa4,Q\x8a\x97\xc8\x18\xb6J!\xe1\xb9\xd6\xee\xf9\xaf\xe7\x17\xbb-\x1b\xac\xc1\x1cS\x9a\xd9\xdc\x14r\xb6\x10\xfay\xc0\xaa\xe3\x8a\xaa\xd5\xb0\xb8\xf3\x0cw\r\xfe:q4\x84\x91_\xef\xe7\xb4\xba\xaa\xf65a\x94h\xc4&gt;B)U\x82\x000\xb2x\xdc\xe6\x9a\x01*\'t0\xe7\x8c1\xd3\x02\xd6y\xcb\xd5n\xdbp\xa7S\x16\x07\xae\xf1\xf1\xd6t\x0b\x8c!\xce\xf38mWX\xcb\x8b\x8d\x07\xb8\xad\xddj\x7f\xba\xb2n\x89D\xbf\xcd"\xe9\x02]D\x94\x02\x96\x87\x00\x7f\x00C\x15\x17R&gt;\x98&gt;\x92\t\x83\x1c\xd0\xb2\xb9\xb9\xcb&amp;\xfe\xdarM\xffe\xd0\xc1/=\xa1\xe0\xa2[\xe3\xd3q\x14\xe5\x17\xeav\xfbuSs\xb11\xdb\xe1k5|\x08r\n\xc3\x95V\xd4q\xdc\xa4U\xc9%K\x1eB\x8a\x84\x19\x12\xbd&lt;e\x98)\x91\x8cS\x87\x84\x0b|\xdeh\xa8\xba \x8e\xb5v~\x9e\xbc5\xe8\xf0\x05\xdc\xe6\x82.\n\xf5j\xd9\xd0\xcbr\xd9\x15\xec%\x16\xf3x\xa4\xffi\x08X\xa2u6\xd0\xc1\xf1\xaa\x03\xb0\xa2&gt;\x82K;i\x142&gt;\xa4\x9cx\x82\xa4\x9d\xbaPX\xa1\xd5\xdc\xbd\xbb\x04\xf1\xa7e\xd7//\x8f\x15\xda\x85\x02\xef\x82\x81\x9f\x99\x81\xa06-`\xe1\x80U\xb56\xcd\xa7\xf5\xfe\xe3\xd7#\xf6\xa1`\xf5\xf2\n\xbc\x80WY\xc0\x8a\xf8\xdcZ\x9d\x93&amp;\xe3\xc2A\xcd\x0c\xa8%\xcd\xc4t\x08\xe7Or\xd8\x1d\xa4\xce\x07\xd29\x9c\xd7\x81K\xe0mO.\xcf\x97 f\x8f\xdbd2\x9c\x06\x81\xa8Z\xcb+\xa7\xfe$\x82\xd0\xf6\xdd!l\xd5\xa2\x97\r\xdd\xc8\x08\xff,\xaf\x06,\x8fR\x1bd\x18&amp;&gt;\x03T\tA\xc9i\x86\xd1aH8\x16\xcba\xba&gt;T\xa9\xdd\x86\x7f\x01\x05\xc9\xb2\t\xa7^3\xbf\x87\xa1\xdf\xa9\x1c\xe6\x95\xc6\x97\x10&gt;;\x9b~&gt;5\x04\xc3u\xad\x8b\x84VsEk&gt;"`qa\xa7\x93\x01Aw%\x04\r\x07\xac\xcb#R\x18\xb8B\x1f\xaa\xd4\x0e\xd4y\xd4\xc6\xa3q\x14Vj&lt;\x0e:1=\x03X\xc5b\xb1jU\x99W\x028\xc3\xcfVC\x17\xc3H\x19\xa2c\x07r\'\x93!\x1aMI\x84\xc8p\xa0\x96s\x82`%J\xc2\x1b\x9eB\xd0\x02;\xb76\xa8\x80\xb1F\x17\x16\x02\xcf\x9eM\xd4\xebv\xd0O\x1e$\x04\xb0\x84j\xc9\x04\xac `5\xdb\xf0S\xe7\xb4\xd1\x1b\x8ai^w\x04Y\xb5vL\x9d\x97\x80\xc8s\x08h\xa9\xf0f\x00\xfe,\x8a+\xd2R\xc2\xe3!Re\xb6j\x9fx\xd0\xa8V\xf3\xecN\xa5lt\xa8\xab\n\x1a\xf6\x9f\xb8,.\x04m\xbc\x98.\x9a\x1cMs\xe5\t\xac\xe0\xa3\xa3O/\x87\x82\xf5V\xcd\xed\xe4\x83\x946/\x97{2\x14\x82\x08vj\x0e\xf6=\x147\xa9R\xe0\x03\xbdb\x89\xc6gP]\xcf\x1b"\x86\xb2aetr\xd4lV9L&amp;;*l\x8d3\x97X\xc1\xa0\x05\xb0:6\xd7\xe0\xe8h(\x975D\xa2G\xa7T\x85-*\x14\xf7R\x92\xa8\x9fB\xb0P\xcc\xe9\x0c3h\xc0n\x95F\xc0\xb2j`\x07\xf7\xea\xa3~\x95*"_"\xa4\x06\xf9\xe4\xa8x\t\xf8R\xaa\x02\x8f\xd2\xe4\xe5l\x05\x83A\x87\xca\\i=i\r\x8e.\x86\x92\x13!\xf9&lt;\x97\xbec\xf1\x00\xfa\xb4,Y\xf2S\x1c\x86\xc4~\xba\x91sN@\xa9&amp;%r\xaf^\x7fs\xde\xcfqiX\x90Z.\x8d\xf3U\x16\x92\xb6\xc1X\x9e\xfcyRjGq\xd8\xa6d\x05S\x10F\xabYn\xd6\x07\x83\xc1\xc5\x90\xee\xe6A\x17\xf7v\xf2\xfc\x02\x1eP\x03\x96\x1f|0$\x1cDQ\x95\x9a\'%\xcb\xa0\xfb\x1c\xb4\x15\x16\xe1\x19\xbf\x91H\xf0\xfcY\xbb\xd3i\xd7\xaf\xb3\x0e\xf1\xf2?"l{\x81&amp;QR\x11\x84&amp;\xaaT\xcd\xbd\x83\xe7\xbb\xc3\xbb\x00\'\xba\xb6~\xc8\xd6\x17\xf8\x05V\x0eXI*\xa4\x03\xe7gU7\'\xe5\x1a\xbd\x1b\xfc\xc4\xc9\x89\xae_?;{\xf3fc\xe3\xcd\x9bNg0\xe8\x9c5\xd8\xaaJs\xf7\xef\xcdF\x80\x87\xd1\xaf\xa6\xd3A\xabC\xa5\xda\x9f\x1a\xea\xe5b\xd1\xd4A\xc3\x8e.L\xa8\xe4b\xff\xa5U\xc60%x`\xc9Z\xa4L@\xf9N&gt;\x7f\xfep\x06X@u\xf6\xa6\xf5\xf5\xfck\xe7\xac\xeap8\x88\xede_\xa5\xce\xd38YL\xa7MV\x87\xba\xb2\x7fm\xa8W\xf2`\xea\xd7\xbb\x8dF\xfepQ\xec\x01.\n|\xb2X3j\x96\xac\xa5\xa2\xde\x9b_\xbeP\'\'\x9f\xfb\x1f\x84gC\xa8\xd7\xd9\xd9\x87\x0f\x9fO\x94\x04\xe1]N\x95\xf3\x0b4M\x17-V\x13\x0bX\xdd\xa9\xef\x86\xfb\x80\xbf9\xd8?\xe8\xbd\x97\xa72ccI\xf0\xcc\xfaeCs\xc9\xeb\xdd\xde^\xfb\xe7}?\xcb\x9e4N?\xb4\xff\xd8\xdehC\x03\x8f\x8e\x9e\xfd\xd2`\x9b\xfa\xb5mM\xca\xb0\x13\x80\r\xd1d\xb1\x98X5\xdb\xdc\x1b\xfa\xc5J\xe1\xf7\x89~;\x04\xe1\xca\x8e\x8dA\xa6\x10k\x0c/n\xafm\xffy\xdbW\xd9i\xec\x1f\xcf\x1e\x7f\xfc\xb4\xde[\xdf]\xefm\x1d\xaf\xc3\xe7\xf1\xfe\xb7\x7f\xfdpWo0\xa8\'\xf8\x82\xc2j\x15\xce$\xd4\xcd\xee\xd4\xd0\xaf\x8d\x00\x97\xe8\xd1\x9e\xdc\x97\xf1\x8f\xcdg\x10\x84\xd0\xa7\xee=\xf5l\xff\xe1o\x87\xddnw\xff`\xff\xe3\xd6A\xaf\xd7[\x17\xbe\xb6\xb6\xfe\xf3\xf1\xf8\xdf\xdf^-{\tc\x99\xe5y\xdad\xb1B\x13\xd5\xea\xe6\xfe\xff\xe3\xb2\x94\xe8\xbb\xa9\xae&lt;\xe2\xceD\xe7\xa3\x9c.\xed^2\xdeR\xf8\xd74\xaf\x0e\x0f\xf7\xf6\xba\xa7\x9f\x0e\x0e\xb6\xe0\xe9m\xf5&gt;\x1e\x1f\xcfv\xea\xac\x83J"Zw9\xff_^\xce6\xa6\xa94\x8b\xe3#o\x8dEjw\xb3\x9dkz)\x14)\xedh\x81\n]Z[\xb3ICa[\xfb\x92\x96\xa4\xc2R\xd8\x90l\xe7\x03\xa4,\x98\x8d\xa4kI!MIi\x13\xa4\xbc$\x86\x152\xa0\xc0\x98\xd5\x8c\x893DIp\xb3\x13\xf1\x05\x15]p\x87\xc5\xd5\x98\x89Q\x1c\x82\x1a\x998;\xba\x91\x8d\xfb?\xb7\x98\xcd|\x9b\x17\xef\x1eJo{?\xfd\xf2\x7f\xces\x9es\xees\x9eB-\x8d\x11!\x9f\xc3\xe2\xa7\xb5,\xe7F\xc2k\x92\xb6\x84BE\x99n\xa7\xb5\xc8WX\x03O{N&gt;\xff\xec\xfe\xe9\xc7\x9f|\xf1\xe8\x9f\x8f\x1e}\xf1\xf8\xfeir\xf9]\xbb\xfcL@\xce\x1e\xeb&lt;\xdc\xa63\xc2\xb5\xaad\xed\x0bwy\xa1zOpk\xceU\xd4"5\x87\xea\xa4\xfe\x80\xce\xe4.\tT\x17\xd5\x01\x8b\xa88KN\xc5\xd3g\x80\xf5\xa5\x9f)/q;}\x9d\x85\x8c\xce\xa8\xd3De\xed|a\t\x04S\x13.\xd4&gt;\xd2\xba\x90U\x8ez4P^\x91/m)z\xfe|\xd7\xb3\xfbg\xd6\xcf$\xc3\xe9\x99\xf5\xf5\xf53\xa7\x9f=kc\xdaJ\xf6\xc6\x19\xbb\x05\xe9\xb6Q\x13\x85X\xb2\x85[\xbc4\x08\xd2\x93]\x89\xd7\xcc\r\xa3\x19)\x16\x971\xefB\xf1\xff\xe5w\xb0\xbe\xfdv\xfdqa\xe1\x102\x9b\xbd\xbf\x8a\xd9\xec\x8c_\xae\xd5\xe8d2\xd9\xc2\xc2\x14OX\x9e;\x12/\xc9e\x15\n\xcd\xda\x00\x83Z?\x13\x85\xbf\xdc\xff\xf7\xb6\xc7\x1c\x15\x8d\xe1G\xeb\xeb\x9f\x9c:u\xcaP\x8eJ\xe471\x0b\xe3\x96\x8b\x8dn\x9d\x0c\xd1\xf4\xceU\xbe\xda)\xbfvy\xbdM*\xb9)\xa2\x88\x98\x9c\x01\xa6&amp;\x1f\\\xd5\x99\x01F\x7fl\x88\xb3\xc7H\xe6\xb1Vc\xb1\xc6R\x98\xfda,\x16\x8f:\xc5b\x04\x08z\x9c\x7f\xd9\xc3\x93\xcb\x0b&gt;\x0eG\xbc\xd6&amp;N.\xaf&lt;\xc0\x04\xf2\xa9;\x04\xf5\xab\xc5\xee\x8bFe\xc1`\xb0\xbd\x8a\x19:U|\n5X6\xacs\x88\xd1\x89Ur`A\xac\x91\xb3&lt;\xf5\x10cm\xbc-\x04\x96\xb9\xa8\xa8N!4\xf9\xdd\x84\x95\x9f\x1f\xd8W\x98\xdd\x99m\x88\x1a\xad\xd6"\x93\xbb\xb0so\'\x97\x96fg\xc7\xe3\x86*\xa3Jl\xd4je2]{\xef]\xdeZb\x05\x08\xa8\x1c\x97Y\xa8\xb0\xca\xfd~@\xd5\xd44P\x02\x8d\x14\xd4\xaf4\xb5H\x03{a\xf8\x8aL?\xae7\xe8e\xacJ\x0c\xb50\x84#\xbd\xb7\xf8\xc3\xfalB\xd8d\xb5\x9a\xcd\xe6\xc8\xaf\x85V\'a\xf9\x91B\x97d\x1f\xa6\x1e\x11\xad\xdf\x1f(\'\xac\x0f\xb3\x7f\xbe\x17\x05\x8f\xc1\xa7\x97\x89\x81Er\x8d\xf4\xf2\x89\x85e\xd1k\xb5Z\xf7\x9b#\nE\xa4\x9as\xad\x86}\r\x15\xe5(\xfb+\xca\xdb*\x0es\xa5+\n\xc8?\xa2,*\xf7UU\x199,\xa3\xb1=X\xda{\x97\xb7\xfet\x81\xe7\xeb~\xa1\xd5Zg\xad\x0b\t\xe1]\xe2j\x7ff\xe6\x1f\xf6U444\xd4\xd4\xa0\x9aF]_XRR\x8er\x1b5l9\x83\xcap\x04Xb9\xdbN\x1bd\xbc\xf9\x16\xed\xc3\xf6K\x84\x11o](\x14RTJ\xbc*9MDXf~\x801\x0ce\x1f\xb6\x18P\xbc\x96T\x94\x0f1\xbe\xa8\xae\xb77\\\n\xdf\x12\xb3\xe2 m\xbe\xf2\xa7VN\xce\xc7\t\x91D\x12\x01\x95P\x91\x9b\x8b\x84B*\xad\x86Ok\xa5b]\x95,:d?\x86$6\xaa\xb7\x1fC\xd6W%+u%\n\x82*\x95\nP\xe1\xd2 \xf2\x1a\xde\xd4\x12|\x16\x96\x88$\n!L\x81\nQ\xa2T6)\x9b\x9a\xd8\xd2\x82\xd2vL\xb6\x85\xcf\x17FFzG\xda?_\xc0\xc2\xdc;\x12N\xcc\x84\x95JeiiAA\x81\x92\r\xde\xe0\xf1\xec\xc3\xb9\t\x89\x08\\d\x95\xb9]"\x97K\xe2r\xf5\'\x12\xfd\x89px\xc2\x15\xee\r\xcf$\xe6&amp;z{\'nO\x84\xe7&amp;\xe6f\\\xe1R\x82r\x15(\xc5\xc0\xe2\xf1\x88\xc1\xd5\xdb\np\x91)D\xa2\xd6\xd6\xfe\xdc\xaeD\x7f\xb7cr\x92:D\xfa\xe7\x12\x93\xb09jb\x99\x99\x99\x9c\xe9\xee\x9e\x0b\x83\xc9UPP\xaa\x12\xf3\xaaV\xce\xf8\x1d\x85\x90N\xcfp\xd6Z\xdb\xeahm\xedv\xd4;\x1c\xf5\xf5\x8e\xee\xee\xfe~n\xa7x\xb2\x9bv\xf5[q#\xe1"#*8&gt;\x8fX\x82\xf1\xcb\x8a\x08\x9c\x1d\x06\xb8\xdc\xda\xfa&lt; 9\x1cyyy\x03\xb8tw;\x06\xea\xbb\t\xca\xe1\xf8\x14\x9c\x93\x89D\x82\xb4\n\xb2r\xb9\x91O\xb5\x04\x07\xff\xa5\x08\x85D\xb9\x9bFgS\xe8&lt;\x94Z\xad\xce\x1b\xa8\x1f\x18\x188\xa0\x06\x1e\xae\xea\x81\x81&lt;G\xebL\x92J\xc5\x1a\x8dNV\xc5\'\x96\xe7F%\x82\x03)E\xd6U\xcf\x1dh\xa0\xb3F[\xa9\xc7;\xf9N\x96\xa7\xcesLnR!\x80\xc8\xe5\xac\xea,\x7f\xa7\xb6\x04\x9e\xbb\x95\x14JE\xdc\xe9\xac\xdc\xdc\xd6\xfa\x03[7\x8f\xbd\xbe5\xf5V\x0e/I\x85\x99HT\xff\x07,Q\xc8\xcbq\x89\x92\\\xb5y\xc9#e\xea\xb7\x07\xcb\xb8\x93wjGw?\xfc=\\\xaa\x0c\x8a\xb5Z\xbfV\xeb\x14\xab\xcezx\xc3z\xcf\xf3\x8d\xe8\x83:Z\x11\xdf\x82u\x91`[\xbf\x83\xa5\xce\xab\xc7\xa4L\xd0\x14T\xaaX\xad\xdf\xedv\x13\xd6e\xfe\xb0\x049\xb7\x14\x1f\x84\x88K\xb8\xc9\xd5\xd5\xd5ZK\xfd\xcaI"\x9a\x00\xf5\xb5\xad\xb9\x1cT\x812\x18LRQ\xcb\x81\xea\xb2\x87\xc7\xb5\xfa\x96D\x18\xaa3\xd3\x960m\xaasz\x11\x19Y}m-\xd7=\x95+\x92P\xeb$\x06\x90eu\x1aX\x12\xeb\xce"\xf7p\x8b\x0f6\x01\xd6j!\xa8\xc0\x15\x89`$+\x93\x9a\x89*\xe9!j%=D\x05,\x17\xd7\xb1\x18rT\x0cC/\xc2\xfa\xf7\xf20_zqX!\x8e\x0b`BZ\x1a1\x9cBT\x8f&amp;\x15\xed5\x8a\xa5*e\x11\x11\x8d\x8c`\x00\x8d:\x1f\xa3\xd73\x84\xe5d\xd9\xb9\xe3k\xd7=&lt;b\xd5\xd5\xedo1\x99LI.!\xd2/o\x93T\xce\xf9\x10m\x0bh\x91\x8c\xb2\xc8\'\x82\xacL\xa7\xd1\x1b\x0c\x06Pi\xdcZ#\x9b\xd8\xd8\xb36\xed\x11\xf0\xf2\xd8F0\xe5\x82Z\xfbQ[KMf+\xb8\x84\x11kS\x93R*\xf7\xbb\xa1\n\xc31h\xaa\x90|\x19\xdbe\xd1(c\x88\'\xb9P\xc0\xb2.\xf5\xcb\xb27\xf7\xc6sx8\xb3%\xf0|\xc3\rb\x8bT,\x96J\xcd\xde\x08\n\xc6&amp;\xa5I\xectk4L[\xb9\x015\x18\x13\x8d\xfa|Q\xca\x03\x19}\xdcb\xa1;\x0c=Hb\x0b\xf26RR\xdf&lt;\xb8~\xf0]/B\x02\xcf\xe2\x85\xd7\x93\x88\x0f\xc0\xaav:\xe5Rs$\x14\x01\x96\xcaI\xaem\x804qR\x07\xee\x14\x8dV\x1d\x82T\x16\x9b\x05`\x06=\xe3\xd3h\xd9\x82\xda\x8d\x9d\xe9\xa9\xef\x9f\xbc\xd7\xf3n;\x04\x05\x07\xa7\x9f&gt;9\xde/\x0cY\x8b\x80%\xd7\x12\x17\x95\x8d\x88\xe4\xc0\x02\x95\x05\x7fq\xda\x8b\xd2\xeb\x8f\xf9\xec \xb2e\xdbl\xb8I[\xc2:\xc2\xda\xd3\x91\x9e\x9e\xf2f~\xcc\xf3\xee\xa6\xa4@0~\xfe\xc9\xc5\x8b\xc7\x11\xb70\xef\x08\x0b\xa1\xdbDU#2\x048\xb7\x1eR\xc5\x89e\xd0f\xb1\xdb\xedC\x16\x9b\xad\xb3\x13/\x92\xcb\xa0\x8f\xeaXW\xde\xc6\x9em\xe9\xa9\xbf\xe8X\x99\xbf\xda3\x9e\xf3\x8e\xa0r\xc6n\x82\xaa\xf9\xa5\x88\xb0\xa4r\xb9S\xeb\x06\x96\x92jl\xb1QV\xe5\xc3\xa4\xb3\x80\xc7f\xb35\xe2j\x01Pg\xac\xd3\xc6\xe9e\x87Z26q`cgFj\xea\x96-++\xf7\xae\x8f\x8d\xbf\x93M\xc5\x9c\x83c\xcb;/\x12\x96\x82\xb0\xa8\xda\xd1\x8e\xd2J\xa7T\x9a\xa0\xd6\xe8!\x9fO\xaf\x87Z\x90\xcb\xd6\xd8\x086`\xc5b\xb1l\x80\xd9\xc8\xbb\xa2\xc0\xda\xfar\x0b\xb0\xcaRVV.]z8\xdd\xf3\x93\xc1\xe0U\xc3/^\x9f|\x8bU\x07,\xa7\x13X\xe0\x02\x98\x89\x13\x0b\x81\xd3\x80qk$+\x06W\x8c\xa8b\x9d\x8d\x90\xcef1\xd8}2vF}\xbc,=5\xb5\x03X\xab\xaf\x96W\xcf\x0f/\xfe\xa4\xad\x16\xea\x0e\xec{\xf1zO\x19\xb0\x9a/\xbe\xa4\x98^DX\xa3\x1a\r5#"M\x97kuQ=\xcd\xbbXVq\xac\x98\xac\xb1\x13o\xc4\xd5Hra\x18}\xb2\xf6\x19\xf5\x9et`m+[\xf9\xeb|\xcf\xd8\xec\xf2\xf2\xf9\xbe\x9e\x1f\x1d,\xe8\x07X\xceM\xf5\x9d[:Y\xb6\xf3\xe8\xcf6\xb1\xcc&amp;\xa7s\x14X\xa3\xa3N\xa7\x93u\xeaF1\x84\x968\xf4\x01L\x16\x87\x16\xcb\xca\x8aq_iDOX\xf4\xbe\xaa\xf6\xc4F\naut\xac\xac&lt;\x18\x1e#\xb0\xb5\xf9\xeb=\x07=?B2\xea\xee\\\xec\xeb;\xe7\xc9\xb9\xb9%\x89\xf5)\xe2\xba\xd9\xa4\x12\x13\x0b\xa3\xf7\x8d:\xe5\xf8\xe8\xd3S\x88",\xd0\x80\t\x97M+\x8e5R\xf0\xb2\x1f\x02\xd6\xf1\xf4\xf4\xb4\xb4\xd4\xb2\x1dGVV\x1f\xceO_\xeb\x19&gt;\xffpm~zq\xdc\x93\xf3\xc3\x95Z\\Z\x9a\x1a\xef\x99}\xf1\x8f\xffay\x9bP`9\xb5\x1a89\xf5[\x03\x8b\xe29\xe7\xe3\x1c\xca\xf6,`m\xdf\xbe\x1d\xff\xe0jD\xc0\x18\x04\x96l&amp;eGjZZ\xda\xfb\x7f9\xf2\xe7\xdf\xfd\xf6OW\x1eL_[\x1c\x9e]^}xo\xec\xea\x0f\x18K\xee\xe7s\xc6\x96\xbeZZ\xec\x99}\xfa\xe4\xe8\xc5\x14`57\x1f%,%\x87\xe5\xd6\xe8\xed\x90K\'\x93\x8d\xfa\x0c\x16n\xe2\x15\x13\r\xc1l\xbe\xef\xce\xca\xfa}c\xe3\t\xdb\xe0\xe0\xb1C#Ov\xa4A\xad\x8c\x8e\x95#\xff\x99=\xff\xf0\xca/\t\xec\xda\xf0\xf4\xcdU\x8c\xe5\xf7\xf6~j\x19\x1e^\xfa\xea\xd5\xd48\xe2U3"V\xca[\xb5\xb8\xe6M`\x8d\xfa\xf4\xf68\xb8F\x11\x1d\xec\x83\xb6\x18\xb9\x15Hv\xef\xde\x04\xdb\xcd\xb1\xc1\xb9N4\x9e\x18\xb4\xfb\xfe\xb6mGFFFZ\xc6\x8e#\xf0\xf8\x9ek\x17n\xae^\x01\xd8\xd85|Z[\x03\xe1\xf7P\x8c\xd6\xe4\x9e\xbeW/\x96\x16s\xae^\xb8\xd4\xfc\xe4\xe9\xab\xd9\xe5$\x16\x02\x84\x95\xc6\x10Sq\xd4g\xb7\x0f\xc6\xe3&gt;\xdd\x7f\xfb8\x9f\xd7\xb6\xd14\x8e[\xaf%\xf5\xa2P\x04BH\x87\xceA\xc7\x1c\xca{\x90\xc9\x9f0\xb0f\x0fk\xe6*\x10:e\xc0\x86\x1e\x82/\x03\xbe\xe50\x10/^b\x19T\x1f\xc6I\x0fB\x90K.\xeb\x18\xfcc\x1b;\xce\xc4\xc4\xcc\xe4\x10gK\xa0\x10\xdc\xe2\x90\x86\x81%\x87\r)\xa5\xfb}^y\xd3\xd9\x9d\xd9}\x9a&amp;j\x9a\xa0\x8f\xbe\xcf\xf7\xf9&gt;o\xda\xb4?l\xac\xe5w\xd7\x05\xd5\x12\xab\xfc\xf4\xe9\xde\x1e.V\xe0\xf9\x12\xe9\xb5\xbb\xfd\xf3\xa8\xa3Ri\x83\xea\xa0\xdd&lt;\xd9\xda\xda\xaa\xb5o"\x01\x86\xab\xf9\xcd\xbc=9y\xf5\xff\xfe\x1eT|\x13ssxw7&lt;\xfb\xea\xd5\x04\xd1\xbe\x18\xd6j-L\xa2\xd1\xd0u\xff\xf0/\xdf\xd2\xb1\xf3\x8f\x02k-\xff\xf5\xf7kPkmm{\xbd\x84\x0e\xae\xac\x94S\xb2U\x82\x12\x1e[)\x97K\xa5\xdd\xdd\x97\x1feY\xd3@\xd5\xabV{1\x9c\xde\x02XS\x80]\x02\xb25i_\xcd\xe7\xa7\x93\xff\xfd\xbf\x05=\xc9&lt;\x81\xc3\x17w\xdd\xbf\x12\xd4\xa88;\xef\xd6\x9a\xb5\xee}\x9c\x93\x0e\x0f\xf5\xa2\xf3\xcfo\xe9[\x83\x9f\x91\xa3\xd6\xd6\xf2\xf9\xef\xf3k\x1bPk{ww\x1d\xba\x94\x08DP\t\xbb\x83\x89\nX?\xb9Y\xcduU-\xdb\xaf\xf65\xdbu\xc7\xf3v\x13\xad\x84N\xea\xf8\x93\x80l\xd5.\xdb\xa7\xed\xe6\x8b\'\xbf\xf7\xff+\xc1R\xaf\x86\x8b\xc5y\xf3\xf8\x05A\xf1\xe2\xa2\x0b\xaa\xe1\xc5\xe8\x03g\xb9"\xba\xc8?\xfcHX?&lt;{\xb6\x01,,hd\x12Q\xad\xef\x96J\xcf\xc5\x04\xa6\xb6O\rV\x06"q\xfd=\xb6T\xd7\xd5T7\x81X\xa6\xab)J\x14Qjm\x9d4/\xe7\xe3\x88\xc8\xa8\xb1\xad\xc9p\xd8\xfa\x9d\x835\xa0\xba\xf7\xf7\xdd\xb3\xe3\xe3\xd6\xc14v\xf8\xec\xbc\xd6\xadu\xa7N\xe08\xbaC\xe6\xd2\x8b\xc6\xc7?\x7f\xf7l\xe3O\xf4\xcfR\xf2D\xf5u\x9eD\xc3\xd6\x01U\tR-\xb1\xa8\x89\xab\xab\x85\x02^\xca\xe5\xa3\x99\xacF\xc0r\xadju\xe0\x9a\xa0R\x14US?Sz\x9d\xa0\x81\xf3\xf1x\xfc\xf9\xea\xb4}\xd0$\xb0\xb3\xdf*U\xbb\xbf\xaf\x1d\x1f#P\xa61\xe7\xb3;0\xd5\xceG\xdcA\xf9\xbe\xc4\xf4C]\xe7\xec\xe3w\x7f\xdb@\xc1\xf1P+\x9frm\x8bm(2&gt;UL`\x15\xd2:\x9a\xa9\nQ\xa9\xea\xa0\xda\x97m7\xc5B\xb8F\xe39\x9cuBdW7\x88\x0c\xa1\xda\xa4\xf6\xdf\xd3\xd7:\xbf\x1b\x1e\x9fL.\xdb\x17q \xa0j\xdd\xe1\x94\xfb\x0e\xb8\x0c\xc7g\x15\x0e\xac\xa2\xc3~\x12X\xf9m\x1c\xab\xf2\xdb\xdb\x7f\xd8\xa6\xd7hc\xe99\x04#4\xd2\t\xee\xfaB\x15YQ\x04*-\xac\xf6;\xb6\xa9\x11\x91B\x8b(\x9b\x95\xa3\xcfi\xff\xb6\x9a\xdd\xf6\x94\xfayu9\xf9O\xa9\xce\x86\xf7\xc3\xb3V{~m{\x813\xba\xc3\xfc\xd5\x86\xd3Q\xc0\x0c\x87s\xc70\xb8S\xc9\x01K\xf7Y\xfc\xcb\xc6\xc6K\xc1\x92\'W\xad\x13\x14\x12\x02\x96\xa75\xfd\x94\xd2\x81\xf2\xe1\x8bV\x96\x1aE\x14Z\x83j/\xa5\xa2\x92\xb3\xa2T\xd9\xfatz\xd9\xa4\xc9&lt;kM.\xaf\xc6\xf2\xe7_\xff9\xdfVw\xd8=;k\x8f\x9cxt}1\xc5\xf8\t(\xc30$\x89\xc0\x1cf\xf8,\xcb\x05\x97\x01\xae\x97\xdb\xcb\xdaE\xdf\x9e\x97h\x10\x91\x04%!\x15Q\x11\xd0&amp;\xaa\xf0v\xa6\xca0\xb8\xaad\xe5\xb0\x9ax\x92\xa6\xa5TB,\xbc\xb2,+\xab\x8c?]\xb5EfPT\xcc\x7fe\xf5o\xceZP\xea\xf6\xc3\xad\x00j6\x01u\x11\xf3"7\x98\x94\xab\xe4\x98\xe30)\xf0\xa5J\x11Xz\x91\xc5\x1f_\xee.\x0b\xea\x94WJT\x94P"QS\xac\xcd\xcdw\xf5\xfa\x9b_b$\xbb\x1a\xa9X\xd2\x10\xcb\rlS\xcd\xa2\x83\xd9%\xd7\xbfKQ\xc7\xe3\x9b\x14\xed\xa4\xf5\xf8\xbd\x04_}\xf3\xea\xe4`:\x9a\xdd\x9e\x83\xa8\xd5j5\t\xca0\x9cF\xe3\x10\xfd\x93r\x03\xdf\x0b6\x00\x00\x04YIDAT\xb9\x1c3x\xd1\x0f\x14\xa6\x13\x18g\xd2\xed\x91\x80*\xad\xef\x92\xbd\xcb)V\x99rK`m\x16\n\xef6\xeb\x9b\xfb\xb7\x12\xccM\xfd\x93\xadl\xaf\x1f\xf2 \xf09\xd3\x04\x15\xb8d%\x9b\xc2\xa5\xa3\xa9\xa9\xe3\x1b\x1a\xce\xe5!\x0f\x93w9\xbd\x9e\xcd\xee(9[\xcd\xc9\xc1\xe5\xe9\xb5\xc3\xa5J\xce\xf0\x1b;\x8dC\xdfa\xe8 \xe1xf6\xf0\x8b(\xce\xcc\xd1["\xc1O\xc2\x10\xe9\x04*\xb1\x0b\xf7\xa8y\x9b\xf5z\xfd\xdd\x03\xcc\xae\xa4ZY\xb25\x18\x98\x81/\xcap\t\x15\xee\xc2\x89B^R)\n\xda\x8b\x96\xc2\xf3t\x1c&gt;\x9b\x00)\x8eG\x17\xd4\xbd\xee\xe5\xe9\xfc\xba\x92\xb3=\xdb\xe0\x86h^\x11`\x8e\xc1unp\xc9\xb4mE*r\x80\xf9\xdc0\xe3\xc5\x11\xb0\xcaeP\xc1Bin\xd2\xe2\xd9K\x99\xea\xf5\xfd[\x06\x1a\xb1\te8\xc8\x1at\xacN\xaf\xa7\x98\xb6\x11\x04\x9e\xad-U\x02W\n\xa5h\xaap\x9a,g^4\x91\x05\xf1\xe8v*6\xcc\xc1):\x17\x00\xa7\x92#7\x89\x0b\x10\xe9\xbc\xd8\xf0\x91\x0f\xaek\xdb\x9a\x12\x04\x9c\x1e\x98c\x14Fo\xf7\x81\xb2*\xac\x8d\xae\xad\xbe\x11\xdbp\x8f\xa8^\xd7\xf7\x17#\x17w\xc4QF\x85*V\xc7\xb2:\xe1`\xd0\xafV\xdf\xf7\xc2\xf7=\xc5\x0b\x98Ff_\x16\xb4SI+z\x97\x9ci\x8f\xf8h:\xa4\xd6a\x02.F\x8cIFQw\xa4\n\xf1`\xfap\x01&gt;\xbd\x81wI\x18!\xcf\xf7m\x0bc\x19pT`Hf|{T^)\x17\x848\x04V\xa0\x15\xbd\xb7Y\x7f\xfd\x1a\xfd\x93\x84\xb7e\xd1)0\xb9v\x0fD\xbd\xf7U\xac\x9f\xf7\xd5\x9e\xa52\xc301\xa4\xd4\xcde\x8cY\xe0B\x94\xc9\x99t\xf0\xc0D\x8dd\x06\xb0\x88\x8b\x0b\x9d\x18\xa5B%\xc7\x1b\r.e\xe9s\x8c\x807tUBf\x18\x8e\x13\xa0\x11\xccD\'\xf7\x0b\xcb\x9e\t\xae\xc2\xea\xd3B\x9d\xa0bM\xfeR\xb8\x9d\xebytx\xb0\xb0\x14\xabIo`i.\xa6\xc8G\x08\xaai\x84\xa5)&amp;\xd3[9#\xd2\xe0\xa0}q\x1dC\x0e\x18\x1bi 9E$9\xe9$\xe1\xee\xbc\xb1\xa3\x1bd\x03\xc8\xcbr\x86\xde\x08\x18\xca\xc3\x87R\xe1\xc3\xcd\xd1b\x1f\xea\xa0\x00V \x8f\x15\xde&lt;\xcc\x98\x08\xa7T)\xbc\xb1\x14\xe6\x07\xb6\x97\xf4\x930A\x85a\xa7\xe3z\xba\x1e\x04\xfaN\x83\xc0\xe4TV\x81\x85\xcb\x0cL\xde~\xf4\x13\x81IK.\x9c\x17\xe0/\xbe\xb3\x03\xa9\xe8\x9cD\x1a\x93~&gt;v5\x81IL\x94-\x99\xa4\xd8?\x04\x18\xf4\xda\xdc+\x1f-f\x9e\xab\xa4\x93FPtC\xd7\x0b\x82"\x0c\x19\x89\xb2m;@({v\x14\x86.\x8c\x11\x98\xcb\xd0\xb7\x08\x0c&gt;\xcb\xa0w\xe9\xa3\xe3\xb9S\xb2\\Nb\x0ef\x8dK)\x94M\x85\x9bc\xbf2\x9f&lt;\x85\xf1\x96\xd2\xb2\x81\x85\xdfr\xdd(\xbe}xGX\x10\xea\xd6\xb1#a`U]Z\x19\xa67\xa1\x8b\xbe\xb3\xb3\x03}&lt;*l\xb7@\n\x93&gt;\x0e_\xa1\xed\xebA\x84\xe3\x84\x88{a55\x13\x93:\x8c\xbc"\xd2\x9c\n\\\xa2{\x04\x15\x10\x93\x17\xe8taz82\xc3m\x1c\x8f\t$\x01f\xe2\xc5$07\x1e-\x1e\xf6\x1f\x163f\xd2JV\x1f\x0bfV\xe5NG\xf6|\xbd\xd1\xd09\xbe\xe4\xc1\xd7&gt;\x81\xdbK\xc4PV\xfb\x83DvM\xcf\x0c;\xa6\x0b\xb1(R\xb1239Q\x84\xf1\x08\xa6T\x14\xa5\xc2|&lt;\x1aF\xcd$,\xbd\xe1\xe3\t\x83\x06=.\xa2\x14\xefy\x84\xca\x99T9W\xd3L\x8f\x7f\x88\xb1\x87E\x89C\xbb\xb8\x83\xa2"\x17P\x1d\r\x8e\x84\x1b=7I\x14\xbc"&amp;P%a\'L\x06\x89k\x87I(G\x9aK\x9f\xaff3\xa2s\xc2\xdc\xf8A\x83\x88_\xbb\xb6C\xe1\xee\x90\xd3\xe8\xa66\x89n\x07;Txb\xe6\x06\xe8,\x16\x12)\x05\xa9r\xa02mfx6uZ\xd3*\x9a\xf6\xc8\xa6\x99J\x98V\xd2\xb34&lt;"\xb3\xcd\xde`\x10\x86\xfd\xa5Ta\xe4\xb9\x9d~?\xe9\xc8\x18\x87\x8e\x89;\x990Y\x86,\x05,Zy\x06\xc9\xc5\xd020\xc1S\xcce\x87\\h\x81C\xa5\x89\x0e\x12\x15\xed\x1f\xd7\x86Gm\x8a-\xd1@heJ\x98\x19\x9b.\xf0\xa1\xee#\x94\xe6\xe2i\xe4\x9e\xa0\xea\xf5\x92\xc42\x85O\x95A_\xd4\xa0\x97\xf4 \xa2m[\xc0\x1b\x0c\x92\xa4c{Q\xa7\x13y\x9a\xf5/\x8d=\x1f\xd4S\x04\x88\x15\x00\x00\x00\x00IEND\xaeB`\x82'</t>
        </is>
      </c>
      <c r="M230" s="3" t="n">
        <v>45492.67688657407</v>
      </c>
    </row>
    <row r="231">
      <c r="A231" t="n">
        <v>840276</v>
      </c>
      <c r="B231" t="n">
        <v>1958</v>
      </c>
      <c r="C231" t="inlineStr">
        <is>
          <t>Gregore</t>
        </is>
      </c>
      <c r="D231" t="inlineStr">
        <is>
          <t>Gregore</t>
        </is>
      </c>
      <c r="E231" t="inlineStr">
        <is>
          <t>VOL</t>
        </is>
      </c>
      <c r="F231" t="inlineStr">
        <is>
          <t>VOL</t>
        </is>
      </c>
      <c r="G231" t="inlineStr">
        <is>
          <t>VOL/MC</t>
        </is>
      </c>
      <c r="H231" t="n">
        <v>181</v>
      </c>
      <c r="I231" t="n">
        <v>26</v>
      </c>
      <c r="J231" s="2" t="n">
        <v>34394</v>
      </c>
      <c r="K231" t="inlineStr">
        <is>
          <t>Right</t>
        </is>
      </c>
      <c r="L23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efae77b-fcea-4dc7-8cdd-3356e17157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O\x82\xb6\x00\x00\x03\x00PLTE\xff\xff\xff1/,\xfa\xf4\xed\xfd\xf6\xee\xfb\xf5\xed\xfb\xf6\xf0\xfd\xf8\xf2\xfd\xf9\xf4\xfe\xfb\xf641.\xfd\xfc\xfb\xfe\xfa\xf6\xf4\xed\xe5\xfb\xf7\xf3\xff\xfe\xfe@;8B=:\xfc\xfa\xf6D?&lt;\xf7\xf3\xec/,*\xf7\xb8\x8b\xff\xfd\xf7$"\x1e&gt;:6\xf1\xeb\xe3\xfe\xfd\xf8\xfd\xfc\xf8\'%"=85\xff\xfa\xf4830\xfa\xbd\x93\xfc\xf8\xf1\xf6\xbb\x8f\xfe\xf6\xf0\xf4\xb5\x87\xfc\xc2\x9b\xf7\xef\xe7\xf9\xbb\x8f\xd8\x9ds\xf9\xc0\x97\xbf\x83X\xf3\xb1\x82*)&amp;\xf6\xbe\x94-&amp;"\xf7\xf5\xf2 \x1d\x1b\xf2\xb9\x8c\xf3\xbc\x91\xf3\xef\xe8\xfc\xbf\x97\xfe\xcc\xa8\xf5\xf1\xea\xdd\xa2w:63\xec\xab}\x1f\x19\x14\xfe\xcf\xab+!\x19\xf0\xb4\x8b&amp;\x1e\x19\xe4\xab\x81\xb8\x7fS\xb2uM\xfd\xc6\xa2\xd6\x9an\xce\x93h0$\x1d\xfd\xc6\x9e\xff\xfb\xf6\x1b\x19\x17\x19\x15\x12\xf0\xe8\xe0\xf0\xae\x7f\xeb\xb1\x87\xa2oH8+"\xea\xad\x82\xfe\xca\xa4\xf9\xc5\x9f\xa3vU&gt;1(\xd4\x95i\xf9\xf1\xe9\xe3\xa0s0*&amp;\xc8\x92l\xd9\x97i\xe7\xa8{$\x1b\x15\xcf\x98q\xa3sO\xeb\xe6\xde\xf1\xb1\x86\xb7yP\xde\x9eq\xc4\x89^\xe7\xe2\xda\xa9pFGC@\xd8\x93d\xe9\xa6v\xf9\xf8\xf7\xdb\x9bn\xfe\xd2\xaf\xfe\xf8\xf06.*\xec\xa8yP;.\x14\x12\x0f\xe1\xa7|\xe4\xa4w\xfe\xd6\xb4\xe6\x9dl\x8d^@\xf3\xf2\xf0\xe6\xae\x87\xc8\x8ddI8-F3&amp;\xacrH\xfd\xc2\x9f\xfb\xc9\xa5\xc9\x89^\xe6\xe4\xe2\xce\x8fc\xd3\x8fc\xf6\xc0\x9bdL&gt;\xa9\x7fa\xa8lC\x93nO\xef\xb8\x92\xea\xb5\x8d\xe0\x98f\x95eD7\'\x1c\xbc\x87b\xd0\x89\\\xb6\x81\\\x99jI\x9boM\xef\xed\xeb\xc8\x84X\xcc\xc8\xc6\xe1\xdf\xdd\xb0}W\xe0\x9ak\xc7\xc2\xc0\xd8\xd6\xd2\xeb\xe9\xe8\\C3\xdb\xa4|\xc1\x8cf\xaayPTA6O2"\xff\xfe\xf8\x86V9}X?\xe4\xb2\x92\xdd\xa8\x81@+\x1d\xa0|b\xc0{Q\x8e\x89\x87\xbf\xba\xb7\xd2\xcf\xcc\xf7\xb5\x87\xab\xaa\xa8ea^eF3\xd5\xa0|\xb3oF\xa9}U\x9fd?\xe0\xde\xd3\xde\xac\x89\x9a\x94\x91\x99uY\xa2jE\xce\x9e}\xf5\xb4\x92\xd7\x8e^\x83~{pM6d?(\xff\xfe\xfb\xdc\x94d\xce\x82Q\xc8\x97u\xd5\xa6\x85X9\'VQO\xf4\xba\x98rnk\xb3\x85d\xabwVYH&gt;\x9f\x9c\x9a\xbe\x92r\xeb\xba\x9a\xdc\xae\x8f\xdc\xda\xd7}M2\xa9\xa2\x9e\xeb\xa2q{vs\xfd\xdc\xbdiTH\x96W4\x8cgKYVUt\\MtT@\xa8d=\x7fcSNIGsE*\xf0\xab{_XT\x82`I\xc7\x9d\x81\xf5\xd4\xb6\x8bn[\x88P3\xb5\x8ak\xee\xc3\xa3\xb7\xb5\xb2\xc8zI\xe1\xc5\xae\xb3\x97\x7f\xce\xaa\x8d\xe5\xd5\xc9\xc1rAmgd\xb2\xad\xab\xeb\xdd\xd3\x90ve\xec\xcc\xac\xeb\xa4\x85\x9f\\7\x99\x85v\xdd\xc8\xb9\xcb\xb0\x9a\xe8\xd0\xbc\xb7f5\xf8\xcf\xa6\xcb\xb5\xa5\xfa\xe3\xcc\xe1\xbb\x9e\xb1\xaa\xa6\xba\xa1\x8e\xe1\x8eZ\xfe\x9b\xa3\xaa\x00\x00 \x00IDATx\xda\xcc\x98\xefO\x13y\x1e\xc7\xdd\x87\xf6\x01\x1ab3Oj\xda\x90\x12\x84\xea\xd0KJ\x94avN\xf0\x86t\xc29W\x1c\xd2Zf\x13\xc1`[L;]B\xc9\xce\x00\xdb\xad\x05]\x18\x1b,\xb0-\xf4A\x1bt+\x14\xa4\xeb\x11\x11\xc3\x8f\xd0K\x8dk]\xf9!\x81\x13q\x91KdO\x9e\x001\x81\x07\\r\xe6\xee3\xee\xfd\t\xad\xde\x87L2MHx\xf5\xfdy\x7f\xde\xdf\xcf\x97C\x87\xd2SY\xb2C\xffw\x95%\xfb_\xd9d\xf0\x9auHz&gt;/\x90\xc4\x94e\xf3\xdb\n\xfd\xee\xf9\xde\xa6&amp;\x7f\xa1\xac\xd0&amp;\xeb\xefm\xca\xca\xfa\x8ch\xf0\xc7m2[\x93\xbf\xc9\xdd\x13\xdc\r\x06\xdf\x8d\x0f-\xce\xdb\x9a\x86\x83\xb1\xdd\xde\xac\xcf\'Ya,\xd67?\xdf\xefw\x07\x87\xc6\xc7\xf7\x17\xa76~M\x85Wc\xbb\x1b\xcbK\x1bO\xe6\x01\xf8\xb3\xf8\xcdf\xdb\xcdN\xbd_\x9c\xda\x95\xf5\x8e/{\xc3\x1cgg\xb8\xd7\xaf\xc3^\xe9uyi\xca-\xeb\xf7\x7fr&amp;\x99\xdfo\xeb\xdb\ts\x02\xb7\xf1$\x16[\x16\x04\x86\x14\x19\xde\xbb\x0cH\xde\x14\',\xef\xbf\x8e\r\xcf\xdb&gt;\xb9R}\xe3=\xb1\xfd\x14M\x8bQ.\x95\x9d\xe2E\x81ch\xde\x1b\xe28\x86\x17x^\x08\xbd^\xdd\xdf\xff\xe0\xfe\xc4]\xb4\x05W\xdf\xef\xbf\xf7Fp\x9c\xf6zy\xe0I\x85\x04Z\x88{EE\xf6Q\x91\x0esb\xc8\x1b\nyW\x17a \xb3&gt;aJ\r\xaf\xc6W\xa7o/\x87I\x9c\xe0x\x12%\x99\xd42\x1f\x158\x01S\x9c\xb1\xe3P\x0c\x03\x1f8\xeem\xd0\xddd\xfb$\x8a\xc9\xdc\xc3=\xe3\x8b\xfb\xde8\x17\n3$\x81\x13\x14E\x98\x10\x94a\x18\x11cI\x02AI\x02\xd3\xdaQ\\\x14\x19.\x12Y^t\x17\xfa3\xce%\xeb\xdd\x9d\xda\x18\x1a\x0fs\xa18\x17eH\xcc\x84\xb28\x8a\xa0&amp;\x84@0\x8c\xd2+P\x92\xd5;)\xa7^\x89\x12\x04NG#\x11n\'\xe6\xef\x87\xf0\xcfl\'\x87\xa76R\xdcr*\x1c\x89\n\x82@\xa2v;\x82\xd9\x8f)\xec\xa8\xde\xa4D0\x8a:s\x18\xa3\x10\xd6\xe9\xa4P\x040\xa1\x95\x02\x97\xdaX,\xb4\xf5\xf7\xf83\xc9e\xdb\xc9&gt;\x9e\x8ar\xe1\r&gt;\xec\r\xf38z\x18sR\x88V\x8f\x13\x18\x8a(\xb4N\'\xce\xc2g\xa5\x96\xd2\x1fC\xb4Z\xbd\x16#H\x94\xa6S=\xc3\xfd\xc1\xddLFE\xef\x06}4\x9b\x11qS4\x15\x8e\xd2\x84B\xab\xd7S\x14\xc6\x02\x16\xc0\xe9\xf5Z\xca\xa9U\xc0\x8f\x13Q\xa2\x18\xa6\xffX\xb8 x\x97\x82\xb1\x9d\x9e\x0cb\x05G\x99\xe3&amp;\x924\xe14\xe4\x15\xafT \xc8I\x96%\x19\x91%P\x02\x17\x19;\x8a\x82H\x18\x86\xdaM@HQ\x14`\x99\xe0W!d\xf9\xa9\x8c\x05~\x96\xed\x99\x9d~|\x1c\xc7\x11T\xc4p\x9e1)\xa0U\xa4(Fy\x81\xe1C\xa1\x19\xa8x\x88!Y\xd6d\x02\x11)\xa7\xd3\xa9\xc50\x12\'I;I/\xc5&gt;\x04\xfbe\x99I\x86\xc5_1&gt;LB\n`\x10\x0c4D\x83\x93 \xa3\xc9d$\x19ON\xbb\x06\\\x0b\x03\xae\xce\xae\xe9d2\x14\x89\x8aQ\x11\xc7$\xc10\x9c\xc4\xb5\x08NN\x8d?\x9bwgd\x1e\xfdKz\x0ce\x04\x86%q\x16gI\x9a&amp;(LL\xce,\x0ct\x02\xcd\xc4\xd8\xca\npm\xba\\\x03P\x9b\xeb\xeb\xebI\x11\x93\xf4\xfa\xe2\xb0^\x8f\x90\xd1\xe5!\xbf\xac7#G\x91\xfb\xa5S\x8aI\x12\xdc\x02z\xb18\x8e\xb1\xc2\xf4\xca\xda\xfdn\xcf\xa4\xc7\xe3\xf3%\xeeC\xed\x8d\xd5\xd4\x0c\x1e\x1c\x1c\xacmn\xae\xcfD\xa5\xa8`Y\xbdVK\xe0\xa1\xd5\xa1\xf9\xbe\xe1\xa6L`\x8d\x9a\x94(X\xdb\x84\xe3Z\x8abEQL.\xac\r&amp;&amp;\xff3;;;9\xdb\xd1\xd1\x11\x08tx\xaa,\xdd\x89\xc1\xed\x83\x83\xbd\xbd\x95\x85\xf5\x08\x0e\x06\xc3\x10\x05|\tZ$7v\x97\x96\xfa\xd2o\xf8\xde\x14c\'X\xd6\x8e\x82\x9b)&lt;:3\xb3\xb9\xb2\x9d\xf0MBy,\xb3\x8d\x8d\x8d/\x1a\x1b\x01\xcd\xe2K$\xb6\x80\xeb`oee!"\xb2\x18\xb8\x1f\x92\x04,F*\x9f\xdc\xbb\x97~\xc7\x0f\xf3Gh\x16cQHs"\x1aI\xae\xaflou\xfb&lt;\x1e\x0b\x94\xb9\xf1\xc5\x0b\xab\x15\xb8\xac\xd6\xc0\xec\xe4$pm\x1f\xac\xad\xedA#?\n\x86\x9cDP\xe8&gt;{\xaf\x7f8\xfd\t\xff\x0eNcHI\x02#\xe8\xc8\xcc\xca\xd8\xda6`yfg;\x1a\xa5\xb2:\x1c\x8e\x8a7\x8eb\xab10k\x99\xf4%\xb6\xee\x97\xb6KzA#\xc1aNJ\x8f\xa0,\x11+L\xbf\xb9l\xcf\xb2\xaf\xa0\x92\xa9\x08:\xb9\xd0\xbe\rP \x96\xa5\xa3\xe3\x85\x03\x90\xac\x8e7\x1a\x8dZSQQ\xe1h\xec\x08\x98;&amp;\x13\x835\xa5\xed\x13{\x9b\x0b\xeb\xc9(+%\x85\xfe\xe4\x99\xd1\xde\x0cL\xa2\x7f\x07U\x12v\xf8\xcext\xbatpkkK\xf2\xd5l\xc7\x0b\xe0\xb9\xa4\x01\xa6\x91\x11\xb5|\x04\xc0\xde8\x1c\xc6Zc\xc0\xd3=XZ7\xe1\x1aXX\x9f\x11 )\xb4Zl\xe7]\x7f\x06rkWA\xa0\xa8\x1d\'H\x9aw\r&amp;$*KG\xc0\xea\xd0\\\xba$\x97\xcb\xf3\xf2\xf2\xa4\'O\xae\xd1T\x14\x177T;\xac\xb5\x9e\xee\x9a\xba\xf3\x9dR\x8c%q\xa7S\x8f`\xd9\xa3}\x19P\xeb\x198\x1d\xf2\x01%\xd8\xe4\xc4v"\x01T\x01c\xb1Z\xaeR\xe5\xe7\xebT:U^N\x8eJ\x95\'W\x8fh\x8a?Vu\xbd\xaf\x00\xe4\x1as\xb9\\\xeb\xa2t\x12\xb1W\x86\xfa\x86\xd3\xbe\xdf\xc8\x86 \x14Q\x13\xc6\xb2l\xbc\x19\xa4\xf2Y\xea\x8d\x0e\x8d\\\x95\xdbR\xd6\xd2\xa2;\x95\x03t\xf9\xf9y\x7f\x00,hduuq\xf5\xe9\xaa\xcb5\xcd\xedc\xc0u;\x02g6\xa5\xb0?~|d\xa80\xcdXM\x8f\x15\x8c\xc9d\'0&lt;\xea\xaa\xd9NLZ\x02\r\r\xc5\xea\x9c\x9c\xfc\xdc\x96\x96\\\x10KW^^\x9e\xab\xca\x91\x7f\xf4W\xb5\x03\xb0j\xbf;\xdb\x0crA\x1f\xe3R\xd2k\x11\'\xf5\xc5\xf1t\xef7\xf3\xd9\x04\x8d\x9b\x0e\xe3\xb88S78\x98\xb0\x98k\x1b\x1c\x1a\xb5\\\x9d\xa3\xd2\xe9\xa0{y*].\x94\xeeww9\xac\xd6\x86\xfa\xfa\xaa\x82\xd2\xe6\xf3c]\x9d\xae\x85\xa8\xb4|a\x80\xa6H\xb7\\\xeeq\x82@\x95J\x02\x8f\x0c\xd4\x14t{\xea\x8dFc\xf1\x08tlD\xfe\xbb\xdb\xe5\xa0\x17`\xe5\xa8?\xba\xcb\x18\xa8\xad7{\xc0\\\xe7\':A\xae$\x01Y\xaf\x85=H\xb1\x94\xe6\xb5k\xfe\xc3\x15\x166@\x9c\x8c\x0f\x9c-\xf8\xd6Sk\xb5VWWh\xd4@!\xcfS\xab\xe5r\xb5d\xb3\\\x95\xe4.\xb5\xe6\x8d1`\xb6\xf8\xba\x0b\xc0\\\xed\x13\xaeNW\x9c\xd6Sz-\x82(\x94\xf7\xd2&lt;\x8c\xc3OFQ\x92\xa4\xed\xcc\x8c\xab\x00\xce\x9czcu\xb1\xd5\x01\\\xf2&lt;\x95\n,5\xa2\x96\xdc\x95\x0f#)\x87q,6\x82V\xdf\x16\xd4\x946\xd7\xb5K\xb38-\xc0\xd2\x8a(\x90cS\xfd\xe9N\xd3\'\x8f\xcf\xe0\xa8\x9d\x16g\\\x97\xe1$\xac:\xfd\x17kc\xe3\x1b\xa0\xd2\x81\xe5\xcb\xf3%s\xb5\x94\xe5\xe6\xb7\xb4\xe4\xeb\xf2\xe5\x97\x1ajk\xab$\xac\xba\xba\xba\tX\xc7^\t\x08\xecj&amp;\xedKw\xda\x17\x88{GLR\x9c\xd2\xaf\xba\xbe\x99\xb4|Wel\x80}\xc1\xaa\x96\xebr\xcb\x0ce0\x85:x)*\x83\xc7\xd0\x02\xa2}\xf9\xf5i\xc0:[\n\\\x10\xa9\x10\x11p\xa5E\xb5\xc73p\xcf\xe8\x1d\x95R\x9e\xe6\x16nUY\xcc&gt;\x8f\xc5l\x9e5\x16\x7f\x99s*\xd7Pd(*\x91\x88\x0c%%\x86\xa2\xabW[\xcb\xcaZ\xae}\xff\xc7\xd3\x7f\xba\x0c\x93X\xda&lt;\xd6\xd9\xd99\x90$Y\xb8\xb2=\xcb\xc0\xadL\x16T"v\x92\x8f\x0f\xfcp\xc2l\xf6A\xc8\x9f\xf8\xfa\xcf7\xaeUV\x96\xb5\x16\xb5\x96@\xb5\x1a\x0c%\x00x\xb5\xe4\xda\xf3\xe7w\x1e\xcc=\xf8\xf1\xc4W_]\xac)-=\x0fX\xae\x10\xdc\xde\x90\xa9L\x9c\x89Y\xfd;\x84\x89\xe6f\x9e^&lt;q\xae\xca\x97\xb0\x9c~0w\xe7\xf9\x9d\x7f\xff\xf3\xce\xdc\xdc\xdc\xf3\xd6\x7f\x81R\x86\xa2\xa2\xb2\xa2\x92\xca\x1bs\x8f\xda\xae?\xbc\xdb\xf6s\xdbo\xbf\xdd|\xfa\xf4\x87.W\xd7\xadi\x11G\x8e\xf6d\xe4\xe6\xd34\x84*\x99\xa4\xeb\x9bs\xe7`\xf8\x03\x7f\xbb{\xfd\xe1\xfb\xbbm\xfb\xef\xdf\xbe\xbd\xfd\xf0\xd1\x83\xe7\x95\x86\xf2\xd6\xa2\xb2\xfc\xca\x92\xca\xef\x1f]\xf8G\x08\xaeh\xe1\x947\xfe\xea\xd5\xf4\xc3\x0b\x9d\xb7\xba:\x93,\xf6\xb273\xff\x16\t\x1e\xb5\xf3\xf1\x9b\xe6\xaas\xe6\xc9\xda_\xbc\x0c\xc3\x0b\x02\xcf\xd0Bh\xf5\xefm\x17\x7f\xba\x91[\xd6j(?u\xcaP\xf9\xe3\xcd\xbf^\xf7\xf24\t\xd70Q$qo\xdb\x85[]\x17^\x89\xc8TSF\xb0\x0e\xfd\x97V\xb3\xfdM\xeb&lt;\xc3\xf8\xb4oKUkS\x87\xa6}\x9a\xc5\xa0\xe6Eh\x02A\x19\xb2\xd0\x01\x0e\xe2C\xe0\x08sF\xd9\x01q\nX\x16\x0c+T\xbcxf\x89A\x06c\x83-8FlP\xcd@\x91\t\x01E\xe9\xcc\x8b\xb2\xd8\x8el9$\xf1LeG\x14\xb9X\t\x96\x91\xed\xd9Q\xa3dR[G\xb1\xd5\xa6\xaa\xf7\xd0\xbf\x01\xce_p\xe9z\xee\xe7z\xae\xdf\xad\xf3\x8f\xc7\xb7\x16\x0e\xa5f\xb3uc\xb6\xbap\xeb\xd3\xa9}\xf0=}\xb6\xb66\x86\x87\xa5|a\xbfj\x90GeqXA\x9aH\x94\x9e\xc9\xae\xade\xb3\x87\x87\xcf\x9eM=\x9dAq\x049\xbc\xfe\xe7\xcfz\xb4O\xfa\xe7\x7f&gt;^\xc2a\x80\x14f,\xfb(\xff\xf2\x87\x9d\xe7\xcfwB\x10\x98lX\x0b;\x0c\x03\x13@\x16[9\x0eI\x19^\x18\xa6\xf1\xed\xe3J\x05D\xc3\xb6g\x96\x0e\xd1\xe5\xe8\xcc\xc2\xefn\xf7hi\xf3\xd7\x7fO\xad\xd5|\xa0\x92\x9aj\xf5T\x88C\x97\rIT\\\xf0\xf2\x08\xe5\x02\x8b\x8e2@\xf5\xf0\xe8\x06\x13\x9f6\xec\xe6S@\xa3\xa0\xd2\x85\xc2\xf1\xa4&gt;\x1cx\xb60\x83D\xa3k\xbf\xec\xd5r\xe4/_d\xc7\x88\xc9\xfbf3\xbcL\x84\x0cL\x12}\x82;A\'\x1b\x94JA[ \xa7\xf4\x83(e\t|\xbeI\x06\x8d\xcdf\x0b\x83,\x16G\x08\xdc"\x88\xc0\xe1\x1e\x8e\xe3\xd9O?\xe9\xd5*\xf0\xc7\xbdyB\xaaVk}\x93|\x85@\xa0\xe0\xf8\xfd9\x8c\x88\x1b\x0b\x91Y\x93\x80\t\x9e\xa1!\x8e&amp;f4\x8a`\x1d&lt;\x8cU\xb7N\xb7\x8b\x0e\xebp9]Cq\x1cA\x0f?\xbf\xdd+\xb7\xce\x91tX\n\xe2]+7\xe8\x1cJf2\xb0\xff\xf4\xe3\xccz\xfdu\xe9+s\xa3m\xbbC\xa2\xb3M \xd8\xa7\xc5^/\x91\x7f\xfa\xf9\x9f\xfe\xb6\x90E\xc3q\x1c/\x97Q\x1c\xdd\xfb\xb2gn}_\x8b\x13\xbe\r\xad6!gZ\x1cptm\xea7\x8f\x7fq\xed\xcb\xfc\\\xa5\x00`\xb1\x01\x1a4\x05\xc8\x9anM\x97\x9ac?\xfe\xeb\xf1\xaf\xaf]\xfb\xe3\xf5:\x8e"\xe92\x8a\x96\xef\xed\x7f\xd2\xd7+Y\xf18!\xd5j\xcd\x1a9S\xb0\xd1\xcc,E\x97\x80Y3\xd5\xf0\xf4\xb4\xba\xedr1\x07\xb8\x86DL\\iM\xbfn\xa5\x1eng\x1fe\xd6\x0e3\xb7\xd6\xa3\xf8H:\x8d\xa2\xf7\xf6\xff\xde#Y\xbf:\xaf\xa5\xcbz\x9aZ\xab\x91\xcbM_5+\x93\xe6D\xd1;\x19+0\xbcn;e\xd6u\x87\xcb5h|\x85J\xb3%6z\xd5\xf6\x9c\x1e\x1b6"K\x99\xc5\xf9\xe5\x11$\x8a\xe6\xff{\xbb\'\xb9\xf5\xf3\xab\x1fm\x8f\x10\x84\xdej6oXl\xda\x071+\x14T(\x13\xb1B\xa9T\x80\x95V\xab\x1c\xf4\xc0\x01\x8166\xd2l\x8d\xb4Z\xa5\x82\xd4DS{\xc5\x95\xc5\x93fe\x04A\xf0\xfc\xfe\x17\x7f\xe8\xbe]}\xef\x07]\x98\xb1\x14\xdf\xd6\xcf\x9a\x01J7\xeeG\xee[\x1d:\xbb\xe9~\xa1Tp\xabu\t\x93\x8dD"K\xe8\x06\xab[\xf4\xbabd\x88\x8c\xe2B\x8c\xc1(0\x8c#\x95\np\x0bA\xf3\x87\xdf|\x7f\xfe\xaa\xeb\xb2v.]\xf7#\xff\x13c\xb4\xc4\xc6\x86\xab\x91H8\x04\x02\xb9@\xe7\xb0\xc24\r\xa0/\x97\x8590\xb09!\x13\x9a&amp;\x19\xc0*\x86{2\x16\xf1N\xaa\xa5R\xafqdy\xe4\xa7C\xdc\xaf/V\xb6\xbb]\xb8\xde\x19w\xb5m\x8d\x07"\xcc\x9a\x98\x9d\x05\xf7NN"1\xdbm\xc0\x19\x02\xe6\x1d\xa6\xcd\x05d\x01\xd4\xe0R\xc9\x96\x88\xb1Tj\xdd\xf0j;\xe9\xa6\xb6j\xb5^#\x020#\x8a\xe7\x0fO*%\xe2\xbd.\xcbz\x1f\x02&lt;\xd1\x8e\x841\x13P\x05N\x11\xc8\x92w\x16Z6&amp;\xe0\xc2\x8e*\xa6|\x80D\x97\xc9(\xea\x0eX\x94\x8c\x11\x186\xfb|\x1b\t\xad\xda\x1dG\x10\x04\xc8\xdaCD\xc6p\x97)\xb1o\xd7"oSlf \xab\xe3\xd6l\xc2F\xe6\x0e0\xdb\x8d\x86M\xa9\xb4\xd8\x0c\xac\x81;\x06\xc3\xea\xa6\x877\xe4\xcf\xa5jb\xc6p,\xa6\x86\xad\xe0r\x98\x1cV)\x03\x14\x88y$0\x93f\x14\xdc\xddf\xfdc[\xc3%\x10h\xc3z\xab\xab\xb3gK0\xa9\x12j?\x89\xc2\xa40\x99\xab\xaaQ\x95N#X\xed\x97\x8c\x0e\x0e\xc9\x84\xb0\xa85\xcd\xa0\xc1&amp;&gt;\xdf\xa4q\xe8\x14\x90Z\x94\xc6\xa3\x08\x8e\xa2q\xa2\x07\xb2\x1a\t\x9b\xdcb\xc5\x8a\xa6DB\x03F\x8aB\x97Q\xe9\xfdd\xf2*W68\xb8\xa9t\xc8)\\\x19\xcf9:\xe8\x91)1\x91q\x84HB\xe3\x10\xa4\xd3AP\x0ef\xa4A\xe1\xc2\xd1r&lt;^\x98\xec\xf2l]9\xd6\xb4\xc9\x1b1GQo\xda\x98\xb5\t\x04\x062\x15\xf0\r\x95*\xf38Gegg\xab\x80\x0f=\x9e\xdd\xb7owwGoV\xabE}E\x9c\x0c\x05\x85\x06\xd0\xbe\x924)Q\x06\r\x02E\xd3@\xd6o\xbb-\xcb\xa2"=0+W@\x8f\xd7P\x14B2W\xc2\xf3\xf0\x06\x9d\xcec\'\xbdqi\x18\xfa\xee\xdbo\x07=\xce\xdd\xdd]\xe7\xf3"V])\x12\'b(\xe8gq\xc8B\x88\xafO\x11\xf12\x82\xa2\xd3\x0cQ\xac\xcb\xc1\xd5wlPQf)\xac\x87\xb06\xd16\x08YT\x19\x90\xd4\xf9\x06\xb9\x16\xed\xd9&amp;7W\x0b\xac\xect\xf8\xd0\x9f&lt;\xbd\x97\xad\xc7\xc3\xcd\xd7R!U\xa5\xa2\xd2CP\x12\x03\xba\x80[ eco\xba&lt;[o\xe9$[\x9b\xce{B\x835L\x03\x9b\xa5\xe2u\xac\xd9u\xaaVm\x89\xa0s\xd0PXNa\xfa\x9b~n\x90\xb3]\xcff\x0f\x10\xa3\xb8\xe4\xd5\xb1$&lt;\x9e\x8a\x15\x82\x8aX8^\xbe\x87\x8a\xc0\r\xbd\xe8vn\xf9\x1b.\xb9\xcaySO\xb3\x1b\xd8d\xbad\xf0\xa7\x13\x93\x90\x1d&amp;\xf6\xa8\xd3C\x87\xac\x0e\x83\xd2&gt;\x9e\xbb\xfb\x10\x9dC*\x15\xa3\xc8\xeb\x8dh\xc8*\x1e\xcf\xe3\x0f\x82\xe6\x9c"\xca\xf7\x02n1\x03\xfb\xa8\xdb\xeda\xe7\xf2\xb2\xa1\xda\xbdY\xa5)\x15\xe4\x01\xaedp\xd4\tT\x914Z\x85\x84\x07\x0e\x8fE9[\xf5o\xe6\xb0N\xeb\x9b\x07\xcf\xa1\xd7\xa7U\x9bH\xe0Z\xa8\xfcA\x88&amp;M\x85\x03\xf9S\xe9ti\xe5\xddn\xbf\x89\xc7\x96\x07\x97\x8a\xdd\x9d*\r\xea\x0c&lt;@\xd5\xefFyd\xed\x03\xc7\xc4\x90dB\xc25\xe8\xa0\xe4\xce\xb1?\t\xf8\xbe\x86\xc7\x19\xc3j\xd8d\xb2\nHt\x16\x87\x13\x82`\xac#\xab\xean\xb5\x8e\xba\xdc!\xfa\xfa\xae\xb2\x04\x97\xb1\xe7\xfe"-\xa9PP\x06\xb8*@\xd1\x1cm\xc9:\xe1\x19\xa2\xd3\xa9\xab\x1au\n\rTo\xee\xdc\xdd\xde\x1b\xdb\x8b\xc6Sz\x10\xa6&amp;\xab\xc6@\x16* &gt;0k+\x90\xdf\xbe\xd1l\xbd\xe8z\x83\xf8}P\xf5\\!\x14\xea\x8b\x80\xff\xe4\x06r?\xab\x9f\xa4/I7%\x12:Y1\x8e-\x03\x86X[\xdc\xaanG\xd7\x97\xa6\x96\xb2x\n\xc0\xa3\xd57i\x05Xd\x871\xa0*\x90\'\x9a\xafS\x1ft\xbfp]\xf8y\x12\x8a\x0ed\x12\xa4\xd4))\x146\xc9Z\x89\x85v\xfc\xe4\xe4J\nY{46\xb7\xbe~b\x14\x13\xf1l\xe6\xfa\xf5\xccz\x16\xad\x85\xddnF!b\xd1\x81\xc9"\xca\x81\x00\x1ag`oz\xd0O?Tq)r\xc3C=4\xae\xd0\xe9\xe4r\x8a\xae2G\xcb=\xb9\x1bF\xe6\x90\xfa\xc1b\x8aX\xc6\x19^\x86\xdb\x1d\xcefne2\x99G\x07\xd9\xf9r\xb8\xd6\x1c\xb6\xc3\xc3\xf1tG\x96\xd8\xbdr\xb5\x07m\xfe\x9dc6\x85\xec\xb1K\xa1q\xb6R\'\x90\x93M\xcd\xd3b\xaa\xba57\'\xc6\xc2\xde\xb3\xcd\xcd\xd5\xb33\x87F\xd3\xb0\xf1\xe3\xc8\\\xbd\xbe\x9e\xc9\xac/\xa2\xf9\xb5E\xbe\x89q\x03O\x07\x02\x011\xe3\xe5{\xddW\xd5\xa9\xcdwT*\xb5&gt;7\x1e\x14\x02\xbb\xe8\xde\xf9-\x82\xc0\xf1S\xfd\xd9\x19\xac\xd1\xd0\xf8\xb4H\xc4\xe7\xf3E@\xa3\x91\x16\n1\xd1\xfc\xd2\xfa\xc1\xc1\xd4\xd2AQ\xc9X\xc6\xcb`\xb4\x86E/z\xf2\x8b\xc6\x95\xb7~\x99\xf2\xe8\x08\xca\x05\xd9\x90C@\xf7nU\xc3n\xc2\xad\x9e\x14\x97\xc4q\xa4F\x10DM,\x8e\xd7\x90\x1a2\x17=\xa9\x8f\xe1ht~\xb1\x9e\x1d\xbb\x1b\x12\xcd\xa3\xe5@\xd4\x88\xa5\xbe\xee\r\x91\xf5}\xf8\xf6\xebWG\xf6\\\x88\xa3\xb0+Y&amp;\xfd\xdd$\xbf\xb4\xdc&lt;8\x99;\xbax\xf9\xe4\xcd\x0f\xaf.\x9e\xbc\xbc\xb88\x7fq~\xf4\xe6\x9b\x85[\x99\xfa\xe2\xc9rx+\xfa\x83"\x1dM\x97O\xf3\xd3\xd8\x8bw\x7f\xd6\x9b\xaf\xef\xca\x95\x0f\xce\x8b\xb9\x10[8n\xe7\xb0\x92\xa1\x90\xd0{p\xeb\xe9\x9b\xff\xf3n\xfe1i\xe6w\x1co\xaaE\xa7\xd6\xcc\xf5(\xf1\xc7(\xa2\xd4\x07\x94zpX\x86=~(\x8f\xd5\x13\x90\x82\x94\xa2\x82(\x98z\x9e\xd5Bv\x13E-\xe7\x0f`\x9e\x11z\x8b\xad\x13p\x9bx\xce\xd4M\xead\x889\xd7\x8b6\x1c6jr\xbb\x18\xa6\xeb\xb6\xe8\xac]\xda\x9a\x8b]3\xd7\xccv\xcd\xbe_\xbb\x7f\xf6\xdfn+|\xfe0\xfe\xf9\xca\xfb\xfd\xf9~\x9e\xef\x87\xe7\xfd\xecj/\x96\xbe8\xfa"\xe6xir\xf4\xc5\xea\xe4\xdd\xdd\x99\x7f\xbe\xda\xfe\xf4\xee\x83\xdb2\xff\xf2\xc0C\xa6H\xe5r\xfd}ow/7\x8c\xe9\x9f\xa4\xe7\x1e\xaf\x95\x1e`\xeb\xc4\x1d\xd6\x16\x0b!\xd0\xff\x9b\xbf\xcd\\\xdbKNxq:!\xf7\xec\xd9\xb3\xa7\xdf)\xad\xbeyp\xeb\xcb\xc7\xdbw\x1f\xfc\\^\xe9\t\xfa;\x0c\xb3`\xdb\xdfO\no\xa82nw\xc1k\xb5\x80\x07\x9d\x9e$\x11\xd2\xe8\x1d\x1d\xfc\x81\x9d\xa7\xdb\x8f\x0f^\xee\xde\x9a\xa9\xbe544t\xf0x\xf4\x8f\xe3\xa3\x0f&gt;\xb4w6p[\x90\x81\x97+K6\x97+\xb8\x17\xe6$\x1e\xc0Z\\uS\xe9-\xb5\xd9\x12\xb6\xba\xab]B\xfa\x93\xc98\xdb\xbbs0\xb4\xfb\xe7\xbd\xfd\xdd\xfdGO\xfa\x8d\xbf\xbf]\x03.\x0b\n\x8fUg@\xfe\xa1\xb4\x81\xd6\n\xcbh\xf8\x8f\xda\x83X\x16\x8bU\xa7\'[\xac]\x85\x122\x81\x0c&amp;\x96\xdc\xb1\xea~\xf6\xec\x99\x9b\xcd\x96\x7f~C\xceD\x0c\x1a\xa7B\'F\x14\xab+\x83}\xaa\xe9\xe9\xfd\xb0\xc7\xf0J\xb7\xb6\xbcV\xab\xdb:\xc6T\x07\xdc\x01\t|\x89\xd8\xd5^\xd8!\t\x04&amp;\x85\xea\x96\xb9\xf69\xb5\x9c\xc9t\x065\x14\xa4\xd2\xb1\xb3\xe3\xf5\xd8l\xe0\x1c\xee\x85=M\x99\xe0_x\xe2ni\xb1\xb40u\x16\xb7\xdbRx\x9e\xc1 \x90.\x9c\xcb#\x81\xfb\xd6\xdc\x1c\x18\xf6s^\x87\xa2\xbf_c`:\x14\x83\x0b\xde%\x9b]*}\x95\x1bn\xaa#\'V\x15[\x8bV\xab\x90\xcbE\xbc+\xabV\x80\x05\xe5\x92t\x05\x02+++nX^\x8f\xd2\xa91(\xc7\xfc\xc1\x1e\xff\xb2\xcdf\xb6\x8f\x1f\x84?z\xfa\xfeK\xe7\xf2\xa2\xdb\rn\x11\xc8"\xb8_u\x01\x1b\xdb\xdb%\x12\x0b\xb8\xf7&lt;\\]]\x04\xe5\xe5:\x94(\xaaD\x9c=\xc1ei\xc8l\xb6\xf7h\xc3Nu$\xf5\x11\xba\xb3\xf5\xc4\xcb\x15\x8b\x1d\xfe\xd5U\xaf\xbb\x8b\xd4^x!\xef\x9c\x04,h+^\xbf\xdf\xcd\x16\xd2\xd8b&amp;\x1f\xe5+\x83\xd3\xc1\x1e\xbb\x19\xd4N\xf8=&lt;\x12\xf7\xa8\xc2\xb0\xfc\xc4\xe3\x10\x8b=\xe0L.\xba\x03T\x06|c\x97w\xa1+`\xb1\x8ey\xd9\x93\xd8,\xb5\xaeAfB\x9d\xd2\xf1\x1e\x1f\x80\xda6?N\x8a\x04\xd6\x0f\xf9\xcb[\x9e1\x1d\xb0\xca\xbf\xb8\xb8j!\xc2\x1f\xe4\xf3\xf2\n\xbb\xba\xda\x03s\x016\x81\x80es\x91\x06&gt;:m\x1e\xf7\x85\xfalv\x80\x15\x81\xf4p\xe2_o\xd4:\x97\xfd\x8bccL\xa6\x02pY\xa9\xf0\xbd+P\xeb\x02\xd85\x18\x8492\x95\xc1\x162\x11D!5\xfbB!\xa9\xcd\xbc\xed{u$\x02X\xcfo\xd4\xf3\x0f\xb9\x98|\xe5\xc22\x18b\xf4\xf3\x85y\x1f\x9c\xcb;WHb\xcc\xcd\xb1\xe7H\x84L\xb1^\xef\x08\x9a\xcd\xf7\xd7C"\xe0\xa1\xf4 \x02Xq\xcf+~+G\xfb\x17\xfccc\x0eO\xd07\xbe5\xe6\xb0\xb4\xe7}\x90w\xae\x83D`C,\xb6\xb8R/\xd7\x03\x0fC\xf77\xcd@1\xdb\xf4~D\xd4\xaa\x90\xd7\xeb\x14\xfd\n\x8fc\xcc\xbf\xdd\xbd\xb1\xe3w\xb4\x04@\xcfK,sp\xcd\xe1\nuL]mC\x83\xc2\xbc\xd1\xdd\xbd\x19\xf2\xf9\xfaD\xae\xfd\x88\xa8uY^/g*\x15J\xa5ra\xbdm\xc3\xd7\xe3\xf7\xb4t=&lt;\xd7\x15\xe0\x8a[\x14\x03\n\xa7\x02A5\x06\xc3\xf2\xe6\xc8\xa9\xee\x90\xd9g\xffU\xafh7\x12j=\xfaH_/\xaf&lt;\xe4Z\xb8_\xde\xbc\xbe9\xde\xe3_\\\xed\xc8\x93x\x0c\x8a`\x8ftiP\xd1\xafR\xf5\xf8\xd6N\xbd\xb5f\xf6\x99\xfbf#\x85\xf5\xb9\xbe^\xd0$G\x14\n\xd4\xf3\xf4TQ\xf7\xda\xe8\xb8/\x18\\t{\xbdN\xa9\xcd&gt;\xfa\xa1Me\x1b\xdd\xb8\xbf\xf6\x9d\x9c+!\xa9\xcf&lt;+\xeaU\xedE\x04\x0b\x98(`\xb1*\xf9N\xc5\xc2v9\xe7\xca\xbd{\xdd\x9b=6iP\x1a\x9c\x0e\x8dnL\xc1\xb7\xe6SS\xf7Z\xd3p\xc3&gt;\x95]$\xea\x8d\x1cV\xd3\xa4\x80U\xcfD\r\xca\xf1\xe6|NQy\xf3\xf0\xc6\xfa\xe6\xf6\xc6\xc6\xe8\xd4\xd4ps[k\xebO\x9a\xdb\xae\xe4\x94\x94\xdf\xf7\xd9Du\xa0D\x91\xc0\x8a{t\xf9\xfbM\x93X5\x8c\xb3\xa1\xc1\xd0\xc8\xc7UUeeE\xdfm\xbd7\xd2&lt;\xd2Z^Vv\xa9\xa8\x0c\xfcI\xc3\x15\xad\xf9\xec\x90*Bj\xc5\x03\xac\xfal,\x16\x86\xb4L\x9a~\xe9F+\'\x1f\xc7\xb9TV\xf6qYQ\xd1\xbb\xefr\xd2pU8\x1c\xae\xa4h\xdefW\x19\xeb\x8c\x10+\x02\x17\x88#\xc7_\x02\x13\xd5ju\xa6Z-\xe6\xa3(\x10\xac\xb9\xa8\xaa\x04\x87\xe3p8oWq\xd2\xf2\xf3\xab`\xb2\xad\xa8\xdb6+2\x1a\x0bj\x00WD\xb0\x12\xc6.\xcb+\xb33\xd5\x99Dx\x81a\xa2@\xb0\xf9\xe6"\x0e\xfc\xe6\x01\xc7\xa9\xaa\xca\xcf\xcf\x7f\xaf\xaa\xacm*$2\x16\x14\xd4\xd4\x14\xd4\x19g\xeb"0N\x13\xf7\xd0\n\x885\x89\xcd\xcc"\xd2h,\x1dx*;\x97F\xef\xb6\x15qpo\x03\xa6|\x0e\xa7|x\xf4g}\xf6:@\xc5\x83\xb1\xb2\xba\xbaW?\x08;\x95vK\x06\xb0\x04\xd9\xd9\x00\x8bA\xa0\xd3\xc4B.\x93\x898\xa5\xa1\xf9\xf9a\xf8M\xc1\xa7m\xf3\xa3\xb6%\xa3\xc85X\xc3\xe3\xf1\n\nn\x1b{\xeb\xc6o\x86\xf9f\x93x\xed\xe9Rm\x85\x9e%\x80i\xe1,\x02\x89\x0c\x9c\x14\x8au:\x87C\xd9?\xa0\x82\x89\xdc\xbe&gt;\x95\xd1UP\xe0r\rR(&lt;\x1ep\xd1\xd8k\xf4M\\\x0f+T\\\xeegm\x9a\x86\xdaJ\x96\x00&amp;\x15\xb1X\x02\x83\x0c\x93\x18B![\xc8\xe6V6\xc8\x0c\x14\x8dF\xc3\xab\x19,\xe0\xf1\x06y\x1a\x80\xc5;\xc4\xb2\xaf\xfd(\x8c;F\\j\xd2\xcdo\r\x7fT\x01\xb0X`B`\xb1Y\xd8,`#\xe0\xa2Q\xadT*\x99-lq J\'T\t\x14\xe5\x93O(\xd0E0$T#\x13a\xeb\xae;\xf11\xb11\x13i\x00\xabA\x0f\xb1\xb2\xb2\xb2`\x86\x99H\xa5\xd3\xa9D*\x99N\x96\xc0\xdf\xbau\x88\xc2\x00d\x02}E\xe9\xec\xd4\xc0p P\xcb5\xf2\xbd\x9b\xb9qa\xb1/%\xfd(&amp;\xe6\xc4Wg\x86M\xb5\xb5\xf5M\x82\xd7\xb9N\x06\x01K\x04H@)*\x9d|^Bgs\x99\x08j8t\x8f\xd2i\x82X55F0\xbe\xbaK&amp;\xae\xff\xf8\xfa\x9b\xfe@71.&gt;=*\xfah&lt;\xe6\xec\x17i\xcd&amp;\xbd\xbc^\xcf\x9a\x9c\xc4\x12\xa8\x04\x988\xa5\x11!\x15\xa8v\x12\x91\xadC\x94\x06\xd8^&lt;\x8a\xc1\x84\x9a _A\x9d\xa8\xce\xd5}\xf5\x8b\xea\xea\x99k\xb9o\x12,11\xee\xd8\xc5\xa8\xa8h|qL\xeeg9\xad\x8aJ\xbd\xbeR\xa0\x06j1\xa8`\xbb\x00\xb3\x8bN%\x91\x81\x93\xd4.\x8b\x0e\x91\x81\xb9o\xea\xe7Q4\xa8\xacBf\x02j\xdd\x06\x83ki\xf8\xea/\xb5Z\xed\x8c\xf6\x9d\xf7\xdf\x14X\xe2\x9d;I\x90***6\x16\x9f4\x91S\xee\x14\xe8\xf5\x87\xe9\\\x02\xd8xH\x0c"\x91H\xa3\x83\xa2\xd2iB.\x02\x8a\x8f\x02\xb14(\x9f\xdfP\x81j(5\xaf{\xeb\xea\xef \xd6\x8c\xb6:\xf9M(\x96\x98x\xa7\xb8\x18\x9fq4\x1aPe\x9c\x8c\x8dO\xf9u\xda[=\x82\xa6\xfa&amp;\x96\x00\xb4&lt;\x01l\xf9\x0c`\xe3!\x17\x91-\xacd"|\xc0\x85R@c\xf1\x11\xf8\x12\x03\xe6t]u\xb7]\xe5W\xbf\xd6j\xab\x01\xd7\x8cV\xfb\x7f\x83%\xdeI\xc1\xe3\xf1\x8d\x19\x19\x19\x8dQQ\x8d\x19\xb1\xb1I?\xfd\xc5\x99\xb4u\x16\xab\x89\x95\x9d\xad\xc6\xc2\xd8\x03\x89\xc1\xc8"\x1e\nF\x13\x82\x85\x87\t\xb0\x94\x1a\xd8\xee\x00\xab\xc2d\x82j\xb9\x8c\x05\xb6KW\xbfJ\xae\x06\xdd\x05K\x9b\x9cp"\xe9\x7f\xfeL\x17\x98w\xb2\xb8\x18\x03\x88\xa23\xf01\x19Q\x8d\xe9\xb1)I\xa9\xb7\xbe\x9dS\xbe\xcc\x16\xb0\xe0\x90\xc7\x12\xe1Q$\x10\xc8\xb0\xbd\xe8p\xa8\x8au\x08_\x06[\x1e\x95!L\x04\xec\xfb\xf0(\x0e\x0e\x0e\xcc\xe3\xde\x9b\x00X\xa5\xd0\xc7!-\xf8\'\xe1\xc4\xf1\xb8oN\x96\x08\xccK\x89\xc7\xe31\x19\xb0\xa22\xf0\x18\x80\x97~2%6.\xf7\xeb4\xdc\xba\x90\xa6\x16dOf\x1e\xce\x88,\x02\xf1\xb5\x8bT*\x00\x83X&amp;\x93\xc1\x80\xf2\x99\xccZ\xd9\xeb\xa38@Q\x95\x97\xe4\xfc%\x19\xc0\x94B\x1fA\x93U\x97\x96&amp;\x9f&gt;\x96\xf4\xcd\xcc\x04\'/.\xa5\x18\x1f\x93\x9e\x1e\x95\x11\x15\x1d\xd5\x88\x89\x89\x8f\xc176bbScRS\xbf&lt;\x93S\xb6C\xc5fff\xc2Hz\xd6\xbf\'\x04\x9d\xf6\x1a\x8b\xeb\x80\\\x9d\x9d\xb2\x06\xf0\xf8\x96\xa1\x9dp\xe0S4\xa3\xb8\x92?\x0c%W\'\x9cN(\xd5VC,\x08\x96\x9cp\xfa\xc4\xf1\xd4\xc4\xff\xde\xbc\xd4\xa4\xf8\x18Lzz\xfa\xb1c\xe9\x18\xd8\xea\x180\xdd1\xe9\x98\x7f1n\xbe!m\xe4y\x187c&amp;3c2d&amp;3\xcd\x9f\xc9\x9f\xb9\xd4:m\xeeR\x93:\x9b1{\xa1\x04\xecn&lt;&lt;9\xe3i.\xecQ\xb2\x14\xf1\xb0F\x8a\x15\xb4=\xd6\xda?/\xda7\xfb\xc2VP[(\x81+\x8b]\x94{\xd1\xf5\xc5!\xf8b)\xe5\xd6\xdd\x13\xa9\x0b\xee\xb1Bi\x17,\xa7\xd0\xa3B)\x94\xe3\x8e{\xbe\x13\xcb\xder\x7f\xb8\x1f1\xad&amp;0\x9f&lt;\xcf\xf3{~_1qq5\x9e\x0b\xcflE\x02\xd7&gt;K\x1c\xfd\xc3!z\xeb\xbe\xdd\xa9\x87\x0e\xd3\x84CGc~"\xdf\xde\xff\x9bK7\xaf\xf4\x1f\x1bm\xc7\x88x\x19~\xfe\xf8\xd2\x1f\x7f\xfb\xb3\xf4\xe3\xf9P\x97\xc70B\xc8=L\xc4\x8d\x04\xf3xJ,\xf7\x7fH\x06\x9d\xc2\xb2,sP\nH,\xcb\x01\xab\xb9\xca\xc1MW5\x16\xe34&lt;\x98\xda\x08D\x02/w\xae\x1e=t\xe2\x04\x91\xd1\xa7\x1d\xb0\x88\xab\xbb{b\xb4\xfd\xec\x95\x8fo\xde\xbc\x02\x0f\xcf\xf6\xf7\x13\xd7\x85\x0b\x17\xfe\x1c\x80\x87\xf3\xb0\xadT\xf2TB\x95\x07]]`:\x003,\x85\xf9\xdff\x92w\xb2\xecv\xbbH\x99f\x17\xc4rq\xac\xb3Z% \xce\x85-\x19\xe35M\x94\xd7\x1f&amp;\x93\xd9\xdd\xcc;G\xdb\xda\x0e\xbd]\x18U\x8f\x1c\xf9\xb0\xbb\'\x7f\xfe\xcc\x07\xa0\xfa\xb8\xbf\x1db\x9d:\xf5\xde\x05t\xeb\xe9_\xfe"\x9d~\xb8\xee\xe9\xf2\x94\x9cL\x08\xdbp\x802\xd6e\xafP\x08`F\tf\xfe72@\xc9\x1c\xd7\t\xfb\xaav\xce\x9b\xe3\x0c\xc4b\x1b\x81\x05($\xcb\x0524\xab\x96\xdaH\x96\x03w\xff4\x89S\x10\xa9:l\x1f\xd7\x18\xec\x7f\xf2\xee\xcf\xdf=\x7f\xe6\xccY\x04\xeb\xf2\x07\xed0\xf3\xd8\xa9S\xa7O\x9f&gt;\xf5\xfb/\xef\xa6\xd3\xe9E\x85\xc4r:\xcd\xae\x9050`y\xdeBuUl.#d\x89\xff\t\x0c\x87\x1e\'\xc6q}Z\xcd,\xa8\\\xb6Xq\x92\x0e\x1eV\xf1\x18\x1e\xad\xd5\xfc\xbc6\xff\xa8\xac\xb6~\xb3\xf3\x86\xb8\xe88L ]G\x8e\xf4\x80\xeaWg\xce\xf6_\xba\xdc\x7f\xe6|\x1e[\x92\xd6\xe9\xf6\xf6\xcf\xbf\x8d\x04~\xba5e G\xceF\xa7\'d(\xa1\x01O\x89\x98&lt;\xb8\xe1\x8b\xeeKV\xa8\xcb\xfc\xb7\x96\xa5D\xb9\xe2$H&lt;\x0e\xa0fVt\xb9X%\xce\xb1L\x9c\xb2\x8e]\x88\xd2\xe2\xf9N\n=\x1f^\xbd\xb5\xad\x0b\xe5\xef\xf63-\xc4\xd4B\\G\xed\x19\x15C*\xb8\x8e\xb5\x8f\xf6tw\x8f\xb6\xb7\xdf\xb9s\xe7^&gt;\xff\xc9H \x92\xbd\xdf\\"\x0b\x1b\x19\x8f\xc7\xa3(\x03\x15\xc6\x08!W\xa6\x07D\x9e:\x9a\x89\x9f\x98\xe2\x0fg\x1f\x9ew\x89"\x02\xc4\x89\xac\xad\x0f\xe9\xa4\xc4cq\x96q\xb9]\x90\xaa\xda\xecJ\xcd\xcc\x84\xfd&lt;\xc7#^\xfe\xd4\x86.8F^\xedO\xb6\x14&gt;\xea-\xd0G\x8e~Dmz\xf2d\x0f\xac;\xd6\x9e?\x89\xf4\xe7\xb1\xee\xdd\xcb\x9f\xf8\xf2bDM/\x98H;\xa0\x80ex\x8cR\xa8R2l\xa9\x0e\x96a\x9a\xf6w]\x15\xf3\x07\xed\xefb\xe3"v\x9f\x88EI\x8f\xc7\x89/\x16\x03]\xac\xb9\x11?\x97S3kK\xb3r\x98\xe3x\xad\xa6\xf9\xc3S\x8f\x84`\xf9\xdc\xee~\xb1\xa3\xb7@\xab\xe5\x1d\xf2\xf30\xb0~=:\x9a\xef\xa6\xf31\x7f/?11q\xf2\xe9\xb5@9\xbd5\xc78\r:\xec\x9d\x8a\x82\xab\x97J\x03\xa1:\x17\x9c\x05\xafaxL\x83\xbe7B\x95\x10\x1b\xfe\x1e\xcc\x89\x01\x0f\xc9\x11m\xb18\xe8\xe5bEw\xb5\xca\xa2\xaa\xd0\x0f\xae\xa1\xa9\xe7K\xaa\xf7\xbe\x0c\x1f9mU\xe3\xb5\xf0\xfa\xd6\x88\xd4wqw3S(\x143\x93\xc5B!\xd1\x86\xf4\xe3T\xec\xe9\xe9\xbe\xd1\x96H\x1c?ycb\xe2\xb3\x89\x1b\x9f\x7f\xad\xaa\xefggY\xc5r:\x9d\x8dq&amp;5?\xad\x98\x16\x8bf=\xe02H\xac\x92E\xf7\x1el\n\x0f\x9c\xe4V\xdfr5\x92P\x90I\x14\x01\x87\xb6\x8a\xb3"\xe7\xaeb\'\x8a2\xcf\x8d\xcf-.y\x05]\xda\x10\xfd\xe4b\x8d\xe4\x1a\x9a\xdd\xee\xf3\x06\xef\xee\x8d\x15\x8b\x85L.S,\xd0\xbc\x85|}\x88\xdf5\x8e\xf7\x16\x0b\tPM\xdc\xb8\xfe\xbboT5\xe9\xd8P\x18\x9a@\x10xvja\xe5\xfeL*\xa5\x90P \xb2}4h\'\xd2\xbd\xd1\xd5e(\x9e\x8a\xc9\xd6\x0e\xb8bn\x00A!\x9b\x0e\x11\x07\x99\x1b\xcaq\x1a/O=_x\x18\x1c\t\xfa\xa2\xde\xb5\x14\xe6-.\xe6\x07\x96\xdc\x94\xfa{6\xea\xf3~\xb1\xb79L\x1f\xa0\x81\\-\x98\xe8)_mW\'3\x99\xe2\xd5\xee\x89\x89\xeb_}\xf5\x12\x11\x0c&lt;\x9eWX\x86\x1ct*\xcc\xfcRZ\x7f\xb2&lt;;\x9e\xb2L\xd3x\x9b,\xa3\xc40%l\x05\xec\x03Sa\x95PH\xe1Wm,\xc2\xa18\x01\x8c:\x02\r\xefvsCay\xfc\xd6\xc2VT\x8fJ\x92\x0fX\xcb\xe38\x82\xf8\x18_[\xd54M\x1e_vd\x07\xbd\xb7_?\xcbe\x86s\xc5\x8e:\x16z,19&lt;&lt;&lt;\xd9\x06\xaa\x9d\x9dO\xfa\x84l\xe4\xc9\xba\xecld\\\xd0\xcaPX\xf3q@\x8dD\xa2\x8f\x16!\x99e\x19u\xad\xc8Fg\xc92-\xb8\x192]\xf1P\x05\\$\x98La\xa7=\x88\xbd(\xba9\xe8\xc4\xbb\xe5\xe9\x99\xc5G&gt;A\xf7F\xa5A/a-Lk\x9c\xab3\xe6\xf6\xaf\xae\xd6\xe2Z\xd3\xfc\x8a\xa0\x0fF\xaf\xed=\xcb\r\x0fg\xc0\x95HP\x8f\xb5t\xe4\xc6\xc6\x80\xd5}}g\x7f\xb7O\xe8k\xdd\x9e\x83TU\x94rcIQ\x18e\xa1Up\xa8j$\xb9\r3\xa7\xd9\x92Q\x97\x0b\\L\xc9\x02\xa1\x85\xa6P\xe2\xe6\x80\xc9\xd3\x19^\xef\x05*\x08\x115\x8f\x885\r\xcd\xcf\xae&lt;\x14Z\xbdR\xd0\'\x11\xd6`0\xbb2\x8f\xc4\xfby\xde\xef\xd7\xc2\x9a\x16\xc6vt\x04}\xfa\xed=`\xd8\\\x1d\xc5\xde\xab\xbd`\x1c\xdb\xcc\x15\x0e\xb7\xf5\xe6v\xef\x8c\xa9;c\x00\x00\x08\xeaIDAT\n\xd9V\xef}\x91E\xc5\xb8p\xb6\xc2*V\\\x8e\x08\xf6J\xa6\x85\x87+\xb33\xe3\x96b\xc1M\x1c\x8c\x8d\xa5\x92iZ\x16\x9a"\xa4\x88f\xc5\xf2\x0c\xc1Djw\x8e\xe6\x17\x0e\xee\xc9bj\x1dBE\x84`\xd4\xe7\x03\x96wP\x1a\x1c\x0cFW\xe6k\xd4[\x1c\xb0\xe40\xc8\xc2S/Zui\xe4\xf6\xeb\xbf\xd1\xdb\'\xe9o\x18\x99\xdcp\xfdmy-\'z\xdf&lt;\xbd+Hea1\x15o\xac\x12\x16\xc3@,F\\K\n\x0eA\x17t]P\xd3\xe9\xe8\x93\xe5[SH\x93\x85\xe2\xc2\xc1\x04\xc2:\x19\xcc\xc6Q\xde\xd4\xc0Q\x95\xe24\xe4\xec54\x87D\tz\xd0\x1b\x0cJ\xbe\xa8\x0f\x82y%)\x18}4EX\xa8.\x9c?\xa8\t-\xdc4\xf78\xe0\xf0\xe9_\xbc\xde\x84\\\xd4\x14Pjl\x13X\xc5\xc4\xf17O\xcf\x8dD\xcb\xd9E\x8b\x83X1\xb2\x90\xb0\x14qQ\x05\x16n\xb8S\x055\x90\x0c\xbeX\x9e\x9d\x16\x19`1Nz\x02\x81\x01\r\xb9\x7f0\xdd\xe0\xc6\x82{\xd4\x0f\xb8\xec\xf8\xb2\xaag}RT"\xae:\x96\xd7\x17\xd4_\xcc\x00\x8b\x1e\xc7\xd0U\xd3\x10\xfc\xa6\xf0\xc0\x8a\xaaG\xf5s\xff\xd8\x04VK\x87-\x16\x02\x9f\xeb \xadF\xb2eum\x1c3\x11\x06\x90*\xeb\xc4e\x19\xd6J-\xaa\x0e\xc2r `\xaamf2)\xbc\xd8\x98\x81`\xc0V\x08\x0c\x92\xe1\x1f+\xf4\xe0A\x03\xac\xc3\xc5\xa0\x16\n\xd3_\xc3&amp;\x8bf\x01\x84`y\xa5\xacm\xa24Hj\xadr\xa2\x8dEz\x91\\a\xe4~d$\xea\xb8\xb8\xfb,\xd7\x91h)\xe6\x90,|M\xe6\x9e\xed^T\xb3\xbawm\\\xe3p\x96\xfac,\x83\xe6bp1\xf1~\x96\xb8pSI1\x87Jx\xc9\xe4\xf6\xacb\x96,\x96\xad\xa3Yh\\\xc6\x1a\x98k \x05\xe8\x82~Z|jM\xf7"V`\x8az}Q)\x18\x04\x96\xe4\xd3\xb7\xe64:}\xc0\xc4s\x18\xeb5\xe2\x92\xadeA\xcd\xaa}\xaf\xf63\t\xd4h&amp;\x07\xaa\xcc\xf0\xfe\xeeEG\xb0\x9c]Sdr\x9d\xe7\xabN\xe5_\xb0\x08\xc7\xe1(\x83G\xaf\xe3\xa9\xc9\xf2_Q\x040O\xc1\x930\x16\x02\x8d5g\xa0\x16\xcf\xc9`\xc2\xad\x13^\x8e\xaf\t\xd1hP"\xe7$\xdc\x82\xd1A\t\xff\xcd.\xad\x03\x8b\xa7\xcb\xf0\x9d\xb5\x1a\x0e\xc7\x1a\x86\xd5\xf0\xd0\x9a\x14\xd0\x85\xf7\xbf\xfbK\xf1jK\xa1\x98\x83\x91\xc3\xfb\xaf\xfa\x04\xbd\xec]L\x85E\x9e\x8b\xd5\xf8\xb8\x13b!\xd2L\xa3"\xceJI\x90\x90\x89\x8e\x83{X\xaa\xea\xc0r\xb9(\xf3\x16r\xa5Xx\xbe5\xf5\xa0\x01&lt;a\xcd_;\x88Xj\xcd\x11\x0c"PA\x08\x06\xb5(^\x92\xcf\x9b\xdd\xfaT\xd68\xfb\xd5\xbb;mY\xfdal\xc7p\xea\xf9vD\x1fi\xfdz/\xd7\xdb[\x98\x9c\xcc\x8d\xed\xbf\xec\xcbf\x93\xdb\xcfS\xb2\x86\x17\x80_~!\x01d@\x9f:\x19\xee\xd6`\xe4{,2\x93\x96*,\x8a\x9871\xa5+v\xe6A\xc5\x9a\x95\x81\x86\x1a^\xb9\xe6\xef\xa4v\x00WjC\xa0\xb0\xa3G\xbd^;a(y\x9f\x8f\xb0x\x1b\x8b$%\xbfy2R\x93S\x9f\xe2D\xd1[\xcf\xed=\x9b\xfc\xa8\xf8fl\xe7[]\x0f\x06\x96n\xa54\xbe\x13\xcf\x8cq\xe8\x06T\x96\x93\x16#\xdf\x1al\xadc\xd5\xf7\xa3\xbd%\x1du,\'K#\xa7\xdd\x128\xad&lt;\x95J\x83\x16\xe6\xc3|,\xe6\xb6\xb1\xb8\xd4\xe2?\xab\xb8~\xd7\xd6\xad0j\xd9\xbe\x92e?!_E\xd8\x8e\xf5\x0b\xe1UD\x86@\xb8\xd0?\xc0\xaf\xcb[J\xd1\xd6\xa5\x08L\x1b\xe8d\xe8\xe4\xbf\xc1\xc8\x10{)\x1dm\x13O\xc5S\xa0\x93\xf1\x90!\x04SH\x07C\xe0u\x08\xbc\xa1\x8f\xbe\xa5[\xa1\xe7\xbbW\xe55J\xe2\x04b\x92\xe3\xf3\x9d\xef\x9cs58\x809`\x0f\x1d\x9b\x94E{\xe8\xe4v\xb4/J\xb6db\x7f\x86\xe5Y\xf3c\x96E\x17_}\xf8\xf4\xdd\x17\xef\xff\xfe\xed]\x10]\x1f\x1e\xb8\xc7\x10\xa1\x80\xa5\xd7\xf0\xe2\xab5\x02\x05\xb66\'\xc02\x15,\xd0\xe4J\xe9KX\xf5:\xc2\x8f\xc5\xa4\xfb\xcbK\xc6\xce\xcf\xbf\xa9\xe0\xb0\xd3\x90VZ\xc2\x82g\x91=\xc8O\x1b\x9f9p9\xfb\x9bqCIX]R\x8bd\xf9\r&gt;\xdb\x05\xbey\xfd\xee\x8fO\xef?\xfc\x14\x89\xecz\xb5\xe4R\x85!\xa1\xaa\x13Y\x80E\x12\x83\xb6.J\x96\xca!\x92\xea\x93`mU\x07\x0c\x84\x01y\x95L\x02\x81\xfd\xe6\xbc\xe2\xd1?\x83\xcf\xab!Z/\xbd\xc0&amp;M\xf5l[N\xd3\x96\x01tZ\xa7\x1d\xe5\xa7\xf2juF\xa1\xc45\x02m\x98\xbbo&amp;\xfe\xef\x7f\xfdx\x1de\xf9\xc7\x89\xc7\x8dQ\x8c)\x12\xaa:\r\x90\xd8:\x93\xdaR\xb0\xd4\x1c#L0\x81C87\x06\x8e\x0f\x8c\xce\xcau\x99\x06go\x10\xda\x15\x1eJ\x8b\x08KW]CN\x80\x05\xddCXXE\xdb\xc1\x18\xdb\xf9\xcbXj\x8br\x11\xdf\xa5\xbe\xc8.\x08\xab\x97\xde\xec\xbb\xae\x96]GQ\xb6-&amp;\x9c[\xa3\x91A=(\xa6\xe1AY\x8c`\x81\xad"\xa7\xf4qKY\xa1{\xc3\xb5\xdc,/\x8cA\r\xa7,\t\xbfzUe1"\xfb\xb2B\x13\x94\'\x1b\x1d\xb0Z\xd6:\xc7\x12\xc2\xb3\x80\xc9V\xda"\xe3\xca\xff\x81\x8a\xe9Y#"\x0b#\xd7G?Shw:a\x87{|qH@\xae\xdb[M\xfb\x9e\x1eRt\x868\x0c\x10&amp;\x82\x05\x1e\x98\x82\xe5\x97\xd1#\xc5\xa5%\x89\x9fh\xc9~a\xd5\x07\xb2\x92\xd1CU\x9f\xcc\xbf\x9d\x02\x96%GCy\xdd\xc2\x96\xf1\xe2\x04\xab\n\x90\xd3v@\x06\xd6\x96\x9b\xe88\x8f\x13\xb9\x8a\xad\x11q\x84\x1f\xf4\x16UBX\x1e\xe7^s\xbc8\x88\xb6\xad\xe5\xb73\x98YC\x8f\x81UG\xe6T%Wr\x0fY\x15}\x0e\xb0"\x05Hi\xde\xf7}\xc8\xfey\x9e\x82\xaa\xef\xe9\xc6\xc2`P\xbd\xe2\xf3\xed\xfd\x0cClJ\xb1\x18R]\xad\x16\xdf\xec#h\x89\xac\x81V\x12\\\xd1*\xb6{\xf7\x13\xef\x15,\x95\x0b(\xd6c\xeeMo\xf7\x88\x06\xf1T\xa4\x00\x89\x88\xb2\xfa\xc8hE\x15+\xd9\x92\x92\xdf\x9c\xfc\xcf\x92\xd7\xb4\xa4\xab`=Xg5\x85\xaaVc\xd5Fa:\x9b\xab\xf3J\xb3\x9c\xa1j\x12\xde\xe2\t\x91\x88\xac\x06*0\x86\xad\x14XD[\xdcO\x1a\xaf`A\x858\t\xf1\xf9C:)\x0e(\xfbv\xefn\xeea\xa7q\x04\xe1\xd6t\xc9\xa4UQ\x89\x97\x92\x87O\xd4\x18#X\xae\xa9\xdc\x8a\xd2\xb0\x8b\x19\x9a\xeea\x9a\x0e\x06x\x12\xdd\xb4\xaa\x9d1\xefc\xf2\xc3qvY\xc1\x1f3\xe8\x9cj\xc8\xc6\xc5\x1f\xfe\xec\x91-\x08\x9b\xc6(\xcc(\xa0\x1f\x84\xd8]\xf5_\xb3%\x95\xc6\x17w\xf7\xab\x93h;\xee\xfe\x11\x03$_\xe0\xb0\xfe\xe3\xc6P\xc3+a\xc9oUk\xf1Dl\xc9\x0bj\xf7\xfd!\xc82\xdd;\xbc\x86\x81\xc1\x88,h0\xbdZu\x87\xd1\xfa\xac\x92ry\xe6!m\x01\x17\x9f\x1e\xa0s\x11\x04Tg\xdcLS"\x8b\x02\x14\x82\xd7\xb0`v\x96n,\xb6\xed(8\x05\xed\xe3\x06\xed\x1f\xb8:\x8df\xba3\xf3E\xfc\xf5\x7fx\xe4\x86\xd1\x9e)X\xae\xa9\xca\r`u\x01\x0b\x8dp5\xb3t\xf2-I\x19K\xe7\xcf\xc3\xee\xf0\xe9\xa1Rx\x16\x1d_\xa9\xa2\xc2 \xbc\xe5Q\xb4ip\xb6y\x91\xb9&amp;4\x1f\x08\x01\xa9\xfdO[r\x9aD1\xb8\xddl\xc1h\xef\xf9v)#\xd2\xeb\xe3e\x1d]\x97\x8e\xac\x84\tZ\x91\xb7\x83\xc9,\xeb\xccZ\xec\xfd\xd2Ii\x86\xf4^g\x80\xa5\xed&amp;\xa9&gt;\x88\x19\xdd\xe4\x03,^\x08z\x9b\x8d]e\x07\xfb\xd3\xe9\xdc\x1aSun.\x8f&amp;\xec\xaa\r\xa6.4\xb4\x9a\x9e\xc0\x05\x9b X\xb4\x1a\xa</t>
        </is>
      </c>
      <c r="M231" s="3" t="n">
        <v>45492.67693287037</v>
      </c>
    </row>
    <row r="232">
      <c r="A232" t="n">
        <v>840291</v>
      </c>
      <c r="B232" t="n">
        <v>1974</v>
      </c>
      <c r="C232" t="inlineStr">
        <is>
          <t>David</t>
        </is>
      </c>
      <c r="D232" t="inlineStr">
        <is>
          <t>David</t>
        </is>
      </c>
      <c r="E232" t="inlineStr">
        <is>
          <t>CA</t>
        </is>
      </c>
      <c r="F232" t="inlineStr">
        <is>
          <t>ATA</t>
        </is>
      </c>
      <c r="G232" t="inlineStr">
        <is>
          <t>CA/PE</t>
        </is>
      </c>
      <c r="H232" t="n">
        <v>179</v>
      </c>
      <c r="I232" t="n">
        <v>7</v>
      </c>
      <c r="J232" s="2" t="n">
        <v>34988</v>
      </c>
      <c r="K232" t="inlineStr">
        <is>
          <t>Right</t>
        </is>
      </c>
      <c r="L23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352bc95-c0d6-452c-aaf2-6e0d8a9530e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(\xfb\xf4\xf3\x00\x00\x00\tpHYs\x00\x00\x0e\xc4\x00\x00\x0e\xc4\x01\x95+\x0e\x1b\x00\x00\x03\x00PLTE\xff\xff\xff\x0c\x10\x15\x10\x14\x19\xf6\xf6\xf9\xf4\xf5\xf9\xf9\xfa\xfb\xf2\xf3\xf7\x01\x01\x01\xf8\xf8\xfc\xf6\xf7\xfb\n\r\x11\xf1\xf2\xf6\xef\xf0\xf5\xff\xff\xfe\x13\x17\x1d\x04\x04\x03\xf7\xf8\xfa\xa5hX\xeb\xed\xf2\x1b (\xb4r`\xackY\xed\xef\xf3\xa9iX\xa1cR\x1e#,\xb0p_\xa4dS\xe9\xeb\xf0\xb5vd\xfa\xfb\xfd\x16\x1a!\xafm\\\xa8m[\xb7yg\x19\x1d$\x97^Q\x7fK?\xa7gS|I=\xa0fY\x9e_M\xa2eU\x99i[\xbb\x80p\x9fbU\xe6\xe9\xee\xbe~j\x9aaT\xa1l]\x90bRwE6\xd7\x9f\x8f\xfd\xfd\xfd\xd1\x98\x88\x9b\\K\xdf\xe2\xe8\xc8\x8aw"\'/\xa6lawH=\xabn`\x86ZK\xd2\x9b\x8c\xb2scpA29#\x1c\xd2\x96\x83\xadp]\x89]N\xc4\x86s\xa1aO\x08\t\t\xc7\x8e|\xcc\x8f}\x8dVD\xb5~q\x92]N\xc3\x8ax-\x19\x15\xa7tg\xb9|k\x83OAtOF\xachT\x95YK\x88SH}J7\xce\x92\x80%\x13\x0e\xa7zr\xadzlk=1\x88O?\xe3\xe6\xec&amp;+4\xa3qb\xabtf_7(|MB\x8fXK\xa2jV\x83O;\x9b`P\x10\t\x06\xb1vf\x96fU\xbf\x84u\x92VFR-!\x9emcpG6v?0\xff\xff\xfe\x7fQEf=.\xde\xe4\xe2~ZO\x8fQ?\xbc\x89}\x8d^V\x1d\r\t\xd8\xdc\xe2\xf4\xf4\xf3{E&lt;\xaeqe\xee\xf0\xee\xb9ta\xc3\x81nZ1$nJAjA9\xe3\xe8\xe7\xca\x92\x82\x91fY\xb5\x83wvL:rC;yUM\xb0t`\x87UB\xa0tk\xeb\xeb\xea\x84]T\x8e^L\x85G7\xd1\xd4\xd86\x18\x11\x83VI\xb2{k\x9agT\xb4uki7(\x96^Iq:*\xda\xa3\x96\xa7bN\x96VA\xbb{e6;AzQ?\xb0\x84~_&gt;9F&amp;\x1dbHD\xd5\xdb\xd9\xdd\xab\xa2\x96he\xc1\x8e\x83\xce\x96\x84\xdd\xde\xdd@)$oSMF\x1b\x12O2-\x9cYE\xd0\x90\x88U;8\x8dle\xba\xa8\xa6\xaf_]\x7f@0\xe9\xe4\xe2\xbf\xc2\xc6N\'\x1b\xb0\xb3\xb7\x7fWE\xb3mW\xa1_GRWX,1;ADG\xcc\xca\xcaz\\XGMRg/\'\xd7\xa4\x99\xa7\x80|\xc8uzw||\xb5\x8c\x84\xd9\x99\x89\xbd\x93\x8bH2/Y60\xbctl\xb6\xb9\xbe\x96vm\xca\x8b\x81\x87e]X&amp;\x1a\xd5\x9c\x95\x9c\xa1\xa8\xca\x83}\xd8\xcb\xca\xde\xd7\xd6\xc1\xb0\xaf\x8eG7\xac\x94\x92\x8b\x90\x96\xc6\xba\xbakrz\xbflp\x91HL\x9a}|"$!\x14\x14\x12\xca\x96\x8b\x1a\x1a\x18\x8a@C\x94]X\xc5\xca\xd0\xa6ZY\xb6\x9f\x9e\xd0\xbf\xbd\x88\x8a\x87agp\xb8fiv3&amp;\x96\x9b\x99psp./-|\x82\x8b\xa4\x8e\x88Y^f\xc2\x99\x93`da\xa7\xab\xb1`%\x17\x9eMV\xd5\x83\x88\x9aK8\xeb\xc2\xc0\xcb\xb0\xb1hle\xe6\xb7\xb2\x8ct\xad?\x00\x00 \x00IDATx\xda\xcc\x97\xddO\x9ai\x1a\xc6M\x8c!ib\xa8I\x8d\xa6\xc6\xd9\xc5U\xfcbb\x05?b\xc6\xc2\x80\xa8|\x89\x8a\xad\x08B\xa2(\x88\nB\xa0\x85\x12w\xb5h\xa9NA\x8b"\x8dP\xf1\x03\xac\xadV4m\xd2U\xb7\x12\xad\xb5\xb1;m\x9c\xd4\xecI\xd3\x93\x85\x929\xf1\x00\xcdf\xdd=j\xf6~^\x9d\xdd\xfe\x01`\xf7\x0e\xc2+\xaf\x89\xbf\\\xd7\xf5\\\xcf\xf3\xc6\xc5Eo\x8a\x8b\xe3\xe2\x12\x8a\xe3\xfeo&amp;\xb17~t{m\x7f\xfb\xcf\xbd\xdb\xfb\xe3\xbd\xdf\x1e\'.1\x11\x04\xea\xdb8\xda\x0b\xcc\x1c\x1fo\x05\x02[[\'\x91\x1b\xbd\xdf\xc1\xb7\xe8\xce\xb7\x99\xe2\xf8\x84\xc4\xf8\xbe\xb5O\'\xc7\xac\x10\x0b\x8f\xc3\xe1Y,x\x05\x03{\x91\x8d\xb5;\xdf\x90,q\xf4\xd1\xc6\xde\x0cB\x02\x1c\x16\x1e\x8f\xd8\x10]88s\xb4\xf1(\xfe\x1b\xa9\xd5;~\xb8s\xccB 8\x8c\x08&gt;0.\x0c2\xb8u\xb8?\xfa\r\xa0\x12nDfN\xad\xc3cd\x18\x13\x1e$\x83\xf7p\x08.\xf0\xc1\xbdG\t\xe7\x1c\xab\x84\xa5H \x88\xfe7\x8e\x15:\x95\xe8l\xd0W\xf8\x90\x12\x130t\xf4\xe8\\\xfb"~\xfb\xd3N\xf8\xcc&lt;&lt;\xfek\xa6\xaf&gt;\xe0N\xe8\xe8N\xf1\xf9\xd5B\xf1Z \x8c\xc7\xa4\xfa_\x98\xc0=\xa5\xd2dR~E\t\x97\xe1\xbd\xb5\xbe\xf3\xa2\x8a\xdf\xdf\xf9J$\xb8R\x8aja\x18O\x9f2\x18\xb5\xb5@\xf6\x95\xa1\xa1\x99H\xdf\xf9\xf4Do\xe4\x98\xf5\x1b\x14\x9eeB&lt;\xef\x075\xc3\x9aY\x9dnvxPo\xf69D\xbf\x89\x86\x05\xff\xf0&lt;\x16\xe4wK\x87\xc1\xb3E\x87\x03&amp;\xc6\xca\xa0F3&lt;+\xb0Q\xedd\x18{\xbbM@\x91\xe8e~\xd3\x99h\xf0W\xc1H_q\xac\r\xec\xdd\x08\x84P\xd41\xa1\x18j\x99\x84\xae\xd1d\xcf\xb6\t\xda\xbbzzz\xf2\xbb\xba\xba\xc8v\x9bP(\xd4\x9a\xd5~\xd3Y\x95\xe1\x8f7\x8ac\x1d\xab\x8d\x1d\xd6i\xce\x95"\x04%\xa1\xd35\xd9\x02j%9\xbfg\x04\x06\xa1\x81bR\x85B\xa8u\xaf;\x94\xd8\xba\xc0+\x03\xdb\xc5\xb1\xc5\xbaq\x12:]\x81&amp;\xc7\xbaY\xa6\x07*\x8a\x80J\xbe\x9b\x0fHb\xf1\x1b\xb1X&lt;\xd2\x02\x9a\xd546\n@\xb1I\xbfH\x89\x15\xd8\x85\xc0xLK\xf4,W\xb0\xf4|\xeaS*\x90\n)%\x9e{3\xf7\xf6\xed\x1c\x8cX\x0c`5\xed\x8d\x82l!\xc5m\xf6\xa3\xf0\xe3q\x17\xf6b\x18\xfb\xc4\xf1\xbd\xf0\x99T&gt;\xb5\xda&lt;)\x91P\xb2\x15\x8d\xe4\xfc\x16\xf1\x100\xc1\xfc\x8c\xe6\xed\x90\xb8\xae\xf0J\xbbM!\xa4h\xdd\x93\x07\x0e%\xca}\xf0o\x17c\x86\xb5\xb4w|\x96*\xdf:\x885I\xa7\x08\xb3\x045\xf2\x96f\xde\x10\xe22"\xac\x7f\x02\xd7\xdb\xa1\xe6V\xb9\x8b\x8b\xf2u\xca\x05U\x0b6\xc6\xa8\xbe.\x1e\x06\xd1\xae\xcc\xaa\xf5\x01\x95\x1a\xa3\x12J\xb9\xa9\x84V\'`\r\x19\xd1&lt;\xc1\xc6h\x1crZ\xe5\x1d.\xe9\x8b3.l\x1b\x8a\xcd\xb6\r\xdd\x00\x16\x82!"\xdf:he\x9e\xd4R\x84\n\x83\xca\x95J`\xfe\x98\x9e\x013M\xea&amp;\x91\xba\xd1\xc0E}\'S^\r\\n\xb7[\xb6\x8e\xe9\x15&gt;\x19\x8f\r\xd6\xd2\x0ej\x06\x13\xe6\xa0\x19i%\xe5zJSS\x98\x97/\xf5OOO\xf7\xf7\xf7\x17\x14\x14\xdc\xbe]P_\x0f\xaf\xfa\x8ctfZ\xae\xe7#pM\x9a\xd7E\xa8\xe8\xc2\x91\x98\xc8U\x1cA=\x8a,\x04*\x19F\xa5\xea X\xad\xd6K\xd3\xd3\x05\xd8\xdc\xae\x82\xb9}z]_\x9f\x9e\\\xbdj\x18\x03\x1bej?\xc8\x85\xbbp\xd8\x17\xfdStb\\\xdf\t\xeav%\x03aA\xb9\x03UfN+\x8f\xe7\xb4N#\xa0\xb2\xb2\xaa\xaa2\x0e\x87]\x86.\xf8\x80G\xca\xb0\x127=(^\x93\xea\xf5Z\xe4~`-!&amp;\x1e\xe2\xfe\xeb\xa1\x9eNQpkrZZ[\x99Lfz}AA\x15\x1b\x808\x96\xc5\xa6\xa6&amp;\x0b\x9b\xcd\xe6\xf3\xf9\xdd\xa4\x0cf\x9a\x07\xc9\x05.b-\x11\xde\xbb\x11\x03\xac\xed\xad\xb3\xc0\xab\x11\x16P\xd5t\xe4\xc9\x93R\x92\x92/\xa7\x03V\x19`\xb1-\x8b\x8b\x16\x0e\x82\xea\xae\xeaFX \xd7\x98V\x0b.\xfaLhs\x0cFb`\xe2\xbf\x828\x0cK\x8d&lt;\xcc\x16\xd8\xda]\x18VJ\xb25\x83T\xc5\x07\xb5\xc0E\x8b\x05\xb0@\xaa\xaanR\x01\x84&gt;%m\xd53\xf6B+\x93\xa9E\xd8\xde~\xd2\x1b\x83z`aU\x8a\xc4\x92\xd1\x81\xaa\xe6\xca\xf7r\xb9\x9c@\x00*&gt;\xc8\x84b\xc5n\xe2p\x9a\x00\xcd\xc2F\x1e\xa6[A.\x94\xfa\xc9I3\x16.\xd6Qo\x0c&lt;\xc4\x12_\x0bTf=\xc5VY\xd3\x95_Xx\xf5j\xa7\x93\xc4\x07\xf3Jh\x8b\x1cNYSE\x13\xa7i\x11~)\x010RF\xa7\x95\x98\xbb\xea1\xa0\xd43 \\\xb8\xd0\xe1\xc5\xa8\xaf\xc3Oa\xe4\xa1\xd2\x01\xe5\xa0\xd7\xb4Q\xc9\xe4\xfc\xc2\x96\xbaf\'\x0f\xa8\x16K\x00d\x11)UQ\x01X%\xb4"\xdag\xc4\xe5\xb4\x12\x88\xd5\xc0\x05\x9b\x90\x0fa\xb1\x8e\xfa\xa2\x8d\xf5h\x07{N51 X\x9ar\x1d\xf5VWaOKk3h\x85\xc4\x02\x90\x92\nX\x85\xe8\x07\xb0\x90Z\x08\xab\x93\x99\x94\x97Z\xea\x91R\xb4f\xd4\xa8\xf8\x93\xde\xe8f\xbe8n|\x06;\'\xd7\xc2\xd1\x8fR\xde\xa6\xa3R\x91Z\xb0\x1bvC\x1dp\x16K\x8a`\xfe\x8a\xa0\xc0C\x18D\xd5M\x82N\x93\xa7\xca\xe5\xa5\x06\x85\x10\\\x84\xfd\xfa(&gt;\xdaj\xdd9A\x87\x07\x13C\xa6\xa7\x94\x97\xebt\x13T\xf2\x03\xccE\xd8\xa5\x8dlKI\xd1\xc3\x87\x0f\x8b@\xb0\x8a\np\xd4\xf2\xc484$\x1677;\xeb\x08y\x1dr\xb9\xcb\xa0\xd0\xaaM\xa8P\x97\x12\xa3\x8c\x15\x7f\x88\xd4Bb\x95\x97g\xb7\xb5MP+\xed\xe4\xbb\xb7n\xde\xbc\x7f\xff\xc3\xe3f\xa3\x85\xf6\x10q\xd1 d4\xda\xe7\'s#\xbf&lt;\x7fuo\xf9\xdeMje\xa5\xbd#\xb5C%\x15\xea\x1d\xe8P\xbf\x1d\xed\xe2\xea=Db\xf9\xa0\x1b\x10\x96n\xe2/\xf7\x1a\xe6\xe7\xbd\xcf\x9e=[\xf16\xdc\xaa3~\xa6\x81^EE\xf0\xbe\xbb\xfbd\xee\xcd\xe3\x0f\xcb\xcb\xcbp\xd3;\xef\xf5\n\\.8{Q\xd4\xd0\xa8\xc7k\xd1\xaf-\xd4\xa5X\xb2\xca\xdb\xdat\x03\x03\xf7?,?{\xf7\xee\xdd\xca\xca\xb3\xc1\x86\xbb\xbc\'(^4\x08\xd8\xc2\xc2\xc2\xcfs#\xcf\xef7\xbcz\xb5&lt;\x00\xdc+\x0e\xb5\xcd\xa5\x82#\xa1\x1e\xaakf&lt;\xdaX\xa3_\x90\x872=}\x18\xb4\xa2\x0e\xbc\xf7.?\xff\xe5\xfe\xc0\xe0@\xc3\xc0@\x83\x8e\\g\xb4T\xc0\xfa\xa3\x15\xed.,\xec\x1a\xc5=\xe4J{~~\xfe\xe3\xc7\x1fn6xW\xe8v\x95M\xaa\xa0Cu\x05F\xe3\xa2\x9e\xad\x0b8\x16\x04^C\xc9\xd6UNx\xbd\x03\r\x1fFF\xba\xecv;\x97\xcb%w\xb5\xf0\xa0\xbc**Jh\xbb\x0b\xbb\x9f\x9d\x859W \xe8\x84V\x1e\x9cW\x9b\x0b+\xcb\x87\xb96\x1b\xb8\xa8\x8c\xfaJD[b\x08\x0e5\xd0Y\xc3m\x13\x95?\r\xea\xee\x8a\x9b[\xaf\xcaSss]*\x95+S\xde\xc9\xe74A\xc3\xd3v\x8b&gt;\xf3\x99\xa9y\xf0}uR\'\xc9\x08K\xd2\xd9\xda\x95\x9d\rjQd&amp;\xd6^\xd4[\xfe\xe2!\x0b\xa7|\nb\r\xeb\xa8\xbar]W]ss+\x81H$^\x9b*\xf5\x18\xaew$9\x81\x8b\xb3H\xdb\xa5\xb1\xeb\x93\xd3\xaas\xab\xd3\xaa\xd3.w\xf2H\xf5\xceNgk\x8eM\x01\xcf\xb3z\x11\xd4it\x9f3\xa0\xb7\xbe\xc0\xce\xf3tP\xa3\xd1Q\'\xda&amp;2s\n\xeb\x80jj\xea\xda\xcb\x97/\x89\xa5\xd7]\x1d\x04\x12\x07j\xb4h\xb7\xa4\xfb2\x11\xa8\x88\xc4\xa9\xcd)&amp;\x8f\xf7\xe3\xef\x99\x97\xadW3m\n\x1b`E}\xab\xc6V\xe2)\xd6l\xe5\xc4D\xcd\x95\xcc\xcc+?X\x99\xc9\xd7\x92\xe1 \x7f)\xb9\xf4z)\xc8\x05\x1bv\xd1\xc3\xc5\xfak\xd5\xe0\xe0\xe6*\x0cah\xa83e\x8aH$\xc8]\x10.\x89\xe8x?\xfa\xe7\xad\x08\x1e3Q\xa3\xab\xa4\xda\xbbj\xb8\xb6\xcc\xc2\xc2\x07\xd0H9?\x10\x92\x93s\r\xdc\x8e\xab&lt;6\xa7\xa4\x88Vv\x89\xb8\xaa2\x18\x0ccB\xa1\xb0\xbd\xa5\xf0\xfb\xd4\xcdM\xcfjn\xaa\x8bk\xd3\x88f\xa2\xfe\xec\x93\x18\xb7\x11\x86\xc8#,;\x99\xcc\x95J\xa5Y\xba\xb6\x9f\xf4\xb2\xc1\x86\x89[*\x8fG\x9a\xa5\xca\xfb\x13\x89\xdf\xb4\xc8)x\xb9i\x90\xba\xdd\x12\xbd\x9aQ\xfb\xce;H\x91\x1a@\xb6\xd2\xa4&lt;\x84\x15\x18\x8d&gt;\x16\x9c\xb7\x00\x8b\xae\x99\xb5?\xb0C\x80%f\x1f\x83\x11\x0e\x1f\xbf\xf36\xfcQ;6F\x91\xba\xf2\xac\x05|vU\xff\x94G:v\xe0W\xafl\x05\xf1[\xc1Z\x9fz\xf2\x85g\x93\xc8$\xb8\xb8\xc3\xa2\xad\xa5\xa8?Y\'\xee\x1f\x9f\xaa5L\xb5\x0b\x84t\xb5\xc3T[\x1bf\xb1~7\xff\x8f\xe7\xef\xff\r\xe7\xf51UuJ:\xdfR\xf5r\xea\xe3\x98\xf6\xc0o~\xb5\x15\xc2\xfd!4?/\x12\xad\xbfX\xc5\xb0\x14\xa2\xad\x1b\xd1\xc6\x02\x13\x83\xa7ji\xb2\xb3\x84\x14\x9f\xc8\xe4\x90\xbd\xf79\x1c\xbeW\x7f\x7f.9\x90\xd0_\x8f\x95\xa6\x11\xd3-4v\xff\x14\x9cF_\x1f\x98\xdf\xaf\xc0\xcd\x95{\xe5~\xe0R\xe4\x12Sa\xffa\x9c\xc4G\xdf\xc4;_X\x80%\xa1\xeb%\x12\x89\xda\xe1\x90\t\xc8\xbf6j\xb3j~m\xcc\xa2\xb8)\x12\xb7\x8a\x88a5\xf5_\xdb\xfc86y\xe0\xf7\x1f\xb8\xb3\xf2\x1f\xe7gJ\xdd~\xffk\x03\x1c\xe9\xa5\n\xc6\x97\x8b\xd1\xc7\xea;\xc2C\xcb\xff\x87V\xf3\x8bI+\xcf\xe2\xb8\xc9f\x1e\xcd\xd6Dc\x83!\x11B\x1d\xda\x8b\xc1\x8b\x08\xb9AP#\\#"{\xe9\xc8\x9f\x88&amp;\x17G\xec\x00\x0e2c\x8a\x1a\xa5^;\x11\xe9\x80\x15bA\xadJ\xec\xb6\xf1\xcf4\xae\x8d\x8ai\xd4\x87N\xb0\xdd1[S\xab\x19\x15c\xac\xd9\xa6M5\xd1\x97f\x13];3{.\x9d\x97}\xbf\x9e\x04\x02\t\x0f\x9f\x9c\xf3\xfd\x9d\xdf\xf9\x1en]ss]\xd7\xb7\x0f\x9f\x0e\x1ay(_\xefN\xb8k\xaft\xb8\x06\xe3\xaeF\x18\x8fs\xb8\xddbS\xb4\xaaj\xa6\xb6#\xbe\x01X\xf5D\x8f\xc6\x935\x1a\xba\x0f\xf2\x1au74&lt;\xfc\xfdRA{\x01\xd3\x8d\x0b\xb0\x1e\x02V\xc9`]\xdd\xa0\xcb\xd8P\xebN\x84b\'\x10\xb1\xfbq\xd7(\x87sU\x9a!\x98\xda\x04\xac\xa5\xa5\x19\xf7\x15W\xfc4\xee\xaa\x85\xc2\x82\xc7\x18u\'F\x97\x81\xab\xee\xf7\xb9\x83\xd9\xdd\x05f\xe7\xad\xed\x7f\xfe\xbb\r\xb0jJ \xf2\xaf\xd466\xba\x13\x89P\xc2\xedn\xac\x88\x85\xca\x94\xca\xcb\xd2\xab,\xc7\xdb\x95)\xe1\x12p\x8dH\xa5\xd2zh"\xee\x99\xb2\x9c\xcc\x9c\xb2e:\x1a\x03\xcd/}\xf9\x83]\xbb\x97\x18\xd3\xfdw)\xb7&gt;&gt;z\xdc\x06\xb3i]\t\xbd\xd5j\xa8\x18\xba\xc6b\xb1\xb2\x95\xc5~\xce\xd5F}\x06\x97\x9d&amp;\x1d\xcaJw\x14\xadH\xb0\xe8\xd2R\xe7RUU\x86\xdc#\xf7x&lt;\xc5,\xb6\x0e\xfcb\xd5\xc8\xf2P\xa0y0\xe4\x0e\x9d\xce\xdeb\xee8\x16\xec\xbc|:\xdd\xdf\xdfEc\x19k+*#\x1c\x9b \xb9,\xca,\xbb\x9a\xc9\xd6\xe9&lt;02dp\x93XTggr\xab\x94\xceb\xd9\x06\xc2\x02\x81\x03\xbc\x86@9\xb2&lt;\xda\x90\xef\x9eI\x9c\x9fx\x17\x98\xc2\x02a\x1d&lt;\xa57\x1c]\xcd\xcd%\xf9\x01^\xc4\x8a\xfau:vzvFNNF\xba\x10\xd7\xea8\x97\xa5Yl\x9dc\x93\xc6\x8a\xa6\x0b1\x8c^\'\xe9\xb8\\\x81\xc3\x01\x86M\xeb\xf0W\x95\x8d\x1a\x8dR\xc0\x8a\xd9\x19\xc4\xba5\xbb\x11\x0b\xb9\x9a\xa1?\xe4\x07\xec$\t\x0e\xdf\xcf\x86HgG)\\\xfdd2\xcc\x91J\x95l..^\x11\x03Pz\xa7zXl\x02\xeb_\xdeM\x1b3-\xbc\xb8\xca\xaa!\xa3\xf1\xda\xd2\xf9y\x02e\x10\xeb\xee\xeb\xd3X\xcchlj\xcao\xe0\xa1\x04`)\xd9:\x81\x00\xc7q\xf0\xf7\xa5\xeb=\x9e\\}\x1a\xd7\xa6S\x97\x8a\x87\xd58.\xec\xc4\x8b`\xb2\x9f\xea\xa6}\xec\x14F\xafM\x1c\xfe\x8c!cC:\x05X$\xc3X\xf7C\r&gt;\xdfXE\x84$\xe5\x16?W\x88c\x18\x96\xb4\xf7B\xb9Ev\xf5\x1ahM[\xba:&lt;.\xc6p\x9c\xa2\xd6)\xf5\xf0p\x11X\x8e"\x89\x1a\xb2V\x8e\xeb\x94C\xc6\x80\x10_\x96&amp;\x88\xbbLb\xc5;\xe2.\xc0j\xa8DI\xd2b\xd3\t\xb0ru\x12\xaa\x94*\xe3[\xd28\xe1\x1e\x81\xa6\x05\xec\xd8\xb8\x18\xa7@Y\xdd\xeb\x9d\xd4\x131m\x1c\xa7\xe0W\xe5Z\\\x08X\x15BSqc\xecA;sX\x0b}q\x97+dl\xf2\x05D\x80e\xd68\xe8\xd1\x1d\x98VW\xd5Y\x8d$\xc1\xb1i\xcc\x08"s\x98\xd4O\xb4\x1e\x8e\x0e\xc3\xbb7\xd7\xaa:\xd5\xe2M\xb1DB\xafKp\x81\xce?\xe4\xabX\xc2\x1d\xa1\xd8\xdc%\x06\xb1~\xdc\xe8p\xc76\x9a\xc7\x02v\x1a\xcb1I\xaf\x8e\xc4\xab\x10T#\x8f\x90\xc9=y\x7f\x7f\xfc\xafB\xb9\x83r /\x1f\xdf\x91S\xe5\xe3\xeb##\x9d\xeb\x9b+\x9b\xf0\xa3R\x13&amp;d+\x87|\xee\xe5\x91\x01\x83a\x8bI\x97\xf8\xba\xebz,&gt;\xdd&lt;\xa6\x00i\x91a0\xf7\x9b\xb4\xb9_]\x15\x0b\xa5(!KK\xabi\xfb\xeb7\xd3\x06\x8fG\xde\xd1\xdf?\xed\xca\xd4\x8e\xaf\x14\x9f\x8f\xac=\x013;..2\xe1:?\x8du\x9e\x90V\xf42\xa6\xf8d\xdf\xaa\x89o\x9cn|\xc6"\xcc\x8e\xb7\x9b\xe0S\x93X\xb8\xcdb\x96\xe9\x1b\xefo\xbc\xacqu\xd4\xd7\xeb\xc1^\x8c\x86\xb2~\x1d\x1e_\x9f9\xaf\xa2V&gt;}\xfac\\\\\x8aqY\xca\xa0\x0f\xae\xd0\x84\xe1\x90\xc9\xbb\xe7\x8b\xdd\x9a\xe9\xfe\xe9\xd3\x921\x85\x1dEIs\xcb\xdb?\xa9@[\xe5\xdd\xeb\x82\x8c\x1b\x8dz&gt;\xcas\x87js\xb9\xba\xce\xec\xaa5\x98\xea%\xb6\xc4L\xa7\xe4\xd3\xa7O4VT\xc9\xa9h:9=M\xa8\xb6\x18\x9c\x04S\x0b\x0ek\xa6\xdb\xfa\xe3M\x80\x85$\xb1\xe8\xe2\x80\x8d.5\x99$\x92)\x13&amp;\xd0YH\x92\x9f\x97+\xf3h,\x9c\xcct\n3I\xc4\xe533k\x92?\x92\xd9\xc2\xb9~k\xa0\xe9t\xfa$\xf4j\x81\xc9\x01\xb5`\xeeNW[\xdb\x06`\x89@\xf3\x96\x9e\xc9\x95\xf1M\tH\x19W\xd3{\xd2u\xad&amp;L `\xd2P\x0bA\x10|\xde\r9\x85\x95\x8a\xc5\xdcl\xaat\x9c\xc62\xe1\\\xa55Prr\x92\x88\xed~\xc1\xe8\xdc|t;\xff\xdb~\x90\xfc=\x11]\xc5p\xcb\xdb\xcd"\x89\t\xa30h\xe4\xdd-\x0e\xb3\x13iU\xd4\xd7\xd7\xe7\xf1\xf9(\x89T\xd6\xf3d:\x0c\x0c\xf6\x9aP=\x0cY\x85\x06\xc1\xe5D\xc6j\xdc3\xa1\xfc9&amp;\xa9RS\xb6o\x0f\xe6\xdf\x9f\xee\x1a\xbb\x17\xb4\xa3\x08j\xd6\xb4tOu\x97\xe3\xd8T\xd1\xdb\xc9\x1e\r\x81\xb4\xaa\x14\x9f\xb1r\xf9|&gt;O$\xb2\xf3--E+\xdaNL&lt;\\T\xaa\xc6(\xb658\xe6\x1a\xc9\x89\x19\x8e\x98\xc5\xba\xfb\xfaiI\xc0X\xe2\xbb\x17\x14!\x11\xc4Bo\xbd\xb5\x98C;\xd9S\xdd\xdb\x8bx[[Up\x08a\xf6\xd3\xebs\xe5\xc5\xf24\xbe=\x82\x82\x00\xbb\x8b\xa9U1M%\xf4G\x82\xbe\x1bTqm\xef\x02\xb3X\xed\x1f\xeb\x9a*\xf3\x02\xbe\xc5\xa0(\x82 \xa4M\xe7\xd0\x96;\xc2=\xe6^@jm}\xff&gt;/\xf7\xc3&lt;\x1d\xd9kt\xb0=2\x94\xac\xee\x99\xd4pA\x7f\x18.\x8cr\x86\x02&gt;+\xe57\xec\xb6\xc3\xb1f0\xbe\xdb\xbb]h\xb8~\xe5\xcbE\x15`EPKX\'\xd0\x86-f\xc4\xdbw\xb3\xaf\x15\x91e\xce\x7f\x8e\xe3\xfd\xfd\xfd\xe3\xe3\xe3\xf9\xf4\x01\x0f\t\\\x1a\xb9ZMQ\x94\x90m\xad\x0c\xf8\xf4\xac\xac\xe0\x0e\xe3\xff\x8f\xcd\x16^\xff\xd2`\x00,{\xc4\x8e\xca,\x1e\x9b\x00\xfa\xbdH\xa1\x02(\xd9\x07\x88\xf9\x0f\x1f\xce\xce e\x00E\x7fc\xc1\xa1\xac\xd6\xf0\x1d&amp;\xa0\x8aB\r\x03c\xfa\x8c,d\x8b\xe9E\xd2\xa5\xb9\xef+\xf2\xd0\xcaE\xe8\x10v\xbb\x95\xb0\xd9l\x1a\x94t\x8a\x14\x8a O\xfa\xe6\x1d\xc4\x9b?\xdf\xdf$?\xbc\x99I\xa3\xaf\x03\xbeM-\x8cF\xb9\xcaHp1X\x1c\xcd\xfa\x85\xe9\xa7\x93\xe0\xb6\xfeETYa\x1cKb!D8\x1c\xd6\x90\x04\xaa\xfa\xba\xab+\x1e\xbf\xd3q\xe7\xab\x1f\xbf6\xd0Dg\xef\'&amp;ZU\x1d\xf1\xf8I\xcc\x00X$W\x1d\x8d\n\xa1=\x04\xc7\xeclV\xcfV\n\xe3\x91zk\xe7\xf9\xabW\xb3\x80\x85\x80\xe6\xcda\xb3\x86 \x9c\x8a\x9a\xbf\xb5\xf5\xff\xe3\xe7\x83\x83\xb9\x9d\xc3\x9d\x9d\xc3\xc3\xdf\x8e\x8e\xb6\xb6~;\xda\xfd\x01\xae\xaa8B\x98-\x02,\x1a\x8d\xb2\xad\xf6\xe0\xa2\xb3\xe5?\xdb\x17\xf2\x1fzj{{\xfb\x9cB\x04T\x88\xd3\xac1kH\'j/|\xd8\xff\xf0\xd1\xc1\xce\xdc\xb3g\xcf\xb6\x17~ZX\xb8\xfb\xd3\xf6\xf6\xd6\xf6\xd1\xee\xa3o\xda\xea\xec\x849\xecp\xb0\xc1\x1fE"\xc1\xd7{w\xffrAOB\xa4\xa6\xa6l\xf5\x01\x96\xd7\x0b\x890\x87\x9d\x88\x93\xe4]\x89\xc7k\xfa&amp;f\x0f\x0e\x0e\x0e\xf7\xf6\xf6\x8evv\x0fww\x8fv\xe6~\xee\x9f\xbe\x8e\x12\x9a\x1e\xad\x90\r\x17O\xc4\xae8XH\xb9\xb0\xa7\xcb@a\xafT4\x16\xbd\xd1%\x00\x8b@\xf3\x0c\x1d\x1d\xb4\xd2\xcf\xce&amp;\x9e\xcf\xed\xed\xed\xec&gt;\x9fx_=\xf1\xbe#\x1e\xe2\xc3\x14\xab\x11\xb0\xfd\xfe\x0ck$\xb2\xc8t\xc7\xfa\xff\t\xe7\xd2\xdc\xa2\x17\xf1\x8aD\x08t\x07\xd2\xd9k6\xa3yz`\xfap\xfc\x02\xfa\xd5\xfe\xfe\x83\x07\x0f\x06\xa0O\x9c\xbd{W\x9b\x0b\x93Fr\x1b\xcd\xe1X\xad\x11\xd5\xde\xc5Q\xd1\xe9\xda\xf2\x8a\x80J\xa4\xb2\xa3Ngo\xafYc\xe1\xf3s\xa1\xc3\xef\xbf\xa0c\x7f\xff\xc5\xaf\xc07\x7f\xf6F\x9a\x95\x86\x12\x04I\xe6J\xaf\xa5Y\xadh\xf0\xd5vJ\xeaEbA\x15\xa1\x86"\x95\xc8\xeb\xf5B\xb64a9\x8a\xcad\x9e\xcfX/\xfe\x0b\xf1\x02\xb0\xe6Y\xd9\x192\xa2\xda\x89\x0c\r\x95\x01U$\xf0\xf1B\x9f\x0b/\x80n\xaf\x00 \x91J\xd1\xeam\x9d\x80\x039\xe0\x91\xd1\xe1\xa1\xaf\x1dHV\x12\xeb\xf8X\xa7+\xf6@\x9bw\xf2x7.[\xad\xd6\xa0b\xe7"\x93\x05X\xdb7\x17\xe9\x1a*T\xaa\xbeV\xaf\x93\xb0X&lt;\x03\x03\x16\x19?\x8f\xa7\xd7\xeby\xc9b\xee\xaf\xad\tt\xecb\x9b\xb9\xba\xd7\xc9\xab\xbca\xe5D\xec\x8b7\x8f.\x18k\xeb+\x1fT1\x89\x05\\\x88S&amp;\x1b\xd0\x084\x1e~\xe5\xbd\xef\x0b\x7f\xf8\xa1\xd0\x90+\xf7\x00(\x97;0`\xfe\x1f\xed\xe6\x17\x9bd\x96\x86\xf1I\xf8\x13\r4\xe1#P\xc8\x07\x18h\xa0P,H\xdbTH\n\x846\xb0\xbd@\xa2\x03\xc2\xa6\x9dB\xda\x85\x91Tj\x9dP\xb0\xb5\xb6\\\x00[\x0b\xdavtX;\xee$\x9b\xb6Jlj\xd3\x94\x9a\x8c\xd1\x9b\xb5\x17uF\xad[\x1b\xed8q\xcdf6Mj\x9c\xb9\xd9\x8d;7s\xb5\xcf\xf9p\xe7r33\xfa\xbd\x86\xaa\xbd\xa0?\x9e\xe7y\xdfs\x8e\x9eojj\xe2S`}\x8cMM\xe0%\xcbX\xdfON\xdeE\xe8=\x9et\x91\xe1j\xc2\xf6=\x91h\x84\x97\x86\xbdR2\x19\xb3X\xda\x805\xfb\xe1l\xdf\xb1\xc1\x1b#N\x82\xd5\\:\x1d`\xd7\xc4\x9a\x0f\xbe=\xad\x07\x17\x83U\xc4\x9ef\xef (\x1a\x13;\xbfK4&gt;&amp;)#D\x89\xc4\x87\xb3\xb3\xc7\x06\t\x95\xd3g\xf9\xf8\xa4g\xee\xf4\xe4\xad\x0f\xd8\xbd\xaa{\xab]o\xc7z\xedq\xa6\x8b\x81@\x11{\xad\xd9\xf1\xf1\xc7OP;\x8f\x1f\xff\x03\xbfvH%\xfa\xfbz\tV\xc9\xe9\xbbr\xa5\xd9yzr\xee\xc5\x01V\xa9Zo\xb5\xebt\x93w\x9d\xc0\n\xa0\x92#\x83\xe8\xc5\xc6\x9d\xd5\xc3\xab;\x89\xc7\xf7\x1b\xef\xdfg\xa8\x8e\xf4\xf5\x1e\xeb\x1d\x9c\x98)yN\x1e$b\xe9to\xd8\xbd8\xcf#X\xd1\xb94\x83\x95\r\x04F\xa6\xce\x9f\x9fm|\xb2z\xf8\xf0\xea*#\xd4O\xab?\xed$f\xc9p882\xe3l\xber\xf2\xd3\xd2\xe4\xa4\x9fm,\xa8\xa5\xd7\xf9\xe7\x02\xce\x19F\xad\xe2\xcc\xe0\xf9\xe1D\x02T\x0f\x1e\xac&gt;YE=}\xbaJ\x8e\x8dG\xfa\x06\x0fzJ8\xec6;\xe7&amp;\xfd^?\xabX\xd8\xa4\xbe&amp;X\xc9lq\x86\xc9V\x1aj-.\x0e/\xee2r\xad\xae&gt;x\xfa\xc5\x17\xe0J\x0c\x93CZ\xa9\x84e\xddswR\xe7\r\x9e\xd8`q\xa5&amp;\'\xa0\x17\xc0\xba\x98\xb4g\xd3\xe9j+N\xcd\xcf\x7f=??\xbc\xf8\xe4\x8fo\xc5z\xfatwqx\xf8H\xef\x04\x02\xdf|\xb2\xd9\x99\x9c\xf3\x06\x83\xe1\xeei\x16[\x91\x1c\xcczZ\xf4~\x7f4\xc7p\xa5gf\xd6\xb6\xba\xe7\xe77\xba\xcf\x0f/.\xee\xee\xee\x02\xea\xc7]`%&gt;"\'Z\xcf\x88\xc7SJ\x86\xae\xc6\x83\xe1\xad/Y\xc5\xca|\xd7\xd3\xd2\x82\xd0\xdbsEp\xc1\xc9\xf5\xb5\xa9\x8d\x8d\x8dn\x86kq\xf1\xe1\x8f\xa8\x87\x0f\x17\xcf\xc3C\x1c\xd5f\xd2\xced(\x18\x07\xd6\x8d\xe7\xacbMo\xb5\xb7\xdbu\xe0\xcaf\xe1aqyy}}\x8d\xb9\xf9Mn\x0f\xcfwo|\xfd\x10d\x0f\xe7?\x1al\x06r:]*\x85bq\xa3\xdc\x1a\x9e\xf8\x86U\xac/\xb7z\xda\xc7\xf4z]2\x9a\r,Wk{mkk\n`\xcc\xed\xefy\x86\xaa\x1b\xa7Z&amp;|\xa5R,.\x97\xcb\xe3a\xcf\xf7\xecb\xad\xf5\xb4\xb7\x8c\xe9t\xc9$\xa6\xd6\xf2uR\xcb\xeb\xdb\xdb\x137P\xe4\xca|\xf7\x06\x92\xb6\xb56\x03\x191B\x8a\xa5\x90On4\xca\xe3\xde\xd2Kv\xb1\xb6\x19,\xbd.\n\x1b\xb3\xd7\xafW*\x00\xcb2\xa3bdd{f\xfb\xc6\x1aj{\xbb\x08s\xd7\x97\x03I\x88\x05*y\xa77\xf9-\xabXK\x04K\x8f\x8a"\xf5\x0b\xc0b.%\xadT*\x95\x1c\xa6\xfe\x02\x02W,\xae\xa7\x97!a\x11T\xc9\x90\xd6T\xc5\xb2\xdfbu\x9c.\xad\x13\xb5\xf4cc:\x7f\xb4\xb0\x80\xaa&lt;"O\xf7\xa0n\xael\xae&lt;Z\xa9,\x80\x15\x1a./\x93\x9bJ%\x9f\xc9DQFy\xc3@\xcbkV\xd5z\x9e\xfe\x19+I\xb8*\x95\x95\x9b\x1dG\x8f\x1e\xedz\xfb\xf4\x11\xbe@\xbf\na\xcbFK&gt;\x9f\xd6\x08,\x05\xc1jeS\xad\xe7\xc5\x9eBaL\x8fpaHD\x0b9(\xc4&lt;\n\xd5\xd5\xc5&lt;\x18\xc5&lt;\x1b\x05,\x88\x96\xcb&amp;}\xda\x98\x8f\xd2h(\x85u\xa0\xe5\x85\x88\xbd\xd5\x07\xe7\xb1\xe5*\x96N\x8f1a\xb7\x13\xae\xffau1h\x90\x0b\x82\xadl\xe6\nQ\xecT\xb5\x06\x87\xdb-\x93\x03\xeb\xcd96O\xd5\xdf\x04z\nd@ \xf4\xe4\x8b\xbd0\xb4\xc9\xb8\xd8\xd5u\xf6,#\x18\x18\x11\xb3\x05{4\x1a\xd2\x1a\x0c\x14M\xd3n\x19L\x1c{\x93a\x13\xeb^ W\xb0\xdb\xf5~x\x08\'\xc7 \x17\xa3\x17\x83u\xb6JF\xa0\x92\xa1PLkhs8\xdc4\xad&amp;X\xfa\r\x96\xb1\nv\xe0\xe8t\xfe\xb0\x9f\xc1*\xe4\xa0\xd7\xa9k\x1d\x9f\x91\\}\xd6q\xed\xd4f.Z\x8a\xc5b&gt;\x8b\xa1\xa9\xcdA;.\xe0 \xabh\x08\xeaX\xfd\xa7\x11\xde\xcbl\xc1\xae\xd7\x8da\x13\xe1\x0f3&amp;\x12\xae\xa1\\O\xcf\xd0\x1f\x86\x86\x86\xda\xc9-\xcb\x92\xcfbA\x0b"V\x0e\x87\xcbE\xabi\x82\xe5\xdfz\xde\xcaV/\xb6f^\xfd\x00\x0f1\x1e\x08\x17\x130`\xc1\xc8h\xc8\xe7\x8b\xf9\xb4&gt;-B\xee\xf3\x01K\x1b\x1c\x08R\xe3\xe3\x8e\xba:\x97Z*\xa3\xe4\xd6\xd0\xda\xbdL\xe6\x1c+z\xd5d^}\xf5(\x87d1\x03\xe2b\x18d\xa4\x19\xed\x90\xc8i\xd1h4n\r\xe5\xe8mk\xd2V\xb1\xb4\x94\x83\xa6Uu.\xb7LF\xc5\x83\xc0\xaa\xcd\xa72&lt;6\xb4\xca?\xfbwG\xce\xae\x87R\xa1\x10\xb6\x9c\xc1\xa0W\xc7L\t{4\xe9\xd3\\P\xb9.\x8c\xcf\xf6\xf5\xf5\x1a\x18*\xabQF_p\xa9T\xb4\x9b\xa2\xe4\xf1`l\xe6\x0e\x97\'L\xe59\xef\xfd\x02W\xc6f\xfb\xea\x9f7s\x05\x1d\xa8\x80d\xc2\xfc\x8e{\xc9\xf2Hn\x13\x87\xb4\x1aU]]\xe3\x91?\xf55\x01+n\rv\xca\xd4.r\'\xc1\x81qj\x8ck}\xc9\x17\xb5"\x1e?\x95z\xcfOP\xf22\xa9\xc8\xe8\x7f:Vr\x05H\x15\x8b\x9b,&amp;#~`\xf0"3\xed\x89\x8fZ\xf7_\x0e%\x1a\xfb!\x96\xd6d25\xc8\xd4\xb4\xcb%Q\xb9h\x8d\x8c\xa2Lq_\xe9M\x84\'\xda\xc7\x99^\xca\x8b\xde\xdb\xff\xbe\xf2\xceM\x97S\x91\xc8\xab\xbfv`z\x87b1\xad\xd6b4\x9a(\x84f \xac\xb7\xeb\xfc\xc0\xb2\x87(\xd5\xa1D\xa2\xbf\xc9\x80!J\x19)\xa9L\xaa\xa6A\xe6rP\x90\xcb\xa2\xf5l\x8d\xee\x13\xf1x&lt;A\xea=%\xac\x863].\x8f\xda\xccf\xdb\x9dG\xd7\x16\x18,\xd2\xfe\xf8\xd1\x94BN\xe2\x85\xe8\x8f\xd9\xc7tq\xc9!\x1c\xa7\xdb\x08\x95\x86\xa2\xa4j`\xb9$\xb4k\xdc\xe1\xa0L\x16\xcb\xc8\xfa\xbd\xfd\\\x91H\xc4\xe3(S)~\xcd{Hz\xf9\xd5h$\xa24Gl\xcf\x1e\x9d\xaab\x05\xb5$Y\x1a\x99\xc2\x88\x1e\xf3\xeb\x08W\xcb\xd8E\xb9\xa4\xb1\x1fTF#\xec\x95\xb9\xd5j5-q\xf5\xf7\xf7;4\x04ko\xfd6\xc1\x82^\\q&gt;/zW*N\xaa|y\xd4\x8c\x8a\xd8l\xcf*+9\xcc(\x98h1a{\x07\x13\x91\xe6`\xd8\x1f\x0e\x9f\xd0\xb5\xb4\xb7\x9f\x08\x1a\x9a\x0c&amp;\xf2m\x8dC\x03\xb5\xe0\xa1\xaa\xae\x1f\xd3K\xc3`\xdd\xdb\xc7`\x898B\xee;\x8f\nQ\xea2x\xcc\x11s\x04\xbf\xdd\xa9lf\xb3Q\xb2\xdci\xe3&amp;\x93\\A\xc9\xa4\x98\x94\xde\xf0E\xaf7\xfc\xfbO&gt;\xff\xfc\x93p\xccJd\xc4fF#\x95\xd0\x12\x95\xaan\x96`A\xad\xbd\x89\xed{\x078\xc4D\x11W\xc8\x11\x97G\xdf\xa9#y\xa9\xd1Hm\xad\xb8V\xc9\xa8\xf5\xb7\xeb\x9bYd\x1bTZl\xd1\x15\x8a\xfazf&amp;\rx\xbdU\xae?_:\x13l\x90S2\x99\xc6\xfd\xf6\x99\xc5Y\x95\x0bX\x06\x13\xb8\xb6\xcao\xb1\xf8B.\xc7\x16I)y\xbf1`5\x072\xc4@\x81\x80\xcf\x17\x8a\xc5J\x9b\xed\xd52\xc1"\x1bt\xc6C\x12yy\x83\x15\xeb\xcc\x80w\xc0{&amp;|\xe9\xd2\x99\x01`\x81\x8a\x0cR@}X\xa7\xeaw9\x1c\x1a\x83\xc1\xb47\xf2\x9d\xed\x00\x97DK$\xe0s\xf86\xb18\x95\x9a\xfe-\xa3\x82\x93!\r\x88\x0e\x14\xf0\xb9\x1c\xae@(4\xdbF\xff\xb5\x90\r\xfc\x8c\xa5\xa0\xea\t\x17\xd4\xba\x1a\x1c@\x9d93`\xb56(\xeaeR\x8d\x94\xa4J%\xc1xp\xd1hD#\xc4\x1ay\xad\x14U\xb1\x84\\\x912\xc2\xe7\x08\xcd\x04\xac\xf5W\xf7_y4e\xae\x8d\xd8\x94\xf8t\xc0\x12\xf0\x85\xca\xc8\xdfq\xf6\x8aVM4\xc91\x9b\x80\xa5P\xc8\xad\xd6\xab\xe0\xb1\xe2\xd5\xd0\xa0\xc0\xb8rK\xa5j\xb2u@+\xd2\xe34\xc42Y\xb4{7^\xee\xe7VM\x14r!\x96H\xc4\xc1\x1b\xe6S\xd3\xbf\xe6\xc6g\xeb\xb9\xd4\xe5\xd1\x88Y\xac\x04\x8a\x92QK(\xe4\xf3\xf9\x82\xdb\xeb8\xce\x00\xcbd\x01\x96\xdc(\x93)H\xe1d\xd3\xd9)\'\x7f\xea\xec\x04\xd4\x05\x9a\xcc,R\x12\x89\x9aF\xe0\r\xc4\xc4\x8d\xa5}\xdc\xfd\xa4\x139\x02\x8e\xd2\xcc!X\\._\x98O\xe53\xbfP\xb2\xd6L\xaa\\\xb6\xd9l\x11\xa5R)6+\x85\xc0\xe2\x0bH\xf1\xcd?\x04\xb0\x19\xc6\xfe\x05!F+\x1a\x19*9)\xd2\x00\xa4\x07\xa4\xb4D\xe2\x86\x8fd\xc4\xa3\x13\xe9q$\xbe\r`\x07o\t\xf6s\xf7\xc3\xc3}|\xae\xd0, X\\pq\xf9b[*\xffK$\xab!\xf6E\xc4J3\xb8\xc4\xe0b\xb0\xb8U,\xfe\xed\xedh\x12X\xcc\xdc\x82^\x8a\xce\x069Q\xcb\xda \xaf\'\xd2\xd5\x1fW\xd3\xb0\x10Fb&lt;\xb8\xb0T\xa3\x0f\tW\x93ac\x89\xc7\xe1\x10,\x9e@@\xdeP\xc4A2\xb8x\xc1\x03\x8c\xfd\xfc\xb9\x03\xff\xff\xb9X\xdeR\xb9\x9cW\x9a\xc5\xb5\xf8\x1c\xb6H\xadRY\x0b\xfb\xf0\xa9\xf0n\x02\x01W\xf9\xbaHL\xb4X\xb0R\x13\x91\x80E\xd5\xcb;\xabQ?~\\\x8aR\x93\x97D\xa2\x92\x90\x05\xd15\xde\x8f\xc5\xa7\xc90\xf5\x92p\xec\'\x1e\xf2\t\x0c\xfeB\x82F\x8a\xd0\x89\xf3d\xa5\xfco\xddf\x10\xda6\x9e\x85q[\xb2\x85ei\x85*\xc5\nJ\x1d\xab\x1b\x95\xd0\x19:\x9e\xd9C\x19\xa3P\xe8a 9da\x03a\x0f=X\xf44\xe42\xb0\xd0\xc3\xa2af.\x819M\x0f\x86a/\xa1b\x0f%\x90\xe3\x06j|\x88S\x0c%\xbdl\xf6b\xd2P\xd7\xd0[\x98!0\x90\xcd\x92Sa\xbf\xef\xfd\xe5\xb6\xcc\xec\xfei\x9d\xc4m\xdd\x9f\xbe\xf7\xbd\xef=\x85\xf8\xffr\xfd\xa5\xba\x8d\xf2!\xa4\x9a\xf0%\xec\xde\x81X\x81a\xe25pQ\xc0\xb2\xf4\xbd7T\x8bX\x9f\xf0{\x1e\xe2\xa9UX\x1d`,]Cl\x05\xacE`\x11l\x0bq\xba\xb2\xf2\xd5O\x81\xabH\xaa\x81q\xa7E,wv\xe4yS\xfa\xd2\xd0\xffg1\xef \x12\x1e\xb6\x9bmx\x8aY\xc5x\x0f`\xd0\xdeYf\x13\xcb\xb6\xe1\xfeg\xff\xf8\xf3\x1f\xc1t\xeb\xd6\x97hE\xf6!\xc8V?\'\x17\xf4\x9a\x9f\x87`\xe2u\x1ch\xb5\xb8\xc5\xf3`\xe5\xc5^\xcb\xac\xa8F&lt;\x1b\xf7\xdb\xd0\x8c\xe6\x12*\x93d\xb5Z\xcd\xb5\xdb\xdb\xed\xf6\xf6\xd7\xbf\x1dJ\xadml/\x982\x18\x80\x1e\xfb\x0e\xeej\x1aFo2:\x9c\xf6h.\xcaU1^\xef\xe2\xa6\x86\xcd\x85\x91\xfc\xf1&lt;\xb1p&gt;\xfa\x08\xe5\\^\xe6{V\xae\xcf+2B\x91\xeb\xc7\x1f\x1f&lt;?\xa9J\xad\x00aM\xf2\xc3\x8b~\x13\x8a)\xf1\xaa5\xfa\xcd\xadUAg\x04^\xfb\xb7\x89\xf1\xf5\xc3\'\xdd\xa6@5\x03\xc8b\x18\xc8u\xbb{u\x10FN:0 \x1fQ\x11\x83\xa7\xbb\x9fqy\x91#\x11\xb1\xba*u\\\xe5\xa7\x9f\xe3\xc32%\x93,e\xd2\xaf\xaf\xdf\x7f]\xa9\x9aB\xa1\xd7z\x07I\x9a\x02\xac\xe3\xb6HR\xfd\xe0\xe0\xcb\x8a\xed\xfd*\xca\xf4\xed\'Y`\x05\x06\xea\xce\xbe\xe5\xf1\xba\xed\xb3\xa3\xa1\x1f;Qt\xd41\x84\x14G\xf7\xf6\xc1u\xed\x0f\x02\x85\xb3\x8c``p\xad\x92\x0fL\x08\t\x8a\xb5\x88@\xbd\xb7\xb4\xb1q\xfb\xf6\xfdS\xbbZ8\xcb\xad\x8e\xf34\t\xc3p8\x1d\x9fu\xa5\x883\xa6\xaa|Q\xc1\xfcE\x94)\xb0\xdf\xdd\xa9~\xbb\xf7$C\xc5lbI\xd7\xda\x1c\x83\xc7\x07~\xe4\xfb\x91\xa3\xe5\x03\xe9G\xf2bt\xec\xef\x8a\\\xf3\xfcE.\xdc6\xaf2\xb7\xe4mG\x08\x8996"\x7f\xd4\x1aP\xeb\xf7\xf7\xbfm\xb9&amp;\xdb\xd0u[\x9di\x92\xf8Q\xec\xfb~:\x9a\x0e:R;W\x8aYU\x90z\xe0\xd9\x04C\xa2ooo?\xe4\xfe\xd9\xb4\x8dw\x87\x06\x0f\xfa\xa3\x08\'\x06V4\xed\xe8\x82\xc5c&gt;\x02\x17\x96\xd3\xf9\xe24\xe6!\x18&lt;\x05k\xad\xae\xee\xecl6\xe6\xbe{&lt;\xc74]\xba\r\xad~z\xd4\x12\xad\x90\x0enu\x90\xfb\xb1\xe6\xc4~\x98\x84\xbe\x9f\x9fO\xce&lt;\xf7\x83\xa3\x03\xcf\xb4\xd1\xfb\xc1v\t\x91\x91e\xbd^\x96!\xd4\x03A\xb2\x03d\x95\xae7\x07#\xc7\x89\x1d\r5\x8c\x9c\xe1@\x02G\x85\xa0\xe9\x9d\xeeb\t\xbd\xf6E\x03Z1\x16n\xcc\xb3vx\xd8\xd9\x81Z\x8d\xb9\xc7\x8f\xb9m-m@+R\x99\xa6\xd8\xdb\xbd\x93\x9d\xfb\x11\xa8\x80\xe4\x87\xa1\x1f\xfb\xc9\xe1E\xc6\xecW\xaa\x89\xff0\x9c \x98Q\xda\xc6\x96\xd0\xc9@\x85\xa2q\xd2\xa0\x1f\xd0o\xcd\xac?\xc9\x1d\xc7\xd14\xbcL\x1c;\xcee&amp;!h\xaa\xc7\xe0\xf4_\x9f`\xd9\xa3\xb5\x1a\x9c\xc87\x1a\x9b\x9b\xa0\xda\xdc\xdc\x14\xbb\xf3N\x0c\xbe\xfat\xeb\x87\xfdG\xb0\xb6i*\x13\x19\xe3!aB)c\x1c&amp;Ixp\xd5\xc5\x7ff\x98n\x8dd&amp;SD\x87\xf1\x03\xaf\x94\xf5\xb2N\x97\xdd\x174\xbb2\x07m\xbbs6\xb88\xc8C\xad\x1ci\xe5rY\x8b\xfc0v\xc2\x8b.yL]\x1d\xfb\xd9\x9b\x9bX\xd9%\xd2a\xf0\x85Fcy\x87#\xb1\xd1\xc0|\xc6\x12?7\xb7\xf4\xe9\xc6\xca\x0f\xaf\xed\x96\xca&amp;\xf1u\x7f\x84\xea\xd1\\Q\x1cG\x91\x9f\x0c\xa7gL"\xa8c[X\xa8\xf1\xea&amp;/\x1bab\x95@\xd5\xf6\x10I(\x1d\xf7P\xbb\x92\x8d\xcf\xf3\x10\xb5\xd3x\xca\xf5z\x19^@-\x93I\xd3|\x8f\xa5\x9b/\xff\xfd\xd7/\x7f\xff\x85\xdc\xe0,,.\xccS\xaf\x06\xdc\x0eH\xce\xe9\x1b\x0bK\x8b\xb7\xde&lt;\xd3[\xef\xbb\xad\xd5\xbb\x84\x1d \x91\x1f\x89\x835\xcd\x00\x00\x04\xd1IDAT\x03\x0b\x0f\xf9$\xa3m0\xe0&lt;\x0f\xb1\xad2\x88\x8aa\xd5(!\xc9if\xbd\xd2\xee\xf5\x07\x83~\xff\xea2*;R&gt;\xfc.S-\x01t\x9c\xe1/\xed\xe2\x82\xc4bfw\x7f\xf7\xe6\xc7\xf3\xe4\xba\xb7\xb1q\x8f"Q\xa6\x05))\xd6\xc0o\xbez\xb5\xa7\xfaK%@+\x9b&amp;\xb8:\x98\n\xb6\xe2\xe3\xe1\xb8\xcb=\xc0\xe6\x9e\xe2I\xb7aS\x81l\xa6\x89\x14*\xd9\x8c\xa3\x8a\x91\x8d\xa7\x07\xf9p\x98\xe7\xa9\xb6V\xd7(\x16\xa8 \x95\x82\xa3fNz\x91\xb1\x8c\x85`x\x8d\x93W\xbb7\xaf\xa3\x13\xefn-\xf1\xad\x06R;\xfc^`UW\x9e\xbfF0\xbc\xab\x9f[\xcd\xa6i\x18\xc6\x1a-AW\xa5\xe7\xc7m\x94\x07\xe9\xe8\x05l16\x9a%\xc9\xd8~\xd26\xac\x92\x8b\xe5\xc0\x08\x8e/SF\x81\x06\'ikku\x1c|R\'\x8d@\xe1@\xc0\xf0\xbcW{\xcf\xa5\x9b\xb5\xe6\xb3W\xbb\x9f]\xbf\x06q\xb6\xb0\xbb\xf3}!2\x0c\x17\xee\xde\xba\xbf\xbf\xe7\xb2\x05\xddYZ"\xb1\xd0\x7f\xc8@\x9c8I\xf2I\xcf\xe3\x88\x85&lt;\x06g\xadl\x02\x15\xbc\xb2Q\xc9\x8e&amp;=\xbbd\xe2\xe9\xced\x18E\x94\xd6\x07E}\xad\x0e\xb0r\xe4\xd4\xf1\x99\xb8\xabN\xb54F\xd8y\xaf\xf0\x17CW*\x7f\xb2\xff\xfcO+w\xefn\xdd\xfb\xee\x9fK\xf2v\x95\xc6\x8do\x1e&lt;?}i\xb5\xdc\xa2\xff8\xf6Z\xd9\x05\x9bP\\\n\xacpt\xd5\x91}\x17\x1aY\x8cH\x83xH\x1e,Pvv9\xbc\xbc*!\xb6\xdb\xe3t\xcdqp!\xbe\xef\xc0K\x9aXJi\xa4\xa8\xe4\t\'Bs_\xf6aJ]\xc0*\xca\xa1\xf6\xd3\x93\xb7\xffy\xf1\xf7\xef\xd7\xd7\xff&amp;\xe7\xfb\x17\xfb\'O\x8dV\xd5\x94XPj\xd5z\xd3\x14\x1d\x18\xc6\x12\xf0&gt;\x0bh\x89Bv\xc0\xd8F\r\xb9\x953}\xf0\xb1\x83\xbf\x9b\x97\x8cn\x7f|\xe8\x94\xc9\xa2I\xe3"\xa5T\x07\x12K\x00\xb5\x19\x16\x04\x1d\x1d[3s\xa9!i\xd6L#x\xfa\xf2\xe4\xe7\x9f\xdf\xbe\xe5\xcf\xe0\xbd|d\xa81L\xac\x9a*\xe1\xd9y\xc2\\\x0f9xB?\xbf\xe8Ir\xa3\xef\xd1\xf9\xdcK\xac\n\xefa\x04\xcb2\x9a\x17\xc34-\xf5.\x86\xbe\xb4\x9cF\x9b\xa3oU\x03\xd6\xd5\x11\xf14!\xc3\x1f\xb2\xb7G\xc7\x86[\xc4}\xa5\x98T2\xdde\xbe\x80\xa3U-\xd6\x85B*\xb7\xda:;O9lx\x10\xa6\xa31\xb6K\xae\x97\xc4bd\xd9DB\xf7\xc9\xa5\xe2\xebq\x1e&amp;\xa5\x83hmm\x96\x03\xd4\xcb\x11\xa5T\x15\xd7\xc4T\x8a\x99=\x14cp\xfb\x87W^\xd1\x8a3.\xb5\xe7s\x96+\x1d\xf9_0\xb7\xc9\x04\xc8\xfe%.\x7f\xc6\x85\x022\xbc)\x94!%\x04\x96-j\x89\xe1\xad \xd0\xfb#`\xd1\xe3\xca&lt;"\t\x9bQ\xbeRE\xa4\\\xe5\xe2\x0f#\xf4\x91\x0f\x8b\xe4\xbft\xd5l|\x87e\xab\xc3\xa0\x91\xdb\x19n|\xa0\x12\xb2\xe0j\x94\xa6CX+a+\x0e/z\\~\xb1hr\xf2Y\x01\xafH\x1coW\xe8\xd8\x8a\x15\xd8n\xef\x00X\x11\x82\xa0\x08\x03\x12\xb0\x84\x8eS~_Fm\xa6\x16L\'##\xe4k\xcbk(,5!\xc4\xb9"[E\xf6P~\x8f\rX\xad\xce\xe4P\x90B\xac\x7fI\x9cO:\x1e\xb1$B=\x1b\x14\xb2\xc6\xc9]\xbb\xc1;4.N\x1d8\xb1\x84\xb0\xaaGQ!\xcd\x07\\\xc4\x94\x12jj`\xa3Ua\x8d\x88eL\x86\x97\xc7M\xb3\xa2\xf6/\\2\x84\x92\xf1\x85&amp;\x97{\xdd\x8a\xf8\x8a\xfb\x95uv\x94\xa7C.~\xa4J`+\x9b\xb7\n@\xf2PG\xb9\x81E\x05\x8d\xc0\xc6\x94\x15\xe5PI\xc3\x9b\x0c\xfd\x92\xa6Q\x11\x15N$\x81\xc9\xcaeg\x96\x11\x05(\xb6\x1b\xae\x12\xe0\xc2\xf1\xd3\xc4?\x9cdR\xc4\x19W\x10\xc8\xb2\xaf\xb0\x8a\x9b\x87\xaa\x99\x8d\x0f`+Q\x0b\x1f\xc2\x83A7\xb0\x0b$I\x05z\x01\xae\xf4p\xef\xc0\xd7\x82f\x06\xda\xda\x80\xb9\x04\xabL\x7f\xcd\xbc\x84\x00S\x1d@&amp;q\xbf6\x9b\x91l\xc5\x18\x1b\tMr~\xdc\xc1k\xc8~\x0f.\x0b\xc3\xd6\xe2\x0cQX\x18\x99U\xb3s&lt;\xcd\x05\t\x7f\x9f\x9b\xc3h\xd0mZj\x1f\xc0\xf2\xc4\xbe\x90\x90\xd7-\xc8\x87b\xe2_\xf19\xcb\xd61\x11`\xf95\x15\x9aE\x19Y\xad"!T\xf9\xa4\x80\xf2\xe0\xd0\xf4\x8e\n\xb7$\xcd\x8f\x06=\xb9C\xb2\x98\xd5\xdcN\x80\xa5\xac\x052+\x1b\x00\nT\xac_\x18\xe3\xf1\x12-\x08,\xaa\x05y\xc5F\x16\xee\x93\rz\xd4\xf6\x02\x89\t\x92\xe1\xd9qZ\x92F\xd4\xc4H\x0c\xaeH\x19\xa9h\x81b\x11\xe4\x03\xa7Y\xc4\xd1\xc1E\x1a\xce\xc7\xe0\xc5\xd6{\xdc\xeb\xf2\xeaa_O\xa5\x10\x87\x89\x85\x8dm&lt;=d\x03\x86\xe2\xab\x84\xc1\xd0\x87\xa5,\x0b\x05\xe4=qE\xa7\x1d\x03\xa4\x17\xb3\x14\xc9\x80\xf5\xa6m\x99\xaei\xb0\x19\x07\xc3\xff\x02\x0e\xe9\xcb\xdahF\xf0\x98\x00\x00\x00\x00IEND\xaeB`\x82'</t>
        </is>
      </c>
      <c r="M232" s="3" t="n">
        <v>45492.67695601852</v>
      </c>
    </row>
    <row r="233">
      <c r="A233" t="n">
        <v>840398</v>
      </c>
      <c r="B233" t="n">
        <v>1958</v>
      </c>
      <c r="C233" t="inlineStr">
        <is>
          <t>Tchê Tchê</t>
        </is>
      </c>
      <c r="D233" t="inlineStr">
        <is>
          <t>Tchê Tchê</t>
        </is>
      </c>
      <c r="E233" t="inlineStr">
        <is>
          <t>VOL</t>
        </is>
      </c>
      <c r="F233" t="inlineStr">
        <is>
          <t>VOL</t>
        </is>
      </c>
      <c r="G233" t="inlineStr">
        <is>
          <t>VOL/MC</t>
        </is>
      </c>
      <c r="H233" t="n">
        <v>175</v>
      </c>
      <c r="I233" t="n">
        <v>6</v>
      </c>
      <c r="J233" s="2" t="n">
        <v>33845</v>
      </c>
      <c r="K233" t="inlineStr">
        <is>
          <t>Right</t>
        </is>
      </c>
      <c r="L23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368e772-9f7e-438c-8a37-ae6f44e3ba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\xfbx\x87\x00\x00\x03\x00PLTE\xff\xff\xff431\xff\xfb\xf6220\xfe\xfc\xf7\xfc\xfb\xf6\xfd\xf9\xf3\xfd\xfa\xf5\xfe\xfe\xfe\xf8\xf4\xee\xfe\xfc\xf5\xfd\xfc\xf9653\xfc\xf7\xf1\xfa\xf5\xf010/875\xfb\xf9\xf4\xfc\xf8\xf3;:9\xf3\xee\xe7\xfa\xf3\xec\xf7\xf2\xec?=&lt;\x93Y80/-B@&gt;\x9a[9\xf4\xf0\xeb\xfe\xfd\xf9\xfc\xf6\xef\x88R1\xf2\xec\xe5\xfd\xfc\xfb\xe1\x95dEB@\xf5\xef\xe8\xf9\xf9\xf8\xef\xeb\xe5\xf8\xf6\xf3\xbbnA\xcd\x80Q\xc4{T\xe3\x97g\xabe?\xdc\x93d\xe5\x9do\xdc\x8f_\xc8\x7fU\xd0\x88\\\x1e\x1d\x1b\xc7{N\xf7\xf1\xea\xb0h@$\x1d\x19\xc6yJ\xea\xa3v\x9e]9\xb7nD\xe1\x99m\x83O1\xe5\x9aj\xfa\xf4\xee\xcc\x84[\xc3vH*(%\xe9\xe3\xdb\xa6c?\xd3\x86V#!\x1f\xd5\x89[\xa0`&lt;\xd4\x8c`\xdb\x94i~N4\x1a\x19\x17\xe8\x9fq\x8cR1\xeb\xa7{\xc0wO\xa5`&lt;HFD\xb2d;&amp;%#\xbfuI\xcc\x82V\xdf\x92a\xabjG\xde\x96j\xbawRsN&lt;\xd1\x83S\xed\xe8\xe3\xf0\xaf\x87\xe5\xe0\xd7\xd8\x8c]\xdf\xdd\xd7\xc9}N\xbezW\xf5\xb7\x93.+)\xd8\x90d\x94V3\xee\xe7\xe0\xab`9\x98X5/&amp; \xb1mI\xb7j?\xe3\xe1\xde\xb3kB\xf3\xb3\x8d\xe7\xa1utH2\x8bT5\xc4yN\x93Q/LIG\x8fU4yI0;3/&lt;75\x84T8\xe9\xe5\xe0\xef\xed\xea\xbdqE\xaftV\xee\xab\x80\xbbuM\xdb\xd9\xd0\x8agT\xa4gG@:8,!\x1b\xe1\x9du\xf6\xba\x9a\xb6pI\xbarI\xd3\x8df\x8dM+\xcf\x89b\xd8\x87VoG4\x88J+\x1f\x1a\x16\xd5\x94qYWU\xfe\xfe\xfb\xb6wV\xb5rO\x84YA\x81bRV;,urp\x81\x80}\x9dV2ROM\xc9\x8aixM79+#\x8cY=]8&amp;h:%\x8a_H\x89\x87\x85\xd4\xd2\xd0\xdc\x8bZ\xba\xb8\xb6khf\x96\\=\x9b`?\xd5\x90j\xf5\xf3\xf0\xa3\xa1\x9f\xd5\x7fM\x80K/\xa6\\6\xff\xfc\xf79&amp;\x1c~]K\xc0\x80_\xc0sE\xda\xd8\xd6yXFQ1!\xc2\xc0\xbd\x93\x90\x8c\xcd}Mq@*\x80E)\xdc\x97qbC2a_]sTC}S&lt;F4*G/#\xa7mO{yw\xc8\x83_xB\'\xb9\x7fa\xce\x90q\xce\xcb\xc9\xf1\xf1\xf0kB.\xb3\xb1\xae\xe8\xe7\xe6\xc8\xc6\xc4\xf7\xf0\xe8\xb1y]\xa3qW\xa8za\xe9\xa9\x84\x98dI\xb9jQUB6K&lt;2\x9bt_\x98\x95\x92\x9d\x9b\x98\xe3\xa1~hL=\xeb\x97\x88\xac\xab\xa9_J?\xdd\x9ez\xf1\xa8\x96\x8bre\xbe\x8bpE(\x1a\x95lV\xcd\x99}\xf6\xc4\xa8\xff\xff\xfehVM\xe2\xca\xbc\xfa\xe4\xd0\xfb\xeb\xda\xed\xb2\x92\xdf\x86u\xe7\x8a}\x98\x7fs\xd1\xa8\x94\xf4\xcd\xb7\xcf{a\xd7~j\xf4\xd9\xc4\xd2\xc3\xbc\xe4\xbb\xa8\xff\xfd\xf8\xac\x86q\xc1\xaa\xa0\xc5\xb5\xab\xbb\x99\x89\xb4\xa0\x95VL4T\x00\x00 \x00IDATx\xda\xcc\xd9\xed/\x9b\xff\x1e\x07\xf0\xf5\xd9\xf5@r${0\x9d\x93\x88\x8ah\xab\xa8JoTe\xbdR\xc5\xea\xa6\xd5\xdb\xa9\x88\xb0N\xaa\xacn\xeanr\x8a\xe8\x18\xfaS&amp;\x0c?7\xd5b\xad-Fj\xb4\xe6\xfenl3\x96\x99\x85m\x041\xdb\xc9\x1e\xfc\x92==\'9\xe7su\xfb\x9d\x7f\xe0\xe4\xb2\xdf\'M\xd5#\xaf|&gt;\xef\xeb\xf3\xbd.\xbdt\xe9\xff,\xe4\xcf\n\x0e\xf4\xfe\xb8\xf4W\xa8\x9f\xa2\xe0\x90\xe9i\x87cd\x0b\xf9\x8b\xc8\x90\xc0\x1d\xc7\xf1\xf6\xf1\xd8G\xa7\xb3\xbdoix{\xe66\xd6\xb4_\x8d\n\xbe=r\xbc\xe4t\x96\x05\x95]\xf5\xf1\xf1\r*\xeb[r\x8e\x8d\xec\x04\xffZW\xf0\xce\x9ba\xe7R{{\xd0U_\x02\x11\x95\xc94\xbe\xbeee\xed=\xcf\x1d;[\xc8/\x0bU\xf0\xce\xcc\xef\xediW\xca|\x082!\xaa\x911\x18I\x0c\x99\xe6NYZZZ\xdf\xf3O\xd3\x81\xc8\xafIz\x88cx\xe92*#\xcad&gt;2T\xc6H\x82b0\x84(\xe1\xce\xd5\xbbA\x84+\xcfg\xfe\x81\\B.^\xb5\xe5p\xa6\xfdM\xc8\xd0\x08\x19\xd0)\x14\xc5TIBF\x92P\x86j\x88\x97\t\xbei\xed\xc3\xaf\x82/8\xfbH\xe0\xd6\xc8\xc7\xa5\xcb\x04\x19\xd6 \x86\x90\xd5\x86\r\x90\x81\xfd\x92$\x14&amp;1\x84B\x19\xd1\xd77m\xe9x\xeb"]\x08,\x85\xe3\xdf\xfb\xee\xfaj\x00\x83u\xa8\xad\xed\x07)\xe9\xcf\xf7$\x96\x10E\x89\x84\xb4\xb1\x9d\x0bL\x18\x82\xdc~\xd6\xd7\x1eD\x80\x11\x02\t\xdeXmm?t,!\xf6\xb1\xcd\x0b\x83\x9e\xa1W\x86\xa7/lW\x80j8\xe8N\xd0\x15H\x156A\x06\xab\xbe\xde\xe5rY]\xae\xf35O\xb7gm\xcdU\xcfb\xfd\xec\x9c\xec\xca\xf3\x0b\xbb"\x91\xadgi\x842PA\xc9P\x9du\xcd67&gt;\xbeY\xc1K1\xb7\x96\xe6\x9a[[7\xed6\xcf\xf9y=\xd67\x96\xe6r\xcf\xc8\xc5\xb8\x90\xad\xe3&gt;\x1f\x8d\x8f\xae^&amp;C\xad\x1e\xfbfJ\xef\x84\xb4@*\xd5\xeb\x99\xda\x89\txM\xf4\xf6\x96\x9a\xe7+\xec\x9es\x17\x0b\xba\xa9\xe9\x99\xbe\x88\xdc#[c\x10+\x8dL(\xd4Ym\xe3\xfe\x12\x1aS_@&amp;\x17\x90\x0b\x98z\xa6T\xaa\x05X/Tn9OTl\xf7\xd4\xb7%1|\x9e\xef\xe0\xefB\x82\x1dew}`t\xd6\xb5\xd7)\x12&amp;\xd7H\xd63\x81\x050)|(\x90j\x7f\xb0zS\x02\x02\xaa\xaa\x06l.V\x12\xe3\xf2\x18\xee\xfb\x0b\t\x9cv\xfa\xa2h\xfd\xb9\xddn\x9e\x00\x06\x97L\xe6r\x9b\x8cSPF#\xa6\xc3\x1a\x16\r\xb2\\p\xf1D+\x965\xb8"\xdb\xf1\x1e\xa3\xf7"\xd4\xc8\xea=\xe3y\xd1R\x98\x1a\xcc\xcf\xd8T+6\xb0\xb3)l\xb0\xf1\xf9S\xd05,`\x10\xaf\x14\xde\xb8heE\xbd\xda\xc6 ~\xc4\xf7\xe0\x86\xd3\xf9S\x1f\x01\xad\xf7\x0cJ&amp;\xb4\xd2\x02n\x01\xa8\xe4b\x03\x9d\x02\xc5\xe6\xb3\xf9\xfc(6\x9f,\xa5a\x83\xcc-5\x07\x8c\x8b\x06\x06&amp;\x8ftm\xc2\xa0\xed\x10|G\xf8\xa6\xbdR&amp;;\x7f\xb0\x0e\x7f\x1a\\dP\x19\xa8tEd||\\\x06%;{\x962\x0b.\x08\x98\xf7j\x0c\xe0A\xec\x97\xbb\xf6\xebYh\xfb\x08\x82g\xb3v~\xf7\xd1\t\xad\x15&amp;\x15\xa6\x92B\xb3\xf8l\xfa\xb5\xc8\xc4\xc4\xb0\xb0\x88\x88\x96\xb8\xb8\x96\x16\xd0\xb1\xbd\xf9\xea\xcd+M\x81v\x15\xab\xbb\xdc\xabp\x129p\\\xf6H\xe0L\x1f\x91Uo3\xd1\xc0\xa4e\x02k**#\x0eT\xb7n\x84\x85)\x95\xca\x88\x87\x0f[2(QS\xc6\x02\xa6\xb67\x0fB\xcf\x13\r\xa8\xdd]\':\x06\xe3S\x08\x8e\xcd\xdazF@\x85k%*\x15M\x8a\x15\xd9\xc8Wd(\x9a\xaf_\xbf\x1es#\x8cD"ED`\xacl\xf6\x94\x91\xcb\x94\xf8\xe7\x96\x03\x0b\xda5\xe9&gt;`\t\x9d;\x08\x8e3\xecAuhw\x02\xb0\xb4\x18\x0bfH\x8fL\\8lh(\x8a\x89\t\r\rUfac\x84v\xc9\x9b\x98\x82\x04\xff\xf2\x12\x1e6E\xf7\xe4\x89Nx\x19\xbfp!\x81\xaf\xfaP\x1d\xd1"\xf8\xa9\xc2X\x8a\xc8\xe6\xd3\xc3\xd3"Nxxx,I\x19\x96\x05\xed\x9ae\xcb\x9b\x1a\xf3U\t\xfe\xb9%\x01\xe3\x15\xc5\x16\xb5\xfb\xa8\x92E\x1c\x0b\xc4\x8d\x152\xa6Au\xab+&amp;\x81\xf6\x7f,z\xf3\xe3\xd3\xc3\xc3C\x0e\'96\x14\xc6HR\xc6\xc1\x10\xe5\\&amp;M\x90\x90\x97\xebW\xce\xc3X\xcb\xcb\x07:MO0~\xa7\xe10\xaa\xb1v\x0f&gt;J\x10`&amp;x\x19\r\xf4\xc8\xdf\x1e\x9f\x9e\x1er\x8a\x92\xb1!*I\xa4\xf8\x8cl\xbeQ\xcf\x94D\xfb\x95\x97\xfb\xf9\x95\xfcpu[u\xed;\xb8\xb1n;Q\xd4j\x19M\x80\xe3YZ\xd0\xc4\x05\x16?\x8a~-q\x01\xb2\x15\x1e\x0b\xa5\x8cP*\xb32(|8&amp;\x05\xfe\xe5)%%%)\x01^\xd6\xfe\xaa\xee\xea\x08n\x89\x1f\xe9C5\x07\xeaQ\x93\x80\xc6,\x90\x8bk\xf5\\\xe3\x94\xdc\xa0\x00\x16\x96\xacPR,\t[_q\x19l\xa3\x9e&amp;\xf1\x87\xb5\x15\x10\x00\xab\x0bX\xea\xc5U\xeb]\x07~\x89\xbf\xaa\xb1.\x0e\x0c\x9a\xa0[d1U\xdc\x04g\xb3QLO\x8c)JN\xe6$\x03+\x16l\xcaxh\x17\xec\x87\xe8\\3\xb0J\xa0[\xe0:\xda\xaf\xbc3\x86\xd3q\r\'\x0fA\xb3j\x01\x96\x80\xa6o2P\xc1%\x97\xcb\xa3\xe2o$sR9E\x9cdo\x85\x87*\xe3\xe3\x14Qr,]\xb9)%\x01\x01\xa2b\x0b\xb4\xeb\xe4\x00G\x96CC\xec\x1eX\x194\xd1h\xd2&amp;*\x95j0DE)\xb2B9\xa95\x99\xa9\x9c\x9a\xd4T\x0e\xe08\x00\x0b\xcbR(\x0c\xe2&amp;\xa6$\xaf\x84\xc7\xab\xc2X\xcbG\x07w\xb7\xf1b\x05;\x88\x95\xddj\x8c\xa5\xa5q\rb\x03UA\x89\x0f\x8b\xc1T\x85\x995\x99P5\xdeJm\xb8q+\xf1\x1a\x9d\xda\xa8\x17\xf8UU\x89*\xbc\xac\xfd\xb2\x19\xdc\xfe\x0f\xb2\xadY]\x14\r\xbe\x87n1\x9b\xc4T\xea\xb5\xc8\xac\xd0\xf0\xd4\xcc\xc2\x9bP\xd8[\xa1\xb723\xf7\x1a\x16\x1e\xf7?\xedX7\x99F\x07\xabD\x03\xd8Bu\x9f\xf4\xbd\xc1\x8fE&lt;\xb0T\xbd\x87h\xd1\xf4\x06:\x9d\xbe\xf1\xb8\xe1\xfe\xcb\xaf\xa7\x87{\x99\x7f\x00\xeb\x1e\x94\x17\xb8w\xd8\xff\xf4\xed\xee\x90\xdb\xfd\xe0\x81h@T\x05\xe1ROv\x1d\x9d\xe0\xd5-\x18\xa2f\x7f\xf9\xfd:4Ko\xccVP\xd3\xfbO?\xbf\xfb\xf0\xe1\xc3\xee\xdb\xfe\xd3\xbdL`\xfd\x13\x83\x15\xee\x9d&gt;\xceY\x1fR/.\x1e\xa9\xd5\x16K1\xdc\x9f\xaa\xd5\x93u\xcb\'\xf8-\x08`\xb9\xdf\xaf\xabT\xf9\x8dbj\xa7\xaa\xe3\xeb\xe7/uCu_\xd6\xd7s\xee7\xa4b\xae\x9b733S\x17\x9a\xe9\xe9*\x08\xd5\x8a\xdaR\xfcz\xf1\xb5\xa5X\xbd\x0c\xac\xaeo\xf8\xb1f*\x8f\x86\xd6\xab;\xc1\x95\xd39\xfa\xa8\xff\xeb\xbb\x7f}\xfe\xfc\xf9\xe9\xc6o\xb7`\x9f\xd6`\xac\x9a\xa2\xa2\x98H:\xb5\xb6Q\xcf\xcco\xec\xec\xa8\x1e\x15\xbd\xb6\xd9,\xeee7\xb0\xb6\xf1\xdb[\xfb\xea\xa1\xdd\xea|\x95\xaa\xb6\xf3\xd1h~\xff\xcb\xc3?\n\xf7\x1a\x9a\xe3\x1f*Cc\x8aR\x0b\xef\xdd+\xe4\x90\xc2\x12\rF2W_\x00w\x88|q\xa7\xc0\xbf\xd5n\xb3-\xbb\xdd_\xce\xbe\x1d\xe3\xc7:q\xd7\xedv\xe4\xe7w\xe6\xa8\xf2Tb\xfa\xfd\xbd\xbd\x85\xc4(9\x9fMi!%\x17\xd5\xc0EXt+\x92\xca\xc5\x9e\xae\xb5\\\xb9\x81\xcb\xd5\x0b\xa2K\xe7\xed\xb6\xa3\xc9\xc9\xb3\xb3%\x07n\xacW\xdf&amp;\xbfTwt6\xe6\xa4\xd3\x98F\xfe\x14e\xe1\xfeF-\xf4\x85I\xe6\xc7\x85\xc6\x86\xc3\xeaJ\x8e7\xe4K\xa2\xfd{\xb59\xfd\x91r}c\xbe\xc0\xdf&lt;?7W&lt;9Yw\xe6\xc4-[\xc8\xc8\xb7\xae\x0fo;\xd2k\xc5p\xec\xf0\xc9dj\xff\xcb\x1c\xa6V+\x91\xd0\xb8Q\xf1\x11\xa4pN\xea\r\n7\xa1\xb4\xd4\xdc\xdb\xf9\xf2\xe5F\x14v^\x97\x8fWT\xcc\xf3\x860\x16n\xeb\x14\x99\xee\xeaz\xf7\xa2#]\x1cE\xcf\x86\xe7.&amp;\xb3\xf3i\xb5 a\xd4/O\xd2xM\x11\xf7P\x19\x1b\x9e\xc5\xd7\x96\xb6\xb6\x9aM\x1b\xfd\xfd\xfd/L\x83%\xbcM\xfb\xeb\xe2y\xde\x83\xae\xba\xef=#\xb8\xb1n\x9f\xd5\xbd{\x91\x93.\xc6\x1eV\x8d\xda\xde\\\x9e\xe5\xa8\xbb{n|\xbe4\xbf\x99&gt;\xdb\x02\xc9\x8f\xe0K\xcc\xf3\xf3fS\xf5\xfa\xee\xe4\xc9\xda\xda\xb9\xc7c\xb3\xcfU\x88V\xea\x80\x85\xdfm\xe0\xcew`\xbd\xe8\x10S2f\xc9Z\xf3\x9c}\xd1uPi\xed\xfa \x9a\x7f\xb4a\xe0\xcf&gt;i!E\xb0%\xad\xf3\x9b\xf3\x15\xf6\xa1\xff8\xd34\x95\xae\xees\x97\xc7\xbe\xb9YUw\xf6\xfd,\xc4\x9b\x03&lt;\xbe\xda\xf9\xfbG\x8c\x95c\xa0&lt;akK\xed\x9e\x8a\xf76\xcf\x9a\xe7\xcb\xee\xe8\xa3\x8e\r9\x99\xfd\xa4E\xf9\x90\xad5on\x8e\x8b\xc6M_\xdf-\xae\x9d\xdb\x1e\xd8\\\xe7\x9e\xb9M\xd1P\xdd\xd9\xb3`\\\xbe\x0cB\x02\x03\x91\x90\x7fC\xb6^\xa4\x1bfg\xd9\xd2\xde\xd6\x14A\xfa\x7fy5\xbf\x9f4\xd64\x8e\xef%\x9b\x93\xec\xd5\xb9 \xa1\x89+YO\xcb\x14a\xc8\x84(H\x83q\x08\x03D\x84\x9c\x80\x88\x94\xc3a\x1a8N8\xb5\n\x04\x12\xb7Z*\t\x02b\tY\xd0\x0b\xa3\xb1\x9a%\x11\x1bm"\x1e{\x16d\xd3&amp;\x06\xeb\xae\x9b\xac\xb6\x9a4\xe9\x9a\x94v[\xbb\xfe\xac\xbfcm\xf7\x19w\xff\x04pBH\xe0\xea\x93\xef\xfb\xbc\xdf\xf9&gt;\xef\xfb\xc4\xa1\xb6\xfc\xb8\xd6\x91w\xcd\x00U\x92\xdfg\x15\xbaA-\xf58\x11\'\x1d\xfe\x14\x8b%y\xf8\xe4avn\xaa\x1f\xe4\xaa`\x94W\xdc\xbcZ\\\xae\x8f\x8cG\x9b\'uW\xceA\xad4\x89Mf0\x9d\xb0\xe5\xfbkh$\xefs\xe0\x8f\xf1 \xc2\x81%\xecK&amp;MUBwtn.\x1a\xf5\xb0\x08\xae\xc1\x80S\xd1\xd1\xd1\xacD"\xe9\xef\xee~\xfb\xcb\xdd\xbf}\xfd\xf4\xb9\xa2\xc8Z\xdd\x7f\x1e\x1c\xda?\x1b\x03,\x04\x9b\x9c\x94\xc98U:\xc86\xa4\x83\xdb"\xf4E\x1a\x93\x93\x93\xa0V\xb2/\xf3=\xbd\x13{{\xdd`\x13\xea\xde^@\x948\x99\x1e\'`={\xfbiL%\xe9\xbeY\xd4ud\x94oj\xaa\xb0\x10&gt;\xb2\xb2\x9cF\\\x19\x93\xccb\xe1\x0b\xe0\xedG\xa2\xf9\xd8\x9b\x97\xf7n\xf4\x01\xd6d\x92\x9f4\x89\x07{\xa3\xbd\x83Z\\\xfb\x18\\upP\xab\xd5\x12,\xa6\xb3\x03\xb0\xbcQ\xb5\xbaw\xac\xc8X\xdflZ3z\xd4\xe7\x7f\xff\x82D0\x8e\x0c\xdc\xb3\x86\xc7{}\x11\xb5z\xee\xf0h\xb1\xa0\xe2\xd9\xec&gt;\xddc\x90\xcb\xcd\r\xd2\xa7\x96\xe2\x9f[C\x9d!\xa1\xc8\xee\xec\x18\xe8\xee/\x03*\xf7j\xd1\xd5\xe2LZ\xad\x9a\xc4\xca\x0b\xa3\x065\xc9\xf87\xda\xee\xdd\x83,C\xc7&gt;su\xe3\xe4\x05\x16\xbc\x18\xf9X\x8b]\x1d\x8d\x8a\x1c:\xab\x15\xb3\xa2(\xe2\xd2\x04\xb5vu\xc74\x8dew\xbb_\xdd-6\x96|\xd2jr\x19WV\x8c\x88^&amp;\xbf^\rT\xe6\xffe\xe4\x9d[\rr\x93\\.\xab\x846\x83mj\xa5&lt;j\x90+\x84q\xf4z\xa9\x14E5A\x03\xa5\x1e\x19\xeb\xeeW\xb3D\x14\xebK\x91K\x9eq\xacLb\x1c\x97\xa6\xab\x0b\xb0,|\x1e\xddV\x00\xd4\xce-:,\xf32\x19\x93)\t\xffU\xb3\xfb:YvO\xaf\xbbU\xe3\xd2\x0b\xa44\x16\xe2s\x10L\x1a+\xca\x12iS\'\xc5u.F\xf9q\xac\x91\x93\x99\xd1u-\x93\x88\x80\xcf\xae\xa6\x1b\x8b;\x10\xe076n\x99\xab\x93\xb0\x07\xfb\x1a\xeb\xef\x98\x1bx\x95(."(7N\xe6\xa5\xd2\x08\x80\xc1fM\xe0\x17Xsn\x96\xf6\xc5\xed"c1\xeab|y_\x958\xde\x15\'\xa5\x16v=\x9d\xfa\x00\xea\xe0\xa0\xc7l\xe6\xb1a\xf9x5/i\xc4@\xde\xc1\x15\x07\xb5,C:\x1c\x8e\xc0G\x8f\xf8\x12\x86\x148D\xc7\x9c\x9b\xb2\x7f)\xb2\x9d\xfe\x86\xf1\xbb}T\x96\xe4`$`\xe9-\x8d\xecz3\xa8ES5\x98w\x02\xbc\x86\xd7\x01\xde\x8d\xea\x9d\x8d[/\x15:aP*\r\xa6\xc6\xfd\xe9\x18&lt; X\x02\xec\xde3\xd6=\x12u\xbbGN\x8a}\x82\xca`l\xa6e\x19kS\x1e\xb0P\xb0\x87z\x08\xa3\xb0\x82=m\x01s\x8fY\x89hCh\x1f\xf4\x8c&lt;yg\x8b\xdd\x93r\x00\xd687?11\x01XF\x03][\x03\xab\xb0\x11\xcen\x96\x17\x1d\xeb\xdb\x0f\xfaZ}\xfdPW\x9c\xae\xf9\xc6\x1b\xd5\rfX\xc6\xfa\xca6\xf3K3\xcf!\xd2\xd8\xe0\xbf\xebI\xb0\xad\x85\xd1\xd1\xa8\x88\xa2\xa8\xc7\xc6H$\x02Eo4\xb0\x98\x1dc\xdd\xab\x9e9\xe7\xe7\xab%H\x10\xfbHH\xdf4\xd4\xd5Ej0\x99\x85\x7f\x03z\xfc\x9d\x06\xb9\xb2\xa1-P]_#7\xf1\xd9|\x99+\xc4\x05\x8f\x8ff\xe7\xdc\x83"\x11dCz#"A\x1c\\\xbe\xbf{\\\xb20v\xbf\xbc\x04X\x9bi\xee\xcf\xb6XWWB\xe3\xe2\xc8\x92\xd7\xeb\xeb\x1b\x1al\x82\\[\xcdu6\xbb\xa9\xd2bik\xd3\xb7Pv7E\xb9\xd5\x94\x96\xab\xe5r\x83\xa8T\xe3\xf3\xe9Z\th\x1a\xfb\xbbG\x16\xb2\xef\xebJ\xd0e\xfc\xa9n(\xd8\xa2\x8b=\x9fwh\\\x98\tR\x0c\xbb\xbaF\x1a\xaei\xb2\xf1-\n\x81@\x1a\x0e\x04l\x1c\x9d\x0e\xde5\xa2\xc7\x04\xc1\x85\xce[\xac\xd1\xeb\xc4b\xb1P\xe4T\x01V\xfb\xa8\xf7U]).&lt;\x7f\xbbH\xfaZ\xc8\xe7\xf3\x06]\x15\x961A\x90\xe1\xd9"or\n\x81L.\x90\n\xa4\xf9|\x1e\xc5P\xbdN\xf8\x98\x10\x89\x08\xad\x16w\x04\xc5\x08\xd2\xca\xe5j\xed\x12\x95jzvt\xa1\xff\xec\xbbR`\x95\xef\xa7#.\x1fy\x81\x85Y3\x93\x8d5\xe1\xdc\x9b\t9Gn\xb3\xc1\x9e\x033\x90\xea1L#6\x08\xb9Z\x11e\xa7\xf0`P\x83\xb4\x12ZV\x99J\xe5\x9d~\xeau\xbe?)\xc9\x05\x0b\xe3\x87!%l\xac\xf9y\x1ff\xd5\xcddLl\xe5D \x161\x99\x04\x91\xf0\xd0b\xec\xc2\xa5\xf4\x19\xc4h\\[\x03\x03ezX\x86\xa0O\x13\x12Q\xee)\x15\xa85\xdd1~\xf6cI.\xad?V\x9c.".#lE\x0e\xa7v&amp;3i\xb1\xc5ba0&amp;\x84\xcc\x0f-.\xd2\'J\xbbG\x87\xf98`9\x0c\xfe\xf12O\xca\xe0\x08\xfa\x08w\xef\xdc\x94\xea\xd9\xc0\xacw\xe4\xeb#\xc6\xc7\x92t&gt;W\xf6I4\xbd\xdc\x85pdU\xa0\x96\xc5\x96[\x8cH\x8dB\xe1\x1aI\xa6\xf3\xf9\x89\xdd\xf5\xf5\xdd\xa3#rmm\xcd b:\x9d\xceq\x83\xc3\xe0H\xa9\xa3SS\x92g\x03\xd3\xc3\xaf\xfe\\\xb2n\xbf\xeeC$\xbd\xbc\xac\xe1\xc8\xac\x9d\xd6&gt;9`I\x83\x14\xc5\x05\x90\xb5t.\xb7\xbb\xb7wttH\xff\xc0Y\xea\x85\xec\x14\xd3\x9f\xf0\xe3\xe3\x1d*\xafW\xd5&lt;0\xf6\xea\xa4dWw\x8co~\xda\xdc\xfc\x1c\xf7qd\xd8\xb5Z\x99\xc5\xf6f"\xe8y\xb8\xe0\'\x87NO7\x8e\x0f\x0e\x8e{v6N\xf7?\xbcK\x10\x04ka4\xeb\xf4\'p0x\x1ak\xf8\xed\xf9\x0f%\xbb\\\xb98\xa8\xac\xf8a\xd9g\xe5\xd4^s\x99\xe4\xb67a\x07\xf3\xc9_\xf7\x0f\x0e\xb6\xb7\xb6\xb6\xb7\xff\xb9\xbdu\xbc\xbd}\xbcu\xbc\x7f\xd6e\xcf&gt;|\xe2\xf5\'\x0c\xe3e\x1d\xc3\xed\x0b\xaa\xe1\xaf\x7f/\xf5\x1d\xfawgF,\x03m\x8fU\xa6\xc8\x855dju\xff\xe0\xf8\xffX\xdb\xf0\xbd\xb5\xb5uz\xfee\xf8\xe1\x93\x7fg\t\xd2\xc0,\x03\xb1\xbc\xaa\xe9_K=i\xc3\xb8\xf2%\x81q\xaa:C\xb5&amp;EN\t9O\xbc\xb6\xbb^(\x14N\x0f\x00\x08\xa4:8\xddY|\xb7\xdc\xbf4:*1 \x06\xb5\xc4\x9b\xa5\xd7\xf0v\xc9\x07!\xae~\x8e#(6#\x0eqd\xb6\\D @|\x87G{{{\xb0\x0f\x0b;\x85\xc2\xfa\x1e\xb8\x04\xe2\x18\xc9f\xa7\xc6}\x88\xc33\xe5m\xf7z\x9b\xffr\xb7\xe4s#\xe5\x9b\xcbq\xc4ZuM\xac\xe3\x08r9\xfau\x88\x1e\x82^=\x85\xbd\xf5\xf5u\xc0\xdb\xdd=L\xa4TK^\xc9x\xc2\xe8wz\xdb\xdb\xbd\xed\xb3`Y%\xc7\xba\xbfL\x1fq\xcd\xb4\x8a]Re \x17V(\x04\xf9H\xa0\xb0\xb1Q(\xf4\xf4\x14\x80\xech-%\x99SI$L\x87\x83\xa9j\xcff\xdb\x9b\x07NJ?\x94T\xb1I\x1f\x08bUb\xb1O\x1fV\x06&amp;\x14\n\xe5D8F\x97\x17p\x15h*\xdc^\xe6t\x96E\x99\x06b\xaa\xfd\x01`=\xfd\xf4\xc7\x92\x8b\xc5\xb8z\x1e7\x1a}\x1ah\x00C\xa8B1\xa1\x0c\xdb\x9aj\x9a\x94\x81\xd7\xeb\xf4CW\x96C\xcbb2\xd5ee\x14\xce\x9aZ\xca.-\r\x0f\x9c\x97~l\x97\xf1\xe8\x0bI\x1a\x8d$\xea\n\xd1X\x91\x89\xb0M\xa1l\xaa\x84\x14\xb1\x18\x0b\x1f\x1eB\xb9\xe3\x04\xbc\xa8\xd5eN\x8a`z\x97\x96\x96\x1e&lt;\xfbt\xfb\x12\x06\xa5\xee\xbe#\xc98\x04z\xc4\xe7C\x04\xc0\xa5P(l|\x81\x1e]3\x10,\x8a\x1a$(\x91h\x9cV\xcb#\x12u\xb4\x03\xd5\xd3\x81\xf3K\x18+c|\xfbNCBoMB\x84\xd1\x00\x17D@Ee\xa3E\x80\xfa\x1cZ\x1c\x87\xac\x8c\xe38\xc1\xb2\xf7\xaaS\x84g\xb8y\xe9A\xf3\xd3O\x971M\xc9\xf8\xc3;\r\x12\x07.\xfa\xf1!\x80\xa5\x97Y*a\x11#R\x17ju\xe9:Cb!\xce\xa2\xdc,?\xe1\x1cn~\xf0\xa0y\xf6\x1f\x971KI\xab\x85A\xe8\x8a\x1b\xe3\t\x9f\x91\x04\xb9\xf42~e\x13\xaf\xed5\xf4\x19r\x81\x1e\xd1\xe8\xc4\\\x91\x88\x95\x12yT\xf4\xe5\xd8\xec\xc0\xa5\x8c,\x02\x96\x0bE.\xb8\x8c\xc6\x84C#\x10\x08\xe4@U}\xcf|\xaf\xba\xe6:\xc8&amp;p\xe9Z\xb5Z({\xc9\xf0\xec\xd3\xd9\xe9\x81\x81_.c\x90\x92\xf1\xfb\xb4\x0b\xc5t\x89\x95\x95\xe5x|&gt;E r\x8b\xa5\x91W\xdf`\xbes\xe7e\xa0\xa6\x06:!}\x95\x18\xe7\xe2\xcc\x8e\xf6\x7f\xd1P\xb3\xff\xf9\xf1R\xb0~J\xd7bV\xabq~u\xf5\xbf\xbc\x9bkP\x9aW\x1e\xc6g\\^^\x84\xd2\xdd\x97b\x86,1 \x8b\x10\xc3-^\x82\n\xe2\x05\xe5\x96\xa2\xb1\xa3\x08Q\x07/\x13`\xc5\xc6\xf5\xd2*\x11cL\x1d\x1cul\x8a\x1a\r\xcdD\xf1\xd2[\xd4L\xa6\xd4&amp;\xb6\x93\x91Ft\x1b\x93\x98\x8d\xd18&amp;\xb3\xcdlw\xda$\x93\xf4\xd3\xee\xa7\x9d\xd9\x0f\xfb?o\xfa1\xbb\xdbK\xe4\x08\xf2\xbe|\xe17\xcf\xff9\xcf9\x07\xce\xd9\xd8\x98\x9e\xb8`\x1d0\xc9d\xf2\xa2\xa2\x93\x7f\xba\xf7\r\xcc\xa1M6G2\xacX\r3\xed\xa7\x03\xdb\xd7\xce\x9e\x1d-\x7fv,\x1a5\x1c\xd6\xd6\x96\xc2\xc2\xab\xa6\xab{k\xeb\xf1h\xf9\xf8\xc4\xca\xd8\xacI]t\xf2\xde\xbd\xbf\x7f388\x86&amp;\xf7\xb5h\xd2\xdc6\xb9\x1c\xb9\xf6\xd9\xd2\xa1pt\xb0h\xf6\xda\xdc\x1a\x8b\xa5&amp;\xb5\xcfj\xdd\x1a-\xdf~\xb8\xb41\xdf\xbf88\x08\x8b\x8c\x1bcc\xf3\x9d###\xdd\x1c\x98\xfc\x85#\xee\xc8\x95%\xc0\x1a\x8a\nV\xc2\x0f\xb5\xb9\xa9\x15\x05\x96\x03-]\xd6\xee\xad+\x91\xfb\xdb\xe5\xdd\xf3c\xab\x9d\x9d#\x9d\x9d++[\xed\x13\x13\x13\xedW\xd7\xc2\x81\x88[\x19(\x87\x01\xfbtt\xd4b\xfcp$7\xbd"\x19b}\xff\x88\xb5{4\x10\x89\x04\x96V\xa0\xa0\x17f`5\xb1\xd44\xd5\xd4\xb46\x19XX\x0e\xba\xfd\xbem\xc0\xe2\x8dG\x07\x0b\xfb\xd7\x91\x96\x9a\n\xbdQo\xb1\x1c\xee\xedn\x0f\x07\xdd\xc1@\xf9x\xd3xS\xf9\xe9p \x10\x88\x04\x02\xcb\xc1`\xd0\xa7\xf4\xbf\xee\x0e4e\xf1x\xedg\xbd\xd1\xc0\xc2\xff\xd9\x97\x9eTP\x05\xc9\x99\xb3\xffp\xfd\xa1p$\xcf\x1d\x02\x96\xc0\xfd\xc8r(\xe8F\xcd\xe7+)I\xf1\xfb}A\x12++:X\x04\xc2\xd2+\x14UU\xc9\x96\x1ck[x\xd9}\x14\x91\x04\xe1\xe9C\xbb\xe4\x95))J\xa5.\xc5\xef\x0b-O^\xe5\xf1x\x97&gt;\xab\x8e\n\xd6\x93\xd2\xf4$\x18\x04e2\x851\xa7\x9e\x17^\x0e\xee\xd6\x95(\x95nx\x90X\xe8\x90\x812\xc5\xaf\x0c.\x07\xd6\x0e!\xack\x1fFa\x02\x91@&lt;\xe9J/\xa8R\xc8d6\x81l\xa0kf|\xfb~\xd0\x97\xa7T\xe6)\x11\\\x8a\xffu\xa5\xd2\xef\xf7+\x01k\xe14\x18\x1e\xbc\x15\x15\xaca\xe2\t\xac\xf5\x15\x0e\x19\x8c3\xea\xfe\x03\xdd\x13\xe1H\x90\xf4\x93\x9b\xe4\xf1\xfbu\xc8W\xba\x14ehj\x1cQ\x81\xb7n&amp;DE\xad\xfd9F\xd0Jn\xee\xb1\x99\x06\x8etO\x8c\x86\xc9\xe3\x17PB\xb2\xf9t\xf0t\xfbB\x93m\x97x\xad\xcd\x805\x1d\x85\xf5\x05-\xf1\xe6\xf7\xa90\xef3\xc1L\xa6Q-PX\xf6\xd7\x8e\xcc\\G\x91\xee\xfe\x91\x0bds\x87\x16\x16\xa6\xc0W\x85\xceV\x12k\xc7\xe7[4\xda\xcd\xef:k,F\x87I\rXr\x89\xc6\xa1\x87\xbc?\xb22\x1e^\x08-?z\x84\xce\xafD"\xa1\xd0\xe4\xe9\xa6\xb6,\xa0r\x16\xf2\xde\xcb\x9a\xfe\xf7\x8e/\xf4\x13\x12/&gt;\xebL\xb2\xe8\x1d\xa6\x9e\xc6\xc6\xc6\x1e\xb3Y]\xf5\xae&gt;\xc7\xf8\xf5\xd6\xf4\xe8\xf8R\xd6\xf5\xa9\xa9\xa9\xb5\xb5\xc9\xc9\xc9\xa6,h\x85\x85\xadNXid\x8d~9G\xdbi\xaa\xbf\xfc\xf9\xdb\xce\x9c\xe4*\x99IMn\x034k\x04\n=t\xcb\x81\xf9\xd53##\xc5u\xce:ns[\x1b\x8f\xf4z+\x87\\\x97\xb5\x8f\xfe\xa3:ag\xa90\xd6\xe5\xaf\x9e\xdd\xcd1*d&amp;ycFQQ\xa3Y\xae\x91(\x14\x0e\xdb\xe2\xe0\xec\xec\x00,2\xac\xf5\xd6\x99\xe6\x89\x89f\xd48\\.\xda\x9b\xde\xbet\xf6\xf6\\\xe2N\x1d\xbd\xa31\x18\x04\x81\xc5\xde~\xe3!`\x81\xe3\xd50!=y2C.\xd7\x94\xc1\x9d\xc9fs\x18\x8d\xe4\xaft\xe8\xdb\xdcV\xb0:\x87S\xc7uB\x15\xdbG\x1f\xbe\x7f\xcc\x9b\xb8\x13_\x9b\xd2h\t\x00\x85c\xe2\x8es\xaf\x94\x03\x16P!\xac\xa2\xa2\x0c\xb49W\x02\x8bjX\xf9\x18\x8d\xfd\xfd9\x07z\xf33\xa1t\xe0\xabVR-ga\xd6\xf4\xc3\xb7ok\xbds/}aM\xa31\x12Y8\xebU&amp;N\\\xfe\xea\xb7K\xab\x07\x92M@\x05\xdej4\x9b\xd1\xbeo\x081\x93\xccd\xd4\xa3\x1f5\xbb\xa4\x99\\\x90\xa8\x95\xc3\x01*.\xc8U\xd8&gt;}\xcds\xaeZ\xab\x15%&amp;&lt;}\xa9I%\x16\x13\x04\x95\xbe7\x96\x89a7\xcf\x1f=TkIv@\xc2g \xb1PF\x80\xeba|tTUT\xd4\x1cVI\x8b3\x9dN\'\x87\xd3\xca\x99\xe1f\x02\x16\xa7\x15\xb0\x82Cw\xb4v{\xe5\xad\x97\x17\x14\xb4\xc4\x8e\x8e\x0e1\x8bE\xa5f\xbf\x8a\xe1\xc4\x9d\xf3\xbb\xcb\xcf$\xf7;\xc0K\xea\x1e\xf0VQ\x86F.\x17(\xca\x14\xfa\x8a\x82\xa4tr+3\xc0\xd4!\xad\x0c\x06\x03\xbah\x1e\x9d~\xe8\xfe\xfd\xc7v{\xb5\xddU\xf9r\x92\x82FK\x9c\xeb\xe8\x98#\x08\xa0bf\xb3H,O\xb8s`\x16}G306\xd8\x03XPG\xb5\xac\xac\x0c\xe69\x05I\xa9h\xfb~1IS\xc75d\xa2*r\x9a\'\xa6\xc3\xbe\xdf\xdd\x06\xacSvm\xb5W&lt;\xfc\xab\x7f\xb4x\xca\x10\x13\xf0\xc7b1\xa9t*s/\x86a\xc4\xe5!\xcf\xfd\x8d\x81Y\xd4\x11gWW\xc7\x06\x173 U\xe5\x19\x1a\x99\x00\x04\x03\xae\\\xb4\x1d\x90K\x1a\xcb\xc0%\xb1\xa0\'\x06|\xbf\xb9h\xb7\xdbO\x01\xd7\xa9\xea\x0e\xf1\xaf\x19!Q\xdf\xc3q\x16\xc1b\x02\x154*u/\x1d\xc3\xe8\xc7&gt;\xf1D\x1e\x8f\xf5C\r\xcd=\xf3\x9b\x9b\x9b\xf3\x8br3x?C.\x91\xc8\x8c\xc9I\xb9\xb9\xfb\x0eJA\xa6\x0b\x1cnfq\xbe\x01\n\x8a\xf6\xd7,\xebv\xff\xd5\x8e\xe4:\x05l\xd5^\x91\x98A\xfb\xc5\x96Jda\x14\x02j\x07\x8f\xbdL\x16Ag1\xe9\xf1\xf1\xd8\xad\x0f\x8e{\xae\xc0\xba\xd0f\xd3\x98V7\x1f?\xd8\x1c3\t4fsF\x86F\x02\xc1\x95\x94\x8a\xca\x98o\xe0r\x9c\x86\xfc\x06k1\xa9\xdb\xc4x\x88\xc4\xd2\x02R5p\xd9\xa1S\x12\xbfH1\xf0\xd4\x1e\x02\xc7q&amp;HE\xc5A\xad\x18\x02\xa3\xb30\x06\x03\x13_|\xcd\x13\x9e\x9f\x85&lt;P/\x92\x1b\x87\xbf\xef\x818\xb5\xc93\xcc\x1a\xb5\xc9QP`9\xdcU/5\xd4\xd5eZ\x1b\xeaA7\x12k\xcdW\xb2\x1b\x8a\xa8\xd5\x02\x14hV\rW\xae=?\x1f\x8c\x96\x10O!\xc4@\x85\xa4\x02,\xa8 \x1d\xa7\xd3\xa9x&lt;\x83\x91x\xe7\xed\xe3\x91\x15\x87\xa9\xcc68v\xf7\xf1\xe3\xef\xde\xd9\x1c\x93\x9b%\x8a2\x8d\\\x02Xz\xbd\xa5\xa5\xab&gt;?33\xb3XZ\xdf\xdb\x80\xb0.p\xda\'\x95%\xaf\xdd\x06\x14\x97\x16\xb1i\xab!\xc3@\xb0]\xc4\xcf*\xe5\xd3\x04\x06\x83\x82#(\xd0\x89\n\xaf1\x80FG\rg\x0c3\xb0c\x9f\xbc\xe2\x19\xef7A\x82\xf6\xdf}\xf0\xe0\x9d\xb3\xefl\xdc\x90\x93\x89\xaaP\xe8\x93\x0b\n\x92\x0e\xf7"o\x19\xa4\xf5}\xbd\xf5\x06T\xc4\xe6K\x0b\xca\x927\xbe@X\xc0\x85\xe0@.\x97\xd7[\xc9\xde%\xfe\xa9#\xf8S\x98#`1$U\x0c\x151Q(p\x81\x93TT\xc0\x1af\xccA\x15\xb7A.\x99@\xb2\xfa\x00\xaa\xb8\xb1q\xc6\xa4\x01\xbf\xeb+\xc0X\xa9\xb9\xe4!-C~\xfeAU_\xaf\xb5\xcey\x81\xc3\xe1]\r\xe9\xf2\x86&gt;\x04(\x17\xdfe\xd7\xf2\xf9$\x9c\xd6\x0b\xb7\xc2]\xac\x9fRJ\xd4\xfb0\x1c\xa7\xe3\xc4\x8fj}J!\xd9\x00\t\x12\x82\x8ec\x80\xc5\xb8s\xfe\xb8\xa7&lt;\x07\x06g\x89c\xf5\xee\xea\x8d\xd9\xfe\xafM\xd0\r\x05\x90Z5\xa9\xb9\x9f\xab\x1a \xb7\x8a\xf3\xa5\xaa\xbe\xbe\x06)*as\xd6\xa4\xaf$\xef\x1c\xa8\xc4\x87\xa6\x05,\xbeH\xab\xad\xac\x14!L\xfez\xec\xff\xf5\x18\x8c|8\x0b\x8f\xa1S\x9f#A\x05c(\x14t\xf3\x1c\x0b^\xb1ap\x97\xf8\xdcqOd\xc5d[\x94hl\x07\xfa\xd1\xe9\x1eI\x99@\x02qZPQ\x93\x0ebI\xff\x98/=HR\xe5#\xc3\x17^\x7f\xa4+\xf1\xfcm\x0fbX\x07\xa5D\xe8\xbf\xdd%\\\xaf\xf4\xba*+\xf9l\xe1.b\x98\xf6?\xb3\x13`\xe0\xe3\xe9\x04\x89EEba8i.T@\x84E0\xe2\x81\xeb\xe3\xf3\x1e\xcf\xb7\xf36\xb5DPV\xa5\x96\x90Gh\x14\xb0\x98\xd5\xa3\xc1\xe7\xc4\x9b\x07\xa154\xa8T\xe8\xe0\n\x84}+o*T\x927t\x93\xcd\xe7\x0b\xe3\xd6\xd9"\xadk=n\x1dD\x13\xa5\xb1\x91Z"\x11\x9f\xbfG\x8c\xfdW\xae\xe1x\x0ce\x01\x08\x03\x18$\x17\x12\x8b\xf4W\xcc\xa7\x14\x9c\xc0p\x0c\xc8(\xf1P\xc6[\x1fx&lt;\x9e\xd1Y5\x08%\x80I\r\xc2\xfa\xe8#tZ2\xb5\xa5\xf4\x84\xaaO\xd5\xd0\xd0\xdb\xabz\xb3A\x8aB\xd5\tb\xf9J\x8e\x9e\x83Og\xa7e\xc7\xf1\x81E\x18\x17\x87T\xe3\xc7\xb2]"6\x1b\xc0D\xec41\x03dy\x11\x14\xe5y\xaf#\xf0\x18\x0c\xb0\x08\xc8\x06\xa8\'\xbcG\xc51\n\x05\xe2\x01#\x15\xa4\xc7C\x19\x13\xef\x0c\x1d\xf7\xdc_\x81\xb9\x8d\xa4L"\x10H\x10\x16y\x863\xb7\x14\x9d\x14V\xa9T\xa5\xa5\xa5\xfb\x0e\xa2,\xad{\x0b\x9c\xa5\xd3\xfd\xe1\x0bp\x940\x9b\x99\xcd\xde%r\t\xd3\xe2\xd2\xd6\xf9^\xd7\x9eX\xa1\x88Or\x91\x95|\x91\xc5(TR*\xc4C\xa1\xc4 \x00\x18\x06c\x00\x0b.\xc1`8YBTV\n\xa8\x85u|\xe9\xf1\xec\x0et\xda$\x9a2p\x95@\xa0\x00\xaa\xa4\x9a\xf4\xdc\xcf\xf7\xedC\\\'J[Zr\xf7\x81X\\\xce[\xefM\x05u\xba\x92\xf7+\xf9BaZ\xf6\xdela\xac\xd0%\x04\xb9\xe2\x84.o%\xdc\x00-\x1b\xd0\xa0\tc_\x90bT\xe6\x7f\xc88\xff\xd06\xee3\x8c\xfb\xa4;\xa9\x92N\xd2\x9dOw\x87\x8e\x93\x96\xfad)&amp;\xa4I\xf0\x15oM\xa3\xd8i\xe2%#\xf38\x94\x84@\xdc\xc4\x06\xf5W\x88X\xbaE\x99\x84\xd4\x85l\x87\x03\xf5F\xa86\xda\xc8S\x19c\n\xf6@f\x13i\xcd\xacR\xa6\xc2\xf0\xb68s\x9c\x95\x0eg\xf6J&lt;\x18+\xec\x8f\xfd\x9f\xbf\xf6\xbc_\xb9\xdd\xb2\x1d\x8a~`%\xf7\xd1\xf3&gt;\xef\xf3}\xbf\x96\x94H\xd8C&gt;\xf2\x00\x82\xef\xef\xa7 \rz\xe0)\xc2J\xb4\x83\xc1\xfe^p\xf5\xcb\x88\xae\x900\xb5\x00\xaeO\x7f\xc7LE\x0e\xfb!&amp;-F\xb5\xfb\xd2\xee\xf7O}{x\xff\xf4\xa9\xe7^\xc0\xa8\xf5\xf5\x9b\xbf\xffm.w\xac\xb6\n_\xd9\xc9d2\xab\x05L\x90&lt;\xd0\xb2\xa8`%\x9d\xb2S\x10\nL\xbb\x18\xd7\xff\x0b\x86U\x8f\\$\x03\x8a4\xf2\x81&amp;\xe8!\xa3\x85}~8\xcc/\x84x\x81\x07V8\xcc\x03\x0b\xaewJb\xe9\xed\x03@:s\x08X\xac\ta\xf7\xdd\x97.\xbd1\xfa\x8d\xe1\xfd\x87\xa7O=\xfb\x95\x97\xaf\\\xbd\xfa\xfc\xcf.\x1e\xcbq\x9bi\xd5\xb6\xd5d8\x9c\x0c\x04Z\xa6\x16\x8b\xd9Z@\x8b!#l\xdb\x06\x92\x99"\xb4T\xca\xcc\xfc\xef\x94\xc8\xa0\xa8\x88\x02Q\xf5\xa3`=\xdf\x87\x93\xe4{\x7fh\xb0Z\x19\x0c!%`8,\x01\xa1D\xb5\xe3\x96J\x0f\x7f\xfe\x03\x18\xeb\x10\xed|.\x9c\xfb\x00X\xa8\xdf\xe8\xc8\xc8\xc8\xd0\x81\x03\xfb1:\xbf&lt;;{\xf5\x8f?\xcd\xe5\xf2\xf5\xf3\xb6\x1aP\x81\x95\xccf\x97\xb7\xd6+Z\xc06m\xdb\x84\xd7\x91\xa7Z\x8a\x88b\xb1T\x0f\xec\xc9J\xfa\x80\xe3!,\x04&lt;Z\xd0\'\xfbY2\xb0\xc5P\x90C\xd5\xf9\xfa\xd6=\xc1\x0fM\x91]\x88\xfa\x1f=5\xd5u]p\x1d&gt;3p\x90\x82k\xdfN\x11O\r\x0fOO\x9f\xa3\xb7\x7f^xm\xf6\xe6\xec\xeb(a\xbe8Of\xca\x92Xj`\xd1i\xd4\x1f-\xa5\x03\xb2\xc9\x8a\x97\xb25\xd3L\xd9\x0f\x1e\xc4b\xb8\x05\x9e\xf9\x84`~\xaa\x1d9\xab\xcd\xfc.\xcb\x08U69\xf4c\x0fvo}\xae\xe14\xab\x82\x9cL\x86a7\xc2\n\r.\xd7\x0c\xe8\xf5\xe7\xa3\xfb\xf6`\xac99pt\x9a\xbe}\xbe{tttd\xe8\xc2\xbe\xf1\xe1\xe7\xbe\xfa\xa5\x9b\xb3\x1f\xfe\xfa\xe2\xc5\xbc\xb8h\x06\xd4,\xd3JU\xd3\xcd\xb2T.7\x9a\x8fV\xcd\x16\x81\xa5\x1e\xa44T\xf2\x81\r\xd1z\xa0\xd5\xff\x16L\xe0=\xac\x88mv\x03\xb1\xe8\x0e\xf5A&amp;s\xef\xf6f\xadX\xb4V\xaar8\x9b\xf5\xb5y&gt;D+c\xa2\xbaUt]e\xe3\xfb\xe3\x03\xb4\xbb\x1e\x18\x1f\x1a\x9a\x1e}\xe3\xfd\x91\x91a\xfa\xd0\xdb\xf8\xc8\xb3\xaf}x\xf3\x97\xb7.\xe6\xc6\xb8\xe6\x115\xa9\xaa\x11\xf2\x95\xaa\x9a\x9b\xba"\x8a\x92\xa8\xd7\x9a\xf3Ki\x8d\n\x97J\x054\rUE9)\xc3v\x99\xe6\x7f\xfe3\x04A`j\xb5\xe9\x1aY\xe1\'\xcd\xfc\xe1H$s\x7f\xbd\xd3u\x8a\x8e\xa34\x81\x15\xc8\xfa\xe0\xab\x04\xcb\xd4P\xb5\xe3\xb8ek\xfb\xbb{\x9e9\xf9\xe5\xcbg_\x1a\xa72N\x0f\x9d;:&gt;\xb0g\xdf\xd0\xe8\xabWf\xbfv+?\x96\x8f\xd7n\x87U\xb4`\x04T\x115k6\xcb\xae\xc8I\x9c\xc8\x8d\xe9\xdd\xcez!m\x9a(_+\x022\xcdN\xc5\xd2h\x03&lt;\xfeb\xaa&amp;,\x0f\xb3\x17\x1b\xb2pG\x963\x19si~\xa5aY\xc0\xd2\xb9\xb9j8\x1cI\xfa?\xc7J\x08\xa1\xa9\xbaa\x19\xd6\xf6\x8f\x0fa4=\xb8\xf7\xc2\xe9\x91\x91\xe9s\xe3{\x8f\x0f\x9f8tfh\xf7Of\x9f\xffMi,\x9f\xaf-k\xa0\xc2\xcc\x1d\xd1\x08\xab\xda,\x97E\x8e\x8b\xc7E1\x1e\xe7\x8c\x85\xad\xe5%3`j&amp;\xa8T\x8d%&gt;-\x93fk\xc7a(";d\xf2z\x7f\x90\xd2K.\xacu\x16\x8a\xba\xe1\x1a\x86\xe5(\xf1f:\x12\x89\x84y,\x89\xa1`\x107\xb0\xd7j\x17X\xceG\xef\x01\xeb\x99\xb3\xe3C\xc3\xa7\xc7\xf7\xa2\xa0\xb8\x0c|\xf0\xea\x95\xd77pr\xae6\xafei\xc2\r\'\x81\x95T#\xd5\xb9RY\xf4z\xe3qo\xdc+F\xe3\x9c\xe2t;\xab\x93\x19RK\xcd\x12W\x95\tf\xb6z\x1f\xb8\xe4y\x98\x06i\xde\x1fd\xc1\x90\x90\xcd\xd5f\xad\xa8(\xba\xebB\x12\xc7\x11\xa3s\x93\xd9H\xd8\'@\xabP\x82gtBf\xb9[\x84\x94\x1f\xbd{m\xe2\xe4\xa1\x13\x87O\x1f\xa7\xf7\xa3^\xc4\xd6q\xcf\xc8\xaf\xbe\xf3\xb0\x14\xf7F\xad\xb5\x16"\xc6\xe7\xc3+bE\x0cd\x16\xdd2\xe7\x8d\xc6\xe3\xf1h\xd4\xeb\xf5r\xb8\x92\x1a\xf5\xc5B\xb5\x05\xe3\xc1\xf7\xc8\xd5\xf4$\x06\x8b\xb4\x19\xa1\t\x11\xa6j\xb7\xdb\x14\xe4\xa8\x9f\x90\xa9&lt;Z)\xeap\xa6\xa4\x94]\x0bX\x16\xa7l\xa5\xd50\xe2#\x81X\xc5\x14!\x0b\x14\xaa\xf2b\xc3rl\xdd\xe8\x85\x00\x00\x07\xb6IDAT\x9c\x8d;w\'&amp;.\x9f=0\xfe\xd2\xd9\xcb\xec#\xe1\x13{O}\xebVY\x8c\x8a\xceb\x95\x94B\xeb\xe0\x08\xd0av\xca\x92\x18\xf5F\xbd\x9c\x97]\xa2\x1c\x0eQ)\xce-\x9b\x9a\x9d5)\xbdv\xa5+\x95Be\xd2l\x85\xfa\xfa\x90\x99\x90\x8b\x96\x17\x8f\xbfU\x98\xaf\x17\r]\x12\xe9/\x94\xcb\x86\xae[\x06\xa7\xd7\x8f\x04d&gt;\xf1\x98\xf7\x08!,\xd7\x88\r\xdc\x862[\r\xcb(Z\xef|vm\xe2\xe0\xf1\xe3gg\xae\xb1\xafuN\xbc\xf9\x8b[%N\x11\x1b[\xe9~Z\xec}\xc9H2\x8b2\x05\xec@\x0c\x01\x01\x10o\xefBj\x89\x1c.\x9c\xd4\x8ceAm#Q!W\xa5P\xa8\x98\x15\xf3\xa9&gt;$C\xbbMK26\xa8\xcbuG1\x14]\xc2\xd3I/]Wt\x91\xb3V\n2*\x88\xe7A\'\xd0\xc9\x19\x1ew\x9e\xaen\x16\r\x88y\xe7\xee\'3\'N\x1c\x9cx\x11P7\xbe9\xf3\xf1\x86+\x89nc\xcdd\xeb\x05\xed\xe7\x10\xa4\xc0\xd2\x02\xd5\xa6\x8b.\x8c\xc6\xa3;XTH\xaf\xe8\x95\x94\xb9\x98\x8f\xd4\xd4L\xd6\x8e\xe0\x8a\x9d?\x92\xe9\xf3\x04i\x89\xe6\x13\xd0\xa0\xb5\xe9X\x86\xa1P\xbcH\x12\xae\x0c$M^\xd7\x17\xa6\x04\x81\x17h\xb4\x17B\xe0\x13H\xae\xd0\xd3\xa1\xea\x96Ce\xbes\xf7\xaf3\x07g\xd8\x97`o\xfc\xeb/\xdb\xae"q\xdd\xb5X?\x0e\x7f\xd0GktV\xb5\x11\xf5jl\x8e\x83\xb7\xbc\xd1\x1d,VM*\xa347I\x9b\xd1\x08\x96%V\xc5J\xc5&lt;\x7f=\xdd\xc7\xb3\xc9!\x81\xd1\n\x85qt(DDTG`I\xf9\xbc!-\x14x\x99\x87\xb1x\xe6\xaa\x04\xc6}\x19&gt;\x13\x84\xfb\x9b\x96[6\xac\x7f\xfe}ff\x86&gt;B\x7f\xe3\x93\x7fl\xb8e\xbd\xbc\xb0\x9e\xf1\x11\x95\x87J\x88&lt;%,\x1bq\x8a\x80\xe8\x19\x8b#\xbf\xf7\xf8p\xaaz\x05\xf6\x93\xd1\xb0\x181 \xd7\xe4$\xb0\n}p\x95\x80&lt;\xe2=8\xd5ZQ\x81ZL)Q\xe4D]\x89\x8fq\x86\xd8]\x120\x8b\xa1\x11\x83\xd4\x89&lt;\x8d\x86x\x18\x14\x06\xab\x1d\xab\xac#\xbf\xfe\xf4\xd6[\xf4\x0e\xecgw\x1e\xba\xaed\xd4W3~\xecJ\x10\x82a\x12\x0bk"\x89\xa5j\x9b\ny\x8b\x80\x88\x89\xae\xd1\x93P\xab^@\xa7\xe2\x05\xa0=\xb4t\x05\xad\xa8\x9d\xbf~\x1dqJ9\x89\x11U\x10\x12\xcb5\xdd\x82Z\xe0"\xb58]\x1c\xcb\xa3\xa4("\x16J\x10\x05\x81\xe4Ar%\x04r"\xbcxo\x0bIb\x19\xdb\x1f\xbf9p\xf2o\x7f\xf8\xd4E\x9b46\xefg\x10\x81A\xfa}J\x92\xd5\x90\x8cC\x0b\xf6"\xfea\xaa\x1eK\x07H\x15EX\xc0\xf7\xd2\xc2uJ6\xe4\x08\x82\xd7\x84\\)m\nX\x18V\xa0\x15M}\xfe\xc4RWq\xe0\'\xb2\xbb\x08\xdb\xeb\xf1\x1cg)\xde\xc6:\x86iB\n\xb2A\x8cg/\x021\x07\x8f\xb5\xb6\x1an\xd956\xde~\xef\xdd\xef=t\x15\xc5\xad\xad\xb5P_&lt;\x8b\xba\x10\xb6R\x93\x91\x1d,\xb3C\xee`\x8dH:q\xc4\x85C\x14W&amp;\x01\x95d\x8a\xa1\x8e\x93\xaf\xa4b\x84\x95x,\xd0\xe6\x82,&amp;\xdc\x9fC\x11%\xa6V4.\xe9\xca\xd8\x98n(\\\xedv\x90\xe6i6\xb1\xd2|\x08\xdd\x1e\x83\x8b\xc6j?r\xb5\xec\xea\xfa\xc3\xedm\xb7\x0c\xe1\xea\xeb-?\xb9\x90\x0fbF\n\x13N\xb6\x97Z\xd9l\xb5\xa3\x80\x8b#2\xaa!\xe7\x8d\xf6zQ\xa4"j\xf4,\xfa\xa3\xedJ\x9b\x0c+\xd4\xc6\xcbn#\x95\xfc\xbc?\xb3i\xa0\xfb$\x05P\xf9\xa8bH\xc7\xe2\xa8)\xd7X\x15\xd8\n\xc5\xd3\xde\x16l\xd8\t\xc1\x87\xc4\xd5\xef\x973\xb7W\x94R\xc9U\xc0V*v\n\x83B\x90\xea\x0b,j.\xcd\xfe\x1c+\x10H7\xbfp\x07\xf1\xb0rR\'r+\x95\x1d$\x16\xbaX\xae\x19\x96@\xdb0t\x19a\r\xae9:Y&gt;\x8e\x95V\xd4\x8d\xf81\x85\xe2\xa2\xb8,\xd0\x80\xe1\xe1i\xa3\xb1\xb3\x1a\xe0\xcc2/\xa3\xdf\x04y\xaa\xe3\x94\x0c\xddr\x8d\xee|\x15T\x82\x0c|\xfa\xb5\x18\xa5\xbbm?\x89E\x18\xde\x9e\xc1z\x9a\xe1\xf1\\:\x10\xe8\x95:@\x13\x0evH\x84\x85&amp;\xc3I\x05R\xde\x1fZ\xedR\xd5\xe2\xb9\x9c\x97s\r%\x8f\xd0\x82\xcb\x8a\xf3\x83;\x1bY\x8c\xf70\x18O\xe9\xe0\x0f\t\x95\xa5\x0c\x82&lt;\x93YZ\xd0\x81e\xac,\xb5\xe4\x90\'(\xa0\t\x11Dl\xcd!oe\xd5\x9e\x18\xb1\xa6"\xb2\xbcbkb\xaf\x15\x81%q+\x93\xf8i$\x82\xc1\x8c-\x8d\xb6\xfa\xcau`\xa1o\xd0\x8bt"`\xe1\x0cH\x85\\nLR,\xdd\x9b\x93t\t\x15u\x1e\rf\x08\x0b\xa1\x1d\xf6S\xc7\xd2(\x8b\xebBg\r\xe3t\xe6\xf6\x1c\x86\r\xa3\xb6\xc9BW\xc0\xc6\xdc\x87M\x0b\xf3\nN\xa5eU\xd6\x8aH\xf9\x8e\xf4\xef\x9a\xcc\x9f5u(\x0c\xe3\x8d\x1a\x8b\xcdQ\x93\x1c\xcd\xc1\x90\x16!U\xf7\xe2,x\xe1~\x80\xe0*%C\xd7\x8c\x0e\x12\x97\xc2\xfd\x04n\x86\x8eJ\x1d\x9a\xe1.\x05\x9d:\xb9Xh;\xdf\x0e~\x8e;\xdd\xe79\xb9\x06I\x96 ?\xdf?\xcf\xfb\xbcG\x9b0\xba\x01qk\x16Yd\x12\xf5\xd4l{7\xc0\xeavG\xde\x0fbm\x16\x16xP1\x14\xd4$\xf3\xa5\x98\xfc\x1cwd\x18B\xe1}b\xa9(\x1f\x0c`\xf4]\x9eXj\xac\xd2\xef+.\xdb\xc96\xca\xd3\xf7#\xbc\x97b\x07b\x02\xe0\xe7Y\xef\xaf\x0bH\x03\x07NC\xdf\xce\xa3\xba\x96+\xa1\xa5\x81X\xf4\x11\x8c[Y\'\xd1+2\xd8\x86QmM\x93)\xb0\xe2\x8bl\x87\xdf\xc7\x02\x83DV\x82\xbd2&amp;w\xe32\n\xcbW\x86\x1d*!T\x18\xe5=\xa7Du\x84\xeb\xba\xb4\xa8]\xf4\xd5\x8e\x93\xacd\x94\x9d\xde0\x80\xfc\xb7\xcf\xde5\x83U\xb1\x16\xf9:\xa93q\x9e\xee.\x0fP\r\x1d\xaf\x00r\xca\x1c\x12\xabs\xc6\xa2\xccgS8.\x0c\xce\xf6h\x18\x04\xc1f\xbf\x8b\x1f\xe3\xf8b\t\xab\x8eh]b\xbeT\xcc\xf7\xbd\x18\xdfM\x0c\x89\n\x83`\xc9_\xd0\xb0P-\x8f\xa6\xe3\xe8\x82\xa9\xd7Q\xf9\x88\x16\xb7\x92z\xfd#\x83\xc5\xc0\xbc\x0e)\xec&lt;\xaeC\xd4?\xf6\xd1\x81K\xd8\x0b\xd2\xa6q\x88u\xc3\x90Q\xe5\x9bg,&amp;\x91\x97\xae\xad&gt;\\s\x1b\xdd\xd1\x1e\xb6\x02\xefY\x1d61\xb0f\xcb\x9d\xe3\x9a\xa6\xeb\xfc\xbd\xa6\xbd\xf3\x91AD\x08`\xa2,\xc5\xdcVJ\xbc%\xa6C\x97\t\xacj\xc9B\xb6K\x88\xad\xe9\xba\xc9*$\x94\x9a\xad6=\x93\xc7\x88P\x8b,\x94Y\x8a\x92"\xd6\xa8\xc0\x82~7X\xf3\xa7\xd0\x16\xba\x07\x8bx\x9d\xb1\xe4w\xd0\xc2\xee\xc8-\x08+P\x9au\x9ev\xf7\xc4\x9a\xad\x03\x97\xdb&gt;,^ep2\xc6\x86\x81r\x97j.\xd0\xd0h0!\xb3\xbe\xe3\xe0\xcb\xdb\r\xd7\xad\xd2\x0c\xf2t\x10eVM3\x8d\x15\x1e^M\x96\xd5\xb59\xd8\xacB)Wq\x9d\xcd\xf7B7\xa3\xa3U\xd3\x9fV\x1ej\x81\xa0n\xfd\xf7\xa8T\x08a\xef\xfb\xfa\xa8kx;\xc4\xe3\xf3\xa9#O\xf7\xf1\xe3E4[~Z.e\tXAn\x97\x15\x9d\x83\x9ac\x08cX+\x81\xfaI\xaan\xcd\xbb\xa95\xf0\x12t\xd7\xbc*\xf1\xff\x16F+\x02\x96\xaf\xb6GS\xeb\x0b\xa8\xa2P\xda\x87\xa4\x88\x13P\x80\xd7\x18y\xecC\xe4(Wp[\x1dC\xdb\xd2b^\xe3\x01\xc3uZ\xa4\xb0\xf0\xc3\xaf\xdb\xaf~k\xba\x16\x9d\xe6\x9f\x18X~\xe4\xaf\x07n\t\x13\xa8b9\xf1\x013\xc7W\xc0\x99\xdb\xd0U\xf8T\x1b\xc6f\xe3\xb8\xb5[\xaf\xe1^\x15\xfe\x01\x8a\xc9?\x12.\x93C\x04\x7f\x16I{\xfbJ\x0f\x06*\x1aG{\x1b\xd7x\x10B*\x8d\x05\xa8!\x97\xfco\xbb\xf90\xc6\xf5Pnj\'\xa1\xd5\xd4\x98\xcc\x9e\xd3\x145\x15\xb4\xbe\xba\xdd\xe0\xf8\x84W2`\xfd\x034\xf23\xa7\xe0AI\xb9\x00\x00\x00\x00IEND\xaeB`\x82'</t>
        </is>
      </c>
      <c r="M233" s="3" t="n">
        <v>45492.67709490741</v>
      </c>
    </row>
    <row r="234">
      <c r="A234" t="n">
        <v>840451</v>
      </c>
      <c r="B234" t="n">
        <v>5981</v>
      </c>
      <c r="C234" t="inlineStr">
        <is>
          <t>Luiz Araújo</t>
        </is>
      </c>
      <c r="D234" t="inlineStr">
        <is>
          <t>L. Araújo</t>
        </is>
      </c>
      <c r="E234" t="inlineStr">
        <is>
          <t>PD</t>
        </is>
      </c>
      <c r="F234" t="inlineStr">
        <is>
          <t>ATA</t>
        </is>
      </c>
      <c r="G234" t="inlineStr">
        <is>
          <t>PD</t>
        </is>
      </c>
      <c r="H234" t="n">
        <v>175</v>
      </c>
      <c r="I234" t="n">
        <v>7</v>
      </c>
      <c r="J234" s="2" t="n">
        <v>35217</v>
      </c>
      <c r="K234" t="inlineStr">
        <is>
          <t>Left</t>
        </is>
      </c>
      <c r="L23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1121c1c8-11cf-40c0-8b2b-c31f820c73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ef\xa4T\x00\x00\x00&gt;tEXtComment\x00xr:d:DAEewil2SDw:3546,j:6929206598306459679,t:24021316\xc2\xfc5\x92\x00\x00\x00\tpHYs\x00\x00\x0e\xc4\x00\x00\x0e\xc4\x01\x95+\x0e\x1b\x00\x00\x03\x00PLTE\xfe\xfe\xfe\x12\x0f\x10\xf7\xbe\x962-*\x15\x12\x13\x19\x15\x15.(%\xfe\xfd\xfd\xff\xff\xff0+(\xf4\xb6\x8c\x0b\x01\x01 \x1e\x1e\xf9\xc0\x9a\xf9\xc3\x9e\x1d\x1a\x19\xf0\xb1\x88\x0e\x0c\x0c$!"\xf4\xb9\x91\xf5\xba\x96\xfa\xc8\xa7\xf8\xba\x91p\x02\x06}\x04\n*\'(\'%%5/,\xfa\xc6\xa3\xf5\xb3\x88+%"\xeb\xa9\x7f\xa7\n\x15\x9a\x06\x11\x8a\x02\x0c\xfa\xca\xaby\x02\x08j\x02\x04d\x04\x051/0-++\xfa\xcc\xb0\x13\x06\x04\x94\x04\x0f\x81\x02\n,\x1c\x16\x1d\x11\rt\x03\x07;52\x05\x00\x00\xef\xb4\x8f\xfa\xd1\xb8\x0b\x07\x08\xee\xac\x83$\x17\x13:)!610\xe5\xa7\x85\xe8\xa4|K\x04\x03\x86H4A-%\x9e^Fg\x10\x0b\xf4\xbe\x9b\x94WB3"\x1b\xfa\xd8\xc4\x8f\x07\x0f\xe4\x9fv\xfc\xfa\xfa\x86\x02\x0b\xb5pS\xef\xb7\x96\xfb\xcf\xb3Y@4\xa8dJt@.Z,\x1d\xd5\x94t\xaclQ\xfd\xfc\xfc\xaa\xa3\x9d\xea\xae\x89\x1c\x07\x05\xfb\xd5\xbe\x90P9J6,]\x02\x03{G5\xf7\xf3\xf2\xd4\x8dj\xf8\xc0\xa0w\x12\x0e\xcc\x8cms#\x18\xdc\x95o\xa1\t\x13\x87Q@\xdc\x9cyV&amp;\x17\x9b\x95\x91K\x1b\x11\xfa\xf8\xf7T\x03\x03*\x10\x0b\xeb\xe5\xe3Y\x0e\t\xb5\x12\x19V\x1b\x11\xe1\xa1\x80\xc1\xbb\xb6b\\Y6\x18\x0f\xad\r\x17nL&gt;\xf3\xae\x81\x823&amp;\xd7\xd0\xcc\xf0\xed\xebe+\x1dv^O\xdb\xd6\xd3\xbauVJ\x11\t\xc7\x84fS-"\xfa\xc3\xa6c5\'\xea\xb2\x90\xff\xfd\xfd^\x18\x0e{*\x1dU7,@\x0f\nFA&gt;@\x1a\x12\xa1\x9c\x97&gt;\x04\x04\x95}o\xcf\x85c\xbc\xb4\xaeA:73\x0c\x08\x85\x0e\x0f|\x1b\x13n7&amp;(\x04\x04B"\x19\xfa\xe5\xddzQA\xbbz]P#\x16\xd1\xca\xc6h\x1d\x13jeb\x84&lt;,YTQ~ws\x94\x8e\x8a\x8f_M\xa0nX]!\x18gE7]1#\xb0\xaa\xa4\xf6\xc4\xa5\xf5\xc5\xac\xb6\xb0\xa9tnj\xb1u]\x8d\x86\x82h&lt;,L) \xc9/\'\xee\xa9\x8c\x9cfPn+ \xc9\xc3\xbe\xa9G:\x85]MPLI\xf9\xed\xea\xec\xbe\xa2\xe3\xdc\xd7\x85qc\xeaW&gt;\xf6\xb4\x91kWJ\xa3xb\x93)(\x94\x17\x18\xc5}\\x4)^K?|gX\xa3\x8c\x80\xadTK\xfb\xdf\xd0\xe9J8\xee\xa2y\xd8YG\xa21-\xe3\xd3\xca\xc0\x80b\xe76+\xe4\x97t\xcaUD\x91n]\xd7\xc5\xb9\xd9K7\xb1\x9a\x8e\xee?1\x9cRA\xa6\x1d\x1d\x96@6\xd76,\xe0\xab\x8e\xb3\x80f\xb1*&amp;\xc6F5\xd6xj\xd6\x9e\x82\xcc\xa5\x8e\xbe\x87m\x85\x7f{\xecbI\xbe\xaa\xa0\xe5\x89y\xbf`T\x85\x1a\x1a\xdeh]\xcd\xba\xac\xe7\xc8\xc8\xb7\x1c\x1e\xed\xd9\xd8\xba\x90{\xc8\x93x\xe3\xb8\x9d\xaa\x84s\xb3=0\xf0\x99\x8e\xbaQI\xc5\x9b\x84\xccr\\\xe0\xb8\xba\xcf\xa2\xa4\xafil\xcc\x8f\x92\xf4\xab\xa0\xf6\xc3\xbd\xbfih\xda\xaa\xad\xf7\xce\xca\xf0xi\xbe{\x7f\x86\xf7\xc5G\x00\x00 \x00IDATx\xda\xacY\xedOSY\x1a\xbf4;\xde\x9bV\x98\x1a\x14gg\xc4\x8e\xab~\xb03\xad\xa3\x81vy\xe9\x0cs\x93v$W\xc1\n\xb1Z\x15\x0c\x8cS\xdb\xcd\xf2\xb2\x17Z\xca\xaa\x81\x0c]_\xba\xc8\x07\x9a"\xe2hkaU\x84\xa4\x90n\xb4\x996\xd1\x96\x0f\x9bHL\t1\x1b\xfb\x81\xc5\xf4\x0b\xc9\x8a\xfd\xe0?\xb0\xcf\xb9o}\xa1e`\xf5i\xb9/\xa7\xf7\x9e\xf3\xcb\xef\xf7&lt;\xcfy\xce\x01\xc3p\xc60\x02\xc7\xd8K\x82`\xcf\x18|\xd0\x17O\xbb\xc5\xd1C\x18\x7f\x83\xb1wX\xdaCX\xfa\xa3\xc2{lG\xdcK\xdc-\xc1\xbd\x85\t#a\x0c\x084&lt;\xba\xc2\x18#\x90\xf1\x17h(\x8c\xb9GM\x84\xf0\x80p"0\xfe\x9a\x7f\x8f\x7f\x88=\xb0=\xa5wL\x08\xaf\xf2\x1dpo\x11\xc2HD\xaaC\x8e\x99\x0f7\xbdI\xa7\xc7?\x9ea\x1c\xef\xac\xa58g\xcf\x18\xc6\xfd\x92\xf6@\xca\xd8\xc7\xd0sz\x9d\xa5\xd7b3\xe9L&amp;\xa3\xd1\xa4\xe3ze\xdf\x12\xde\xe4\x8f\xe9]p\x0f\xa4\xc6\xe1Zq,%\x1d\xc1\xb1\xce\xf2\xca\xb1\xca\xff\x92R+\x8di\xf6w\x0c\xd3\x1b\xad\xd7/L\xb4[\x9fZg\x07\x07G-\x80L\xaf\xc7\xb9\x97\xf9\x17\xb0\xb4\x11R=\xb0\x7f\xa9q\x04\xc5?\x86~\xb6\x89\xbbc\x8f\xde\xcc-.\xce9\x83\xce\xc5Y\xab\x15\xa8\xd3}\xa0\x88B|`x&amp;\xab\xbc\x8c\xe9R\xa4\x1ax\xe2\xf5&amp;\xcb\xe8\xc4\x1c\xe0\t\x06\xa3v\xda\xe7\xb3\xc7\xe6\xc0\x12\xa3\x16\x93\x1e\xd7s]\xa5\t\xca\xc7f\xa6\xbaBo\\L\xa6\x82\x8a\x8b\x9c\x944\x82\x8c\x19R\xf0!\xc8&gt;\x89\x9bL\xb6\xd1\xc1\x95\xc4\\0\x14\nE\x0c\x1a\re\x8f\xc5\xa2nw \x96L\x8c"o\xc3\t!:Sc`X\xb6\xba\x980\x0e\xe7G\x1f$\xa2\xc9\xd2k\x1d&lt;\x91Xt\xda)\x8d\x1a\xcc@\xd1!\xbb=\x10\x8b\xc5\xc2\xc9d\xd29\x97\xb0\x1a\xf5\xffw$\xe6\x8e\xb3\xf4\xd0\xc0\xb0\x1c\xed\xb8\xc9\xf6\xb4}pbq\xd1\x19\r\x19\xd4$\xa9\xa1\xa8H(D\xd3\xb4=\x96L\x86\xfd\x81\xd3\xa7=\xb1\xc5^\xa3&gt;\x7f\x0f\xeb5\xa6\x92\\\xea\x9c\x16{\xd9&amp;&lt;\xa2\xb3\xfd\xf7\xc5\xc2\n\xa3_\xc4\xa0\xd6h\x0c\x11;\x18\xb0\x15\x8d\x85\xc3\xb1@\xcb\xb1\xf1\xbe)\xda\xee&lt;a\xb5\xe9\xb0\xdc=\xac\xd3\xba\x11\x119\x8f\xcc\xd6\xef\xc5\x8b\x85\x85\x85\x95E\xbbA\xc3\xc8\x07x\xa2\xc1h\xd4\x1es:cv\xda\xed\x9e\x9a\xf2\x01s&gt;:z\xa1\xd7\xb4n\xf7\xc4\xa6DL\xe33\xfbW\x88\x15c\xef(`ZXH\xd8\rj\x10\x10\xa8b0E\x83\xce9\xd0\x14\xe1\xf1\xf9\xdc\x81@K\xdf\xb4!t\xc2\xa6\xcf\xca\xc1\x19QHd\xca\xc8\x81\xca\'b~\x9e\xe1l\xb3\xae\xac0\xa8\x82W\xd5[\xd4\xea/\x10W\xf6\x08ew\xce\xcd\xa1&lt;\x11\xa1\x0c\x06\x07E\xbbO?\xef\xb9_\xe7\x88\xce\x1a\xb1\xac\x1c\x8c\xe5\xf0\x94\x8cy\x19\xdbd\x92cNFk"\xb1\x02\x96p^\xdd\x82"Pc\xa0"\x94\xc6\x10\x82\xf4\x05\x16E\x99B\xadq\xf4\xf5\xf5\xdc\xbe\xdd\xdc|\xff\n\xe0\xca\xdfY\xee\x96\xccp\xc8\x19\x89k\xa6A\xdd\xd3\xc4"\xb2\xb9\xe0U\x05\xb9\x9bT\x93\n\x92Tk"A\xa7\x93\xd1\x10P\xa95j\xd25=&gt;3\xd3&lt;00\xd0\xfc\xdc\t\xee\x85\xad\xe7(\xf8\x9a\xfb&lt;\xe1\x90\xfb\x92\xb9\xd6Y\x06\x99\xa4\x1e\x0cQ*\x15@R+\x94*%IE\xa1\x05\x80\xa1d\xa1P\x00P\xf2\xd6x]\xcf\xcc\xcc\xc0@wwK\xc2\xa2\xc7\xd6\x0b\xc4\xecF\xec7-\xe3\x19\xe6\xda2\xf88h\xa7" \x1b\xe0Q\xa9\xd4\x00K\xa9T\x18"!@\x155\x90\xa4B\x05\xf7*\x92t\xb9\\\xb7~\xfc\x11\x80\xcd&lt;\xf7,\x18\xf3\xe5\xc1\x8c\xf4O`\x19\x93\\\x0em\x85\x0b\xde\xfd\x18j\xe1\xda8\x8b(!5\x06\r\xa9Dx\x00\x96J\xa1Ri"\xf6`4\xa2Q\xa9\x80*\x15sTt\x82]\xbb5\xde\xd33\xd3\x9d|j\xc2\xb3fV.\xe8\x84j\x90\x8dJ~Xb\x93\xa6\xef\xbd\x07Y\x1d\x90 Z\xe0\x08\x99\x14\xf9\xbc\x83\x86\x89\x1a\xf8S(vC+\x84\x01(\xa9R6\x9a;]\xae\xe9\xbe\x99\xee\x7f\'l\xfa\xcd\x0c\xb5\xbe\x80\xe9\xb4rf\x9b\x88F\xd4\xc0\x13\xf0A\xaa\r\x0e\x1fct\xc0\xe3\r\xc7h\x87\x86A\xa3"\xd1Y\xa9\x94\xcb\x95f\xb3\x82t]\xa9\xbb=\x00^\xbfNJ\xcc\x11\x04\x991\x99\x9d\x80\xb1\xac\xf8\xd5\x8d\xde\xa5\xd4*\x95r\x9b\x12\x92\xa8\x0f\xd0x\xfd~\xaf\xdf;\x19\x8f\xc7\xc3\x1e7\xc5\xa4|5r\xafF\xb9\\\xde\xa84#R\xcd\xe6\xce?\xd3\x0fm9\x92\x02\x96\'\xc1\xe3\xd8\xe6Lg{\x18\x02\xffA&gt;\x05s3\xed\x897\xb1V\x8f,\xeew\xd3&gt;\x8arh\x00\x89\xb2\x11\x0c\x90)\xcb\x0e\x1d\x92H\x1a\x87\xae\xdd\xed\xd5\xe5\xef\x16_\x03eS\xe9\xd4d\x9b}\x1c!A@\xd2\xe0@y\xdc3\x7f\xbeR\x86\xac\x12\xac\xadi\xd2\x1f\x00`\x0e\xc7\x95i\x97\xab\xd3\xdc(\x97H$\x87$\x00K\x0e&gt;\x16\x19\xdcL\xc1\n~\x88\x0b\xeb/\xa1H\xc4\xd8\xc5\x1a\xce\xac\xdb\x08\x81p\xbdm\xf4^\x87\x01\xd2\xc2nu$\x02\xc5\x95g\xb2^+\xeb\x02+\x97\xc9\xca\xcbe\xadMq\xaf\xc7MO\x8d\x8f\xf7\xf5\xf5]qu*\x11\xae28\x80\x8fu\xaa\x1f\xb5\xa3Z\x02\xc3q.!\xf0\xab\x19\x16\x03\xceg\xa3M\x8b\xa8\xd7\x19{\xaf\x8fQjpw\x15\t\xb3\r\xed\x9fo-\x07L\xa5\xa5\xa5\x00\xac\x1c\xb0\xb5\xb5.\x03\xae\xd3}\x00k\xbcn\xbc\xee\x9aY\x8e\xacL"Q\x91\x9dfUG\xbbq\xe3\xc3m\x9cX\x9d\xa5\xfd^\xc7U\x03J\x9e*\xa8\xf9\xdc\x08U\xa9\x18@\xc1\xa1K\xda%\x95\x96W\xb6\xb56\x8d\xf8[N\x1f;6u\x0c\x0eu\x9d\xc8\xbb\xca\xca$\x87\xe4$\\*\xc7FM\x9b\x13\x11\xcf\\\xfc2Kq\x82M\x9f\xec/\xe8\xd2\xd4&gt;\xb6\xe5S\x92T\x15\x80oi\x1c&gt;\xcf\xe4\x99Jq\tc\xc5bd\xd2rp1m\xfd\xe5#\xdf~\xff}KuK\xf5\xb1\x9e[\x9d\xc8\xed\x81-\x89R\x01Z\xfe\xee\x11\xe3\xf6\xac\x84\xdc\x97\x1d\x01\xe7\xd6\xf9|\xce\xfa\rV\xd3\xf3\x8a\xfe\xe9\xbd\x9b\x9f(\x15\n\x94\xb2\xd4\x0e\x9f\xdb;\xdf*\xdd^X\x04\x1f\xd1v\xb1x\xbbX*F\xb0*\xb5\xe7\xcf\xfc}\xfe\xc8\xf1\xa3G_U?\xef\xf9i\x08\xf1\x85\x1c_\x0e\xae\x7f\xe8\xf3\x0b6\xfcc\x88\x98V9b\xc6\x89\x7f~*/@\xa9A3\xed\xa0|\x9e\xe3M\x95\x87E\xbbv\xec:[X\x88\xd8\x92J\x19\xb6\x10.\x00\xf6\xec\xc8\x91\xa3\'\xabg\xee_2#\xbe\x10$d\xdb6,\xa3\xa0\x11\xb7%\xc2(H\xf0G\xa1\x11\xccx\xfdf\x01\xe4!\x98\x04Qnw\xfbG\xeae\xa2\xa2\x1d{w\x14\x96\x88\xc0\xc1\xca\xa5HD\x19|\xb5ZD\xd8\xb3\xbf\x1e}u\xf2\xf9\xedKCf\x86/\x16V\xd97\'lx\xae\xa9f\xcd\x1c\x98\xafVX\xab\xa2\xed\xf1\x17\x08\x16L9\x0ej\x8a\xf6\xf8\xe7\xb5\xd2\xed\xa2\xa2]E"i)J\x11\xe5\xc0\x162Y%\x0f\xebduw\xf3\xcf\x97\x86\x86\x11](\x83!X\xd7\x05\x15\x89\x1c\x83\x10\xb9D\xcc%h\x9a\x8a\xd6\xb1\xad\xdb\xe4(\x93NS&gt;\xba\xc5\xefo\x92\xb1\x0e_\xda%\xfb\x17X\xa5\x0ca\x92\xf1\xee\xf5\x0cD\xbc\xd3\xdd|\xfbO\x7fc\xe8\x923\xb0$\x7f\xbc`\xc91\xef\xe4(a\xf8\x04\x97M&amp;\x96Y]\xc0\xab\xa3\x1d[\x0b\n\x94PtR\xb0x\xf0xG\xb4\x90\xb0\xd0\xb7\xab\x0b@i_\x9e?\xaf\x95\xb1\x06\xb0\x80\xac#G\xab\xbb\x07\x00\xd6\xa5!v\x1aB\xb8$\x9f\xdf\xb3\xe0\x18\x9eC\xc0L\x19\xb9\x1d\x9b\\\x8b\xc3\xac\xcd\x19\x02\xef\x1d\xdbZ\x00\xee\x8e\x96\x0e0AO\x9ea\xd2;\x0b\x0cp\x9d?s\xe6%C\x18J_\x1c[\x08\xd6w\xa7n\x0c72\xc0P&lt;\xfe\x1e\xd8\xcaS\xc9d\xfb\x16\xb75\x92Y\r\x12\xfc\x86%\xaf\xa2^\xdf;\xa6Bi\x14\x8a\x18\xbf7&gt;\xd2\xa4eP\x89KA\xc6_\xc1\xe3!\xfe^j+\x01\x14\xc4\xa4L\xdbZ\x7f\x19|\xeb\xce@\xf3\xb9\xef\xf6_\xbc1\x8c\x8c\x99!\xafN\xd8\x84\r3v\x0c\x02\x8d\x85\xa5\xd5\x0e)\x11\x85\r\x12\xc1\xf3pnnJ\x8b\t\xbd\xb5\x03\xb2\x16\xe5\x06\xaa&amp;\x97\x9b\x9a\x18\xaeJD"QaQ\x91\xe8\xd7b\xb1L\x0b\xa8dRiqM\xcd\xe1\x86\n\x805r\xfcU5\xc0:wp\xff\xa9\xaa\x1bU\x17\xabn\x00\xae\xb2\x8eY\x13\x82\x91\xdauas+\xc1V\x10&lt;\x08\x9c\xdb\xe9\xccE\xe9\x9a\x90\xb5v@\xdd\x0e\x15V8\xbe\\\xdfV\x81&amp;\x9d\x12\x08\xc4\x1d;\xf6\xee\xaa)\x16K\x1b*++\x1a\x1ajkk\x1e&lt;\xa8\xa9}\xddV\x7fy\xf2\xf8\xb7\'\xbb\x9b\xcf\x1d\x04\xdb\xb9\xf3\xb3\x1f\xbe\xde_5,\xf9\xe4\r,5\xb0&lt;\x12b\x19+\xc9T\xf1E\xa4v\x8b\xb9\xa9\x1dgg\x05\xb6\xd9rw\xb7\xc2@\x07\xbc\xcb\xf5\xad2qq\x89\xb8T,*\xda{\xe0\xc0\xde\x03\xff8[{\xb8\xbf\xa2\xad\xa2\xbf\xbf\xf6I\xcd\xd9\x07\x0f\x9e\xbc^\x8d\x87\xbd\x1e\xcf\xf7-wXX\xfb\xbe\xfej\xcfW\x9f\x9d\x1a\x96o9a\xcc\xf2\x12&amp;\xd4\xb9!\x18\xae\xb2\xd6\x89\xe9{O\x98\xb0\x01M\xa4\xb2\x19a\xbapSM\x05\xbc\xf1\xd5\n)\xca\x0c@V\xe1\xae\x03{\x1f&lt;y\xf7\x1aliuu\t\xc1\xaa\xad}\xf2ni\xd9CC1h\xa0(X\xbf\x9e;\xb8\xf3\xe0\xbe\x1f\xf6|\xb9g\xdf\xc5!\xf97\x0fM\xd9I\x92H]g\xe4\xcd\x8d\xefE\xb6\xff\xa2\x89\xc4\xe2\xcbK\x87\x8bKD%bq\xf1\xf6\x9a\'\xef\xfe\xf3&gt;\x99\x0c\x87\x93o\xdf\xc6\x01nC\x7fmC\xc5\xeb\xa5e/=\r\x85&gt;|]\xd7~\xfay?\xe0\x02X_\xfeagU\xe3/\xa3\x1b\xad\x04\xf9 \xc8\xdc\xf6\xc7\xd3\xfe\x1d\xc0\xef+B&gt;5\x84\xc2o\x97\xfakD\x85\x08V\xff\xd2\xfb\xf7\xc9X\x88\xa6C\x81X8\x1c\x8e\xaf.U\xf4W\xd4\xd7/\xad\x86\x03\x94\xcb\xacd*\xeb\xce\xceK\x17O\xedG\xb0\xfe\xb2g_\xd50T\x10\xc2\xc6(\x96\xfaw\x02\xbf\x87\x90\xda\xa4\xc4\xf3\xd5\x0bl\x94\x10\xa9x\x81e\xeb\x1b*\x9a|\xdf_\x83`\x89\xa5K\xcbh\x1b\x8b2\x18|\x10\x9baXc4-UT\xb4\xce\x8f,Oz|W\xfe\xc7\xaa\xd9\xc64\x95fq\xbc\xe1K\x1b\x936M\xda+\xfd\x80\x81\xf6V\x92n\xc9\x92pc6\x85\x9b\xd2\xa6E\xa0\xd3Bqmc\xe9-\xa5\x85\xe5U00:\xb0\x03X\x10$\x8d4\xa1tD\x19B\xb2\xae\xcb\x96\x8d\x83\xa9\x1d\x08\xb8\xe9\xa8CVH3\xb3i\xdc\x18B4\xf1%Q\x8c\xe3\xa8\xbbFF4c\xe2\x9e\xe7\xb6\xb4\xb7\xd0A4&gt;\nDH\xe4\x97s\xces^\xfe\xe7q\xb7\xc1 \x86f\x8b\xe1\xc1\x82C{\xd3s\xc0Z\x8e\x9c\x82\xc6\xbfD\xd3\x03\x87\xc5\xb8\xfb\x1c\x866\xc9p\xe3\x074\xf2\x07\xbe\xbb\xf1\xf4\xd6&lt;\xa5\x12\xa6\t\x14(\xaa/\xcd~~\x12:\x9cs\x97\x8c\x17.\xfc\xbb\xa7\xaa\x06\x9a@\xa3\xfa\x9cs\xfa\xe2i\x98Z\x8fON\xf7\x1e\xbfX\xd7\xdd\x9c\x9d\xbe7\x17\xb0\xb2$\r\xa7\xff\xbe\xf360\xbe4HhKq\x03\'\x0b\xd0\xec#\xff\x1cz\xf9\xdcO\xa9T\xc2\xbc\xbb\xcf\xee\xdf\x7fv\xff\xf6\x95KN\'iV+\xf5]=\xd6\xf2\x1a\x85\xa2Gm\xe8-;\xed\x06\xaa^\x83\xc5b\x98\xee-ki)\xcc\x91H\x1c\x80%\xcf&gt;y\xa4b\xe3w&amp;\x8b]lv\xd2\x07;\xa9{\xe0p\xd8[4\x87\xb8\x1f\xd1\xc7\x17\xdf\x0c\xdd{\xee\xf7S\x94\xb0\xb4\xefV\x9fB\xa1\xb8\xdbS\xa2W\xaa\xcdf\xb3\xbe\xc4S\xddZ\xea/\xed!\xc7\xdc\xc8\x81\xd3N\xb5Zm\xa6\xb9\xce\xf7{\x81)\xcb\x91%\xdf\xfb\xb7#I\xd2(\'\xaeb3\xda\xd1\x8f\xd0\xb7\xbe\xbc&gt;to\xdeO\x1f\x95P\x88\x92y\xd5YH\x9a$iVvY[Ke\x84\xaa\xca\xd0\xd6\x88\xa8f\xaf\xdc\xbemT\x92\xd3\x93ee\xb5\xfd\xa2\xac\xf6v\xc0\x12\xa7\x7f\xfe\xed\xce#&amp;.\x8d\xc6V&gt;\x9b\xe4\x8b\xc4\xb6\x86\xcd\xba\xfc\xa7\xff\xde\x9b\x9f\x02(\xc8\xe4\x02\xc8\xeb\xe5U\xcfn\x9f\xb3\xf8|\x06\xd2\\R\xdd\xe7\xd7\xe9\x84VK\x1b\x8c\xd0\x17\xcf\xc0\x1d\x98\xb5LO\xd6\x8e\xd5\x8d\xd5\xf6\xdb\xc4\x88\x0b\xb0\xce|\xcd\\0%\xfd\xe7)\xba\xf7\x8d\xd2\xc4\xd8\xaf%\x16:\xcce[\xc7\x81(\xd6\x14\xee\x17\xf03\xab{\xce\xfeu\xf6\xcf\x9f\x9dvO\xf6\xfaHc\x8d\n\xc7x|\x0f\xe9\x06\xac\xc93\xb37\x86\xfe\x05\xf7\xb0\xb1m\xb0\xbb\xae\xa5P\x8b\xbc\xd8.N\x9f\xfd\x82\xb1`\xda\xf8\x92\xb41\xfc\xa8\xc5]\xe5?\xae\xdf{\x0eX\xb8\x9f\xe2\xe7[\xbb\x8c\xea3\x9f\x9d\xfc\xc3\xef\xdb\xa6-&gt;\xb2K\xc1\xcb\xe0\xee\x0e{f\xfa\x87\x1b\xdb\xc6\x8e\x9f\xb9\xfe\xcdw0\xeeC\x82\x18\x1e\xeen\x968\xe0d\xc9\xd3o\\\xde^\xa4L\xf1\xc3\x84\x04\xc9f%I\xbe\xacD\xb6\xdb\x7f\xe4&amp;\x8d\xe5\xf7\xf3\xf8E\xdf\xeb\xd5\x96\x1b\xb3\xc7\xdb\xda\xc6\x9c\xea\tu\xd5&gt;T\x8f\x00k\xa4\xbb\xb1\xcd}q\xf6\xe6\x10\x9d\xbb\xea\x86!s5\x8b\xc4b1\n\xf9\xa1&amp;6ca\xb4\xf1+\xd9\xf1\xcfL\t36\x97\xa5P\x81\xd9I\xebU\xf8G\xc5\xb7\x08k\n\xf3gp\xf9E\xd5\xdf\xeb/&lt;{z\xceb\xb0(\x95j4\xc8B\xdb\x15Y\x9b\xb9V88|\xba\xd7y\xe5\x8a\x13\xaeaoY\x9d{\xb0\xbb9W"\x91\x8b\x1d\xda\xc2\xeb\x1d\x89`I\xe8\xd6\x9cTZ\xf7\xfb\xe7DF\xe6\xfd\xfa\xe6K\x08.,\x03\xe3\t\x8eff\xb6*\xa0D\xdf\xbfPRR\xd2e\xcd?\xba\x81\xe5m\x1etO\x92\x97\x8c\x97\x940]\xfb\x82\x9d\x9d\xfd\x85\xb9"\x11pi\x0boV\xb2&gt;r\xd8\xdf*p1\xbf\xf5\xe5\x03\xc0\xc2\x01\x0b\xe2\x08\xb5\x80\x82?\xb6\x96[=\x1e\x8f5\x02\xc6\xa2\xb1\xfewMkk\xae\x9b\xb4(\x8dF\xbd\xd2\x0c\xb9\x83\\\x80V\xd0f\xf3\x02\x96\xfdA\xfd\xb6\x8b\x11\xe6wYL\x9dw\xb3\xa6\x9c\xac\x05\xb38M\x0f\x9e\xde\x9b\x97a\x18`\xa5\xedFm)\\\xc8\xa2\xa2H$|\x14(C\xa1\xa3\xc8ZZQvw\x19`u\x95\xc0h\r\xb9\x16\xa6\xb2(\x96w\xe1HeG\xc7~\x16k;\x959\xbe\xaa\x7f\xafJ\x19\xab\xa9\'\xea\xe7F\x9b\x1e#,\x1cRAZ\x0c\x0bf\xd6p\xfe\xbe=\\\x8a+\x0c\xed\xd9\x17\xf6,^\xd5z\xd3\xbbk\rjcWW\x17\xcdE\xc2X62\xe2\x15\x8b\xb5\x137\x0f\\\x7f\xfdc}\x8a\xf1\x90\xb3\xb5U\xd8l?\xe6\xe7Xw\x1aU\'G\xa7\xe6\xa7\x9e\xdf\xbd5\x0f\r)\xcc\xacp\xf1\xa0\xbb\x81\xce\x99\xcf\xdf#\xe0\xba\xa0 \x85B{\xc2\x91\xb5\x1f\xaei\xa5\xcd-&gt;\xb3\x91\xa6\xd2+\x97\xc9\x89\x89\x01\x84\xe5\x10\xdb\xc6\xfb\xb3\x1f\xbdkb$\xec\xf8&lt;\x91\xe8N\x19M\x0ek\xdb\rC\xec\xccM\ta\x9e\xe0\x96",\x8c\xc6B\xad`\x1a\x05v\x12r)\xf8B\xb9\x84\x81|\x0fx1\'\xbb\xae\x97T\x1aKh/\x9a\xc1ZQ,\x87(]*\x91/\xfe\xc4\xfe\xa4\xfa\xd6h ,\xe4a\x185\xa5\xd3\xc9\xb0\x8c44\xe6g\xb8\\2\x99\x8b\xe2\xa6\x01\x92\xcb\xa53\xb9B\x8a(Vw\x99A\xad7F\xb1\xa2TZ\xc0\x92\x14\x8b\xc5\xd2\x95_&gt;p\x85\x9e|\x05Y\x9b\'\xf1\xa5H\x84\xc21\xcc/#\x08\xf0b\x06\xa6\x93\x01\x9fL\x87\xbb\xc0\x81\x14\xe6\xa2\\2\x9d?\xaf\x1591\'{p\xcc\xe7T\xea\x01\x0ca\xd1TrGV\xbb\\,\x96K\x8f\xbdMTAv\xe2=\x0b\x9b\xc5\xde\xbap\xda\x89]\x97J)\x8d\t\xb8\x08\x13A\xe080\xe9\x08tt2\x00\xc3e\x00\xa7R\xf5\xb5\xf6\xcc\x8c\xd8\xbc\xde\xf4S\xeeI\x0b4ath\x1d\x03\xaakP\x12\xdb\xdb\xc5Zi\xb1h\xe4\xf5\xfeO\xe9\xc4\x13\xa3.\xd9\xd2\x92.\x03\xd7hL\x84\x0cQ\xe9t&amp;\x8d\xc9d\x02.\x99\x0cs\xa9\xca\xabjjz\x96\x07\x9a\xbb\xc7\x1fy\x1b\x86\xc7\x0cN%\x1cu\xd4X\x8e\xc3\xe8\x88E\xd9Ri\xfa\xbb\xca\x9d\xe9[\x1b\xd3\xc4\x86\xd4\x9c\x18\xc4\x13\xf3"r"\xae[\x1a5\x01\xd6\x92\x86@L2\x1c\xb0\x10#\xb8\xd2\xe5\xe2Z\r\x93\x17\xaa\xf4\x0b\x83\x07\x0f\xba\xed\x8f\n\xbfr\xf7Z\xcc\xa8\x13$!\xb2\xbc\xda\xf6\xc3O\x00\xcb\x91\xdb\xb0W*]oJ&lt;\\\xfa\x8d\xcd\xc1\x07(\xcd\xec%\x17\xb1\xa4\xd1\xf10\x84E *LF\x98\xd0!\x90\x07\xf7-\x06\x9dwk\xf4\xc1\xe1\x83\xbfk\x0b&gt;j&gt;\xd88f \x9d\x90\xe5ic\xc9\x01\x0b\xb8\xb4\xd9\r\x87rE\xebM\x9f\xd2\x89\x15\x1a\x8a\xd0\xe8\x84\x99\xa51,\x882p%\x01d\x04N\xb9\xa8\xf0\x9a\xb5\xcf\xaf\xaa"k\xeb\xdcc\xc1\xf1S\x07\xbfrO[HHY\xe8\x1aJ\xc4\xed\xc8\x87O\xbc\r\xa7\nr\xbd\xebs;\xdd\xf3\xc6\xae\xc5\x86\xc8K\xeb"\x89\xb7IQy\xabB\xe3"\x08*\\}\x0b\xb0\x90\xe3\xa0\x02\xe18\x8e\xc2\x1e\x8c\xe5\xa2\x02\x91\x00\x85\xf9o\xf5\x18\x9d\xbe\xce\xce\x16\xb7\xdb]k Q\xc6\x1a\x18\xb1\xd9\xb4\xd0\x9d".o\x01`=zW\x9fP\x99\x99\x82V\x8c\x80\x13\x07\xd9\xa1\x13q\x02\xdf\x1d\x8e\xf4i\xa21\x0f\xf5\x1a\x1d\x94\xc4\\P\x8d(!\x98\x0cf\xea\x9a\xb3J\xb5\x9a4\x18|&gt;\x8b\x93\xf6 \x94C/d\x07\xdaZ\x08\xeb\xea\xeb\x8aO\xe9D\xd6(A\xb8B\xe1\xb0*\x86\x95\x01\x87Ga8\xe40\xf4\t\x92\x97jW~Q~\xbe\xa7DoD\x05zb\x82D\xe1\x0eX\xa2\x1c\xc8\xa5\x1b\xd6\x92\xfe\xf0\xaabgNL\x15\xf7\xecx\xd7\x1f\xef\x16\xe7\x08\x02\x0b\x85\xf7M\x99\xa2\xb7\x0fr&lt;\xfa\x0b\xcd\x04`a\xa8&amp;\xe6\xf1\x8b"EE\x1e#JWfH\xee\xc7P`\x89\xd0\x91\xc8\x1d\xc8\x8b\xa2\x82S\r\xa2\x99\xb7;z\xcb\xc2J\xf9n%\xf6"\x89\xf9\xb39\xb0Q(\x1c\xd0E\xad\x85#c\xf1x\xb4\xcdx\x08J\x18\xe2gF\xac\xd5\xd0\xb3*\x97ar\x04K\r\x00\x95\rQ\xe5D\xb1\x9eH\x1b\n\x0e\x89\xa0&amp;\xee@\xa3\xdc\xd9\x88Aw\x10K\x10\xf2G\x85\x04`i\x08\x19\x06H&lt;.\xf46h\x87!\x14\x96\xe6\x05\xf2\xf2\x02\xf9\x11$\x99\xa2\xc1\x11E\xbb\xdd\x8e\xa8\xbc\xf0W\xa2u\xb4\x03Wq\x8eT\xe4]o\xda\xba\xe0d\xbd\xef1\xcb\xa6\x07z\xcc\xce\x88\r\xc1\xa5\x83\xa2C\xd0\xd6\x8abAG\xc1\x15\x08Byy|~ \xa0\x88&lt;\xb4v\xe9Q\xe77qla\x00\xa8\xec\xb6\\Q\x0e\x9cb\x89\x1cj\xcfa\xa8\x89\xf2\x9c\xab\xaf\xeaY\ty\x84\xb1%d\xa5z\x91\x94\xaa;\xddl\xd8z\xcd\xd4\x94\x0e\xd2\x14\x94\x1c\x02\xa7C\x0b\t\xa7i\x02\x81 \x0f\xa0Z#\x0f\xef\xf4\xfc\n\xd1N:\xc9\x85\xa0\xdd\x1e\x84?6\xa9\x14\xa0\x8a\xb5(C\x00\x16\x0c?\xde\xf5\x9f\xd9\xa9\x9e=\xb18\x1f\xe0D\x16s[Pqb\x8ep\xd1\x89\x1daa(\xaa\xc0\x89\\\xa1@\xa8\x12\x06\x1e\xdeY[[[]]\\Y\x99X\x980\x94\x9d??&gt;\x1e\xec\xb4\xc3%\x04SI\xb4b\x1a\xcb!\xcfr,\xfeR\xbf\xfd\xa2:&amp;1o\xfb")\xd6.o\xe89\xfbGM:\xd4?\xa0\xd8\xc2\xa3\xc1\x0e}\xb3\x8a\xc7\x13FVgfV\xe1,\xce\xcc,\xaf\xac,\x9c\x1f\xab\xabk9\xdf\x19\xb4\x81\x07%Z-\x0cc\x08\xcb{\xc8;\xf3\xb6\x92\xb1\x97\xe6\xa4\xdcUs\xb6\x7fV\xb6I\x06Fws\xff\xa8\x06U\x1b\x08.\x94\xe5\x91\xb5\xb8&lt;\x95J\xa8(/\x99Y\\{\x08\xe7\x0e\x9c_\x17W\x82-0L\x8fu\xfa\xec\xdeb\xc0\x02*\x84\xd5\x9e[P\xb8\xfe3+y\x16\xdd\xfc+\x92\xd2\xfe\xe64\xb6\xa5\xc7\x88\xef_\xe7~\x9c\x9f\xd7E\xb1\xc0V\\\x88y^^M\x97~y\xf5\xce\xc3\x17o\xde\xbc\xa0\xd1\x16W\xec\xfd-\xddue\x06\xdf\x00\xc2\x92\xcb\x81\na]\xed\\xU\x99\x94-\x99\x1ai\xe2]Jl\xc6\xe6\xbc\xe7\r S9\xac\xbc\xfc\xf8\xe5s\xc8\x10:\x14\\p\x13\xd3Ti\xfc"\x8f\xb5\xbc5\x10\x08\xbc\t\xbc\x00s\xad\xad.\x1f\xb3\x8f\xf7\xf7\xf7w\xfa|v\x88-\xc9\x86\xb1\x0e\xbf{\xf0\xb8\x89\xfd\x1b\xb31g\xcb8\xf4\x9e7d\x9bnc\xd3\x7f\x1e\xffd\xa2\xf3)x\x91\x87\xb0ve\xe6g\xf2\xf3`\xee\tD\xac\x9e\xb5\xd5\xc5\xe5\x89\xe0\xf8xa\xe1x\x7fg\xd0.\xcd)\x86x\x8fZ\xeb\xf0[\xf4\xdcs\xc7\x8fY\xe2\xcfU\x19\x06Lz6\xc2I\xbc\x92\xe3\xb0\xeb;:F\xa3i\x1e\x87b\x08~T\t\xf8|\xfe.\x94%2#\x9e\xb3h\xa6\xb0\xf8\xfeO\xcb\xf5\xc04\x9d\x9e\xe1\x06\xef\xae\xbd"\xc8l\xcf\x167\xe6\xe8\xb5U)\x97\xcen\xec,U[\xee\x90\xda( \xab\xc3\xd2\x02r\xc0h\xcf\x06n\x89s\xe2\x019\x11\xafg\x98\'\xce\x8a0\x86\x89\xf6\x88\\\x98F\x8d\x0bKpQ\xb8\x1d\x1a\x08\t\x19\x17\xce\xdc\x9d3\xce\xf8\'\x8ceQs8=\xff\xedy\xbf_\xdb_[\nZ\xb2}\t\xc4\xeb\x99\xe3\xe1y\xdf\xef\xfd\xde?\xcf{\xb5\x1d\x0cXG\x87\x96\xc8\xf2\xc3\xfa\xe7c\'\xdf\n\xe1\'\x15"\xff\xe8:X\x90\xf9\xff\x1c\x85\xc0\x88\xf25\xe2/\xf4\xbeM\xa9\x1f\xd1\x85\xc2,Q\nL4?\xd7ed\x965\x8c\xf4l\xdcx:+\xb7\xb6\x16\xa8pdZ&lt;\x87\x1aj\xe7\x02\x97\x1f\x96 b\x0c\x11\x1c\xfe\xf0\x1d\xe8\x98U#\xec\xf7\x08\xc2\x02_\x89\t\x92\x8c$\xffX?\xb3\xcc\xd10\xd2V\xb7q\r\xe8j2\x1a\xd5j\xa3J\xa64g\x07`}3\x15\x8b\xcaY0\xed\xfb,\x12&gt;\xf6G\xfbEV\xef\xbc\xce\xc8J\x90$\xfd:)%\x85\x89 \xd6\x969JA\xd8\x86\xc2\xdcZ_\x93\xda\xa6V\xabd\xdat\x16\xb5\x08\xd6\x9d\x89\x82\xd9T?\x82\xc89\xec,\xb2\xa5P\x86\x83o\xa3\xf3\xe2rfB\xf2y\x04yq\n\xc1J!\xba2\xd7V\xe4\x97\x8e\xac[\x83\x0c\xb5I\xadf\xb0\xe4\x88\xf1\xef\xfc\x88\x9c\xeb\xde\x84\xf0\xf9\xaa\x06\x91`\xce\'\xa7\xb5\xbb\xfbuj\tR\xdf\x86`\xd1Y\x84\xcc\x06A"\xa3\xa6\xcc\x01\\\xab\x0ev\x18\xd5*\x15\x8c(\x87\x15\xdfa=\xcaG\x931\xa9\x9fbVA\xe7\xf4.\xa7\xde|q1\xe54\x12)9\xfc\xa2Eq\xc8N\xcf\xe9\x90F\x80/\x9a\xbb\x9e\xe90\xca@\x16E\x08\n\\\x80\xf5\xa07&amp;\x0f\xe6{\x94a\xa3\x83\xd0\xc1\xba (#b\xff\xc6\xfe\x0b\x13w\x80\xca\x0f+\xa1\xf8\x83\xee\xe3\x16]\xe3)}\r\x89YP\xb4\x96\xd0$Q\x8e\x97\x1a\xb0\xe8\x0cO\xe5\x88B\xc7\x80\xfe\x10\xc1\xf7\xb7_\xac\xb35\xf3\xd9\xed\xbch\xd1\xe9\x00\x08\x07\xf1JB\xd8\x8aQ\xefw\x9b\x88\xad\x1a8\x17*\xfc=Hj`A\xe4\x0fx\xab\xb3\x11%b\xb4\xe1\\\xf4\xf2\xad\x7f\xb6Z\x11Dut\x08\x1dr\x9b\x0f\x96ww[N\xd5\xd4\xd4\xd0\x90:\xab\x93\x92xJ\x00\x19.|\xcb\xbe\xf0\xd8\x1eSx\x08\xef\xdd\xf3\x99DH\x19\'\x8cT$\xf7v\xebI\xe3\x96\x91a\xcdHb\xb8,\xd2\xe3\xb0\xe1W5\xa4\xc4kh\xdbP8@\xa9\x96\x99`QvJ/\xe3pX\n\x1f\xfc9\xc2\x90\x1f\x11\xaei\x9e\xc3\xb1\xffD\xbf\x96\x9d\xcc\xcc%V\x9d\xc5b\xc1\xd7\xc3\xc6SW\xf3\x1b\x1aJ\x1b\x1az\xb2\x8a\xce\x18\x95~H\xe9r%\xcd\xaa\t\x96\xe0\xffl\xc4\xdd\xf6\xb7\x1b+\xcapP\xe8TT\xe8\xad\x8d\x8dV8\x95\xfej\xe9\xb5\x9e\x9ek\xd7zN\x97#&lt;hA\x15 )\xb52\x15E/\xf3\xf9\x89\xd8\xb6\x1ff\xcc \xc2\x8d\x18\xf6\xf7\x9c\x17\xa5V\x87c\xdf\xbe\x06\x9c\xd2\xfc\x9a\x1a\xbd\x9e\x9c\xaa\xf4k\x12z\x02Unm\x93M\xa5\x94\x13Q*\xc4TD\xaft\xc5\xf9\x89\x19\xb3\x87\xc0\x7f&gt;\\\xce2\xa7\xabh\x92d\xee\xeb\xef\xef\xaf\xc3\x19\x01\xb2\x8a\xfc\xfc\xd2\x86\xb6cG\xcb\xcb\x8f\x1e\xcd*\xdaU\xed\xb6\xa9\xb4\x1cS\x04K\x0b\xbf\xbf0U\x10%\xb4O\x97\xdb\x8ab5b\x88\xfa\x19\xb0\xe2$k\x01j]\x1d\x8d0\xdaFFF\xbe\xee9}\xb4&lt;\xf7\xc4\x89\xdc\xdc\x13\xbb\xaa\xab\xddj\x19\xa92T*\x16\xe9\xcd\xd9\x04\xcb)\x0c\xd7O\x0b\xf9\x06ex\x811]V\x16\xd9C\x99\x81\xf6\x1c\xc0\x8a\x13W\xf4\x13\xa6\xba\xba\x9eu\x94\xcd\xd0$\xa56//\xaf6\xcfW\xed\x06,\x1c\xc2\xc4\xfc\x1d\xb0\xb2\x1f;cRNG\xa6[Q&gt;\xf0o\x95\xf1\x19RN\xabI\x9a\x80l\xb9\xa1\x8e\xb8\xa2q\x05\x92?\xa0\xaa\xf5\xf9|\xd58\x80E&lt;\xd1S\x8dJ\x91"\x97"\xfb\xbe\x9d\xffY\xa2p#\x8aB\xb2\x02&gt;@D\x8c\\B?\x08\x12-\xe0\xd5.\xb4]\xd0*\x95\x92\xe8 \xd3\x01C\xb6\xb5q\xc3\n\xc0\xf2\xf9*\xab9X6\x1b\xcb \x80J\xce\x02\x979\xfb\xc1\x8e\xa0V\x85\xd7[\x08x\xd9t`WR$\x08\xce\rbU6\x17\xb4"\xb0\xa3\xec\x91d\xacu\x8c\xb0\xcc/\xab\x90\x83U]]UU_\xef1\x18\\. cdQ\x98\x90\x9b5\xcf\xb6\xce:\x91\x10\xfe\x0f\x1e\x1f\xb0u\x8eF&gt; lI\xd9\xbe\x11\xf0Ef\\5P[[\xd9^\xb5\xd7\xd3\xd2\xd2\xdcL\xa8\x98g\xc9\xe5JJ$4\x8f\xb6\xc6\xbaq\x171K\x17\x84\x08Z\x04\xfcR\x01_.\x82-\x8b\xf8\x1c\x8d1\x12\x13\xc4 \xcc\xe1(u\xe0\xd1\xe9\xd9\x00K\xee\xca\xab\x040\x8f\xc1Ew\x91\xfc\x9e\xddG\xa5Y\xf3hR \n\xfc4Q\xe82_\xc8\xc2,\xbb{\x81\xbe\xf7\xb4\xa5\xad\xb0\xb58AH\xc9\x1b\xf8\x94`!\x99am\x08I\x12\x89\x14\xf1\x065\xea\xf3K\xf1J\x1f\xce=\xd1\xd5^\xefRk\x11\xe5\x95\xec6\xc2\xc7\x94\x8a\xd4\xc1I^\x19#\n]\xe6\x0b\xbc\x80a\xfd\x19A\xccK\x0f\xf4+\xb5ZR\xc4\x9c\xa6\xec\x07\x89RqFF\x92\xc4\x94\x98h\xd2\xe9+J{\x8e\x9d./:\xe8s\xab\xe8\x02\xa6k\t\x15\xac\x89\x02\xe8\xec\x84 \xb6\x00\xc1\xcc\xe3\x1fY\xf3\x92\xaf\x80\x08O \x10\x85&gt;Q\xec\xd7(`\xb0@\x17\x15?\t\x12q\x92X\x9aHr]\x8b\xb5\xa2t\x04\x8c\xe1\xa9\xd6\x9a5\x9al\xb3R\xa6\xb2\xe1\xc8\x00\x8b\xa5\x10\xe1D\x08\x84\xc2h\xef[h\x11\xc1\xdb.\x98\x84\x86F\x12Q$,JI\xe3\x12\xa8wJU\x06\xee%1G|\xa1\xc6\xd8\x985P\x02o\xd2h\x00Km#\xdf\xc7?}9U0\xad\x03\x12\x820b3sN\x0b\xcc~X\xc0E\xcd7\xa9\x98\xe6\x8a$#6\xe9\xac5\xc0\xd5\xb6f{\x89\\\x91\x9a\xaaQ\xc8e@\xe5\xb2\x11\xac\x0bS\xce\x19\xa4c/\xb26)\x0c\xb6\'\x85\x11-\xcb\xd0&amp;t\xabEB:&lt;\x1a{&amp;$&amp;\x90LP\x9ap\xfc\xb5\xd7\x8auV\xe4\x12\xf9#~X\xa9\n\xa5\xca\xe6rq\xb0R\xf9\xa2:B&gt;\x1ceH\'\x8clR\xf2\xfb\xcc\xe1M\xca0\xe7\x12\xb2\x9b\xc8\xd4\x9dq\x88\xf7p.xW\xf1\xf1\xe3&amp;\x8b\x159N~\xdb\xf8\x1edX\x1a\xb0\xa5U\xbb8X\nM*\xe2\xe9\x0c\x8bY\xd1v\xef\xe6\x16N\x19,\xc4\xf98Vd\x90*]g\x91\x9aL\x16\xa2\xabtCg\t\x02hv\xaa\xc6\x0c\xb2\x0c\x01Xg~\xbec\xae\xbb\xaf3\xaf\xc3\x85\xb51\xb7\xfe\xad\x91y|b\x1c5\xbf\x81J\'f\xe5\x06\xb2g"\xabp\x0b\xa2h\xbaB\x93-W\xbb\xd83\xa4&amp;X\x86\xfd\x9f\xda\xa3\xbe8\xc2\x197\xee\x04\xb3\xaf\xc3\xf1\x816\xa7\xf7\xc9\xd4\xc7\xef}\xfc\xb9\x15\x01\x82\xdc\n|\xc5II\xc1\xafC\x8df\xb56Z\xf5\x15\rk\xf6\x18\x91\xd1\xc8\xcd\n\xb3\xd6f\xc0\xc1;$\x83I]\x9b&gt;\xfa\xe5\xfbNAt\xf3M_\xb8\x8b.\x0f\x8a\xcc#\xb8\x1c\xfe\xc9\xc3\x1b\xb7\xefm;\xf2\xab\xbfZSR\xc4$\x1bf\x8dJ\x82%F\xa1\xd1h%\xa1\xd9\xc6N#u\x1fP#\xa6\xab\\\x86f\x83\xc1\xc6\xc1\x92y\xd3^=\xf2\x8f\xf7\xb6\xdas\xa6\xab\xd0\xa7wH\xc3l\x17T\t\x86(\x86\x02\x1d\xe9\x82\xde\'wo\xdc\x1c\xbf&lt;ph\xe5\xfe\x9d\x04\x0b\x8f5\xeb5\x9b\x16\x89\x932\xa8h$\xae\x1cu\x85\x1d\x14\xaadHh\x18Y\xf5.\x8a[0\xa2\xd9\x1b\x9f\xb6\xe9g\xfb\x8f\xfc\xe1\x8f\x9f\xbeo\x0f\xdf\xc9\x14E\xdd?\xe4\x03&amp;\xbf\x8e\xce\x7f\xc4}\\\xd0\xfb\xdd\xdd\xa7\xdf\x0evv\xad~s\xde\xca\x1f\x03\x16=\x8a\x89\x8c\xae8v\x15\x93\x92\x88+G\xff\x9a\x81&amp;7\x07K\xa964{\xea\xeb\x91\xd7\x93\xfe!U\xd1\x1c\x1fO\xaa\xf9\xef\xbd\xf1\xe1\xce\xcf\x7fo\x17&lt;gO\xfaE\xaeENk\xf7\xdd\xa7\xb7o\xde\x1c\xbds\xbe*y\xe9\xd2\x95\x1c\xac8\xce\x8c\xa6\x00,\xb8\xfb\xbeu\x85g\x9a\xdcH\x03er\xb9\xccE\xa8\xea\xddnd\x83$H\xe2`\xadX\x11\xefm\xf6\x95\x7f\xf1\x1bgx\xf2\x1e\xed&amp;\xceZG\xc2z\x0fo&lt;\xbd\x0ePC}\x97\xbe\xf1\xcd[\x96\xbc\xf2/\xfa\xa4\x14\x06\x8b\xc3%a\xa8\x96 \xc27l,\xcc\xf5\xb1\x12C\xae\xb4\x11YU\xd5M$\x94\n\xc0b\xab"\xc0\xe5\xdar\xf4\x0b\xb6H9cGkv\x9ev;[\xbf{\xf8\xf4\xfa\xf5\xd1\xc1\xc1Q|?;phi\xf2\xe2e\x9f]%\xfd&gt;\xc1"dHS\x93h5\x84`\xad[S\xb4\xcb\xc7`iA\x96\xa7\n\xb0\x8cF\x19E\xf9\x10Xi\x9b\xbc\x06\xf5\x9e\xff\xdc\x9f\xccy\x9e\xa6y\xa6\xb8\xf9\xe4\xe1]\x80\xba98~v\xe8\xfaP\xd6\'\x9b\x7f\xb8pY\xf2\xc2\xe4\xcf\xaeql\xc1\xad\xf0e2\x11\xae%z\x0e\xd6\xaa\x83\xd4\xa2\xd4\xcae\x06p\xd5\xde\xce\xc1J\xe7`\xb1=\x91\x15\xdef\xef&amp;o\xb3M\xb6\x1d\xc0\x9c\x05\xb3\t&lt;\x85\xbc\x0c\x82\xff\xcai\x85\x9b\xdf\x1e\x1a\x1d\xcc*\x1f\xbf\xd2w\xfd\xde\xe1\xcdo\x9e|\x8b`-\xdc\x7f,\xc3\x0f\x8b\x06d\x928\x93DB\xbe\xc5\xad:\xb0\x8e\xaeV\xae2x\xaa\xda+++aD\x95\x161\x1f7\x91\x83\x15\xdf\xac\xb6\x19Z\xbc L{\x9e\x01\x8b\xb8\x7f\xa2i\x0b\xcc\xa1W\x81@\xfd\x1d4\x95\x1f.\xea\xbc\xd3w}4k\xfd\xc9\x83\x97\x87\xf7\xbc\x05X\xf3\xe7\x1d\xd6\x8bC`\x11eRK#\\\x9euNs\xa9\x07\xa1T\xd7\xef%T\x80EQL\x81\xb8\xe5\x87\x95\xd6\x8c\x92He\xf0z[\x0c\xea\x12\x00\x9b\xd8\x11e\xe3 zk\x951\xf5-h*\x1a\xd8&gt;\x0c\xa6\x86\x06\xb7}\xb8\xeb\xf2X\xdf\xa5/\x0f\x01\xd6\x82\x85\xeb\xaf\x89%q\x1c,Jk\xa4\x84K\xe7\xa7+\x0bt\x19eZ\x1bL\x98\x97W\t\x97W\xab\xe1\\\nC`\x07)\xcd\xebq\xab\xe4r5\x18c\xc0\x06\x1fLM:\xa3U&gt;\x02A\xe8\xd2\x03\xe2\x81\xfd"\x98\xba7\xdey~\xf8\xca\xd8%05x\x18\xa0\xe0\xf2}c\xb7\xf6.K^\xbc`\xc1\xf7\xffd\r\xc0\xc2\xc3#\x06,\x89\x8e`9\xa8\xe9V\x04\xb6T*W}\x15\x8a\xec\xbc\xea&amp;7\xcd\r\xd2\x11\xe4\x03F\x8cO{\xd7\xa3\x96\xa7S\x04\xf1\xb6x\xdc\xc6[\x97\x9f\xdd\x9f\xa0\xff\x07\x08\xaf\x0c\x9e~G\x85\xceVzc\x86\xee\x9d\xbd2\xd6\xd7\xd77\x06\xd7\xfadsW\xe7\x15\x02ug{\xfb\x1b\xc9\xcb\x92\xe7\xbf4\xff\xa3\x7f\x91\xc8\x0c&amp;d!\x8b\xb2\x08\xf2\xad\xb2}\xfdd\xc4Z\x8a\xa8\xae\xfa\xf6\xbc.\xb0E\x11\x02UP\xf3\xa6x\xee\xa4y\x010\xad\xc5m\x94\x1fP\x1c0\x1a\x9a[&lt;UM\xbf;?\xf8lj\xd2\x1e\xb1\x85\x1f\xd6F\x86\xf5n\x0f\r\x8d\x8e\x8e\xf5\xe1\xdb\xbd\xf1\xa2\xf5\x9bOvm\x87\x1d\xfb\x86\xce\x0e\xac~e\xfe\xfc\xc5\xc9\xc9\x0b_~y\xde\xce\xafp\x01\xb9\x00\x9fA\x83\x0c\xda\x1d+s\xf4\xaf#\x1bV\xd6#\xcb2T\x05a\xe12\xba\xd8\x9a\x0f\xd8\xfa\xa9\xd7Xb\xa0\xf5\xc0w\xeb\x8d%\x17.h\x0e\x94\xb8=\x9e\xbd\xbe-\xb7\x86\x1f=\x9e\xec\xcd\tm\xc4\x88\xfc\xdc\x15\xd89\xa2\x86F\x87\xf05X\xbem\xfd\xe6\xd5\'\xbb\x06\xc8\xb9\xfa\x10\xb2V\xcf{\xf5\x15\xf8U2\xac\xf8\xd2\xfc\xfd\xbf\xfdw\xe2\x7f\xd96\xff\xd0(\xd23\x8e\'\xcc\xce\xc2\xc0a\x18\xfe\x95\x00\x00\t\xc4IDAT\xc0\\\xe6\xbf\xdd\x81\xed\x15\n\xbbP\x12\x06I\xe3R\xdc\xaa\xe5\xaeTD)\xe3\x81(X9\x9b\x89M\xaev\xc6J&amp;\xe7V\x96\x04M\xd6i;\xab\xb6!\xcd:\x9dY\xb5\x19:s\x9b\r\xbaqu\x91\xde\x06[\xaebZ\xb1\x8aM\xe2%mn\xdb^\xeci\xce\x06\xa5?\xa0P\xfa&lt;\xef;\x1bi\xe9\x97\xfd1\x9b\x04\xf6\xb3\xdf\xe7\xfb&lt;\xef;\x9b\xdd\x1d\xb0\xab\xd9\xf2\x1ay\xaf\x92R\xfd\x00?\x10\xbe\xe7\xdd\xde\xbeSc\xdf\x1b\xeb\xebE,\xcau\xac\xbf\xbd;tk\xec\xfc\xe7\xdf\xf8\xdc7\xf1\xabR]gO\x1fZ\x9b{{\xe1\xed\xf3\xdba\xec\x1e^k|\xfc\xf7On|\xe5\x7fS~\xf4\xc6\xaf~\x86F\xdd%.M\xec\xaeT*\xef\x9eil`%o\xad,Nme$\x86\xe1\x12&lt;\x1f\x8b\xc5xV\x88\xee^\xbf\xb9c\xc7\x0e\xc0zm\xdf\x17\xf0\xfb\x7f\xc4\xac\xef\xe2),\xc1:76\xd9\x0b\xd1\xc2^\xdc\xdb;y\xb6\xab\x830uww\x9f\x9a{\x03\x05(\xe7~\xd4\xd5\x7f\xf6\xe2\xda\xdc\x02jm\xfb\xe9\x8bk\x10\xff\x10\xac\xf5\x96\xd5\rH\xf9\xbf\xffH\x91\x8e\xec\x19\x9e\xba68\xbf\xb1t\xe7\xce\xad[w\x1e\xael\xfc$\x97A&amp;\x8e\x918QL\xa5Rq\x81\xe5\xa5_\xbc\xbc\x89\xfb\xd1-\x88\xf5\x99M,\xfc\xc7\xdd\xde\xc9\xbeS\xa7H\r)Vn\xbc\x93\x9a\x05T\xdd]c\xdb\x0f\x9d\xff\xecw^\x7f}a\x0e\xc8\xfa\xfb;\xa1\x82\x8d\x85\xe5\xe5\xa7O\x17\xd6.\xac5^\xfc\xf3\x93\xa1\xa3\xe1\x97\x87\x8f\xc2\xb2G\x98^\xfcn\xdb\x9e\xdb\x83\x8d\rh@\xd4\xc3\x87++\xf3\xb7\x81Ib\xe0\x82XL"\x9eJ%\x93q\xc8X\xfa\xe7\xab7\x01kd\xcb\xbe\xd6\xf7\xec\xa0\x0f\xbf\x8avM\xf5\xf6\xf5!\xd5\xd4\xde\\\xae7\x97\x1b\xcd}\x99\xed\xe8\x0e\xa9\xba;:\xde:\xf7\xce\x05\xb0\xe8[\x00\x02&amp;\x9d\x1a;\xde\x7f||\xef\xe1\xc6\xfc2ja\xf9\x05u\x0c\x12\x85)\xbf\xffbvvv\x83\x02=|\x88@\x1b\x8b\x83\xc39\xd8\xc80h\x1401\x08\xc7\xc5\xe3\xc9d2\x15\x07\xd7\xe4\x93\x94k\xdf&gt;B\x15~+\x91Tqr\x92R!\xd4\xe8hF\xe8\xe8\x0e\xd5A\xd4\xfe\xd6\xd8i(\xdeS\xa2\x85\xb9\x0b\xa7\xfb\xf0\xe3\xe2\x93W\xa0D\x00\xb7\x01`m\xf5g\x7f\xfb\xf3\x93\xfb\x1f\xcc\xce\xae`\xc1\x10gec~\xf16\x00e\xb6n\xe5\xa2Q\xbcpQB\x05\x8e1\x12\xac\xd4\xc9t\x12\xa6W&lt;\x89\\\xb0\x7f\x1f\x19\xd9\xf7\n\xebK;\x0f\xec\x19\xee\x85\\M\rO\xe5*\x15\xc4\xca\xf4\xb4S\xac\x8e\x16\x16\x82u\x1d?\x86\x9e=\x9d!Zn\xac\x1d\xber\xaco|\xbc\x92\xdb\x0bp/\xdaN\xfe\xeb\xe3\x0f\x16g\xef\xe3\x88z\xb8\xd1\x18\xbc\x96\xabd\x00(\xcaA\xdbE\t\x14\xder\x1c"\x81\xd2\xe9\x18\x0fv\xa5\xc1\xb0X*)\xffrud\xd7\x08\xd9\x97~\xf1\xcdo`\x11\xc9\xfb\x82\xc3\x90\xf5\xe1a\x82U\x19\x1d\xdd\xcfGZ0\x9bT\xc0\xd5\xd1\xd5\xd5\xd3?v\xecpcy\x19\xb9\x96\xc8ey\xbeq\xe6b\xdf\xd9\xbekm\xf2\xf4"2\xdd]\x99\x85\x10\xc9\x19\x89#D\x89h\xb4\x05D\xddb\x92\x0c\'\xa5\xd3\x92\x14\x15E\xc0B\xaedR\x92O\xbe\x1c\x19\x19!\xbb\xf8o\xbf\x19bm\xdb3=&lt;5&lt;\xfd\xd3\xe9\xa9\xca\xf88\x98\x95\x88\xb4\x03\x05\x8a\xe2\x90+y\x1ca\xdb\xbb\xba:\x8f\xf7]\\\x9b\xa7hD33\x0b\x87\x8f\xb5E\x17\xef\x02\xd3\xe2\x0fG\xf7\xcb\xe4i\xb9D\x029\x12\xd4)(\x1e\xe6\x8a&lt;\xc4p\xc1q\\L\xa57\xc1\xe4\x93\x9f&gt;\x060\xb0\x0b\xb65\x04k\xe7\xb6\x03\xf8\x8e\xf3\x81\x13\xd39\xa0\xda=\x9a`\x11\x00\xd5\xde\xc1\xe21PQ$\xb8\x81+\xdb\x15\x01\xdb\x8e\xf7]\xc1\xd0S4\x00k\x93n\xcf\xb6\x98\xd2X(\x80I\x84q"\n\xb1\x12Qz\x04\x87q\xd87\xb7\xc4d\x90k\x17\xc5\xfa:q\xeb\xc8\x01\xd0\xc4\xc4\x01\xc0\xaa\x8c\xee\xe6\x04\x00b\x05\x81e\x81\x81E8\x84d#T\x04\x18~\xce\x02Zg\x0f\x18w\xe5L\x83\x18\xd7&amp;g\xf6g$\xda\xfe\xad\x9e\xa3\xc5\xdb\xa4b\x08UXS\xb8\x89A\xaa\x920\xbdR\xc8\xc5e\xae\x7f:\xb2\xeb\xf9\x08\xc1\xfa\r\xbau\xe4\xc8\xc4\xc4\x91K\x97&amp;\xa6s\x95\xdc(\xc3\xb3,+\xf0\xbc \x08\x91vR\xcd\x08K\x84\xac-.&lt;l\x8f\x08l\x84\xed\xe9\x01\xe3&amp;!om\x12ab\xb8\xff\xab\xe8+\xb3h\x1dI\x0b`3\xc6\xe3\xf1\x18\x82\xa5\x12\x99\xdf\xfe\xe1\xf9\xae\x10\xeb\xbd\xaf]\xbd\n\\;\xaf^\xbe|}\x1aF\x83\xc4\x0b\x00%\x8a"\xdc\xd3p\xb5\xa3uh\x1e\xfc\x9c\x98G\xac\xc3#@e\x11\r\xd8:\xcf\xb61\xd4*j\x16\xb9C\x18\x86\xe4)\x11%\x8f8\x06\xb8\xa8a\xe4\x06\x96\x1f\x18\\\xbc\x88`\xa9Tb\xff\xfb\x8fo\xeez\x8cX\x1f\xfd\xf8\xbd\xcbWA\x97?\xfc\xe8\xc3K\'v\x8ffD\x01\xa1\xe2\xf0\xc7\xec+(6\x14\x16\x96\xf0\xd0\x82\xe2#\xe2"^\xa9[\x0c\x93J\x91\x8a\xe1tbZ!"\xfeD\xc5\x04\x07} F[h\xd8\x11\xb18\xecQy\x11\xab\t~\x9dX\x7f~\xf3\xf9\xf3\xc7\xab\xab/_\xae\xaf\xaf\xffu}\xfd\xe5\xea\xea\xfa\xfb\xd7O\xec\x87\xc5\x00\xe1[T\xd4)6\xb4\x86\x18EP\xc2\x8aR&amp;\x82\xca\xb6a\xf7mb\x11I\xb2L\x0b\x0b\x9dGS\xc60Q\x1c\\a\xe4\xe0\xf7\x0c\x96\x91\x17\xe8\x08\x8bI\xdf\x7f\xf0\xec\xd9\xb3_\xff\x97\x1e&lt;\xf8\x93\xce\x88\x84*\x16\xe7\xd9\x8e\xf6\x90i3\xe8$\xfb,m\x87HX\xd1\x16c$\xd2\x06\'\xc9\x12\x07T\xb4\xfb\xf1Z+y\x8a\xa9\x96\xca\xe5f3(\xe4u\xdb\xd6k2\xe3\xb8 ]\x96\xf4R\xc9TJ\x0e\x07&gt;a\x85H\xfa\xc5\x82Z\xacg\r\xc3\xc8\xd6\xeb\xf5\x81PY\xb5\x10\x16\x9aP\xb1iGwj\x05\x86\xa75\x8c\xb4\x86F\x84\xf8%P6\xf2\xbb\x08\x8e\x11("\xf8\x95\x0c\xbb\x10\x93\xc3\xe4mU\xcb\xe2\xb3\x18E\xafV\xae\x16\x8b\xc5\xaa\x9bW\x8cb\xb5Xm:\xaaQ\xd5\x8auE\x86P\x89\x10g|Z(R\xbe\xf4\x97\x07D\x86A\xbc\xaa\xd7\r\xa5\x06\xa7H$~\xa2\x80\xbe0zI!\xaf\xd6\rj"#Gyb]+f=\x08\xc6\x93\xc4\xa3[\x80\x95\x96ab\x85y\x82\x95.&amp;\x07\x96\xe9\xaa\xd9z\x16\x1c0\x1d\xcb(\xbbJ\xd6\x0b\xb4bS/\x15\x15\xd7\xd7\x82Z\xb3\xae\xc9pr\x9d\x82\xe6\xe7\xe3\xb0\xa3\x80\x9c\xe5f\xef&gt;y\x02\x17\x14~\xe6\xed\xf7\xff\xa8\xa5B\xaa8\x8f\xb6\x08z\xe0\x04\x8a\x8f\xf2\x82t\xa0\x02\x9f\x9e\xe0k\xe0`&gt;*\x08L\x01\x04{L\x8a\x15\xa1X2I\x17\xceo\xec\x9a\xbc9P\xd7TW5\x8bu\xc3\xb5\xabV-_\xca\x9a\xe5\xa2\xe7\xc8M\x03\xee-[W\x8d2\xbe\x04\xc8\x0c6Z\x0c\x0f\xfa\x0f\xcd\xdc{t\xe7\xd1\x9d\x96V\xa6\xa5\x18R!\x16\x8b\xf5\x8a\x97\x15\xd5\xd6K\x9e\xa9h\xbe\x9dW\x15\xb7i*v\xba\xac\x80T\x87sM\xc5\xf3L=\xd1\xaa/`\xc9\x04\x0b\xfbO\xc4\xc6\x899\xda\xd0\xd0\x80W\xd3\xad\xfa@Qo\x1a\x86\xe7\x15}]\xadk%\xb3Zu\xcb\xf5l\xb5jX5\x9c\x1aX\x1e\x81tZ&lt;\xce\x8f</t>
        </is>
      </c>
      <c r="M234" s="3" t="n">
        <v>45492.6771875</v>
      </c>
    </row>
    <row r="235">
      <c r="A235" t="n">
        <v>842682</v>
      </c>
      <c r="B235" t="n">
        <v>2020</v>
      </c>
      <c r="C235" t="inlineStr">
        <is>
          <t>Matheus Rossetto</t>
        </is>
      </c>
      <c r="D235" t="inlineStr">
        <is>
          <t>M. Rossetto</t>
        </is>
      </c>
      <c r="E235" t="inlineStr">
        <is>
          <t>VOL</t>
        </is>
      </c>
      <c r="F235" t="inlineStr">
        <is>
          <t>VOL</t>
        </is>
      </c>
      <c r="G235" t="inlineStr">
        <is>
          <t>VOL/MC</t>
        </is>
      </c>
      <c r="H235" t="n">
        <v>180</v>
      </c>
      <c r="I235" t="n">
        <v>16</v>
      </c>
      <c r="J235" s="2" t="n">
        <v>35218</v>
      </c>
      <c r="K235" t="inlineStr">
        <is>
          <t>Right</t>
        </is>
      </c>
      <c r="L23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8ab7a7b0-8fa3-4b57-8e79-35456d4f78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?E\x83\x00\x00\x00\tpHYs\x00\x00\x0e\xc4\x00\x00\x0e\xc4\x01\x95+\x0e\x1b\x00\x00\x03\x00PLTE\xff\xff\xff \x17\x10\x0e\t\x05\xe3\x0b\x1a\x12\x0b\x08\x05\x04\x02\xe7\x0b\x1a\xff\xfe\xff\x16\r\t\xf8\xf7\xf2\xef\xa9\x82\xdd\x05\x17\xf3\xab\x84\xe0\x08\x19\t\x06\x03\xb8wT\xea\xad\x83\xd9\x04\x16\xf3\xae\x88\x18\x12\x0e\xf6\xf4\xef\xb5uQ\xea\xa3{\x00A\xad\xd4\x02\x15\xea\x0c\x1b\xbbzW\xed\xa5\x7f\xdb\x9dx\xf7\xb3\x8f\x1b\x10\t\xd7\x95q\xd1\x94n\xfd\xfd\xfd\xf1\xf0\xec\xef\xec\xe8\xef\r\x1b\xe7\x9fx\xaekH\x01D\xb3\x03F\xb8\xaafD\xe8\xaa\x7f\xe2\xa4y\xa2[&lt;\xec\x11\x1f\xa5aA\xe5\xa7|\xc3\x83a\xe6\x10\x1f\xbe\x81]\xc7\x8ac\xe7\xab\x86\xef\xaf\x84\xf9\xb7\x92\x08J\xbf\xed\xab\x89\xfa\xf9\xf8\xe4\xa9\x82\xe0\xa0v\xf8\x18&amp;\xf1\xb3\x88\xd4\x8fh\xb2oJ\xf2\x15$\xcd\x8df)\x1b\x12\xcd\x8el\xf2\xa6\x80\xf4\x0e\x1c\xf4\xb3\x8c\xef\xb3\x8f\xf7\xad\x8a\xe6\x9as\xb5oO\xe1\xa1}\xd6\x96j0"\x19\xcd\x88^\xba}Z\xdb\x9bp\x9aV7\xce\x02\x16\xc1~Y\xd7\x9av\xec\xb1\x87\xea\x17&amp;\xe9\xaf\x88\xcf\x98x"\x10\t\xdb\x90h\xec\xe9\xe4\xe8\xa4\x82\xfa\xbb\x98\xef\xa1z\x01&gt;\xa5\xe1\x9ao\xcb\x8ah\x01;\x9b\xc7\x84\\\xe9\x9f~\x89N2\xd3\x8eb\xe2\x9b{\xc9~V\xe4\xe1\xdc\xc8\x84d\xed\x9av\xdf\xa6~\xe1\x92n\xf8\x1e+\xe7\xe6\xe1~H/\xdc\n\x1a$\x1e\x19\x9a]?\xf4\xb9\x95\xef\x1c)\x93S5\xc2\x8aj\xb2dI;\x1f\x12\xde\xa3\x84\x13R\xc6\xde\x94v\xbb\x84g\xf7\xf1\xec\xd7\xa0\x80\xbboW\xc7\x90s\xacnQ)\x14\x0b@(\x1a\xb5\x05\x18\x047\x8f\xd3\x83_{:#\xe9\x93o\xd6\x06\x18\xf8&amp;5g&lt;(\xc5\x03\x17\xc3x_rC-3\x18\x0eT3"\xd7\xd4\xd0\xf0\xe2\xdd\xe2\xd3\xcc\xf5\xed\xe6\xe3\xd9\xd4J-\x1d\xc0xP\xdd\x15%\xdc\x81\x7f\xdd\xdb\xd9\xd8\x84la3\x1f\xa0P8\xf7\xbf\x9e\x9fhKp0\x1a\xad\\E\xe0\xcb\xc2\x8b=)\xc4\x96\x84\xeb\xdd\xd1\xdc\xc2\xb7\xf4\xea\xe0V*\x18\xd0\xcb\xc9\xeb\xd0\xb6\x8e\\F\xf1\xf2\xf5\xb9gM\xfc\xc2\x9e\xd1\xb0\x98\xeb\xb5\xb4\xb1x_\xee\x96\x91\xe3\x90\x8c\xfa0=\xe0\xaa\x8c\x81VBK!\x12\x94\xa6\xcb\xcbkd\xadR=\xcfzk\\w\xaa\xa2\x06\x17\x96G1\x0c1\x7fDB?\xdf\xc2\xa7\xa6\xa2\xa0w\x94\xc9\xa3rZ\xbb\xc5\xdb\xc9\xa2\x91\x1cA\x8d\xec\xa4\xa5\xcd\xd4\xe4\xf1\xd2\xcb\xe15A\xee\xa3\x8biQD\xdass;j\xc2\xcb\xc5\xc2.P\x97\xaa\xb7\xd4\xdd#1\xd9\xb2\xae\xf5\xe9\xd1W=0\xb9WV\xf3\xe2\xc2\xef|\x81\xbd\xbb\xc1\x16E\x9e\xb9%2\xecIR_\x82\xc5\xe9\xb2\x96\xa6\x90\x81630kjj\x92\x91\x91.*&amp;De\xa0\xe8aj\xc8\xb8\xb0\x88\x84\x7f\xb5\xb2\xaf%V\xaazf[v\x88\xad\xe3\xe8\xf1(b\xceZWV\x8e\x08\x13\xb9\x82zwsq\x8blY\xf0\xc3\xc2\xd1ZW\xd2\x9f\xa0\xc4&lt;H\xa3\x7fmv\r\x1a\x11(k`1o&gt;;|\x7f*YM\x1bQ,\x07-d\x00\x00 \x00IDATx\xda\xcc\x99OH\x1b}\x1a\xc7;\xc3\xc8LC\x88K\x86xh\xcc\xc4(\x11\xf2\xbe\xc1\x15\xf5-\xbaB\x8aQ\xac\xff\x12\r\n:\xa9+\x91\x98T}\xdf\xd2\x90\x94\xe4M\xa9\x88&amp;\xf0z\x08\xc4\xf4\x12A\xd2\x8d\xbb\xef\xcb\x92\xa2/\x8b\x87\xc6\xdb\x12$\xec\xad\xd0\x93\x07/m4\xb0\xca\x1ed}/{\xdb\xef3cw\xf7\xbe\x8e}\x1f\x928\x89\xb5\xfd\xf4\xfb|\x7f\xdf\xe7\x99\xf6\xde\xbd\xff\xb7\xf8\xff\xa9{\xbf\x96\xe2\xf9\xbe\xbe\xbe\xb6\xdd\xe7\x076|\xb5\xfd:\xe0x\xdev\xf0\xe1\xf8\xfc\xfc\xacR\xb9&gt;&gt;\xbf8?&gt;}\xfb\xba\xad\xaf\xef\xcb\x82\xf1\xb6\xe7\xa7\xe7g\xb5h\x94a\xe8A\xcfz\xadvu}}\xbc\xfb\x05\xc9x~\xe5\xac\xce\x88(\x8ecYQd\xc4h\xd4\x13\x05^4Z9n\xfbR\\\xfc\xfd\xd3+F`\x18FT\xd0\x04N\xc45\xe3\xf1\xb8\xf1\x81\xdbS\xb9l\xb3}\x012\x9e?8\xafs,X\x88\x8a:(\x08\x0c\xc4\x8a\x12\xa7(1\xee\xda\xd5\xe9\x01\x7f\xf7\xb6\xda=\x13\r\x06\x16"\t\n\x94(\xb0\xac\xc2\x85+\x11\x92\xb9\xb7=\xf5\xeb\xb7wl1\xdb\xc1q\xc5`0p\xa2\xc8\xb2\xca\x17Q\xa0v\x02\xcb\xc3\xa8\xad\xf40n\x86\xa9]\xac\xf4\xf1w\xd8\xc0\xddk\xb1\x01Zq`\xa2W\x14\xba\x19\xad\xd7ax\xb4\xd0\xadX\xcc-1\x82X\xb9\xbc+.\x9e\xbf\x7fY\xe1\x0c\n\x8a@\xafd&amp;4\x93\x13\xa3u\x0f&gt;\xc0\xb1$o\xb9\xdd\x8c$\xb0\x86\xfa\xf9s\xdb\xdd\xb8\xaa\xf5"JP\x04\xc4\x91\xe9\xa3\x1eF$\xd9\x1a\xb8h-\n\x7f\xd5=\x8c$\x11\x16\xc3\xe1C\xf6\xea\xc3\x1d\x18\x8c\xef{{\xc55\x18X\x18\n\xfa\x90H\x00a\x90\x0e"\xa7D\x17\xfa\xe7\x86\xb1 \x17\xc4\x1292`\xedX\xf3#iC,\x18\xc8P\xe8\x15\x90`+A\xa0\xd4\xa2\xcc\xe2\x14\x87!\xb3\xc8W\x82\xc4(\\\x9c\xa1\xa1!z\xae1\x17\xff\xfc\x0c^\xa7\xfe\x81JT(\x10\x08\xe4+F1;\x18!\x14\x9dC|\xdb\xed\x81\xb9\xd0\xdd\x06\x83x\xd1\xaa%\x17\xff\xe4\x8c%*NQH`\x01AY*\xa0\x7f\xe0\x13P\xa2\x00,FfH*\xb4\x13\x9eo@\x19\xc4k\r\xb9\xf8\xbe\x0b\x0e\x7f\x06\xcb)\xb2\x90\xad\x94\x99\xe3\xc1\xf9#\xb9(Z%I\x92a+\x18\x8e,\xef&amp;\xcf+%\x1e\xdb4\xe3\xb2\x9dF\xe9\xafn`\xa9k\xe4,%\xb1H)\x8az\x85Q\xc0\x11\xf4\xa4\xdd\xe8\xab\x94NKh"\xfd\x00q\xd5^k&amp;V\xdb\x95\xd2\x11H\xc3\tj\xc1\xd2\xf4\x06`\x14\xf2\xee(\xc7InO&gt;\xed\xc1[\xc1\x9d\x07\x9d`\xf8\xac\xd7\xd9}^\xa3\xc0\xba\x14U\xb18\x95\nH\x8c\x88\xae\xe1\xd2\xed&amp;\x87\xd7=\xa2 \xc9\x9e\\\x1a[\x04@=2\'J\x8a\xe5\xe9\xc7\xa2\x1f4\xea\xa2\xed\xcc\xa0P\xb1*\x15\xb5\x11\xf6\xc6\x1e#\tn\x8f:\xa0%Q\xc9\x87\x94$12|\xc6\n\x12\xa2K\xed\xa2\xe1L\x1bw\xd9Vj7b\x91\xe39\xe5!\x10\x05N\x1f\xe3a\x90\xf9\xe8\x1dz\xe8II2\xac%\xe3\x17\xb0\x94m\xac\xda\xc4\x86\xfa\xae&amp;X\xfc%s\x83\xa5\x8a%\xd2\xabDS\x19\xa3\xc6\x93f`\xab\x94,\xcbnhEgA""\x96\xce\xc6\x7f\x0f\xa36\xe9\xc0\xde\xf4\x90\xbb\xe9\xa1\xca\xe5\xa1\x85\x14"\xc9\x92\x0c,\x04\x04\x89\xc5\xb17\xe7T\xe2\x08K!\xbb\xd2"\xeb\xf9\xd6+U,\xcc\x1b\xf1\xc6\xf1\xa0\x92d(\x95O\'\x93\xc9\xed\x14a\xa9ER\x11\x9b \xc8\x8a\xe9\x95\xaai\xd1E\xdb\xf3\xdag,\x96bSM\x08)\x95Jm\'\xf39T\xfe(\xb9\xadTJ\xa5\xc3k*\rV\xe13\x17{\xa9\x85Z\x1f\x94x`\xd5\x95FRK\x06\xd4v2yT*DB\x91\xad\xbdR\xe9\xe8\x08\x8f\xa3\xe4\xd1\x91\xf2\x9a\xcd\x1cm\xcb\xd2\x7f\xb8\xce\xb5\xf0\xfc1\xfd\xde\xca\xe2@X\x90"\xa5(uT\xda\xdb\n\xf9\x1c\x8f\xc6\x1e\xb5;\xff\xba\xb5W(\x14\xf6\xf6\xb6\xa8J[\xa1\xf8V\t\x12\xca\x9fG\xd0\xb5\x16j\x9d\xabX\x02\xad\x05\x82\x9c"\x89\x88a+\xee|4\xed\rOL5OMxw\xbew\xbe\xf19\x1d\xed@|\xb3\xb5\x15\xfa\x11\x02\x1e\x15\x92\x12\xa7\xeau\xa5A\xd0S\x98b\xa7#\x13\xc3Q\xdb\xa5L(\xd6\xd1nz\xf0`:\xe8uY\xfb\x97\xecMMf&lt;\xfb\x03\xfe\xb0\xcb\xe5\x0f\x04\\\xcb?\xbf\xf9qoo\xaf\xb4\x15)\xa5p\x02\x08\xabv\xfb\xfb3\x7f\x9fnu\x0c0\x15\xda\x97D\x83:L\x0f\xba\x16\xad\xcd\xcd\xfdv\xbb\xbdi\xc9\xdcd6\xd3S\xa7\xd3\xebPx3o\xf7\x8f\x85\xf6\xf6~\xec\xf0eT\x7fi\x83\xd5\xaa`\t\xb2\xbc\xbd]\xca\x86b\x9b\x93\x9d\x9d\xab-\xcd\xe3\xe3\xe3MTf\xf3\x90\xce&lt;\xa4\xd7\x1b\x87\x87\xe9a\x04X\x93\xbd\xdf5\xbd\xb3\xbc\xd3\x11I\xa6\xdc\x12\xad\xcf\xb5\'\xb7\x8fu@X\xac\x0c\x93\xe7B1\x87\xa9\x0bT\xddVP\xcd\x93N\xf3:\x1d\x98\xf4#\xc3\xc3\xc3\x0f-\x0f-\xc3F=\tf\xef\x9f\xf2\xbb\xbc;\xf1\xa3t:E\xabD\xe5\xf6wA\xdbn\x9d\xe6\x8e\x8c\x90\x8a\xc4b\xed\x8d]\x9d\xdd\x83\xe8!\xb0\xe6\x01E\xcd3\x8eX\x1e&gt;\x84P\xc0\x02\x97\xf17\xe6\xaf\x9a\xec\x01\xbf\xff\x87eg\xa1\x94N"U\x1b*m\xb7\xae\x96\xedm\x94\xf2]N\xe6\x15\xaf7Nv\x0e\x0c\x0e(M\\\x82\\\xd4F\x92K\xa7\xa8f\x1c1\x1aq\x8dOG\xfd~\xef\xb2#R\xc8\xa7e\x9cF\xad\xb08)\x95\xcee\tklzu`\xd0e}\xd5&lt;\x15\x18\xb57\xc1\xf5\xdf\xda\xbf\x1d2\x0f\r\x11\x9b\x1eP7\xd6\xb7\x07\xc2\xe1\xe5G\xa1L&gt;Ok\xbd\x16M|K\xab\xa7\xecV\xb1\x1cc\xd3\x8b\x8b\xc0\xb2\xceX\x03t\x12\xf1\\\x18\xa22\xeb\xf4J\xe9\xd4\xf3\x88.\x86w\xda#\x99R\x8e\xc2\xabr\xfb\xb3\xda\xf6\xba\xce\t4\x96\t\xcb\xe90u.\x0e\xb8\x06\xac\xa8\xa7\xf6%\xc2\xa2\xb38\xa4\xd7\x91\\F\x05\x8b\xc8\x9a\x02\x81@x\xd9\x91-\x14r0={f\xd3bRS\x8a&amp;\t\xcb\xe7l\x7f\xd0\x19\x1cp\xb9\x08\x0b\xb95\xba\x04\x7f-\x98o\xfa7\x02g\x19\x15\xc5\xccM\xa3\x81g\xc0\x8ad3\xa542\xe2L\x83\x05\xe2I\rb%\x93\xf9\x02\xb0:\xbeo\xec\xec\x1epM\xb8\xc2?L\x04\x02\xd6g\xa3\xa3$\x97\x9e\x8c5\xb4\x80\xa2V\x92\xe9\x17F\xd1\xc4`{\x04]\xccc4j0\x13m\xad\x15\x88\x95\xce\x172\x91\xb8\xafc\xcc4\xdd\xed\xf5\x86\xf1\xf0\xfb\xfd\xcf\xe0zx\xeb\xc6]\xc4\xd5\x841\xa4\xfb\xe6\x1b\xdd\x02\xbc5\x11l\x0fE\xb2\xa5|2%]\xdc\xfe6\x8f8\x95Rh!Q91\x0c\xa7\x83A\xef\x807\xec\xf2?{\xf5\nb- =\x11\xa7P\x8b\x1cfnZP\xdc\xa6\x04Wx\'\x1e\xd9\xca\xe4\xd1\xc5s\r\xb0\xfa*2\xc4\xca\xc0XN`\x8daD#\xb8\xc2~\xeb+h\xb5\xb00\x84\xc02Z,\xc6\x9bt\xd0\xa9\x03I\xc1\xf2{\x1d\x90+\x93N2Z\xdcY\xdb\xae V!\xe2\x8b\x01\xeb\x8f\x8eF\x05\x0b\xa7\x91\xb0\x96\x94X\xd0\x8d\x00\xcb8\x82\xd2\xf7\xf6"\x1d\xe6Af\x1f\xf5\x87\xe1.\x87/\x92Et\x1dk\xb1o\x9d\xb9\x93\xf9l\x9c\xc4rv8\x1a\x1b\xa7;\x17\x07\x07\x17\x07\xad\xaf\x9e\x12\x15\xa6 \x8e\xa0E\x0f2\x8c\x9e\xe1\xc7\x8f{{\xe61\x98F\xfb\'\xc2S\xe1p\xd0\x14\xca\xe6\xf2\x1e\r\xb0x\xdb\x85;\x99#c9\xe1-\xc7\x98\t\xe3\'\xb1\xb1\xb11\x87\xa1\xd8\xdb\xdb\x8b\xf6\x19U,\xcb\x8b\xdf\xff\xe1\xc5\xc7\x8f\xb3\xef\xd67\xe6f\x9ebXc\x01\xf3\x06c\x91L.}\xa9\x05\xd61\xa24\xa2\x88\xe5t:\x1c\xb1\xd0~\xf1pmmc\xae\xf9%\xb0\x8c\x8f{u\xfa\x11U\xa7\x17\x80\xfa\xf8n\xfd\xa7\xb5j\xb1\x9a\x98\x99p\xb9\xc2ao\xd8\x14/d\xf2Z\xdcb\xdc;\x05V\x08H&gt;\x9f/\x16\x8bd\xb3\x99l\xb9\xfcKumn\xfde\xcfl/\xb0\xb0:\x0cC\xb7\x9e\x97\xebs\x1bk\xd5jq\xbf\\\x8e\x94\x0f\x07[\x08\xcb\xdb\x18\xcbfON\xb5\xf0\xd6k\x84V\xdc\xd9\xd1\x11\xf3\xf9\xe2\xd9B.\x939\xc9\x9c\x9c\x9c\x94\xab\x87\x1b\xeb\xeb/{{z\xf5\xd8h\xe6\xe7\x9b\x89\xa9X\x8eD\xca\xfb\xa8rysq`\x00XX\x06\xcb\xef_kq\x9f\xb8r\x92\xcb\xc4I\xadx&lt;[\xa2\\\xcdd3\xb9\xdcI\xb6\\M$6\x9a\xc7\xe7)\x1f\xe6[\x12\x89\xb5\xc3\xea~9\xb2\xff\xcf\x9f6\x12kEpu#x\x83;\x0e \xaeh\xf2\xcf\xa6\xef\t\xcb\xe7\x8c\xc7#\x85B&amp;\xbb_\xad\x1eV\xcb\x08\xa4\x08\xae\x8a\x93-\xe3\xbd\x16\x8b\xb9\xa5\xab\x0bT\xc5b\xf1p\xfd\x1dj.1Y\xecx\x10\xf4z\x97w\x1c\xb1\xfd_\x9eh\xd1\xc4\xb6\x7f\x00\x0b\xc6\x8a\x87\xb2\xd8\x047\xe1\xf6\xf5\xf59\xe8\x11\xda\x8f\xc5B\xf1\xaef`=]\x9d\xec\xea\x9a\x9c\x9c\xec\x9e\xf9\xed,\xac?\xdb3&gt;\xb3\x16+v{\xc3\xd8\xe8c\xfbU\r\xfe\xcf\x8c\xb7\xb5\x02+\x04\xbb\xfbB\x91P\xd1\xd4\x85\xe3\xdf\xbc\xfe\xdd:\x041\xe1X\x86\xc6\xacf\x8be\xde\xb5\xba\x8a\x11\xdeb\x9d\xea\xff\xfaw=\xb3\xb3\xb3_\x81\xab\xd8\x15T\xd4*\xfe\xab\xd5\xd6g\xbbm\xaa\xbe\xbeO\x19,\x0fpV&lt;\xb6\x89\x9b\xb1.\x93\xc9t\xb8\x96Xk4\xe1\xb2\xa3\xa3qFg\x19\xd6\xd9\xa7\xac-\xae\xe0X\xfb\xa6i2\x91H\xacZ\xbf\xfb\xba\x7f&amp;\xd1\x1d\xf4\x06\xa7\xdbc\xc5\xb5?\xfde\xfd\xcf\xb7z\x07k[\xf9\xdb\xa7\xbf\x7f\xca\x12\x96/V\xdc456B!\x04\xe4\xc9\xfb\x7f\xd3jF\xafi\xecY\x1c\xcf\xc3\x82T\x04E\xae&gt;8\xe3\xce\xe4a\x04\x8d\x18\x895\xd8JFD\xb1\x99\x19W\x13\x14np\x8d(\x99dd\xbc\x03\x81\x86d6L\xd2\x89/\xd3\x81\xcb\xb4K\xb7\xdc \xd6\xf6Z\x93\xf4\x92b\xd34\xa4\x97(\xc8\x15J(%\xcd[\xda\xbc\xf5&gt;\xec\xdb&gt;]\x96\x85\xbbO{\xc6\xee\xee_\xa0\xbf\xa7\x90\xbc|\xf2=\xe7w\xce\xf7;3\x1f_\xde]\xbf\xfb\xcc\xe7s`:\x96}b.\xe5j,\xaf~\xff\xe9\x87\x8f\x0f^V\x1d\x99l\x18\xcd\xe2\x81r9\xe3zV\x8d\xd0e%z\xb4=&lt;\xae\xf1\xe7\xc7\xde\xde\xf22To~\xde[\xb5\xd9\xcc\xb6\xbb\xab\x7f\xfd\xe1\xe1\xc3?\xfe\xfd\xe3?~}y\x7fyy\xdd\'\x93\x04\xacE\xfbD2\xe3m\xbd\xfc\xfd\xd3\x9f\xfe\xf0\xcb\xc3O\x0f\x96]\xbb(\x83\xceE\xa1\x88\xaeg\xb6\xa5\x95\\\xbd\\\xef\x0f\r\xcb\xf0\xe7\xad\x9eW\xf4\xceCg\xcf\x83_N\x9bm\xbe\xd5\x9f\xbe_\x7f\xfb\xe4\xa7\'o\x7f\xdb;~\xf0\xe3\xfa\xb2\xb7\xadP\x05X\xcdDq\xa9\xd1\xa37\xfe\xf9\xe4/??\xf9\xfd\xdd\x83\xe5\xdddx"\x0c1c\xd7\xe6\n\xccQ\x82Z\xff\x17wchX\x07\xbd\x7f\xf7\xda\x11\xb7{\x1d\x1c\xa0+b\xb3\xd1\xbe\xd5\xe5&amp;}||\xbc\xb5\xb0\xb0\xa3\xb9\xbc\xf3\xbd\xc6n\x8e\xaaP\x14\x15&amp;H^\x965\r\xfev\xbc\xb3\xe3\x8fdt\xac\xe4Jj\xd7\xe6\x98#(\xa1\xc2\n\xcc\xe3!\xc9e0\x1c\xb5Z\x9d\xb6LG\xe6\xd7\xe7\xdd\xd0\xe9.\xfd\x983\x9a\xa6\xf1\xb1\x18/\x83\x8e\xf3\x9d\xb2P\xa9\xa8*U$\xd0\x18\xfc\xbe\xdb\x8d\xc5`+\xcd%WV\x92\xe1"`\x95m\xa9\t\xc2NUf\x0b\xec\xfe\xb0\xaah\xd8\xeb5:m\xb3\x99\xf6\xae{]6\xc8\xf9%&lt;\x00~k)S\x86^v\xd0M\x10KT\x00\x8b\xa8PB1\x8c\x83\\eE\xcf\x90L8&lt;\tg\xa2\x98\x84\xe6Z\x99 L\x85\xca\xac\xb3\xf2aXCb|\xa7\xd1\xec\x884M\xbb\x075\x04*\x14\x8d\x06\xa2\xd1T\x8a_\xf2O\x99\xc5F\xc3\xa7\x91\x80E\xa9\x94*\x14Q\x14\xe75\x00.\xaf\xccMz\x823A\x88e$`\x91\x0cU(\xa8qg\xe5pHX\xe3\xb7\xf8N\xbb#6E\xda\r\x8e&amp;\xe2\xf0\xc70\x14\x9dK\x82e!I^W\xab\xe1\xa5\xf9:\x05E\x84\x08T\x14(\x82a\x18\x8eA\xb9\xa2\xddhM$f\x8c\xf60\xa8U\xc6\x18O&lt;\xaeV\xe2\xea\xb0\xb0\x0c\xb76:\xa0V\x84v\x03\x96\x8f\x06\xb1\x06\x8f\xb5\xc2aLWaWlz\xbd\xed2\tX\x94\xf0\xb5\xef\x89\x81\x917\x16\xe2&amp;\xebt\x02\xd4\xb2\xcf\xa5\xcaKYE09\x0bjehXc\x86\x9dN\xa7I\xd3\x8d\xfb`k\xdc\x0e\xf0\xcaX\x96\xe3\xb89\x0c:\xb9\\\xde\xa5\x07X9(QE\xcd\t\xd0_\x14d\xd9\xaf\xc74;\xed\xb4\x02Vqe)%\xed*\xc8tBU\xd5\x0fCk\xf9\xf3NG47[\xf7}n_D\xb7\xf0\xb0\x0e\x19\x14\xb4R\x14\xa5\xa4\xc9MoSV\x04\x16\x89\xeb\\E\x1d\x89(Tt\xaa\xf8\xd7GK\x08Q$\x97R\xf9\xba\xa2\x9a\x9c\xaaZy4\xac\x011~\xd0h\xb4\xe9\xde\xfd\x96\x1bj\x98\xe1c8`e1\x8c\x84\x90X\xafk\xa2\xd7\'j$\xc5\x1a!"V\x84\x1c\xc4\xc58\xa0U*\x03\xac\xc5\xc5\xb5D\xd0\x0eW1j\xe1\xeaBeVU\xf3C\xdb&gt;\x86}\xb1!\x8a\xad\x1f\x1b.\xb7\x9b\x86\x8e\xc7\x170\x0c\x83\x84\x08\x95\xc4x\xb1\xe1\x15e&gt;G\x18!\x88\x99\x10B\x90\x8cz$\x8bC\x17A\xf6\x07\xb9\xd6\x9cV\xc0\n\xe0\xa1\x0bPj\xb6\xa2~\x19\x9a\x890&lt;\xde\xea\xb4\x9b\x03,\x17\\D\xa8"\x8e\xe9A,\x9f\x97\xea@\xd5\x94\xb5\x18\x87X!a\x00NE\x10\x10\x93\x0e\xa6\xe7\xeb\x028\xd6\xe9\x01V*\x1b\n\xb1\xaaj\x82\x8e\x1f\xdeN\xbcu\x0e\xf3\x01\xb0h\x98\xee\x80U\x8a\xe1\x92\xc4\xe5/.\xd8\\\xbb\x05sC+I\x10\xc9\xd6\x9e\xbez\xb58\xabsU\n:\xa2~\xa0\xb7\xf4\xa6\x0fc\x01&amp;\x94\x87\xdd\x13\xaf\xb0/\x86\xe7 \x0c\x07\xcd\xa6\xd8h\xf5\xe8\x81Z&lt;\x8fc\x0c\x0bZ\xb1R\xb9\xd7\x82\xa5$\xfb\xf1\xfc\x1d\x88\x87O\xd7\x12\x88\x1da\t\x00\x8b\x0f\x80\xa6\x17\x17\xff\x8f\x95\x87\xa1\x06\xcd\xf7e\x88\x86\xcb\xf0\x82\xee\x88\xeeF/\x12\x89\xd8\x1c \x17\x86\xe6\xf3\xf9\x0b\x84#\xdb\xbd\x9e\xb7\xd7\xeaAs1\x90\xc5\xf2\x9cD\xa6\xa0\xf99!\'\xc4\xa1\xdb\x17_\x81~\xd3\xb3&amp;#\x93\x8c2\x84Z`\xe3\x05\xf6\xc3\x10m\xa0\xe1\xd6^\xc7\xeb\x12E\x1b\xb8\x07\x879S\xcar\x80\xc5\xb2\x92\xd2v\xfb\xf4w\x15\xad&amp;\xcd\xc3\x88\xc5KZ\xb3\xd7\x02/\xc1\xe6\x14\x9dK\xaf\xea\xa2\x13.B8\x19\r\xdb\x918\xcbVB\xdbC\xf5\xcc\xcfE_\x15\x96b\x04|\xa9\x03\x1a\x9cc8\x96\xe3r\xe5]3,\xea\xd5\x96\xfe \x0e\xae(_\xaa\xd7y\xb1\xad\xb0&amp;BQ(\xe0\xfa\x8a\x15\xd7\xb1\x08\xc2h\xcc\x13\xec\xe1P\xcd\xfc\xf8\xe3-\x17\x1dq5]63\x141\x862\x1cA@\xc5\xc0D\xc8\xa2\x0f\\s\xb5\xea\xaa\xd2S\x0b7oJuM!\xe2&amp;\xa3PV(dv\x1aZ\x0bjh\'\x92\xf8\x0cl\xa4|\xfe\xcb\xf6P\xa3\x0f\xdcE\x17\rSK\xc7\xca\xf0\xa4\xc4\xb0\x04le2\x1a\xe5\xe5\xaa\xbb\xfa\xac\x9a\xde\xda\xd8Y\xc0\xef\x9d~\xcb\xc0,ca`!+J\x8e0A\x7f\xfd\x0fk-\x04\xffH\xfep\xd8\xc9\xe7@\x14]\xb4\xf9\xbfX\x18\x07\xfb\x98\x9a#I\x1d\x0b\xbc}z\x03G7o3\xcc\xcdP\x1e\xcc\x03\x0b;Z/\xa3`\x87\xb1\x05\xf7\x10!\xc2\xc9\x00\x93@\x08\xf4t{l\xc8g{\x83\xa6!\x10\x0e\xb0\xa2X\xb1\x18\xb6\xdb\x93d4\xe0\xa0\xab\xb4,/\xc5`w\xb3,\x97\x0f\x85@.\x89`\x8d&amp;kQ\xc9Q\xc6D\xc2j\xd2\xdfI%\x8f\xbepyfs\x7f\xd8O\xc0\r\xe3\xfb\x1b\xd0F{i\xc0*\x91\xc9d\x8e@\xc2\xe0\xb6\xd2\xb4H\xcbZY\xa9\x0b\xaa\xa4r\x14b\x85!\x81b\x92D\xc0f\xcc)E\xa3\xd5\x1a\x0c\x02\x16\x91&lt;\xda&gt;\xbdw\xfaa\x04_\x1c\x8c\xef\x9f\xef=\x7f\xb4e6g\xa2`\xffrv;\x19\x8b\xfa\x1d4PiJ\x1d\xb0\xd4\n{\x01s\xfdb0\xb5\x8a\x84\xdd\x84@w\xe9\xaf2\xec\xf6\x89\x89d\xdfp\xe3\xf1\xf6H\xbe\x83\x80\x03\x17RW\x0b\x8f\xa6\x8aHq)\x16\xf0\xdbt*\xbe\xdb\xad\xd7/\xeb\xb57\x17\xfa)\xb0\x94 @\x91\'-\xc52\x15\x1c&lt;\xdb\x85\xf4\xd8\x1f3\x8c\x8d\xecK)\xc37;6G&amp;\x9aM\xa5(\xe3\n\x1f\xf3\xa7\xa1\xaf\xdamY&gt;\xebv\xcf\xce\xba\xb5Z\r\xee!\'\t\x92\x9e\xcc\xc2\xb7\xf3\x8a\x82\x98\x10\xc4\x03!\x03\xef\x8f\x8d\xf0\xc0\xb4\xb7\x99u\xac\x15\xbb\'\x15\x8bm\x98]b\xa7\xd9l6\xc4\xb6\x0cX\xbah5\x90\xad[\x178\xb0\xd4\xdfY\x842a\x852zt\xac\x91~\x1c8~\x0eX\xb1ly%\xe8I\xe1\xf8\x86\xad\xd1j5\xb6\xb6\x8e\x8fvvNO\xefeO\xfb\x9b\xd9M^;;;\xabs\xcc\xc4\xa4%\x0fX&amp;\xa3q\xd23\x81\x1f\x8e\xf4\xe3SC\x7fP\xc4%\xd2\x1a"Q4\xe6X\xfd\xf9\xc1\xbb\xa3\xfe\xd1\xe1a\xff\xfa\xfa\xfa\xf0\xea\xf1\xf5\xe1u\xbf\x7f\xaa\xb5;\x1a:y\xdbbQ\xa8\xc4\x00\x8b\xc1?\x8c\x16\xebo\xe6t\x86\xc7J\xa4u&amp;\x89~\x97\x8d\xad&gt;|\xfb\xeb\x00\xeb\xf0\xfa\xea\xea\xfaj\xfb\xc5\xf5\x15\xe0\x1d\xfd\xb6\xdaR\x18\x8f\xc7\xa2\x10Nc0\xe8\x99\x0c\xe3\x8fF[\xc4G\xe9t&amp;\x80\x97\xa2\xa1D\x18\xdd\xcc\xc6\xb4\xc6\xcbw{GG\xfd\x83\xafXW:\xd4a\xffhO\xd6$$\x7f\xd3\x92C\x9c\xa6\xa0\xc539wo{l\xa4jmo\xa4\xa7\xf8X\xa9d\x9c\xf6d7\xb3\x9a\xd6\xfd\xfc\xb9*\xcb\x0b\x0b\xa7 X\xff\xf0\xf0\xe9\x97\x8b\x93Z\xad\xdb\xadI\x88\xd1x3/X\x13\xc1\xa0e\x92\xc1\xfa\xa3\xfd\xe0\xdap\xe3&lt;=\xe5\x0f\x04J\x9e\xb5\x19H?\xbc,\x7f\x86svY;ys"Io\xe0\x00U\xed\xb2^\x97`_\xc3|wZ-\x16\xcbmta\x7f\xc4_\x0f\x8f?\xd7\xb1\xfcK\xcc\x9d;(\x86\xc5\xd2\xb2\xd8\xfc\xfc\xb9vr\xa2\x13\xbd\xb9x\xff\xfa\xf5\xeb\x93\xda\xe5YW`\x07\xaf\xca\xac\xce\xa0\xc5\xe2a\xb2\xe77FK\xa5\x0f\xd4\xb4\xbf\xe4\x9f\xc2\xbe\xbd\x83\x92x\xcc\xaf\xc9mP\x0b\xb8Nt\xb4\xf7\xaf\xdf\x9f\\^v\xbb\x92\xbe\xaba\x1f:\x13\xd0\xf7\x0c\x8a?\x1f\xf9\'\xe0\x86\x03s\x9a\xf7g\xa2\x93\xa1l4\x1a\xe3\x81K\x1e\x94\xf1\xb2vY\xd3\xeb\x07?H\xdcE\x08\xb0\x82A\xd3\xf4\xcc\xa4\xc7\x13\xce\xde\xdb\x1e=\xd67;\xe6)\xbf#\xf3\x1f^\xce?\xa6\xc9\xfc\x8e\xe3&amp;\xfb\xa3\x91;\xf3\xf4\xcc\x9a\x9a\xc7\xc7\xb4\xd0\xa4\xd8B\xda^\x7f\x9c\xd0\xa64M\x13z)\x8d-\xa1MI\xea\x05\x81\x89)kR\x8d\xc4\x8e\xaa#\x180\xc4\xb8-\xd6\x0e\x7f\x103\t"w\x8d$\xa8\x84\x1bnu\xcd\xc9\xf8u\x06\x055\x98\tS\x93\x05Q\xc0%\x9eC\x9d\xb9m\xef\xcf\xb7\xc5\xed\x92\xcb\xe5n\'|\xb0\xa1\x7f\xd8\xa7\xaf~\xde\xef\xe7\xf3\xf9~\xfa|\x1fdZ\xd9v\x83\xbd\xba^\x07\xb0_S\x05\xfd\xe3\xd5\xe5ex\xac\x1fm\xb1\xa8\x88]\xee4\xbd_\xaa.PS\xb2\xd6`#\x7fn\x0f\xba5/\xb1[d\xdb\xeb\xab\x1d\xf5\xf5\xd1\xe8!\x9e\xb5k\xb4\xc5\x83\xbbc\xb1\x81\x87Ng\x11\x14\xdch\xddh\xcd\xb1\x14\x14\x08\xf2\xca\xf5\xabO\x85\x11\xdb#\xa9\xe0]\xa7d2CE}5E3\xc8(\xb0n\xae\x04\xd5CgQ\x11\x96\x7f&amp;\x93\xd5d)\xb0\x082\xdd\x17kq7\x86h\xfd!\x9b\xa4Bb3\xf8\xe4\xe8CvL\xd8\xf2J\n\xba\xd620\xe0\xcc\xe6\n\xabR\x93\xa9\xc0k\xf1\xca\x0c\x9e\xaeuk\x11\xb9\xcd\x12%\xc7+9\xb9\xbc\x9a\xaf.q\x94\xf8\x04\xa1,\x16\xdb\x11\x8b\x19\x8b\x9c,Ji\x03\x97)\xc7\xa4v{\x89J\x7faM\xb0D\xdd\x9cK)q\xfdB\xef\xb0\x9f\xaa\x00\xd6\xc1\xb2\xb2\x1dF\xcc\xd4\xce-\r\r4\xe1o\xa1}R&amp;S\x8eZ\x90y\xbd\x06\x8f\xc7\xb0&amp;X\xa2u#&lt;gS\xda\x94.\x9d\xbd\xfe\xd4\xf6\x12\x9a\xce\xe8\xb2\xf0\xc6\x8f?\xfa\xe8\x13\xfa\xce\x81\xbei{?G\xac\xb6\xb8a?\x8f\xa7V~bM\xb0D}\x1ep\xa9\x94*Ng\x80\xbbd\xb2\x83?\xdb\x91SD\xdf#m\xc9b}\x0c\t\xd5Z\xb7\xdb\r\x05k\xebVy\xf5\xf0v\x06\xba\xcb{NIl4\xcb\xea\xf5\xbcNvP\xb6\x9b\xd2UZJX\xbf#\x15KMbsXn\xb7\x13\xd5v\xb7\xfc\xd35\xb9/\x8a\xea&lt;\xcfe\xb9$\x9ej\x99\xb0\x9b\xbc\x85\xb3\xaf\xb4\x01\xe9\xfad\x8b5`6\x0br\x83A\xef\xd1\x1b\xecnw\xe5\xda`\xad\xeb\xe2y\x9e\xe3$4\xfb\x1f\x96p\xbaj\x9f\xc0,\x0f\xd3;\x1b\x1a\x1a\x9c\xce\x1d\x8cJ\xa7\xaf\xd0\x81\xca\xeb\xae\xfc\xed*\xdf\xe4#\xc2P\x95\x9b+J\xf0|6]*\xcd\xe1\xc3\x97\x0f\xc9}\xa8\rF\xfag,z\xe8|\x180\x86\xc3r\x83^\xaf\xaf\xb5;\xe4^\xcb*c\x89D\xc5\xc1\x8ex&lt;\x14\xc9K`\xb4F\xbel6\xa5F\xa39w\xf8r\x94\xb6B\x98c\xe6\x18b 6\x80a\xa3\x12TH\x95\xdc\x8dz\xba\xbaX\xa2\xde\xe4\xf5\'\x8b\x13\x8b_=y\xf2Z\xc2QH\\6\x95F\xb3\xef\xdc9\xba|\x07\xa2\xb2\xa6XSS\x0c\x8f\xca\xe6(\xa8\xec%r\xaf\xb7\x80a\xad\xe2-&gt;yO\x1f\xbd\x988~|b\xf1\xc5W/2X\xe0R\xaa4\xfb\xf6\xed;GW\xf9+\x9b|h@\xcd\xd4\x85\xa2\x19\xaf{A\xa5\xb5X\xdc\xcd\xc9xh\x95n\xa6YW\x9c$\xac\x93-\xd3\x13\x8b\x8b/\\\x1cOX&lt;\xb8\x94\xaaB\xbaz}\x19}:\x1ae-[\xef\xb9\xcc\xeb\xed\xc8\x94\x00\xac\x82\x02\xaf\xdbp\xfd\xc9\xf5\xc9\xe0\xaa\xacmD\x91\xc9\xf9G/\xa6[\x1aONOL|n\x83\xb78\xfa!\x7f\xa94\xe5\xfb\xf7\xef\x83\xf7\xdf\x06\xa7s\xc8\x05\x0b\xa2\x00\x83+\xb0\x1eM,&gt;M\x06WC\xc9\xdc$\xb0&gt;?\xde\xd8\xd8\xd8rr\xfa7*\xb2&lt;NG\xe8(!0\xb6\xc1e?\xe4,,D-\xd3\xc9}&gt;\x81\x98@\xc5\xb0^OO?\x9a\x8c\xe7\xad\xc6~\xc5\xc9\xe4\xe4\xa3\x89\xe3t\xb3\xc5\xc9c{\x80\xe5\xe1=\x082\x18\x92\x96\x81S)\x956\x89\xde\xee\x15\xb0\xf6\xa3\xd0j\xb5b\xad\xc5[R{\xf1d\xcb\x8b\xf9xG\xf1*\xec\x85\x9d\x8c\'\xaf\x13V\xe3\xd9\xb6=\xbb\x80\xa5\xa7`\\\\\x05N;\xcchv;\x15\x04\xa1`%\xb4Z\xb5X\x8d3\xb1\xae\xf6\xdc\xc9\xc6\x89\xf9\xf6\x0e\xc5;\xaf\xa2\xc1\xf9d&lt;&gt;?\xd1\xd2\xf8\xfbc{ \x17\xed\xe0G\xe8\x18\x17O\xc5\xdc!\xf7\x85\x11f\xb5VM\x17\xa7\x11a\xcc&lt;b&lt;\xf3\xd6m\xaf\xd8\xd72\xdd\xd7\x1e\xeaX\xffn\xa1\x8a#\xcf\xbb\x815\xb9\xf8\xd9gg3\x1b)m\x1c\xa6E\x04m\xf3\xe1\xf5\xb5(\x9c\xbe\xb09\x10\xf0\xfb1\x15\x12YXk6\xab\xc5\x01\xfaf\xcbK\x9bSw\x1d\x1f\x01\xd6\xbb\x93Q$\xca}v;\xf5\xb7?\x00\xab#\xfe\xe8Xg[9\x1a\x8eFc\x93\xb0\xd9\x1a\\,k\x06$\xcbb\x06\x15\xe3\xd2\x82\n\xfa\x89\xd9S\xc2\xaasK\xce\x8e$B\xa1d\xe2\xdd\xecHB\x03\xec\x1d\x9cz\xf3\xf5\xd3Y\xc2\xea\x98\xbf\xd8\xb6\xab\x10\xce\xa6\xa5\x03\x0f\x98jC=\x1a2\xdde\x80\x05\xbd\xaf\xcc\xc8\xb0\xcc\x10\xd1lD\xae\xfc\x948`\xb9\xeb\xdc;+\xda\xba\x13\xa1H\xc7H\x17:\xea\x8f,\x14\xa4\xde\xf8\xd0T\xfa\xcd\x9b\xb9\xf9\xd9\xe7\x93\xf1\x8eP\xfc\xf5\xfer\x8d\r\xc1\xb0j\xc9\xe4\x941\x1d\x1b2|eac @"\x9a\xcd\xa4\xa0x%[X\r\xee&lt;\xd5IX\xa1\xbbW\xef\x0f\x0e?+\xfe19\x13\xe5\xf6\x8e\xa7F\xd3\xe9\xf4\x9btj~\xf6\xded&lt;\x14\n\xf5Q\xa2lT\r\\\x9c\xa7\x16\xd29\xec\x06]f\xf4A\xa9*\x03\r\x19\x1e\\F\xbf\xd8o\xca`Y\xd0\x83v\xda\x80\x15\x89D\x12\xcb/\x97F\x17\x1e\xdc\x06\xd9\xff\x953d\xaaw8u$}\x04\xf1&amp;\xbd4?\xfb\x8aau\x1d\xc2"K)Am\x97p\xf45\x17\xc2n\xa8F\xf5\xf4\tMM\xe0*c\x85\xc1l\x16\x9b(2"Z,\xde\x9du\x1a\xc2\nFB7\x97\x93s8\xe4\xc2\x83\xe1g\xb9?\xf4O\x92\x88\xd6\xe5\x16?\x1b\x9c\x1b%\xa6\x9a\x9a#\xe9\xf4\xd2\xe4\xec,\xcaa$\xd2&gt;Ra\xd3\xa8\\\x1c](\xe3\xf5\x069f\x089\r\x8aB8\x13P\xcf(\x86\xc1\xc0\xb4q\xf3f`\xa9\x89\xd3R\xe0.\xef\xecn\x0f\x06\x83\x91\xfe\x1b]K\xa3t\xd0\x99\xb9\xa1\xf1\xde\x1f"&amp;,Y&lt;\xbe4\xc5\x90(\x08+y\xef\xdaKx+\x12\xe91H\xa8:H\\t\xa1\xcc\xe0\xa0\x1b\xb4\xe4l\xfbA\x98\xb6\xdc\xd1\x88\xd8PZ\n(\xeb\xc6\xcd?\xdf\xcc\xcc\x85\x16d\xd1\xba\xf7w\x8e\\ \xac\xb1;\x97\xeeO\xb1#\x1f92\x93\xba\xdd\xfb}3F\x05a85\xca^YUSU\x85_\xe9t*~\xf5\xdas\x86\xd5^\xc9i4J\tay\xf4z\xbb\x1b\xadO\x06%\x81\x95)[V+A\x99\xac\xa5\xd6\x9c\x1c\x13\xaba\xac\xb6\x1a\xfe\xd4\xd9\x17\n*\x14\xc1Kw\xc6\xe2s82;p\xcd\xcc\xdc\xe0\xb3\xef\x931\x14\x04\xa8GLU+!\x95\xa6\xd3s\xf1\xee\xd6{]\xc0\nF\xfax%T\x04\x15\xd5S\x03\xd6\t\xb0\xb4L\xc6\xb0\x8c\xc6\x00\x04\xb4\x9aL\x04g\xb5\x9aX\x81\x80\x8eZ\xb3\x85?\xdf\xd6\x17Q0\xac+\x1d\xa9\x19\xa9T\x9a\x9f\x9f/%\xb4\x05\x80}\xb7\xfb\xe9O\xd2\x0cC=b\x92\xae0\xe1\xf5G\xd2S\x93/[g{\xda\x81\x15\x84\xe9U\xb4)\t\xbd\x9a\xb6K\x11\x96\xe0#\xcb\x93\xb1\x8c,_Vzd\xb1\xd4\xd4\x81\xc2%\xca\xb6==\x11E\x1ea\xf5\x87R3t\xdc\xb7d\x0bC\xe3\xdf\x911\x11l~\x1b6\xafY\xe1a\xaf\xa3\x97\x02\xeb~\xcfl\xebK\xc2R\x84\xba9\x98^\xe5BO\xf4\x10\x16\xce=\x8b\xe0\xf5\tB\xc6\xef\x01 \xf9\xb3XbV\xe8\x03\xfe@\xb8\xb6\xbc\xf3bW0/O\xa1\xc8bUI\xf33\xef\x80G\x15\x81\x15\x7f{\xc6\xc8R\x83S\x19\xf5\xde"m\xdd\xba\x95~\xd5\xa4G\x07\xe3\xf7Z\xcf\xb4w\x00K\xf1\x85\x87S\xc1\xf5(\xf2z\xbd\xc1\x01\xab\x9b\xcb\x04\xaf\x90\x11\xd1hd\xfd\x87\x89\x88\xb2\xa5fP\xfe\x80\xc0\x9d\xef\xfcsB\xc1\xb0N\x13V\x8dt%\xf2\x19^\xd5\xcc\xb7f\x8c*\xe7\xd0\xd4[\xa6\xfc,\x13\xc3\xdaz`att)~\xa6\xf5U\xa2\x9d\\\x9bh\xe6mX\xecq\xba(\xdaN\xb5\xcc\x02\x99\xcca\x8b%\xccN\xc5\x00\xd9&gt;c-?Q\xf9\x9dN\xbf? W\xb5u&gt;\xbf\x90GXc\xa7\xfb#K35\x99\x8f.\xadZy3\xa94\x931\xd17\xaf/\xd1\xb9\x87\xff\x9b\x9f\x81\xcf"!\x16n=\x18\x1c\x1e_\x1a\x9d\x8b\xdfm\x9d\xbdK*\xe6\x05\xfb\xf4.M\xb9\xc6\xa5sD\xb1\xc8rxwP\x93\xd1\x863\xd6b\xa6\xf73s\x91\x84~+a\x99\xab\x0b\xdb\xdaFN\xe4\x11\xd7\x95\xd3W\x82K$"&gt;\xf1\x7fU\xc9\xa7\xcfO\x1e\xfb\x86\x94+P\x19\xcd@\xb3m\xdb\xb6\x03\xb7\x1e\x0c\r\xde\x9f\xec\x19\xeb?s\xf3_0W\xe2U\xeb\xcd\x04\x99K\xd1u\x88S\x96\x17\x1e\xd677G\x81%h\xd1e\xfch7d-\xd4R4E\x14S\xf8\x0bO\x02V\x1a\xb1\x03\x82\xbe\x9c\x1cOT\xc1\xbf\x9c\x1e\x8b\xa4f\x1e\xdc\xc2;lc\xef\x9650{\x8e\xda\xff\xbf\x85\x8c\xcanU\xc6I\xe09@D\xb7\xef\xdf\x1d;\xf3\xf8\xaf7\xee\x9c\xde\xbb\xe9W\xd7\xde\x8c\x0e\xb6C\xc5.\xa4K\x91\x17\xe9\xe6]\x85\xe5*O3\x06\xafz\x87/L\xeb\x06\xb1\xdah4\x0f\x10\x9b\xd1\x08\xed\xa8\xf1\x88\x8d\x01\x1a\xfd\x9d\xceX%\xb7\xbf\xed\\"\xf8K`\x9dx|\xe7\x1f\xa1\xd4\xd4\xfd\xd0\xed!"cy\xc8\nC9\x93\xce\xa4\x86\x8bE+#RMF\xbf\xad\x84\xf4w\xa8\x96\xbc\xd4\xff\xf8\xc6\xe9\xbd\x1f\x1c\xddt\xf4\xe8\xde\r{7\xb5\xfe;\x9d\xea\xb8\x9b=\x17\xf3\x14=P\xb1P#\x89\xfa*\x1d\x86jY8@\xfe\x16\xc3\xee\xd9\x8cQ\xba\x900\xb8\x9d}!\x11\x08;\x94\xe7\xdb`\xad\x9f\x02\xeb\xcb\x1b7\xbe\x8c\xcf}\xfdj\xb9\xffR\x1cd\x07X\xd2\xb2AO\xf2\xab\xa8\xf4g\xa5$\xa33(bJ\x8c\xdd\x04\xd2\xde\x0f?\xfc\xc9{\x1flB\xbc\xb7a\xc3\xd1\x7f\xa6\xa7\x92\x89\xe5\xd6e\xac\xe4\x82\x8a\xbc\x0b\xcd.\xac\x04\x0fG1=;\xfe\xd3\xc4\x19\x85\xb6qeaXpa\xc0\x9d\x0e\xcd\x04C-pHVcZo\xb7S\x18\xea:\x8eQ` \xd8\x82\xf5\xd3N\x9d\xf1\x83b\n\x0b\xcb\x92&gt;H\x0ch6`\x83\xbc\xbb0PF\xccKF\x12(y\xf0\x83b[4]\x1aEQ\xc1\x85h!\r\x8ee\x19\x1a\x12\xd9\x10\x95(\xedK](Kp\xc1$k\x92\xb4\xff\xb9Wrzd\x8f\xee\xc8\x9a\xeb\xef\xfe\xff9g\xae\x8d\x93s\xa7f\xc6\xceN#\xc3\xe7\x80E\x8f?M\n\xb5\xces\xad\xe63\x99\xb9\xe1O?\xb8\xf6\xd9\xbddL\x14b7\xdcx\xf0\xd2\xf3\x9dv\xf7J\xf5s"[\x14d\xa7E\x10\xd8\x8f=0\xca&lt;@\xdd\xbf\xbb\x91&gt;\xe8l\x0b\x95df0\x05\\\xbe*3\x87\\\xbcxK$\xbd\xa6\xa5o\xbc\xf3\x0e\xc7ZX\xa2\xfb\xced"3&gt;\r\x8c\xb9\xb1\x0bc\xd4$\x8e\xd1\xad\x07\\\x89\xcc\xfc\xfc\xf2|fl\xf6\xe3\xf7\xaf\xfdmM\x1b\x1c\x8ci\xb1\x1a\xdbK&gt;|\xf0"p\x14\xc6Xi\xfb\xdbj~c\xfd\x89\x10\x8d\xc7"\xb8\xd0\xc8~\xdc\xa0\xffZ\tu\x81\x14_\xdf\xca7\xf7\xda\x86\xa2@%kHU\x15\x1a\xf9\xbe\xaf*\xcc\xfbu\xf3\xf6\xd5\xf2\xf3\xe0\xeb\xe2\xc5\xfc\xb3_VvVn\xfe\xf1\x83\x7f\x7f\xba\xb4\xb00{\xea\xd40a\x8dO\x9f\x7f\x8f~]36ql\xe2#\xea\x0fD\xb5\xfc\xe5\xf2\xf2|b\xf2\xd4?\xff\xf2\x8f\x1f\xca+\xbf\xfcT\xd4\xb4\x8e\xd2\xd1\x08\xcb\xe7\\\x8aRj\xc3N\x12\xed\xe9\xe2\xe2\xe2\x91`\xe8c\xb7\xb7\xfe\x10\xf9d\xf4\xf4\xfd\xf5\xab\x10\xca \x89\x00C\\\x0e3\x0c\xc3!\xbd\x1cf\x1dn&gt;\xf8\xaex%x\xdc\xbc\xf7\xdf\xc3\xfd\xaf\x9f\xed\xac\xdd\xbb\xf9\xd6\xa5\xa5\xaf\xc6fNB\xad\xf3\x90e|:1\x07\xa47&amp;\x8e\xbd\xf1\xd1YP\x9eM\xf0\xbf\x91\x9a?\x81\xd4\xfa\xf3\xcd\x9fV\xab\x8f\xf7\x0f?\xfb\xff\xce\x1e\xabi\xeb\x1c\x8b\xa0\x14\xd9\xc1\xa1\xb4\xbd\xd7\xcco\x90\x9d}2\x80\xfd\xf5\xe7\x8d\xc8\xe8\xe2\x93-\x0e\xa5(\xf4f\xa1\x97/+\xc8/\x87\x13Z\x8d\x97\x9b\xb7/\x97\x9f{\x8d\xc6\xfe\xfe\xfe\xf3g;;\xe5\xb5\x95\x0fg\x17\xc6&amp;g\xb1\x85O\xf0_\x01\xceg\x12\xc7\xf9?\xd1z\xf3\xc4&lt;\xfd9\x19\xa8\x963\xd3\x13\x0b\'/\xdd+\x86\xab5\xdf\xdb?&lt;\xdcox\xb7.\xfe\xef\xc1+\xcb\x17b\xe1\x1b\xc9\x8a,;d\xe7\xe5\x87O^K6\xfa\xf6\'?G\xee\xaf\xe7k\xdb\xb6\xc1\xb1\xc4\xa7\xac\xc2F`\x19\x8a\xec#\xed\xad\xc6\xaf\x9b\x9b\xdf\xdcz\x0c,\xcfkx\xdf\xee\xec\xac\x95\xf37\x96f.\x8c\xfd\xfd\xe4\xec\xcc\\\x06\xba\x906\x99\x13\t\xa8u|\xfc\xcb\xf1qq~\x1er^\xdaI&amp;\xc3V7j5\xf6\x1b\xb4\xaa/^\xbc|E\x89\x01\x1c\x19\x93\xab\x00#\x87J\xddZqk\xfd\xb5d\xef\xbe\x1d\xd9\xa8v\x01\x05,\xc6\xd7\x00\x81\x19O/f\xd8\\\xaf!\xcbk\xbcx\xd5\xb0T5\xf0\x1a\x96\x15\x04W\xd6\x80U\\[\x98\x99\\\x18\x9e\x1d\x9e\xcb \x87\x96y|\x8fH,/gx^e&amp;.\x0c\x9f\xfb\xd7\x1a\xf63a\xc7\x8dZ\x9e\x17\xf8\xbeE+{\x0c\xef\x98L\xb9\x02*U\xe6\xe1@\xb2+\x07W!\xd9S\x016\x1ain\xdb\xc0\x02\x02\xc8\x90\xf2\x8c\x8e\x8e\x05\x1b\r[G\x9f\xf0\x87\xac\xc0B\xcf\xc0\x9b\x14L\xee\xfb\xc1v\xb5\x9c\xcf\xe7\xc3\xf2\xd2\xf0\xf0\xd2\xc2Ww\xae\xb7Z\xaba\xa5R\xd0\xb4B!Y\xe9\xc7\xeejk\xed\xc6J\x19\x05\x98l\xd5u\'\x00\x15\x93\x88\x86\x8a\x9c\xc4\xe2\xfd\x07b\t3e\xc6\x8c\xf6^U\x80Q\xcf\x88\xb4K6W\x8b\x0b\x06+\x19\x99Gr9\x86\xae\x90R\x15v\x00\x00\x03\xb7IDAT\x1b\xd4&amp;\xc8P\xdb&amp;\xae!/P\x83\xa0\x03\xaab1]\xbeq\'\x1f\xa2\xf4\x07\x10\x83\x14\x03x\xf0\xb3\x813\x03g\xf0QH\x0e\x10V\xd3U\x82 \xb0\x14)*1\xa0I\x86\xc4x\xfe"\x86D\xc5\x93f\xc8\x1e\xb9\xb4WM?D]\x12V\xa9D\\ \xd3\x85\x8f\x8c\xe1\xfb\xab\x90\x0b\xd5\xa8\x0b\x1bih\xbbx\x18\xe0\x1a\xb2\xb6\xabE\x8ad2&amp; \xfaL\xaf\x83ci\x1a\xbe\x92\x85\x87\x12-R\x96\x80%)\x0cO\xbc\'Z\xf4"N1&amp;*:(\xa4\xd8\xc1\xd6]\xe2\x02\x96\xe1B\n]\xd2\xf9j\xa4h\x94j\x10\xb9\xae\x12\x8cM\xfd\x1eZcD\xef2T\x0f\x96\xee\xb5\xc2\x8bx\xa0w\x0b\x85\x06\x8f\xc4\x12\x98\x1c,\xa9\xd10\x9blu\x15\xd2\x84abI\xa2\xf9\xf5(\xa6\xe4Z)\xf0C\x92{X\xb0W\x8f\xaaA\xbb\x16\xae?]\x1c\x8d\xf8\xa5\x92\xeb\xda\xa6\x1e\x8d\xd2uQ\\\x8d\xf72j\xf60O\xe7%*cd\xbb\x08\x809\x81\xa5\xb6\x9ba\x18\xa6\xd3tK\x19\xec\xab%\xc8\xf8\x19\xb7R\xd3\xf8I\xacR\xb3\x15\x058\x985\xda_8%\tBe\xba\xa9S!\xf2\x04\x93\xf1\x1e\x05Z\xd4;\xab\xebOOs\xac\x94I\x17\x8d\x8cp2\xcc 1Q\xbdB.F\x89\xaa\x9b\xaei\x9a\xb6\xe9\x82\xcb\xe8\x1e\x80\x0b?b\xc5\xb2\xb1\x1eV\xac\x87\xd5\x1f\'\x93\x9c*\x1bkuiF\xc8\xa2\xd3\xc2\x19aI\x94#\xb0P2S)\xca\x1c\x12Q\xf4\x01Y\xd1\x8d\\\xae\x13\xde]\x8cX\x90 e\x8e\xe0"\x9d\x98h=Q\xee8\x15\n\xa3\xb4\xe76Jf/\\;\xb0l\xd8\x08*M\xc3~\x85@*\xbb\xbb\x95G\xbbT\x7f\x15\x01\xa8\xa5\x85\x9f\xd9\xb0\xa3GG(\xa6\xa6\xa6\xe8\x89N$^R2\x03\x95\xab\x1fE\x94rOO\xd9up]\xbd\x1b\t\x904P\x8b^\x13\xa5B2s\x17-\x9e^b7\xa1*P\x93\xa8l\xbb\xddv,\xbb#\xb0`#Y\xb9\xfb\xa8\xb2\xfbh\xb7p\xbdRI\x0ef\xc9E\xadG\x95m\xa6\xa6\x88\xa8\x17\x1c\x10\xdf\t\xebT$\xdd\x8c\xa7\xe2\xa6\xa9\xd3RS\xb0\x82\xdc\x00h=\xe7\xe6j[\x11\xafd\x1b\xe4!\xba\x83\x90\x12X\xd4\xe1\xa9\x84\xb1\xb3\x81v\xe8\xaf*\xb68Q\x8eeR\xe5\x96\xacv\x13PD\x05\xbb\xb0\xdb\xb9\xb3\x8a\x8f\xe4\xf5l\xb6\xc0\xadD\xca\x9d\xe1\xb9\xdf\xea\xfe\x8e\x89\x7fR\xa6HT\x01#Sf\xdc\x8c\x83+\x9eJ\xa5r\xb9T\x9c?\xbb\xb9:rx\xbb\xda\xc7\xd2\x19;\xba\x01QO\xc5\x8d\x87\x12\x00{\x1cn)U8\xe6\xc5$\xa6\xa10d~\xb7%\xb0\xc0\x85\x9f&lt;\xf2\x1a\xb0\xd2\xab\xab\xf9P$\x98\xe8\x12\x83a\'\xde\x07\xc2\xb5##z&lt;N6"\xc9\xc8\xd5\xb8\x88\x14\xe1\xd4\x89\x0bc\xa3\x0e,\xdb\xedF\x1a\x96\xcdP{h\xed\xd8o8\xbe\xe3\xa0V1\xc4\xc6\xcb\xa2.\x08\xbd\x98\xd8\x13\xf6\xb8L\xd3@\xcfw\xed\xbd\x90S!\x95`$\xd0\xd2i\r\x84\xbc2c\x03\xff!\xaa\x81l-\x17\xef\xab\x04(,\x1eN\x8d \x87\xa3\xf4\xda\xef\xa9\x10)\xae\x17a\xa1\x17\xe5"^`(T\x0f\x0e\x87\xc1FY\xf51\xc2\xd0\xf19\xd6\x10\xddM\t\x8b\xd2\x8b$\x8f\xa7\xd05\xdc\\\xaeY\x88\x15\x80\x95\xa5\xda\xe3x\xfd\x0e\x9f\xed\xb7\x8aj=\xdeK(~\xa4\xc4\xb6]r\x86\xe69\x82\xca\x11U\xbdN&gt;\xa6\\FX\x86\xebF&lt;\xafD\xfb\x9f\x1e\r\xb6\xa6\xb4=\x85h8p\xb9\xa0\x17\t(\x9a2\xc0\x90\x95\xd4\xbfr\xb9\xee\x01\xa7\xca\x16\x10\xd9~\x14\xb2\x85\xb0B\xe7\x00kuQi\xa2\x0c\xe9\x00\x9dQ\xd66]\xcdW\x07\x08W\x08U\xa7\xc0S.g\xd8\xf5\xbam\x94l\xf77\xb3s\xea\x06\x86\xff\xbe\xd8\x00\x00\x00\x00IEND\xaeB`\x82'</t>
        </is>
      </c>
      <c r="M235" s="3" t="n">
        <v>45492.67747685185</v>
      </c>
    </row>
    <row r="236">
      <c r="A236" t="n">
        <v>844096</v>
      </c>
      <c r="B236" t="n">
        <v>1961</v>
      </c>
      <c r="C236" t="inlineStr">
        <is>
          <t>Jhon Arias</t>
        </is>
      </c>
      <c r="D236" t="inlineStr">
        <is>
          <t>J. Arias</t>
        </is>
      </c>
      <c r="E236" t="inlineStr">
        <is>
          <t>PD</t>
        </is>
      </c>
      <c r="F236" t="inlineStr">
        <is>
          <t>ATA</t>
        </is>
      </c>
      <c r="G236" t="inlineStr">
        <is>
          <t>PD</t>
        </is>
      </c>
      <c r="H236" t="n">
        <v>170</v>
      </c>
      <c r="I236" t="n">
        <v>21</v>
      </c>
      <c r="J236" s="2" t="n">
        <v>35693</v>
      </c>
      <c r="K236" t="inlineStr">
        <is>
          <t>Right</t>
        </is>
      </c>
      <c r="L23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547a387-7ea6-459b-94c4-be9d7cda04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2\x11\xfeH\x00\x00\x03\x00PLTE\xff\xff\xffkI@hC9~OCeA6oLBfNK\xfe\xfe\xfegF=dC;\x9c_R}K@dGA\x83QDkE&lt;\x8cSG\xf4\xf3\xf8\x88PC\x99\\OvL?uHA\x9fqj\xfb\xfa\xfbpPG\xef\xec\xefgIC\x01ba\xaf&gt;EoG&lt;dLG\xf0\xf2\xf9\x81VS\x9dupR72yI&lt;vQJzJClNJ\x90WK\x8eZO\xaa=EtF&gt;\x03[[\x88SGcD@tOEsI&lt;\x95ZJ\x8c]WtVL`&lt;4oRLzPI\x88XQ\x9bcV\x92d^\x92_Z)&amp;,\xa1g[`@9\x9bng\rFGpI?l@7\xa7iYiRNyUNiLF\x8aVK\xa69B\xdf\xd8\xd9\xa2oe\x85M@\x15WY\x90^S\x80_^\xa0cV\' #"!*pC:X&lt;7\rRV\x02gd\xb4AH\x93YO\x85\\W\x93mh\x83QJ}]T\xa8zr\xa2{yt\x1f1\x1f\x1d#\x82VM\xf3\xf1\xf3\x9cwx\xa2wp\x9bZG\x90UF\x9a-9\x95tv\x8cd]\x9dj`\x05`\\\xa05C\x92*7^8/\x97e]\x82fcw\\R\xf8\xf6\xf6\x8d\x1c5rYS`IEtKHy!3nHE\x7f\x1f2\x0bJO\xa1`L\x94bV]B?\x8aig7#!\x14``\xaan`\x1c\x18\x1d\x97ic\x96"7\x87\x1e4mWP\x8b]^\xef\xee\xf4\xa7tj\x96rn\xce\xc7\xc9x[^\x95aP\xa8\x80|oF@I&lt;;B,)kEA~QNh@=\x93XGu_X\x8eP@\x03RR\xa0\x7f}\xa6dQN-&amp;\xea\xe8\xea\xa9\x82\x84\x8dor\x17NP\x95dg\xaf\x85\x7fW2*\x9d"8\x84&amp;9zd]\xff\xfe\xff\x95TC\xe6\xdf\xdf.+1&lt;7&lt;F31\xe6\xe7\xf2!RS\x07ZU\x1cFH7/4\xbc\x82u\x972D\xadiV\xb4\xa4\xa0\x8fbe\xd7\xce\xd2R==\xae~u\xf5\xf6\xfb\xae\x8b\x85\x8e+&gt;!]Y\xe5\xe4\xe6\xb7GM\xc2|\x84F&amp;\x1f\xbf\x8a}VEC\xda\xdc\xe6\x13\x13\x17\xc2\xb9\xb8\xa7#;\xa6:O\xb3wi\x7fel\xc5\xbd\xc2\x80on\xdb\xbc\xbe\xa9\x9f\xa1\x98\x85\x83\xb3r`\x8a\x7f\x83\xb0\\h\xb9|m^Z^\xd1\xb1\xb8\xcb\x91\x8bvPV&amp;AG\xa2\x92\x90\xbd\xae\xaf\xe2\xc6\xc7g;0\xe6\xd1\xd0\x94?Q\x0f=?\xf3\xe6\xe8\xb3\xb2\xb4\x94\x92\x94\xbdTZ\x8bxqECIWRO\xcc\xa8\xa6\xafMW3XV\xb3\x9a\x8f_\x88\x86\x9cel\x81G;\xb4n{+ed\xc2fn\x9eRZ\xb4\xc3\xc8B__w\x96\x94\xdb\xac\xad\xee\xda\xde\x0enjjei\xb2\x83\x93\xa1kxBxwwA4\xcb\x98\x9fHQT\xbc\x8e\x9e\x86\xa6\xad\xcd\xd4\xdafux\x82;H\x9b\xb3\xb7v,c\xe3\x00\x00 \x00IDATx\xda\xcc\x98OLZ\xe9\x1a\xc6\xab(G\x05!\x14\xd4\x92H\xa8\x026\xc6\xff\x05\xaf\x9ez\xa3\x1c0\x0e\xa9\x05\\\x14\xc5\x1b\xd4\xd6T\x17\x8a\x06\x08\x89\xa5FM0\xfe\x99z\x80\x82Qkb\x9b8S`\x83\xb1Jcb\xa2\xc4&amp;\x9d\x1aoMM\x9a\x99\xcc\x06\xa3.\x9a\xce\xde6\xcd]Lr\xdf\xf7`gqs\x97`\xe79 xV\xbf&lt;\xcf\xf3\xbd\xdfw\xb8r%)"\xfeGW\xfe\x06"\xfe\x9f\xfe\x06X\xf9\xdd\xdb3oA\xaf\xdf\xbe\x8e\x1f\x1c\xc4\xdfnn\x0f\xe7\x7fo\xae\xfc\xee\x96\xf8\xe1\xd1)(t\xa1\xd3\xb3\xf3\xe3\x99\xed\xe1\xef\x05F \xd3\x8b\xb7\xc7G\xa1 \x19$I\xd2`\xb1\xc0\x8b$\xf5$\x19&lt;=?h\x19\xfeN\x95\x1a~\x81&gt;\x05\x83A\xd2@"\x98\xc5`\xb0\x8c\xc3\xdb\x82`\xa1\xa3\x03t\xec\xb2[F\x10\xdd\xf1\xa3\xd3P\x84\xf1\t\x85V\x19\xc6A\x0c\x16\x19\x0c\x86\xce\x8f\xe3\x9b\xdd\x97\xcbE\xe4\xb7\x1c\'\x8cb\x04h\x80c0\x8c\xef\x01\xd7\x1e~E\xfb\xc0\xb2\xe3\xcd\xcb,\x19\x91?s\xce\x18EB\x9b\xc0\xa6q\xd2\xb0\xb7\x078\xe3{{\xf0\x8f\x05,3\x18\xf4z=\xc0\x1d\xc5\xaf\x11\x97G\xf5\xf6\xe8\x9bQ\x16\x8be\x0fa\xf6.4\xae\x078tL\x0f_,\xfa\xe0\xe9\xf1\xd3K\xe2"\x86\xe3\xff\t&amp;\xcad\xc0j\x81/\xa4\x1e\x100@\xc0BY\xc6\xa1`xCO\x86.\x87\x8b \xae\x1d\x9c^\x14=\x12\t\x83\x8a\x8a\xda\x8a\xc2\x9ep\xd83\x8aD\xa4\xc7\x13\xf1\x84i\x9a\x0eG\xf4\x0cf\xe8\xf0E\xea\xc7+,\xc1\xe3\x10S\xf3`\x84v\x95\x97g?\xc9~\x82\x82\xcf\xec\x86\x06W[\x9bK\xa1\xe5*\x02\xd6U\xb7\x84\x8e\x90\x16L3\xb2\xbf\x99r.\xe8\xd5)V\x8a\x8cD\xb9Z\x85\xc2\xe9\xf5&gt;I\xc8\xebu:e2\x8d\xd9\xd4~\xfd\xfa\xc2\xd6\xc7\xad\x07Vw,DB\xbf,d\xf0\xbc%\xe5X3G\x98_$Z\x0ePJ\x85\xf3\x1b\x97\xd7;\xe7t\xc8T\xd2\xea\xbe\xe9\xc7[\x1f_\xbe\xfc\xf8qa\xe1\xc4\x16\x0b\xe9a\x8e\xe9\x83\x87\xa9]\x8f\x04\xf1\xf4O\x18\xeaA\xda\xaeP\x82\x80\xca\x89`s\x8cD"\x87\\\xd5e\xea\x9b\xfe\xd7\xb3\x8f\xa8\xad\x85G\x01v4\x82\xf5\xa7\xe3\xc3\xa9\x8d0\x1e\xc2\xfc\x18*\x8c\xd0\t8\xe0\x132\x95\x8aD\xa2\n\x86\xab}\xfa\xfa\xe3\xad\xad\xad\x7f\x9fX\x03n\xa5=\x0cv\xe9\xcff\xf2S\x89\xb5}n i\x97V\xc1@\x81O\x8cS\xa2\x04\x93\xc8\x01\xaf\n\x95Fj6\xf5=j\x9fn\x7f\xb4:\xe4\xa6\xdc67M\xea-$\xd4+u9\x0e\xc7C$\xcd\xbe\xc8\xcf\xeb\xf4\xce1\xf9\x95\x8aJ\xe7J\x11\x8c\xf9#\xaa\xa8\x006\x8d\xd9&lt;ds+\xd8\x94m5\x10%-\xc1\xc8q\n\xb7\xa1\x96s2b\x0f\x0c\xd5(\x0b\x12V\xf1x&lt;#\nxJ\xff\xd2\x9c\x91W\xd8\xd8\xd8\x98Y\xa0Ph\xb5Z\xf7\xaau\x95\x86qv\x94:\xbb\xf2\x8f#A\xda\xd6j\xd6\xc8\n\x98\xaa\xf3\x9a\x9a\x9a\x8c\xc6\'\xc8%\xba\x10`\x19\xe1nzz:/+K,\xe6\x8a\x156\xeb\x89-\x02\xd3&gt;\x9e\xb2\xe1\xb5}\x14\x8c\xd8\x87\x10\xcb\xe9p8DsF\xa3H.w$\xc2\x93\x7f\x93\xa8\xd4hlJ\xcf\x00\xb0\xac,.\xb7\\\xec^\xdd\xdf\x8f\xc1A\'e)\x12\xf1\xd3 \xad5\x9b\xcd\x1a\x07#\xb9jrcee\xc3\xe4\x03\x18\x15K.\xef`\xb1Xr\x8e\\\x0e\x86\xa53TY\xdc\xf2\xf2rm`\xff$\x10\x8aDR5\xbb\x88\xee\xc3H$Z\x03T2G\x81\xc3\xa1\xf2I7z\x16\x96\x97{\x1elLV\xd7\xd6vtt\xd4v\xe4\xb28\xc0%\xc2\x1cyiiibp\xab\x9ck[}de\xd3\xa1\xf3m"53k\xe6,\x12\xb2\xd7h4\x80\xe5p\xc8|\xa6\x8d\x07\xcb\xcb\x9f?\x7f^\xee\xf9\xb4\xb2RW\r\xba\xd1\\\x96\xcb\x022\x91\x11\xa8\x9c\xce\x02\xadV\x0c\\T`\x15v\xc8X\x8a:\x8f{t(\xaaE*\xc4RI\'\xdb{\x96\x97\x97\x7f\xfd\xbc\xf0\xe5\x13p\xd53jF\xbf \xc5\xc2\xc6\x8aL\x1cn\xc8%q\x07\x86\xa8X\xec,\x9e\x8ar\xa1Y!\xda\xae\x84\xedX\xe6\x10A\x84\xa6\x8d\xe9\x07=_z\xbe|\xf9\x02P\x13\x17Xw\xcb8\xc5\xc5\xc5B\xc0\xca\xccL\xec\x04\x12\xbb\x9d\r\x03,F\xd3\x87\xdb)\xb0\x0b\xcd\xa2]\x05\x052\x99L\xe5\x10\xc9}\xd2\xc9\x8d\x8d\x95\x8dO\xd3\xc0\xb4R\xbf\x92pk\xb0\xfev3\x8bS\x0c\xab\x11\xc6V\xa6S\x0b\xbb9\xc5\x96\xd8%\x14\xa5\x90\xd0\xf4\xd9\xeb\xe4\x8f\x08\x82h9\xa7\xa3\\\xa4\x92\xa9T\x10\xa1\t\xb0\x00\x0c\xd4\xbeR\xb7\x021\x0e\x82\xeao4\xe7B\x88"\xd1\xdc\\\xa6\xd3+\x16\x8b\xb5l\x8am\x97\xb0\xd9l\t\xdau-\xe9v\x11\xc4\xeb\x18l\x86\t*\x15D\xc8\x98\x05\xe3\x01\xdeu\xe8V\xdd`\xfd\xca`\xf5\x8d2X\x8dr\xd1\x1co\xce\x9b\xe6\xe5\x96s\xc5\x80\x04X\x12\x89\xc4N\xd3\xc9\xdf\x17\t"\xff8\x16\x93 \x14\\&gt;\x9f/a\xd6\xe4\xc6\xe4\xe4$\xae\xc1\xfa\xfa\xdb\xd8\xac\x1b\xcd0\'\x10\x0b\xce\x15^\x1c\xa6\\1\x1b\x99\x10+\x16=\x9bI\xc1\t\xfe0&amp;Q\xc22\x04\xa7|R)f8\xc9\x08FVm3\x8a\xdf\\\xd2\\V\x96\x8bf\xc1\xd6\r\xbbeVV6L-\xb0\x0bZo\x07,X\x8bD\n\xaa\x15\xa3l\x1a\x99\x06\xbd\x922\\\x8c\xa4]\xe0O\x07\xbfC\xd0\xdc\\\xc2\xe7\xf3\x05\x1c\x0e3Ny0\xe5\xb3A\x0c\x16\xc3\x05X\xec\x83\xfc\xe4W\xeb\x88m\xb3\xfde\x16r1`8\xdd\x05:A\x99\x80\xcf/\x81\xabL\x87\\0\xe53\x18\xaa\xecl\xae\x16\xb1\x90+fg\x1fw\'\xfd\xd9\xf0W8\xd1\xd9\x90\n\x89\xa4&gt;\xa4\xea\x83r\xd56\x97\tt:x\xe9\x04\x02tK\xa7\xcbe\xb8.\xec*\xc7\xceKpH`\x8c\'O\x93\x8du\xed\x90\xb2\x05\xc0-\x9f\xb4\x0b\xb8\xc01hy\xdd\xc4\xc4\xc4\xc3\xbb%|\x01\x08\xb0\xe6u\x89O\xe0*.-\x84\x93\r\x9a\x85mgZ\x0fX\xf6_Z\x92~\xa6\xd9w\x07f\x874\x1a\x8c\xcf\'s\xf8j\xab\xeb\x07\xfb\xf3\xa6\xa6~\xb8\x95s\x15\xd4;\xcf\xef\xf5\xf7\xce\xcf\',cq8\x95\x85\xd0y\xc4b\'\x84t\x92\xc0L\xb2\x07D\xcb~`vv\xd6\xccP\xe1\x8e\xd8U]\xdf\xff\xc3\xd4+\xd0\x9b\xa91\xf5\x9d\x1c\xbf\xff\xea\xd5\xfb~\xbf\xbf\xd7_\xe5\xef\xe5\x83cBae\x1a\x1cl0D\x18\xa9\x98$%\xa1~Kr\xe7\x89\xcd_fgW[\xcd\xd8+\x87\x13\xa8\xc0\xad\x89\xbcW\xcf\x9e\xedn\xad\xed\xae\xbd\x19[_\x1cY\\\x1c\x19\xc9\x19\xc9\x01\xf3\xaa\xfc|&lt;I\x08+2\xb5b1fHQ\x88\xc5\x96P/\xf3\x93\xbc\x10g\x00\xab\xb5\xd5d2I5\x0e\'P\xd5V\x0f\xe6\xdd{\xfc\x0c\xb8vw\xd7\xde\xbf\x7f\xb7\xbe\xa8V\xab\x17\x17\xd7\xd5\x08\xe7\xef\xc5\xf9\xc5\xaa\x90\xd5(\xb4L\xb9\xa8D\x90T\xb2\'\x04b\xb5Z\x81K\n\xe7\x07U\x17\xc8T\xd7&gt;\xf1\xcf\xeb\xf7:_\xad\xad\xed\xee\x02\x96\x1a\x88\x16\xd5\xeb\xeb`Z\xce7\xb7T\x9a\x1a&lt;BH\x12\x05\x03\xb6T`Y\xadV\xc4R\xf9\xba|2\xa7Bi\xabQ*?\x98M\x0f\xfb\xc7\xd6\xd6\xde\xbfI`\x01\x97z\xa4\xaa7\x97%l,\xc4\xe3iAA\x8dRa\xbf\xe0\xa2\xd8\xc9\x0e\x11\xb0\xf6\xd1\xadI\xc0\x92\xca\x9c\xe5.\x97+\x16\x8d\xd2a\x1a\x0e\x15\xb2\xdb\xb7\xc6\xde\xbd[_\x07\xa0\x91\x91\xc5\xf5\x11?\x8b\xd7\xd0V\xc4\xa8\xcd\xc5\x95(\x94\x14rIR\x88e\x85\xce\x9b5ZW\x14\x90\xe0\xa1\x014\xea)j\xc8,\xfbQ\xcd\x14\xeb\xfe\xfd\xfb##U\x9c\x8c\xa2\xb0gttT?\x1a\x0c\x87\xe9\xa8K\x02G\xae\x04\x14\x95\xfc\x107\xf7g\xa1Z\xad\xf0\xac\xac\xb0\x83W\xd1h\xccn\x8f\x86=\x9ep[C\x86\xb0\xe4\xc7;j\xf5\x9d\xfb?\xff&lt;\xdf\xeb\xd7\x19\x07\x96&lt;\x89_\xe0\xf4\x00\xe7\t\x03\xd8\xc5\x8c`\'\xbb\xf2\xc4\x05\x96yV\xc9\xa6\xdc5\xd2ZSu]]_W\x05/\xe3fFee%\xab\n\xb0\xd4\xfey\x18\xa7\xf3\xc5M7\x9f/y\x96\x96\x98\x14\x81\x1b\xb8b`\x98\x02\xc1\xa8\x14\xb9e\xb6)\x86\x1e\xb5O\xf4\xdf\x1a|X]\xeb\x135\xfd&gt;\xf0|\xa0\xe9k1\xa7D\xfd\xee\x9d\xfa\xea\xbcN\xf7G1\xdc\x03e\xf0*\x85\xc5\xc2\xca\xc2\xf4\x86\xa2\xb6\xa2\xa8\x8b\x82\x00\xe1r\xa7\x02\x0b3\xb4\xb5\xe6uNM\xf5\xdf\xee\x90;|R\xd1\xc0\xf3\x9d\x9d\x9d\xa5\xdf\xbf\x16\xf3\xc7\xde\xbfQW\tt\x9cb\x00\x05\rd4\xe1\xef\x00\x95B\xa1\xb0\x91\x97]\x14\x85^Qn\x8a\xedNv\xe5\xaf\xb4$\xb0\xfa\xee\xbdz\xd5\xd9\xdf\xd5\xa8\xea\x92~\xa0\xda\x96\x80jtgg\xe0\xab\xe0\xd6\x9b\xb1\x1cx\xe8\xa9\xccx\xbe\xb4\xb4\xb3\xd4\xa6\xf8 \x83|\x07\x06n\xf2\x10,\xbbM\xecFQ\x81\xd7D\x92\xbb\xf5\xe2\x04\xb1\xfa\xf2:;\xa7\xfa\xbbT\xadVML\x1f"\xc7\xc7Ga\xcd\xed,5\xe9\xee\xde\xfaG\t\xa7\xd2\x98&gt;\xb0\x04\x9c\r\x1ffg\xa9\x86\x81\x9b\xd9YmE\x19\xc2\x8a\x8a\x8a\xcc4\x9b\xcdmsS\xab\xc9\xdd\xaa\x7f"\x88\xedC\xc4\x9a\x98\xea\xec\xcc\xab\xee2S\xf6\xfd?\x83\xa7\xc1\xf1q\x9a\xed\xd9\xd9y\xde\xc4\xe1\xdf-\x11\xfc\x97V\xb3\x7fi3\xcb\xe2\xf8$y\x9e&amp;&amp;c\\\xe3K\x14\\\xacF\r\x92\xc4\xbch\x12I\x8a\x89Q\x92\xa0\xe9$?$M\x0c\x9bj$\xf1\x87\xf8\x82\x13\x02\x89JZ\xa8\xeb[f\xd5T\xd1\xa8\xd4\x805\xb4\xbf\xb44\xed\x8aP\xb4\xbb+\xd8\xa9\xd5\xeaV\xf1\rf\x87\x0e.\xd2\x14\xfc\xa1\x0b-v\n\x0b{\xeec\xd9\xbf\xe0\xf1\xa2\xa2 \xe4\xc3\xf7\x9e{\xce\xf9\xde{\x8a5\x10\xed\xab}1a\xcf\x8f\x7f{\xf0\xdb\xf5[\xd7\x1f\xf6\x94\n-\xb2\x1a\x11\x8f\xc7\x95v\x02X\xed+r\x1b\x9b\xdc\xbc\x9b3\x9b\x04\xd65C\xbbD\x17\xb0\x8c\xfe\xf5\xd7\x7f\xfd\xfe\x03|r\xed+\xb5/\x1a-gAw*(\xd6`\xbeX_\x9f\xa5\xe8\xc77\xff}\xf0\xfb\x9fn=\xfa\xed/\x90&gt;dT\x8aH*\x05\xac\x89\xee;\x9by\xe4f\x87\xcd\xfd\xa1\xfd\xc6\x0e\x87My\xbb]\xe2\xaa\xf2\xff\x84\x8bl\x9e+\x8f\xfa\xae\x8f\xde\xd1av\xb9?\x9b\x95\x9eYf\x05\xb9dE\xb0\x87=o\x0e~}\x00Y\xeb\xd1?k\xe1?\x8adT\x9c\x07X\x9d\x13\x13\x13\xa4F&lt;\xbdkY\xe7\x7f\t\xa5\xbaQ\xa2\x0c5\xc8].\x89Wy\xdbk\x1b\xbec)\xb2\xc0\xb9\x8b\xfa\xc7K\x80\x8a\xc3)3\x96c\x96\xd1\xbe\xd1+/=\x9bW \xe6F-\x96\x87\xf0\xb3\xc8\x87\xe1P\x1b\'&amp;\x16\x16\xd6\xe8\xf7\xc9\xb4\xf9\xce\xf1B\x7f\xe9p\xa3\xcd\xabl@Xr\t\xb4\xcb^oc@\xed\x8b\xc7\xe2XU\x15+C\x0c}\x16D\x17[V4\x1a\xeb)\xdd\xdb\xdb\xcb\x87\x8c&amp;K\xcb\x17\xaae2\x9f\x8c\x81Cp-,t\x0c%\xf4\xe4]\x8f\x80Zv\xa5\xc4\x01\xe7\x10\xc4jh\xe0\xcb\xd1\x82.\x95\x17\x95\xa1\x0cU\x9e]LP\x89[\x8d\xc5fLV\x14+\x12\x8eE\xa3i2\x19\x86\xb1\xd9\x146\x9b\x8aa\xd0Ip\xbb\x17\x16\x1667\xdf\x91w\x0fA\xa7\x9f\xc8\xdbs\xbc\x8d^\xc0B\x0bY\xe7*\xbf?\x10\x95Yd2svqq&amp;\xd4h\xb7\xb85\xc3\x08A/C\xd9\x8a\x90\x08}\xc9\xa8T\x8c\xca.\xc0\xa5R\xaeta\xa2\xf6\x8f\xa5\xea\xcd.\xf2\xb0\xde6(\x06nx\xbd\xdeP\xe8\xff\\%\xfe\x00zU)/a\x15\xa7Z\xddP\xa5\x17\xc1\x93!,\x80\x02*\x19\x91\xec\xe32\x94\xed\xcd\x05\xc4QtL\x94~\xaf^%\x13k#\xc41|\xc3\x1aQ\xa8\x14\n+\xd8z;\xba0-a\xd1\x8c\xc6\x0b\xaa\xc5I\xa2 \x02\x16\xa6\xc1\xa2\xa0\x1aZ\xa8\x00A\x05\xba\xc0\xea\xe4\xd6\xc5W\xf7\xc9\xc4j\x10\xab\x08\xac\x91\x11\xc0\xd2\xaaL\x9c2A\xa6 \xc3\xcad2M`)\x82\xc1\x0b\xaeL\x90\xcb\xe7\xd3\x14\xc32\x9b\xcdDU4W\x80i\xcc\x12\x11\x19\xc2!\xa5\xc4bI\x12c\xeb@9\xff\xe2F/\x84\xd6\xc8\x08\x87iR\x99TL\xb1\x98c\xd2\x86\xc3Z\xad\x8a\xb989\xe9FzA[3i\xac8B\\F L!\xba\xe2\nt7(\x12q/\xb0\xb8\xb1\xd8\x01yX\xb9\xa7WO\x00\xeb\xc6\xb56\x13\x07\x19.\x93I\xa5\ro\xado\x85\xe1O\xced\xea\xfc|\x12\xf4\x9aLMN.\xb6"\xae#M1\x80"L#\x0b]Y\xb2D\xdc\x0b,\x1d`\x91v\x12\xef\xd3\xf3\xa6r^\xac\xf7\xf6\x0e\xb6\x18\x08,\xa6*\xbc\xbe\x03\x1elZ&lt;\xd9\xcaa\xa2\xcf_\x0c&gt;y\x12f\x12\xc71=\x0b\xed\xdey\xab;\x88$\x9c\xcc\xa4\x81Z\xf87,\x87(V4D\xd6\xcd\x1b\x9d\xae\x1fl\xdb\x19\xe8\x9d\xf34\r\xa8\xc0\x9b2\xb5\xeb\x8f\xc1\xebl\x05\'\x8d@\xa5\r\x83\xb7\x08\xef&lt;~\xb1\xbb\xf3$\x18T)\xf8\xf5\x02\x1aM\xe3;_\x04\xbf\x81\xc02\xc10\x8a\xf0oXU\xf1+\t\xf2\xd2\xe9P\xbf\\\xd5\xd6;\xd7\x1ci2\x98\xdc\xee\xe9\xad\x1dD5\xbdh\xcc,c*\xc2\xc8\xbe\x02\xd4\xeecp\xb0\xd3Z\xc5\xc8H\x88\xef\xd2\xc4\x8f\x8c\x84\xcb\x0e\xba3\x04\x02W\x15\xa8\xa5s8\x1c.\x9dz\xe19y\xa1\xb5Vx\x9e\xca\x00\xac\xd9\xf9\xa6\x01S\x90\xc0Z\x0f\xbb\xa1E\xce,\x03\xac]\xf8c\x1d\x89\xf5\x04\xccXz\xba\xa0&gt;=\xcb\xb7\x1a3\xbb\x83\xd3H\xae\xbb\x80\xe5\xd2\xf1\x88\x04\xe1\xd21^\xcd\x90\x88e\xcb\xce.\xef\x98\x9bs\x82\xb7\x0fO?\xd9Z\xdfY\x0fk!\xc6S\xc6\x0c\xa6J\x1b*1G\xa3\xae\x81-0\xaf\xee\nhM\xe3G\xa8\x97&gt;j\r\x12y\xe3n\x99\xdcf\xb3\xe9\x10\x16$\x08\xf5f\x1e\x89X\x83O\xc7\xb3\x01\xab9\xb2\xbc\xbc\x04Fuk+\xac5\x89\x8d)\xa3\x95\xc3a*\xf8%~\x1eO\xa7l\x1b\xe1\x88+V\xa1cX\x8dC\x01\x8f\xc5S\xb0\x89\x80\xe5\x167x\xbd6\x1d\x97\x0bV\x8eR\xf4\xfdk\xd2\xde\xac\xe9\xb9?7+\xe5\xb6\x8eWs\x1e\xe7\xfc\xf2\xf2:\xf2\xcfZ\x93\xa95\x95*C\xd9\x82c\xe5\xcb%\xf7\xfa\xfb\x0bK*0\xe8\xed\x8b,\x165\x03\xf3\xf9\xe2G\xe2i\x94d\xdd#!\x89\xcd\xc1\xe3r;;;\xd3\x187\xc8{\xb2\xa6\xd3\x87\xae*%\xde\x8e\x97s\x9e\xe6\xc8\xec\xf2\x12q\xf9\xa12\xa5\xce3!kq\xac\xe8\xca\xbb\xb0\xdfv\xe1\xce@%u\x1a\x05\xafa\xc3\xef\xe7\xc1 \xe4\x8e\xbbbh\x85xp\x16\x01\x8b\xeb\x88\x907\x10q\x9f\xae\x9fRJ$\x8d\x08\xcb\x19\x99\x8d\x84\xa7!\xa1\x863\xceYVTx\xca\x04v;\xbaN\xad*\x81\x8a\xa3\x81\xf6A\x9d\xc6\xc0q\xbc\x1c\xb8R(oe\xc2\x11\x10\xe158$\x08\xa9\xc36\x95 \xd1_\xe4\x9d\xdeV*{;\x10\x963\x12\t\x07\xc5\x9c0\xd3\xcc\xe2+LL\xa8\xda|\xbe\xdcUX\xb8\x87\xb0\x8a\xcb\xd1\x053\x03ae\x9b5\xbe##\x9cV\x1a\x8d\x96U\xc0\xa6\xe0\xd2\xeeN\x88\xfaA\x12\xc7G\xe8\xb9\xfa\xd3\x96\x96A\xc8\xa7\x9ef\xd0+\xcc\x11\x9bT,\x16\xdf\xaaP\xa1\xa5\x08I\x80\x8a\xe7\'\xde\x825T\xea\x18\x8eS\x80\xab\xa6@sdn\xbdK\xcb\xc2k\xa0\xe5\xa2 \xb5\xb8RG/\xa9\xe3\x10\xb9\x89\xb7\xc9S\x0f\xa8\x85\xb0\x0c\x90C3\xca\xab\x1b\xda\r\x03\x03\x03\x06C[\x7fc\xe30t\xc9{\x014\x00\xa4\x8e\x8e\x81\xff\x02c\x08\xf1\x85QY\xe2\xf4\x1a6\x03\x93a\x0c\xae\xb4\xbb\x1b\xa7H\x1dIR\xa7G\xe8\xb97g\x92h\x13a\x1b\r\x8a6\xd5\xb9\xbd\xba\xc1\xb0\x04\x06\xdb\xe9\x99{\tkxxx\xafV(\x14\xe6\xa3G1\xaeN\xc7\x03\xbd\xa0_f\xd7\xd7\xe3\x8c4\x19\x9c\x02\xe8\xe5;q*\xde\x9d$\xf5\xa9\x13\xfc+}m\xce3\xe5Dj\xa9\x0c|\x8d\\\xde\xde\xb4\xd4t\x15\xa0\x08,\xe0\xda+E\xd3\x05uu\xc4\xf0M7\x80Q(\x944Z\xbd\x88\xc1\xc00\xc0\xea\xeeH\x1e\xec\xef\'\x13d\xdf\x8d\xd0\x87&lt;\xcdSSN\xa73\xa7\xcd`7\xdb\xcb%\xb7\xbd{\x8d\xbd\xfd\xfd\xe8)\xf1\xde\xd3\xa7\xfd\xe3\x85\xe3\x81\xb1\x00t\xd2c\xf9\xe89\x1f\xc7\x19B\xa1\xba\x04a1\xa8\x0cJe\xe7;}\xd7\xcd\xbc\x9b\xa4?\xfa|\xf7l\xcaC`\xb5\xe4\xe4\xd8\xcb\xab\xa2\x95\xc2\xd1Q\x7f\xce.Z+\x9f\xbe~\xfd\xa0j\x9a7X\xdb\xda\xca2\xaa\xe5\x9aX,\x06i\xd5b\x11\x82Zl\xe0\xa2P*\'\xf6\xf3.\xe3\x05\x9dN\x7f\xbe\xefAT\x11\xc0\x92g\xd3\xd8\xc2\xbe\x7f\xc4\xac+\x87\xc7\x87\xc7\xc7\x1f7\xfe\xae?\xd9\xdd8\xfe\xb8{r\xf2xgw\xcbx\x14\x83*\xf4\xb0\xc8"L/\xcbbSA,\xbcr!y9\xd3\x19\xf4\x9b\xafA\xad\xa9\x88\xb3\xa5\xa5\xa5\xba\x84\xf6\x93p\xf4V\xcf\xf2\x97\xc3_\xfe\xf3K\xe20\xf1\xe7\xe7\x87\x1b\x89\xc4\xe1\xc7\xe3\r \xd3.\xb2\xe2}\xb7\xfa\x80\x8aQ/(``i\x80%\xedX\xbb\x9c\x11\x1bzW\x12\x05W\x04mc\xbb\xdd\x9e\x1d\x10\xc6j\x93C\xc73\x89\x99\x99D\xde\x1ff\xf4\xc7\x89\x84\xfeX\x7f|\xb2\x91T\xa8\xcc}\xb7\xae\x8fZ\x84c\x05\xd6t6\x03\x12,\x1c\xc4w\x974\x05A\xef:@j\xcdF"\x91\xa6k|WIUa@\xe89\xf8\xf9\xd93\xbd^\x0fD\xcf\x0e\x8f\xf5z\xf8\xfd\xed\xda\xe9\xd4`\x1c\x1a\x89\x9e\x9e|\x06\x8d\x9fEL\xb5\x00\xd6f\xdee\xa9\xb5\x06jEfgg#\xce\x1c\xa5\xc4.W\xf6\x07\xc6\n?\xcf\xaf|\xfd\xfa\x16\xd6\x97\xb7\'\'\xf0u\xb2|:\xd8\xeb\xb0\xc0\x06B\x02\x1b\xe3\x0b\xd8\xc4\xac\r\x85\xdb\x99\xbc\xa4y$z\xee\x90\xc735\xbb\x0c`\x91\x96\xdb\xd5\xfc\x86\xf6\x1c%\xcf\xdf\xff~{{\xfb\xc3\x87\x95\x95\x95/\xf0=\xb0\xad:\xab\x1e\x0fD\xd5\xea\xba\xba\xfcRJU\xc3\x85X\x90\x1f\x16\x86\xe8\x97\x85\xa5\x7f3\x07X\xb3\xf3\x80\x95\xd3\x8e\x8aOSN\xff\xd3{\xef?\xaf\xac|\xd8\xbeX\xff&gt;;cV\x17\xe6\x0b\xbf/-\xad\x0bp)\xae\xf4o\xf3R\x94\xcaw\x89\xcb\x1a\xde\xa2\xcfl\x02\xd6\xec\xf22\xec\xe2\xd5k\xed\xa1v\xc3\xd2\xe3\xa5\x81\xf7\xef?\x7f\xfa\xf4a\xfb\xec\xcc}vv\xc69\xb3V{\x87KK+\xb9\x14\\\x84\xe3\xae\x9a\x0b*F]\xe5~\xdew\x97\x85\x95\xf7\x1a\xb9\x8cyP\x0bRj[\xbb\xc2\xb0\x8e\\\xcfRS\xd3\xc0\xfbjk\x99 \x03L\x8e\xdd\xee*D\x83T8E$\xa2T\x89.\xc4\xa22\xea\xee\x1c\\\xde\x80g\x17TE\x10\x0b\xa9Ep\xb5\r\x80\x11#\xc0\x0c!&gt;\x9f\x98\x81\x10\xd4\xf3C\xa1\x06\x17\x8f\x10\xab\xaa\x00\xc3\xb0\xff\xf1r~!mgY\x1c\xafF\x1b\x13\xa3\xa6F\xf3\x07\x9d4\xd5\x9aX\xd4D\xab\xf9)1H41)Q\x98\x8216-\xc6\xd0\xd1\xe0NRIq\xcbh \xc8\xba&amp;\x1a\xdb\xd9\xb2B\x19G\xb6\x10\xc5\x87\xbel\x11\xab+U\x98\xd2\xb5\xb5VZp@K\xa50\x85\x91}(\xceC\x0b](}(\xfb=\xf7g\x0b\xcb\xce\xecNw\x1a\x8f1\xf8\x10\xe1\xe3\xf7\x9c\xdf=\xe7\xdc{\xae$\x96\xca:=\x9f\xbcyE\xe1\xfc#\xc8\xc5c\x9d\xf59\xfc\x84\x05\xaa{\xf7\xa2(\xba8\x9d\xd3i\xb3\xe9\xe2\x1c\x17\xd7u\x92X\xe9\x15\x15\xa9\xfc\x84\xa0De}~;\x89S\xba\x93[("\xb0B\xf0\x99\xd1\xefw\xa0\x99\xa6\x13a4\xad\xd0\xc8\x19\xd7iuqX\'\x94\xa2W\n\xc5\x95H\x04\xac\xc6-o\xf2\xa8\x0e\xc9\xef\xa2&gt;\xbdFT]&gt;dF\x87?J\xfd5a\xb9\x9cqf\x06|\xeb\x04\xe9Tm)\x14\xc4\x04\xaa\x0c\x895\xb4\x9d\xd4\x19]\xfbF7\xabn\xba4\x1a\ra\xf9#\xf7\xee\xdd\xa3\xa6\xd1\xa5u\xc59T\xf6\xe2\xb8\x01M5Q\xa5+\xd2S\x18W\xb9Hu88\x9f\xd4Ik\xe5\xc6\x03V9wu\x03\xcb\x8c\x87\xd1\x14\x89D,&amp;\xb1\xd8U\xe6jm\x15\xa3m\x8c\xdb\xb2\xe8D\x9f\xc4B\x1d\x08\xae\x8c\x8crUcRC\x0b\xcf\xe2\xd6}\xd6gt\xc7b\xf9\xc0\xe28\xea2Z\xc5h\xaeic07\xd7\xa0\xd5\x96\td\x84\xa5P(JP\x9efH2$\x12\xeb\xf0Fr\xe7\xd2\xe5\x0f\x83A4@\x0c\xcbl\xf6\xfb9\xb1\t\x1eD\xc7\xdf\xda\x8aw\xc3y\xac\\D\xc5c)R\xac\xa4\x17\xcd\xe9n%\xf7Z\x8dp.\xd8\xd2\xc2\xb8413\xe42q\xad\x91\x88\tL\xad\x80\x03\xd5\x116-RS\xc1\xa8H-U\x062vch;\xc9\x97\x1e\xe6\xc2\xc1\xb11\xf4\xb1\xdd\xdd\x08\xf9|\x07\x88"\x11\x8a)\xb1\x98\xc7\xca\xca\xcc\x14\x08j*\x14\x8aj|\xa9R2R\xa8\x13*\xf9\xd4\xc7\x88?\x83\x15&amp;\xb0)\xc2\xf2\xf9\xa2\xe02E\xa8\xe5w\xc1\xb4\xe7\x8f\x9cbT5\xc5\xc5\xe0*\xb1\x82\x88\xe6aU\xc9\xc7\xda\x0e\x87\xdd\xee\xf0\xd8Xx\xaa\xeb\xac\x07\xe60\x99\x1c&amp;.\xd7\xa5\xd5i\xb5Z\x9at\x13d\t\x18UI\ta\xa9$\xe5\x83\x83\x92\xcf\x0e\x02k*\x16\x8b\x05[\xc2]\xe34`\xb3\x10E|A(\xadN\xa7\xd3\x96\x9d\xca\xca\xe2\xb1\xaaKhV^U\x8erppp\xf0\xe2\xc4\xdd\x99\xe4b\xdd%\xb5b\x9aX8\x88\x1a\x87\xb0\xa0\x95+\'\'GGGTZ6YC\x91E\xe3\xfbV\xc9 \xa8\x80%\xb98\xb1\x96\\*\xe1(\xb0bX\xe2\x19\x17\x8a\xfa\xa8\x1fTee(\x1c\x9c\x03N\x1d-\xa5\xb2&lt;\ns\xc9E\x82"\xaa\xf2\xc1rI\xb2\xb1\x0e\xcd\xc7H,\x84\xbb\xc6\x1d\x9c\xd2\xc4\x86\xb0r\x91X6\xd4\x0e:\x9b\xad\x03T\xfaT\xe4\x9b\xc1\xc1\xd34es\xfat}y\xb9D"\x99\x18M\xb2Z\xf6n\xb7\xdb\xacA\xa7\xe8\xf1i\xc2\xc1`OO%b\x9d\xcdj\t:::jd\xfa\xec\xd4\xfaz\xd1\x87\xc9\x9fz`\r\x96\xab\x92\x8du\x88\xb0\xdc\xf9\xf9&gt;\x8f\xc7\xe7\xd1\xb8\xc3-gh\xe23\xbd\x01U_E\x05~H\x11\xd5\xc3\xf6\xa1\x8e\xd5\xb3D\r\xbd\x92\xd6_|\xc0\xear\x9b\xb1\xbc\xe7G\xa3X\x1d|\x9aX0t\x98\x06\x81\x10\xd7*\x9a\x8c\xe7}w\xec\xbdVl\xf0\xf4\x80\xb0 \x96\xc3\x11uD\x17 \xd8YM8\xd4\xf8\xdd-0\\\xb9r\xeb\xd6\x15\xba\xfd\xc7_\x0c&lt;\xfd\xe5\xb1\x93\'\xe9\n\x1e\xa8\x805\x7f\x00Xf\x07,\n\xac\x05t\x17\xb1\xe0X\xe3wW\xbe\xa6y-\x9a\x8a\xfa\x1aT\x08t:~=Y\x9f\x96\x06,Q\xbdH\x12\xb4\x1f\x84\x13\xcd\x10\x0b\\\x9e\x85\xeb\xe4Hw\xcb\xe1[4F\xc6\x0fk\xb18\x07\x10q\xa5\x11\x93\xa8\xbe\xfc`\xb0P98\x1c\x11Gda\xe1:9\xd2\xe7n\xb1"\xa2\xbe\xa1I\xadoX@e\x88\xd2\xde\xdb\x01a\xcd^\x83\x13\xc9\x8b\xe8/ \x17\xf2\xcf\xb8G\xd3s\xf4\xf7\x7fJ\xa5\xb3\xf3/O\xd6\x8b\xd8&amp;\x1b\x9b2`r\xb1\xb1\xe6\xa4c\xcdw\xedc\xb1\xf8\xf2\\\xbf\xfe\xb7\xeb\xe3&gt;s\xcf\xd5\xe3yy\r\x85`!&amp;\xda\xcc\xe5\xa9\x98Z\xc0\x9a\xd8\xf6&amp;\rkF(W\x8en\xb9\t+?\xca\xcb\xb5\x00*py\xccFZO\x05\xb2\xc2Tv\xa7\xad\x81\xa8\xde\xfbPT.Q\r?\x9f\x1b\x9dMB\x81\n\xa4&gt;\xa5\xfd\xee\xc6\xfd \xdd;4\xd3\x12\xe17\xf9\x1d\x1e*"\xc6\xd1\xecs:Z\xe9e\x85\xb0\x06\x99LF\xddt\x1a\x89E^D\xd5&lt;&lt;\xfd\xe0\xd1\xd6\xb6\xfd\x13\x8f+\xca\x17\xa5J\xfb\xda\xc3Gc\x8d\xc3-\xc02\x9bY/\x16@W\r\xaeqO~~\xd4\x1f\xd7\xda\xca\xb2d&lt;\x15S\xeb$\x03cs\xfc\xc0\x9a\x98\x0e\x06\x1f&lt;\xfc\xb4\xf7\xab\x85\x93\xf3`\xba\x1f\xa2\xed\xf6\xb10%j\x1e\xab.\x80$4\xee\xf1QM\xafCM\x93\xa9/\xa4Y@\xbd^_\xc8;\x91\xdd/@K\xa6\x1a\x0eMLOO&lt;\xffd\xf7\xf7gP\xbe\t\x17\xd7\x1e\x8d\x1d\xb6\x16755U\x85Z\xa6\x18V\x94\x9a\xc4\xba\xc0\x10K\x8e\xf9\xfe@@{\xe4\x94\x80\x80d\x8c\xab\x90\xf6\x00\xe9L\x8a\x0cX\xd5\xa1\xe1\x89\x89\x89\xd0\xf6\xa4\xf7\x93\xb4\x1aB\xa1\x1c/\xef\xc3[\x834\xf2}\xb5\xa9\xe9\x0c\xc3\xf2\x11\x17\xb0\xea\x02f\x14\xf4\xe6\xa1@\xc0i\xcb,*\xd2\x13\x96^\xdf\xa0\x87/\xb3ah0x0U\xc9\xf0p\xe8\xc2\x85\xe1\xad\xdbJo\x9f\xfc7\x8fp\xc9\x95\xaff\xe5\xf2E\xef\xc3\xf2N\'\x7f&lt;w\xa6%\xcc\xb0\x00f\x06V-\xb8\xf2\x87j{*\x8dYE\x9f\xebi\x9a\x06~\x8454\x10Y\n\xb5\xaf\xfc\x85\xceF\xf8?\x14\xda\xb0+\x95\x00\xfbm\xff\x89D\xd8\xf7\xe4\xed[\xfb"\xe2}\xbb\xdd\x19GQl4\xb6\xb73,\n.\xd0\xd4\xd5U\xd2m\x0c\xa2\xea\x14\xe8?\xe7\xa9\n\x0b\xc9\x93\xc4\x95\xcd\xa8$(\x03Ut\x0cTUU\xfd\xdc&gt;\t.\xa5}\xfd\xd9\xff\xcb\x85\xdf\xf3\xbe\xf9\xe9\xf5\xact\x11\\\xa3C\x1c\x17\x8fs\xce\xca\xca?\x86\xc31\xe2\xd20,\xba\rU\xcb\xa8:\x11XEz\x16\xeex\xc7\xd2\xda\xd0\xc0C\xb1f_e\xa5\xd3\xa9\xaa\xea\x8dY\x1e\xeb\xc5_\xd7\xfb\x0e\xcd||\x9cS@=\xf9vgg\x14T0\xbb\xc7b\xe2\xe2\xdc\x80\xb3\xb2\x87\xaf\xe4\xc9\x86jk+\xdb++Q\x9f\xb6\xb7_\xad\xa99.+:\xcec\xe5\xc9\xf6\x9d\x98M\\d*vjV5&lt;w{\x92\xb8f_\x94\xee~\xff\xb4\xef\xe3\xf2\x11\x1d\xd1a9\xff\xf6]big\x9eQI\'\xffa\xb1\xb4rbn`\xa0\xc7\x1d\xeb\xee\xa2]$\x8d\x99\x9c\x07"(\xd8\x0e\xb5:\x04\x992\x01=\x8b\x85\'\xf4$\x16\xa0R3\xdecI&gt;\x03WU\xf5\xf4(\xa3\x02Vsi\xe9\xe3\x1f\x9f!\xf8g&gt;\x02\xaa\xef\xd5\xe6\xd9w\xe7\x12KK;\x9bR)\xf4R\x8flG,&amp;\xb4\xf4\xa6@\xdd_4]\x9a.\xda\xder\x0f\xf5\xf4\xb4\xb7\x1f=\n.`uP\xf2\xc9\x14\x1c\xcf+d\xc9\x07\x0bj\xb6(\x8d=\x85\xd4aP\xbf\x8f\xd8\xda\xf7!\x8fUZ\xba\xb2\x0e\xb0_\'\x19&gt;\xe6]\x7f\xfd\xd3\xbb\xfe\xa5\x9bK\x89\xc4\xd2\xb6\x9a\xb0\x16\xd5\xf3\x1e\x8b\xc5\xc2\xe5\x9a\x02\xb5\xee\x18\xb0|P\xcb\r\xb1\xda\x8f\x1a\x8dF\xc4\x97\xd1\xd8\x99\x95\xc5z1\xca&gt;\x97/7\\\xa6\xac\x9d\xc6\xef\x04\xee\xabU\xd54}W\xc9\xdb\xd3\xc7\xc0\xc2k\x17`\xbfJ\xb0\x19\xf9\xb3\xcd\x17;KK\xbd\xcd\xcd\xbd\t\xd8k%aI\xd57\xe6L\x16\x84\x17\x17\x18Bh\xd1\xbe)\xb0\xdc\x84\x05\xaeJ\xf4\xad6d\x9e\xac\xac\x13\'N\xe8A\xc4\xc2*5M\xc4JS\nx&amp;V\xd3\x85\x8dY\xa5r\x84l}\xb7\xb9\xb4\xb9\xb9\xa0\xad\xad\xed\x87\x95\x97\xaf\xfe\xf7\xca/\x7f\xb6\xfeb\xe7f/)\xdc\xfbE\xe2\x0f\x89\xc4?oK\xc9\x8dj\xf5\xbc\xc6\x12\x89\xb4r\x03\x01\xb3\x99a\xf94f3=\x82\xc6\xa3Fj\xa7\xc1\x05\xb0\xcc"\x99\x8c\xdd\x8dg\x8b&lt;\xc3b\xc5\x97\xd5Z\xa2\xa8\xaa\n\xaey\x81\x84o\xe5\x8f\x80jn.-h+(X\xfea\xef\xe5\xb3\xff\x96\xc1g\x0e\t\xbdOVv\xe9\xe3P\xb8\xf7\xe6\xef\x12\x97.%v\xe6\xf7\xb1F\xe6\x06,\x11\x8b\xd850d6\xfb\xce\xe2K\x93\xcfb\xdeh\xd41\xcb\xd1\x1a\xb49tu\x0cd\xac\xf0\x02\x15U5\x04\x95\xaeP\x14W\x15+\xb6\x94^\xa6\xd5\x88\xf2\r\x8fUJz-\xb7\xed\xae&lt;\xe9\xfb\xe55a\xa6\xef\xe9\xf7{\xab\xa5\xa5mm\xa4U\xef\xd2R\xa2\xbf\xbf\xff\xdd\xa6Z\x8d\xf0\xc2\xdb\x9dkqD\x97\xceVGW{|\xb4n\x01\x0b+\x17\x90\\q\x97\xf6\xbc\xd6`8O7\xc72\x11\xf9\'\x08\x0bTt\xbcIEa:\xd2\xa9\xe2\xb9]\xea%\xb1\xbc^^\xadR\x92\xab\xad\xa0myyy\xefe\xdf\x8c\xf0\x17\xce\n\x9f\xbe\xd9]]\xc6\xa7W!U\xef\xcd\x9b\x8c\xaa?\xb1=\xa2\x96\xaa\t\xeb\xc6Z-g\xe2t\x1d\xc6Z\xa4\x1bH\x05\x03Vm\x1d\xb0\xe2\xb94\xbf\x98k8O\xa7\x18\xb0\xcc\xfd*P\xc4\xbb0]A7\x9e\xa7\xd7F\xa4^\x92^:2\xb9I&gt;\x81\x15\xc0\x8d\xa5\xe0b\x8e\x14\xfe\x1c\xd4\xab7\x8fW{{w\x19\x14~\xa0\xc7\x90\xb0\xfa\xdf\xdeP\x93^\xc45\xe7\xe48\xa7\xadCGi\x90Q\x11Vm\x9d\xd3\xe5\x02\x92A,6\xfc\x99\xbf\xa1\x05\xb1(QS\xfd@I\x11\xfdvqqE\xf1\x9cR\xbaoJ%B\x9eb\xa5\xa0\x80\xc2\xab\x8dq\xad&lt;\xfd\x8f\x0c\x8e\xc7\xef\xe5^\xf3\xdfW\x1f\xbf\xdd\xc3\x9f\xb0\n\xb1z\xbfXJ\\J\x9c\xfb\x80E\\#w\xae9\xb9\x01\x9dM\xe7\x84\x1f?\x88U\xeb\xd4i\r\xb4\xc7,\x16\x7f\x050\x92K\x90w\x99\x9eDQj6\xf9/\xbdB\xa1\xa8HO\xdf\xc0\xb3\xa3fry\x81\xb5\x8c(i\x06\x16\x1f\\\xc4\xd5\xb6\xb7\xfe\xef\xff\xe4ifF\xfede\xb5wwes\xf6\xd5J\x01Q\x81\x8b\xb9\xf0\xdc\xb9s\xfd\xaf\xef\x8c\xa8y\x1b\x19\x19\x9d\xb2\r\xb0\x84M\xe3\xdfd\x0cK\x8b\xa8\xca\x15\x7fEw\xedr\r9l\xf9bUM6QU\xc0\x8a\xff\xd5\xc4\xf9\x86\xb4q\xc6q\\\x08]A\xb1i\xd2Rl,\xbe\xb0Y\xb4\x17FZ\xd6I\x19\xa4\x94a\x8bW\x049uX(\x06L(\xa7\xb8\xcd\rgh\xe1`\xb1\x04\xa4\xac\xd0\xd9\x85\x92q/t\x9b/\xee\x12\x08\xa5cx\xea\x8b\x80B\xe7\x8b\x8a\x7f2\x9c\x89\x9d\xcc6d\x18\x9bD]\x17\xea\xd4\xba\xef\xef\xb9D\xfb\xf5\xee&lt;\xf0\xe2}\xee\xfb\xfb=\xbf{\xc2\xdd\xf3|p\xe4\x18\x12\x8bTEf\x05]\x8b+\xb58\xc9A\xce\x13Ve\xe5\xca\xfc\xe6\xbb5\xec\xe82\xe27\xf3\xdfb\xb0b\xf7\xf1JK%\xc5\x90%\x16\x98\xc0\xf5:\xaaT\x15\xa5&lt;\xbdU\x7f\xfb\xf6\xf5\x8f\xda\xda\xda\xcfwww\x7f\xd3Mv]\xaa\xb1\x19\xdd\xeeA\x87\xa3\xa3\xc3\xe1\x184\x9a\x10\xc4\x13\xe7X\x97^\x87\xa2a\x18\xc7&gt;\x1b(F\xb0\xaa"X\xe1Z\xa4 \xa2p\xd52\xc3*\x99[\xd8\xae/\x1e\x96\xb0SK\x13/g\xde\\\x0b\x8eer\xf9Y\xe4V1\xddo2\xf5\xfe\x10=\xe4\xf2\xef&gt;;]\xdf\r,\x03\x1b\x06x\x89\xba[4\x18\xded2\xb9\x07\x7f\xa6\x01\x93n\xa3\x1d\\V\xc2\xba\xccf\x1c\xa1\x17\x93\xbe=\xf3\xe1s\x7f\x11+\xf8t\xcc\xc5\xb0j\x19\x93\x1e\xc7\x96\xf1\x95q\xdaY\xd98\xe8\xf0L\xaf\xad\xbd\x18\xa9\xd8\xddO\xa5ey\x16P,\xdd\x0bP\xd0\xbf\xd1\x03.%\x93\xe2\x13w\xdaj\xda\rV\xab\x01\x8e\xd1}\xe7:\xdc#,p1*\xb8e*/CEE]\xa5;#\xdd!\x8f|\x95Me\xfc\xbf2\xaf\xfc\xcf\xffdX\xac\x19R}(\xd8\x85\x9c_\xa1h\xceo\x9e\xfa\x89\xa5&gt;R*\n\xa34Y\xe6y\xc2\x8atF\nyU\xc4R\x06\x06\x88*\xba\x93\xe6B\x81\xc4\xfd\x93m\xfa\xcc\x1d\x17\xad\xd6\xb664\x80\xeb5v\xd0\xb8\x11Hp\xd9\x8c\xf4M\xa3\x8c\xbd\xcbL\xed\xf1\xcc\x91\x8b\x17V\xb5\xe6\xad\xfc~\x05\xe3\xca\xec\xe5\x82.\xd7\x12R\xa9\x10B\xdd\xb0\xf1\x96\xf9\xe5\xa5\x8d\x89\x95\x96\x16\x94\x8a\xa3T\xc3F\xc8(\x89\xe7e\x95W\x81\x15\xa1\x10\xf6\xf5\xe9X\xa0#\xac\xcc^\xc6\xaf\xec\xa7$\x0e\n8cwNZO\xea\xd3c4U\x97\x19\xeakjhD5\xa0\x1c\x90\xb9\x15\xb5\xde@U\xb5\xfa\x1c\xfa8\x97/\xb6\x7f\x99\x95\x9a\x9b\x9b\xb7\xb6v\xa20k`/\t\xac\xe3K3\xb5\xef\xc4\x90\xd6\xf1\x89\x11\x97\x8b\x91\xad\xa0\xe6\xa3I\xee\xe4\xd3\xbc\xc0C\xc0Z\x98b\x89\xd5w\x90Y\x84\xa5(\x99dv\'\x97\x0e\x04\x02!\x06\x16\xbe\x7f\xd9j\xad\x06\xd6\x1f\xf4\xde\xb9\xb5\xbe\xc6\xde`7\x0e:\x80ev\xb4\x02\xcbn\xa2\xbc\xa7\x17\xf2N\x18n\xccj\xa2\xc5\xc2\xb8r\xbb\xfe\xddT\x92\xb0\\\x9b\xeb\xac\x11R\xdd\xc2\x0eU\xfb\xf1\x97\xcfv2\xbbc\xc1\xb1\xc57\xeb\xebo6\xbf(\xd1x\xed\x00\xeb\x01\xc3\x82U\x85f\xd8\xdb\xdb\xf7\xf75\xc2J\xc4\xc2\x02\x17(\x80\x05\xbc\x7f\x9d&amp;G\xaaib\x98\xa6sev{\x83\x89\x8a\x84\x99\xcaW\xab\xcdF\x81\x84_\xd6d!\xb0N\x00\x00\x03\xb1IDAT\xb2\xb2\xf2\x0b\xdb&lt;\xc7\x89:Vs*\x93Kj\x1a\xb0\xfc#\xeb\x95\xac)z\xa8\xa3\xd2\xd9I\xb7\xa1\xdaU-\x9dO\xe52\xd1\xe0\xe6\xc6\xc4\xc4F\t\xaf\t2/\x082\x94\x8c\xb3\xda\x80\x10\xf6\xdd\xec\x85e\xb4\xf3\xea\x89\xa2\xecf\x13\x89DL\x0e\x05\x98\x08L]-\'G\x10\xaa\xa6\xa6j\x83\x9d2\xdeA\x0f\xc9JAE\x8f\x0e\xf4@\x1a\xdeO\x86\nT$)\xadi\x1a\x9f\x1a\xf3\xfb\xaf\xcdtz\xba\xba\xba&lt;\x1eO\'\xad@\xab\xad\xfdZU\xf1\xe7t&gt;\x97\t.O\xcf\x97\x08\x90\xd7\x8b\x8d\xacn\xc7\xa7\x18\x15S\xe17\xc3\xca;\xbd\xceD\x8c\x97t.\xb2,\xb4}\x16\x9e\x98\xa8/S]f*o0\x19\x89\xcbl&amp;\xaaR6"\xc2d2\xac\xaa\xa1\x10\xa7\xc7\x90\xa8T&gt;\x84\xb0\xa4\xc6**\x9e\xbc"*&amp;\x8f\xcev\xf5\xea[@i\xa2(j\xf9\xd4~4X\x02&amp;\x92 8\xd5\xd5\xf8\xe4P\x7f\x91J\xdf\xe9\x8f\x0f(Jt\xcf\xc9\t^YV\xd5\x10\x90B\xc4e\x11\x93wm\x94G\xe0*+\xa7\xf1\xf0nT{\x04\xd0f.\xad\xab\xab+\x85eg\xb7q,\'\x16\xb1x|Z\x08\x04\xbc\xc0R\xa6\xe3]\xef\xc8\xc3\x14I\x02;\x04.QJ\xe7wJ\xbcB\x01K\x8e\xbd75\xe9\xeba8\xfd}\xfd\xc3\xfd\xb4\xf4\xc4\x9f\x02+\x95\x08\x08\xbc\xc4{\xc3*\xcf\xe9\xc2\xb9\xa4\xd5\xf3\xe6\xd6z\xbb\x01Xl*\x01#\xe4v\x98\xe9y,\xbe\x8d\xd4\xdcM\xd2qDE\xe2\xd0\xd2e\'$\xe7\xd0\x9d\x9f\x8bt\x8d\x16\xa1"@\x02\xda\xd0\xe8/*/\x00K\x92\xa4\xad\xe6-\xc2\nP egl\x01X\xbe~p\xf5\xeb\xea\xc1\x12\x99\xf3+J.\xe1\xf4\xf2\xd2\x96\x04\xc34\x89\xb2\xc5B\x16X\x92\x9f\xdfk\xb5\x977\x18LF{\x01\x8b\x12\x8c\xbd\x89z#\xab_\x80N%R\xe6\x12U"\x11\xce\x8d)\xfe\x17\x11O\xc1\xa7\xe2:9\xe9\xf9.\xa9\xf1&lt;\x87\xb6\'\xc2[`\t\x01\x81r\xcb\x99\\\xe8\x04V\x0f\xa3\xa1\r\x81\xf9F_/\xfb\x95\x9dD\xc2)\xe0*$I\x86a\x05\x03\xc0\xa5\xad~j\xa3\x89\x16\x8cl\x86\x03\xa3\xdb\xa6S]\xb95\xab1Kq$\x16N\x0e\x93\x9cL\xe1TT\xf1\xcf\xc5\xc1\xe2\xf3\x91O\x9e"\xd6\xd0\xdb\xac&amp;I\x9c\xc8\xf3\x12\xfeu\t\xc7!\xe2\x94\xf5\xe1\xed\x85\xc8\xe4\x90\xaf\x07\xea/\xda\xd53:\xbcFX\xe1\x04,\r\xc1_\x1eW\xad\xf2\x96f\x82\xc2"&amp;W\xdb\x8d\xc6\xefQ\xe2\xdd\xb8_\xa3\xd3\xd5X\xdax\xa5\xfbaZ,\x1a%ZD&gt;|H\x95`X\x15sq@\xf9&lt;C$\x8f\x87\xf6\x80\x15\x9fM\xf3\x12b\x08.I*\x9188\xc5\x0b^gx\xfb\x01a\xf9\x18\x16-L\xc3k\x9b\xa8\xf0\xc0\x82\x80\x0f\x8f\xe5XL\x95\x9a\x19\x99\x0e\xf6\x89\xcd\xd1A\xc5\x94"\xf8\xa8\xf1\xe3\x1f\xb3R\xd1*`!ec\x04\x95p\x16\xb4\x17\xadr\xcd\xc5}E\ry\x86|\x80#\xac\xdf\xf2\x1ar\x8b\x974\xc2\xa2\xbcB\xeb\xf2:c\xc0\xc2\x01\xbe\x9e\x03\xf9z|\xbe\xd1\x99\xcd\xaa\xaa\x8c\x8a\xe4\xf2z\x9dN/\xb8T5L\xa9\x0f.\xf2\x0bg\xd6\xb2wk\xcc\x1d\xeci\xf5\xa3:@YD=\xd9E\x0b\'\xc8\xe1\x18\x89&gt;[P\x1eX\xd3\x11\x1f\xc1\x00\x8aq\x01\nXS\xbf\xa7\xd2!1\x84\xd6(I\xe9\x122+\x80\x82\x92\xce\xfe\xf3v\x14X,\x88\x87d\xc3\xaf6\x8fWe\xb2\xb8X/\xfd\xa0\xc9\xa2I\xa2T\xa8\xaa\xc8\xa0\x98\xa4t\xf6\xe1\xbd\xc6GW\x1a\t\x8aH\x89i+\xaf\x85\xc32\xe3\x92\xbd\x87\\\xd9h\xd5\xf1\xe9\x03\xb7&lt;D\xc5\xb0&amp;\xa7\x1e\xef\xe4\xb7\x08\x8b\xb8\xfe\x07\xbb\xfeH\xea\xfb]\xb1\xb8\x00\x00\x00\x00IEND\xaeB`\x82'</t>
        </is>
      </c>
      <c r="M236" s="3" t="n">
        <v>45492.67643518518</v>
      </c>
    </row>
    <row r="237">
      <c r="A237" t="n">
        <v>844576</v>
      </c>
      <c r="B237" t="n">
        <v>1999</v>
      </c>
      <c r="C237" t="inlineStr">
        <is>
          <t>Cleiton</t>
        </is>
      </c>
      <c r="D237" t="inlineStr">
        <is>
          <t>Cleiton</t>
        </is>
      </c>
      <c r="E237" t="inlineStr">
        <is>
          <t>GOL</t>
        </is>
      </c>
      <c r="F237" t="inlineStr">
        <is>
          <t>GOL</t>
        </is>
      </c>
      <c r="G237" t="inlineStr">
        <is>
          <t>GOL</t>
        </is>
      </c>
      <c r="H237" t="n">
        <v>190</v>
      </c>
      <c r="I237" t="n">
        <v>1</v>
      </c>
      <c r="J237" s="2" t="n">
        <v>35660</v>
      </c>
      <c r="K237" t="inlineStr">
        <is>
          <t>Right</t>
        </is>
      </c>
      <c r="L237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c8772ab7-e971-4240-977e-87eb402d69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2\x8d \xb2\x00\x00\x03\x00PLTE\xff\xff\xff\xe8\xb7\xad\xe3\xb2\xa3\x1b\x0e\x08 \x16\x15\x19\x12\x12\xe8\xb8\xb1\xff\xfe\xff\x14\n\x06\x0f\x06\x03d?5\xe6\xb3\xab\xe7\xb4\xa6\xe2\xb6\xb0\xea\xb5\xa8\xe8\xb1\xa3\x82\x8e\xea\x16\x0e\x0b&amp;\x1b\x18H*$ \x13\x0f\xd9\xa0\x8e\xfd\xfd\xfd\xe3\xaf\x9fjF&lt;a:7=*&amp;(\x17\x10\xed\xb9\xae5% eD&lt;\xec\xb8\xaa\xdf\xae\xa4r\x7f\xd7jHA\xe1\xb2\xab.#!)\x1f\x1e\n\x03\x02\xd6\x9b\x89\r\t\x0b\xf8\xf8\xf8/\x1e\x19^&lt;2\xeb\xba\xb3\x8b\x97\xeb\xdc\xac\x9eO-\'\xe7\xae\x9e}RL\x87\x93\xefpJA\xdb\xa8\x99T84A0+3*\'6\x1e\x18a:,Z52iC6=%\x1e1\x18\x11wWP\x91\x9c\xef\xd0\x96\x83\xdc\xb1\xab\xf5\xf3\xf2tKF~\\Ts\x84\xe5rSKQ0.I/,\x08\x05\x08P5,\xbf\x92\x8d\xe2\xac\x9cam\xc8my\xd3{\x89\xe7]i\xbf\xdf\xa5\x8f\xfb\xfa\xfb\x90j`\xc4\x97\x92W1*wE8 \x0f\t\xdd\xa5\x94Z7,G%\x1e\xe3\xa8\x93\xd9\xac\xa6N[\xb1Z&lt;8w\x83\xdb\xd6\xa8\xa2\x1e\x19\x1a\xee\xbd\xb4X\x81\xdeqA4R&amp;"\xba\x8b\x87I72\xcf\xa6\xa1{NA\x12\r\x10Wc\xbbh&gt;&lt;\x8aSF\x93]N\xc6\x98\x88\xe0\xaa\x98\x89]WU`\xb5\xd7\xa5\x95\xe9\xab\xa4^B=\x96\xa9\xf7^\x87\xe3kw\xcc\x82\x8c\xe3jNH\x87c\\\x98pej=/\xac}x(\x11\n\xd0\xa2\x94\x92\xa0\xf6\xbd\x91\x81}\x88\xde\x9e\xaf\xf9\xad\x7fnJU\xa8\x86XN\xc6\x9d\x97\xe7\xab\x99\xe8\xbd\xb6aHD\xd4\xa4\x9b\xce\x9c\x8b\xf0\xec\xebDO\x9d\xe2\xba\xb7\xc9\x90\x80\x9caPk\x80\xe1\xb3\x85\x806B\x86\r&amp;a\x81\x93\xf1\x89\x9c\xf4\x9ejb\xa0vh\xb2\x86w\x87\x92\xe5\xcb\xa0\x9b\xc7\x8aw\xa7uo\x94XHpDB\x93c\\\xbb\x88zL&lt;7&gt;H\x92\x86M@dt\xd1~I;\xc2\x81n\xb8zg\xa4}pA\x1c\x19\x151rgs\xc6\xee\xb1\xacTA=\xce\x9e\x91\xe5\xe0\xdfdz\xdf\xa1plx\x8b\xecc\x8e\xeb\xb9\xb6\xb5\x1c:\x85[q\xd7700c6,\xafq^{GE\xd7\xd3\xd5keg\xe1\xa4\xa4\xdb\x9a\x9aTg\xc9\x9a\xa5\xeb\\XW\xef\xc1\xba-:t\x91\x8e\x8d\r$X\xa7gT*K\x9c\xd2\x8f\x94NGI6[\xb3\xa5\xa2\xa3\xa9\xb7\xfb\xc5\xc2\xc1\x15,e\xce\xcb\xca}w{\xe7\xe6\xe9\xe6\xa2\x99Lu\xd4\x86jg\xb9\xa8\xa9\xc8|\x83\xad\xb2\xea&gt;89Cj\xc8k\x8e\xe8\xe6\xac\xb2\xacae\xeb\xed\xf8\xae\xa6\xc5~\x92\xe5\xd5\x89\x81\xbbvu\xd3\xb6\xbf\x98\x9c\xcb\xed\xd3\xd1\x94{x\xdf\x98\x90\xa2\x8b\x88\xd9\xdd\xf5pu\xa1\xaf\x9e\x9b\xd0\xb0\xb0\xc7\xcd\xf1\xb2\xbb\xf8\xe7\xc6\xc3\xb6gn\xc4\xb1\xcd\x9f[^KR\x80\xbf\xc3\xd6R]\x9f\xb0\xae\xd9\xa3JSy.4\x88\x8e\xab\x7f\x84\xc7f *\x1f\'IWJcQ\xb1J\x99\x00\x00 \x00IDATx\xda\xcc\x98\xd1OZi\x1a\xc6k\xcf9\xc3\x81:\x9as8\xa0\xc3)\xd48\x1c\x95C#\x98A\xc0\x16\x1aK\x8d\xe3Ro\xd0V\xa0L\x8c\x9a\x99\xa1Lb\xc1\x98\xdeT;\x10\x13\xc2\xb4U\xb3\x9a\xde\x88\x99\xb6\x11\xd3\xb4:\x17J61\xa1\x8dd\x12\x1a\xd2\xc4\x10#nv\x13/\xf7f\xf7\xbf\xd8\xf7\xfd\xa0v\xee\xf7\xe8\xec\xab\x82\x92\x18~&lt;\xef\xf3=\xdf\xfb}\x17.\xfc\x8f\xa5R]\xb8\xa0W]\xf8\x7f*\x95J\xaf\xd7[\x96\x8f\xf3\xc7\xc7\xc7\xfbG\xf9e(\x9fE\xafR\xa9\xfel(_\xfe\xb0R\xaeV\x8b\xc5R\xa9\x08U\xad\x96+Gy\x1f\xa8\xf7g\xa1\x01\xd4\xf2\xfea\xa5X\x90\\.\x89\xe6hW\xa1\xe0\x92$\xb3\xd9uR*\xef\x11\xb4\xf3V\r\xdeNo\xb1\x1c\x1f\x96\x0f\n\x05\x89\x97$\x00\xa2i^\xe2\xa1\x18\x8e\x11h\xc9|R\xac\x1c\xf9F\xce\x1bK?\xb2\xbc_\xa9\x1e\x00\x0c\xcd\xd34\xc8\xc5\xf3f\x17\x94\xd3\xe9t\x99y\x01^\xe5]\x07\xe5\xc3\xe5s\xb5\x99J\xef;*\x97\\f\xb3\x04X\x0c\xc3\n\x92\xc1e4:\xa3\x9b\xa4\x9cN#\x0fX\xbcD\xc0F\xce\tK\x85T\x87\xa5I\x86\x91\xa0k\x12\xcdp\x14\x15\x94\x9d;;Q\xe7\xe6\xce\x0eB\x19\r\xc0\x05=\xa5\x85\xc9\x83\xf2\xbeO\xaf?\x0f\xc5\xc0\xe9\x96\xa3\xe2$\xcb1\x93\xa0\t4\xd0\xe04\x18\x8c\x86\xe8\xce\xb3\x9d\x9dg\xcf\x9emF\rn\x19\xb4\xc2\xee2,\xe7*U\x8e-\xe7\x92j\x84\x8a\x01[K\x80e\xacId0z\x0cP\xce\xa1h4\nr\xf1\x82@\x83\xc3\x04\x8ee\x99\x93\xf2\x91Eu\x0ebY\x0eK&lt;\xc3\xf0\xe0,\xc9\x19\x8dnF\xa1m\xb2,\xf3\xb2,\x8a\xa2 \xca\xb2\xd1(\x9be!\x18\x14\x04\x8ab9v\xf2\xa0\xba\xb7\xac:c\xc1\x08\x15\xd3\xc5\x91\x05h\xd8D\x9dD|{(\x8e%\xcf\x94 \x08\xbcX{\x91b)\x8e\xa5]\x07\x95\xe53\xc6\xd2#\x95\x9a\xe5h\x9a\xe3\x04#t\xcc`4\xcbFY`\xd5\x1d\xf0U+\xa4\xa1\x08\x15\x85\\\xea\x8e\x9f\x0e\xf6|gj{\xd5\xc8~\x91Vwq\x0cMS\xb41\xba\xb3\x19\x05\x1f\x05\x83A\x84Pw`\xe1\xa3\x9a\xedPsl\xbd8N\xad\x9e,\x1e\x9d\xa9\xefG\xf6\xabf\xae\x8b\xc3\xbc\x94\r\xe0+l![\xd7\x88eO\xb9P;5y\x9d\x05\xed\x04\xee\xa7B\xf5\xe8\x0c\x03l\x04\xd6`\x97\x1a\xb4\x12D\xa3\x13m\x15\xa4D\xb7[\xa4\x08\x06(V\x03\x044\xa2\x19\xfe\x8a\\\x1cdI\xa1|\xac?+\xb7\xab\xf2U\t\xde\x8dc(\xa4\x92\xd1B,\x15\x14\xdd\xded2\x08\xcf\xa2\x98\x14\x82\xc4T5\xb6\x8e\xba\\\xf89&amp;K\x87g\xd3FHw_\xd9\x85mb\xd9\xa0\xdb`\x14P\n\x01Xd\x8f\xd6\xa6\xd5j\x87z\xc7\x1f\xf6\xfa\xb5\x1e\x8f\xdb+\x90\x95\x89P\x1c\xc7\xe2\xe7\x00\xbd\n\x95e\x8b\xfel\xa2a\xef\xa4\x8b\x88\xc0&amp;\x8d2K\xa8\xdc\xda\xde\x87\x83s\xa3ss\x03\x03=s\xf3\x7f\xcb\xce\xcf\xf4\x0c\x9a\xc2Z\x8f\x1b\x12\x02\xc1\x00\x8b\xd8\x8c\xe3\xa4\xe2\xbe\xef\x0c\xe4\x02\xaa\xa3\x12\xf3\x97ZcDo\x10\xbc$zLs\xd9\xe7?\xde\xf9u\xf1\x97;\xf1\x05\xa8x|%\xb7\x9e\xce\x8efn]\x074\xaf\x18d\xc9:\x80\x7f\x82\xad\xaaP&gt;\x93\xf0\xd2\xe7\xab\x93\xd0\x11\xf45\x05XT\xd2c\x9aI\xc7\x17\xbb\xdb\xbe\xfe\xfab[[w\xf7bjwwwiie%\x97N\xafmdb\x1a$K\x0617\x80\x8bc\xa4\x12\x84\x97\xf2jY*.\x8cp\x9eS\xb3^\xf0\xcfo\xe1L:\xeeh\xb9\x88\xd5\x06?\xdd\xdd\x8eY]\xe7R\xff\xca\xca\x8b\xdc\xd6\xd6\xfb\xb5\xd5\xe9X\xab\xd5v\xcf\r\x92\xa1\xff\xbb\x18\xe9\xa4z\xac\xbc\\#\xf9\x12\xec.\xe0p\x96\xf5\xde\xd3\xfe\xf6C\xece&lt;4loii\x19\x86\x9fnxr\x84B\xba\xce\xce~\xe4\xda\x02\xae\x8f\xab\xd3\xaf\xc7\x1e\x87\x01\x0c\x94\x05.\xd8\xdb\x8b\xf9\x11\xe5\x9d\x05bQbR\x14\xd4n\xcd\xdd\x1f\xfa6r\xba\xc40\x10]\xb4\xdb\x81m\x18~O\x10,\xe4z\xf1\xf6\xed\xd6\xfb\xf7\xab\x0f\x80\xeb\xfb\xbe\xb0M\x0bK\x93\xed`\x99.\xd8\x82\x14\x9fG\x97\x8b\x02`y\x8dAwO\xec\xddXz)\x04&lt;\xcd\xcd\xcd(\x17T\x82p\xd5\xb0\xfa_\xbcxK\xe4z\x05X\x8f\xfb\xc2wm\xf7&lt;2\x05\x9dd \xbbT\nc\xed\x1f`\x0f\rQ\xe3\xe0\xc6\xf4\x83\x17\xba\x88\xbd\xd9\xfed\x18\x1eZ\x10,\x81\x15\xd2\xe9N\xe5\xfa\x8c\x05\\\x00f\x909\xf4WI\xe1-H\x0f\x99\xc5\xb2\x82\xb1\xb7}pcu\xab?\x10y\xf2\xc4\xfe$\x82l\x9f\xb8\xeab\xa1Z+(\xd7\xfb\x8f\x1f_\xbd~C\xb0\x00\xcc\xef\x11YuW\x07S\xcc+\xe9z\x15\x04\xfc\xa4\x9a\xe2\r\xed\xa3\xeb\x0b\xfd\xba@\x04\xb0\xa0\xec\x88\x85\x9d$r\x05\x08V\xe7g\xacU\xc0\x82.BY\xc3Cn\nF\x89\x0e\xa9\xa2d\xd4\xab\xf4\xf9\x12\x03=\x1c\x1a\xdc\x8e\xcf\x86\x02\x80\x15!P\x8dMM\xcd\x17\x9b[\x08W\xa0\xee\xac\xfe\xfe\x7f\x11\xcf\x83Z\xd3o\xc6\x1e?F.\x8d\x15\xe4\xc2\x1d\xa9\xab\x94W\xb4\x89\x87\xd0CJ\xf6\x0f\xac\xa7\x1c\x81\x00\x91+\x81TW\x9a\x1a\x1b\x1b\x81j\xf8\xc9\xa9\xe1\xc1\xf2o\t\xd6j\r\xab\x8f`\x85\xb52L\xf6\xea.\xf3\x9e\x92\xae\'Y\x1a\xf4\x8c\xcf\x00V$R\xeb\xa1\xbd\xb9\xe9\xca\xe5+\x08\xd6\xdcb\x1f\x1e\x8e\xe8&gt;q\x9db\xbd~\x03\\\xef\xc2}}\x8f\xfb\xacCnA\xe0 \xed\x8by\xe5\xb0\xf4\xcbU\x1az\xe8y8\xba\x90J`\x0f\x9fD\xb0\x87\x80u\x19\xb0\x9a\x89\xf1\xeb\x96\xef$\x01Q\xc7z\xfdf\xec\xfbw}D/?\x0c\x8c`\xae.\xd7\xa1r\x99\n\xf1\x00b\x89\x9e\xf6\xf9\x85\xdd\x10:+\x02\xa9eojjBs\xa1\xe7\x01\xab\x9e\x0f\x7f\x0c\x88i\xc4\xaa\x99^\xe3\xf7\xf0\x02\xa6=]Vng\x1c9&lt;\xe18\xca\xeb\xbf\xb1\x8dX\xf5\x85\x88r5\xc37.G\x08S\x1d\xc1\xea\xef\xec\\Y\xf9\xa4\xd6\xab:V8\xdc\xa7\t\x1bP-\xe0*\x1e+\x89\xc5r\x82g| \xbb0\x0bM\x0c\x9c\x9a\xab\x99\xa8\x05\xca!Vg\xbd\x8b+\xd0F\xb2\x12\t\x16\x9a\x1e\xb0\xacZ\x9c\xad\x01\xab\xb4\xaf\xd8!h\xe4\xb0\xc0r\xbca|\x00\xf2\xc1\xf19\x1f\x9a\xae@\x11k\x91\xad\x07\xb8\x00LG\xf6\x9f\xb7[\xa7Xh.\xcdu\xabV\x0e\xe2\x00\xcd\x1e\xec)\x86e\xa9H,\x83X\xe9\xa5\xd9\xd9\x1a\x161\xfc\xd4\xd4T\xcd\xf3\xc3\x0e\xdc\xaaq\xb3\xd6\x85\x88`d\xb3\xc6\x84\xa8\xe7\xa9\xc6:\x04\xb3?\x1e\x8f\n\x15\xc5\x9a\xe8\xabL\xb2\x02\xef\xe9\xfd\x83Zv\xa4\xfa\xf0\xe1\xc3\xd4\xe5\x86\x86\xc6\xc6\x96D\xb7\xc3\x11\xd2\x85~\xd7\xcd\x92\x01\x87`}\xda\xacQ-\x93\xc9/S\xe4\xd4\xc8W\xf4\xcaa\xd1\x1c\x15t\xfb{\xb2\x0b\x10\xa7$\xb8@,\xa4\x02\xae\xa9/\x1a\x1a.\xb5\xc0\x14\x08X\x0e\x87#\xe1\xd0\xe9\x96`\xe6B\xac\xd5\xe9\x1a\x96Ucj\xf5\xcbA&lt;h3tY\xb1\x84\xf0\x95i\x96\x0b\xbam\xad\x1b9b\xf9\xff\x00\xd6eh!b=\x9d\xbaz\xb5\xe1Rc\xdb\x04\x809\xbaaz\x86!\xb5\x1fGT\x98P\x1fL\xc7`\xe4"X\xa6q\x0f\xb9\xc0\xe1\x98\xaaO9,\x01V\xa2\xec\xb1\xce\xe4R\x89H\xa03\x10\xb1\xb74\\\x05\xaa\xa7\x1f\x9e&gt;}\xfa\xc5\x178\xce#\x91\x03\xb9fA\xac\\.\x97~\xb9\xf6 \x13\x1bkm\xd5@@hZM\xe3\x06\x11\x0ff,\xe6\xbcJ1\xb58N\x10\xdd\xb6\xcc\xfa\x12\xaa\x15\xf8\xfb\xf0\xc5K_B\xfd\x15\x1fn~y\xf3\xe6w\xdfMt\xb79\x1c\xb3\x80\x96\x8a\xe3)#=\x0f\xc7\x8coZ\xafk`?\x0c\x87\xad&amp;\xd3\xc3!\xd8\x15\x19\x86\xe3N\x8eT\x8a\xa9%Q\x1c\x95\xf4\xdaz\xd2\x88\x15\t\r\xcf.NLL\xdc\xbf\x7f\xff\xd7;\xb7o\xff2\xb1\x08\x7f-B\xfb~O9\x16w\xe3\xb9lv#s\xab\xf5\xabk\xd6k~\xbf\xcd\xa6\xb5\x85\xada\x8d\xa9\xbd\xd7H3\x88U\xd8Sj\xe6\xb2T\xccp\x88\x17\xbc\xb6Ln6\x12\x08$\x1c\x0b\xeb\xcf\x7f|\xfe|{\xfb\xdf\xf3pl\xfd\xf9\xf6B\xee\xce\xee\xe2\x84#\x95\xda\x85\xef\xdc\xcbL\x0f\xec5\xeed\xd2\xeb\xc6\xf2z=~\xab\xa6\xf5\xd1\xb8Q\x10h\xf0\x96K9\xac=\x17`\x05\xbd\xb6\x99\x15G(0\xbb\xb4=:::\xff\x8f\xb9\x1b\x8fv6\xb5\xda\xf1\xb9\xe7\xeb\xd9\xed\x85x\rj7\x9e\xcdh\xaei\xdd\xe4&amp;\x07o{\x85 l\xa6\xbd\x80\xf5\xd0#\x08&lt;\xc32\x85\x7f*\xb5\x14\x01\x0bo\xf9\xbcw7\x96\x12\xba\xc0R66xc`\xf0\xd1\xa3gQ\xa3\xc4{=\xe3s\xf3\xa3\x1b\xebq\x80J\xa5\xe2\x0b\xb9\r\r\x9eu\xb8\xfa\xa5\r\xde\xbd!\x97\xa9\xbd\xdd)"\x16}\xa2 V\x81\x15\x04\xd1\x1b\xce\xea`\xacJ\xc7n\xdd\x80\x02\xaeq\xbf\xd6s\xef[\xeb\xad\x99\xd1\xb5t&lt;\xb5\x08\x07\xeb\x95t\xb6\xc7\xe6\xf6&amp;\xc9\x85 \xfc\x87H.\xe5\x049jj\x7f\xe4\x17\x05\xbc|&gt;\xd9\xb3(\xa7\x16\x88%\xba\xbf\xc9%\x02\xa1\xfe\xb5Xf&gt;\xbb\xbd\xfd\xf3\xfazz\xedAl,\x16\xcbl\xace\xd3\xf1\x89\x9b\xdd\xa9xn-\xf3\x95\x07/\x96\x92\xde{~\r\xa4\x83\r\xafId#`\xb5\xf7\xca4`\xb1\x85=\x05\x9b\x08\x9f]\xf6\x0c\xc0:\xd4\xf5\xa7\xb3i\xbc\x06\x89/\xa4\xffK\xab\xd9\x85\xb4\x99fq|\x13\xbbfH2\t\x93\x98\x9a\x8f\xd7\xa4\xa4\x11i\x0c&amp;!\x1f\xbe\xcd\x17\xa2!+17m\xe6\x8d&amp;\x1d\xa4\x1b\x12\x9d\x80oT\x92\xdcDc% \x99\xd1F\x8c\xf4F\xc3\xa4\xf1\x83\xa0&amp;\x10-\x85\x85\xa6\xba\x06F\x96\xa2\x17Kg\x83\x95\x85\xf1B\x17\xb5\xd0B\x07o\xb6W{\x9e8\x0b{\xdfw\x9f\x82xQ\xf0\xc7\xff\xfc\xcfy\xce9\xcf\xbb\xbc\x1aJT*\x89\rri&amp;9}\xb7\xf1n$\xf3:t\xdf\x07T`w\x9f\xd7\xacM\xa5BhI\x82[\xc4\xeb1(\xa8J\xb4qE\x99H]\x10\xfb\x9b$J\xbe;\xfdh@\x90\xc9f\xd7\x92P\x05\x16W\xedqS\xd0\x17\x0c\x12\x95@x\xa6\xab\x83v@\xd3\xe7\x16\x13@\xd5\xdf\xff\xe4\x89\xc59\x18\x8bA\xcd"\x9c\xfc^\xbe\xb8\xd7\x00X1\x1ca}\xd5\xf9\x17\x06\x85X\x12\xa5\xd29\x99~\xf0` \x97\x85\x1a\xfe:\x9c\xd2\xc6\xb6\x8f\xc4V\x0b\x9f\x00\xb9\x16g\xba\\\xd8\x81l`\x93\x0c"\xaa~+.\xee5\xbeRJ\xac\xa0\x94\x85\xeft\x1a\x10\x96T\x8c^\x88\xbe\xa1\xb2@\xfc\xb3A\xa2\xc4ME\x81\xe0\xc1@&amp;\x97I\xce\x14\n\xdaA\xe3\xd1\xcfF\xa3S\x97H\x14\xf2[\xb9\xae16\xc6\xbd\xda$}H++^2\xfc|t\xf4\xc7[\x92\xfe&amp;%\x8e\xf3A\xb99\xa9Pj\x94\xa0 R\x86\xc5x\xf8v\x1d\xb0,\xd2,P\xe9\x05\xe9\xae\xdc\x9b\x82\'1q\xb9=\xec\x14\xda\xdc$y\xba\x95kk{\xe4\xd2\xd4\xda6\xf3A\xe4vk\xc94qy\xd4\xc9\xebl\xe9|\xd5\xa2\xb4".\xe9\x9cP\xee\x94 \xcb+\xa8*\x10\x8c\x87{G0\xf7\x88\xe5\x805\x06\xb7\x9e \xf7:L.\xf5\xbd\xbb\xb4\xdb&amp;\xa6\x9e-\x9d\x0ee\xda\x06\x00\xb8vu\xb6\x99\xafX\xeb~\x1fq\xbf?^__\x1f\x1e\xde\xee\xb5Jp\x8b\xd3\x14\x93\n\xe5\x06\xde-\xb8\xf2y\x7f\xeb~H\x8d^0T7I,\xbd\xf15\xc0j\xa6wD\xba6\xb7f2?}\xfc\xd8\xf7lhhm\x0b"(\x80&amp;\xab\x8e\xb5\x18\xf0\x01U)XI\x15/\'l\x0e\x87|\xd0 \xc6q\x0b\x1f]\xd6\xc2AeS\xd3W_\xdd\xfa\xeb\x0bjFX\xc6\xc3\xf9_\x94V\xbe\xc1\x91\x14&lt;p\xd1\xd9\xf41h\xd7\xd3\xe9\xa7\x8f\xbf\xffvh\xed|ks3\x07\xad4P\xd5\xb1&lt;\x84\x15\xb0\xd4\x95P*&lt;&gt;\xae]a\x9ab\xbd\x80\xa5F\xb7\xa2t\x10o\x80\x9e\xabi\xf8\xf2-\x15o-\xb7\xe7/.\xde\xf5\xe2\xfcAm\x1d\x8b\xc3n\x86\xae}l\xac\xf9N\x87\xbe\xbe\x9f\xc9t\xed&lt;\x1d\x80\x18Fkg\xe7\x8b\x9e\x11\x1f\x18^]\xf1\x14\xc80\x1a\xf6\xbd^\xb5\xcf\xa7&amp;\xbc\x08+fihBu\xd6t\xbcw\xfb\x8bk\x17\xa3\xfbS\xb4\xd6\x17"\x0c1m\xe6\x06\x8b\xdd\\?t\x97\x0b\xcd\x14\xe9\xb4\x00\xe6\x8eG\xb5h4zu\x1e\xde\xed1\x95JPJ7\xc8|\x1e\xb8\xa07\x05\xa2z\x83*\x84T\xecoB\x11\x0e\x9a((\xf4\x8c\x17\xe9\xb3\x1fkg\xafSr;`i\xd0&gt;\x84\x0e\x91Dlw\xd0\x1e\x17\xa0\xc6\xd0\x84V\xc7"w{Dj&gt;\x9f0\x87\xc8\xf0b8\x9f\'C\xe8\xe8\xcc\t\xa6Y\xa8\x93;\xe1\x96\x84\xfa[R\x7f\xb8\xf7\xe5\xc6\xfa\xb4y\xda\x06\x7f\xf2\xa5c"#\x80n\x19\xb8\xd8h\xda\xe1r\xe9\x08+\xa2\xd77k\x00J\xb3_\xc7\xd2\xe9\x98\x04\x1c3x\x0b\xb8\xd0I\xa5R\xa4N\x08X=q\x83DY"L\xbeR\xf0\xcb\xb1\xfep\xefS\xee\xa4\xba\x1f-\xf7\xd9\xdd\x08\x0b\xad\x8fh2\x1a\x9b\x03\xc1\xa4\xd3\xa1}\x87$\xe0j@+\xf8/\xd5\xcd\xf0\xae\\J\xa8\xd5\x04\xd3C\x86\xf3\x8bp\xead\xda\x90\xd0,\x95;\x1c1%\xae&amp;\xd4\x84\x8f\x1a\xac\xb6+\x16\xeb.kzb\xb2\xab\xed\x81\x8b\xcde\x83X2\x1a\xd6\x88\x061z\x07Pq\xb8Q\x97\xc6\x15-G\xab\xb9k\xc0\xf2\xaa\x83\xc4\xfd@\x88\x840\xbeA\\)\x185t\x10C\x9b-\xd6b\x11\x05}D\x90\xa0\x00\xeb\xe1\xc5U\xb5\xf1\xe0\x80\xf5tb\xb9\x0b\x86f.\xc8E\xc3\xfc*\xff\xacJ\xd5\xc8\x02\x8fq0\xc0\xd2 \xb1\xa2\xd5\xb3\xd3\xc2\x8a\xb4\x9dP\x07+\x01\x0f\x98\xfew\xb5H2\xa4\x93\xcb\xe36\xdb\x9c\xd8h\xf2\x81\xb9*\xef\xeeQ`\xf9\x1f\xab\xac\x03?k\xda]\xc7j\xe6\xd2\xd94\x18\xf2U~?\xcc\x87,\x16\r\xc38@\xa5\x89"\xac\x937d\x0f\xc8\xc5W\xd7\xb1\xc2u,\x92,\xc0\x08\xa4\x93;l\xb6\xb8\xd1\xc8GX\xa2\x8f\x14\xdc?\xf3\xd1}\x1a\xc6\xc1"\xcb\xcb\xe96\x01Ty:\x07\xb0\xfc\xaaF\x1a\x87\x03T*?V\xe6j\x10U\xb9\xbc\x7fv\nX#`\x1e"\xe1\xd9(\xe4!\x15\xc3\xf5d\xd4\t\xe5:\x87\xcd1gl)!\xac\x9e\xbd/o\xb9\x18\xf3\xd1\x1a\x04\xaa\xb6\xb54\x93\x86\x02A\x87T\xe4\x00\x8c\x1f\x92\x91C\xa35\x82p\x10\xc4h\xf4\xd7\xb2\xbf\xbc\x7f\xf8\x1b\xb9\xbb2\xe2EX\x81\x8d\x02\t\xb5+\x0fZy\x90Z:h\xff\xe7\x8cJ\xab\x8f\x1f$\x8e\xa9\xd8Tv\xcf\xd68~W\xee\xdfK\xcf\x00\xcb\xd5L\x07\xcfs`\xd2\xa7\xd19\x18\x86\xc90\x95\x8aS\xd7\xea\xe0\xe0\xd7\xbbUTO{F\xd4&gt;\xa4\x16p\x01T\x01B\xa8\x13\nuh*\xd9\x16\xe3u\xac\xf7\xf3_\x8c\xc5\x80\xc2U+\x97k\xb9\xdf\xce\xb3\xa3p!\xbb\xb8`z\x19\x00\xa1\x1a\x01)\t\xbfq\x01*\x8a\xc4\xda\x07,\xadM\xbb"\x82\xde\x10\xccU(\x90\x85\x8d\x8d\x90\x07a\xf5\xd8\xecv\xc7p\x8b\xc5Z\xf2Q\xe2x\xe0\xba\x88\x965Wgg\x87\xc5l\xfa\x06\x8b+\xab\x1f\x16\x80a\x18B\xc2X\xfbp\xaa\xd5\xaeSRk\xeb\xe9\xd1y\xc1\xf3\x81\x8d\r\xa4\xd8\x86\xc7#\x14\n\xe5\x08+nT\xde`\xfd\x8b\x92\x8e\xeb\xa2\xb1\\;;\xab~W,\x8eB&amp;6#.\x0eZ\x05\xb2Q\x14\x11\x16\x8b\xb5_=\xac\x1e\x1e\x9e@\x0cWFVz\xec:d\xae\x80\xc7\x03\\\x1eO\xc0\x0cX\x10C\xdbv\x8b\xd2R*A\xd7\xf3wJ\x86\x8c\xf9Y\xc0\xba\xa2-\x14\'\x93\x82\x88\x0b*D3`\xc9\xe0n\xe4\xc8\xb0F\x192|um\x95\xbc&gt;\x19:\xbf^1\xf5\xf2\x89\x11\xad\x03$I\x04&lt;\x08\xcc#d\n\xe5u,\xc7\xb0\xb2\x15GX"J\x96#`.\xc0\xaa\xa9&gt;\xf5\xb9\xb3\xe9\x08j\xb8\xe8\x1c\xb4\xfc\x860\x961?\x87\xab\x81\x04\xfc\\*U\x96\x9e\xaf\xee\x128t.A\x91\x14r\xb1r\xa3\x97\xc7l\x06,p&lt;\x14S\x9e\x12\xda\x07_\xf0\x98\x9a\x17\x96\xdb/\xb0\xda\xd5U\x94\xf6\x83{yt@\xdf\x0cw!P\xc9\xd0[\x01\xfc@\xab\xe6L\xfe\xf3griji\xd7\xc4\xc7\xa1g.\xa9\xa1\xc7BsZ\xe0\x86\xca\\O\xc4\xf8v\'\xafEm\x92\x8bD\xef(\x19\xab\x19\x8c\xee\x83\xb2\x86[.\xff0\xe1N\n\xd0\xd5LG\xef\x17\x88\n\x83@B^\xba\xce\xafOO\x0e\xbf}\x96\xaa\x04K8\x8a\x93\xcfw#\x172\x16r\x96\\gs\xc4\x86\x15&lt;\xb1Hn_9\xde\xa3j\xf2\xb9\xf0\xabfU\x07\x8f\xed\xb6\xe2\xe8\xb4\x9e~\x93\x8a\x18ZSb2T&amp;\xb0hf\xado\xe8\xd9\xf3U\xad\x9co\x85\x83C\xba\x05\xbd(\x8a\x01\xc0B\\q\xc7\\og+\xcf(\x85`\xbe\x9f\xa7\xecIx\xe1\xeb\xd9\x05\xd5\xe3\x89\xb9\xc9\xech\x04\xe5"\xa2\xf2\xc3?\x08\xa2\x0c\xaa\xd7\xd3\xb5\xe7KZ9\xb3\xdd\x16\x17\xc3\x9c(\xc1\xa1M&amp;\xee\'\x127Tf\xa14\x1e\x9f[\x17\xb7\xf2\x94\xbdR\xb9\xedr\x8f\xaaa\x9fq\xefbaav\xf6\xeb\xcb9\xfbrv\xa7\xc3\xc5E\xde\xc2\xeaqD\xe6\xa7\xef&lt;\xd7\x86Br\x82ou\xf6\xa2o\x1f\x1a\x9e\xe0|h\xdf\x13\xe6:\x15\x93)\x95\xca\xe7\xb6\xc5\n\x1eOi\xe8q\\\xbe\xa5l\xd3\xcc\xb8\xe1R\r9\x1c\xeeb2\xd2Lg\xb3Q\x1e"\xd3\xb3\xf5\xfa\xc8\xce\xf3\xf1\x95DH\xabS[-j\x93\x1aq\xc1\xb4\x0fC\xd8}\xb39\x00TLD5\xac\xb8\xf5\xe7V\xe5\xa0\xfd\xfd\x1eUk\xa4\xff\xea5\xdb\xf8\xfd\x84\xc3\xee\xce\x8e\x82\xeb\xe9\xec\x9bB\x1f\x19Mfg\x96\xc7\xb5!\xed\xea\xcb\x97\xa9\xe0\x88\xfb\xa5V\x8d?ih\xe8\x7f\x02\x91$\xee3\x91X\xcc\x98tpX\xac\xe4\xddj5\xda?\xbc\xa0\xf4\x11\x9dq\xfb\xde?&gt;-|&lt;vhA\xae\xb4\xfew,vd\xad899\x1e\xd2j\'g\x92\xd3O3KS;\x99\xd3]\x83E\x02z5I\x94b\'\x13Q\xb5\x1b\x06\x87\x8d\nE+\xef\xd5/o\xbb\xa9\xfe*\t\x02\xd9\xdd\xfd\xc1\xa6C\\;\x1dw\xd0\\&amp;\xd3gg\x8a\xe3\xe3)\xddxq\xb4\xe3\x0e\\\x89p\x01\x9d_\x87\xb5\xedhu\xda$\x91\xe0\xfcvf;\x93ip:\x8d-\n\x05Oq\xf4\xf6\xff\xf2\x85 \xe3\xf6\x8bK\x9b}u9\x9b\x9c\xee\xe8\x00\xc18\x91\x99\xec\x94{ry\xaa\xef1@\x1d\xc299\xcd\x17vwW\x98\x7f\xe2\xa3\x8f&gt;q\x8b\xb7\xbd\xdd;\x08Tb\xc0jUP\xfb~\xfe\xbf\xb7\xe3\x87\xb8\xc3\xed.\xa2\xfd-\x18\x9f\xaeO&amp;\x9fM\x8d\xfe\xf4\xdd\xdd\xfd\xc3\x13t\xce\xafw?\x8f\x88F*"\xd1\xa0\xc1\xe0\xec5\x8a\x9d^\xaf\xc1\x89&gt;\xe3U(\xfe\xc3\xcb\xd9\xc6\xb4}]a&lt;\xb6l#\xd98/v\x06\xb6\x13{\x7f\xf9e"\x18\xcc&lt;c\xbb5\x91+\xb0\x8b\r\xe4\xcb\xb0\x91\x12\x84P\x8cT\x9c \xaf\x96\x159\xd2l\x0f\x11V\x04\xc2\x06e+\xd0\x02E\xae\t\xdb\x17\x8a\x04\x11S\xa5H\xd0N\xc9\x08\x1f\xa2(\xacH\xa4EJ\x82V%QB\x13\x05%\xa9\x92\xac\xd9\x9es\xedn\x9f&amp;\xad+\xff\x9d\x08B\xf8\xf4\xd3s\x9es\xee\xb9\xd7\xf7\xa6\xdch\xbc\xb2\xce\x13\xd6\x91\x9biw2\x99\x9a\xec\xed\x8d.\xc0`\xa5=\x0b\xc1\xa6\xe8B\x06\xa3\xc3\xed\xdb\xb7wv^,\xbd\xfc\xee\x1d\x8a*\x9f\xbf\xca\x15\xb7+\x1bY\x025$\x96\xd1t\xe9j\x1dO\xd7\x16\x9bo\xb8\xebQ\x8c}\x93\x18\xbdz,BK\xcf@O\xb4/\xfb\xf5\xce\xed\xdb/(^\xbe\xfc\x8e\xe2\x9dO&gt;y\x83\xceN\xa5\x8d\x08\xa5&amp;\x8fe2m\xee\xc2\xc9\xc3\x7f\x88\xf5\xab\x89\x847\x19\x98HM\xc0_\xc2\xea\xa1h\xf4\xc2\xf8\xef\x9f\xee|\xf9\xe5\xdf(\x89;$\xd9\xd3\x17K\x11\x97\xf2\xa8\xaf\xc6\xa627\xa2\xbfj\x8dN\x8d\x13uh\xbar\x91/*d\xd1\xedv\'\x03\xa9\xbe\t\xacBBn\xa87:\x14]\xf8\xf3\xe7\x9f\xdf\xbau\x8b*1o\xfb\xfe\xa5\x88\xda%\xb5\xd9jj\xcc\x8d\xferE\xb9S\xab5\x8aD\x97\xae\xd7\xf1E\xb5\xa7yy#Q\xef\x8d\x05&amp;gS\x93C\xa5\xc5\xd5\xb0\xbee\xaf\x00P\xe7\t\x8c\x95c\xf7S\xd4bD\x8a\x06\xaf\xaa\x91\xba\xfc\xe5"\x05\x8c\x05\xac+\xcb&lt;\xde\x88\x1d\xbe?\x1f\x87\\\x13\xb3\x98\xbd,t\xf7\xce\x82\xdd\xacLV\x80B\x1ew\x9e\xfe1\x17\x89\x00\xab\xe67\xd27\xa5f\xbf\x96\xdeC@-\xd3\x17\xeb|^\x1f\xbe\x1e\x0f\xd7\'\'&amp;R\x81T\xef\x19L^\xa5\x1c\xd6G\x8e#\xa6\xdf}=\xfe\xf4cRJ\x8d0\x9b\xcd\xd2\x9a7\xe1z`i\x9dZ\x93\xc8\xf8\xc50\x7fT{\x8an\xd4\x87\xe3\xde@\x00\xfe\x9a&lt;S\\\xb8\xafXZzf\x01\xde?-\x8d\xb7\xfb\x11&gt;tQ\x86\x85\x91\xc6\xee4\xb1\x077"\xc7\xd5:\x1e\xb1\xf6,o\x84g\x12\xc9\xa4\x17\xb6\x1f\x12\n\x84\x1c\xb0\xe8\xf3\xf3\xa1\xdel\xbf\xca\x1e\x0ecsSe\xa6\xa5\x90q\x01K\x0b,\xa3B\xa4\x98\xe1\x15\xab\xe8bS\xda\x9f\xf6z\xa9\x1a\xa3\x9c0\x836\x01,\xe2\xba\x90\xed?\xe1\xd0*\x0e\xb5JO\x9f\xc6\xacLT\x98\xb4\xechY\x10K\xacI|\xc3\xabZ\x17O\x06\xfc\xe1tB\x1f\x9b\xed\x1b\xaa\xee\x89F\x17,\x16\xcc_t\xfe6\x94\xb5\xa2_\x1dm\xada\x07ZR3\xfa\x839&gt;\xa3\x01UHl\xb4\xbby\xc6\x92\x07\xdd\xcep\xda\xec\x9e\xe8\x8b\x0e\xf5\xf6^\x88b\xd9\xe6dpYi&amp;\xd8\x1d\xc3\xe4,\x95Z\xdf}\xf7W\xa7k`\xad\x13v{XkB\nM3z\x9e\xb1\xea\x06\x8b\x9b\xd2\x8e\x99\xf6\xfaT\x1f\x96\xc6\xc9\xbe\xde\xde!\x0bg\x10p\x96\xea\xa1\x05L\xf4\xd3\xa9\x98\xcdv\x1a3\xb4J%5\xd3jmR(B\xa2pZ\xef\xbe\xc9+V\xf3\x93bK\xf7\x8c\x13]"519\xd9\x97\x9aM\xf5\x8dt\x9e\xe2z2=M\x9d\xdd\xb3\xa9\x98\xd7*=\x01\xd3c\xd0:ATF\x93($\xd6\xa6\x136/\xbfX%\xf7\x8a\xf7e\xbc\x1ac\x18\x13Njv"\x90\x8aM\x04\x02#\xc1h\x13vd\xc0\nx\xe3\x8dJ\x0c\xf2U\xb4H;4\xd8\x84\x89\xc4\xa2\x99\x84\xc7\xc6s\x12\tK\xd8\x1979\xed\xf5\xb1\x18\xf5\x89@\xd2\xeaNu\x8f`\x1a\x04$~\x13\xa7w?o`l\xd0\x94c\x81\x16\x15\xc4\xe2\x1bk\xcf\x13\x19\xe6\xbf\xac\xdf\xe8\x98\xd1{\xea\xdd\xf5\x81\xa4\x17\xabdj\xc3\x0b\xc2\xa4[\xaf\x8b\xc7\xa9K\x1c:\xa4`/\xb6\xe8F\x86\xc2\x9e\xa0C\x88\x07\xfcb\xdd\xa3\xb2\xcblh\x8c\x1a\x7f\xa3}\xdeO\x07\xc8\xe8c\x89t}\xc2\x8d6\xe5g\x0f\xeeD\x07\x0f\xe6\x91B\xe2\x90H\x93\xd6\xebUz\xcf\x83a~\xb1\x8a\x8be\x02Y\xd0\x8d\xca\xc7 \xa5\r\xcf\xcf\xcf\xcf$\xd2\xf8\xcb\xde\xe8\xf0c/A\r\xe1\xa0\x98\xa2\xab\xa1+\x14\x12\x99P\x86*\xbd\x8dw\xac\x9f\ne\x12\x81e2^nt:C!\xe7%\xe7\xa6#&lt;\xe3\xa0\'mFz\x1b\x18B\xf7\x14\x8b\x0f\x88\xbb\xca\xca\x1a\xba\x90B\xc7|\x1c\xdbjO=\xbfXE\xc3\x1d\xc52I\x87,\x93\xf2k\x9dF$\t\xa2\x19\xe9)\xa7Q\x11R\x84By\x99(\xca\x1a\xca\xca\xba\xc4"\xcd|\xbc]-\xd5{\xac\xfcc\xed\x95tT\x18\xa2\xc9v\xadH\x04=L\xc6P\xc8d\xca\x131\x1e\xe0\x94uu5 \xca\x0e8\xe7\xdb\xed.\xb3Zg\xe3\x1b\xab\xee/\x18\xfc*\x06%\\0\xe9+\x07\x16\xfc\x03\xcd\xe8\x1b\xc1\x10\x15p\xca\xe8{C\x99\xd8\x14\x8e\xdb}&gt;\x97:\xc2\xbb\xb7\xea\x06\tK"\x11p\x9dI\xbb\x160\xe2P\x174\x03\x16\xe3\xe9\xca\x135\xd0?\xc4\xc6p{#\xe6\xaf\xff\x1b\x96\x04X\xb2\xb6`*m$\xa9H$1\xc3"\xb0\x86\xef\xb9\xc4\xc6\x19\xcc\x85J\xbf\xcfg\xd6\xa9x\xc7:\xcf\te2\xfax\xcc\xc0\x05\x03\xf3Z\x13\t\x96\xf7x!\xcaX\x0eI\xabx\xbbO\xa9T\xfa\\\x84u\x7f\xbd\x88o\xac\xbd\x82\x8a\xc3tU\x91\xeb\xdcHkP\x8ey\xa3\x13\xd2\xcf\x98^\x94L\x91\xc6NTG[\x95U-\x84\xb5\xb1\\\xc23V\xf1^\x81\xa4B28(\x90\x9d\x9c\x1a\t$\xc2\x1a\x85X\xdcP\xe0\xca\x8bu@d\x02U\xda\xeeWb\xd5\xae\xf2\xb9t*\x9b\xf7\xc6\x11\x9e\xb1\xf6\xc1\\\x1d(F\x89D.\xb4,4-z!\x99\x08zu\xe5-\x8fne\xd2\xd0\x0b\xbc\xb8O\xd9\xda\xaa,\xa8\xe5\xfd\x94W\xac#H"\x1aj\x05\xc0\x88\xcb\xc0ez\x82\xdd\x8b\x81\x84\x83Vf\xb6\x12\x8a\xca\xb5\x1a\x87\x0fX\xccY\xc0\xf2\x99\xa5h\\7y}\xc8\\7\xc8\x95bU&lt;,\xa9\xa8`Wa\x85\x9c\x05`M\xdd\x1bi\xbb\xdd\xee\xa7s\xadr\x0c5~\xc2B\x0e[\xc9\xf2\xe8\x10\xc0\xfa\xa6\xae\x84g,a\x01\x0b`\x06\xce\xd2\xc6\x9d\xccL\x01\x0c\x93\x97\xcdUu\xf4\xa8\xc6\xe1\xf0\x13V^,X\x8bJ\xd1\x86R\xdc\xc3\xbbZ\xec\xc3\x02\xb2\xbd\xc4\xd0\x93\xa9m;y\xea\xd4\x00\xc6\xd3\xc5\x98G\xed\xc3\x06V\xc9\xa8\xec\xc0je\\.\xb3\x14\xa5x\x91_\xcb[H-t\xd4\n\x84\xa4B\x96\xc9\x18\x0c\x046\x10l\x1aY\xb4F\xec&gt;\xb6\xb3&amp;,?\x13\x8b\xb0\\j\x95-\xc9k)B\xadc\x84%\x90IX\x1e\x05\x80\xaamc\x82\x05;\xb3\xb1\x9c\x8b\xb8|\x85\x1cR\x06\x11\xc0\xd2\xdb\xea\xef\xff\xb5\x8e\xb7\xd7\xd5E\xc3r\xaet\x1f\x92H\x0b\x10\xbbu \x90\xcbk\x89\xec\xe4\xd4\x00\xb0&lt;\x115\xb2\xc7\xc4bB\x11W\x0b%\xd1\xe6\xa9\xdf\xb8\xb9\xcc\xd39eQ\xdd\xf9\xeaj\xaaDJb\x07e\x11\xab\xa3\x9cQe\x06\xa0\xd6\xb45\xa7\x8f\xa8]&gt;r\x16\x98ZZ\x08\xaa\xc5\xa5&amp;,\x9b\r`\x17y\xf9\xaf&gt;\x9a\x9f\x1c\x07\x96\x8c\xb0\xc0D\xad\x0b|r9\xc3\x9a\nvv\x8f\xc7\xac\x9e\x1c\xb8\xda\xed\x90\xac\xa5\xc5\xe5\xa2\x8b@\xbe\x02\x16}T\xf6\xd9\xf5\xe1]\xc6*in\x1e\xbeW\xfb\x93j\x8b\x90\xb0\x0eW0\xcbK\xe4\xac\xa9\xe6\xb1\x9aF\xb2\x05\xaev\x17s\x94\x1a\\.\x17\xe6@5\xe6f\x0f\xdd\x9f\xdf\\\xd9~\xbe\xab\r\xacd}k\xeb\xd3\xb6\xe3\x99\xeac\x0c\xabP\x8b\x12\xa2B\x18\nr-N\x13\x17x\x88*"\xc5\x0f\'\x08O\x8aU\xd1\xa3W\xd5\x987_\xaf={Eo\xacwI\xb3\x92;w\x9f}6\xf0\xf3_VWc\xb0\x11H\x18WE\xc7 \xc32\x18\xf2\xee\x9aj\x1a\xe9^$\xbd\x90F@\xa9r\xaa\x08\xfd\x04\xb1\xd4:\x9d\xcdf\xd3\xab\x1b/\xad\xae\xae\x02\xec\xf9\xfa\xee\xbcT,:\xf2x\xfb\x1fM\xc5\xc2\xe3\xc7-4o1\xcfK\nY\x943\xcf\x17\xe4\xca\x8eO3,u$G\'\x96\xf4\x93\x19\x7f\xb0\xfb\x01\x96\xd9\xf1zuluulme\xfb\xd5\xf3\xe1]\xb8\x97\xd4\xfc\xf0\xf2\xf6\x03\x83\x80\xab&gt;c\xe1\x0c2Y\xc1\xf4\x12\xc9yV\x8a\xcc\xf4m\x845\xc2\xd2\x08wErV\xebR.\x97\x93\xaa\xf3\x11\xd1\xeb\x13z\xfb\xa5\xd51`\xad2\xc9\xb6\xb7\x96\xef\x94\xfcH\xaa\xc7\x97\xf7\xff\xfd\xa6DR|\xac\x9a\xa9\x85n*\xa3\xa1\x8b\xf9JN\\p=3}\xde\xf5\x11P\xf5\xf7\xf7[\xe9,\xbc\xc0\xa5Kx\xf43L,\xc85\xb6\xb6\xb6\xb2\xf2\x0c\xc9\xbc\xf3c\x8e\xc5\xef&lt;\xae\xfc\xc5\x07\x1fm\xc9\x05B\x8b\x85\xe3d\xf9`r\xc9\r\xf2|\xd4\xe6\xb1:G\xb2\xa9$L\x9f\xf3Xc\xd3\xb1~\x00\xe6\xb1tq\xa8\x95\xde$\xb1\xc6\xe8kmn\x051\xca\\V\xf4?\xda\xea\xe1W\xbf\xfd\xe0\xdc\xb9\xb7\xee&gt;\x12\x18@\x95\xc7b\xe6\x92\x0c\xfe\x1b\xaa\xed\xd4\xd4\x00a\xb1Z\xf4\x80j||z\xba\x7fI\x15\x91\xc2`j]Z\xa7O\\{\x9d\xc7Z[\xcbS\xcd\x11\x18r\t\xff\xff\xe0e\xa9\xf9\xe1W\x1f\xbd\xfdv\xe5\xd9\xb3\x97+\xb7j\xe5m\xe0*x\x0b`\x82\xbcZ\x069\xad\x89D\xd5\x84\x16\x91\x8cY\xad\xd6\xfe\xe9\xf1\xc5\xc5q`\xe5"\xba\x08B\xaf\xd3\xeb\xafm\xae\x8dQ\x00jnetet\x94\t\xb62\xfa\xed\xab\xbb\xcf\x1f\xfe0\xcd\x00U\xf9\xf6\x9f\xf6W\xbeu\xee\xbd\xb3\xef\xdd}$\xaf\xe5\xd0\rd2\xfab\x063p\xac;0,\xd2j$\x1bH\xc6\x10\xa0\xcaf\x99\xfbs9\x9dJ\x9f\x83\xdf\xe7\xaf\xad\xad1\xad\xe6\xe6\xe6F\x11+\xa3\xff\x8a?|\xbb}w\xf9\xbf\x07#\xa8_\xbf\xff\xfe\xfe\xcas\x1f~x\xf6\xdc\xd9\xcb[\x8fjk\r\x069\xed\x12\xe9v%Qq\\[-\xc5\xf79\xecN\x05R\x81\xf1\xe9\xf1l\x96\xb0\xfa\x97&lt;9\x8f\r\r&gt;\x91\x8e_[\x99cZ\x81\xea\x9f\x8d\x9b\xcfk\xdbv\x18\xc6{j\x0f%\xa0\xd3\xce\x159\xed\xa0C\xf5\x07D\x94Y\xb9\x04\xfd`\xeb1"\x01C0\xe8T\x1f\x1c\xa9\x1d\x01!\xd7\x98n`\x83R\xa42\x85\x1cF\xd1aT0T\x05\xfbT\x90n\x06\xcf\x87@\x1a\x82]b\x83\xc3\xa0Y\xe2\x11\xba\xe4\x10\xd8\x9e\xf7+\xf7\x07\xa3\xfb\xf1\xc8\x92Mb\xd9\x9f&lt;\xcf\xfb\xbe_\x19\xe2\xce\xd3\xe7s\x9e\xf7j\x01\xec\xff\x95\xd9\xad\xaf\x8f\xcfsM\xd64YtPYR\xadV\x07\xd7"\xfa\xee&amp;\xbb\x9e\xb9\xbdp\x1bPw\xd6\xd7WW?\xb1kk\xf7%\xd2{\xf6rk\xeb1F\x18j\xfe\xab\xe5\xe5\xe5\xbb\xcb\x0f\xbf\xfb\x93QQ\x80\x9d\x0e\xc3)\xa0ZP\xa3\xc5T=\x1d\xbf\xfd\xaf\xcedP\xf6\x9a\'s\x13\x97s\x9c\x1a\xa0\x06u)\x1cO\x17\x9e\xb41\xa9n.\x16"\xb0;\xe0Z\x9dca\x9e\xee\x12\xd8\xd6\xf6\x8f[\x8f\x9f!Dp-\x95JK\x0f\xdf=\xef\x90W/\xe6T\xad\x16a\x158\xadF\xc3h4p\xbc\xbc\xac\x9e\x9c\x1f\x7f\xf9\xafk\r&amp;\x15\xc7i\x9e\x9c\xa6\x9a&amp;\x8a\x92\xe3\x00+p\xf2\x8b\xe9\xef\xf4\xaf-m\xac8o\x16\xdf\x80\xe9\x1e\xa8\xa0\xca:\xfbJ\x19a\xfd\xb4\xbb\xbb\xb5\xbd\xb1\xf1\x03&amp;k\xe9\xee\xf2r\xe9\xc1\x83\xd2\xabw\xbd\xce\x8by\x80\x9d\xa7d\xcf\x07\xaa\x06dT\xabF\x83\xb6FC\xff\xe7,o}\x81\x99 \x05\xa2&amp;\xcb\x1a\x97\xfa\x9c\xedr\xa2\x13\xc0.\xdcfG\x17\xd3\x9b\x84\xb5\xc0\xdcB\xad\xad\xae\xcfE\xd7\xf3H\x91\xb4\xbd\xc2\x9a\xf2\x9b\xd2\xdd%P\xbd\xde\xbf\x04\x151\x01\xaa\xd3c(-\xb2\xacQ\xc80\xaa\xa6i\x18\x04\x87=\xbe\xbe\xfa\xe3\xb3\xf1\x11\x94\x10\n\\\xea\x01\xcb\x07^\x14i"U\xfd`6\x18\xd4\xf3\xab\x8bi{\x81\xecZ,V\xc3\x82\xa92\x9f\x10\xdb[\xdb\xdb\x1b+\xf7\xd9\x08{\xb4\xb4\\z\xf4z\xff\xd4\xecw\xe6L\x9d^\xaf\xd1\x02O\xb55\xa72`Q\x15T\xa6\xa9\xe3X\xdc\xf4\xf83F\x1d\x9f\x1f\xe5R\x00.N\xf64\x0e\x8e\xa5\xb2\x92\xa9\x9c\x13\xf8\x0e\xb0fuT\x19\x1c\x9b\xd2\x97\x13\xdf\x14\x974`\xa2\xbd\xc0\xda@~+\xcd\x1dZ\xb6\xbf---\x95^\x9f\xc6Y\xbf\xd7)\xd4\x03\x95\xc1DTF\x95m\x86\xae\x13\x15\xa9\xb8\xab\xea\x7f\x9f\x08\xc7o\xcfsI\x12 Q\xd4x`q~\x1apr\x02\xbb|\xdf\xa9\xd7\x0b\xac\x01\x03[(\xbe:\xc9\x9a\x10fU\x9as\xac\x95\x95&amp;y\x07\xac\x07K\xaf\xf6O\xa3\x03F\xd5c\xea3\xa6\xbe\x01\xb7(;&amp;S\x01\x8aad\x8aNP\n\xdd\xfd\xad\xf9\xde\xcer\x17\xb3\x13[(\x8a\xa8xT\xbd(\x06\xa2\x97eQ\xe2\xf9\xb5 \xa8\xcf\x06u\xa8Vs\x8e\x90%Q\xb51\xf9\xbf\xdf\x81\x88\x8a\xb2\xdb\xb8\xdf\xac\xac\xae\x9eU\xe8\x03\xed\xab\xd3\xb8\x0c\xaa\x82\xa8\xd7\xef\xf7\r\x93U\xb7i\\R\x9d\xb3\xf0L\x90(\x8aa\xe0\x00\xa8\xd8Rb%\xfe4\xbe\xe3\xf3Y]@j\x1c\xd9\x15\xc2\x1d\xd1\x07\x98\x18\x04\xa2\xdc\xcd\xb2\xac\xbc\x19\x04d\x18\xdc\x82]\x00\xcb\xaf\xae\xa6\xed\xf6\x936\x16\xe9\x9f\x9b\xd0\xfdB\xcd\xca\x19\xcd\xd7\xca\xca\xaf\xfb\xa7V\xd2\x1d\xf6?h8\xd4\xa9vt\x03ut\xf9\xde*\xbdj\x98\x8ae)\xa0Q\xe2\xd8\xb2,\xec\xf1\xa7c\xea\xc8q\xc4\x89\xe0\x08!Q\t6F\x83\xef\xc3-\xdf\xf7\xbd\x83,\xeb\xc2.\xc7\xf7\x03\xb4$5$\xe1\xe5\xc8\x12\xe5\x8f\t\x0f\x9f\xc0\xb5\xd2\xfc\r\xc7\x9d\xd5{\xc4\x9e0^\x00\x00\x02\xe2IDAT\xedv\xfb\xec\xf0\x97k\xbe\\&gt;\x18\x0e\x87\xc4\xc3\x94E\xf0#\xa3\x98\x14\x9d\x9c\x02\xa4\xa1\x9b\x86i*\xaa\xca\xf3jl\xa9\xaa\x1a+\x96jY\x1f\xc7\xd4\x00\x1eq,@\t\x01\x86\x82\xa0\xa5\x98\xf0\x9c&amp;\xa6^\x9at\x19\x16\xfa\x12\x03?\x08\xa8\'\x07\xf34s\x84I\x9f\xa8\x19W\x93\xd5\x18\xa8\xa6\x17c\xd7\xdd\x04\x15a\r\x0f\x86\x07P7R-\x85)\xa6\xb8L*u\xaa&amp;\xf2\x8a\xe7\xd7\x98xU%\xb6\x02\x0bcj&amp;\xa1\x8c\x80\xe5\x80I\xe0D*)\x91\x03\x15v/Ie\xaf\x0b\xb0\x83n\x82\xd5\xb1\x06.\xdf\xaf\x91\xb0z\xe3(\xe5\xf9\xf8\x90\xb0v\x00\xb5z\xef\xeclzqu2\x19\xed1*\xa6\xf2A\x19\xf2xK\xc9\x00\x15\xc13%\xa69\x85Bo\xe8`\x84U\x90k\xbb\xe0\xe2U\xa0\xf1\xf3\x05YB\x11\x05\x1c3K$ \x12&amp;\x04\x8dR9IF\xbe&amp;\x17\x86\xd1\x1c\x83\x10o\xe00\xd3f\xb3A\x8e\x81qt5\x1e\x1f\x1e\xeeT\xce\xa6\xe3\xf1\t\x98F\x9b\x9b\xe5\x8f\xc2\xe3D%\x13"E\xc92\xc543=F\x98\x14$\xa6g\x14\x01\x0b&gt;\xf1\xae\xcb\xfc\xc2\xc6\xd3U:\xa0d\xf4?\x05\x87\xe8`\x156Q&amp;\x04\xd1\x07\x0e\xa5\'rj7\xe1\xa3\xae\xbc\x06\xef8y\x94\xa2\x0c\xb9tB\x93\x1f\xf35G\x96\xf9\xd1\xd1\t4!\xa4\xbd\xbd\xbd\x02\x0b\x07&lt;\xd8\xdcL\xa2\xc8\xa2p"8E\x8a\xd0p`\xac\xeaq\xac\xc7\x91\x82\x0c\x11\xa2\xeb\xda&lt;\x1e\xa9pl\xed\x06[\x905\xe4\xa7\xa1\xa8$2J\x94i,\xb8I\x82\xa9%w!9\xf1R^\x95S-\x02\xa1\x97$@\x93a+\xe8\x05\xd1\x16\x04n\x82j\xa4\xe6\x9dx\xa3\xbd\xd1\x08\xe9\x91\x08\x88\xdd\xe3G\xa9G%C&gt;\xc0\xac\x88l\x8b-\x1e\xfd\x16[\xa0\xb2br\x8b\'*\x9b2\x8c\xa8\xccn\xe4\xb4\xf2\x89T\xedx\xe5\xa2\xa6d\r\xc34\xc08\x95=\x0fE\x95\xc00O\x06\x97\xd7\x8d"\xd9\xf6\xba&lt;\xce\x08\x85\xd0\x17\\[\xd44:]\xb4q\xb2\xeb\x91M\xe4\x14\xca\xaa0\x0b\x02\x14\xceE8T7&lt;\x1fE&lt;\xe3\xe2\x81\x05\xff"=\xbe&amp;$\xe6Uh\xdb(/V\xfd74\xcaJr\xe8\xaf\xc5\xc8\x02\x90$ix\x93 p$\x11\xeb\x0e\xaaJ\xf6\xa8\x07\xf1\xf4nW]\xd3l/r\xa9G\x81\xec\xe3\xc2"\x9cLDD/\x05\xe0\x8c\xca\x1f\xb06\xcb\xf3\xf8&lt;Of\xef\xe4\xe2}\xd7\\\x1b/\x03$\xaa!6\xa0T\xb5\xab^\x13\x12\x9e\xc0\xa8\xc20\xb4]\xe8\x86\xc6\xd1\xaaL\x97y\xe1\x1a]\x1dS\x94\x125\x18\xd6\xc0t\x94\xe2\xa3\x05\xfa.\x90B\xfc&amp;\x85GR\x98\xf0\x9c\xcc\xf3\xdaD\xb3ED\x17\xcat\xcd\x93;\x93\x89\x10*s\xac\xbd"C\xdcF\x93\t\xa2\xb3\x0bqt\x08]\xea8\x10\xa2+u\xebZ\xa5\x81\xe5YJD\\\x9c\xcb\xb0\x88\xef/\x90\x86\x11\x10G?\xd00\x00\x00\x00\x00IEND\xaeB`\x82'</t>
        </is>
      </c>
      <c r="M237" s="3" t="n">
        <v>45492.6772337963</v>
      </c>
    </row>
    <row r="238">
      <c r="A238" t="n">
        <v>844601</v>
      </c>
      <c r="B238" t="n">
        <v>1954</v>
      </c>
      <c r="C238" t="inlineStr">
        <is>
          <t>Filipe Machado</t>
        </is>
      </c>
      <c r="D238" t="inlineStr">
        <is>
          <t>Filipe Machado</t>
        </is>
      </c>
      <c r="E238" t="inlineStr">
        <is>
          <t>VOL</t>
        </is>
      </c>
      <c r="F238" t="inlineStr">
        <is>
          <t>VOL</t>
        </is>
      </c>
      <c r="G238" t="inlineStr">
        <is>
          <t>VOL/MC</t>
        </is>
      </c>
      <c r="H238" t="n">
        <v>174</v>
      </c>
      <c r="I238" t="n">
        <v>23</v>
      </c>
      <c r="J238" s="2" t="n">
        <v>35083</v>
      </c>
      <c r="K238" t="inlineStr">
        <is>
          <t>Right</t>
        </is>
      </c>
      <c r="L23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e7cba4b-04f8-4ecf-b44b-4e2c6f3be89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f\x18\xdd\x00\x00\x00&gt;tEXtComment\x00xr:d:DAEewil2SDw:3796,j:1497870925631122622,t:24040619\x85uW\x81\x00\x00\x00\tpHYs\x00\x00\x0e\xc4\x00\x00\x0e\xc4\x01\x95+\x0e\x1b\x00\x00\x03\x00PLTE\xff\xff\xff\x03\x04\x05\x06\t\x0b\x00&lt;\xd1\x03\x06\x08\x00A\xd7\x00;\xcc\x00\x01\x01\x01\x03\x04\xfe\xff\xff\x00@\xd3\x00&gt;\xd5\x005\xc3\x00C\xda\x08\x0c\x0e\xfd\xfe\xfe\x001\xc0\x0c\x0f\x12\x009\xc6\x006\xca\x00S\xee\x00O\xea\xcc\x89t\x00?\xcf\xafaS\x00[\xf4\xd1\x8dy\xcc\x84n\xfa\xfb\xfc\x00Y\xf0\xb5]O\xd4uh\x01\'\xb0\x01/\xbb\xa8_T\xb5fT\xd8zl\xdb\x80r\xa6OA\x94`U\xb4i[\x81F9\xc2\x7fx\xachX\xa4h^\x00H\xdf\x00`\xf7\xae\\L\x00J\xe5\x9eaV\xd6na\xe2\xee\xf7\xc5cV\x0f\x13\x17\xbdhU\xc0vn\x85LBuE=\x85TO\xc3u`\x00)\xba\xcbk_\xbd\\P\xc4~p\xa5WI\x9dZM\xdd\x8e\x82\xacVE\x89]T\x02-\xb5\xd4\x8c\x84\x9eTHo@7\xf7\xf8\xf9\x14\x1a\x1f\xd0\x93}\xd7\xe3\xef\xd2\x9a\x84\x95VM\xdd\xe9\xf3\xd4\xa0\x8cY95\xc2m[\xccrg\xc3me\x00H\xd9\xc3zf\x8eK&gt;\xca\x85\x7fc&gt;7\xd1}q\xb8}s\xf2\xf3\xf4\x97OF\x9fG:\xa6]K\xb5sf}KB\x8dB3\xd6\xa6\x91\x16\x08\x08\xcc~x};-[1*\x00B\xe0\xbdse\xdd\x92\x8b\x026\xd1\x96E6\xea\xf1\xf8\x00\x1e\xa4\xafJ?&gt;*)\x8dRD\xacA3\xcf^P\xcbwp\xd1fY\x00o\xfdhFC\xbcUI\xbcaX\xca}h\xablf\xdb\x87z\xbbn]jPN\xbeg_\xdc\x98\x93\xb5l`}UN\x8dTL\xdf\x85{N+&amp;\xcd\xda\xedI65\xd0\x8f\x8e&amp;\x1a\x1atLE\x87=0\xaeTM\x01&lt;\xd9\x9eO?\x00e\xf9\xb6QE\xdc\xb0\x9f\x1c"&amp;\xe0\xb4\xa5\xd5\xda\xde\xd5\xa1\x9c\xe3\xe2\xe37\x1e\x1dtQM\xeb\xeb\xed\xd9\xac\x98\xb6sp\x02/\xc9\xacr]\xc2\xcf\xe2\xc6\x8f\x81_LM@\x16\x0e\xc6YL%,1/7&lt;\xb8\xc9\xeag6+\xa8|u\x96:.\xe1\xa0\x9c\x1b\x11\x11\xa77@\xaexhL \x18\xbbH&lt;\x00Q\xe4\x99lbBKP\xd4\x82z\x8bhaXDD\xc9\xce\xd1x3$\x90\xa5\xd8-\x0f\n\x81a^\xcc\x9b\x88\xba\xc0\xc4\xdc\xa8\xa5\xa0\xb3\xe0u]X\xaf\xbe\xde\x00\x15\x96t)\x1f\x89\x93\x9a\xdath\xb7UX\xb8\x8a\x82f%\x1c\xd1ET\x81\x98\xdcgrwLW^\x12:\xcb\xdc\xcf\xd05@F\xcb\x9a\x9a*?\xb2\x9e.3Dm\xd7:`\xcf\x96\xa1\xa7Xdlt\x88\xc6\xd0\xaf\xb5Zu\xcb\xc8S_\xb8&gt;K\x8c)*u\x81\x87."&amp;\x9b%\x1eMP\xa4\xc8PD\x88\x97\xcb\xa6\xb2\xbc\x1cG\xcfk\x87\xda\x9bvn\\$\x19Of\xc1\x1b=\xc1BS\xb4\xd1gv\x10?\xd4f{\xc2\xbd\x98\x96\x87\x1c\x130S\xc9\xce\xc1\xc3\x99\x81\x89\xd4Se\x1fO\xd6\x80n\x9a\xaa\xa6\xa9\xc1\xa9\xac\xa4\x93\x9a\x02\x17\x85\x07^\xe5\x17"w\x0c(\x965?\x91\x83uu\xdaqx\x19\x1aXj\xa6\xed\x96xR\x8a\x00\x00 \x00IDATx\xda\xc4\x99\xd1K\x1bk\x1a\xc6;\x1f\x033\xb9\x99a\xee\xc2!$Pbv]\x0e\x94\r\x99\xd2\xd3C\\W\xa5\xd6\xb9\x104\x81\x9e\xbaI\xd8\xca\x189\x92\x83\x9e\xaahX\xa9\x05+\xd6FJ\x19blX8{\xe2\x0c=6\x90\x85\xb8M\x08\xc4\x1b\xe3\xa9\x90@\xceMr\xb5\xf1&amp;\xb0\xde\xede\xff\x80}\xdf\xef\x1b\xdb?`\xc7\xf6\xab&amp;\x93T\x98\x9f\xcf\xfb|\xcf\xfb~\xf1\xc6\x8d\xffg\xc9\x13\x13\xb2G\x96\xd9\x0b\xd7\rY\x8e\xd5+\xf9\xab\xd7_n\xc9\x1eO\xbe\x9e\x93e\x17\xa0x\x800W/w\x1bu\x00\xfb\x92h U\xac\xd2i\xf6\x7f@,O\xf6\xa7\x9f\x1a\xcdF\xb3\xdc\xed5\xf2\xa8\xe2\x17\x02\x93\xe5\x89X\xbe\xd3\xeb\xb6@\x9f\\.\x97\xed7Z\x9af\xb6[V\xab\x93\xcdv:9\xcf\xe7\xe7r\xb9dO&gt;\x9f\xcf6L\xcb\x94\x14\xd3j\x95\xcb\xad\xae\xa5J\x12Q\x0c\xcd\xecv-\xc3l\xf6?{-\xa1f\xb1l\xa7\xd1\xe8\x9a\xad6\xe1$@\xe3\x08\x10)\x1cQ\x88\xc8I\x92\xd6n\x1b\xc4h\xc4&gt;\'\x17\xdc\t,\xd5hv[-S54"\x8a&lt;\xa8D\x14\x89\xc7+\x1e\x1eEI3\xe0\x1d\xb3W\xa9d?\x13\x17\xe6A,\xdb/\x9b\x86f\x18DUy\x9e\xe3xB8N\xe4\xf1\x99\x87\x05\x9a\xf1D\xb34\xc5\xea\xb6[\xb9\xcf\xc2\x05&gt;\xcfU\xfa\x9d\xb2\xd5\xd6T\x82\x04\xf8\x00K\xc4\xc5K\x84\x03,B\x88H4MS\r\xd30z\xb1\xeb\xe7\x02\xabLTz\xddnK5$EB\x18^\xc4\xaa\xc1\x95 \x08\xa8\x17|q\x1c\xe1\xf1RU\x01\xce\xb0&gt;\xc4\xae\x1bK\x8e\xe5s\xfd\xae\xd56$@\xe2\xd1G\xb4\x82\x88\xc6\x03\x15\x07\x17\xf0\x02\xdfA\xd1P=U%\x16D\xc5\x8dkT\x0c\x02\xb3\xdeo\x9a\x1aV\x0f\xaa\x85\xa2 \x03\n\x04\xdbP\x148\xc2!\x19\xaaF\x80\x98CX\xa0T\xdb\xcd~\xbd2!_\x9fV\xf5N\xcbP%\x10\x06\xb0\x90F\xe1\x05IA\xaf\x83\xaf8\xfc\x82\x07\xc1\xc6\xb2\xdd\xc6\x89\x9ai\xb4\x9a\xbd\xfau\xa5&gt;x\xbd\xdf\xd5T\x89\xddX\xe4m\x0fab\x01\x8c\x88\xf5\xa3R\x014.\xbc\xa4\xa6S$\x02\xe9\xd6\xcd\xc6\xaeG0\x0fdU\xdb2\xd01h,\xbc\xb1HeRx\xa6\x11b\xb1\x0br\xb57\xb1\xa6\xb81%Ni\xd6c\x9ekhG\xe0\xacNS\xb3L^\x84\x9b \x02O\x04\xb85a\xb5\x13\xe8\x12\xed\x1a\xb2\x02\xe23\xfc\x8f\xc8\xab\xe8&gt;\xb3\xfc!v\x1dX\xf9F\xab\xabAz\x0bp\x0f\x91\xde\x8f\x92\x08\x98\x10\xbc\xcd\xc5r\x82\xe3)\x15{\x01\xe4\xb01DE\xd3,4\x98\xd3M0\xdb\xef\x95ME!\x049\xecr1\x89\xe0\xae\x84]qT\x1c\xb6\x03\x05JN3\x16E\x95\x14\xa2\xb5\xbbu\x87\xf5r\xc9\x15\xc0\x02\xbfC\xe9X\x05\x99\xa7Y\xe1\x18#\xb4B\x16\x13\x9c(I\x0c\t7\x85\x80\xb1\x01\x81\x01\xd1\xda\xee9\x1c\xad\xb2\x9ck\xf4,l\xc6@\x00w\xe71&amp;\x04I\xa2\x06\xbf\x92\r\x98\x91\x13\xb3\x9fg\x91A\x0b)\xe2\xcf\xf00[\xa8j3\xef\xb4\xbdb\xbd\xb2!\xb1&amp;\x83I\x8a, \x82HY\xa8X\xd0\xa0\x15\xe6\xa9O\x8e\xa7B\x8a\x88\x04jI\x9aZ\xae\xc4&lt;N\xd6\xf0F\xacQ.+\xa2\xed(\xbc%{\x12\xb1\xeb\x084* ]\x15\x0cX\x16\x1b\x00\x87\r\x92\xd6\x12z\x00\x8f\x95U\x95v\xc5\xe3`\xaa\xba&lt;\xb9\x9e\xd5\xb6\xa4+,ZBH$\x15\xe4c\x05Dep\xb6\x91&gt;\xc5(\xc7\x1cH\xe3\x9f\xa7\x9b\x97\xe3\xb4V\xdfA.\x08\x07\x98\x9e0\xd2\t\x0b\x00zw\x01\x02\x0cw\x9c\x88\x05\xbc\xdar\xf6.\xa0E\xb4\xc5\xa2\x98(\x17$\xafd\xd5\'\\\x8e\x89U\x87^\xa8\x82\x9fa,\x16`&amp;\x86[\n\x8cERXt)\xc8\xc7\xa0\xc5\x8feD\xad(\x13\xc6&gt;\x1b-\x08o9\x15^.9\xd6\x05\xb1$h\xbf\xec\x17\xe7\xed\x9d\xc7\x89W9\x01w\xe6\xaer\xfe#\x16\xc6\x04\xba\x0e\x1d/\xd2\x19\x08*\xcb\x91r\xd6\xe3q&amp;\x1c*\xed\xb6\x86\x15\xa2~\xa6\x16\xb7\x11X\xac\xa2\x08\xac\\\xbc\xed%F\xc7\xd9\xcct\xd8\xa0\x8aI\x9cD\xa4F\xde!\xac\x0f]8\xda0\x14{\x80`\x89\xc0\xb3$\xe5p\xfa\xa2b\x90\x8f\xc9`/ZTZ=\x98\xfa\xd1\x9b\x9a\xa24\x1d\xc9T\x98\x93;MK"\xe2\' \xb6\xf9Xh\xe2\xfe\xe7\x05\xbeX\xd4\xb1\x96\x88\x81\xbb\x13=\xfe\xb1\x83\xe3+^Q\x15x\x0bFm\xa51\xe1\x0cV\xac\xdflc qv\xa9\xe8\x82\xd3\r\x9b\xae8eW/\xea\xc5]\x1d\xa7\x19\xccZ\xc2&amp;W*\x16\xc7_uK\x1e\xf4\xa2\xb5T?8\x93\xf4\xb2\x9cm\xb4\x15\x0cj\x15\x07S\x8eY\x8b\x1e\xc2t\xbdV+\x14J\xa5\x83Z\xb1V\xab1.80r:a\x81\x00\x19b\xb7Kl\xd7\xc0\x04MH\xebLx\x1c\xa1\xcawz&amp;LM\xaa\xc0\xb3\xb9\x05\xff\xe9\xc5Z\xa1ty~^\x9dM\xa5f\x1fTa\xcdV\x0b\x90\x1e\xb5RM\xaf\xe9:\'\x16kPU\xaeHH\x91\xee_p\xbd\x041\xafH\xaa\xd1\xf9!\xe6\x8cXeS\xc3QX\xa0\xe6\xc1s\x8d\xa8\x17J\xf3\xc9q\xefh\xc0\x1b\n\x7f;\xfd\xedt:\x14\x0e\xad\'.k\xa5\xd9d\xe9\xb4zzY\x9a\x1f&lt;/\x00^\x91\xc3\xea\xd2\x1a\xe2L\x0b]SQ\xca\xf5\x98\xcb\x89H\xed[\x16\xa1\xa7\x07\x11\xcc\x8d]\x85\xd3\x0b\xa7\xc9\xc1[\xd3\xa1P\xd8\xe7\x9b\xd9\x18\xf0\xcf\xcc\xf8\xfd~_pu4\x93\xc9\x04\x0e\x87\xbc\xde\xdb\xd1\xf4\xcdd\xa9P(\xd4\x0e\x0ett\x1bT\x90\x8e\x1cPF\xb3\xe3q\x04\xaba\xb6\x14\x81\xb5\x12\xb0\x0e\x90\x91\xdae5s\xb4\x1e\x8e\xcc\x1c\x0f\xf8\x07\x80\xc8?\x80\x0b\x1e}\x11\xdfj\x10PW"\xe1h\xf4\xe5\xf9\xf9\x9b\xc2eI\x87 \x06c\x89\xb4\x99*\x98\xf3\xce\xb4\xc5\x8ef\xa8\xac\xb9\xd1\xb8\x12\x04\xfd\xb2\x9a\xcc\xa4n\x87Wf\x8e}A\x1f\xd0l\xb0\x85lg\xf0\xc6\xcc\xf1\xbd\xe3\xb9hts\xf8e\xf24sZ\xd09;Z\x05\xb4=_\xce\xbbdGB\xdeRT\x9a\x8c\xd0a\x10\xaav\x9e8J\xa1\xabV\xb0x\xc1\x81\x11X_\xd9X\xbe \x88\xe5;\xbewo.\x12\xdd\xf4\xee%\x02\xe3/\xcf\xf5\x8fY\x079\xcf+=Gr\xcb%{\x9at\x8c\x12EE\xa5\x99p\x9eJ&lt;\x0e\x8c\x0e\x85\x80j\xe6x\xe3\x8cb\xc1B.t\x18\x16q\x0e\x16\xc8\xb5\xb7\xe7\xdd\x0bd\n\xbah\x0f@\x90\x1d&lt;\x04\x84C\xb9U7yz\x94 D\xaf\x95J\x85j"1\xba\xb8\x1e\x8a \x16\xb8\xeblcdad\xe3+\x14\xcb\xef\xf3\xc1\x97off\xce\xb7\x12\x05,\xb7\xdb;\x0c\x95,p:\xad!\xa7\x81Xj7\xef\x88\xe3\x11K\xb1k\xa0\xc3\xf6\xaf\xa6\x12\x81[\xde\xdb\xd3h\xad\x95H\xc4\x1f\\\xf5a\xe1\xfc\xfe3\xa8(\xbd\x02Z\x10k3\x9a\xf6\xba\xbd{\xc3\xe3\xf17\x85\x1a\x9d0`x\x85\xf8s\xe8\x9c!O45\x955g\xaev\x9e\xac\xce\x1e%\x02^oz:\x12\x0eG"\xe1H0\xb8\xba\xba\x1a\xf4\xe3\x8e&lt;\xa3t\xa8X$\xba\x12\xdd\\\xd9\xfc\xd5\xebv\x0f\x8f\x8f?\xb8\xbf\xbd+a\x08\x83=\xb5VEv\xa8\'\xdaX\x90\xed\x85\xf3j2u\x94\x18\xdd\x1bMO\xa7\xbdaX\xc0\xb4\xba\xbc\x1a\xa6\x19A\xc3\x01\xcc\xe5\x9fYY\x89l\xa6\xa3\x9bi\xb7\xfb\xe6p||\xf2\xd1\xfcR\x91\xd06I\xcc\x8eC\xa7\x0c\xd9\x03[\x91\x8d\xc6X\xc3\xccl*0\x1aXL\x0f\xed\r\x83\\\xe1 &gt;\xac.\x03\x8a\x0fe[\x86u\x08\x98`\xadtzs\xd3\xfd\xeb\xcd\xf1x\x1c\xb1v\x8b\x12~\xd0\xc4\x19}\xa7\xce\x8ar\xacg\xd0#\x84^\xbcL&amp;\x11\xeb\xd6\xe8\xa87\xbd94\xb4\x19\x05\xa6\xe5\xd0\xf22\x94\xf1,\x08\x0b\xa1\x0e\x0f\xe1{(\x9dN\xff&gt;\r\x9ew\x8f\x8f\xc7\'\xef&lt;\xdc\xb9\xd8U\xf0c:\xde\xa8;v\xc6\x90+-&lt;IK\xc5\xdae\xb2\x9aD\xb5F\x17\x87\xd2\xde\xc5\xc5\xf5\xf5\xa1\xc3e\xba\x80\x0b\xc1\xa0\x9e Vp5\x1c\x0e\xc1\x0fx\xd3\xee\x9bT\xad\xado\xa6\x96v\xf1\xe3:B\xcc\x8asX\x13\x1d\r\xb0\xf4\xdd\x02\xa8\x05X\x89\x00\xac\xc5\xc5WC\xa1\xe5\x10:\x0bpP\xaa\xe0\x19.x:&gt;\x9e\x8b\x80\xb7F\x03\x81\xe1a\xd8\x88\x93\xe3[\x8f\xa6\x96..\x0cU"J\xd3\xb9\x8f\x9eq\x88\x80\xdfT\xdf=\xc0"fR\x89\xc4\xd1\xd1\xd1\xe3W\xeb\x87a\xdf\xf1\xc6\xc0\x99\x1f`\xe0\x1b[\xcf3X#\x0b\x0bO\xf7\xef\xcd\xad\x84^=\x86n\x10\x07\xac?\xc7\x1fM\xed,]\x18\x9a\n\x072\x07\x8f\xd5r\xac\xa1I\xd2\xeeA\t\x9b!\x98\x0b\xa9\x16\x87B\x91\xef\x9e\xe2Z\x18yf\xaf\x91g#\xf0\xf2\xed\xfe\xc9\xc9\xfe\xfe\xf3\xb9H\xe8U\xe2(\xf3 &gt;9\x19\xbf\xb36\xb5sq\xa1\xa9j\xd3\xd1\xcf\xc3\xe1\xf0S\x04\xaa\xed7\x14+\xf3\xef\xa3\xc7\xff\x1c\n\xff\xe9\x1f\xbf\xed\xef\xef\x03\x01\xa2\x01\xdc\x02&lt;\xbf}\xfb\xf4\xf9o\xb8\xfe\xfb\xfe\xfd_\xfe\xf0\xbd{85\x1bGs\xbdx\xb7\xb3\xb3djf\xddQ*y\xa2\xb7\xbb\xb4\xb4=\x7f\x1fwb&amp;s\x94\x1av\x7f\xfd\xc7\x7f\x8d\x8d\xfd\xe7\x97_\xde\x03\xdb\xc9\xc9[X\x00ur\xf2\xfc\xef_\x8f\x8d\xbd~\xb2\xb6\xb6\xf6\xe4\xf5\xd8\xd8\xd8\xd6\x8f\xf1\xf8\x83\xad\xc9\xc9\xbbO\xde\xbd\xdb\xb1\xb4\xb2\xb3\x7fl\x811bgg{~\xea\xfe`r0\x93IV\xef\x7f\xf3\xe2\xe1\xf6\xc1\xee\xc1\xf6\xd4\xfc\xda\xdd\xbf}\xf7\x94b\xbd\x05\xaa\xa7\x7f\xfd\xdd\x8b\xb5\xa9\xa5\x83\x83\x8b\xa5\xa5\xa5\x9dw\x0f\xa7\xe6\xdf\xdc\xf9qkk\xf2\xee\xeb\x9f\x81\x0b\xff\xa6\xe1r\x14+\xf7\xf3\xd4\xd4\xd4\xc3\xfb\x83\x83\x83\x99\xd3\xd2\xffh5\xbf\xd74\xd64\x8e\xef\xed^\xe5.HO\x18alt\x9c\x19\x90\t\xb3\x8e\x1a\xc6\xd1DF\xb3\xcbJ\xa3\x12\x7f\xd5_Yl0\x04l\x8c!c\x13k\x8c\r\xb1VD\xf6l~H\x10[w1i7\x95\xd4MC\xdb-\x0b\xd9&amp;Y\xba\xb8!\xb0K8\x04$,\x9c^\x1c\x88t/\xb6\xe7\xaa\x85}\xc6\x9e?a\xf6\x05oD\x9c\x0f\xcf\xf3}\xdf\xf7\xfb}\xdf\x01\xc0\xd5\xbbw7\xe1\xc9\x9bk\xe3\x85\xc8"\xbf,\x16\x0b&gt;\xeb\x1er\x7f\xeb\xfe\x1a\x00o\xde\x1d\xf76l\xfa\xa9U(\xb1!\x97\xcb\xad\xdc?x|\xf0\x8f?K}\x0c&gt;\xf6~\xcd;\xee\xd5\x03\xd6\x11\xf8\xf8qx\xdc\xea\xda\xf8\xda\xe6\xab\xcd\xd5\x85\x08\x85\xf3\xd3\xe2\x00m\xe1\xe4\xfe\xca\xf8\xf3\xe7Sz\xcb\xfe\xce\x89\x1f\xcbR\x11\xf8\xa5\xcd`0\xac\xdc_x|\xf0\x7f\xb8\x98\xfa\xeb\x9a\xd7\xbb\x00\xd5\xb2\xc1Cm\r\x9bjqg\x9fRE\x1aS\r\x9b\x8eb\xa2\xad%p\\&lt;\xef\xc1\x17I\xd5\xac9\\{\xf3\x1b\x98\r\xeby&amp;\x93U\xe9\x1b\xb6\x95\x1e\xd6\xfd\x83\xf7\x15I{(v\xf1\xdf\x07\x0b^\xaf&gt;\xa2?\xfd0\xa5\xb6\x9ab\xb57\xeb\xeb\xb7n\xfd\x8a\xcb\x12f\x13\x9a\x1e\x9e\xf0--\x8d\xdc\xf0%\x99p\x96\xe1\xfa\xfbk\xb5\x93Z\xedM&gt;\xef\xc9\xa42\x94^/Vkaa\xeb\xe0\xbfc}\x12K\xbe\xef\xe5co\x0f\xabq\xc7mB\xb4\xc3\xfd\xb5\x13\xff\xce\x8e?\x9c\xe6\xb8\xb4\x02s\xb0"\xd6\xaf\xfb\x93\x1c\xc3\xdd\xe0P\xbb\xa5\xb0\xba\xb6Z\xb0\x90\xdbL\x06\xc1(\x1d`m\x15\n\xf7\x1f\xbf\x1c\xabH\xa9\xf9\xbe\xdb\x1b\x95\xca\xe7\x1e\x96\xed\xd0m\x1a\xd5(\xcc\xfa\xa9\xcd\xcd\x87w\x0f\xb6fK\xda\x89,`\xc9\x01\x8b\xf7q\x0c\xc3\r[\x1f\xd9\xbck/~\xf9\xe2\xd9\xc3U\x9b9\x16\xcb\xf6\xb8\xb6\x16\n\x0b\x9f?~\xaf\xdbiK\xb6\xcc\xf7U\xae\xdd\xb9\x8b\x7f\x8e7\xbcz=\xd4Ji\xb2\x82\xdf|\xf6\xfb\x17\xbf\xf8\xd7\xda_lwf4\n\x19F\xcfC\x02\xf29\x99\xed\xb4\xd6txD\xfd\xf8\xe2\x0f\xcf^&lt;\xbc\xfb\xe4\xc9\x07w8\x9c\xcdR"\x96~\xe1\xb3\xee28sr[*\xac\x81\x8b\xddN\xf7\xf0?\xde\xc6\xb8&gt;\xe2\xd6\x84L\xa5\xd3W\xaf\xb6\xfe\xfe[x\xf2\xfb\x97;\x87\x97\x1a\xadL\xa1\x15`\xd3\xa6YW\xd6\xa1\x9d9r\x87O\xb6\x9e\xc0|\xb5O~x\xde0\x87\xc3\x04e\x11\xb5e;\xea$\x8a\xbb{\x15\xc9\xae{\xae\xbb\xbb\x89\xceQc\xca[\xd0\x99\x14\xb2\xd0\xe4\xe9\x87#\xfb\xeb\xd5\xcd\'\xab\xdf_/\x96vK\x0e\xc5h9.\\]\t\x90\xa7\x1di\rR,\x82\x837\x93;\xdb\xdb\xe6G\x93(F\x84\xac9\x8b\xc1k\x9bL\xa4\x8e\x85xM\xb2+\x83\xb1\xebN"^N\x1c6\xbc\x85H\t\xaci\xe9\xf2\xb2\x84\x92;\xf6\x19kQ\x86`\x98B\x01n5\xd1\x04\xacr9\x8e\xa43\xc5r\x06b\x0f\x83\x9f\xe0\xd9\x12\xecR2La\xb2\xe7\x0c\x0bjY,sL\x0b\xeb\xd2a\xd5\x12\xcd\xa6@+\xef\xd8\xf4j\xd1\x9a\x82\xaf\t*8\x0f\xe7\xd0: \xa3jd\x1a\xa0J4\xc1\x96\x02V|\x14\x81Q.\x0b\xe0O1\x19*\x9ay\xf0\\\xb3\xb3\x86\x82\x99cb\x99\xbap1&amp;!\xd6\xd5U\xd9\xe1p\xdb"n(\x96\xe8\x02\x83\xa3\x08Mk\x8d\xe52\x02\x015\x98\x80!\x80_\x16\xb1\xca\x90 \x9d.\x87\x91\xce\xb82\x99\x18\xc71\x98\xc6\x1a\x98\xd5\x19VH.\x9bt\xd1\xae\xb6d\x0b\xd7\xd8u\xe2\xaa\xcej\x1dV\xbd\x1a\xbc\x96\x12\xd1"\xa3\xcaQ\rbD\x8c\x90"R\xe5D\x02\xb8\xe2\xcd\xb9\xf9\xba`\x14\xe2\xcd:\xcd:!)\x8a\xb9\x8c\xa5\xb5\xda\x18\x13\x93\x01\x97\xc1@2\xa99\x9a9\xab\xf4I7\x13\xa1CsFM@\xaf~4\xa3Dd\x1aM\xb1\x0c9\x11\xc2\x17&lt;\xb8.@\xa9\xe2\xf1\x9f\xb0RB\x99v\x8ai\x11"\xf6\xbbw\x90d\xfb\xb9\x18\x86\x85\xac .U6\xe6\xa0S\xd2a\xf5\xf5\xb5\x85\xab\xfa\x1c\x1dR\x8b\xd2B4\x84\x82\xa6YvH\xde;p\x18b\x05`*\x8b\x92\x9f\x13\xca\xc6\x0cm\xa4}&lt;\xbf$\x7f\x07\x06zipid\x9a\xc7\xb3\xa01\xcan\xb0\xa0\t\x07K_KW\xad\xbe\x8dX\xb3&gt;o\x0cF"\xea\x99Q\x8dF;\xe1k\xf5NA\xc4\xf3\x069\r\xf3\x0f$\xf5u&amp;\x16S,M;y\xbe57\xff\xd5\xd7\x8f\xf0y\x9c\xc1\x08\x94R\x19\x0c\x81N\x99MJ\x88\xf5\xb3\xdb5\xe3\\=\xd1QG\xdc\xc1Q\x8d\xd6\xf1\r\xcf\x8f\x00\x17\x94\x8b\x9dg\x8d\x02\xcc\xba\x1e\xd5\xdc\x95  .\'\xcb&amp;\x93ry\xeb\xe6\xe0\x03\xf1\x18g$\x8f\xfb\xc3U\xd4LYV\xac0]\xd9\xb3\x8a\x84[\xe2\xa7\xccU3\x91\xd0\xebzX\xc3\xdf\xdc\xe0!U\x88\xc7\x80Q\xb9s\xbe^\xa7{X\x90\x15\xe7\x84"p9}\xc9!\xf9\xa0H5=2\xb2\x9c\xf7\xe0\xfe=\x12\xb0\x0c\x84\x11~\x85oH\'\xf9\xb1\x8b\xccU\xbd\x19\x8f\xe8\xdc\xa5QY*s\xcf\x07\xeeJ\xe4\x92\x0f\xc9!\xe9\xd3\x882\xd1\xfc\xdb\xdc\x1cdDZ(\x16\x8f\x93&lt;\xdf\xcbf\x90\xccF\xa6\xc1ty\x00\x8b\x02,\x99\xd0l6\xe9\x8f\xd2\xdd\xa3\x0f|4\xc2?\xc6u\x80\x15\x12\xab\x05M\xeca\r\r\xddl\xf9\xe8\xe0n0~5\xffn\xf0\xcb\x83A9\x9b*\x06\x8bI~I\x94\xd5\x88hX\xd7\xdfB\xb9\xc2$e\xb6X\x14\xcdD\xa7\xd3\xbc\x90\x10\xab]\xeet\xce\x95:] `R\xa4\xefE\xf9[\xcb\xd37\x81\x0b\xea\xe5c\x13\xe7q\x08\xb2\x0f\xa6\x9fN/?\x9d\x8ez\\\xc6\xb21\xda\x1a\x1ct\xf1\xa2\x8b\x86\xc4\x08X\xdb\x8b*\x95\xe1\xb5\xe6\xbc\xdb\xed\x14%46\x03me\xa7\xdb\r\xea"\x80\x95\x1e\xe6&lt;y0\xc4\xa0\x9b%9\xcb:\x85x}\x9ee[o\xbf}\xfb\xf4\xdb\x8b\xbc\'\x9f\xe7\xa3\xac\xd3\xe3s\xd2-\xc0\x82,t&amp;\x8a\x8b\xa4T+\x96I\xf8\x0b\x84hKhO\xdb\xe6\xf8n\xb7\x0b3\xd1*K\xa7\xbf\xc9\xbf\x81",?xp\x93\xad\xd3NX\xa7Z&gt;g\xb2\x97\xc9\x96q\xdc\x8f{\xf2\xd1\xa4\xc7\xe3d\x9d\xb0h\x01\xd7z\r\xaaE\x92\xaa\x95\x95\xa3\xce(*C\xdb\x12\xde\no\x90\xca\xd2n\xf7H\xef\x0e\x00\x16W\x83(=\r\xd2rjig2\xc30\xa8\x15\xc5\x92\xd03\x1e\'\x1b\xcfO/e\x0c\x13\x8dr.\x9a\xf5A\xf6\x17\x9b\xe8\x0f/\x92\x96\x82!AsD\x90\xdc\x90\xb0Z\x95\x13%\xe1\x10&amp;\xf5\xba\x80\x06\x9a\x88\x9f\xad/\x8f\x80\xbci\xc70`\xa1\x8f\x8e\x0e\x0f\'Q\xc6#j\xc8\xae"\xad\xca,\x1e\x8dz&lt;1A+o\xf1\xebg5\x1c\xa8(C!\xe7H\xe2\xe9\xb8t\xe6T\xd4\xfc\'%6!7\xeb\xd5\xb3!Yl\x02\xc4\xc5\xfb\x9c\xb0w\xdf\xbb\x07f\xa18St\xb9\x90"\x8a\xa2Y\x1c\xf7\xf0\xd1\xcc\xa2\x9fI\x02V4\x8dh\x9d\xfd\xb5&lt;\xce\xf5\xb0\xb6r.\'\xc3\xa4.\xa4|\x11b\xa0\x8di\x87\xd9\x10`\x99M\x8a\t\xe0\x8a\x0e;\x1c\x13\xfdQ\xc6\x05\xeee\x11\xc5\x98\xa8\x0b\r\x04d\xdb8\x8eo\xff4p&amp;\xa6\x18\xd5N\xe0\x1e\x8e\x81\xf5Ae\xd9\xd2\xa5R\xc6\x14\xd3\x964\x90m\xf8\x11#\x8d\xc22\x1f0\xc9\x14\xd90\x17S`1\x8e\xc9\x12(\x96BI\x92"\xb7\xfd~?\x83\xfb!\xa3\xed,\x8a\x83\x14?\x84)\xa4\x88\xc1\x97_\xb1rec\xca\x88oH\x1a\xab\x07\xae\xe3e\xba\xa8W\xbb\x03\xa5P\x08\xc3\xb2\x98\x02\xdb\x0b/R\x14e\x0e\xa1\x14I\x92{a\x86\x81J\xf9\xa1L"\x10\x89\x92\x8b\x14\xb9\xb7G\x81\x93\xf7\x8b\xcb\x83\xdd\xb2E\xba\xca\xa9\xcc\xd9\x98\xb4\xf1\xf5#b4"`!\xdc%k(\xa4!\xaa\xd5*\xd4\x882\xdb!S\xa3D\x16\xa08\x1c\xd6\'&lt;\nK\xc4v\x98\x90\x01\x16\xb9OV)*D\x84\xc3\xa4*\x97\xb3\x14(\x1e\x0c~[\xe2W\x92*\x0cM\xbbf\xd5\xea\xaf\\\x04Q\xdd\x13\xb1P\r\x82h\x8a)\x973)O&amp;\x93\xd1\xa8\xaf\x15\x8d&amp;\xb9X&amp;\x95\xcaf\xa1F$A\x99\x89p\x96\xb2\xdbU\x86\xad}(\xa7\xa4\x82\xef\x8d\x8f\x8c#\xa3\xd3\xab\xd5:\xe8bH\x86VA0(\xa1@\xc0\'\x0bF\xd6\xf9\xc3\x0f_\x86\xde}\xf9\xf2\xa5\xd5\x8a&amp;\x93\xaeL\xeaX\x86\x85\xf7\xf6\xc8\xaa\xcaM@L\xcc\xc1\xde\xf3\xa7\x97\x9f&gt;\xb5\x07~.5\xd6@\xfb\xfa\xfa\xc7\x15\x9dZ\rXDU\xec"\xd8\xa8\xa2\x12\xac\xe9\xf1q\xea;\xfa\xbb\xaf\xe3\xf8\xf8\x18"\xc7\xcc\xee\xe5\xe9\xa9\xdan\xb7\x93\xaa\xd9j\x95P\x89X\x9f+\xe2+\x8b\x92c\x81\xeb\xba\xfd\xbb\xd7b\x17\xad!\x14\x9a\x08ne\xf6\xce\xd1i\xb7\xdb\xbd\xbc\xdc=\xffco\x9c\x9f\x9f\xff\x8fv\xf3\x8fI\xfbN\xe3\xb8z\xce\x1c\x86\x89\xdad\xd2\x1b5\xf2%\x11\xa8\xdeq\xc4\xa0_t9\xe4\x04AC\xf0h&amp;\xc8\x9c\xf2#\na\x91\x0e\x92\xa5\xe4J`\x05N\x10ll\xd2P\xc14\xda.w\xea\x026%\xd5\xce\x90E\xcc\x92\xb66w^\xd5\xe6\xfc\x81\xb1\x8bk\xac\xd5\xb8\x9b\xf52[u]{\xcf\x07z\xc9\xfdw\xbb\xb5\xdf\xc7\x92\x90\xfe\xf5\xf2\xfd\xbc\xbf\x9f\xe7\xf3\xf8}\x9e\xd5W\xf1Y\xc7g_I0\x8c;XV\x96\xc6zB\xd4p3\x8d\xf2\xe1s6\xc8e\x95h\x90X\x12\xf4\x96\xfc\xd1W\x0f\xe6\xa3\xf3p\xbd\x98\xe7F\xe7\xa31I4\x99L\xaeT]NF\x1f\xddY\xfd\xf8S\x13HU\xeb*\xf7\x00\x96\xfb)-\x83\xa0\xa0P\x9e\xe8p\xa4\x97\xb0ll\x10S\xa9T\x86;\x86hre\xfb\xc7\xce\xed\xed\x9e`\xcb^Op\xb7\xe7OK\xf7\xf6v\xf7\x93\xbd\xab\xd1\x8f\xdf\xaf\xaa\x82#\x82\xa5\x04kqE\xe1\xef\x89\x9bk\xa6|\x1fP!,9\x17\xd4\xc24\x9c\xf3\xd1\xd5\xf9[\xbb=?\xce.}4k\xee\xbf4[1\xb0\xb4\xd4t\xf3R\xf0\xdbh4\x19\xfd\xa3\xa0S\xd0:6v\xa5\x95\xc9\x84kM\xf8K\xc2\xb0(\x94\x9bN\x95\nN\t+\xc8\xa5\x1dt0\xce\xb7\x83\xa1\xf6\x83\xf7\x82\xc1\xa5\xd9\xfe\x81`\x7f\xff\xc0\xecl\xd3\xcd\xa5\xfd\xedd2z\x1ejw\xebh\xeb\xed+\xe5LpV8\x11\xcc n\n| .\xc5\xadV\xc0\x82\x13|P\xabd\x94\xce\xcfG\xdf\xbf\xb7\xbf\x14\xdc\xdd\r\xcad\xc1`pwii{o&amp;\x99\x9co\xd7\x9el\xb9=:z\xfb\xca\x98\x08\xb0\xdc\xb6\xe7\x03\x84AeP\x1a\x9e\xaau\xd66+n\x85\x9228hR2\xbaV\x1fD\x933{\xdb`\xae{===\xdb{{333Ix$\xedP\xb5G7Fo\xdf\x8e\x01\x95(l{\xda@\xe4\xc8\xfc\x97j5\xdbj\xc5u\xf2\xb1\xd6AT\x07\xb1\xcf\xff\x89\xb8\xfe+\xf6V\x10\x15\xd6\n\xa5h\x03\xb0\xc6\x10\x95;\xec\xdc%p\xed\x07\xda~\xa7B\xca\xc6\x81\x8b96\x16\x1b\xd4V\x99\xb0\xcfW\x1f\xcc\'?\xb9\x01:\xed\xc1g\xbb\xa7\xe5\x16\xf8\xad\x1c\xee\xce@\xb51:\xfa\x8a*N\xe4\xaa\x08\x85\x12t\xa2W\x19\x80\x85\xc76b\xc0e2a\xed\xe0\xaf[\x9d\xe0\xa8\xbd\xed\x99\x95\x95\xed\x95\xe4-\xcc\xde\xda\x8aR\x18\xdb\xd8\x18\x17\x89\x10\x95\xf3\xc9\x00\x81\x1b\x19\x80\x95H\xfd\xbd\x19\xd7\xe9\xaac\xb1\x18\xb3\xdcd\x82;\x17\xb4\xac+\x90\xbe\x95\x95\x19T}&gt;Ew/\x01\x88\x15{\xbe\x11\x1bw\xa7\xa8lO\x89]\x14\xe9\x8f\x03\x96\x94\xaf\xd3\x05\x02\xa2\xd8\xb8\x88i\xd7:\\.;\x80\x9d?\x9fL\xdeBa\xbf|\xb9\n\xb4j\x1d\x1dG\x11w\'\xdcN\x08B\xf7W(\xa4\xfe\xb8T\xadx\xc5\xc5\x84\x0c\x01\x97\xc9T\xa5uaBy\x9b\\.\xe4r\xed\x97O\xb6t\xc2\xadk4\x16O\xa4\xb0\xdc\xce\xabWm6\xa2\xb1\xc6\xf9R\x85\x11q\xb9\x03\xd5\xe3 W\xb9\xb6\xea\xec\x07\x1ft\xb6\x80&gt;\x10\'\xaf\xc0)\xd1S_\x0f)\x1cO$\xc6\xe3\xf1p8l\x03\xac\xc0~\x03\xc1X\x06\xa9\xdah\x04{\xe9\xdcn\xb0\xb3(f\xaf\xea|\xe7\x06j\x12\xeb{\xae\xd4\xf7\x9c\xbbt\xee\x0f\xf57:[\xed V"\x1e\x8f\x8b\x10\xd5D\x00_"r-\x90\x92\xd1\xcf\xec\x95J\x8d\xddj\xa9\xce\x8d\x07\xdc\x88,f\x17\xdc\xb8Q\x8f\xde\xdc\xd5\x03\xd99\xd0\xeaW\x02\xedXl\x1c\xb0\x80+\x01)\x9c\xb0\xe1\xf8\x12-\x83X\xb5\xf4\x06\x03\xc8\xc5\xe7\xeb\xaau\x81p\x02\xc0\x98vh\x0b;\xeb?\xaa\xff=`A\xfe:\xa1/LS\x01\x17`M\xd8\x02\x1e\x0f\xb1I\x04\xb5\xf4z\xbd\xd4h\x94\xf2\x03\xd5\xd5\x01[8\xec\x16\xc9\xcb\xed\xa8\xedi\xa9\x87\xe4A\xd3\x8a\xda\xc2r\xc0r:\xff\xe1L8\x81j"`\x95\xe3\x84be\x90\xfaE\xfa.\x15;\xc5\xc5\xc7\x03\xe9\xd7\xe4Lf\xb9K\xabm\x05\xa4O:O\n.\x8f\xd9\xcb\x99q\x04t\x15}@\xacjy\x1bN\xec\x93H\tV\xeb\xbb\xfa\xac\xf8\x88Qm\xe3\xf3m\n\xc5\x84\xd3\x19\x08T\xc31aG\xb5\xb9J\x0b\x9d"\xf8J\x044\xbe\xbfL\x00\xd8\xc4\x84M\xe7\x91KT\xdf\x12\x8b5\x8b\xb0$\x12\x15p\xa9\xd56\x85\xc5g\xf1\xf9\x14\x010\x18\x13ri\x97[\xcb\xb9\xb1\x98(\xe1\xf4\xf9|\x17\x1b\xd7\x90V\n\xbeG(\x94\xa8\x88-&gt;\xb4]6`\x95\xd6J\xd8#F\xa3B\xed\xf3\xfb\xfdk~\x8b\x02"\xcc\x0f\xb8\xf9j&gt;\xf8\xcdi\xf3\xf9\xd0\xa0\x0fo\r$CT\x98\xb0M\xb5A0\x96A\xafo/\xad\xd5H\xf8\xc6n\xa3B\xe1\xcf\xe4\xf1\n\xd0\xc8\x83\xc5\xa7HG7|\xf7\xff\xf9"///o\r\xa8l\x1e8\xf9%m\xaaqBo\x10\r\xfb\x06}W\x17`i\xacR\xc4\x15\xca\xcc\xca+\xe05^\xf4\x03\x1a\x02\xb2\xf8\xd7\xd6\xd6"\x8d U^V\x01\xe4\xd7\xe6\xe1b\x18V\xdb\xa6\xaa\xfe\xa6\x82\xb8\xab&lt;\xc5\xfc\x04\xcdI\xf5\xd5q8\x12\xfeH\xf7\xb5nK\x07\x1aW.\xe0\x15D\xfc\xfeTB;\xe0S\xc0\xe3\xa1\xb5\xdc5\x9fO\xed\x81\x8e\x12\xe3\x00\x16\xfe\xc3\xb2\x8cB!\x11q8P\x1a\x867\xaf\xf6\xa2\xf1-\xc0\xa2\nq\xd0\xab;\x846\xa5\xd0\xce@A$\x02p\x05y&lt;\xc8*Zr\xc9\xf2[|\xb6j.4\xaf\xd4\x14\x96\xef\xc5\x82\x97F\x00\x17\x89b\x9e\x9c;T#,\xe0*\xd6\x08\x81k\xa4\xdb\xe2/\xc8DXY\xe9\xb1\xf3\xec,\xf8\x82vO\xf3\x1a-\x16\xb5\x87[\xc6b!,\x89\nW4\x1e-\x0c\x9b\xdf&lt;\x17\xa5aR\xfc\x827\xd2\xabo\xefK\xcb\x85\xb5\x01\x97\xb1\xdb\x9f\x95\x99\x99\xc7\xcb\xceB\xdb\x9c\x1dh,\x1e~2\xb3xk&gt;)\xb4m\x88\x8a\x8aFOqi\xe4\xb0\xe8\xe1\xcb\x8a7\xcdE\xa1\r?~\x96\x172 \xac\xbe\xd2\xba\xbab*Gc\xc5\xf9\x90\xc8PGvzo,;\xbb \x0bM-gg\xe5EB\n\x1dSHMQ\x81\xb7\x00\x8b\x1f:\xccmn\x06\xae7\x0bF\x1a\xbe_\xd2\xd8a4\xf4\x82\xe3KA-\xd0K\xa3\x11\xcauR\xc8d$+5\xb4\xfe\xcb\xd4\xe6"\x08\x16\xf1\xfbln&amp;\xf2\x15\x8b\x8aB\x03\x07\x17?\xf4\xac\xe8z\xe1\xc1K\x19\xe5\xcd]qH$\xda\xf0}\xf2\x11\xef\xda\x08\xa8\x05\xa7i\x1d\x04\x87A\x05\xae6\x9c\r\x152\xf4j\x85\x00\xad\xa5GB\x16\x8b\x02\n\x0e\xb7\x8c\x81^\xfa\xa7\xb0$mVv\xe8Y\xee\xaf\x0b\x9b\xcf\xbc\xf4\x9a\xdf\x98\xf3!\x83\x0bb\xf2Q\xe4\xceHj\x8e\x12\x98\xea\x8a\x19\x90F\xd0A\xc5\xc6u|\xbe\xba;\x14\x89D::"\xa1n\xb5Mm\x0bX\x85\x18\x95\nXi\xcb\x03\x16\xce^;\x9d\xdb\x9cSt\xe6_s\x9b\xd3f\xc8\xe4\xeb\x93\x91h\xe6\xe1\x05\xba\x98\xfc,\x94\x9a\xd1M\x19\xbe\xb8\xb8\xb8\xb2\x12\xb4\xd0\x08\xad\xd0\xcd\xc2?i\xf7\xb5k\xd7\x1eI\xe1\xd2\x1a\x08\xe8\xa0\x0cbe,\x17R\x8bE\xe5p\xd0\xab}\xf6\x0bz\xee\xdb\x80u\xb0\xb5\xb3\xb5\xeemx}0J\xd3\xe4\xce\xfd\xe6\x122\xf9(\xf4\xc5\x17\xbd]P\x12\xeb8\xc5\x8c\xdfU\xa6\xb0 \x91r\xab\\.\xb7\xaa\x00\x8f\t\x85\xc6\x83W{\xa0\x0cbe.\x97\x0b\xa9\x85\xb2\x08\x9e\x17J\x0fs\x8a\xde:\x06X\x8b\xde\xa1\xf5\x9d\xc5!\xf3\xebz\x9f649\xd7\\\x04X\xa7\xd7\xd0,l\xfa9\x04\xa8S\x08\x0c9G.\x044D\xa2e\x95q=r\xa1\\\x8e\xb1X.\x87\x03\xc9\xc5\x02\xb9\xa8\x98\xa6V\xf2\xf7\x92\x9c\x9c\\r\xf3\x99\x83\x9d\xf5i\xd9\xd0\xe2\xd7\x9bSf\x1a\xe9\xe7\xd7I\x12\x85V\xe1\xfd\xee\xa0PL\xce\x17\xbf0\xe8\xfb\xfa\xfa\xd2j\x9d\xaa9\x05\x91R\x0c\xc3\xa8 \x07\xa4\xcdd2\x95CW\x06J\xb1X\x8eW\x01`P\x7f\xa8\xfc\xa3\xc2\xc2\x9c\xa2\xfc\xeb\x17\x0e\x8eN\xcf-\x0f{\xa7\x17\xbf\xde\x9a\x94}\xf8s\xdcO\x82\xdf\x86Dk\x9a\xbe\xbb\xf8\xf0x\xa18??\xff\xd0\xd0\')-\x85\x07\x11\xb0*O\xd5\xfc\x07\x0c\xac\x0f&amp;\x93\xd4\xa2\x87N\x8e\xb7\x81\xabX\x0cG\x8dR\t\x94&amp;\x87+\xa5\x19\xf7\x90\\H&gt;v,\xff\xf8\x85\xc2\xc39\xfa{\xf7\xa7dMC\x8b[[w\x87\x9b\x1aH\xa4\xff\xcbe$T\x04\xcd\r\xde\xe5\xc7%\xcf\nO\x00\x16=\xff\xb4B\xa3\x01\xbb#\xc73@.\x88\xb4f\x0c\x14\x9c\xda\xd2\xd2.=[\x05\x87(\x83\xe50)\x95J\x01\x90\x01\x16\xc0\xb9\xfe*&gt;F&amp;\x1f\xa3\xe7^8\xb1\xf9\xcd\xf4\xe2\x16\xf9\xe1]oS\xc5\xd0\xe4\xce\xe6\xf2\xe4p\x05\r~\x7f\xd2O\xcd\x1d\x89d\x9e\x9e\x1c\xf2\xde\xa7\xcfm\xfd@&gt;\xd1,\xa6\xd3A.!\x02\x80\xb3\x81\xc1\xa8\xac\xac\xa9Q\x9e=\xab\xacI\x85\x03D\xe3\x94\xb6\xeb{U\xb5\x1c\x06\xa4\x0e\xa8\x04g\x05\x82\x94`U\x02e\xbc$\xa7\x90L&amp;\xd3\x0f~s0\xd5\xd4$\x1bZ\xff\xeeo\x0bS\xb2\n\xf86\xb5\xb8\xb9y\x17\xd5\xf0\x9f$\x198\xaairsg\xda\xbb\xb9\x05hC\x9b\xbf\xbd\x0eXtr\x89\x13\xd9\xa5\xd2Q\x99\xc6:\x9b\n\xa0Bp\xa7*\x8b9\xb5\xb5\xd4J\x87\x03\xfd\x87R\xf0\xee\xbb\x02$\x97R xg\xfc\xe8\x17\x85\xe4|2\xfd\xad\xe3\xc7\x17\xd6\xa7\xbc\x08g\xf9\xbd\xc7\xcb)0\xef\xd0\xe4\xe2\xf2\xe2\xb0\x19\xfd\xcd\x9e\xf4\xbf\x94\xa2\xc9&amp;\xb7\xb6\xd6e\xde\x9d\x9d!\x19\xc4\xfa\xdb\'\xf2\xc5b\xf1\xbf\xe96\x9b\xd7\xb6\xb54\x8c\x1b\x0e:\xd0#\x89\n}X(\x8d@\xda\x0e#!0\xcc\xe6\n\xee\xca\x8b`\x07\x87\x82\xca,\xba\xcb\xc6 \xace\x17\xf7\x0f\xf0\xce\x84\xd0\xe9&amp;\x98d\x15\xba\xd4\xd2L\xb8\xc6f\xa0`0\\\x93p\x83w!\xd7\xbe\xc4\xc1\x19BI\xa0\x1d\xe8f\x9e\xf78\xed\xed03oC\xe4\xf8C\xfa\x9d\xe7y\xce\xfb\xca\x8b\x86\xe6\x97?\xbfz\x85k\x82\xe1//_\x92Z?\xbdx\x01\xc9\xbe\xe2\xfd\xf0R"\xe1\xd9j\xf5\x05q\x81\xe9\xaf\x8d\xdf\xbfp\xaei\x86\xa1\xf9\x10=X\xdd/O[\xad\xee\xe5\xac\xbf8\x1f\x1c7[8=\xdc\x9c\x0f\xba\xb5\x1d\xf2\xf2\xd9\xff\xfb*\x88H5\x877\xb3\xbb\xe3\xd7\xc7w\xd7\xf8P\xf7t4X\xd8YP\x0f\xea\xa6\xf6+V\x0f\x7f^Q\xde\x9f\xb0\x9e\x8a8~\x92OT\xab\xd5\xad\xaa\xac\x1f\xffT=9y\x0f*\x88e\x84\x91g\x07E\xa8i\xfd\xc5\xa0\xd5j\x8dnV\xeb|1\x9f\x8c\xba\x88Ys\x88\x98A\xc7m\xfa\x0fS\xcf\xfe\xd7\r\xe8\xf3\xce\xe9`~s}\xbc\xd3\x19\xde\x80\xeatr\xb1\xaa\xcfV\xba\xaf\x05A=\xb4\xea\x7f\xa7\xab\x02\xe1\x15\x19\xb7Q\xeb\xc5\x8f\x92a\x8b\xc0\xaa[[\x8d-*&lt;\xa8V%\xd5\x15sM\xc22!VQ\x0f5\x93\xf3\xe9\xa4U\xab\xb5F\x97\x17\xd34\x9d\xde\xcf\'\xa7\xb0\xf3\xf8z&gt;_\x0eOkd\xe6\xb3\xff\x1a~\xdd\xc1\xe5\xdd`\xd4\xdc\xa94\x973\xb88\xb9\xa7u\xd6\x0b\xab,\xebA\x10\x84\xd6\xec\xf7\xeaI\xa3\xb1U\x85U\xd2\xad\xaf\xf5D\x83Ccs\xd8j\x9c\xa0\x1a\xa0b\x16\xe5\xdd(\xfd2\x0c \x16w]w\xbdlv\x00\xd6\x1d^\xde\xce\xc2~\xfe\xb0\x1c5k5l\x80\xeb\xbb\xbb\t\xdd,&gt;\xff\x0f\xa6\xd7\xc7\xd7\x97\xd7\xc7\xcd\xce\xcevmx\x01\xaa\xe3\xf9\xd4\xc4J5\x9c\xae\xed\xbb\xc0\n\x0c\xfe\xe5}\xa3q\xd6\xd8\x92\x92}W\xd5\xado\x052\xd4\xee\x19\xb8v?\xceT\xc1\x81eiz\xec\xb8\xa0\xa2\xae\xea\xba\xe6\xf4b\xd8"\xb0\x16E\xfe~\xda{8\x97\x92!1\x83\xbb\xbb\x01T\xf9\xee\xa6\xf8x4\x1c5;\xa8\xe6\xf0|\n\xaa\xd3\x1b\x8b\x9b2\x18i\xbd\x97\xf8\x06\xb0\xea\x1a\xbf\xfapvv\xb6\xdbh\x10\x98\x0c\xd1&amp;\xdfO\\t\x00\xd3\xee.\xdetv\xf2q\xa6+\xdc\xa2b\x9e\x1d\x19\xa0\xb28w\xb9f\x98\xf9\xfa\x1cY\x02\x19\xaa;8_\xac\xd7 \x1bu\x9b\xe8\x1f\xa3\xcb\xf9\xe0\x8f\x8e\xb0\xd3i\xbd\xde\xde\xee\xd4(N\xd3\xe9\xedo\xcd\xe3\x9b&gt;7\xb12JF\xaa\xb6\xed2M\xb1\x1by~\xf5a\x7fow\x97\x9c|"\xd9\x08W\xa5\x7f\x94\xb1-P\xed\xed\x11\xd6\xe3J\x17\x8c\xb0\x98U\xc6\x89\x96R\xae@e\x1a8\x8a\x9c\xdf/G\x88;Us8\xbf_\xf7z\x8b\x8b\xe5\xb0\x0b;\x8f/\x9f\xec{\xbe\x8d\xea\xb4\xa0\xe1\xf2|a\xac\x10\xf9Vs\xaeA+:\x11\x81\x99e\xe2\xb9\xc0J\r\xce\xaeN\x9e\xb8\xc8-\x1c\xbf\xb3\x94\x04\x94T\xc0\xfa\xf08m+D\xc5\x19\xd3\xe32\x18\x17\xc8\x00i\xa5Y\xae\xcb\x84\xe0\xfd\xfe\xf4\xfef9!\xb6\x0eE\xfeA\xed\xf7\xd7\xa4Y\xad&amp;\xa1@\xd5\x1a\x0e&amp;\xcb\xf3\xfb\xc5\xdaZ\xdd^B\xccZk\x89\x1c`e\xc4\xc5\xb9\x91\xea\xbe_"\xfdi\xaa\xb9L\xea%\x81v\xa9\x08p\xd3\x11d\xb4\x88j\x7fo\xff\xc3\xd5:\xd2\x19&gt;\xcb\x14]\xb5\x0f\xac\xc0\xe2\x06Z\xb2\xe0\x1a\xc5K(\xaai\nf\xa4\x9aE\x1a!h-\xb2\xc9\xe8\xf7(g]\xf4\x84\xed\x9d\xda\xe9\xf2\x02\xee\xf6\x8d\xd5\xfd\xfc\x9a\x0c\x86\x8e\xf3\xd0 $(\xc5\xcdz\x11\xf4\xfb\x91\xef\t\xcb\xc4\x0c2]q\xf5\x01r \xd4\xbbR\x98]\xa9\xd8&amp;\xe9\x1b(\xd4\xc7[%S`!Su=\xd2\xe3v\xbfm{v\xa6\x05\xa1\t\xad\x84P\x14\x08)\xa0\xbfa\n\xa1?`\x16uh\x03\xa0i,\xac&lt;\xbb\xa8lw\x90\xb8\x87\xe9\xfd\xf9\xfc\xeer\x83\xd4"nj\x0c\x9a\xcc;\x92\x15\x84y\xde\xb7\xfc\xb8DH\xb0\xd7\xb9`W\xefez\x9e\x84\x91h\x84()\xf7%\xd5\xaf9\xd5\xa7\x00\x00\x05\x98IDATL\xd7\x15\x95\x11\x14\xa8J\x9e\xb6}\xdf\x89\xe3\xd2D:UU(xU\xa0u\xa4i\x88\xd3)\x99\xbe\xbe\xc0\x0e\xa8Q\xd3\x00\xd9j]9]&gt;\xacW\xb7\xc8R\x8d\xf6`Mjy\xbe\xb0,`I\xb9\x8c:s]\xa7\xdd\xcbS\x1e\xfb\x9c\xb9\x04\xcaEo\xf6qw\xff;\x8a\xa3\xfd}z\xb4G\x7f\x1f\x1d\x1d!\xec\xedLQ\xe8\xf2\x11\x959\x0e\x9c\xd8\xe1%V\xa6D\x86\xa6(\xf0\x90\xa44\xd2\xd0 ,E\x89z\xf9\xc5\xe4\xb4\xdb\x82Q\x9d\xe6\xe8\xba\xb2\x98\xde_\x8e\xfeV\xfb\x8a4D\xe4E\xce(\x98\x9a\x11\x9a\xaeQ\xd4\xb9\x19\xd9N;\x1d\x8f\xdd\x03,\x10/Y\x16\xa2\xb1z&lt;\xdb\xdf;#\x96#Y?\x1f\xe1\x81$&lt;&lt;\xfct5\x85\x1a\xba\x02M\xc0\xd4\x8e\xb4q\xa0e\xb1mYv\xec\x8b\xcc,B.\x04\xb0\xb8\x16\x02\xcb\x94XY\xa6\xe49R6@\xfb\x02I\xe5\x06\xf3\xb2\xd6\xe9\x0e\'\x13D\xfe\xfca\x8de\xd0:h\xf3\xa1\x91\x16\x05w\xa8\x84\x11\x8e?\x8f\xa3\xcc\x15L\xb8.w\x11\xe3)mH\xa9\xcd\xe1\x1f\x85\xbf\xde\x1e&gt;\xce\x10+\x95\xa0\xb2H\xd7\xdb\x911\x0e\x10P\xc8Uz\x9e\xef$\x11\xe6\x98\x81\x9d(\xa4X\x1b,\x1d9t\x15\xc5\xb2\xd6@C\xf3\xac@\xb7\x16\x12\xff\xb0\x9eN-\xa6+\x0c\xe4\xc8\x04ufS\x84E\xa0K\xaa$t\xcd\xa2\x18\xd7\x91U*\x97v\x92\xce\xae&gt;\xee\x7f\xc3\xfa\xf9\xf0\xed\x06\xeb\xf0\x9f\x90*\xa3\xb3\x00\nT\xbab\x04u\xee\x9a\x86\xf0b\x0fX\xb6m;\x8aa\xb0\x9c\xa9\x96\x96\x1a\x1aE\x02o\xc5\'t\xc5\x84\x8c.\xe3\x8b\x8bI\xa5\xd6\xa2t\xe1Jt1\x85\xc4\xa5\xa4R\xb7\xd2\x82q\x98\xd8`J\x9c\x84\xbba=(\x8a\xc2$h\x01\xc9H\xf8\xde\x0cF\x1e\x82\nDoe\x1d\x1e\xed\x7f\x9a\xa9X9%]\'(]\xb7\x0c\xf4\x03\x9a\x8a\xd0Jb9\xb6_Fv\x1b\x06\x86\x9b\xc9\xcd\x08\x0b\x96\xbb\xb8u\xa2\xde!X\x8e\xc8/r%s\xa1\r\xacC\xe3S\x15\x15X\x0cm\xaf\x18\x1b\x8eMR\xa1x\x80\xfb-#\x85\xa7\x10\x0b\\\x82R\x9b\xf5\xa6W\x9f\xa4Vo\t\x8b\x04\x83T\xbd\xa7T\x91P\xe8X}\xbc;35t+5",\xdf\xe6\xbc\xf4\xfc$1\x8a\xf1\x18\x0b\r4\xf4\x10\x15\xa1U\x14\xecR\x1a\xe4\xb0\xd3\xad,\x98\x92\t\xc5\xc5\xb6\'\x1c\x8b\x91\x83\x8c\t\x16\x8e\xc7\x96\x83\xa5E\x11\xc8\xdat\xfb\x10\x98\xa6\x11\xa4\x92\x0by%\xb9\x94\x9e\xba\x02\x18\xc9D?\x87\xbf&lt;\xcer\x1d/R\x84%\x95\xa2"\xf3z\x86\x01fi\xcc\xd7m\xcf\xf7&lt;\x9b\x07\xcc\x06_\xa2rn\x85\x18\x1c\x16.\xc7qafH,A\x9d\xa3B\xe7\xd7iW\x105\xdcQ\x18\x01\x8a\xe0s\xa1&amp;\xb6\xed+\xa1\x02,\x8b\xa64:ih\xb6{\x10\x14\xc5\\\xfa\x18\xae\x9b\xafn\xff\xf1N\x82\xbd{\x9c\xad{xF\x912Q\xb8T\xc5\xf1\xbc8\x8e\x98\xa0\xae\\:&gt;z\x17\x96\xaa\xeb6\x1e$\x8e\xef\xb4\xdb\x8e\xff/\x80\x13\x95j\xa2\x89\xc9\xfcK,\x84\x8aB\x8c\xae\x89\xe1\x05)H1\xa3\xf8\x1c\xf4\xf09\xcf1\xb4\x12\x8a\xd5\xe5-\xb3\xa61\xf8\x19\x91\xc7\x1b\xb1\x08\x0b\xddzz\xfb\xf8\xe9\xdd/\x8f\xb7\xf0O\xff\xfa4I\xc6\xda~\x1c\xc7\x07\xb1\x97\xd0\xbcGE\xb1\xc7\x10\x0c*\xac\xd5O\xf2~\xe2\xbdys\xe0y\t\x17\xba\x15\xa4h\x94.a\t\xb7\xb2\xd9X\xd4%\xf1-\xc0bBefX|.B\x86\x85\xe0\xfdV\xe9\xdb\xbe\xa8\x87\x18\x12\xa6\xa9\xdbv\xe6&amp;NnQ\xb86f\x11\x81\xda\xcbWW\xb7SU\x8a\xa4Ko\xf1"\xb3t \xd1\x0f\xb8\xc8\r\xf8\xe1yP\x7f\x83e{\x0en\xa1\xed\x03`\xbd\x89=?bi@cEb![\xae\xd4\xcaEW\xc7\x18\x86`\x06\x1a\xc18d\xfd&lt;\xa1\x1c8%\xf6\x8d\xcf1\xa35\x0c\x7f\xc7NL\xee\xd8\xcc\xb0\x04\xcd\x15A\xdbC\xa50\x9aZ\xdeS\xbe\x99G\xc0\xcc\xe2J\xf9\x15+\xf6"D\xde4C\xcc{=\xf1%\x97\xed\xabE\xe8\xc4\xc0\x02\x18\x0e%\xfa\x88!\xb1\xc8\xb1\x8aF\x19\x16\xac\x0f\xa6\x14E\xdb\xa3\xae&amp;\xfd\xb1j\xfb\x9e\xdd\xd6\xdb\xb0\xb2$\x03\xb2D\xa7\x1e\x96!p.\xddn2\xf2\x12n\xaa\xc2\xd26\xf3\xe3[\x91R\x1c\x9d("&amp;\xa4\\r\xb9\xf4\xe5\xc7\x8a\x10/`\xa9\xcc\xa1\xcc\'\xde\x06\x0br\x1dx\xb8\xd3/L\xe1n\xfab\xa5npj\x14y\x0f\xd3\x98:S\x90\xe6\xbdv\xaf\x08\x12\xcfs\xf4^\xaf\xddNl\x97V\x9a\x95Q\xe2P`\xfd\xd2\xc5h\x04\x18\xa7-\xcb-\\LH\x16\xfa-d\xa6,\x96Q\x11\xd6\x81\xa3\x97\xc4\x15g4c\xd1l\x88\xcaN\x8c\x90E\xff\xee\xb9\x0cR\x18\x06\x81(Z\x90d\xa1-\x04TB\x17\x03\xf6\x00J\x0e\x90m\x8e\xd0;\x08B\x97\xb9\x85x\x01\xef\xe0\x15r\xb4\xfe\xd1\xd2l\x93\xc5c\xfe\xfc\xf9?\x11\x83\xfbc\xc1\x1a\xa2.\x1f\xac\x07\xaa\x98\x98o\xc7\x81\x8b\xb5\xf2\xd7\x1b\xe2\xd8U\x80\xc4\x98v\xdc\x18\x03\xd2\x0c0\xe1\xfa\xd1\xf3\x1d\xca\x90\xe1\x08\xe2&gt;\x0e\xd3"lynR\xf5\xa7\xcb\'Q\x1a&amp;\xdcw\xe6\xa2R\x02M\xef\x8eE\x1eU\xd9\xd8\x9f\x840\x11\xcc\xbd\xcf\xfey\x0e\x151\xbc\xec\xad\xc4\x88\x90l\xc0z\xb9e\x15\x9e\xf8\xa5\x89\xf5\xba*ce\x94#\xabtM5\xc5\xec\xf87J\x8f\x14\x82\xb2\xcd\x93\xe2\x85\x94\xb0RN\x9a\x85\x9c\xd4\xd0N\xb2\xb2\x91Jk\x8d\xa9\x1e\xc0*\xc1\xda\xbe]\xb0\xcf\xfd.\xb50\x83K"4\xf8D\xcf4\xb0\x82\x89y\x0b\'\xa1\x08\x00K|\x01\xff\x92[\xd3of\xf26\x00\x00\x00\x00IEND\xaeB`\x82'</t>
        </is>
      </c>
      <c r="M238" s="3" t="n">
        <v>45492.67726851852</v>
      </c>
    </row>
    <row r="239">
      <c r="A239" t="n">
        <v>844602</v>
      </c>
      <c r="B239" t="n">
        <v>1954</v>
      </c>
      <c r="C239" t="inlineStr">
        <is>
          <t>Zé Ivaldo</t>
        </is>
      </c>
      <c r="D239" t="inlineStr">
        <is>
          <t>Zé Ivaldo</t>
        </is>
      </c>
      <c r="E239" t="inlineStr">
        <is>
          <t>ZAG</t>
        </is>
      </c>
      <c r="F239" t="inlineStr">
        <is>
          <t>ZAG</t>
        </is>
      </c>
      <c r="G239" t="inlineStr">
        <is>
          <t>ZAG/LD</t>
        </is>
      </c>
      <c r="H239" t="n">
        <v>185</v>
      </c>
      <c r="I239" t="n">
        <v>5</v>
      </c>
      <c r="J239" s="2" t="n">
        <v>35481</v>
      </c>
      <c r="K239" t="inlineStr">
        <is>
          <t>Right</t>
        </is>
      </c>
      <c r="L23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387997ad-64ed-48ec-be25-5fbec0d75f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\\xd2Q\x1e\x00\x00\x00&gt;tEXtComment\x00xr:d:DAEewil2SDw:3796,j:1497870925631122622,t:24040619\x85uW\x81\x00\x00\x00\tpHYs\x00\x00\x0e\xc4\x00\x00\x0e\xc4\x01\x95+\x0e\x1b\x00\x00\x03\x00PLTE\xff\xff\xff\x00C\xdc\x005\xc5\x00D\xe1\x00&gt;\xd3\x00&lt;\xd0\x009\xcc\xfe\xfe\xff\x02\x01\x01\x05\x04\x04\x00B\xd7\xcb\x8e\x80\x00.\xb7\xca\x8b{\xfe\xff\xff\x007\xc8\xfd\xfd\xfe\x006\xbe\x00&gt;\xd8\x00+\xb2\x00O\xec\x013\xb9\xc6\x86y\xc3\x7fn\x0c\n\x0c\x002\xc1\xc4qe\x0c\x05\x05\xa6bZ\x7f?2\x89LB\xbari\x00H\xe6\xbexg\xa2_UvIC\x9c\\SH%\x1fy&lt;.\xc3{j\xacdX\x94QF\xafk`\x00\'\xae\xaeK?\xbbk\\/\x1c\x1c\x00 \x9dl1!\xce\x97\x8c\x00!\xa4\xb5ob\x00/\xbc\x85G9\xa8WK\xa6K&lt;\xb2iZ\xaag^\xc1\x80vr?4\xa8_P\x98XL;\x1f\x1bh;3fD@\x81C9\xc7\x83r\xbewo\x18\n\t\xb2bTf5*\xa5PF\x9cRD\xf8\xfa\xfb\xafTE\x92D9\x9fXI\x00%\xa8\x00\x1e\x97\x92M?\xb5vl\x8dRIoKHzNJ\x88&lt;.nD&gt;\xa3YQ\xbe~o\xb1ZN\xbcrb]82xB8\xbe\x85\x7f\x92UM\xcb\x86vN0*\xcd\x94\x84\xb7YI\xc1eV}7\'\xcbsj8%&amp;\x9cJ=\x85MG\xc3k]\x8f@2\x80OJ\x84TN\x00\x1a\x8f\xb9_R\xb0pf\x8bXR\xf2\xf5\xf8G67-\x12\x0e\x94\\TT+#q7)\xa0A9\x7fIB\xb9fX\xba~uS;8\x873!\x9c@2\x12\x10\x13\x8bH:\xeb\xef\xf2C,*\x87A4=\x18\x0f\x00&lt;\xc2\xc9{o\xa7C7\xd2\xc8\xc7\xc6\x8f\x84\\0(\xad\\W\xb2|t\xaeum\x99;-\x9cc[\xb6hc\xa6nf\xbd\xd2\xdee. z*\x18\x92c\\\x924)#\x14\x14\xa1ha\x02@\xcaaJK\xc8\x84\x7f\xca|z\xcd\x88\x83u3"\xd1\x99\x97\x9cSQ[@=vVS\xd1\xe0\xec\xb2\xc9\xdb\xadfh\x86_Z\xbe^L\xd9\xe7\xf1\xa6\xbf\xd6\xc0ge\x7fYT\x95kf  &amp;\x00j\xfa\x01\x14\x828.0\xe3\xe9\xed\xc5\xda\xe6\xa4zs&amp;06\x17\x19\x1b\xd2\xd4\xd3\xe3\xe4\xe3\xd6\x82yq!\r\xce\x8e\x88\xc2\x92\x92\xd3yq\x85)\x18\xc8ov\x88\xa6\xdb\xbeZWR\x1b\x12\x00N\xe1Ww\xc1eqw\xb1\x88\x81\xb8NI\xbdx{+O\xbd\xc9\xb7\xb0\xd1\xa0\x8e^&amp;\x17\x02a\xee\xa5EG&lt;e\xce\xbd\xc7\xcc\xc1\xbe\xbeMCEs\x97\xda\xcbff\xda\xdc\xdd\x01J\xd4\x99\xb5\xd4\x84\xa2\xca\x81\x8e\x97GNWe\x86\xd0$O\xd0\xc9\xca\xca\xd7\x88\x85v\x91\xbe\x9e\xab\xb1\xbb\x90\x89J\\e@a\xbb\xba\xcf\xee\xcaZS\xba\xad\xa8Fr\xd3 A\xb64?F\xd6\xa3\xa4\r4\xa87K\xab\x99\x86\x87v\x81\x86\xa8\xc1\xe8\xb0\x9d\x98\x93vt!9\xa7\x93\x9e\xa4\xafLS\xaa\xb6\xbc\xd7\x91\x90\x10:\xbbi[\x91/*_\x1d3\x94\xc1\xa3\x99\x86nk\x93\xb4\xe6]fiW\x82\xd9?&lt;s,~\xe8\n\x15t\xd6\x18\xcf \x00\x00 \x00IDATx\xda\xc4\xd8ALZ\xe9\x16\x07pwWbjX\xe9\r\x88\xc6:\x80\x1a!\x90\xa6\xa2\xd8\x07X\x11EL\x8a\x8aU\x14u\x84*\xa2\xc1\x82UQ\x04\x01\x83\xc1\xa7XGF\x1a\x1d\x9c\xea\xa4vQH4\xa2fl\x9a&lt;\x13\xdc&lt;\x17\x8c\x89\x0bH\x9a ;6&amp;\x8dq\xf7\xe2\xe6\x9d\xef\x82\xd3v\xde\xf2\x81s\x12\xf5JL\xee/\xff\xef|\xe7~\xd7\xac\xac\xff\xafr\xb1,L*\x95\x1al{\x17\x7f\x84\xc3\x17\x877?\xed\x19\xc8\x18\x19\n\xcb\xfa\xfb\n#K\r{\xe1\xd8\xcdu(\x1e\x8fF\x13\xf1h"\x1a\x8a\x84\x8f\x0c %c\xb9\x7f\x0f)\x0b\xc300E\xa2\x89D\xd0j\xb5\xe28\x15\xc7\xad\xb85\x10\x8c\xc7b7\xe1=\x83\xf4\xbe\x03\xcb\x05P\x16\xd9`8\xfa\x1c\x89\'\x82\x078\x89D%P8N\xc2\xadT\x12\x1e\x08\x04\xa3\x91\xeb\xb0\x01C\x7fwoE\x96\xc2\xedl\xe1\xeb\xc8m\xe2\xc0\x8agg\x93P\xa1\xa4\x10\x0b\xbe\xa0\xa8\x07\x81\xe0m\xccv\x9f,\xdbM\xec\xc2v\x13J\x04\xac8\tH\xd9\xd9\x08\x860T\x04\xa4RII\xa65\x18\xbd\xbe\xd8\xdb\xbb\xa7\x16\x83~\xba\x8a\x87BA+\x82d\x13(\xc2E"B\x83+j\xf2*\t\x0b\xc5\x0c\xf7\x13\x18F\xde\x8b\xc4\x01E\xa5\xa2\xfbS\tJ6)\x19[*\xb9\xd4\xb2\xa2:\x88\xde\x18\xeeaV`\xa0\xba\t\x05\xf1\xd4R\xe1\xd6$\xebkd\xdf\\\x13\xa9\xe1\xd1\x1b[\xc6;\x1f#\xdb\xc2(+j\xea\xae_%h=\xbfQ}]Uk4v$\xcd\xe8\xac\x80\xe9}\x01\x833p\xb7t\xd9\x7fUd\xff\xcf\x87\xf0\x11\x9e\xb8:\xb4\xfdf\xcb\xa0k\xef\xe6*\x0ec\nu\xd5wwOm&gt;\xea_Qx\xb2\xbf\x12\xa1H\xe4"c\x1d\x96K\x0e\xc3T F\xc0\xf7w\xa7\x8a\xc58\x15&gt;\x16S\x89}\xf8\'\x96\x8a\'\xf7&amp;\x1eHD\xc3\x06r\x86\x86\xa8\xc1\x16\x8b\x1f\xa0\xddG\xa5~\xaf\xc2\xc5^/\xc1\x12S\xa9I3aBs?\xb5Q\x0f\x82WG\xe4\x8c\x0c0\xccpA\xa8\xb2\xbfM\x8b\x18\x9f\xc0I\x82\x92?\x92p\xb1\xd8\x8b~KN6X\xc8\xdbCifX\xd2\xc38\xda\x81\xc4\xacJ\x05\x02\xcbF\xbaK\t\xd9\xbcI\x0b\xba\x1c\x9b\x83\x1a\x13\xa7\xb6\x01\t\x0fFlXfX\xe1\x04\x11\x14\n$\xc5@\n\xf1\x18\x12\x08\xe6\x08\x07\xfa\t\x17c\x02\xfa\xc9\xea\xea\xd9\xd9\xd9\x18\n\x8ch\xaf \x8c\xfb\xcc4\xfc\xdeU\x80\x8a\x86;\xd4\x18\x94\x98\x8a2\xa1\x8fK$\x12a7\x83\xb1\xc9\xe1\xacr8g\xe3\xf4\x93\x93q\xba\x84A\xa3\xd14\x9b\x9c\xb3\x13/\x9e\x9c\xfa\xc1k[\x86\xb6\xa2\xf4\xa78N\x8cw\xf1\xdc\xd9\xc9\xc9\t\x842w\xc6\x99\x98`0\x90\x81\xe6\xd0\xe9\x14:\x05P &amp;\xce\x84C\xa7P(4\x1a\xcd\xc4\x19;9%\x12\xb1\x0c\xb1\xe0\xb1s\x8b\x13\x11\x9d\xfc~W\x1aT\n\x9dL6\xab\xd0\rZ,\xf3\xf3\x16\xf7\x8c\xc7\xe3\x81\xcf\x14\xc8\xa5P\xd0\x18\xabch?f\x07\xc3\x19\x1a\\0\xb6\x82$\\&lt;wrF\x88&lt;\x9f&gt;}\x9a\x99Y[\xd3\xe9&amp;\xe7y&lt;\xde\xe0 |\x9b\xe7\xcd\x0fZ\xdck333)\x95\x83\xc6\xa8Ye\xa3\xc3\x06\x1e\xcaPZR[\x08\'Q\xe7V9\xc8\xe4!Tkkn\x0b2U\xf0xM\xbc\xa6\x8a\xa6&amp;\x80\xf1&amp;-\x16\x84E.\x07\xc4E\xeb\x1eg\xa3\x03b\xe0&amp;#\x0fF\x0c\x85E\xf2\x8e\x0b\x81\xe5\x81\xac&lt;\x04\xcb2_Q\x81`M\xfdM\xfd\xef\xfb\xfb\x9b\x9a@89\xe9v\xeb\xdc\xc0\xd2\xe9\x1c\x0e\x1a\xadVH\xf7\x1e\xc0Q?\xbe\x97\x89s\x04f\xbb\xc2\xa1\xd9%\x1c\x8e\x07\x15\xb0PX\xf3\xc0\xaa\xa8\x00R\xb2\xfa\x9bxhA\'-2\x1d*\x99\xc3\xe1\xa8\xad\xed\x96\x08\xd8\xde\x03&lt;\x18\xc62\xf0\xfc\xc9=\x8a\x92\xf0\xb1\xb3\x14+\xd9X\x96I`5\xf5\xf7\xf7\xbf\x1fBu\xc7\x02\x18oP&amp;s\xa0\xb4\x1c\xb4\xdan\xe1\xb8\x80\xcd\xb6\x1e\\g -\x8c|\x18$\x89\x050\x9a\x10\x0bL3kn\xf7&lt;/\x19\x95Z=Dy\xc1\xa4\x10.\xa2\x1a\x1a\x80%\x93\xa5X5\x92&gt;\x81\xd7k\r\xe5fb\xc8\xc7\xac\xe21\xbaD\xc2\xd9\xf4xff\x92QAG\xa1\x96\xd2#\x96\xd3\t.\xb5\x1a\xa2C\xb4\x86\xc1A\xd9\xaclv\xb6\x16&amp;Zw\x8d\xb0\xabo\x80mM\x1c\xa5?.\xb2\xe1\xca:&amp;X\x805\xe4l"\x95\xc22\t\x8d\x0e\x0b\x08Q\xa1\xac\x9c\xa8\x94C\xea)\xfd{}\x7fgees\x03\xe1z\\[K\xeb\xee\x16vu\xd9\xd9\xde@,\x03\xa3\xcbv+f\xd3\x11\xebw\rb\xb9-\x16\x1e\xeat\xf5\xd0\x10\x85Ba:\x9d\xbd\xbdN\'\x85\xa2\xa4(\x87XS\xf5O\xc0\xd5\xf8\xec\xd9\xecl\xe1\xe3\xda\xee\xee\xeev\x88\xcb\xce\x0e\\\xa7]\x85a\x87\t\xef\x18}au\x95\xb3\x89X\n\xb7{\xb2\x89 \xbd`:\xf3\x99\x80\x82z\x9a\xcfd2\xf3\xf3\x99\xc5\xcaGU\xa5\xcf\x9b\x9b\xcb\x9e\x15\x16\x16\xd6"\x97\x08\xb1\x0e\xae2\x90V,0&amp;\x18\x07\x15G\xe3!\xfa}\x92\xd7\xc9*\xe6\xe7m\xe4\xe5\xe5\xf5&gt;\xc8\xf9\x91\x9b\x93\x93\x83X|\xa8\x8e:yyi\xc1\xf3\x87\x8dIVmII{\x97\xd9&gt;\x10\x08I\xd3\xdf\\\x11\xaf\x00\xc2\x82\xce\xd2\xa0}\xa8\xb3\xf0\x1a\xea\x1f\xc9\xa7\xf9\xf9\xf9|~^^\x0e\x11\x16S\xa9\xec\xa8\x83\x92\xd7\xc9G\xab\xffY\xf0\xf0y\x19\xb0`\x15M%\xed"p\x05\xe2{i\x8e\x0b^\x0fCl\x01\xd1Z\x9bh&lt;\xe8\xdc\x83\xbc\xca\xce\xaaGE\xc5\xcab%K\x99\xec.g\x91R\xa9,**\xa2\x14\xc9GG\xdfU\x17&lt;|\xfb\x16\xb9L\xb5\xc0j\xdf\xda2\x0e\x9c\x1f\xa69-x?\x8c\n\xe8t\tJ\xcb3\x03\x8f\x95\xc1\xc6\x86\x86\xca\xcez\x16\x8b\xa5T\xb2\xa6\xa6\x94\x14&amp;\xc0\x8a\xe1\x1a\x98EE\xaf\xcbG\xcb\xab\xab\x1f\xbe\xfd\x01X\xdaB\x93\xc9T\xd2*\xda2\xdb\xcf\xc3i\xef\xf8\x8bs\x81\x9dh-\xc4\xd2!Vsegg}\xfd\x14\x0bTSj\xc8\xeb\x05ehJ\x8f~}\xad|\x04\xacw\xefF\xab\x0b\xde\x96\xf5h\xb5ZSIIk\xbb\xc8l\xcc\x00+\xbc;\xd07\x0e\xaa\x89Mt\xc0\xd2=kll\x06\x14b\xe9\xf5\xf5SCC\xb0\x90j}\xaa\xea_\xbf.\xad./_Zz\xb3\xfc\xaa\x05\x96Q\x0b,\x14\xd7\xf9\x1fig\xc5v\xed\x04\x8b\xc3\x00\x96\x03\xd2\x1a\x84E\xec\xd4\xeb\x93i\xb1P\\j}\xbf\x1ef\xbc~\xaa\xbe\x13\x9e&gt;\xa5\xe5\xd5\xef\xde\xbc\xeai\xd1j[\xb4m%\xed\xad\xa2\xf5\xad\xddt\xcfS,\xebz\x97\xfegZ\x1a\x85L\x86T\xf5Sz=\x8b\xc2b\r)\x87\x86`\xccS\xd4j=\xd0\xfa\xf5\xc0\xea\xec,\xa8\xae.(XF,-\xb0ZE"\xd1\xf9\xeeu\x9a\x8f\\\xb9\xd2\xc8\x80}|\x81\xe8-\x8d\x86\xe6\x90\xa1\x8d\x08\x1d\xafTR\xe0Q\xf8/u\xfe\xd3_z\x9fB`0^a\x17L\xe9a}\x9f4\xff\x00\xf5\xea\xa5vX\xab\x1d\x86\xb4`\x15w#\xe9~\xfb1\\\r\xd8\xfb\xd0|X\xdd\x847\x8a\xc7\xb2\xe4\x12*\x9d\xbf8\x9f\xc2C\xc7\xd9\xfb\xc0\xf7\xe0\x01\xba`\xf2\xf3\xea\xea\x94\xac\xaa\xaa\xf2\xd2\xe6\xb2\xb2\x96\x1e`\x99 .\xd4\\\xeb\xeb\xc6\xab4\x1f\x9c1\x82%\x99\x00\x17\x83\xc6\x80\xb4\x1a+\x9fT\xd5\x17u\xf0]\xae\r\x97\x8b\xcb\xf5\xf9\x8e\xa1|\x1b\x1by|\x95jZ5\xbd\xb8\x08\xfd\xde\xf3\x8f\x9e\x96\x16\xedp\x1b\xc4ejCi\x19C{X\x9a\xc7V(\xc9\x92\xc0\xfb\x97\x86\xe1(\xecy\xf5\xf3\xb2\xff\x8b\x7f\xff\xf4R\xe5\xfa\xf8+\xf7\xf8\x98\x0b\x052\xd5\xd2\xca\xfe\xe9\xfe\x87\x9d/_\xfc~\xff\xce\x88\x16z\x0b\xb1F\x86\xdbZaBD\x0f\xd3\xcb\xc2l\xb7w,pI\x84"\xb3\xddn7\x9aE\xad;\xfe\xd3\xcb\x8f\x88\xf4+\x14\x97\xebZ\\\xf1\xef\x7fY7\xee\x1a\x8d\xc6\xf3\xf3\xf3\xad\xad\x92\x97=#\xc3\xc3\xa6\xe1\x11\x82u\xfe9\xcd\'\xc1\xbb\xb4\x84\x13\x0c\xc98\x9c\x06\x06\xd8^\xb6\xdd\xb8\xde\xba\xed_T\xb9\xb8\x1f\xef\\\xaa\xd3}\xbf\x7f\xdbl\x84C\x9f\xd5\xcb\x1e\xd8\xb5\x1b\xb7F^\x8e\x94\x98\xa0\xe9an\xf5\xa5\x99\x95\x0b\x8b(\x00\x16\xbc\xd6\xd7,\xd0\xe9\xe8\x08\xccf#\xd6\xf6\x07\xff\xfe"\xdf\xf5#Z\xc3\x7fCZ\x1f/\xc1\xb5\xbdn6\xee\xb2\x07\x8cf\xe0\xd9\xed[#\x04\x0bZ\x0b\xe6\xe9a\xfa{\x8b\xde\xd7%\x91\xd4,\xcc\t\xe8s\x02\xa3\xb9\xaf\xcfl\x16\r\xff\xbc\xbc\xbc"\xef\xe0\xe7p\x8f\xb9\xc7&gt;\xaek\x83\xfb\xf1\x14\x96\xd1\xbf\xb3\xbd\xbd\xb3\x0f\xf5\x9f\xd6.\xb3Q\xd4\xd6V\xa2mkoGc\xfe0\xbd\xf3\x14\xedD:\xbdK"\x94\xd0\xc7\x17\x16\x84%\x1f\xbe\xec\xef\xaf\xbcYYZZ\x1a\xad.U2\xf3rr|&gt;`\xe5\xb9\\\xaai9l\xc3E\xd5\xe5\xa5Juz\xba\xbf\xbc\xb3\xddU\xd26l2\xb5\x8bD[\xb0\x88\xc0\xc2\xd29N\xaf\xec\xf6\xbe.\xa1pa\xa1\xc6\xd4\xd3\xb3\xbc\xa4\xbat\xb9\xf2:\xe4\xf2\xa5\xd1\xf2*Vq~N\xce\x86\xcf\xe5\xf3\xe5\xf86\xf8\xd3\xd3\xd3r\xb9\xbcC\xa5r]\xbaT\x8b+o\xfcm\x10\x17&lt;}D\xad[\xe6\xf5\xcfGG\xe9\xfcg8F\x8e@Z\x0bB\xc9\x82\xb0\xb0\xeca\xa9|Z\x05\xe3i\x1a\x8e\x08\xf0DF\xac\x07\xc7\x1b\xae\xe3\x1c_\xef\xc6\x06\xbfn\xb4\xa0\xf0\xbf\xb4\x9a\xdfO\x1a\xe9\x1a\xc7\xcf\x1dWM\xb8j\x13\xa2\x10\xf9%\x10\x86\xb8!\x0c \x03\xe8\x1a\x1c~%H\xd5)\xf2c\xa9@\x07\xd4\xa0]\x11\xc4\xca\xa1b\x04A\x10bjLA\xa5\x9bX\x13\xec\xc5n\xccV[\xb5\xc1\xe4\xa81\xc6\xa4\x89^\xec\xb90\xf1\xc2\xbd0\xe9I\x9b\xb3\xf1\xc6fo\xce3\xf6\xfc\t\xd3\x97pCH\xe6\x93\xef\xf3\xcc\xf3~\xbf\xef\x8c\x82\xad\x9d_*\xc1\xbf&amp;\xf2\xf3\x91\x17\x1b\x83\xdd\x94Xm\xaf\x9c/\xbf\xbe~\xf3\'m\x93\x9e\xc14\x99\xfe\x10L\t\xb2N\xa7F\x93\x14cE\xf9p\t\xccA\xc4\xde.L\x89\t\x91\nA\xa0\x8c\x8f\x1f?\xbe\xf7S\xf9&gt;G"\x8ej\xc0%\xf3\x1e\xbe\xde\x88D\x96\xf2\xa5\xf9\xa5\xc8\xff\xb1\x9cmc\x0b\nc\xc31M\x1b#\xc3t\xfe\xf1\xed\x7f\x04\xd0[N\xbdBa\xd3r\xb5l\xf6\xd0/mp%\xde\xb8\xd0\x9f\xb2\xaaTq\xe4\xc1\xbd{\xe0\xe5\xcb\xe5\x0e\xa0r\xf5f\xa9\xf9\xf1d\xaa\xf7!\xcf\xbeT\x92\xf0\xed\xbc^}\xdb+\xe0Z\xb0k\x17\xe3\x13\xf4\x9c\x853\x98\x99\x91}\xfd30\xa7^\xa7\x86m\x13k\xc7\xf5z\xbdW\xf6\xeb?e\xbfN\x8di\xda\x1b\x07`\x1bB\x9a\x7f\xfc\xa9\x02a\xe3Q\x17\xb7\x9d\xadq\xfe\xfb\xe7\x97\xbf\xff-{2:*\xd0\xb3\x97\x86\xb9\x91!Hd\xceW\xfa\x15\xdb\xec\xa5?\x81\xdc\xd2\xb132\x18[\xa5\xc9\x95\x93\xfdi\n\xcb%\xd6\x8a\x15z\x01uF\xf9\xf2\xf7\x9f\xff\xf5\xc7\xdf\xfb+\xda\x01Rnp &gt;_\r\xc2\x05GBX\x85\xfb_\xff\xfbjl\xf4\xa5\xde\x15\xcd\n\xc6\xda\xf9\rj.%\x977\xab\xb0\xba\xafW\xf3=i\x0e\x1dc\x82\xc1&lt;\xb6L\x1a\xed\xd1\x93}J-\x9b8\x19\x9d\x1e\x9d^X\xe8\xec\x1c;\xd1\xbf\xde8y7@Z\xe4\x06\xa5\xf4\xd0\xec\x00S*\xcf\x19\x8c\xefZ\xdaG\x86\x84\x8dvhz\xb5\'\xc8\x86\xe6\x13y\xa0\xd9\xbc.T}\x9cy_^[D3&amp;:\xb0v\nx\x93\x84\xdd\xd8\x02XB\x85B\xd8\x12\x15\xb2\xf9\xfc\xa5%.\x97O\x18\xc5V.Ib8u\xcceFs"\t0\x18\x8d\xdc\x06\x02GU]\x13]r\xae\xc7\xae%\xb8\x18\x1f\x0c\x97\x97\x8dq\x96\x7f\x98\t\xa1\x8b\xca\x8c\x89IC\xc3_\xa6\x8b\xcd\x06\x15[8\xe6u6&amp;\x93\nE\xbbB,\x92\xc8\x8b\x12\td.\x82\xaf%Ie\xa2\x90\x96\xa6\xa5\xf8)\x9aC\x1b\xe6J($}\xc0+r8\x12\xae\xd6\xee\xf1x\xc4b\x08\x19z\xb6\xa4o}=\xe4S\xee%\x8ei\xc1\xba\x95rZ\xcd\x88Q\x98\xf5\xea\x1b\x81Ia3ZEr\xb9DD\x88\xc5b\x1b\x18B2VH(\x0f\xa5f\xf3)\x8e\x12(\xd1\xd0@@\xd0\'0,\x97#\xac\xdco!c|\xbc[/~\xd4\xfa(\xee\x0b+\xf7\x94t`1M;\xe9\xa2;\x91\xb0&amp;;\x9dz0[)#f\xc0\x08\xea\xcapi\x9cD\xe3\xe6D\xa1\x90\x90\x02\x16\x0e\x848n\x06\x1f\x8fa\x18\x01\x9a\x99\xfb\xc3\xb9\x06\xe0\x02\x81\xc7\x07]|\xb9cv\xb6\xd5\x87\xef9h)\xe2\xf3\x83\xb4\xc8\xddcU\x895\xce\xce\x95\x15\xbf\xc5H@\xe0q\xdc-\xb34\xdea\x80\x12&amp;bJ\xb3Tz\nP1e\x9c\x15\xf2\xd5\xd7\xc3\xfd\xc0\xb4\xbe\xee\x8b\xabJ\x90~\x92\x805\xae\xedJ\xfbf\x8f\xcb\xca=\xce[:Z~k.\x9d\xcb/b\x18\xe9r\xb6\xac\xac\xf4\x80_FB\xbe\xf5\xf5z\xbd\xbf\xbf^\xeb\x88K\xa1\x84\x89D\x0czK\x19#\xf1X\xec\xaf\xda\x87\n$\xd93_\xc8\xe7\x83\x98\xc6\xe9\x9a\x87\xe6b\x83\xb5I\x1ep\xfa\x9b\x1f\xdf\xe2\x85\xd9-\x1a\xceP\x01k\x11W+\x9b\xfaD\xddz\x88==\x16&lt;\x0e\t\'t\x05\x92\xf8j\xacp:\r%L\x14bR(c,\x16\x03.\xb4\xc6\x9a\t\xb0\x02\x81\xb3\xd0\x19\x15\xd3&amp;\x86\xf9b\xc0\x1a\x1f\x14?\xdaq \xa1Yy\xfa\x96\x96]\xf1\xe9\xe7\xc2\x00\x17\x99m\x95\xf0\x00\x0b\x12"\x8a\x00\x96\xef\xea\xaa\xde\x1f\x86RQT\x85\xc5\x82\xf4\xf0\xea\x8a\xe2\xc2\xa1\xb9\xc2\xb5\x00\xac\xb3]\xf8\x06\x02ewW\x03\xdc\x19\xa0\x16\xff\xd1m\xd1l\x8e\xab\xa0\xe3i\xf1\xf1\x19\xf5\xa4\xf1\xfe\xfd\x07\x98\xa67\nX$\x06\xdd\x03\x05:\x0b\xd5\xeb\xe1\xb0Y\x9a\x8eA\xcb\xa7\x81\xeaj\xbd_z\x8a\x9b\x1d\x08dG\x8ak\xf7nU\xcaG\xb9*\xc8\x15\x1c\xe4\xbaw8\xb1\x82YD\xbc\xa5\xc593\x9f^&amp;\xac\xf7\x9b\xfb0\x9e&amp;\xeaOYp\x14\xb0X\x94\x1cg\xacZ\rA\xe0FL$\xee\xb0\x0e\xeb\x87\xd0_1G\xd3\x8f3\xdf\x90\xb6/..\x96g:\x8a\xd4$\t\x0e\xaa\xddn|oO\x89\x96\xe89\xd9e2\xdejI\x041p\x07\xf5+\xfe\x14\x89;X3\x95\xe5\xedm\x10\x02Z\x88\xe5(P\x0fX\xa8\x1a\x9e}+c,\xed`\xedn\x7f[\x17\xab\xd7\xab\xe5\x0f\x1d\rU\xb1\xd6&gt;8\xec&amp;&amp;\xdf-\xa2\xe4\x01]\xefk&lt;\xdf\x1c\xc0\x951\xcc\xae\x17\xa6\x06H&lt;\xcc\xaa\xbc\xbfY\xbd\xb9\xb8\xd8\x9ea\xc5\x1d1\xa0\x8a\xa5\xa5\xebg\xbb\xbbgg \x17\xac\xc3zm\xe6\x0e\xea\xe2\xe6\xfa\xfa\xfa}\xa5CEh\x01knn1a\x13\x11\xe41MTL\xd3\x9f\xa9\xc4\xde\xa4V\xab\x818\x8d;|\xac\nd\xaf\x9b\x8b\xed@\\\n\x83*A=_9&lt;\xbb\x80\x1f\xca\x95\x0f\xb5:\xac\xbf\x1c\xa1\x00%\xd8\x1d\xd6\xf2\x0c\xabHT=\xf6\xa1\x89a\xa5J\xa2N\xa8\xcfi\xc3\xca(,\x8dQ6W\x93JZ\xf0~\x1f\xab\xbcz}}\xb3\x1b@\x941\x14O\xa7\x0f\xc3\xe1\xf0a\xe5\xfa\xe6\xe6z\xf5C\xa5\\\xa9\xd4\xc29\x1c\xcd!\x00\x06X\xab\xab\xcb3\xb5b\x8e\xab\rF\xba\xe4H\x9f\x9cL\xec&lt;\xa5\xcd3o\xbdH\x8d\xd8RVW\xfb\x80\x85\xec\xf7\x05\xca\x90U+\x01\x04\x1f\xb0\xe0DLZ\xf7\x85\x1d\xe6\xc0\x05\x88S\xc9\xc1\xa6\x94\xcb\x159\xc5\xa2\x1a\xc7C\xbb\xbb\xefA\xd5\xe5\x00`\xe5\xb4A\xfe0\xd2\xfc\x80C\xa83\xb4E\x0c\xe6\xf3\xcdT\xc4j\xb4\xba\x1a\x01\x8b*\xe2\xf2\xear \x84%{\x8c\xb9\x1cjI\xf9\xe1\xfet\xb0\x023\xd0\xdaU\xb1\x90\xbdvt\xd4Zn\xe5X-\x86\xc0\xf6*\xb4\x16\xabf\xc8\x89\xf8\x83|\x0e\x12oj\xcd\xdf\xd2w\x96\xc44\x1d+\xc0\xb1c&lt;W\xcaf4\xc3\x8e2Sa\x85\x1c\x03~k\xb1\x18v\xa0\xa9\x95\x16\xf0;vO\xd5#^+EF\x96\xd6r\x1d\xee\xb2\xdb\xdd*\xb2\xa0\xac\xe5\x1f\xca\x01V1g\x90\xcc\xc34m\x8a#\x9c\xcb-\x1a_33m}\x11!\x06UP\x93\xb2\x90\xe6p\x08\xa6&lt;\x02TD\x17\xa7\x98\xc3qc\xd0\xc5\x1b\x8a\xd8\xed\xd4ad\xdb\xb3W\xbd\x91*7?77w4A\xf8q\xd6\x83f\xa0\xcaQj\xcd7\xcd\xcevLdh=\x0f4\x1d7\x18T}\x1e\n\x0b\xef\xef\x0f\xd5\x10\x83\xc5/VK\xd4\x84\x96-\xccf\xbdN\xe7\xc6\xfcp~\xc4)\x90\xe9\xa6\x04\xbdC\xf3/F^@\x14+\xd9W\xd0&gt;V\xc8`%\xd0\x1c\x7f\xf0\xd3\x81{g\xe7\x98\xd6\xe3@&amp;skS\xd4\xd44\xa2\xa1\x9aKiv\xc4\xe3\x96\xa8"\x02I\xd1\xe3\xd28uw\xcb\xcb\x1b\xf2\xeat\xa3\xba\'\x82,odD\xff\xf0\x97\x8d\xd7\x1b\xaf5Q\x03\x8c6\xdchE\xb5\xdd\x1f\x9fg2\xe7\xa6\x7f\xd0\xb9\x18\x0cSf\xb3\xb4\xf9\xa5\xb71\x95\x82]Q\xe9 \x17\x9c\xbd&lt;\xea\x039\x9b\x8aA2\x99L\x07T:\x99\x0c\xb2\xb7&amp;h\xe79\x9f\xbd\xf2z\x9f=\xcc\x92\xac8j4\xa2\x98v\x03\xbc\x1f\x83I\xf7Sa\xa6i+s\xfe\xf1\x17\xa0\xf2\xf7\x0c(\xcd-\x82\xa9)\x08h\xfa\xde\xce\xfd\xb11\x9dnZ\'\x9b\x1e\xeb\\\x10\xec\x0b\xc6_\xbc\xd9,\x95\x96&lt;\xdd\xce6\x81N\xa6\xeb\xb5!q\xa3\xcd\x88a\xfc\xaf\xe7\x8c\xef\xf1"\x04\x08\xc6|\xbb\xd1\xde\xe8\xf7\xfb\x17\xa5\xa4@\x06\xd14\x9b\xedT\xb4k\\l{0\xd8\xad\x89H\x8a*\xa2\xdap4\xbbs\xe9&gt;\xca\xaf\xad\x05yY\x88\x93\xdd\xdc&gt;\x831\tjE\xbel}\xa7wY\x18\xcc\xf3\xafBP\xcb?)5\x8e\xc9Fum\x83\xc1FK\xd2&amp;\xaeV\x89\xb5&lt;5B\x8b\x8ezqmmm\xa9\xeaa\xb7\x0b[NN\x04\xa3\xdeHG\xb3\x01\xd4B\x89\xef\x89\xf5\xfcKT\x01\xc3\xd3o\xc6\xba\x05\xd3\xbaNW\xcb\xc2BK\xd4\xdf\x9e\xb4G\xaa\xd5*yzZ\xadB\x1c\xcb\x1f,}\xfa\xea\x9d\xde\xdfw\x8d\xe9xyw\x13&amp;\xa6\xb0F&gt;\xfd\xc6\xfc&gt;X`\xbc&gt;\xe9!\xbe\xfaW\xc8\xa67N\xaf\xae3\xba\xbf?\xbd\xf1i\xfe\xe0\xe0\xe0s\xfe\xf3\xe7\xcd\xfc\xe5\xffx9\xbf\xdf4\xb2+\x8e\xe7\xa1\x15M-[\xf4a\x89\xb5\x1d\x18\xf1\xc3, \x99\x8d\x85@\x0c?\x0cd\x02\xb1k\xb4\x03\xccbb~\x94T\na\xc5d\x19\x13plP\xed\xe0\xcdj\x8dM1\xda\xda&amp;\xb6\xb7q\x90\x8cRc+\xac\x12;\xd2ZJ\xd2T\x89\xeb*H\xe4\x87\xb7\xad\x1a\xb5\x95Vl\xa54\xaaw\xeb&gt;l\xb3\xad\x9a\xf6\\\xe7_\xc8\xf8\xc8\xf2\x83_\xfc\xd1\xf7\xdc\xfb\xbd\xe7\xce\x9c3/\x9a\xcd\x8f\xb6\xb7\xb7\x9b\x8d\x7f&amp;&gt;\xf8\xf9\x99d\xceR\xda\nN\x9b\xe1b\xdd\xb3\xc4&lt;\xbf\xc0\x19V\xef\x9f\xbd\xe8M\xfd/\xfa\xc4\xe9\x98?lY\xea;\xfa\xc1\xb7\xcd\x17/^lo4\x9e|\xba\xb1q\xf3\xe6\xcd\x8d\r\xc0z\xfe\xfc?\xa9\xd9\xfb+\x12\xaf\xe7z\x90$\xdc\xc3\x80\x15\xaa\xeer\xd5\x1b\x08Y|Z6\xda\xb4B\xb9\x9c\x98(yS\x0e\x99\xeeL*\xfb|\xf7//\xee\xed67\x9e&lt;m4\x9b\xcd\xdd{\xcbS\x85\\\xb7\xa5~\x7f\x85\x8c3\x96"\x14\xf2L\x942\x9b\xd9J\x83\xb3NJX\xf3e\x8bM;.?J\xf9\xee19\xafJ\x7f\xa2\x9e\x8b$\xac\xc5wg\xeb\xcb\xcbK}\xb3}\xfd\x93\xcb\xcb\xf5\xbew\xeb{{wp\x92\x90Z\x8a\xe9&lt;\x1b\x13)C,Smp\xd7\x10\xcb\x83\xc5\x15\xd0j\x85F9\x11\x9c\xb1\x0cc#\'\xebu\xf9\xaf\x1cK\xd7\xa7\xb6\xb6`\x0bnm6\x9a\xbby`\xda\xab\xef\xe1\xa4\x81`\xd9\xfcT\x91\x91\x8adnv\xa6\xdc8\xc4\x1d\x16\xaf\xe1\t\x04\x84\xda\x80C\xe4\xbb.M\x12v\xbb\xee\xa7\xe7\xeb\xca\xc2\xeen\xb3\xd1h&lt;\xddhlo\xdd\xb9\x0f\xc5\xe9&gt;U:^HNM\xb1R\xa9\xd2\xccT\xca\x95\x8f\xb8l\x1f\xbe\xf0\xad\x11\xb0l\x0ec\xa1\x94L\xaa:\xf5\'\xeb\xb3\xb3?;_\xdf\x83\x1ak+\x18\\Yy\xfc\xf8\xd6\xd6\xad\xbdI&lt;M\x92SS\xc5\x19\x10\x8bv\x87\xa2\\c\xf1\xf8M\xaf\x11\xd2\x88\xb8\x8ay\x95\xde&gt;\xa9;3;{~\xef\xce\xca\xad[\xf0\x03\xf1\xc9\xe5\xcd\xad\xe9\xad\xad\xb4\x0b_.\xc294#\x1d\x96E\xa5L\xd93\xc3)\x16\xef&amp;\xc8%\x82#\xc7\xc1\xac\x16U&amp;;\x94R\' \x8f+\x9b\x9bp\xbd@q\xf9\xf2f0\x18\xdc"\xf1\xe9$[\xb9~\x9d\xf6\xba%1\x9a\xf10\xab\x9c&amp;\x91?\x88\xe4\x12\x8di\x8d\x166\xaf1M\xeat\x93v]\xbd~g\xf13\xa0z\x0c\x81\xe4\xdaD\\\xd3Qiyu\x95vc\xc9X\xb5\xcc\xc8\xb8\xc5:\xc4\x07\xb9\x8c\x01\x8a\xd2:\xd8b\x01C\x0f\xb1\xf4\xb8\xc6\xber\xeb\x15\xd5\xe9\x0f\x17\xbb\xe0\xa8\x86\x8a\x99T\xb1\xd6+\x95*](0\x15\x86N\x16\xb8\xc6\x1a\xdc\xf5\xc3\xea\xa2\xa8\x80\x97\xa5\x93\xba\x13\xba\x13\xfdD&gt;\xfd\xea\xa5\x06\x8a\xa9\xf4\xd4\xf2\xb2+M\xe22o&amp;S.\xb3\x05\x86aiF\xc69Vo\xd3o\t\xd8(\xa7\x08\xfe-k:a\xd2\x9d\xec\x97\x14\x89b\x89\xad0l\x85\r\xc9\x96$\xcb\xd3q\xbc\xb3Sf\xcdf\xe7\xcb\xa5\x12\x13\xa3\xe9\x90\x84k,8\x80&lt;\xc0\xa55\x9b\x03\xe1\xb05\nT#\xd3\x18\xb6$\n\x18!\x86CP\xe4\x10\x8b\x8bov\xda\xed\x05\xcf\x95\xdaCO\x81\xa5c\x9e\x90\x0c\xc38\xc6:\xc4\xdb([\xfcF\x1b\xa5\x1c\xceD\xfc^\'\xea\xb4\x19!1\xc9\x92\r\nB\xe5\xe4\x8a~ea\xe1\xc37\xed&amp;\x8c\xf5\xcc\'2\xe5\x19\x1a\xc4\x92H\xb8\xc7\xe2?\xa9\xca\xfd~\xe3\x98V\x14\xee\xbe\xe2u;M?\x82\xdb?N\xc6\xfb\xfbm\xe3\xce\x91\xd3\xa7\x17?Y\xfc\xf0=\x9d\x12c&lt;\xf3\x99\xf9r\x95\xaezB\x18Fp\x9f\xc4\'\x15\xb9%\x07i\xb4\x85\xbb\xb3a\xaf\xd2\xa4{\xff\xce{`S\x1aR\xbfd\x1f\x99$\x17\x16\x16\xf1i\xc2\xcd\xa2\xb6\x87\x87\x9er\xd9#5c\x18V\x98\xe1\x1a\xeb\xd3\xaf\x8c6G\xcaa\xb4Y\xd5\xea\x84U\xe4\xa6N\xfedde\x85\\ \x97\xfa\x15\x93\x93\xaa|0\xad\xea\x0f%c\x99D\xa2v\xc5c\xf5x\xa3\x12\x05\x86\xc9f\xb8N\xe2\x85\xaf\x8cZ[.e1\xfa\xe7\xe6"a\xbfT\x045\xf1\xc9\xf7\xd3S\x98\x84\x90`\xc5B\xa1X*%\xa5\xd5\xf9\x87\x89\xb5\x9a\xc7C{\xe8\x10F\xecc\xf19\xc6z.\xb7\x8d\xc9S~\x7fxnT\x1d\xc9f\xbc\xc3\xa1~\x1d6\xb3Z\xcc\x17K\xc9(\x0b1S\xb5\x96\x13\xb5Z-1\xef\xa1\xa5 \x16\xa1\x90p\xafV\xef.T\xa8\xb6\x8fS\xb9\xb0zt}}-\xe3\xf7F\x93\xa5Up\xcdd\xb2B3PZ\xc1*\xcf&lt;\xbcqct-1O\xd3H,\xc2\x84\xb0\xb8\x1d\xbck\x03,!\\4R\xa9\\v\xf4\xf0\xe1\xf5D\xc6\xef\x91\x02\x8b\xd7K\xb3\x1e\x86e\x92l\xb9\x9c\xa9\xd5\xd6\xd6F\xc1\xb6\xa4`\xf0\x84J\xd1/\xe3\\\xadC\xfc&amp;\xc2\xd2:R\xa9\x8e\xb9\xc3\xdf[\xafE WV\xd4\x9ee\xf5Z\xab3\xd5j\x15\x0ckm}\x1d\xc4\xb2J\xe9X\x92P\xa9&amp;%\x07\x80\xd5\xb6\x1d\x90\x0b\xb5c\xc2\x1c\xdc\xf2\x8f\x1fn__\xabe\xe6\xad\xd6\x0c$3&amp;\xf5\x94\xe7\xad\xf3\x99\xc4\xda\xe8h\xfbh\xed\nM\xc7XB\x13W)\xb0\x83\xc0jH\xe5\xc2q(mrH\xafv\x00\x8b\x80b\xd9H\xb8\\\xa9\xceg\xb2\x89Dd\x1d\xa0"\xb5\x847\x16c0\x15z\xc3\'\x91\x989\xc7\xe2=\xdd\xc7\xa2\xb4\x81\\.\xd5\x8d\xe6e\xda\xd7\xe7\xd4\x11u6\x03\x06\xaa^\xdb\x1fph\x8f$\x12\x19o\x8cI\xaa4q\x8d\n\x93\xc8\x0e\x02\x8b\x96\xdb\xb4c\x145\x16\xf0\xa7:\xba\x01\xac\xfd\x87\x87\xdbG\xc1,\x12\xb5WL\xa3s\x88\xca\x1acX$\x16RK\x16\xaap\x8f\xe5\x01\xe3\x1aS\xf6()#\xe8\xd5\xd1\xadV\xbf\xa29~\x1c~\xcd\xcd\xa9\x91c%\x12\x16)XF1\x0eT\xb0\x13\xcd\xdcc\xb5\x01\x96p\x0c\xf5\x9d\xf6P\x01\x07\xd2K\x8d\xc8\xd4s\xa8y*\x92Md\xb3\xd9Z\x02j\x1e\xb7[\xa6Pi\\ \x16&amp;1\xbb\x0fB\xad!\xf98`!.\xe1&gt;\xd79\x00\x8bD\xb2\xd9p8\x9b\x8d@d\xad1\xb7;)\xeb\xd7\xe0\xb8\x0b\xe4"\xf6\xb1\xf8\x07\x81\xd5w\xc6\xe9t\xeaz(\xad%\xd5\xd1\x11\xe9&gt;w\x0e\xa4B\xcf(#\xdd\x1d)\x8b4\x99\x94\x99\x0b\x98\x02\'q\\\xa3\x89\x13\xfd\x07\xa6\x16`\xe9L&amp;\xa7\x93\xb2\xc1\x02\x83\xf3\xb1\x03=\xa9\xec\xe8\xe8\xc8\x05\xdc\xb2B\xa9T\x90`\x04d\x10\x17\xe3x\\\x85\xc9Bn\xb6\xc1\xb1Z\xfc\xa7\xd2!\xb9\xb0\xefL\x8f\xcen7\x99z\xb4B\xa3\xc3a\xf1\x0e\xc7\xa4L\xd2l6\x9b\x14*\x95*\x1f\'\x08U\\\xe3r\x89\x01K\x03n\xea\x161\r&gt;\xbf\x8dc\xdf\x02\xacq\xca\tXv\xbd\t\xfc+`\xb4\x18\xa5\xc3!\xccd\x82?\xe8\xc5\xae\xb8+\x9e\x8f\xc7\xe38I\x92bH\xa2\xc2$\x0b\x89\xa2\xbf\xff\xa2\x97\xc7\xe7Z\xadq\xd4\x10\x8b\xb0\xecN\xad\xd0&amp;\x1a\x1ev\x9bM\x9d\x9a\x81#G\xc4G|.\x14\xf9\xb8\x8b\xf4A\xe08\xd8\xd6\x92[$\xfa\xc3\xdf\x1e]\xed\xe5s\x06\xc6\xe35\x8c\x80\x05\x0e\xb1\xaf\x8d^\xa1\x1c\x1b\xa3\x94f\x19\xa6\x11\x1f\x13\xb4B\x18\x0c\xaf\xc0\xd2h(\x03\xb0\xf4\xe0\x0fJw\xd4\xfa\xcd\xb3/\xff~u\x90\xdf\xc6\xcd\x04,o\xf0\x1f\x8e!\xf0S\xcai\x02\xa8\x01\x8d^GQJ\xa7S"\x89\xfb~|\xaa\xab\xab\xebT\xab!\xed\x82&lt;\x92hD\xe3\x88\x8f\xc45\x98\x0c\xb0\xdc\xb1\xc8\xff.\xfe\xf1\xcb\xdbW9\xf9\xa8\x06P\xdd\xfe\xef\xc7C\xc8O\x11\xd6\xc0\xc0\x80\xc6\xe4T*\x9d&amp;\t\x9c3\xc7\xba~\xdb\xd55\x11DXH,A\xab\xe0\xd8\x11\x12GGb\xc8-\x8a\xe5\xd6\x9e\xed\\\xba\xf8\xf2\x8b^&gt;\x07\xd3&gt;\xbd\x9f\xff\xeb\x9b\xa3G\x87\x84\xfbI\x1c\xe9\x14\x8b\x07\xf4`\x13\x12\x05\xe2"[N}6aH\xa7}i\xd7T\xda\xb0\xd0\xd2\xda*@X\x8a\x82\xcc\x1cr\x0f[\xd6\xce^\xda\xf9\xc1\xc5\x97\xff\x1e|\xdd{\x12i\xf5\xf5\xd9\x1bG\x87P\xc1\xd5\x83\xd4\x12\x8b\xc5\xb0\xd3\x14\x10\x04\xa6\xd0\xf8\x04\x02D\xe5K\xa7\xd3A\xc1BKK\xab\xc0\x00X\x04T\x81fe\xd4\xab\xbevig\xe7\xd9]\xe0\xea}\xad\xdfm\xe1\xf1\x07\x1f}\xfd\xf6\xd9\x08\xc2\xb2!,\xcd\xc0\x80\xf8-\x90K\x01\xe5\x8b\x9eP\xe8q\x03$\xd0\x97\x0eN\x04\x05\x06A\x0bD\xab\xe1\xc8&gt;\x96\xd9\x1c\x8a\x1a\xbb\xaf}w\xe7\xee\x1b\x17\x1f\xbc\xfc\xf5\xe7W_\xdf7"x|\xfe\xe0\xedg\xef\xbc}-\x0bX\xf2q-\x054\xa0\xd6[b\xbdB\x01\xb2\xf9\xf2q\xfd4\x9c\x81i\xc3\xc4\xc4\x84@ hm\x99\x00.\x81\xc1E`H\xad\x90\xc8\xa8~\xe7;\xdf\xbf\xbb\xf3\xc6\x83\x07\xbf\xf9\xd3\xef~\x89\xc0\xda^G\xe7"\xbf\xf7\xea\xa3\xbf\x9e\x05\xac\x8e\xfd\x91\xe51\xcal\xdaO"lF\xb4%}\x06\x9f\x18\'}\x86\tXQ\x02AP\xd0\xd2\xfa\x7fR\xce\'\xb4\x8d\xec\x8e\xe3\x9e7\x7f\x02\xca8/\xa3\xf1\xd8\x0c$A\x86\x807\x19\x16u\'\x93\x83w#\xda\xa8\x14j\xc8\x0cN\n1\xd9$F\x97\xd2\xcb\x90M\xc9)\x97\xf5A\x0b\x01\x87\x10\xc1B\'W\xa9E\xa2\xad\x8d\xd5[\xf7 \x90X\x10\xc6\x08j\x90Ee0A\x06\x0b\xec\xc5\xd4\x17\xd9\x06\x934\xfd\xfe\xde\xd8\xde]H\xe9v\xf7)\x96b\xb0\xad\x8f?\xbf\xef\xef\xf7\x9e\x8c\xc7\xa4\xeb\xc1\xc7\xd3\x88&lt;N\xa7W.}\xf2W\'\x91\x90\x12\xd6\xca\xc2\xbf\xcb\xe5\xcaZ\xa5:\x87\x8c\xfdD\xb23\xe7\xcf\xccU\x1a\x03?L\xc7X\x17o^G\xe6\xafB\xd6\xd8\x04\xb8\xae\xc1\xdb\xcc8]\xd6\x96\x1d\x9d\xcd\x8e\nY\x84\x85\xac=\x82-\xe8zx\xfb\x93\x03\xed\x18k\xa5\xb6\xbbY\xaeV\xd6\n\xe5\xa9sPv\xe6\xa7\xa8*5\x0e\xb7#\x17X\xe1o\x11-`}\xfe\xeb\xbb7\xae\x8d\x8fa\xb0\x8f\x13\xd58!\x8e\x8d\x01\x08P\x18\x0e"Z\xe8\x80\xe9?R\x11/_\xbe\xfdi@Tm\x03X\x83\xc1\xfa\x9b\xdd2\xc8*\xd5\xa5\x1f\xfd\xd7\x81\xce\x01ji\xadS\xea\xe5\xa3m`\xa5\x0f~v\xf1&gt;aaZ]\x03\xcb\xc4\xcc\xc48Q\xcd\xcc\x8ce\xb3Y\x94p\x16h\xcfr\xa7Xd\xeb\xc2\x8b\x17\xb7\x0f\x98$%\x12J\x1eX\xbdF\xab\x89\xd1\xbaY,V\x0b\x85\xe2\xdc\xd4\x8f\xf8\xb5p\xfa\xf3%s\x85Nei\xa9\x01\xac \x9dv\xc3\xdf_\xbc\x7f\xf3\xba\xd8~\x10\xae\tH\xc2\xde\x87\xbblvv\x98~\x85\x98\xeer\xb9\\\\\xc3_R\x11_\\\xf8\xc3\xe5_\x1cJ\xc0\x92\xb4\xf6\xc2\xc2\xcaZ\xb1ZYm\xad\xafo\xadn\x16\xcb\xc5jq\xee\xff\x1e\x19\xd4\x7f\xc5N\xa7\xb8\xb4\xbb\x01[&amp;\xd9r\xde\xfd\xfc\xe6\xcd\xeb\xd7\t\xeb\x83k\xa2rD\xf5\xf1L\x96p\xa8\xfd\x8e\xd70\x8d\xadi`aMf\x0eTY\x92\x92I&gt;\x02\xac\xd5\xa3]\xe0T\xba k\xad\x1e\x01\xad\xbc\xf48\xfekO?\xd4\xd4\xf9\xc7\x05\xd4oi\xb7\xb1\x97^4\xda\x06l\xa5}\xe7\xe0&gt;^V\x7f~%s\xf7\xc6\xaf\xee\x11\x17l\x8d\xd1E\x8a\xb4`I\xcc\x06\xe8\x1a\xc6V\r\xac\xc9\x97\x93\x93\x17^YD%)\x89\x85\x85\x85\xba\x15A\xd4n\xb5X-\xadu\x1b\xad\xd6\x96\xc0|Ld\xe7\x7f@\x03\xa0\xfd\xa6J\x1b\x1b\xa5\xa5\xcdn\xdf\xdd\xeb\xed\x0c\xdaQ\x10\x00\xcc\xf4\x0f\xae_\xba\x84\tq\xeb\xee\x07\x1f"W\x02\x0b\x81\x1a\x16T\xc7\xbe\xd0\x8a\xd8\xa9q6\x9d|\x89\xb3\xd7o\xa8\x84\xe0RW\x80\x151MU\x95\xf5V\xb7V\xaa\x16\x8b\x85J\xad\xbb\xb5\xb5\xf5\x06l\xe5\xb9\xff\xfd\x9b\x9f\xf4\xa7\xb5\n\x1b\x1b\x95r\xb1\xd3\xdc\xde\xd9\xa8\x94*\xcd\xa8\xbd-t\xe9\xee?.a]\xc9\xdc\xfa\xe0\xc3{\xf7\xe8jW1\x1a\xe8b\xd3\xe1Qq\xba\xa1|\xcdf\xe9b\xd3\xc9G\x8f\x9eO\x7fv\x90\x8c\xb1\x14\x92\xc58\xa8\x94\x84Bh\xa0)U\xabU\xb0\xad\xbe\xd9"\xba\xa3Mx\x9b\xfa\xaf\xcdwfj\t\xa6*\xc5b\xad\xb7\xb7\xb3Q\xc0*5x;J\x83\xcb7\xad\xc3W8\xd9\xdd\xced\xee\xd2\xa5\x05t\x11\xae\xc8X\x96\x16=\xccR\xf8\x87\xb3$\xeb\xd1\xa3\xf9\xf9\'\x07\\\x8e\xb1\xea$\x8bk\x02\x0bm\t4\xb5\r\xb6\xda\x1a\xbcU\x0b\xa5\xa3\xd5n\xab\x05\xd4\xdd\xf72\xd1\xeeW\xac\x08S\xb5\x1eL\x95\xf0\x19k\x8df\xdf\x8a\xda:\xf5\xa2c\xb1\xc3;Wn?\xcc&lt;\x84\xae\xf1\xf8\xda`q\x8d\xf0\xd8\xd8\x17DG\x17\xc2B\x1c\x05\x1eTO\xbf&lt;0b*IB\r\xdbF\xa4*\x91\xc0J(X\xaa\xa6q\x8e\xb0ukH\x1b\x86\xd9Zw}]z\xaf\xa9\xf3s\x85\xb5\x8dNi\xae*LU\x04\xd4\xc04\x1d\x9f\xb5\xdb\xd0\xe5\xba\xa6\x01.\x9cV\xae\xdc\xc2v8!F\xea\xcc\xc4DL\x96\xcd\xc6X\xe8\xc3\xe9\xf9\xe7\xcf\xe7\xe7?{k\xa0\x05E\x15!\xab\x1d\x86\x01\xbe-\x15Pm\xd8\x82\xae\x087U\xe3\x9aFi\xdb\xad\x96\xcb\x85\xda\x9b\xf7\xfd\\\xadX\xe9tJ\xc5\xf2n\xb7\xd9ot*\x85j\xa9\xd3\xeb\xeb\x16\x96cE\x92\x81\x19\xe1\xfaf\x9e\x1f\xbe\xca&lt;y\x98\xb9q\xf5\xde\x84\xa8\xdc\xd8I\x11c*\x81\xf5t~z\xfe\xe5\x9dC\x15\x99R\x80%CV=|\xf7nq\x11[\xab\xafs\xa1K\xfdvi\x9a\x16ab\xd0\xf0x\xcf\xcfFK\xd8F\xcb\x9b\xab\xad\xfeN\x03%/T\xba\xcdm\xdd2\x0c\xcb2,]k\xb7]\xd2\xe5[L\xdb~\xf50\x93\xb9|u|&amp;;J`1\xd2\x17\xb3\xc7\x99\xa7\xd3\xc3\xd3\xf9\xf9/\xff\xb9\x9d\x14T\xc2\xd6\xc2\x8a\xed\xb8\xe9\x80\x84\x99\xae\xeb\xd8\x14.\xed\x94J\xdc)\n\xcd\xff\xef\xf5\x1e\nx\xee\xfc\xe3rq\xb3\xd6j\xf6{\x1b\x15\xc4\x1c\xa2,\xd34u\x13\xb2\x0c\xc3t\x8c(J\x13\x96\xa9\x1b\xda\xe0\xed\xef2\x97q\xf8\xcb\x0e\xcf\xce\x92\xa2\xf8Q@a\xca\xe7\x9e=x\xf0\xfc\xcfo-)\xa6"\xb8\xfa\x8a\xc6l\xa6h\\\xf7YR\'\xeb:j\'p\x94\x13.Q\xd8\xf5ok\x87?\xba\x9bj\x00\x00\x04\xb3IDAT\x9c\x0f!\xe9\x9bG\xab\xadf\x13L%\x1a(\xcd\x81N\x92\x08L\xd7\xcd`q\xd1\xe1m\x93\xb0\x1cS\xb7\xb9qx\xe7\xc9$\xb0\xc8\xcf\xe8\xb0\x00:K\x9e\xc0\xf4\xd1\xf2\xf2\xb3\xd1\x97\xaf\x0e5\xec8`\xa27E\x89&lt;\xae9\xae\xaeHI\xae\xab\xaa\x07q\xbei3\xed;\xb2\xa8E\t\xec\xbb\x9e\xe6\x8a\xbb@\xea\xf5(P\x85J\xa7\xd1\x1cx,\x8a\xf2\xf9&lt;UPw\x00\x15\xba\x8e\x19E\xae\xef\xfb\x0e\xb8&lt;\xaen\xbf\xfd\x13\x8e\xca\x82FLS\xec&gt;\xb9\xb3x\x01\x94[^^~\xfd\x97\xb7z\x12P\xb4\x15\x12T\x92\x05\xa1\x9ePL=\xae\xa8\x9c\x924]Kr\xdf\xb15\xf54c\x8aX\xea\xf1\x1e\x83Hm\xd6\xbaD\xb4V"\xa4n\xafi\xe9:\xd5-\x9f\x8f\xf2`3\x11\x8800=\xdd\xd5%\x0b\xeaL\x12h3\x95\xef\xed?\x1f\xce={FU;+JG\xaa\xe0j\xf9\xeb\xfd=-IS\x80|\xe1Y\x93&lt;\x1d\xba\xbe-\xc7\xb3B\x06\xa9\x94\x92T\x95\xfb"\xfe\xc7P\xc7X\x8a\xb8\xee}\xaa|\xf4\x06\x95klP\xdb\xd5\xba\xad\xe6 \xcf\x84"K\xc7\xcd\xc8\x1bNH\xddCT~\x18\xf2\xc8\xb3m\x03`x@4\xd8\xce\xfe\xebe\xbc\x12\xcb\xfd\x9d,\x9d\xcd\xc5\xae^\xef\xefq\x8c&amp;\xc1ECSI0*=f\x8c\x020\xa0\xc9\xb6\xeb(\x84\xa80\x87F!;-\xa0\xc0\xc2\xe4\xdc\\\xed\xf5\x9b\xc2\x93\xa8\x9cE\x96\xf2\xa4(F3\xd3\x8b\x8b\x8b\x81\x83pyN\xe0\x06\x8b\x81e3,\xdb\xf3\x0c\x9bq\x80\rv\xf6\xbf\x06X\xee\xecGbA\x17L\xd9\xaa \xa2\xe2\x89\n\x19\xa6\xee8\xf8^8\xe3\x92LK\xb1\x1d&amp;\xfe#K\xaa\xe7\xa7]\x8f\\%b\xae\xc4\xd0\xe3*\xc6S\xaf\x83\xd2a;oZx.\x8b\xd2\x1d\xd7\x0f`\x94\xf3\xd0\xd7=Px\xb6\x1f\xfa\xf0\x16\x98Lp\xd9\xc0\xc3\x80F/\xb1\xfe\xce7_\xa1t\xb8\xe5r\xc3\x7f\xdb\xdf\xf34\xf1\xd5\xa9\xab\x8e\xcb\xa2z6\xb5\xb4\xa3\xca*1iIYN\xc6|\xb2\x9cB\xcc&lt;\x1f\x99\x13\x1fM\xd6\x86V\x9b{\x8d\xb5\x02\xed\x95\x8d\xbe\xe3\xd0p\xa2|S\xe3\x11\x19\xe5&lt;\xed\x91\x1a\x9b\x96\x13\xd2\n\xd2&amp;\xf9\xca3\x03T\x0c\xba@\xc6\xec\x9d}"\xfb\xea\xf57\x04\xa5*qzOb\x9cL\x8d\xc8\x9c\xd9\xc0\xf2l\x96\x90e\x96\xf6N\x98d\x19{\xa4\x94J\xc9\xccSd\n!\xed\x97C;\x02\n\xa2\x06\x9eN,\x06\x96\xf0\x85XAM\x88&gt;\xd18\xb3\x04\x88\x17,\x82*\xed\xc28\x8b\x97\xc0\x12\xb3GS\x19\x8a\xf9\xaf\xfd\x1d\x0c\x8ex\x0c\x89\xb9\x1dC\xc9#\xb4\x14[\xa7\x1d\xcc\xd5\xe5\x94b:I*\x9f\x9c\x829\xdfu\xb5\x14\x96\x9c\xa4w\x93\xa2\x88"\xe5\x8d\xbeiZ\x02\xc7\x12\\$\x8c&amp;Bh\xd2Srn\x07\x81\xcd\x19#Y\x01M\x07\x1eQ\xfdb\xae\xf8#\xe8\xce\xd6\x1d\xd3cb&lt;*b+\x11\xa3\x92\xab1\x14\x96\xc4L\x07\xcb\xf7\xa4\x94\xac\x90\'\xd5\xd3@\xa2\xe9\xc2\x96\x9c\x12l\x80\x05\x16m.\x10\x85vG\x96(\xe1\x86\'\xc0\xcct\x18\x9a\x9a\xd8\xe05\xcd\x0ft&lt;\xb3\x17\xd0)\xd0wM5\x91\xc7\x9bM\xa4\xc4EP\x9cy\xd4\x9a\\;\x19\x8e\xb1C\x95\xdb\x9e:r\xbad\x8e\xdc\xe3\xdbbR*\x0e\xbb\xee\x9a,y\x0ct\xb2FFR\xf6P\xa3oy\xd4n\xa4\xeb\xb8\xf5 Lw\x83\xd0\x89\x12\x11\x8f\xe3\xca\x19e\xc5\x0f\x89\xca\x07\x91\xa2\x1b\xf5\xba\x01\x0c\xaa\xa2(%\xcd\x0b\x8a\x99*n\xb1@Uch\x13\xa6\tQ\x8aD\x0f)NX\x9a\xc4e\xc1\x95\x92\x1c\x8c\rO\x95\xbf\x8f\xb5\xc2\x86tO\x94\xcc\xc4\xd4&amp;\xae&lt;\x99\xd2\xfd t\x99T\x8f\\\xe3\xe4T\x84z\xdb$\xcb\xb7\x0cFG\x12\xa9^\xcf\xe3\x9b\xd1\r\xd1\x91\xf8l&lt;\xfd\xb1)M\x14P\xe5\x9aM\x03\x17\xd8TD\xc9\xe3\xa4\x01\x01\xd3}|i[\x11XRJq)\xaaPF&lt;\xf1?\n\xe1P\x1c%\x9d\x8aN\xbe\x18\xde\xc1\xdcu8^j*f\x9a%\xe2C$)sA\xe5\x1a\xaa\x11ap\xd7\xeb\xf5\x84A1\xf4,\x8fy\x80\x129\x8aN6]:&gt;\xa9r\x82\xab\x14?#A\x9e\x12ZJ\xe8\x1a\x91m\x8a\x97I\x8d\x98\xb4\x93)LY\xd7\xc5\x89\xd7\x13\x11\x14TI\xe6\r\x9dF\x9cj\xaecn\xe1\xc4\x81\x08J\x84c\xd9\xe2\x0c)\xc0\x12\xa6\x08\x96\xf9\x9f\x01\x8b&lt;`ur\xe0\x00\xe3t\x16A\x13I`\r0\xfd\x00+\x138\xcdO\x07e&lt;6h\xc6\x04\xb6\x16N\x1d`\x14a\x01\x96\n\x92H\x89\x0b\xec2Vm#_#\x13`X\x99\xe8\x03]g\xa2o\x04\x01\xc2,\n\x8c\x92\x92"\xa7N\x01U\x00\x00\xfb\xefx\xf4d\xe6j\x90\x00\x00\x00\x00IEND\xaeB`\x82'</t>
        </is>
      </c>
      <c r="M239" s="3" t="n">
        <v>45492.67728009259</v>
      </c>
    </row>
    <row r="240">
      <c r="A240" t="n">
        <v>846413</v>
      </c>
      <c r="B240" t="n">
        <v>1967</v>
      </c>
      <c r="C240" t="inlineStr">
        <is>
          <t>Agustín Canobbio</t>
        </is>
      </c>
      <c r="D240" t="inlineStr">
        <is>
          <t>A. Canobbio</t>
        </is>
      </c>
      <c r="E240" t="inlineStr">
        <is>
          <t>PD</t>
        </is>
      </c>
      <c r="F240" t="inlineStr">
        <is>
          <t>ATA</t>
        </is>
      </c>
      <c r="G240" t="inlineStr">
        <is>
          <t>PD</t>
        </is>
      </c>
      <c r="H240" t="n">
        <v>175</v>
      </c>
      <c r="I240" t="n">
        <v>14</v>
      </c>
      <c r="J240" s="2" t="n">
        <v>36068</v>
      </c>
      <c r="K240" t="inlineStr">
        <is>
          <t>Right</t>
        </is>
      </c>
      <c r="L24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40bfe40-1464-4a73-a3b3-7dbbfdc2d9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3\xfdO}\x00\x00\x00\tpHYs\x00\x00\x0e\xc4\x00\x00\x0e\xc4\x01\x95+\x0e\x1b\x00\x00\x03\x00PLTE\xff\xff\xff\x0b\n\x0c\x15\x12\x14\xcd\x8du\xfe&amp;@\x07\x06\t\xfe 8\xff\xfe\xfe\x04\x03\x07\xfe#&lt;\xd3\x95}\xcc\x86k\xee\x14(\xf3\x19.\xcd\x89o\x1b\x17\x19\xf7\x1d3\xec\x10#\xdf\xa8\x9d\xe8\x0f"\xfd\x1a3\xf3\x14(\xfb\xfa\xfa\xd2\x93y\x1f\x1b\x1d\xfe\xfd\xfd\xdb\xa2\x8f\xf0\x0f"\xca\x8av\xf7\x19.\xc8\x89q&amp; $\xc8\x86l\xd4\x99\x83\x0f\x0e\x11\xb2kM\xcb\x06\x16\xcb\x83g\xd1\x08\x18\xd2\x8fv\xfc\x16.\x94YI\x15\x18\'\xe5\t\x1b\xb5pQ\xbd|`\xd8\x9c\x86&amp;\x1e\x1e\xfa 7\xdc\xa7\x94\xc2uW\xd8\x97\x80\xb9sT\xfd*D\xbcwY\xec\n\x1d\x90UE\xd9\x9e\x8a\xc7\x80b\xd7\x07\x17\xd2\x8cq\xc3\x80f\xdb\x0b\x1d\xa2eQ\xc1~b\xf8\xf6\xf7\xe1\xae\xa6\xdd\xac\x98\xc2z]\xc9\x80g\x86K&lt;\xc3\x84i\xadmU\x14\x0e\r\xadq\\\xb3rZ{A2\xce\x90{\x9adU#\x17\x17\x81E8\xc4\x86o\xdb\x95\x89\xe1\x0e!N-(\xfb$&lt;\xf4\xf3\xf3\x8bPBC&gt;@l9.\xfe\x8d\x9a\xd6\x8c{E43\xd4\x86t\xc6|\\701\xb9x_\xdc\x9a\x90\xadgM+%(\x98^M\xa2X?\x90P=\xdf\x05\x15\xe9\xe9\xe90*,\xc4\x07\x16\xbd\x7fi\xa7_D\xd3\xd0\xd0\xc4\x85w\x1c\x13\x12\xb5w^3"!\xa7dK\xd5\x90\x81\xbf\x81p\xf7\x10&amp;\xe2\xb3\xb2\xc9\x80p\x9bP8SAA8)(\xaeeG\xa0i\\C&amp;"\xef\xee\xee\xa7iR\x1a\x1e/\xd1\x86k\xde\x9e\x96\xa1`I\xa6kY\xbbo_Y$\x1e]/\'qachA&lt;\xc8\xc5\xc6s?6\xb3veS\x1b\x17\x88\x86\x8a\x89ZRe\'"V85}JA\xba\x08\x14\xfa\x86\x92\xe3\xe1\xe2\xb6}iwnq\xabuf\x9bZH.\x1b\x19IFJ_II\xab\xa6\xa8\xb1\xad\xaf\xc1mS\x9aX@g2)}xz\xcb\x92\x86\x8eaZ\xd9\xd6\xd6\xc0\xbd\xbf\xda\x90\x85\x8dG1vF&gt;\xd1}l\xb8\xb5\xb6\x81RI\xc6\x8c\x80kST~WV;69\xbcvf\xcf\x99\x8f\xa4\x9e\xa0\x8a}\x7f\xb0|p\xbakNsMK\x9c\x96\x99\xd4\x9f\x9c\x98hb\xc4zj\xd2\x10!u9-\xc5qc\xd0\xca\xcaF\x17\x13\x98NE\xd0\x89~\xa7oa\xb5hXfcg\xde\xdc\xdc\xae\x0b\x14\x82&lt;-\x8cmk\xabcU\xb9\x83w`82\xf0}\x87TNQ|aa\x93\x8d\x8f=\x13\x10\xc5\x14#\xa6ZQ\xdc\xa4\xa7\xc7Xb\xf1$8\xbcxq\xe8LX\xc0\x90\x8f\xb9\x18\'\xc1\xa0\x9f^WZ\x9fsn\xe7\x1d3\xed\xd1\xd3\xdc\x8a|\xe0tq\xf0;L\xbb\x89\x86\xe2\x9e\x9e\xc8ow\xd4\x85\x8c\x94D7\xd0z\x7f\xab\x7f|q0\'\xcc\x1f0\xb6jh\xb5^\\\xb4`E\xcd\xbd\xbd\xda\x1b.\xb8LR\xf4\xe2\xe4\x87\x17#\xca\xaf\xae\xb94=\xd2RM\xd6fe\xd9\x8e\x97\xf11C\xed\xbe\xc1\xdf6&gt;\xa1 -\xeadf\xed\xa2\xac\x9f\x8d\x8e\xe0\xc1r0\x00\x00 \x00IDATx\xda\xc4\x98]H\x1b\xf9\x1a\xc6;SB$\x82\x03\xbd\x88\x13)\x1d\x1d\t\xa1\x90:T\x83\xa8X\xda\xd4\x8f\xee\xd4\x8f\xb8%\xc4H\x83S\x1d\x1b2\x1c\xddl\xb2K9I\x1b\x8b\xba\xac_\x07\x8b\x05\xd7\x9aXO\xaaFV\xb45\xab\xb5~@\xf1b\x89t1\xe4x\xe1\xcd\x82^y\xd5\xabs\x7fn\xcey\xfe\x13m\xbd8\x97\xa3\xfb\xa2\xa6\xbdi\x7f&lt;\xef\xf3&gt;\xff\xf7\xf5\xd2%-Jo2\xe9/\xe9\xf5\xe4\xdb\xa47\xd9]\xbe^\x97\xcbn\xc4\xdf\xff\x9a\xd2g\xcb\xe8\xf2%zvFF\xf0\xdd\x93\xd8Yx=69;\xb6\xbf\xb6\x90\xf0\x19\xff*\xacKv\xdf\xce\xeb\xcd\xb1T\xcc\xedN&amp;\xdd\xeeX&amp;\x13K*,\xcd\xca\xac\x1cK\x8d-\xb8.\\0\xbd\xd1\xb7\xdb\xb3\xb06\x9b\x8a),\xc3S(\x9d\x8e\xe2y\x9a\xe7Y\x85\xe3$\x89cX\xf9p\xa6\xd7t\xd1X\xae\x9d\xcdT\x92\xa3yJ\x97\x83\xd2\xa1\xf0\x13p\x14\xad$\x159\t\xd1\x18.\xb3t\xc1\\z\xd3\xc4~\x8c!$\xe4K%\xcbQ\xb1\x00FK\x92\xe2vC3\x96M\x8d\xd8M\xfa\x8b\xa4\xf2\xed\'y\x1d\x11\xe9\x0b\xd3\t\x17\xcfC/Ir\xbbe\x8eS\xa4\xd9\x89\x0b\xe4R\xa9h\xea\xb4t_\xd4\xd2e\x1d\xc6*\xb2B\x86 \xa9\xc46\x13.\xe3\xc5up\xcc\xed\xa0\xe9\x13 ]\xd6X\'j\x01\x8bf\x189\x89\xe1D\'\xa5\xc3\xb1\x1d\x97\xe9\x82\x86p\xf7}Rfi\xea\x0b\xcdW4J5=\xdc\xee&amp;X1\x99\xcbd\xde\x83\xeb"\xfa\x08*7F\x90\xa7N\xb8N\x86\x90W?\x88^&lt;\xb8\x14)\xec\x91$\x81\x8b\xc52c=v\xd3\x05h\xd53)\xa9TY\xa9t\'\xe9\xc0\xb34\x9cE\xb4\xa2\xd0D\x9a\x0e\x84\xc3a\x99\x85\xf5\xdd\x99\xd9\x11\xfb\xb9\xcbE\xa8\x84\xd3\xb8\xfaj(J\xc7p4\xdc\xae&amp;*C\xf3\xa2#\x8c\x9c\x10\x94\xa4$\xcb\xc9\xc9\x9d\xf3\xe6\x02\x95"\xb0T\xb6y\xaaV9:\x9a&amp;1\xcfs\x1c\x8d?14\x03\xcf\xe3SQdYV$E\xe6\x94\xcc\xec\x82\xcfx\x9e`\xc6\x9d\x94"3\xa7RQ\x04\x07\xfdc0\x944C\xf2\x93\xa6\x19\x16\x1dfX\xd0\xd1,\'s\x02\x87J\xc6R\xaf}\xe7\xe8/\xd7BJ\x92X\xeak\xfbH\xae\xe7\xd0\x1c\x83\xac\x92\xa1\x0b\xc7\x10,\x16\x9e\'\x02\xd2\x04S\x84\x84\x1c\'\xa7\x96\xce\xef\xdd\xb6/\x1d&amp;\xcfP\xa1\x8dp\x12\xadn\x0c\x0c\x87\x96\xe1\x9b\x86F\xe8\xa2\x9a\xb5\x04\x8eV\xf5\x93\xa4\xe4l\x8f\xfd\x9c60t\xd0\xedaI\xdbrN\x92!\x87"\xff)G\x14\xe2\x14\x86a\x04\xf2@\xc3c\x0c\x03*\x91\x0c$/\x12\xd0\xd8a\xf2pm\xd7u.\xfe2&amp;f\xdd\x1e\x81\'\xd1~&amp;H)"\x07$c\x15F\x14\xfd,\'\x08\x9c\xc0\x08\xe8\x1e-(\xd0\r\x99\xcf\xab\x99\x1f\x9b\x9d\xe99\x0f.c\xe2\xbd[b(\xdd\x19\xa4\xd3|\x10E\xc09\x80E\xfb\x05N\xc6\xa4\n\x82\xc0\xb0\ny\n\x90\x16\x8c\x807\x1b\xf15\xb6\xd6\xd3\xab5\x97\xdeD\xa8X\xea\xff@Q\xa2\xdf\xe1\xf0\x8b~\xfct8\xa2\x81\x80\x1cp\x08\xb2\xe0\x00\xa0L\x06\x92#\xea)\xc9\x18\xd6\xd5\x99\x84\xc6\xbe\'\xfb\x95;)\x88\xd4\x19*\xf5\x1dD\xaa3\xa0\x08\x07\xa2\xd1\x80\xd3\x19A!\xdd\x91\xf0\x02\x10U\xd7a\x12\x10\x15\x8a\x94tgRk;\xbbvm\xb1z7C\x1e\x85?\xbb\xc3\xe8(\xf4\x0c\x12q\x8a\x12V&lt;\xe3\xe3\xe9\xe1\xe5\xe5\xc5\xd1\xe1t:\xed\x1c\x1cwF\xa2P\xd0\x0f`Y\x80\xf1\x19\xe4*\xc2k3\x91\xf0i*\x97qd(D6\xac3\x9b\x15\x1c\xc5\x08\x81@ ,\x85!\xd4\xf0r\xd7\xed\xfb\xdf\xdf\x7f\xfe&lt;\x18\x1c\xb8\xee\xad\x7f9\x9a\x06\x19,\xe6`\xd4b\xd1G\xf7\xe1\xe6\xee\xc4\x84I\xd3\'g6D\xa2\x81:e\x12Eb\xa8h\xd8\xe3!}\x8b8\xdb^\xdc\xbfq\xaf0\xb7\xae\xaa\xaa\xaa\xbd\xbd\xd6\xda\x19\x9c\xf2\xd6\x8f\x8eG\x02P\x0c\xe1!\xb0p\xbe\xec\xce\xec\'|&gt;\r\xbb\xa8\xf7\xedg\xdc\x1c\x7f\xb2\xf6\xc1\xe20R\xc4\xf9\xf3\xe0\x9b\xb6\xd1\xc6\xc6zo}kE\xd7\xabosQ\xd5\xb9\xb9f\xc2Uj-\x0e\xc6\xbd-i\'\xb8\x00En#Z\x96b\xb3;\xbe^\xed\x1em\xbdq$\xe5\x96\xd5\x16\xc2R\x80\x8a\x0c\xb6\xb5\xd4{\xe3\x8f\x1fw?-\xb6\xb5C\xa1[\xf7\xae6=\xac\xce\x03\x98\xb9\xcf\xdc\x8e*\xb5\xd9\x00V\xdf\xe6\x8c\x84\x05`\xd1\xbc\x8eb\x8052\xa1!\xd6%\xdffL\xf1\xd3\xe4\xa4\xa0T\xa8Q\xefT\x10@\xa5\xa4\xda\xdb\xab\xcc}\xd5\x97\xf3\r\x0f-\xd5}}}f3\x91\xab\xfd\x9f\xb6\x0f\xd6\xe2\xce\x81\x8a\xc5\xb43, \xed\x11\xab\xbc\x12\x9b\\\x98\xf0i\x17\x11\x10+\xc9\x88\xc0\xd2\x89\xa2\x03J5\xc6\x07\xba\x9fZAe+\xad\xcdRY,\xf9\x862\x83\xa5Z\x05\xab:Q\x0b\xf5\xfcz\xcb f\x92\xf1\x93\x17\x92\x83\xe7\x13\x13\x9a\xa9\x85\x83"#\xd1\xa2\x88\x17\xd0\x1fu\xbeil\xf1N\r&lt;-\xfe`\xfb\xf0\x01\r4\xe7\xe6U[\x1e&gt;,\xcb\x96\xaa\x18\xe1\x02r\xf1\xd3\xe2\xce\xce\xdb]\xf5\xa3\xce\x80@64\x9e\x91\xb0\xa7j\xf5\x8b\t\xbd\xc95s\x18\x12xZ\xcc\xd1\x89\xd1H\x1b\xa8\xe2qx\xcaj\xb3\x95\xb6\x13\xa8jK~YYeeeAee\xc9\x832Cu^\x1e\xb1}y\xe9\x07\xa8\xd5y;x\xbb\x95paG\xe3Y)\x96\x9a\xd1j\xed\xb2\xfbz\xf6\xa7\xc3"\xef\x17uj\x07?\xfd\xfa\xf7\xb8ju\xf4\x0f\xed\x83T\x86\xb2\xb2\x07\x95\x05\x057o\x16Tv&lt;(\xcb\'\xad\x04W\xad\r\\\x9d\xc1\x81\xdb\xd7_\x8ec\xab\xc7\xc6\xc3\x01kM\xab8\xb5\'\xd6\x86&lt;~\x8a\xc6\xbb#\x06\x9co&gt;~\xf2\xaaX\xd6rP\xe5Y\xf2\xe1\xa9\x12"\xd5\xcd\x9b557\x0b\n*KJ\x08\x18\xb8\xaaJmV\xb8&gt;\x18\xec\xaaO\xe3ARXl]n\xa8\xa5\x11\x96qb\x0cbQ\xe4*\x14\x89\xdd[\xe2\x08\x06\xf4\xb0\xbc\xbd\xae\xda\x02;\x95\xa8B]9)\x90\x95\x94\x19\xf2\xabs\xab\xaa\xee\x94\xdb\xac\xc5O\xa1Wk\x9b\x13ra\xa3\x96\xdc\x93\x0b\xbdz\x8d\xac\xd53\xe9\x16D\x11cH9\x9cm\x8d\x9f\xbcS\xdd\xddj\x0f\xab\xfaN\xa8\x00u\xf7\xb4\x08\x18\xb8,\xb9\xe6\xba\xba\xdar\xc8\x05\xbd\xae/:!\x16\x1e \t\t\xe1\xd2*J\x972a?\xaf\x8a\x15\x18ll\xf95&gt;\x10\x0cv\x16\x03+\xb7\xdaRDLE\xa4\xba{\xf7\xc9)\x17\xc1*\xb3 Y\x0b\xebH\x1b\xad\x9d\x9d\x03\xcb\xe38\xe1\xb0\xe1$C\x93#Z\xbd=\xae\xd7\xa1\x80\x88c5G\xe7\x8f\xbcil$X\x9d\x9d\x98\xc3;\x85y\x16\x83\x8a\xd5\x7f\xaaV\x8d\xaaV%Q\x8b`\x99k\xa1\x97\r\xa1\xda:\xec!6\x10&lt;\xd3C#Z\xfd\x9edb\xd6#\x88d\xa3\xa10\x87\x1f\x1b\xbd\xf1\x01Be-\xaf\x85\xe1-\xaa\xb3\n\x88\xb3\x88P5W\xf0\xa56\xb1:\x17i_WWu\xa3\xc1fU\xb1\x02\xe4x\xf4\xbc\x1bZ\xd0*\xb6z\x86&lt;\x0e2\x86$\x1eH\x94\x02\x0bT\xb6\xf2\xda\xdc\xcb\x08,La\x96\xebn\r\xa1R\xbdUY\x02\xb5\xccf\xbc\x8fu\xb7\x1a\xd0\xc5`\xc5\xb0G]\xba4\xc42\xceLK\xf8\'\xb3XmY,+\xc1\xbaSx\xb9\x89\x84CGAG\x01\x99\xc1\x9a\xb3\xb3\x98\xaf&gt;\xdbXs\xca\x91\xf4\xdd\x15\x8b\xce\x00\xb9$C\x04K\x9bI4\xaeM\x07h\xffW\xac\xb8\x8a\x05\xaa{\xd7\x9a\x9a\xf2\x7fx\xa0\xe6\x83\xca\xd3\x9f\xed$\x91\xab\xc8`\xb9|9/\xcf\xdc^\x0b\xac`7F1@\x8eI)\xa4\x19\x96\xfd\xbf\xa1\xa8\xa8\xfe\x92A\x8c:\xb3j\x05\xe1\xac;\xb7\n\xaf6\x19\x0c?\xc0\xf2\x04\xa8_\x05S\xe7\xf1\x00\\E\x86\xa6\xab\xd7\n\x0b\x0b\x11]\xc5\xc5\xc1\x818r\x9e%W\xa4VXz\xbdo\xd6\xe3\xf7\x83\x0b\xdb(\xc1R-\xffM\xc3#\x88u\xb5\xa9\xa8\xe8A\xb6\x81\xf0\x14\x99\xc4\'(|\x1clu\xac\xce\xbd\xfd\xee\xc7\xdf\x1e\xddxDr\xfe\xb1\x17X\x82\x1f\xc7Zhh\xc9\xae\r\xd6\xee\xbf"\xc0\x12\x19\x1aX?\x03\xab\xbeb\xeay\xc3\xf7\x8f\xfe\xf6\xed\xb5&amp;CQ\xd1jG\xff\xd7\xd0\x02\xd4\x7f\x9e\x00\xea\xcf?\x8f?\x7f&gt;:\xfa\xfd\xd9\xb3\x9f~\xfa\x06=\x8c{\xd1D\x01T\x81\xd0\xe1kM\xe2T\xaf\xdf\x99\x0ed\xb1\xfc\xea\xa6\xf5\xb1\xa5\xb5\xeb~C\xc3?~\xfc\xee\xed\xdc*\xaa\xa3\xe3JV\xa5\'Y\xad\x00\xf5\xf9h{~\xe5\xdd\xc6\xc6\xc6\xcar\xc5\xf5\xae\xe6\x81\xc7q\xef(\xae\r\xd6\x1f\x95\xa6\x0f\xd7\\\xda\xa85\xf2.\n,\x9ea\x1d\xd8J\xdf|l\x1b\xad\xefjnn~\xf6j}\xfd\xe8\xe8hoonuk\xeb\xca\x93\xd3"J\x1d\xcd\xcf\xaf\xac\xbc[\x99\xdf\x06\xdc2\xaak\xca\xebm#G\x10+H\xa1\xc3\x19\xbbVX\xb8\x12HD;\xc2\xceA\xdc\x14\xc3\x8b\x8b\x8b\xc3\xa8\xe9a\xa2\xc7\xf6\xab\xbd\xb7\xab\xfd_\x04\xdbB\xfb\xb6Q\x7f\xfc\xf1\xf9\x98\xb4\xf2\xe8\xc5\xc6\xf0\xcb\n/Vzr\x9bE\xc3\xa1\x8c6\xde2\xe9\xff\xfd.\x12\xc5\xaaEs\x02\xc1\x1aL\xe3LM\xa7\x015\x1e\x9a^\xd9X|\xd1\xfcl\xfd\xed\\\x07\x01\xbb{p\xb0\xb5z|\xbc~\xf4\nJ\x1eCD\xd2\xe3\xbd\xf9\xe14\xb8\x1aq\x01\xb1\xac\xe0\t\xc5\x96\x8cZ\xa9\xe5!X&lt;\'\xe0\x96\x1f\x1c\x1c\x0fG\xc67\xe6\xd1\xbf\xed\xf9\xe5\x15t\xe9E\xf3\xef{\xe0\xea\xe8?8\xb8\xb2\xb5:w\xbc\xb7\xbe\xfe\xcb\xfa/\xc4yo\x9b\x9a\xe6\xe6\xe6\xf6\xb6\x87G[q\x99\xfd\x8fU\xf3\xfdI#\xdd\xe2\xf8\xb6fc\xb2&amp;6\xe9\x0b\xab\x1bb[7\xc4\x90\xac%m\x8d\x19\x1b\x086\x17(\x0b:*1b\xc3PAY\xd3\xc6H\xa1\x90\xcc\x85\xa0\x84\x1f\xd3\x8a%\x97\x85\xc4\x1f(m\xd5bY)?d\xc5\xd8\x85H\x97\x1f5\x05\x8d\xec\rMHc\xcd5\xd1n\xeb\x8d\xa6\xd9\xa4/\xfa\xee\xde3\xba\xfb\x1f\xccy9\xf3b&gt;\xf9\x9e\xf3|\x9fs\x9eg4\xed\xa7O\xb7/\xf5P\x85U\xf3\xb2\x80M\xb7\xffp\xeaTu\xbf\xa1\x0bbxz\xd8\x1e_\xd9\xd8PmlL\x19\x8dF%\x82\xa0S$\x97e\x7f\x1f\xf4\tm\xacL\t9\x1e\x0f\'_\xcc\xe7\x89\x84\x8aFSM8\xedAD\xb29\r\xfe@!V\xf9B\xc1e\x98\xbeK\x9e#\x1b\xb0\xe1.\xe8\xe7\xec\xbe\x8c\x03\x02T\x99\xe2(\x19\x08_\xa2\x9c\xd2\x85\xc0(\xf6-\xbf&lt;U9l\x1c\x06\x82:6t\x8e\xbc\xe7\x9f?f\xa3:\xd5\x84\xcf\xeef\x00\x169\x85\xdf\xe9\xd9\xa2\xcaN\xd7s\xf6aMu\xdd\xd7uL\xa6\x86\xc4r9\x8d6\x8e\x95\x81\xc0\xda\xe7\xa0J\t\x9f\xdf\xda\x8a\x08um\xcd\xe0\xf5\x17U\x0e\x13\x07\xf1\x08Kd\nU\xd1\xbe\xd9\xd9&gt;\xf9\xe0\x841\x18&lt;\xc1b\x9e\xbf\xd3\x13\xa6\x08\xeb\xfa\xcb\xdcf\x17\xd6{\x06\xb2\xc8l\x9f\xee\xc20\xbb\x13\xe5(%\x1d\xfc\x14\x1a\xdf98X\x89\x07\xdd\xadk\x12a\xed\xa5\xb3g\x9b\xcb\xe46\x8e\xc7\x9a%2\xe0\x10\x11\x9f1/\xc8\xf7\x89\xe4\xea\x8c\xcf\x89\x04\xed\xd3?\xd4\x9d&gt;\xbf\xb45\xfa\x92\x12\xac\x9a\x91\xa1\x17\xf6M\x17\xd6_\xf7uu\xff\x99i\xcc\xe5ZTZ=\x03\x1d`\x12.\x0c\x83\xc5h4J:\x80K\xfd\xcd\xe5\xcb\x17o\x08l\x1c\x8e \xcfX\xc5f\xde\xf5\xf6\xba\x16\x91{"\xb9\xdc!4:%A\x97\xe6\xee\xe93wz\xbc\xf3\xeb\x94\x1c\xeb\x96W]\x1f*\xac\xda\x01\xeb\x14\xf3\xfc\xddiLo\x97\xa0\xa6{\x8c\xd6\x07\xc3=3\xbd\xbd\xafz\xb6\x9c\xc5&lt;\xd2\xd1\xda\xca\xa15+\xb4jN&gt;\x1f\xcdzr\xf333[=3\xef\\s\x03y\xb5\\\xad\xb6\xf9$A\xbd\x81&lt;\xa5\xc7\xbc\xbfS4a\xd4\xd4t?\x8aD\xbc\xfd\xc7I4\xe8\xbdA\xa5M(\x18x0\xec\x9a|5\xd3\xdf\xb35\xbf\xbcc\xcb0\xf8\x1d\x1e\\{\xb5M.\x10E\xa3G+\xdb\xcb\xaff\x96f^\xc5\x9c7_\x17\xf3"\xb5Z\x88:\xddz\xe8\xd9\xce\x1b\\\xc1\x83\xdb\xe5TM&gt;\xeb\xb1\x88\xf7\xce\xe9\xbaj&amp;\xd8aXi\x12\x08&lt;?\xff4\x17&lt;\x88\xbd\x9b\x81i\xf4\xd3\xf6J\xde\xc4\xe0[\xd9\xf5\xd2\xb2\xa8P\xde\x12-\xed\xed\xbd\x8dMN\x16rS\xb6\xd4\x8f\x04\x01i$\xb1\\\x86\xf6\xbb\x9a\xae\xc5bf\x88\xaa3\xdd\xf2\xeb\xcf\x0b\xab\xfajX\x89\xcc^o\x18\x81\xf9\xe2\xde\xec\xeb\x8eT1\x13\xcf\xed\x1c\xec\xedA\xffbb y\x9eY&amp;K\x08E-8^*\x95\xe0\xf1\x8a\xe3\xd0!\xfa\x9e{\x8d\xcbmQ\xa3\x08\xd9\xd8\xb4kn2\x8a\xa9\xcf\xd4\x9d\x8c\x8c,\x8f\xea\x99u\xcc\xfe\xea^oD)hl\x92\x0b\xacVA\x968,m\xa8B\xaa\x8d\xd2\x94\x15ad\x13\x01\xc0\xcaf\x89h\xe9\xf0\xb0\x14z\xfb4\x14\xa2\xd5\xf2Zxt\xde\xad\x16\x91\x12qc\x9a~M\x97\x1b\xcd\x1fmSw\x8eT\xf3\x0c\xe4\xea\xef70{\xc3\x11\x14\xb0Z\x1aD\x02\x91\x08\x08\xc88\xcc\x80W\xa5\x08\xa0\xaaL\x12\xd9F\x82|TR\xe1d$x\xf4\n\xfa\xb5\x06!\xcapcL\xa6\xc1\xb5h|\x8fowSE\xf5U\xf9X\xc4\xbe\x8a\xf5c\x06,\\@M\x02\xf9\x8d\xc1A\xb9(\x0bA\x80b\x0e\xa1H I\x112\xad4\x00XO\xb8\t\x9dN\x07D\xc9D\x02\xc7+\xccfz\x8b\\\x80*\xc1 \xda5.\xb7\xf1c\x9aJ\xac\xf5\xf8\xda\xa6\xbeW\x8fa\xa3\x05\x1f\xc7$g\xb3\xe1\x8b\xbc\x04\x84J\xa5\x93\xcb\xa3\xf7\xf8\xa9\xa8\xd4Ob\x11O\xae\xf1h4&lt;}\x1cR\xa9L\xc6\xaahP\x0b8\xa8S\x0fX\x9b\x92\xcc\x1fZ*\xb1\xba\xf7Rsz\xacG\xaf\x1f-8\x19\x1c5\x9b\x87\xe3\xb2JY\x1a6b&lt;\x91\xe8$R|\xcf_X\xc9+\xc9\x80\xd4\xaf\x95\x02\x94VKb\xc9\x00Kh#\xb1\xa6\x87o"\x87~\xff\xf6\x08\x85\xc7\xdf\x9f\x8d\x8b`\xea\xd8\t\x96\xa8\x85\x07z\xc0\'\xd32\\&amp;M\xe3Y\x04)&amp;eRY A\x10\xc9$O*&amp;\xc3\xef\xf7\x8b\x81\xcf\xcck9\xc12\x18\xba\xdc\xf9\xa8\x7f\x97B,h\xe8w"zL\xa3!\xb1\x94&amp;Q\x14\xaf\x94\x82\x18\xa4\x1e~q:YD&lt;\xd9\xbf\xb1\xae$o\xc9\xc4\n\x0b\x19\n\x8bB\xace\xdd\x18\x9c\x00,\x9f\x17s-\xe6\xa3\x89\xdd\x8f\x9f)&lt;\xff.\x1f\xca\xf8\xf4\x1a\xe6\xf9\xad\xc9\x82\x13\xb5\x01\x16M\x0bb\x88\x15 \x8a,\x99\xf5\x0c\x14\x89\x80\x14R\x86\x13Y"\xc9\x0b\xec\x8a-g\xf7\xf7\xf7-$VY\xed\r\xc0\x8a\xfb\xbc\xae`F\x87\'\x02\xa1\x85*\n\xb1\xfes\xc8x\xd8\xd5\xdb\xab\xff\x0bK\x95\x06*\xd0D\xe1\x97\x05n}\x97J\x81X\xfe\x13\xc4l2\x10\x90\xed\x8a\xf7\xdf\xbcyCr\xf9\xd3\xb5\x83\xb0W\xc7s\xfaM\x9b.\xad\xc5\x13\xbfRxc\r\xfb\xcf\x8a\xb2c\xd1\x8b\xe9\xe7\'}\xa8M8\x08X\xc7Tb(j^Q\x02b\xed\x1e\xa7\x0c\xe4\x02\xae\xdd\xdd]\xc5\xfe&gt;9\xfd\xc3#\xc0\xca\x00\x967\xa8\x0b\xfdzV\x8bS\x98CPk\xfc\x00e8#.l&gt;\x07X0#\xa6\xb5$\x96\x18\x8a\x8bE\xa4$\x9cDZ\x0cs\xb5\x82\xc4"\x8e\x92\xb2]H\xa3e\xff\x04\x8bFb\xed\xe4V\x8d\xa1\xa7\x16\x8b64D\xe1E\x14L\xfc\x07\xa8\xd1\x17\xb1\x0fO\xc6\x9cJ\xa3CG;\xc6R\xc0j\x93\x06\xf2)&gt;#\x9aV\xc0Df\xa1E\t\xe8 \x9e\x04\xa4\xbb$4T\x97B\xf1\x94\xa6\x9b"\xb1|\x13!\x1dM\xa6z;N\xe5\xb5]\xf9\xf5m\x9f\xd1g\x7f\xe8\n\xc7|N\x14\xb0\xb4\xc7\xf5.\xf6K\xcd\\\xab\x04\xda\x1a\xe0:k\xa1\x11\xd9\xc3R4\x9b%\x8bK\x01\xb3\x90\xe5[R\xad\t\xc0\x8a\xfb\x9c\x13\x9d\x9d\xb8\xaa\xb4M\xe9\xe5+\xcc?&gt;T\xb9\xf8p\xd3\x1b+\x1cc\xb5\x91\xeb\x10&gt;*\xe35\r\xac\xad=\x98K\x11x[\x19\x91z\xfd:U\x84B\x0b\x90\x0b\x80|\x7fU\x9b\xae=\xc6\x8a8\x1d\x17\xce}\x13\xda\xf8D\xed/\x1aU\xeb1\xa7\x0f\xe1\xdftM\x16"&gt;\xb2\xe4\xb5\xa0\x17\x94\x16\x9d\xd7\x94\xfa\xe9\xfeo\xff\xbe/!\xf0\x84g\xed\xbf\xaf?|(\xc2Z4\xcb\xa4\xa4\x9dj\xb5\xda4\x0e\xa5e\xf4\x05\x11\xf5\xb9KW\xdb\xf6&gt;Q+\xd6\xfa\xe3\x98\x931;\xdb\xda5:\x19q\xda\xa2\x9dP\\\xc7\x9b\x8b\x99\x1e\xcd\xff\xbc6w\xff\xb7\xfb\x92|q\xc0\x03{7\xe9\x10f3\t\x06Q_Fc\xab3F\xd4\x17d\xb0\xaf67_z\xfa\x99\xc2\x8b\xfd\xf2\xaa\xf1\xc7\xcb9\xd4j\x9d\xedx\x10&amp;\x9d\xcb1\x88\xa7\xcbX\xac\xfaz\x99\xb9"A@\xcd\xb7\xce=\x98k\x95p\xa2\x83\xb0{\x07 \x8723yg\xc6*+\xab\xed\x1cT\xdb\x8c\xa83\x88~\x03T\x97\xda\xa8\xab\xad\xf2\xaa\xdbc\x8f\x9f?\x8a\x0b\xfa\x04\xf7f\x1f\x86G#\x11%X\x04\xd9\xb4H\xeb\xcdt\x1e;*\xca+\x11\t\xbf\xb5\x8315\xa8\xebL\xe0\xb2\xbf\xb1X\xf0\x96\xc7n \xb1|\xc1\xcc\xe5\x7f\\n\xbe\x1a\xa2\xcc\xb6j\xba\xc7\xc7\x9e\x8f=\xfb_\xdc\x11\x8d:l\xee\xf0h8(\xb1\n\x07\xd9&lt;:\xeb\x1c\xab\x82\xc7\x95\xcbE"\xa1\xc0$\x10\xda\x84:\x1a\x8dV[[Y\x81\xe3\x81\n\xba\x19\xb0\xa0cn8\xc1\x8a\xc4\x7f\xb9\xfc\xad8\xbdM\x95?\x94W\x8d\x8c\x8f\xdf\x1e\x1f{\x91\x9b\xd0\xd1T\xc2\x87\xde\xf0\xaa\x9b\xcf0\xa9\x1b\x9ax\xacz\xfaq\x9b\xaa\x96\xcb[\xd8\xb4\xb6P\x9b\xf6\xd2\xc5\xb6\xb2\xce\x0b\x17x\t\x9c\x07\xd4\xf5\x80\xd5\xd4\x04}\x8d\x89\xe3\x8b\xac\xba\xa7t\x1bo\x17\xbe\xa2\x0c\xab\xbb{d\xe1\xd9\xe3G/v&amp;J\x99E\x8d&gt;\xbc\xba\xe8F8\xa2\xa6\xef\xb9\xac\x8a&amp;\x91\xa0\xafO\xd0\xd8\xc8M\x04\xfc\xe0\xae\n\xb0}\xf2$\x97\x9d`\xb3\xb9\xdc\x8az\xfa\x95\xa6\xc6F\xe8\x02M\x1c4\xa7_\x9a\x8c\xc5\x96G\xa8\xfa%\t\xa6\xea\xb1\xc7\x10\xcf_\x8c\x16\n\xde%f\x0f\xa9\x96\xc4*\x12}\xc7\xad\xe46\x8a\x04\xa6|&gt;\x7f\x04m\xd6\xfb?\xbe|\x11\x7fI\x7f\xfc\xa8";C\xe0\xba\xc1c\xd1\xaf46\xc1\xdcc\xe2\x00\xd6R\xcf\xfc\xbfb\xbf\xdf.\xa7\xae\xb4\x16\x86\xd6\x17^.O\xbez\xf7n\xab\xa7\x1f\x03,\x89D\tX\xbc\xca&amp;\xb5\xa0\x98\xe2\x7f\xf8\x90J\xa5\xfe\xfc\xf3\xe8=D\xe9\xfd\xe1\x11\x19\x87Qv\xed\x05\x16\x8b\xdb\xc8\xbd\xc6\x96\x03V&lt;wgf\xf2\xff\xb4\x9coL\x9a\xfb\x15\xc7o\xc2\x0b\x12\\L\xba&amp;\x10\xee%Db\xba\x86\xc4\xc7d\xd7\xa6\xa1M\x19\x92T \xfc\x0b\xf4\x1a\x08\xc9^P\xf3H\xc8\xc5\x87\x10\xaf\xb9\xd3\xe8\xe0\x05\x14\x10\x84"\t\xff\x16a\x05\x85h\xa8v+x\x8b\xed\xa5\xd8\xbar\xa5v\x15g\x9b\xce\xd9\x1b\xd3t\xfe\xa9\xd5Y{\xbdm\xb35\xeb\xce\x0f]\xf6~\xf7\xe9Q\t/?\x9es~\xdf\xdf9p\xce\x13I\xc5\xc9\x1b\x81`\x82.\xc3Y\xcc\xbb\xefER\x91\x87\xbf\x06\xac\t-\x0f\x97Z$m\x14\xec\xbe(\x10\x08l\xcfs7\xb9w6A\xdewwvv\xfft\x7fy\xf9\xce\xa6J\xb5\xacV\xd0\x18\xad\xfa\xd6\xb3\xad5\xac\xc5?&lt;uG\xf2\x04\x99\xe3\xa7hL?\x93JER\xb9\xfcH_\xcd[\\\xdca\xb1\x89iu\xdd\x81\xf6\xc1k\xdf\xbfX]Y]}\xb1\xb22\xbdpp\xb0rp\xb0z\xf0\xfc\xc5\xf7}\xaeK\x0c\x0e\xa3\x15\xe3\x9f\xe0\xeb!\xb7n\xba\x1f\xde\x8b\xe4\x0b\xe4\x8e\xd7\x80r\xc5\xab\x85\xaa\xdf\x13w\x8f\x1ca\t\xa461\xe7\xe4ob\xc1\xca\x87Dbo\xcfS\xda+\xa5K\xa5P\x1a\xbd\x96\xf6\xf6\xb2\x95`\xdb9\x1aC\x8c\xf1\xeb\x1b\x0e\xb1\x9e\xdeKU3\xe4\x0eyR\x85D\x1c\xb2&gt;\x1e\xf2\xa4\xa6\xfaF \x88\\p\x97\x00\xe30\x18\xe6\xfb7?\xc4W\x0f\xf6\xf6\x88\x12\x91&amp;\x88t\x9aH\x03\xe0\xc1\xea\xca\xce-\xda9\x06\x03\xc3\xd8\x14\xb5\xe5\x08+B\xfa(%\xbd\xe4)\x11Y\xc2Z\xae&gt;\x1d\x01,\x11\x17\xe7*\xed\x96\xe6\x96\x93\xe6\x9d\xfd\xfd\x9d\'++\x10\xc5\xbd\x9a\x1d\xc0\xfb\x99\xad\xc7\xfb\x8f\xef\xd2N2(XX\xcd\x16\x03\x96r\xcc\xedvW\xcb$SQ\xe9\xe92\x11\xcf\x1a5\xd6\x84\xbb\xafoj"\x08X8.\xe5\xb4\x9c\x14Kw\xf7\xf7\xf7\x1f\x83\xad?_]]}\xfed\x1d\xbd\x7f\xbc\xbf\x7f\x0b\x12\x9eF\xc105\xdb\x84\xba\xd7\x8a\xdb\x1d\xc9\x91=\xdf\xc9\x14\x86B\x89TV\xa31f#\x80\x85\x92\x8b\xcb\xe5\t(\xcd\'\xd5C\xf7\x97k\\o\x9fmml\xad\xbf}\xfb\xec\xd9[\xc0\xda\xbd\xd4\xa3\xa0\xd18\x14\xcc\xc4Vc \xf2\x03\x1f\x03\x8b*\xb4Z\xd3\xd5HB\x03w\x90\xff!R\x08\x11\x8f\xcb\xd3\xf2Lg(\xe2\xb0cy\xf9\xfe\xee\xe3\xf5-P\xd3w\xd0\xed\xbc\xdb\x00\x7f\xdd\xbe\xd5cV\xd0Z8l\x93\x98-\xd6\xcb$\xca\x9b\x157\xa9\xa2u\xe8\xac\x10a$\xfc\xa9\xac\xd1\xaa1\xe6\x9e\xf6\x8dL\x1dbim\x1c\x1a`\t\x04\xbb;\xb7\x8f\xb0\xbe~\xf4nk}\x1d\x84\x1e\xa8h\x0c\x86\xda$\x86\xba\x06R\xab\xb2\xe8N\xf9\xe3$\x0f[\x0b\xd3ek\xda\x9f\xcah\xe8Tk\xfc\xde\xc8Q\x14\xc1]l\x8eX?\xe4\x10\xcc\r\xdd\xbe}{kkcc\xe3\x1d\xfcm\x8c\x8eN\xa2\xef?i\x0c\x85\xda\xd4c\xd2K\x91\xc6/\xba\xfd\x05\xb2\xb1\xe8\xc6r\x88\xa8\xfa\t\xfa\'TM&amp;?5\x0cgQ\xa5\xe5\xf1\xb8Z)\x8d\xa5\x87b\xc71\xf4\xe4\xc9\x93\x1e\xb3yr\xd2|wtt\xf4\xfa\xe8$\xa2\xa2\xd1(\xa6p\x18\x93:p\xfcf\xe5\xdab!\x1e\';\xb7\xa0\x88\x08\xe5\n\xa0:T\xa1\xa7\xe0\x1en\x1f\x9c\xf0\xd6\xb8\xf0\x1e\x8aI?$\x95\x0e\x85{\xcc==\x00ffM\x02\xd7(\xfa\xfa\x93\xc6\xa1\xb1\x00\xcb"\xc1\xf1\xb1\xca\xb5\xab\x8bU\xd2\xb1j}b\xa1j\x84\x0b\xcd\nB?\xfc\xdb\xf6A\xafW\xa4\xd5ryR\xb6\x18\xc3\xc2&amp;\x13_\xcd\x02&amp;\xf3\xdd\xbb_q8\x178\xf0\x02\xf9\xce\xa1\xa9M\xe1!\xa9\x00\xe7^\xbe\x11\xbc\\)\xc4\x13B\xf2\xb14\xb9|\x99I\xa5Z\xb3\xfe\x91\x07\xedK\xc0\xa5\x12\x89\xb4&lt;\xa5I\xcc\x87\x12F\xadf+\xa0\xe3P@K\x8b&amp;\x928\xcd\x9c\x16\x90\x07\x85\xd8b\x01*\xed\xd5\x1b^-\x9e\xcf\xe5\x12\x1fa\xbf\x80\x9e\xc9\xa3)\x14k\x02\xb0\\\xb3K\xed\x0f\xbcr\x95H\xcb\x95\xc2Yk\xa8\xafgS\x00\xeb\xc2\x99\x8b@\xf5\xe9\xc5\xe6\x0b\xcd-\x9c\x16\x86\x82\x85\xc9\x80\x8a\x17\xf4&gt;P\xc5\x94\xf9B\xf5#`AGV\xc8\x08\x99\xf4r\xa20\xf5 \xe9Z\xfa]\xbb\x0e\xb8\x82Z\x9b\xc9\xa4f\x9f\xab\xafgQ\x14\x8a\xaf\xd0\xf4\xc8E4\xf6\xd3\xd2\xd2\xcc\xa0(zd \xa4\xdc\xa0.)\x8fu\xe3\x15\x7f\xfe#\xe4\x16\x9dn\xcd$Btz\xda\x13\x9f\xd2\x15u\xce\xa5%gR\xe7\x9dP\xe1Ca\x93\x9aR\x7f\xa2\xa1\x9e\xa5\xe0|\xfa\xcb\x99O\xd1\xd4\x0fPqX\xe6\xc9\xb0\x04\xf9*\xe9\xf2\xc6:$\x82\x8a\xdf\x9f\xb3\x92\x8d\xc5\x14\n\x85\xc6L6\xa4\xf1\xc4\x0bS:\xb9&lt;\xe9[Z\xf2\xb9t\x90\xf8\x02\xc4\xd5p\xa2\xadAq}\xe6\xd1\xa3\x99\x9f\xcfp\xc0Wg\x9ai\nsxN\x10\xe3\xc9\x93\x81"O"k\x12T\n9\xf2w\x1e\x98\x1a\xab\x06\xfc\x15\xcf\x16r\x08K%O\xb6\xcf.\xcd\x06t:/\xcf\x11\rC~\x89\xd5\xa3\x805\x03\xbf\x179`\xa3\x93\xe6\x85\xa8\x92g\x90\x07\xb6U\xd0%\xe9\x9b\x04c\x1f\n\xe4\xafPR\xad\x84Q\xa8\te\xfd\xd0\xbd\x8c\xe8T\xe3\xd0E;\x81\x0b\x02\xa9\xe2\x0eDA\xb6z\xcch\xee\x00\xd9\xf5\xeb\xd7A\xe6\xcd\xe1\xa8R\xab*n\x03\x95@\x86a\xa7\xecc\xb9\x9c\x87\xf4 ~b\xf4\x18\x85Vc9\x9bJ\xa5\x00\xcb`\x10\xc9u.\xc4\x15H".\x003\xd7F5jL\xc8U\xd3sJ\xadw;\xb0-\x8a\t\xa4\x18\x1fk\xea\x1a\x8bg\x89\x10\xe9\x8bw\xc6\x8c\x95I\xa7\x0b\x89*\xca\xadq\xc3\x15\x9eV\xa5k\xf7\xcd\xce\x82\xc3\xbc\x97\x07\xe6\xa2\xe1\x85\x85\xc9\xd1\x95\xe7\xcfW&amp;\xcd\x93\x0b\x0b\x0b\xd3\x03\xb8j;\x10(\x8ab6iX,\x06\xac\xcb9O\xbaL\xf6\xedC\xd5x\xa0\xc3\xa3Z3\x85r\x06\xb0z\xaf\\1\x00\x97\xcb\x07\x0e\xf39u&lt;%\x80M/ \x9bF\x16\x8d\x0e\\\xf6BK4o\x88I,(\xf1\xb0\xa6\x0e\xee\x87D)Dr)\x8f\xfcdd25\xe9x\xce\x98\x99*\x8e\xf7\xda;\xafp\xb5\xf2$\xe2\x82H\xeaDh\x92f\x00\x829\xa0\x1cp\x0c(q\x9eJ\xe7t\x02\x95\x1d\xa8\xe0\x9c\xf2[\x9b\xfayp\xfb\xa4I]Sd\xd2\xadik\x9a\xd0h\xca\xa5D\x86\xf0?\x00\xac\xae.\xbb\x9d+\xf2\x1er-\xf9\x02\xdb \xad\xa2`\xf0jP%\nNx\xbd\xc9\x80\xcf\x17(\x02\xd5\x90\xa9G\xcdn8{\xfeT\xff\x9dJ"N\xeev\x1b\xddj$\x88L"\x9dN\x97=\xa5ld\x18\xb0:\xbb\xbb\xbb\xed&lt;\x91Ww\xc8\x05\x91\x0c\xfc\xd7\xc0M&gt;\x9f\xcf\xb9]\xcb+\xc0b\xb3\xd8\r\x80ue,K\xf2\xf27\xbd\x9c!\x88D\x9c(\x1b=\xb9\\6\x85\xb0\xba\xba\xbbm\xddv\x03\xf8\xcbY\xe3Z\x9a\x9d\xf5!\x18\xa7\xaffN\x90+\x11\xcf.\x91\xfd\x11\xae&amp;6\xbb\ra\xdd\x88\xc4\trS^S\xcaf\xb2\xf1D\xd6\x93\xcbW\x0b\x91a9\xc2\xea\xe8\xe8\xb0\xc5\x0c\x90\xf6\xce\xda\x81\x04\xaeY\xdf\x919\x93E\xb9\xc8\xc0\x8d\xd9d\x98X\xcdb\xb3\x1b\xf8\xe7\x9b\xfa;\x83#\xeeB\x88\xdc\x8eLh$\xd0g6\x9eB\xbe\xea~:\x88\xb0\xfa\x1b\x1b%p\xe5iA\xbe\\Nd&gt;\xf8\x81\xf8\x05\x92\xdbp\t\xc0\x11\x88\xe1\x02\t\xf8\n}\x0e\xd7\xc0\xff\xfcT\x7f\'ob$\xbfGr\r\xc1\x14B\x00\xb3\xf1\x94{\xaa\xbd\x1da\xa1A\xeb&amp;\x89C\xc0\x15\x15\x93.4\xd3\xa5C\x9b"\x13*\x15\x14;&lt;([\xb91\x81\xc0&amp;\x83C\xc8\xa2\xb0\xeb\xda\xce~\xfeM\x7f\xa7A+\x9f\xdfY#\xf7\xa1\x07L&amp;\xb3\x9c\xcb/\x0e\x0e\x0f;\xff\x87%\x93\xd8@\n\x8a\x08i\x02J/\x1c\x89\x84R\xa9\x14\x08p\x1c\xb7wKd\xfaZ)V\x87\x06\xd4\xbf\xf9G\xa7\xe1\x8ea\xf3\xfd\xd6Z\xed\xf9\x0c\xe4\xe9\xa9\xf5\xe0f\xb18qmq\xd0\x85\x04\xa2\xb3\xab\xb1\xa9Q&amp;\x93@\x8d\xa0\xd2\x15\xa1\xf2\xe2\xe1\xca\xb9h4:\x1d\x9d\x8bJ\x1d\x0e\x87\xcd\xd6\xd1\xa4\xe77\xb0\xeb)P\xf4\x9c=\x0fX\xbd\x9b\x9d\x06\xc3\xe6\xcb\xb7\x8f^\x0b\x99Tr\xc0\xa8L\xcd?\xd7\xdf\xff\xf0\x83\xfc\xea\xd8\x98\xd7\xe5*\xd6\xbcu\xea\xb4^o\x91t\xc7\x0c\xf2\xa2\\\xa5\xd2\x02\xd6\xa1\xc0\xcfI\xc1$\x124\x88\xcd\xa2\xd4\x83\xb7\xda\x8e\xb0\xba:{{_~\xf1\xf2\xcd\xd6\xd7k\x9a\x9f\xbe.\x0f\xff\x9ap\xed\xcf\xff\xfa\xf2\xbby\xafW&gt;&gt;\xbe\xedtn\xcf\x83\xb7:\x9a0\xb0\x1a\x97\x08L\xa5\xe5*\xa3\x80\x05=\x05\x98E&amp;;}\x9e\xcf\xa6\x1cb\x9d\xafa\xc11\xe9\xfc\xf1\xd5\xf1\xe3_|\xfb\xea\xcd\xd6\xa35!\xf5\xa7\xf8\x0c=\x19\xe3\xf5\xdf\xdf\xfc\xea\xcb\xf7\xf3\x13\x13\x90T\xe3\xf3\xe8V\xd9\xec\xedj&lt;\x85\xb5\xb6\xb6\xd6\xfc\xc5\x85$7\x88\xb4\xb8\xe3\xd0SR\x8bEvI\xdf\n!\xa4\xd4\xd7\xd5\xd5\xd7\x81\xb3~\x8f\xb0\xfa\xfb\xfb\x7f\xfc\xd9g\x9f\x1d;v\xec\xf8_\xbe\xdb\xdfXC\xc1\xfc\xff\xe3\xf7\xfa\xdf\x7f}\xf5\x8b\xbfm\xc2\xe52\xde\xdb\xdb\xd9;\x9e\xf4\x1db\x9d\xc60\xbe\x98\x8fY\x1a\xbb\xedv\xbb\xc0\x1e\xfb\x0f\'g\x13\xdaVz\x85a\xc3\x15\x1a$\xebj\xae\x90oD,_EB\xd6O-[\\;\xfa\xa9$[\xa36\x1665Z\xa8\xe2vS\x1a\\\x17#pLHB\x95\x06BS\x87\x0e]M! \x08t\xa5\xee&amp;\x0ctk\x08\xb8\xdd\xca\x9b\xd9\x88\x89\x10Z(\xb5\x98\x99\x94\xa8\x18\x8f\x8d\xed\x91\x7f\x86\xbe\xe7|R\xd2\xdf!\xd3/#Ml$\xfb\xd1{\xde\xf3~\xe7F\xfe\x8c\xee\xfb\xc3\x07\xbfY^^\xb9sg\x15\xc4\x0bp\xbb\x97\xa8\xa0\x16a\xad\xaf\xfb\xb7\xf7\xcf\xdd\xeeJEU\xe5\x9dz\xbd~\xfc7j\xcb\xf7\xfe\x1f\xa5\xae^9\xbc\x7f\xda\xab\xd6/\x1e|\xff{\x7f\xfc\xed\xe6\xe6\xc3\xfd\xf5\x07\xbb\xac\xd6\xfaZl\x06WbK\xb9\x99\x95\xb5{\xf7&gt;\x84F\x1f~\x80L\xf8\x11\x90fp\xd9\x88\xeb4/\x1d(C\x11\x03\xe99\xc6\xda\x9c\x8e\x9d\xc8\xeeJX\xd3\xc2r\xb6Zg\xb0\xb3\xef\xee1@\xfd\xe0\xf0\xb3\x17\xed^\xfb\xe8\xd5:R\x9d~B\x9e\xf2\xe7\xd9k\xc6z8\xbd\x9a[\xc2\xba\x05\xae\xb5\xe5\x95\x8f\x9e&gt;}\xfa\xd1\x9d;O\x7fY\xa4\x85k\xc7t:\x1fxLdD\x05\xac\xfd\xfdX\xed\xbc\x02,,93\xc9\\\xf5\xe3/\xd9c\xef\xce\x84\xea=z\xf9\xd9\x8b\xdeFu\xa3\xb7\xce\'\x8d\x12\x89\xc5\x9b7\xe7\xfc\x9b\x0f\xfe\xfcz\x97\x13"1\xb3\xe4\xf5zQ\xc7\xd8\xf4\xca\xca\x1dq\xb9\x8fy\x01\xb1^\\\x80\xed\xa8~\xf4c\xfcC\xac\xb5\xda\x89V\xa9\x84\xc7\xb0l\x99\xe0\xc6F\x15\x0b`_\x7f\x87\x84\x85\xcf_&gt;\xff\xfbq\xaf\x84\xa7O\x1e\xec\x13\xd4L.\x1d\x08\x04nN?|\xb0;\xc0\x8a%\x16\xbc^\x8f\x07\\\t\xfe\xc1\xeb\xdb\xc5\xdb\xb7\x8b\xb8\xe8\xf7\x90Zy\xd4\x8fj\x98O\xdfd\xac\xed\xfd\xed\x93&amp;\xa4\x02\x94Yqf3\xc1\xc9\xc9\x01\xd8W\xcf\x0f\xdf\xcd\xfb\xa8\xde\xcb/\xbfj\xd77J\xa5L&amp;\x98\xb1\x9dl\'\x16sK\xf0\xca\xe3\xc7i\x8c\x02\xbb\xbb\xcf^qB$r\xde"B\xc0\xbb\x94[]]\xc5\x10\n\xa1xy\x8aK\xf4h\xbb}\x1em\x08\xac\x1aam\xd7\xceU\xd2\xcal\xd6eg\xa4\x9c\t\x12\x184\xab\xd7\xdb/\xee\xbf\xc3o\x8b\x18@U\xeb\xd5\xc9\x883\x12)\x97\x93\xe7si\x94\xcb.\xcd\xcf?N\'\xfc\xeb\xcfv\xa9%Q\xd8\x04Xs^i\x025C\xb4\xe6\x80%M\x14\n\x85\to&gt;\x9f\x0f\x8c\xd2\xe3G\xe9\x84[\x8d\xd6v\xedDq\x87\x01e\xb6\xe8\x0e\xc2\xcafX\xb1\r\xae\xe4\x17g\xdf\xbe\x87\xc3SW\x0e\x9f\x1f\xb7\xf1\xe0j5\xe8p\xbb\x93\x91HR&gt;E\xb1\xa4\x90\xcbEX\xd3\x9b\xaf\x9e\xa1\x86t\\r\x1a\xe6Z\x08\xd8\xc1\x95[M$\x10\x17\x98\x17\x90\xa0\xde&lt;\x95p&gt;4\x0f\xac&lt;\x97\x90\x16JX!*\xb3Ys8"\xb4\xb2(%\x16\x15\xb3}\xfc\xd9O\xfew!9;\xe1\xf3\x06\x8a\x0e\xafgU\xb5Rq\'\x93\x95\xd6\'v\xc9\xe5\xb2\xba\xe6\xed\xe9Dl\xed\x01\xd5p\x1di\xb1\x9dX\xc8{\xbdR\xa1 yPF\x8a1\xda\x99I\xa9\xd1Q&lt;^\nQ\xc23\xd6\\\xed\xb4\x0f\xbbC*\x8bEW\xdd\xc0rFJ\x91R9\x93!2\x92\xec[\xb8(\xa6\x9e\x03\nT\xa8\xfa\xc6dV\xd5**\xb8*\xcdSI\x9c\x89Db\xc7\xd6\xb0\xb5\x11\xd6C:\xad\x05.\xa9 IRqa\x06\x19\x8a\x16\xf0\xfe*\x9f\xf7B+\x97\xd5j\r\xcdS\xc2\xf3\xaau\xc3$\x96\xc5l1\xe4d2\xe9\xa0\xe5tF\xb2%H\x96\r\x92\xc9\x8e\xbf&gt;\xfc\xaf\x06\x03\xd4\xa3\xfb/\xda\x8dF\x03Dx\xe0$\xcc\x1e\x0ek\xf8r\x95J\xf7g.\x97\x8b\x8f\x85\xe5\x12\x88\x88u\x16\xcb\xef\'\xd3\xc3CRH\x9a\xf0,\xdd\xba\x05\xabaDFs\xda\xa9\xe2\x84\x15\xb8\xc9j\xcd\xd5Z\n\xecn\x01\x95E\x81\xfc\x0e\xd5\r&amp;\xacR\t\\X;\x93\x93;\xe7{/\xff\xd3`T\xbe\xfb_\x1c\x83\xaa\xba\xb1\xb3\x033\x82*\xe3\xd4\xd0:\xe1p%l\\Z\x81\xe5\x9a\x1f\r,$\xa6\xd7\xc0\xb4y\xef\xa18\x80\x04\x17\x81\x8a\xde)\xc7\xcc^,z\xe8\x8f$\xa8\n\xd2(\x1d5\xad\xcd-\xd6Z\x06\xa2\x81*hQT`\xe1\x06\xadJ\xf8\xef\rWp\xa7\xd3l}\xf3o\x82\xbd7B\x9eb\xa8\xea\xa4\x80\x02U&amp;+\x8f1WX\xebC.x\x18j\xcd$\x96\xf9\x04\x99_\x1c@Z \xb1\xc0\x85\\\xf8\x13\x0cO\xf9`\x1f`\xc1ZH\x07x~\xae\x15\xc7\xd7`*\x18+\xe9V\xe1.\xe7p\x95J\x03\xb6\xa6\xa1\xf7\xf7\xce\xc4?\xa6\xd0\x00\x00\x06\xd6IDAT\xfe\xf9\x17F`t9;m\xb7\xabB\xaa\x1d\x92\x14X$\x17\x872\xea\xa8\xb5\xe6\x81\x85\xcd\x17Y\xe0\xbfw\xcf\xbf\xec\xa7\x13\xa61&gt;\xeb#I.(C@P\r\xe5\xb4\xa3?\xe8\x9f\xbf%\xfb\xc0Z\'\xf1\xb1\x81V\x86F%t$\x93N\x87\xc3\x86\xe5\x10\\Y\xdc\x9cM\x8ba4[p\xd8\x9bw\xb3\xaf\x1e~\xde\xea\xb5\xdb\x8dv\x03L\xd4\xb3A\x88Jz\x95ma!WX\xbft\x85$;G\xe72m\x8f\xd3+\xd8\x8d(\x15\xbc\x12\x8b#\xa1\x86\x88S\xbbg\x02)J\x9fp\x11V\x1e\xfb\xd5_N\xfa\x961Ae\x11T\xc2\xefX\x8cf\x13\x8a\xd9\x0c\x8b\xc5d4\xfb\x97g\x83l\xc5F\xf3\xe9\xf9\x01\xa8\x08\x8a\x16\xb0\x82|\x0bf"\x1aA\xd1\xad\xb9\xe7\xa2LZ\x98\xc1\xd6LJ\xad\xd2\x14\xb8\xb8\x888\x95\xe8\xe8\xb2\x8b\xa6\x18/-;\x19\x9e\xde\xc3\x08\xf1\x18\x9f?\xed[\xcc\xba\xa0R\x04\x15\xd2\x01HB/\x9b\xad\xe3\xec\x10\x97M7\x99\xe2q\x08\xd6\xfd\xf4\xe5\x15\xfemcg\xad\xceA\xa3\xd1\xeb\x81\x88\xba\x10}(\x16\xb8\xb2\x0eR\x8b\x05\xeb\xef\xd9\xb1/\xe7ffb\xfee\xda#o\xd1\x98\xc0\xc3\x1e\xd7\xac\x80\xc8\x1a\xc6;0\xad&gt;x\x0b\x9bO\xe0\xb4k1\x9b\x8d7T(\x9f\xd3\x89\xea\x81\xc9ABa\x91\\\x98Y;qS\xdcd\x98\xa0X\xeb\xfe#\x08\xf6y\xab\xd3\xe95z\r\x86\xe2\xc0j\x0c\xa9\x82\xd9\xb2{l\xb0\xc2\xfd\xd3\x1c)\x84\x81\x81\xa8peZ,b\x80\x80Z\xe2-\x0b4\x1e\xc4Is\xc0[\xe9\xed\x82\x10\xcc(\x91Vf\x8biH\xe5v\x93\xdb\x1d\\&gt;\xa0\x89Z\xa2%\x9d\x17Oz&amp; \xc5!X\xdc\x80`WG\xba\x1d`\xf5\xd8\xea\x1box\xf8.\x98\xcd\x96#\xb2YP\x85\xb5f-F&lt;\t\xba\xc7\xa4\x85\x80\xc2\xa5\xa9\x87\xa9\xae_\xa7\xce\xf3.\xa5\xe9\xec\xb7$Y\xe9\x1f*\xc1\x15\xda\xeb\x9a\xc830\xbb\xd0*\xe9v\xd8\x06\x96"\xa9\x90\xf6( n\x17w\xef\xb6M\xc4E7\xc3\xe8\xb7\xbe\x19\xe9t\xe4\xce\xc1\xc1\x01\x85G\x86B7Kw\xf47$\x04\xb0\x1c\xda\x90+\xdc&lt;A\x82&amp;\xa8\x03\x17h\xd4\xf2L\xa0\x01\t\xcb\xe7\x8b\xfa\x10l\xb4\x0by\xec\x1eQC|\xc6j\xdd\xeb\x1a&amp;\x8b\tT\x98\x1bT\xd2J\xb5\xbd]\xf0}\x84\x8bh;8\xba6u\xad\x8d\x07\xe2\x91$\x199l\xa4#+\xcdN\xa9t\x80\xf0\x80\xf5\x10\xbd"\x80#e\x02\xc4\xebQ\xb1\xc3\x8e\x8d\xe9c:q\xedc\xcf\xf1s0\x08\x9d\nR\xc1\xe5\x8b\xa6RQ\xdfu\xc0\xa5|&gt;\x8c\x10h\x01_\x94&gt;\x01\xad\xe2\xa4\x01\xa88F\x1d\xb6\x7f\xc1\xb2\xb1p\xb2|p\xf4\x8b\xad\xadk\x17\x16HEhp\xbe)n\x8c(\nc\x81\xaa\\\xa2\x0e\xb1q\x07s\xe2a\xae\x89D\x1c\xb2Y,H\xd69\'\xae\xed\xd8\xdcb\x1aX\xe4 z\x9355N\xa7\xe2\xe9\x1c\xf38}\x06-\xe0\xc3\xc7\xa9\xbd.\xacB\nX\x88Jt!\xc1\xe0ks\x1deE\x96eE9x\xbd\xb55\xb5\xb5u!\x1a\x83\x0b\t\x8f\x8d\xe8\x86\x0e,\x9a2P\xb5\x92\x93^\x12\x1e\xae\xaa\xf8\xbf\n\x9d\x1dnU1\xc8\xb7\xcc\xa5\x9c\xd7\x12\x89\xb9\xc5\xc5t\x1eX.\x9fX\xe3\xb3t*&gt;\x9a\x9a\xbd\xc1\xa7^\xb1O\x11(i\x15g\xa90\xf9\x81\xcaM\x02\rcA\xa6\xa5\x18\x90\xa4\xf7\x84\xa9\xb6.\xc6\x0c\xae"\x91\xe1\x89#\xc6\x10\x8b\xed\x9e\xcd\xa2\xda\xb2\xa6\xe1\t\x8a\xa6\xa967^\xa7M\xe1\x87\xb3`Z\xff4\x9d\xa3\x86\xa3\x11\xcc\xca\xde\x8e\x8e\xdf\xb8\x01\xaeh\x94\x0f\xc7\xa7\xac!\xd7u\xe8v\xd9\x1fh\x85gi\xac\xd5\xc0Q\x03*\xa5\xa9\xe8\xba\xa2\xf5\x9eLM\x11\xd5\xd6\x91\xa2\x93\\\x86\x10+&gt;b2\xb8\x88Y\x9ecy\x8f\xce\x96 \x99\x8cgA\x1d\x85\xd1\xf8\x19\x82k\xac\xd9\xfad\xc9\x1b\xa0k-x;\n\x13\xa5f\x07X\xc0\xbb\x91\x82\xf9\xad\xa9\xd9\x9f_\xc6\x87Z\xe9\xba6\x84\xe2;\\\'\xa2z\xfc\xba\x9br\xefw\x02jj\xeaH\xd3\x19\x0cO\xa3\x05\xb5\x80\x05\x1f\x95\x87s\xec\x06\x8b\xc6\xe5T!\x98\x8a\xbdU\xd5\x85s\xf1M\xe0\xfe\xee\xa9\x9d\xf6\x98P\x08\r\x17E\xf1\x08\x87\xb0\xc05\x1ee\xf9&gt;n\x19o+\xa8\xb1\xdde\x95\rO\xc5\xd3\xc8R$\x98\xdc\xfe\xfd\x90j\xea\xc8\xa1\x00\x8b\x92^W\x14\x03X\xba"\xb3\r\x93\x18\x19\xb3o\xc9(*(\xe9"I\xe6\x8a\xc3`\xc6\xc0\xfaFk/T(\xc0\xd9\x83\xb3\xde7\x98+\x15\x1d\xa7;\xe8G\xc10\xac \xa8*0\x82*\x0b;)\x8a\x90\x8a?j\xffzJ\x94\x90\xb0"2o?2zM\x1e`9\xe1k\x8d\xacds\x94x\xc6\xa69P\x0c]\x194#\x067U\x11\xdfE\x94R\x8f\xb7\xf6~\x8a\x14\xe5\xf6\x9be,\xaa#\xb0\xb0\xfe\xda2\xc8\x1d\xdc\x82\xf0\x15&amp;oU\xf0\x90\x99\xa8\x80\x8cf\x93;D\xb55\x10\xeb}\xc2\x02\x95\x1b\xcd\xafr\'\xe21N7\xbb\xda D\xd9\xe6\xa4\xb4\x188\rh\xe0"\xc5\x14\xc3\xe0\xf9R\x80\x99\x01F\xbf0#%\x98\xdep\xcd\x8e\xefu\xd9\x1f"\xb0`,\x15&gt;\x90u\xc5\xd0\xf5&amp;Q\t\x9d\xb0:\x17w\x07n\'.\xc62)\x8er9\xe2\x06\x95i\xc4 \x12\x85\xfeJ\x81\x86\xef\x8d\xda\xa2\xaa\xcea\x13\x043e,(f\xd3y\xc7\x15*@7\x80\xfdxP\xc2\x1f\n,$\x04\xa42s\x01\xb9\xddujg\xb2\x12\xa0t\x0cz\xf8\x88\xb1h\xefA\xb4\xbf\x15k\xea\xfdzR3dg\x19\xc3\x14P\x0c\xf3\x88I\x87&gt;\xb2\x8e\xb8\xc0k\xd3\rj\x1d\x9a#\x81F\xd7s(\xa2\xb8\x8b`\xf3P,bD1\xb1l\xf0O\xf7\xf2\xe3\xf1A\r\xffQv\xb5\xab6\x0c\x04\xc1\x14\xc2\x10\x90@\x90\x08\x04\xe1\x1a\x97Vs`\\\x05\xf2\x0b\xa9\xae\xb9\x1f\xf0o\x18\x7f\x80\xab\xfb\xa7T\x86T)\xe3G\xe1\xda\xe0*\x02\t\xcf\xccJ1\xd8[Hw\x0b\xbb\x0cs\xbb\xb3wB6\xef\xfe\xc2H\x95\xc8\x02,V\x14\x9a\x8cf\xc7\x07I\xcc+\x0e\x9c\xd9\xea\x06\xeb\xf3\xeb\xcd\x97\x8dP)\x92\x02\x91s\xf6\x95!\x0b\xfe\x15i\xc0\xb9c\x1a,\xed\xea\xd1\x88.\x1eee\xf79\x1b^j\xe5cw\x98\x8f\xc8\xd6\xddP\xeaf\xe2\xdd\x91 \xc1R\xb5S\r\xc9\xd5\xf9"0\xabZ\xbf)a\xb9,\x07\xaa\x02\x14O\x10\x0bX\xbe\xf8\x80\xa3\x01cH\xa4v\x063\x036\x16\x1b\x1b[\x0fl\x94\x98\xf3\x13\xbb\xd3\r\xfa\xb2 e{V\xd8\x1a\xb2\xfel\xa0\xf4\t\x83\xee\x15\xbf?PN\xc9si\x8dXh8\xc3\xeazf\xb8\x08\xcb\x87\x97\xf7e\x95y\xe7&lt;\x12&lt;\xc5\x18\xd3V\x96R\xe4&amp;\xfdo\xcdA\xcf\xe8\x837&gt;Z\xdf\xb6\xbb]{\xefMf\xb1\xef{\xac\xc7-2\xa5\xed\xe9{so\xa7\x18\x91]Q\x0c\xbe\x02v{\xe4A\t\xb9b\xb9\x00\x00\x00\x00IEND\xaeB`\x82'</t>
        </is>
      </c>
      <c r="M240" s="3" t="n">
        <v>45492.6769212963</v>
      </c>
    </row>
    <row r="241">
      <c r="A241" t="n">
        <v>846665</v>
      </c>
      <c r="B241" t="n">
        <v>1954</v>
      </c>
      <c r="C241" t="inlineStr">
        <is>
          <t>José Cifuentes</t>
        </is>
      </c>
      <c r="D241" t="inlineStr">
        <is>
          <t>J. Cifuentes</t>
        </is>
      </c>
      <c r="E241" t="inlineStr">
        <is>
          <t>MC</t>
        </is>
      </c>
      <c r="F241" t="inlineStr">
        <is>
          <t>MC</t>
        </is>
      </c>
      <c r="G241" t="inlineStr">
        <is>
          <t>MC</t>
        </is>
      </c>
      <c r="H241" t="n">
        <v>175</v>
      </c>
      <c r="I241" t="n">
        <v>18</v>
      </c>
      <c r="J241" s="2" t="n">
        <v>36230</v>
      </c>
      <c r="K241" t="inlineStr">
        <is>
          <t>Right</t>
        </is>
      </c>
      <c r="L24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4ab8d0c-db21-41c6-8a9e-4001c6a61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ad\x027\x00\x00\x00&gt;tEXtComment\x00xr:d:DAEewil2SDw:3796,j:1497870925631122622,t:24040619\x85uW\x81\x00\x00\x00\tpHYs\x00\x00\x0e\xc4\x00\x00\x0e\xc4\x01\x95+\x0e\x1b\x00\x00\x03\x00PLTE\xff\xff\xff\x08\x0f\x11\x00E\xe3\xfe\xfe\xfe\x02\x06\x08\x04\x08\x0b\x06\x0b\x0e\x00\x01\x01\xfe\xff\xff\x01\x03\x04\x00C\xe0\r\x10\r\x00J\xeb\x11\x15\x12\r\x15\x18\x00H\xe8\x00B\xdd\x00H\xe5\x08\x0b\t\x00N\xe9B3*\x005\xc7RC9\r\x12\x13\x08\x12\x15\x18\x1c\x18N=3QMM\x04\x06\x05\x12\x18\x19cNBV@1MHI\x008\xcc\x00O\xed\x1f \x1dJ8+@92iSG-*\'FABoWK\x17\x1c\x1eLB9\x16\x18\x14\x1e&amp;"10.\\I&lt;\\C2D6-\x00[\xf8\x00&gt;\xd6G:1\x009\xd3P&lt;,\x98kPF&gt;6&amp;%"\x0f\x1b\x1dVG&lt;YE7\x001\xc2\x9fnSVHD!)(\x1a!\x1dfL:\xf4\xf7\xf2\'.&amp;C=;aG7\x88^EMFA:2.\x8boc\x18!$\x00W\xf6F2"\x00-\xbc\x02B\xd9\xe2\xee\xf6!\x13\r&gt;/\'cF0\x87j[t\\O,7/772\x00&gt;\xd1\x02I\xe0\x82Y?\x00&gt;\xdb]NJ~h\\1%\x1f\x8eaG\x9cu_5-\'\xfa\xfc\xf9\x99|n\x17\x0f\n{U;cSOkP=\x9dzh\x00)\xb2\x94o\\\x97dH\xa0\x80oVRU[LB:*\x1e\xec\xf2\xea\x90gN\x10\t\x06\xa3sY\x94vd\x8btk:79\xdb\xe9\xf4\xa5\x84t. \x17o\\W%/-\x81md_WX\x00i\xfcO6#Y=(sO7mJ2\xe9\xf3\xf9\x93xk\x00t\xfd"\x19\x14\xc1\xd7\xed}`R\x00 \xa6yVC\x9c\x83x\'\x1f\x1a\xa6yc\x8d\x82oqSB\x7fcZ\x00b\xfb\xadw[\x00T\xf3C-\x1cue\\\xe4\xeb\xe2;I97$\x16\xb6\xd0\xeb/47:&gt;?-\x1a\x0f\xcc\xdf\xef\xa0iKw`U\x9f\x88\x84FO&gt;Q[F\x92}{cWFfaO\xd5\xe4\xf0~^K\x88dO\xac\x82n\xab\xba\xab\xa2\x91\x8d\x06U\xe6XfYiwi\xb3~c\xad\x89z\x8a\x9b\x88\xad\x97\x95kaaseh\xa5\xc5\xe4\xd4\xde\xd1\xbc\x84j\x00a\xf1\xb7\x9f\x9b\xb0\x8f\x84\x93\xa4\x91/A4\x90iWc]_\x00W\xefFWL\x07?\xc4\xb9\x96\x86\xdd\xe6\xdbw\x88x\x97\xbe\xed\xf4\xf8\xfc\xbd\xca\xbc\x036\xbd\x1c[\xe0\xa7oPX\x8c\xe1\x17M\xd6}lr?MD\x98\xb8\xdb\x88\xb1\xeal\x83n\xb7|\x82F\x80\xe3\x83\x90\x81\xa0\xae\x9c\xcd\xd3\xc8\'V\xcdap_\x04l\xf5\x140\x93\xc1\x8dv}\xa4\xd7w\xa5\xe9\xb4\xc3\xb2\xb6\xa8\xa9h\x97\xe6\xcc\x97\x80|yk\xc3\xd5\xc2R~\xce\xbe\xba\xb3Ap\xd3\x8eXYNcQ9q\xe4,3_\x0f:\xae\x06\x80\xfc-f\xe0\xadstn\x91\xcd\xa7^b"3t\x07"y;_\xc2\x16"B\xd4\xa3\x8ckq{*K\xbb\x88\x9a\xa3d\x85\xc2\xc5\xae\xa7)G\xab\x0e\x1f]P]}\xd9\xb7\xad.Pe\xa3\xd6A-\x00\x00 \x00IDATx\xda\xc4W\xcfk\x1bI\x1aM\xd1\xdd%\x8b\xa2\xeaP,[\xddC5&gt;t\x86,M\xb7I`1\xa8/\xdb\x1d5Yv\x1b\x1d\x14\x83|\x0b\x8cpv\x8f\x12&gt;\x0c\x18\r\xd8\xc9A\x84`\x98=\x18[8\x86\xc59\r\x02\t\x04\x8b.\xf2A \x83o\x02\x83c|\xf2\xc5,\xf8\xcf\xd8W\xf2\xfc\x05k%i\xcbR\xff\x90\xa9\xe7\xf7\xde\xf7\xbe\xaf\x9e&lt;\xf9\x7f\x0f\xcb\xb2\x9a\xd5\xc9\xa4\x7f\xf8e0jZ+V\xd32\xb7\x16\xc7\x93\xefvX\xd6xr{\xd7\x1f\x9c_M\x86\x97\xd3\xebf\xbb:\x1b\x1f\x1e\xde\x9eO\xda\xd5j\xd3\xfa\x8e\xb0Fgg\x97\xa3\xfb\xf4\xe8rzt4\xba\xbb\xbb\xbd\x9c\x0f\xcf;~&lt;\x9a\x9c_T\xbf\x1bc\x96\xd5\xef\xa4\x8d3\xbf\xc86?s\xd6\x98\x0e\xe61\xcf|\x9f{\x9d\xc6\xfd`\xdc|\xd0ree\xe5[b\xc2j\x965\x9b\x17\x8c\x87a\x98\xfaJ\x88D\x11\xa5(g\xda\xf7\x1a\xc3\x9b\x8b\xea\xf8\xf6\xa2\xdd\x84\xe3V\xbe\x1dm\xc6\xeb\xcdj\xbbz\xe53?\x14~\xcc\xfd0\xe4\x8c\xa5\xa1\xe2\xdc\xf7Y\x94\xdf\xdc\x8e&gt;\xcd/\'\xb3\xc3\xc36|f}\x1bHV\x15\xcb\xcd\xbe\x9c\x9f_v\x94\nA\x95*\n\xc8\xa7\x94\x1fJ\xee)\xdf\x8b\xcf\xa6\x9d8l\x1c_^\r\xae.\xbe\xdc5\xbf6"hW\x9d\xb5\xab\xfd\xc1\xfdp\xda)\x88\xf0E\x92\xfai\x11\x16i\'SD\xca\x8csN\xc3N\x16g\x8dNz\xcc\xa3,o\x9c\xe573k\xe5k\x92\x84`\xb2\xaa\xfd\xf3Q\x7f@D\x01\x9e\x04\xf1\x85\x08\x93B\xc4&lt;MS\x8f2\x15z\xe9\x9a\x9f\x15^\x96\xc5i\xda\x89=\x16\xe7q\xfa\xa7\xf1\xd7\x85\x05;5\x0f\x87S#P\x92\x14\x94\x12"\x84K\x9cr\xc9\xa6\x05\x80\xf8&lt;\n\x8b8\xf4\xfd"\xf1\xc3\xa0\xd3\t\xa2\x88Eq\x1c\xcc\xaf\x9bO\xbeNA\xae4\xaf\xfb\x17\xa3\xcb\xfe\xf9\xed\xc5|\xd0)\\!\x1cE\xa9P\x828v\xb9\\*\x95\x95\x08\xfd\xccWa\xe2+\x90\xa6D\x1a\xa7\xc7\xa9\'\x19\x8b\xd2\x10\xde\xbfh6\xbfF\x905g\xc3\xb3\xa3\xf3\xe3O\x8d\xc1 \x9d\x16\t5p\xa8\xf0]\xea\xd8\xc0U*\xe9\x90CP\xa0\xa4\x92\xd9^\xe8\x87\x85\x08\xd3\x98\x19Xq\xdc\xc8&gt;M\xc6U\x13\xfd+\xcbVp|/\xce.c\xaed\xea\x13p\x15\xaa\xc4M\x04q\x89\xeb\x12\xbb\x04X&amp;!\xc2\x84jJ\x1c\xe2C\xe1\x10\xdf\x89$pq\xcf\x8bx|?\xba\x9aL\xae\xad\xe5\xe2\xb2\xac\xf6y\xa7\x91\xc7^\xecK\xc8\x07O\x11M\xa9]v\\\xdb\xa6\x1ad\x95\x88\x1fwRA\xcb\x1a\x8f\x1c\xdb&amp;\x89\xf0}!\xcb\x92y\x8cG\x8aeq\'\x8aOo\xae\x97\xda*\xadj{4o\xa4\xf0\x8e \xa0\x87\xda6\xfcTv(\xf0\xe1\xac\xa4u\xc9&amp;E\x18g\x8e\xa4\xda\xa6\x80\x8aw\xa2B\xc6\xa5fy\x16!4\xbc,\xf0\x1a\xf7\xd9\xf4\xa2\xba4\xbaV\xac\xc3\xd1\xcd\xd1\xfc\xe8sf`Q7q\x1c\xc7\xa0rM\x11&amp;\x04g\x04\xf4\xb9\x89RZ\x9b\'x\xecP\x16\xf9RzL\xcb,\x8d\x10e\xcc;\xcbsO\xf2\xd3\xf1\xd2|o5\xafo\xee\xe7G\xfdI\nS\x11\xd7,\x0c\xe9J\xd4%E\x02\xc9\xca\xb6#\x92\xc4%\xc2.\x95K\xa6(\x1d\xaa%\x95\x9c9\x9ai@\xf6s\xc0\x92,\xcb=/\xc8\x86\x87O\x96GW\xf5\xf6\xcb\xe4r\x90\n\xa2\x88[\x902E\xf1A)0\xe4\xe8\xb2]6F\x82\xa0\xb6q&gt;`\x95m\xad\x8d\xd5a9\xfcP\xcar\xd8K\xda\x92w\x1a\xa7\x9f\xfb\x18\xc5\x96\xc5\x17F\x80\xd9\xe8L\x10\x18\xcb\xa1\x02\x99@L*P\xc718\xccgA\r&amp;\x93\x13\x0bX\xe5\xb2\xd6\xfa\xe1\x029\x9be,C\x17\xf7\x98\x88\x1by\xe3\xe6b\xb6,XVsv\x89\x04%\xa89\n\xd9\xa0\x97\x80\xd5m\x1b\x1e\xb2Q\x01\x0eI\x1e\x00\x9a\x8a,\x19\x11\x9d\xf2\xa2:\x01\xcbA\x13\xf7\x18\xe3\x99\x04:/\xe62\xba\x9a\xcd\xaa\xd6r\x1c\x7fw=\xcd\xe7\xbep\xb4\x91\x0b^\x82{\x0c-\x0eR+\x11\x94\xc0\xf6\x06\x8d\xeb&gt;\xe4=\xf8\x83\x90\x0f\x08\x1d\xe1\x87\x9e\xa7\xa5\x92\xca\xcf\xbc\x0c\xa4\r\xc7wmk)\x99\xd5\x9fNF\xf3c%\xa5@\x80\xc2\xe2\xf06uAPY\xbb\t\xee\xd0\xf2\x82\xa6\xb2\x8d\xe8\xc0\xc7\x83\x98x\xa1U\x12BC\x9feL\xdb\xca\x93\x8eW\xa9 &amp;\xfaH\xfb\xe5\x04\xfcpR\xbdJd\x89\x15\xaeM\x0c[e#\x9dA\xe2\x1a\xf7\x97\x16(\x8cf0\x9e\t4\\\x99\xf0\xc2\x0b\xe5\xe0+\xd8Jb\n\xd3%\xe9\xe5^P\xf9&lt;n6\x97R\x8d\xd8\xd2X\x17\r\xe2\x08\xa1\xcd\xca\x0eA7\xa4\x06\tM\xec\x07;-\xc4\xa3\x02/\xb2\x88Z\x07\xda\xc2\xf5 \x16w\xbc5.\xa5\xf2`\xfb0\xe2\x8d,\x9b\xb4\x0f\x9b\xcbi=0\xfd=PA.\x82\x84r4\x9c\xbf@\x93\x88\x07\x9b/\x0c\x9e\x14\x80\xa3\xd0\x14\xe1.\xa8k\x0c\x07\x1b\x8a${\xe6EZ\xfa\x11\x8fd\x14\xc4\xb1\xf7\xf9vi\xb0\xc6\xc3\xc2D\xa6Y\xb3\x84*\xb3\x05Y\xf0c\'\xf4wXe\x83\xd8\x01Kr\xc1\x92\x86\rM[\xa2\xc4\xf7\xb3F\x14I\xedh\x8d\xac\xaf\x04\xc1fe8[\x8a\xe9\x91\x10W\x18\xfb\\\xc4\x01` \xb8A\x1czNI\xbbN\xe2\x1aoC7\x03\x86\xbaT$L\x9b;\xae+B\x89f\x89,\x11\x0c\xa0\xd0\xb4\xf1F# \xf4\xf2\xcd\xc1\xa8\xbd\x0cwY\xb3{\xec\xb6\x08\x82S\x18X\x88\x04$\x15\xc080\x13\x9cdn\xe2\x82"0\x88\x92\x86&lt;\xe2\xda~\xc6"\x8d\xbbDP\xe9qn\x82_J\x16\xff\x9c\xb3\xa8\xd28\xbd]\xc6(a\xcd\x06y\xc3\x87\x8d\x91\x9f%\xedP\xeaS\xd3\xac\x11\xa0N\xa1@\xcd\xc2ZD\x98d\xc5\xb5\xa9\x05\xe2`\x80\xc8\x88\xc9|\x97\x86\x9b\x80\xc8\xa38\xe2\x92\x1coV"\xa4\xeb`\xb6\x04\\\x96u{sFM\xef\xb1\xa9\xe9\xcc\x18$\x9c\x85\xd7m\n\xda\x90\x048e\x9e@\x98\t%\x17\x18\xf1\x0f(\xa6l\x93fh?\xa9\xd4\xaa\x11\x04Q\xc6(\xe5\x8b9\xc7\x9b&lt;&gt;\xeaW\xac\xea\xddt\xd1u\x88c\x86\x07lz\xf4\xef)\x0e\x02\x11\x1a\x08\x83\xed7?\x16\xa2\xc0\xc4\xbc\x10QK\xb0\xa9\x1f\x8a\xc1VT\xc3\x86\x9d\x9cGQ\xa0\xa3@\xf2\xe0h\x10\xe5\xfdG\xd3\xb5R\xedO\x1b\x90\x08\xa0\x90\xe9\xa6#.\x9a\x8f\x19\x95#\xce"F\x19\xdb\xaa\xd7~2s&lt;fw`\xd8\xda\xaaomook\xdbL\x13\x984P\x0f6\x00{y,y\x1e\xa0 O7\xd9\xfc\xb1-{\xc5\x1aO17\x98\x01\x82b\x17\xc1\xe1]L\x08Zb\xfd\xed\xee\xbe\xd7\x8d\x94\xda\xde:i=\xabph\x18\x01O\xfd\xe4d\xe7\xa4\xd7\xdb\xa9K\x08\x0f\xa4\n\xdf5\x01!\xcd\x9fV\x1a\x18\x0e\xd9\xd1\xfd\xd5\xf8\xb1[\xb4\xf6P\xa9\xc4\xb1\x13E\xa5"F\xb0(\xdabl\x1b\'\'o\xde\xec\x07\x11\xce\xb7Nj\xfb\x19\x0f\no\xe7\xa4^?\xe9\xb5\x0e\x0ej\xb5Z\xaf\xcb\x94\xc9\x05\tQqh\x84\xbd,c\xfc\x02\xc5\xf9\xa0\xdf~\xec\x80\xd3\x1ev\xd2L\xd2Da8\xd5\x8e\x8c\xf6\xf7\xbb\xdd\x9d.T:y\xfd\x87\xd6\x1b,\xb2\xbd\xb5\xd5{\xbe\x1e\xf1\xfd\xfd\x9d\x9d\x9d\x13\x10\xb5\xbb\xb7[\xdb\xdd\xad\xb5\xf6\xa3-\xb0g\xc6B@\xc2\x1e\x08\xd8\xca,\xc0I\x90\x9f^&lt;\x12\x96\xd5\xbe\xfb\xefd\xce\x90U\xe8\x870\xec\xeb\xd7\xad\x9d\x9d^}{\xab{\xb0\xbe\xba\xbe\xbe\x8f\x95\xeb\xf5\xda\xcbW\x95\xe0\xcdzk\xa7\xd7\xeb\x1d\x1c\x00\xd6\xee\x1e~\x0fz\xbd\xfa\x16\x9e#\x1ex\x14p\xc8\x17p\xbd\x16\xc8\x80W\xe2\xc1\xec\x91l5\xab\xcd\xd9M\xe1S3\rs\xaf\xb5\xfa\xb4vp\xd0\xabw{\xb5\xf5\xbdW/\x7f\xfd\x01\x94\xd4O\xd6?~\xdc\x0f\xba\xbb\x07\x90\x0f\xa866\x9e\x1bTx\xed\xb6vZ\xad.L\x15\x05A\x80\xc9k\xf3\x99^[\x93A\x1cD\x9b\xfd\xc7\x0e\x12V\xb3\xdf\xf1\xe5\xa7\x86\xe3\xf0\xf8\xa7?\xff\xf1i\xcd\xf0\xd5z\xba\xba\xba\xfa\xea\xd7\x7f\xfd\xe3\xc7n\xb7\xfb\xfa\xe5\x87\x0f\x7f\x0b^\xbc\xdb{@\xf5\xf6\xdd\xfb\x8d\xbd\xbd\xbd\x8d\xf7\xef6va\xb2V}{\x9b\x01\x16\x8f\xbd\xbc"Y\x85a\xc3\x91\x1d}yltY\xed\xcbl\x9a\x9fO\x99\n\xe3\xb5\x17?&lt;\xad\xb5Z\xbd\x96\x11\xf0\xf9\xcb\x7f\xff\xf2\x9f\x9f#\xaf\xb5\xfe\xf2\xc3\xdf\xff\x12\xbc\xf8\xeb{8\xaa\xb6\xf7\xee\xed\xdb\x8f\xef\xdfol\xbc\xfb\xed\xb7\x7f&gt;_\xfd\x1fk\xe6\xfb\x92\xf6\xda\xc7\xf1\x1b\xe2\xbe\xef\x0e\xd1y\x10\xd1!\xb7\xe9@\xd3\xf3\x9d\xda\xd7\x81hNqfM\x97\xc3\x07\xcb\x1f\x81\xcc_3\xf3\x8b}\xd3\x9cz\xd0t\x94"!\x9a&amp;\xa32**\xcd\xd0\x8a\xa2\x1fcP\xab1Vp \xb8\x83\xa0F\x8f\x16\x14\xc1\xfe\x80\x9d\x1e\x9c\'\xf7\xfd\xb9\xbc\xf7\x1f\xf4\xbd*{\xd8\xab\xf7\xe7s}\xae\xf7\xfb\xbaD,\x1a\xebeox\xac\xf7\xfe/\xbcN(\xe5\xbfa\x88H:\xeb\x8c[w\xc5\xaa\x1d\xdc:\xba&gt;\xfd\xdc\xfe\xdb\x83z\xa6\xbd\x91\x05\xff\x7f\xb7V$`0\x04Jl!:\xc9a\xf6\x86Y\xaa\xa4\xa6\xa9\xab\xa9\x12C\xa5\x8b\x99\xd4&amp;\x933\x16s\xaa\x0fl\x15\x97J\x85\xd3\x19\xd3a\x11\xa0\x81\x89\xe0qx\xe8\xb3\xf5{}\xeb\xea\xdd\xb3FG\xc7\xe1F\xe4\x11\x9f\x1f\x91 ,\xf8b\x89\x04\x02\xa5\x92\xcd\x9e\x8cN\xf6u\x8d\x85\xb5\xca\xb2^\xdaD\xaf\xa4\xa0vq\xb5\xb5\xa2\xae\xa8Mj\x9f\xcd\xedv\x97S\x06\x83\x01\xd7z\x19tK\xefX}\x1d\xb3\xb3\x19a5o\x15x[w\x9e\xf3\xe8Z\xf2\xfc\x85\xc2\xc8\xef\x94pXh\x89X\x0c\x95\n\xb0\x16\xa2\xd1hp\x81\xa1\x1dvU\xdc\x18\x8e\xb9S\xd0N&amp;\x9f\xd8W\xf1\xf9\xac&gt;\xb5\x1b\xb8\x0e\x0e\x0e*\x06\x19C\xa6RZz\xedc\x90\xb2\x9b\xd1$\xae\xbb8\xdb?\x9d\xaa\xb9\xbb\xe3\xfav\xc2\x8f\xcc\xf0%\xadv!0\x89D\x0c\x81\x00\xb00\xb39\x1a\x0cF\xc7u\xba\x94\xfa\xc0M\x92\x81d\xcci\xb2\x8a\xc5b \x83o\x84\xe5v\x04\xdcz,\x89\x8d+\xa7\xe7\x1a\xed\xbc\x06\x94\x83\xd0\x1d\xc0Q!\x7f}w\xb5:N76"\xb3=\x12I#\x8dU\xa5RU\xb1\x0c\x0bfs.\xa7/\x9b\xd4P22\xe4\xa8\x94\xd5V\x9f\x1c\xb8\xacj\x9f\xd8\x96!\xdc\x07\x01\x82\x08\xe8\xf5\tMY\xe6\x15y\xa4\x1c\xc8\x8a\xf7\xdb\xf9u\xbc\xe6\xc2\xd1\xf9\x9d=*x\x88\xb3\xb3\xa3\x88\xb1\xa7\xd5Nc\xd0h"\x99@\x85\xb0\xe8l\xc3B.\x17\r\xea+\x15\xb5U\x0cX\xa4O\xadFb\x81\\&gt;\xab\xb5\xaaV\x80H$\x1c\xb0\xf4*-\xddL\xb7K8\xcdu\xbc\x02\x13\x02\xf69%\x8e\xeb\xc3F$2[\xe0t\xd1h4\xd4\xee\x02\xd4Z\xd5\xde\n\x06\x83\x9a\x8a\tJg\xb3\xd9\x087\xd4\xae\xba\xacj\xb5\xbarp\x00T\xb0\x12\x0e\xa8\xafA\xc6\xd6\x94\xb8--\x92\xfa\xba\xa3\x8b}c\xfb:\x05\x86\xbe\xa6\xe3\xcf\x8b\x93\xd9\xcf\x0f9v\x06P!,\x81\xca\x85\xb0\x00*\x98H\xb8A\xad~\xb1\xdc\x9f\xb1\xd9\x00I.\x97\x8b\x81\xca\xa4\x06,\x1bA8\x08\x87#\x9dv\xe8\x93z\x07\xd6$\xec\x02\xb9\xbe\x7f\xdb\xfa\xce+\xde\xdd\xcfC"\xfb\x98_\x9f=\xb9\xd7E\xc3e\xd0Y\xd0ZH-\x97\x0b*\xb8\xb8\xb6\xe4\x08\x10n\x1b\xc0\xc8\xfdr\xbf\x1f\xfd\xee\xb7\xc2\xe42U\xa0\x8a6\x82$\x1dd\x1a\x96F\x9fH\x18\xda\x84m-\xc6v\xc9\xea\xe0\xb7\xce\xefT\xa8\xf5\xfa\xe6$o\xbc\xf7\xc9\xe3\xc1q\x80\x12\x08t\xba\xb8\xcb\xa5t\x95\xf5Kk\xdbki\x82\xc8\xd82\x99\x8c\xdf\xef\xef\x97#2\x84\x05M\x8f\xb4"I2\x84\xa8\xd2\t\x8d\xc3anjkk\xc9\x17\x8d[\xaf\xaf\x8d\xfb\xab\x144\x178T\xe3\xfe\xc0\xdb\xe5\x12]%\xa8\x960\x1ew\x8d\x8f\x8f\xe7@\xac\xed\xcb\xdd\xbdPh%\xe3\x07.q\xff\xfc\xf1\xfc\xfc\xb1|\xbe\xdf\xea\x13#\xad\x082\x04+\rz\x91\x01\xd2a\xf6\xb4q\xb9\xc6v\xe3\xd6\xd4\xe0\xd1\xe9\x87\xbbc\xd5\xfecj=o&lt;\xf9\x04XH)\x15|+]X\xb2\x9cK\x00\xd6\xcd\xcd\xf6\xf6\x97\xbd\x95Lf\x05\xd8\xe4\xef\xe4\xc7\xefPw\xc9\xfd6\xb4\t\xc8\x9fTiG\x82$\xcdO\xb9\xcf\x9f\xe7\xeb;?^\x7f8\x9c\xa2d\'\x0e\x9e\x1a#\x9f7\xaaj\xe9tJ\x1d\xfc\x8c\x1b\xcc\x1a\x8d#\xbd\xb8}ysy\xf9\xf7.0\xad\xac\x84\xd0\x87\x7f\x05zL\x9e\xc9 *\x82\x08A\x15C\xa4#M\xc2\x9c\x88\x96&lt;}\xaf\xf2\xbc\xfc\xc7\xf3\x0f\x94\\\n\xa2\xa7\x9e}#\xc2\xc2eH*4\xe3\xd9\xd8d4\xb8\xb4\x98^\xdb\xbd\xdc\xbd\xb9\xd9[\xd9\\\xc9\x842\x04h\xe6\xdf\xcc\xa0\xbeG5\x0c\xa1\xd6\n\x856I\x98\\\t\xd8\xb4C\xaf\x96\x97\x0b\xfc\xa3\xc3\xaf\x1d\xd4\xc4\xfd\x9a\xeb|$\xb2_\xacb\xa9\xc0h\xe1\\\xee\xab\xbe\xbe\x9d\xe8\xd5\xd5\xd2\xd2\xe2\xe2\xda\xe56\xb1\xb7\x17\xcal\x92\xb6\x0c\xd0\x01\x95X\x0c\xd3\xa1\xaa\x15@m"\xb9\x12\x1a4\xe3\xa2;W\xc5\xfd\xf3\x8e\x0ej\xde\rjk\x0e7\xf8\x8a\x08`\xd1q\x99\x0cN^n\xcf\x1f\xcf\xff\x98=\x19x{\xef\xed\xced\x14v\xd9\xe2\xde\xde\xe6\n\xe8\xb3\tM&amp;\x9f\x9f\xef\xf7\xf9`\xc2\x07\x08\x92 W6\xbf|\xd9\x0c\x91\t\x8d&amp;\x18\xcc^\xed\\l\xe4\xcf\x07\xa9\xb9\xe1\x02\xb5\xa6N\x9f(:\x01\xab\x84\xe32\\F\xe3H\x98\x8a\x19X\xfb33\xb3=\xcfJ\xe6\xecbho\x93\x10\x13P\xb1\x0clG+L\x88\xb2&gt;\x99\xd4k\xcc\x9a\x00\x11\xfa\xeb\x0b\x941\xa8\tf\x97\xb2;\xeb\xdf\xce.\xae)zd\x01\xdb\xbc\xafP(\n\xcb%6\x1df\x97\xac\x9b#i\x9d\x89D"/\x14\x11\x85\x82\xcf\xec\xc2\xcc\x0e\xc7&amp;aC\x07\x90\r\x0e\x1e\xab\xc9\xe9R\xe1l6\x9d\xce.\x95J\x06s\xe8\x0bTQS\xc5\xba\xba\xf8v\xf8\x95\x9a\x8b$tTo\xf1\x9f(\xf8\x80E/I=\xb4nK\x17\xf7\xf9\xb3{o\x1f\xf60\x9by\x12\xc9\xa8\xc5\xb3\x90\xd4\x136\xb7X\xec\xf6!\xa1\x9c.\x86\xb0u\xccb\xb7\xb7p\xb9-\xc26\xa9\xc1A\x12\x01\x84\x95\xcen\xaco\x1dR\xf5x]S\xb3\x9ao\xaf\xafb\x95\xe8R\xa9\xb0\xb1\x91\xd5\x84c\x93fL\xfa\x182\xa3d\xcc\xd2\x8d\x1b\x92\xc8\xfa\xa9}p\x14\x82a\x16u\xdb%\xcd\xbf\x81\x7faJ$\x1c`3h\x02?\xb1.\x8a\x1f?t\xd4R\xd4\xf0S\xeb\n\xf0[/\xf6\x97a+J\xb9\x8d\x8d"\x91\xc8\xa5_Z\n&amp;]\x10\r-\x10\xbaD\xca\x94\xc9\x04\xc539\x9d&amp;g\\\xa0\xf5\x8e\x8eB\xda\x86\xcc\xca\xe3\x01\xf4c.\xa6\xd7T\x8bxU\xd8\x98\x1a\xa4\xe8E\xbdf\xf0\xac\xa5{\xe3(\xc2\xcf\x03\x96\xac\x89\xd5\xc8\x82Q\x1f+G5f\x83K)\x9a\xf0z\'\xb4\xac\x91X\x0c19\xe3q\x08c\xc3\xd3s\xa3/{\xdf4@\xc4\rkYB0CxR\x13H$\x10\xd6\x16e\x8f\x9d57\\\x1a\xab\x9b\xa3hGX.%d,\x06\xca\xa7"\xcf=!\x04\xc6\xd1\xf0\xf4\x04$\xd9x\xcc\x99\x8a\xa5\x00\x0b\x82\xeb\xc4\xdc\xdcK\x88\xd3/\xa7\xb5\x90\x15\xc1\x00\xe18\xce6\x07\x13\xd9l\xf6\xa2pN\xd5\x9bb\xed\xeb\xf31\xa1\x0c\xc7[A\xad\x92\x0b\x8c\x83\x8e!\x82\xa0\xe8\xe5\xb4\xce\xbc\xa8k\xa8\xab\xfey\x11p\xa54\x9a2\n\xae(\xe3#\xae\xb9\t`\x85\xcc8\xeebc\x80U\xdd\x88\xeb\xc5?\xa9{\xba[\x9d\xf3\xd2\xb1\x9c\x87_(\x01VL7\xa2\x9d\x0e{\xc3\xbcG\xff\xfc\xef\x8f\xfb\x0f"\xbc7\xbd\xe1\t\x11\xc8RN/\x1e@\x1dc#\xde\xaaVc]\xcf\x9bX\xc3\xc3\xbaX\xaa\\\x1eg\xa34\x92\xcd^\x15\xd6){\x8a\xaa}}\xe9\x1dV\x8e\xeb\r\x9d\x85\xa2G\x19\xabvt\xb8\xf7\xcd\xec\xed\xa3_\xffu\xff\xc1\xc5\xc0X\xafE\xc8\xd0Ah]\xdc%\xfa\xc5\xbe\x98`b\xae\xf7\rO23{r\xd2\x02\xf9{b\xc4UNb\x18\x98\xfelv2\x7f\xf4\x9a\xaa"\xd6tlO\xebR\xaed\xb2\xa7X\x94\xea\xe2P\x14\xbc\xa9;\x1cn\x1d\x98yT\xdf\x109\xdai\x81\xe3Q\xa5s\xaa\xd5\xdb\x97\x07b\xffAjD;\xf7\xa6\x9e)y\xa6\xf8\xf1\xa2\xa1\x9e\xc9\xb1\x87\xbd#X\xce\xb0\xb0\x10\xcd\xa6\x97\xf3\xe7_o\xa8y-\x00\xac\xadi\xd8_J\x17`\xc9\x04\xbaq\x17:\x17\x192\xcf\xce\xce\xc0\xef\x16{\x8b\xc5"\xfc\xb4\x8c\xc1\\p:\xf6\xfa\x8f3\x15g|\xb8\xaa\xe5\xea\xed\x8f\'\xbf\xdc\xff\xb5\x99\xc9\x19\x9b\xd3\xb21\xcc\xacIdKm\xc1$\xb1;E\x8d\xa9\x19&lt;\x9b\x1e\x89\xc3\xe4\xce\x17\x0bM\x90\xa6\xc163d2\xfaP\xf4\xea?;8\xab\xfb1\xcd\xf3~!e\x8a\xc5\x9d\xe2\xcc\xfc\xbbwb\xa7S\xe4\xb5\x84[\x06nog`p\xb5\xfe^\xd7\xc0\x1b\x0bkq\xcc\x1c\xccf\x8b\x98&gt;\xe7\x98\\\xa5\xa4\xbd@-/\x8c\xa5\xe1F\xc0\xaa\x12\xc1\x84\x1f\xc2\x86&amp;\xdf\xbf\x9f\xecc\xb0\x80jh!\x05\x03\xcbi\xf5\xfb\xe7\x8f\x8f\xfba\x9c\x0e\x8b&lt;}\xb7\xb7\x03\x0f\xeda\x8b\xbd\xbb\x11\x06.\x8bF\xcf\xa1\xb9\xb5\x9c3$\xe9\xf6\x1b\x8a,\xe0\x9aW\xe0\x8c\x8fx\xff\x8f\xc5\xc0_\r\x99sf\xf3\x10\xdd\xf3\xf4\xa9\x14\x0ed,U\xbd\xa0Q\x8b\x7fb\xc1\xa6\x18Q\x0e\xbd\x7f\xfb\x8a\xc1\xd2\xb2D2%\x96\xd3\x07\x02\x01\x08\xb7\x89\xecB\xd2@\x1f\x95NQd\x1f.\x85\xff\xa3\xdd\xfcB\x12\xdb\xb78~\x0f\xc2\xe1&lt;\xcdS\xec\x1b\xcal\x83\xdanm_\xb7\x06b\x96\xd2\xee\x8f\xda\xde\xc6&lt;h\x9a\x10[\xcb\x9cv\xa1eY\x1a\x93)5!!\xf6G\x91\xa9\x89;C9Yd\xc4\x9c:\x16\x85\xcd\x14C\xe7\xc0@\xd0\xc3\x1dfz\t\xee\xa5`8\xe7i\x98\x97\xb9\x0f\xf3p\xb8\xeb\xd7\x0c\xf7\xf1\xbe\\]\xa0 \xbe|Xk\xfd\xd6Z\xdf\xdf\x1f\xd9\xe9\xe3Y\xed\x8b\r\nyK\xb6\xeeJ\xdb]vXZ\xd1t"\x91\xd8\xde&gt;\xf5\xf5\xf4\xf7\xf7\xf8aR\x06\xac5?h\xd9\xee\xd9V\xdc \x86b\x06S\xec@"\x0e\x13\x17\x8cc\xde\xf8\x92C\xd1\xba:\xe6\x18-\xd1\x05\x9b\xab\xb3\x9c}\xb6\x1f\x07,Lk\x18p\xb8\xec\xc8\xa0\xc9\xf9\xf2yP\xa80\x13\x07\xa1\x1f\xfa\xc1Yk\x17\x99\xcc\x85\xdf\x0f:\xa3\xfbq\xca\xac\xady\xf0`Z=\x90\x08=:\x07\xdb\xf7\x86\x96\xb6R)\xeb\xd8r\x89\xb0DG\xb7\x97\x8f\x1f\x07\xcf\x10\x96\xd4\x9cJ\x84\xe3 d`8\xf7\xce\x0f.\x0e\xed\x9f\x14\xe6C\xed=\xf5==\xf5\x08k\xef8\xb3\xd64\xbe\xb7\x97\xf1\xb7w\'S\xd0xZS\xdb\xbe\x9d\xfd\x93\xefX\xbez\xebX\xb4DX\x7fYy\x9f\xea\x9c\xf5\xb2O\x01\xcb`Nm\xdb\xe7\xb3\xd9\xec|.\xbb{rrr^\xd8\xcd\xe6\xf2\xed0\xd3\xf44\xdda\xed\x81\x84\x1d\xcf\xec]\xac\x81\xd7\xd0N\x04\x10\x8f/\x02\xd6\xc9#\xc0R%\x17W\xc7\x96\xdaJ4n\xb5\xed\x9agf\xe3\x14`\xe9U\xe6\xe4\xb6\xdd\x9b\xcd\xe6vAY\x9c\x14\x8a\' \xaa-\x10\xc2\x1e\xbf\x1f\x84\xab\x1f\xbcu\x8c\xb8\x9a\xfc\xfe\xb5\xcc\x05\xda\xb9\t\x06\xeb\x9bz\x1f\x81\xc0\x1d\n\x85\x96\xa8\'\xbd5\xd6B\xa9\xb0\xfa&gt;\xe0Of\xc2U\xaf7X=\xa40p\xe5\xe6\x91\xc8/\x14\x0b\'\xfb\xbbY\xcb)\xb8\xc4\x0fJ\x1aP.\x8e\xaf\xaf3\xf5\xf5\xe3\xf5A\xbf?\x03\x86t,\xb0)\xa2\xa0\xcc\x00K\xbc\x9a7\xd4]\x95l8\xfd\xe0P?P{\xba6X\xcc\x0c\xc9\xe2H\xdb\xe3\xd9l\xa1\x08v2\x94\xdd\xb5\xa0\xfd\x1a\xe0\x02\xaa\xb5\xcc\xf1\xcd5\x84q\xbc)\xd8\xe3_\xdbC\x06\xa3t0\x98J\x0cB.\x86\x96\xb4\xab)s\xa9b\x08X\x1fat\xe8\x9c4n\xe8\xef\xb0\xb6\xedv\xa0\xfa\x17Xa\x7fp&gt;\x1bO\xa2u\xe8_kj\xba\x00\xac/_\xf6\x000\x98?\xado\x82\xc4\x87\x98\xee\xf4\xd6\x9f\x826\xf3z\x07\x97\x96j\x9e\xb7\xba\xaeJ6\xd8\x88\x8e\xb6Tv_\rL\x10\xfa\xd6\x81\x81\x94\x039\xab\x08T\xc5b!o\xb1\xd8\x93\xc9o\xdb[\x99oX\xb0\x16{\xfa\x1d\xf1\xdeE\x08\xe21\x04u\x07d\xbf\x0f*j|\xe9\xf6\xc9\xf3\xceRe\xd6]\xce/\xe1\x89\xd0\xa6\xf1\xe9\x86^5\x90\x1aH\x87\xbd\xd9B\x01\xdc\x95\x9d\x8f\xf7o\xa7\xed\xc9~\xa8\xa0\xe3\x99\xc5=\xc0\xb8\xb9\xf9r\x93\xf1\xfb\xbb\xcdv_o\x13p\xed \xb0E\x9f\xcf\xee\x83N}\xbb\xfa|\xe0\xaat7\x17!\x8a\xb2\xcdm\\\xf9\xf4\x05f\xc0e\xb8\xc2\xee\x9d\xcf\xa1\x9c\xf7\xfa\xf2\xc9D4\xdd\xdf\xdd\xde&gt;\xbe\xb7S\xfcZ\x04\x06\xe0\xba\xde;\xbeN*\xec\xc1\xfa\x8b\x0cT\xb0\x9d\x9d\xeb\xfd\xc1\x10\x08\xb2\xf0\xd2\xf2\xeajh\xa5\x94X+\xcb\x01\xbcN\xf9\xfa\x05\x85\xa9p\xd5@\xc2\x12\x0f\xcf\xef\xee\xce\xc7O\xf3\x16\x90?\xddM\x8b\'\xe7\xd7\xe7_\xff\xfcz\x0c\xde\x02;\xbe\xf9s\\\xdb9\xdb\xdd\x83\xf6\x07\x17w\xf6w\x1e\r\rZ,\xd1\xdb\xe5\xe4i\xb1\x94\x17\x89Em\xafX\x83F\xd9\xf5\x94\xc2\xf4*Uj;m\t\xe7\xc0\xe2\xe90T\xb0d\xcf\xf8\xce\xfe\xf9\xfe\xf5\xf9\xf95\x8a\xd8\xcd\r\xfa\xecMO\x9b\xbb\xd1\xb6s0\xb8\xb834\xe4\r\xd9]\xd1\xdb\xad\xde\xd0U)o\x9f\x8a\xfa\xfe\x89\x190\xa5\x11aa\x86T\x12\x06\x88p\xd4\x15\xb6[\xa2\xb9l.\x95\x82\x9c\xaf\x87\xca\x0e+\xef"\xf3\xcd\x16\x9b\xa6A`\x80tl\xcf\xb7\xe7C&gt;$^]\xd1\x9f7\xf3\xf1\xd1\x12c\x19\x92\x9b]FH.\xd4\x15S\n\xc7\xfa\xf2r4gYO\x87s\xbb\xe9\x07\x93\xd69[k\x1e\xed\x01B\xc3\xe9\x07\r2\xd3\xd9\x89\xce\x85g\xd1Y\xd96\x94_\x84\x15\x8dnm\xe6\x8b\xa5\xbd\xe2):\xdaLm\x1a\x9b\xbbt\x94\xc1`\x86\x82\xea\x88D\x96s\xd1\x01\x07\xday\xcbE\xdc\x0f\x1f&gt;\x040\xf0\xda\xe3\xd9\x99Ut\x8a\xfedZ:\xbd:\xa2\x06.\x10&gt;\xa9\x04\x0c\x1c\xa0|\xb6\x14\xa1\xa3\xd2\xde \x16\xb5}tm\x1a[\x8c\x84\x0ea)\x14\xb2\xc8\xb2k]%,\x1f\xa6\x0f\x97]\xd1\x08CQ\x1a\x8e\x1b\x19\xb1!I\x04\x88Of\xa4ji\x8dM\xab\xeeD\xbb\xac\xad\x8a\xf5t\xda\x15Y\xde\xb0\x17GK}\xaf\xb9o\xe5\xd7_\xa6\xa6\x9c:\xcc U\x9bU\x80\x15\tD\x0e\x0f#\xcb\xeb\x91HD\x10\x04\t?,w\xba\xadcccsn[\r:\xa92\xab\xa5\xd3Z\xb5Y\x8d\x0e\x1e\x15\x10\xf3\xc8\x96~\xf0k[\xa9\xb1D"\xd1\xdb\xd7S]\x84\x06\x86N3.\x8bDx\x01\x86yD$0\xac\x93\xa69\x13G\x98\xc89\xabu\xce]gP\xb5\xb6\x0e\xa4Z\xd53\x88\xcb,\x95\xd6\x88\x05\xa0\xda\xd0\x87\x8a%\xc7B\xfb\xa7]\xcdN\x82\x10\x8b\xa5R\x1c\x17x\xc9\xc1!@1&amp;\x8a\xf3\xb8I\x92`\x18\x8dM\xa3\xab\xab\xd1\xc2\xb0/\xb6\x19d\x90h\x03j-\xc4\xd2 \x95\x8a\xc5\xb2\xc8\xd6\xd6\x0b\xce\xf1\xb1\xaf\x0cXo\x9f\xb6\x18iZ\x83\xb0x\x81\x17\x0e$r9\xeb$=6&gt;\x16;;\xbc\xcc\xe5\xc2\x16\x18\xed\xd3iH\xef\x04\xae\xc1q&lt;\xa5\x92j\x81J,\x15c\x01~\x93\x7f\xb1Q\x18-\xfd\x95yt9]i$IO\x1dt ^"\x91?\xa3\x9fM8\xe9\xba\xc0\xc1\xe5\xc1\xd9!\xd8\xe5\xe5\xe5\xbaC\xa1\x80\xe2\x91v\xc5\x1db1\x14^\x95Ak@\xa6\n\xf0&lt;\xb3q\xd5V\x8e\',?\xad\xfc\xa1l&amp;\t\x8e\x10\xabdL\x95\x89$\xe9g4\xc1\x08\xb1aIU\x95d\x98\xa9\x02\x0f2\x0c&amp;\x16\x8b\xa1\xe4\na\x17|\x03\xbf^\xaf\xc2q\x0c\x83\xff\xe4\x7f\xac\x94\xe7e\xcd\xe8o-\xb4\x93#tT@`\xaa\xe8\x06z\xc2ib\xaaX\xb9\xc9d\xe28\x8f\x07\xfe\x10W\xd8ln\xb7\x1b\xed\xffa.\x17Eh\xb0\x00\x12\x92\x80\x15\xe0Y\xf9mY\x9c\x85\x92\xab\xab\xcbIO\x10:\x86\xa1X\x92v\x9a\xe4r\x82\xf3\x00\x92{\xf2\xb9u\xee\xf9\xe4$@Y\x91\xcd-Lz\x88\x88\xb0@RzL\xa6\xc0e\x02\xc6\x82\xfdR\x1eg\xfd$\xbaz\xad4:i\x92\xa6x\x9e%\xe5r\xf9D\xc3\xdf\xe6\x80\xc7j\xa5\x87%\xc3g\xc3\x9c\xe4\xdfgd\xb5|a\xcc\xba\x00.\xb3\xf1\x9e9\x92\xd0\xe0\n\x19\xce3:\x8ae?\x88\xca\xe4\xad\xab\xd7\xb5F\xf0\x12\xa7\xc3\x04\x13-\x89\xc1J$\x17&lt;b\xa9Y\xcd\x1f\x1e\xe6r\x97\xc2e\xee\x12\x17\x9f\x998\xb7u\x0ep=\x9a\x85\x05\x92\x0b\xac\xcbxFO\xe8X\xc9Q\xb9\xb0F\x7fn4\x02\x17\xcd\xe9x\xd64|\x16\x1b\x8e\xc5\x18FH\xff\x0e\xf6\xf9\xbf\x86~\xb5\xd6,@\x0bB\t\xc712\x81\xd1it\xacI\xf2k\x99\x1e\xdf\x89\xfa^u(\xbb\x8c\r\r$\xc5\xb0r^\x12\x8bU1&lt;\xcfG\xd2\x96O\xef\n\xef\xee\xec\xd3\'\xf4\xd5{\x9aV\xa8(\x82\xd0\x10\x04Ga\x0c\x0b\xab\x81u\xbe\\)\xd3\xdb(\xc8\xf9\xa9ZesK5m\xa2t&amp;&amp;\x06\xc6\xe8\x99\x80\x10\xb1x\xdf\x15\x8b\xdf\xb1\xc0\x06}\x16\xbb\xcb\x01\xf9\xc4`\x9c\x06\x13\xeb\xa9\n\x82v\xd2\xaf\xda\xca\xf5\xf0N\xf4\xf6\xef\x8d\x8d-\xb5-\rN\x9diB.\xc4\xce\x0eb\x0c\xd4)&amp;\x92\xf6~\xfa\xc6\xf4\xf9\xf3\xa9\xef4\x9dp\xc8p\x95^\x1f\x08\xe89}\x00\xa3t\x14A\xd3\xce\xb7\xe5zx\nu\xfeMccc-\xb4 \xc2I\x9b |\x07\x11\x81\xd2T\xd8*\xf4\x8a\xc4\xef\xdf-\x99T\x89k*j\xf4\xb8L!\x0bP\x1c\x86c\x04\x84\xd2C\xff\xdf\xb7\xdb\xfe\xd7\xa9\xe2\x9b\xcaF\xf4\xea\xaf\x99$Iy\x8cG3M\x80\x12\xdb&lt;\xee\x11\xa8\xa2#\xee\x110\xf7\xe4\xdc\xe4H\x85A\xa6p@e\xd0\x13T@\xc7q\x04G\xd3\xef\xdb\xca\xf7xr\xe5\xe5\xbd\xca\x8e)eu\xb5\x91&amp;\x9f\xc9YA\x88\xa0\x86C\x11PR\x17\xe6\xd0f\xfcC(\r\x936\xe8N\x8a\x04tG\x9c\xd1A\x00\xa1\xe2:\x9b\'&gt;\x96\xef\xf1\xb0\xa8\xed\x1f\xb5\x95\xf7::\xaa\x95\xcdS\xcdJZ\xce\x06\x04&gt;\x10`x\x96b1Jc\xbb\xeb&lt;6[\x8d\x18\x02\x08&amp;\xc3\xc1S\x1eHv\x924\xb6\xbc9*\xdfSSQ\xdf\xfb\x8e\x1f~\xbcw\xbf\xa5\xa5\xe3~GG\x83\x89e\x19\xb0\x00/\x80\xcf\xf4z\xfd]\xa3\xd6\x8a\r0%\xde\x85\x10\x83T\'\xe9\t\x8e\xacnhy\xb9R\xc6\x07\xb0}\xef\xa7~\xfc\xe1^\xe5\xfd{\x95\x95\x7f\xadUN\xc8\x99\xaa\xff\xd0r\xbe\xa1i\xedg\x1c\xaf\x1a\x9d\xda\xf8\xef\xc6?I\x9cV\xaf\x1a\xcd1\xb5\x13\x15\x14\x1b\x9a\xbe\xf0b\x16\x88R\xae\xc4C\x92\x82ed\xe4E\xc2^y \x89y#\xf6\xb4\xa3p{\x19\x19\x189\xe4^\xb8s\xb0\xf9.\x15\x84A\x82\xb08E\x8b\x82\x0cI0#\x0c\x11\xda4\x84&amp;\x85\x10\xda\xc1\x9e\xe7\xd8n{\xb1\x8d{\xb7\xe4\x07G%\xe4\x1c?~\x9f\xef\xef\xf9=?\xf5\xf1\x1ef.\xa8P_,\xcc\xcd\xf9\xfd\x0bz\xac\xfa\xbe\xd0\xeb\xb7\x9e\x83\xe1\xbd\xb1\x98\xd5:\x13wX}&amp;\xdf_\x7fq\x8dX\xbc?d\x08\xc0\x92\x0ert:\xcdmX\xabY\xb9\xe6\xee\xa9\xe7\xb6\xc1\xfe\xa3+#z\xfd\xcf\xb1z\x07\xc7/\x8f\x04\xbdV\xab\xcf\xe7\xb0\x9aL\x92\xfb\x81o\xae\x13\xeb\xc6\x9f\x03\x0e\xa9\x803\x88\xdfq\xe6\x0c\xcd\xc4\xe36\xdb\\b!\x91\xd8\xdeN\xac\xbc\xdcz\xbe\x16\x89\x8c~\xf5\xd5\x17#z\xac\xb9\xe6\xa0r\xf5\xf9&amp;|\xa6!\x89\xc4\xb1\xf0\xcdu\x06\xf1\xc6\xef\xbe\x8d\xaf"\xd7 \x7fP 0A\xc9\x150$\xb6\x13\xdb/\xd9\xf1&lt;\xb2\xf5$\xf2K\x98\x80\x90LG\x96\xfd^\x87\xcfz\xfb&gt;\xa1\xd3I\'\x82+\xbf\xbfV\xb5\xfe\xf2m&lt;0!\xe0\x0b\x04\x02\x8e\x86\xa3!V\x1d\x19\xed\x0e\xe4\xfam(\x99_\xbc\x98\xd3oA1\xffdT\xaf\x1fY\x1e\x81\x9d\x87\xd5w\x7fhL\xa2\x93h\xe2+\x1b\xd7\x8a\xc5\xfb\x936\x10X\xc5\xee\x07\x0e\x80\r\x12S\x9b\x9bq\xad\x81-\xe4_\xbc\x84,\xb6\x12\x89&lt;\xf9r\x14\xeaQ\xbf\xd72\x03\xce\xbaOh4:\x8d)\xb8\xb1\x06X\xd7\xd8\xc4\x0cX\x99\xf8&amp;\x81\x9dm\xa2\xbeA\xa9n\x82\x98\x88C!\xbf\xb3\xfdb{\xe7^ba\x0eV\x9c\x91\x91;~\xb5\x17\xb3\x95\xcf\x04\x01\x94J\t\xef\xc2\xc6\xfc5b\ty\xd4e\xc6\x12\x9f\xc9lNq\xfa\xf8\xd8\xe2&amp;\x05)\xac\xe8|\xb6\xf4\xb2\x07!q\xe1\xce\xc2\x0ef\xbf\xbdz{J\xc7\xd1\x80Z3s+\x1bk\x7fl6\x92\xd7\xd4[\xcd\xcbV\x8f3\x16K&lt;\x10\xdf\x9c\xe2\xb3\x9d\xcb|\x1dA\xf8 \x8f;\xe2\xf1L\xd0b\x9d\xf4\xbaa\x9f\xe1V\xcf\xdc6\x11\x04\xa1\x03&amp;\x8d@b\xb5\xccm\xcc\xaf\xfd-\x9a;L^\x0b\x14\x8f\xe9\x94\x0f2^\xd8\xe8\x042\x9b\x1a\x08\xa2@\x04r\x01\x17\xa6K\xc8\x05p\xc4b31k\xccJ\xe8`\xfei\x04\x1c\x98\x17\x1a\xd8f|\xb7\x05Xe\x12\xb9\xaeZ/\xa1\x90Gw\x8b\xe5\xb3\x19\xaf\x056&lt;\xc0%\xe5c\xfb2\x1f\x04!\x88!)\xe1#\x86\x80\xcdd\x1a2\x99L:\x0e_\xc0\xd7\x08\xfa`\xbe\n\x86&amp;\xed\xcb\x91\xad\x8d\x9f.-\x86\x14\xc0%\xbcj\xad\x92\xf9n\xb1x\xfc\xc1\xe2\xb5\x00\x17\x90m\x12|A\x1f\xdbC)%4\x1c\x8eN\xa3#$c\x12\xcd\xcd!B#`3\x88\x08\x1b\xa5$&gt;\xb7\x7f\x14?\x106&lt;\r)\x06\xae\x9c\x8b\x97&lt;,\xc2X|g\t@\x14m\x06\x83\xc1\xb6\xa9\xc36f|r)b\xf09\x1a\xb8\xeb\xfbL\xc3\x01R\xf4\x1d\xf61J|15\x149\x91\xad5\xdb\x81K1\xa0\xd8\xdf+\t\xafT\xab\xbdZ\xb9X,?}g\xc1 \x06\x82\x06\x9bA\x9b\xd1\xb1M\x92\xd8,\xdc\xd7\x87$\xbd\x06T\xbe\x88\x0f\x0f\xfaD@*1A-\xef\xd7G"[\xf3\x96\xb3\xa8b\x80\xbb\xfb\x86\xe6]]K\xee\xa3\xec\xe1~\xb4\x87\x05\xde\xf2\xc2\xc6\x15\xe42h\xe3S\x02\xb6\x9dT\xc4\xb6Z\xf7:\xd3\xd9\x84\xc66\x06\xf2\x05c&gt;\x8bZ\xad\xf6\x83Z\xcf\xd7zX\xb9T\x95*\x95\xae$\x83\xf1J\xa5d\xbdR(\x96\x8d\xaa\xf2\xe2\x87\x19/\x1bD\xe4\xd2\xda\xe2\xab\x02\x11\xffc\x87i\x1f+\x9b\x08c\x87m\x9c"\x91@\xf2\xcc\x0f\x15\xb5z\x19\xb0\xe6\xe7\xad\x1f\xb1\xde4\xa8d\xe9\n\xbe\xfd\xc3\xe3\x85\xf3\x9d\xf7\xb9BtZU,/\xc2L\xf4\xdaXoi\rZ\xadmsB\xc76\xbf\xb2\xfd\x9c\xd8\xab\xdb#B\t?\x1b\x8a=\xb0c%\xb1\xac\x1f\x89\xcco\x11\x07!\x16+\xd5\xea\x1e\xd2\xc9\xffO0\xfc\xb1\x97$}z\xf1\xfe W\x08-\xaaT\xaa\xf2\xd9&amp;x+\xc8\x06Q\xab]\xd2\xda\xd8\x84\xdfk~\xfdQ\x9f\x80\rh\xafMx\xcc:\xe9v\xbb\x87\xfdw\x00ktk\xed7\xef\x16\xc5\xb2~1`\x15/Z\xad\xce^\xb6\xf4?\xff\xc0\rBQ\xf9\xcb\xf3\xcbz\xba]\xf9\x9aD\xacq\xf0&lt;dSC0\x88j-\xb1\\ \x98\xe8Scn\xef\x01LGS\xcckw\x83\xdd\x97\xa1\x96\xfe\x0e\x1co\xff\x10\xe5\xcad\xf2\\j\xbf\x99\xcf\x9f\x9e_\x9c\x1f\xd2%\xc8\xad?\x1c\r^\x8d\x90j\x9c\xbf\xbf\xcc3\xcc\xaf\xd3\xadB\xae&lt;\x8e\\g\x0ev"\xf6\xa2\xb8\x940\x00\xd7\xea\x94\x86/\xfa\xd4\xc4\x8c\x8d\xb8\x92!\x9f\xc3\x0bR\xd9\xd5\xfe\xbb\xfe\xbb\xe0\xad\xf9\xc8\xd4\xa2\x18\xb1\n\xa9\xfd#\x8a\xca2\xf5\xcb\x8bVu/\xc9\x13\xfeP\xcd \'0m\x84\xcaf\xe1*\xa7\xadB\xa18\rT*\xc8\\\xb6`o"\xc2\xe8\xe9\xe5\x98 \xa4\x90&gt;YK\xfdX\xd4w\xd3\xe4\x9b\xb4x\xbdn\xa7\x1a\xa4\xf2\xdf\x01k}\xb9|6+V\xc8\x14\xa1\xfd\xd4~\xb7]\xa7)\x8aI\xb7\xbb\xe7\xac\xcb\xbe/\x18\xc6\x8e\xf7(\x9c&gt;=??M\x03\x14\x95n\x16\x9f&gt;\xdd\x85(\x8e\x8f\x03\xd7\x81\x03c\xa8\xed\x05\x11\x0e\x03\xcb5A\xe88\xbd\xfe\xc0\x9bc\xb0\x08MZ,n\xe7\x03\xf0\xfb\x9d\xbb\x80\xb5\xf5\xdb\xd7*.\x97+\xe3\x92\xa9Taq\xb1\x0cB1Y*\x9bnw\xba\xf0(\xf9\xfd~\xeaC\xc8+\x85\xf1\x94\xcbz6L\xc1\xd9\x8d\x96Gu|P[/\x94\xa7\xc7\x01Lu\x16\x0f\xf6\xa42,\xfc\x91\xd6\xf9\x00\x00\x08&lt;IDAT%vv\x96 \xdfg\xe2\x8e\xd5\t\xd3\x98\xe4&amp;\x8c\x9f\x8d=F,\xa5\xdb\xe9|\xe0\xc4wuq"\xda\x8ee\x80\xa5\x98\x05\xc7W\xde_\x94\xa7\x8dd\xb3\x91f\xa8p\x98nw:\x87i\n\'\xe6\x7f\x15M\x08\xcbL:_\xaf\xe7\xe1,8-\xcc4\xba!O\xeb\xb4\x9e\xef\xec\xae\xa3\\\xe3\xaa\xa8\xea\xad\x05\x0c\xdf\x93\x0b\xb8\x12\xb0n\xc73\xec\xae\x0b\xc0$cc\x8f}\xd6\x98\x13\xa8\x9c\xe0.\xf5\x1d\x10k4p,S\x00\x16\x17cX\xa5\xf3\xf5\xd3NkV^i\x1e\xe6\x990\x08Po\xb7\xf34\xda\xec?\x94\x17\xf0w\xde\xa3,21Y \nS\xcc^\xb5U\xf4\x18;i \xa4O\xbe\xfe\xda\x08rM\xab\\\xc6\x0f^\x16\n\xa3\xb8\xb4\x03\x82\xd9\xe20&amp;\x81\xeb1\x8eg\x0f\x1f(\x11K\xa9T\xc2T\xbc\xab\x1fQ\x1f\xc8X,\x14\xebM\x1e/\x9c\xa5\xeb\x9d\x9aK\\yu\x84d`\xb4|&gt;M%\xffm\x92\x05\x9dJ\xe1t\xfb\xb4Ng\x19:\xbdwx\xd4\xe9\x9e\xd4\x8c*\xd5y=\x8bT\xf5fa}W\x85r\x19g\x8d\xaf\xd5\x1f\xd5Z\x02\xc1\x12,\xd8\xcc\xa4\xc3\xfa\xf0\x19\x8e\x87\xb1\x078\x94p8Q\xad\xe1\x03Y\xbfB\xa1\xe0\x8a\xc1Y\xa9\\\x17E\x82\x0b\x82M\xba\xb5\x10\x90U1\x9c\x14C\xd3t6\x8c\xe9_\xf8\xaf2\t\x85\xa50\xdd\xe8tN\xe9l\xfe\xa8[\xa9\x19\xc7\xa7\xa7=\xb3\xc6\xe2\xc5)\x13\xa6\xc2\xccQ\xcbX\xcc\xad\xaf\xe7\xc6Y.\xb1\xf1\xf5=L\xf2 \xd6R\x02o\xb4\x89\x846`\x99\x8c\xc5\x1e\xe2\x1b7J\xb3\xd9\xect\x9a\xcdJ3xK?|\xd6\xffy\xbfL&amp;\xe3\x8a\x0b\xa9\xd4\xbeJ\xe5\xf1\x84N\x8e\xf6h*\x9c\xcc\xe6\xdb\x9d\x93\x1a\x97\x9b{u\xd4\xd8\xa3\x99,\xc30\xec\xc2\xf4O\xac\x12\x95nT;\x9d6M\xe5\xab\xb5\x16\x8c\xf3\x8b\x8b\xf3n\x07\xa4C\xcd\x1b\'.W\xc8h,\xac\xaf\x93\x90#\xc6U\x1en\xf4\x13WbI\x8b\x1f\x16h\x13;\xda\xa0\x1d\\\x0e*\x99A"\xb5\x1b\xbf\x03\x8b1\x1c&gt;\x00\xaa~\xe0\x12\xef\x82X\xa4\xca\x18\x8d\xba&lt;\xb3H\xc6\x84\x93I\x8a\xce\xb7\xab\xdd\nI\xe6N\x9a\xc0\x96\xa7\x11\xac\xf4\xd1g\x14\xc4\xae\x8a\xe9$\x9c\xae\x82\xbd\xd34J\xca0YtX2\x99n\x86B$\x19\xf2\x18A\xae}\xa0S\xa9\x8c\x1en\xe8\xad\x1d\xd3\x04b\xc1L\x84\xc5(\x18\x0c\xda\xdd\xe0\'\xa7\xd9i\x1eF\xa4\xe1a\xb3Y\xfd\x13g\x8f\n\xb9\x80\xaa\x105F].\xb9\x98\x14\xcf\xca\xc9W\xa0\x19\\\x9e\xb5\x16\xb2\xd5\xc8\x1c\x1bR*\x99\xec\xad\x99\xe9:b\x86\xd1\xe1\xdd&lt;\xeb\xf60\xc5\xde\xc2I\xf4Q%$\'Iy\x08\x04\x03\xb9\n.\x8f\xc7\xa82\xba\xb8\xf2\xb7v{ \x10\xc4&lt;\x01\t"`\x0b\xda\xbdH\x05\xc3\xec\x1e\x86\xd5\xd0mV:\x87o\xd9\x8e1\x82,\x17\x86\x90\xf4\xb8B!\xb9\x18\xb0\xe4r9\x97KV\x9a\x80\x86O\x08\x99\x9f\xce7\xda\xd5f\xa5r\xd2&lt;\xc4\xdc\x91,\xdd\xc8b\xd6m\x1c\x9d\xd4\xc0I\xf8\x0fi\x9aN\xc3\x017\x8djE10@\x02\x96\\N\xca\xc9\xf5TjW.vy\x8cF\x97\x82{\x80\xdb\x1c{\x10\xd6m\xac\xa1\xed\x80\x05.W*!\x8a\xc30\x0f\xcd \xd6\xad\xd7\xc5^\x00\xe1\x06B\xb8\x8fB\xa1Tb.\xdeAA!\x9e\x9d%a:\xee\xb19\x8cU\x83\xce\x1f5O \xa0\xf0\xa7\x1b{\x8d\xea\xabJ\xad\xd5m\xd3I\x8ai\xbc\xaa\xfdc\x84&lt;\x1e(\xc0\x15$\x89\x97\x89\x1a=d!\xb5\x0eSj\xd6\x03\xaf\x9a+;\x88;\xdd\x80f\xf1\xe2\x9e\xc3\x8e\xef\xbb){\xc3\x89QT\xdf2\xbf\r\xfd\x8au{\x7f\xff\xe7\x03\x7fo\xba\x8cU#\xb9\xe10\xbe\xa8\x14\x03\x92\x10\xd3\\\'aW\xa9&lt;\xca\x80\x9b)\xaf8\xd0jZ\x89y\x82y\x01\x97\x93\xe20a\xcba*\xe7\x01\xae\xda\x07\xd8N\xb80\xf8Hq\x01\x17\xc1&amp;\x86\x14i\xce\xf6\x15K^ \xdf_\xb3\x86\xc8\xd8\xbb\xd8^\xe9\xa7\xef\xfb\xfe\x7fi\x1e\xdf\x1e\xc3n\x17\xea\xd8\'\xaaJ\xae\xb0]E\xa2)\xc19I\xf4\xc7\xdd\rYF\x06\xdd\xfd\xfd\xf0\xfd\xfb\xc3\xe6\xeb\x9f\xff\xfe\xf3\xd7\xb7\x9b/\x9f?\x7f\xb9{\xd8\xf3\x01F!\xd7-\xe3\xa6N\x1aC1\xe7\\\xd7\r\x8c\xab\xe9:s\xc6\xb8s\xadc\xe2\xf5\xe5\xec\xe7\xf3\x8b\x8b\xcb\x9f\x80U,,\xcd\n\xf1"\x13\x7f\xb9zbk\xac\xb4\xb5\x95\xbd~\x94!\x8c;\x8c\xb1\x8b\x9c\x11\x15\xe6\x95\x83T:q\xc5\x078\xfb\xf5\xc7\xf7\x87\xdf\x9f\xef(\\p\xefn\xf3\xed\x06\xfd\x13\xd9\xfb\x15J%\x9d\xfah\xba1\xc4\x81I\x83\x1b\xa5\xb5\xbaG\xccC\xc7\xb0B\x8c\x8f3\xf5k\xa0\xbb\x81\x8bx\xfcx\x01\xb5&gt;\xe0"}yyq\x92\xea\xe2\x03:\xfc\xd9\xf6\xe5\xb6\xb2+\x16\xa0\xaa|\x90X\xd99S\x8f\x1d\x9a\x8f\x91\xc2\x16,\xc9\xf1R\xe4#\xc0\x8aK\xb5\xe6\x1e&lt;\x1b\xdc4\xd0?a$l\xc7\xe3Io\xc28\x06\xc7\xb9t\\I*\x1eU):i\x87v\xdc\xc5\x83\xe2\xc4%\t\x8c\xf1\xd7\x97\x8fP\xe6\xd39\xda:\xba\xe7;\xd8\xd9\xd9\xd5\xd3P\x9d\xb0\xca\x0f7\x06\xa5\xe3\x18\x97E;%1}-\x05\x99\x88\xf5,2\xc6e?\xb0\xca*9\x80\xb0g\x84\xf6\xbcy~\xf8A1\xc2\xddC!\x88\xa9\xaf\xc7\xddX\x0f\x8cIg\xba.\xa6&lt;/%\xb9]p\x88G\x04!\xa7\xd4\x82K2!\t\x0c(\x94\xf5\xe2!\x05\xec\xfcx[\x9d\n\xb0*o\x0c\xeds\xd115M\x93\x17\xafb(V\xc2\xcc\xe2%\xa8$\x87~\x89\xcaT\xf6Ic=\xb1\x91\xae\x952\xd6\x14F\xfc\x1b\x1f:d3r!\xeb:\xb2e\x9e\x9b\x95\xaa\xc2\xad\x86\xa2Qs\xc2\xc2@^\x81\x07\xb0\xe3o\xc4B\xd9\xa2\xd7\xed\xa7\x97W\x8eDi}jXB\x98\x80\xdbG\xe8\xc1\xe4\xf1\xd54sc[iS\x1d\xc9K\x01+%QY\x81)y\x8f.\x89\xcf\xe6\xbcAW\x92%\xd2\xa5&lt;\x14i\x12\x1cvT3K\x93\xf8\xa5l\x9c\xe3\xd7\xd84\xba\xbc\x83\xf8\xfc\x1d\r\xee\xca\xfb\xe3\xd5v\xbb%\x03\xb7\x04\xd5\x0b\xa1\xff\x87\xc5\x8dC\\q&lt;H\xbd\xf8\xc5\xfbFA5\x0f\xef\xc2\x18L\xaf\x08\xab\xc8V\n\x13\xfdQ&amp;e\xb3\xb5\xc0rm\x17\xda\xb5h\xa5\xc1\xf2;\xe4\xb2k\xb9X\x08K\xd6\x12r\xa9\xae\x94\x11.\xce\x86\xa0\x06R\xaa\x90\xd1\x05\x8f\xdf&gt;\xbd\\\x15\xa6#A\t"\x12Z\x94\xc1PC\x0e\xcd\xddD+\xad_0\xa56\xb5\xf2\xde\xc3T\\H"[#VTC0\\OX(\xb4\rP\xf0wI\x15\x013c\xbc\xc7\xf2\x01\x13\t\xbb@o\x15\x02Gxa "w_\x9b&gt;7\xeadc\t?\xb2F\x9f\x1cn\x9f\x8eO\xaf\x86\xe3\x12\xa3\xca7~\xa9\x88*O\xb368\n\x81\xa5\x97fQQ7^gO\xa3\xc9\x10!8T`\xa2\xa2B\\qb\x02\x0b\xe5\x9f\xedF!\xe4\xa1E_sx\x06x\x9b\xa0\xaft\x89\x05g\x8b\x87\xc9\x00~A\xf5\xc0\xc1\xfb\xfb\xa8\x9aYGmK\x9bX\xd1\xf8\xda1P30[(\xba[)J3Q1\xd1L\xd34\xdb\x08\x91\xd1fz\xefU\x88\x0b\x82\xe1\x8bn\xf3\x9ce\x1d\xcc\xfe\xf0\xd8\xa0a\xa4\x01\x92\xba\x9e\xa4\x83\\\x1b\xe5\xba\xb1c\xa2m\xf7o\x18\xfb\xda\xe8|\xd8\x9b\xa0 \x16%\x0b}g\xd1u\xa0$\xc4\xa8Q\x02}\xcc8\x1cQ\x87\xef\xa2\xa1\xef\xe3&lt;\xe2\'}V,\xbc\xe3\xae\x87\xdcs\xe1r\xc0"\xae\xa5\xd1\x12\xb9\xa7\x8cA-,</t>
        </is>
      </c>
      <c r="M241" s="3" t="n">
        <v>45492.67730324074</v>
      </c>
    </row>
    <row r="242">
      <c r="A242" t="n">
        <v>849020</v>
      </c>
      <c r="B242" t="n">
        <v>2020</v>
      </c>
      <c r="C242" t="inlineStr">
        <is>
          <t>Tomás Cardona</t>
        </is>
      </c>
      <c r="D242" t="inlineStr">
        <is>
          <t>T. Cardona</t>
        </is>
      </c>
      <c r="E242" t="inlineStr">
        <is>
          <t>ZAG</t>
        </is>
      </c>
      <c r="F242" t="inlineStr">
        <is>
          <t>ZAG</t>
        </is>
      </c>
      <c r="G242" t="inlineStr">
        <is>
          <t>ZAG</t>
        </is>
      </c>
      <c r="H242" t="n">
        <v>188</v>
      </c>
      <c r="I242" t="n">
        <v>25</v>
      </c>
      <c r="J242" s="2" t="n">
        <v>34981</v>
      </c>
      <c r="K242" t="inlineStr">
        <is>
          <t>Left</t>
        </is>
      </c>
      <c r="L242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435f175-2f99-429f-b3f0-35892053b2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98U\xb3\x00\x00\x02\xfdPLTE\xff\xff\xff\xf4\xf2\xf8\xd6\x02\x1f\xd0\x01\x1b\xfd\xfd\xfd\xf6\xf5\xfa\t\x05\x04\xff\xfe\xff\x01C\xca\xf1\xf0\xf6\xd4\x95~\x01A\xc5\xb6u\\\xd3\x99\x84\xbf\x01\x11\x01&gt;\xbf\x10\x08\x05\xba\x01\x11\xdb\x9f\x87\x17\x12\x10\x04\x02\x01\xb3rW\x1c\x16\x14\xee\xec\xf4\xc4\x01\x14\xafoS\xcc\x01\x18\xabjR\xc8\x89m\xa6eN\xd7\x9b\x83\x01:\xb9\xd6\x9c\x89\r\n\t\xce\x93}\xd2\x90z\xb9{`\xc1\x81i\xd8\xa0\x8c\xcc\x8ar\xce\x83k\xdd\xa8\x97\x12\x0e\x0c\x03G\xce\xb6\x00\r\xbf\x7fb\xe5\xb3\xa0\x034\xa6{C0\xde\xa4\x8c\xc9\x00\x16rA/\xd3\x88q\xd8\x94\x82\x048\xb2\xd7\x8fv!\x1a\x18\xcc\x8dz\xe1\xad\x96\xd0\x96\x83\xbdt]\xb6mV\xa3`I\xc5\x84i\x025\xac\xc1y_\xc9\x7fj\xf9\xf8\xfc\xdd\x9b\x84\x9cdO\xadwd\xe1\xae\x9e\xdb\xa5\x92\x81L7\xd2\x8er\xe6\xe5\xee\xa2q_\xdc\x05$\xc8\x7fc\x17\r\x08\x98]I\xbbye\xeb\xe9\xf2$\x12\x0c\x87Q&lt;(\x1f\x1d\xe6\xb7\xa6\xb9\x85o\x03\'\x88\xbd\x8d{\xc4yd\x9d]F\x95YC\xcd\x90u\xd0\x88l\xc8\x98\x86\x8dS&gt;\x8fVC\xb2fS\xc9\x85s\xc6\x8cv\xb5\x7fi\xbf\x87s\x02,\x94n8&amp;\xdd\x9c\x8f\x82TB\xc5\x91\x7f\xbcoY\xe2\xe1\xec\xe3\xa5\x91\xa2kU\x8fN9yK:\xaebL\xb1\x02\r\xd1\x06#\xacs[\x9fXA\x93cQ.&amp;$\xab\x01\t\x9ajY\xc0\x93\x83/\x19\x11\xa9nZ\x021\x9f\xe2\x9f\x88\xd9\x96z\xdc\xdc\xe7\xac~nB("\x94T=eA6\xbbzZ;!\x17\x01N\xd9\xb7\x88y\x88J6\xed\x193\x8d]J\x88WF\xef\xea\xe9U1!\xda\x91{\\9.\xe4\r*\xd5\x96v\xd3\x89y\xa2yn\xcd\x9f\x8e\xf6\xf2\xf2\xde\xca\xc6\xb0\x85w\xd2\xa5\x98\xe5\xa9\x9axREkih\xcb\xc7\xd1\xba\xb3\xb6\x83B.O\'\x18\xdc\x9b}\xdd\xdb\xde\xd8\xd3\xd3\xc0\x13#\x82`S\x89dU\xea\xd1\xd7\xd78NCf\xb9\xce\xd5\xe8\x98pcI60mKA\xeb\xde\xe1\xd2\xcf\xdd\x93\x84\x85\xa8\xa3\xa9#M\xb0\xc3\xbe\xc3d2\x1f\x80[M\xcd 4\xd5\xc3\xcc\xce\xb5\xb1\xa8\xb2\xd7\xd7\x80\x8fc\x7f\xce\xc6xn\x1fU\xcd{\x90\xd1\xe0\xb1\xc0\xcfLc\xe0&lt;T\x93\xa2\xcf\x8bj`\xb7ec=l\xd4\xba\x1f;\xc78DxZO\xb1\x93\x90\xbeyo\xcfz}4/0\xd8\xc1\xbb\xcbBR\x95\x01\x07\xc0\xa7\xa3\xc4\x99\x92\x80vz\x86\x00\x03\xd2_s\x02\x17_\x07(z%@\x86\xd4\xa2\xb3\xb4Lw\xcf\x90\xa7\xbc\xc5\xdf\x98\x91\x96iWV\xb7\x82\xa7\xbflh^v\xaa\xb2\xa3\xbc\xf0\xbc\xcbSDA\xa1\x00\x07\xaf\x90\xb6\xc2\xa6\xc7\xb9EP\xac[Y\x8f\x92\xba\x9fWT`\x17\x10\xcef\x82\xf3\x8b\xa1\xa4.X\xee9`UTR\xea\xb8\xb1\xf4`\x85\xf9\xa3\xb3\xc4v\x96\xa0h\x99\xb1`\x8e&gt;Z\x97\x86\x82\xa4x\x85\xb6\xa6\x19,M e\x8cS\x8fs\x17&lt;&lt;\xa1\xb2\xd9\x00\x00 \x00IDATx\xda\xcc\x99\xd1O\x1ak\x1a\xc6\xbb\t\xce\xe4\x18MH\x87N\xd3 \x8d#Uq\x92\x1a\xcc@\x18\x110P\xa4b\x89``$EkU\xc0p\xb0\xb1\x8e\x89eB05"K4 N*\xdb\xd3\xb3P\xcaj\xf4F\xd8h\x8a\xc9^\xec\x9d7\xf5\x84\x8b\x13\xafm\xf6\xc2\xcbs\xe3\x7f\xb0\xef7\xee\x9f\xb0c\xcf\x0b\x91\x11.\xe6\xe7\xf3&lt;\xdf3\xdf\xc8\xbd{\xff\xbf\xc1q\xfc\xde\x9fh\x80\x06W(pE\xcbC\xf8\x01\x0f\xfcO\xc1\xa4h\xf9ig\xffs\xe5\xea\xf2\xe6\xfa\xf2\xea\xf4\xf4t\xff\xe3\x0f\x06\x03\xd7\xf0g\x07\xa7\x977M\x96\xa0)\x8a\xc2\x08\x9a$I\xae\\\xf9\xa1`\xf8\xb3\x9d\x83\xd3\xb2@P\x18M\x11\x14E\x904M\xd0,K\x12l\xb9\xb2\xf3\xa3\xb8\x14\x8a\x9f\xaen\x9a$IS$\x01\x0f\x92 (\x8e\xa0\x08\x81C\x87D\xf9@\xf1C\xc0\xf0\x96\xd3\x1a\xcb\x91\x18F\x91\xec-\x14hE\x114\xc1\xb24M\xd2D\xb3\xd2\xf2\x03\xb8\x14\x0fO\xe0\xf4\x14\x86\x11\x04r\x8d\xa6\xa5la4:Pa\x14H(\\=\xbck.\\\xf1\xa2LPJ\x8c\xa2 M4$\x1d\xa3Th\x80\x0b\x8c\x04&lt;\n\xb2O\x97_\xdc\xb1\x91\x8a\xfd\xefpn\x15\xa4\\2\x90\xa6\x90n\x94\n\xf9\x08\xdaI\x8c\x80\x8c\x95\xf7\x15wJUi*1\x15\xf8G@1 ]h\x02\xb1a\x14\xc1R\xe8\x15S\xa9\x90\x86\x14\xd5&lt;\xb9\xbb\x15\x89\xe3\x15\x0e\x83S\xdfv\x81@B\xf0\x01\x90\x96\n\x02\xd9\x8a\xa4\x03f\x90\x0f\xbc\xbc\xc2\xef,W\x9f\x9bpZ\x15\x062\x11$\'\xb0\\\x93%I\x08\x13\x07\xd2\x11\xc0F\xb2P\x1a\xaa\xdb\xacQ\xc2\xd7;\xca\x97b\xbf\x86\xa1\xa1i\xaf\x17\xda@\x10\x80\x0c4#\tN\x80\x03`\x82C\x16\xb4\xc2\xa4\x15\x895\x0f\xee$_\xf8\xc7\xb2D\xa5T*\xbd\x84\x97 \xb8\xa6\x00D\x1c\'  \x96El$\xca\x18H\x05\xf5\x0f\xb9\xbf\xb9\x8bx\xe1\x8a\n\xa1BT \x15I+\xc1\xba&amp;G\x03\x93\xd0\x148\xa9KIVh"\xc1(i-\xaa\xa0\xce\xca\x1f\xe5\xe7\xc2[@,%h\x05X\x14\xa6$H\x81cI\x10\x0b\x84bQ\xb6 W\x102\xd0\x8c#P\x00\x01LEU\xf0\xbb\x10Kr\x10\xa8\x00\xce\xcbJ^\x92\xd2\xc0\x8a\x04#\x81M\xe9\xe7\x80\x8c\xf5\xa2t!\xac\xb2\xec\x97!I\xac[,/\xa6\xf4{\x95\x08\xcb\xeb\xf7\xa7\xfc\x84\x17\x14\xe3\x04\x8eK\xa7S\xfel*\x95\xf2\xfb\t$\x18\x80\xb1_q\xd9\x97aSu\xeb!\xa6Rz\x01\xcb\x9fJU\x0b\x05\xb1\x90\x05\x0cN\xc8\xa6\xb2\xe9B\x1a~\xcf\xa4\x81\xcc\x8b\xb0\x90\x8de\x99K\x02\xc7O\t\xb4\x06aT\x92J\xfel5\xa6w\xfb||5\xe5O\xa5\xd3b&amp;\xc3\xc4s\xb9\xb7.\x17\xbc\x83\xc0`=B}5e\xbe\x08I\x9d\x85\xa0H%8\x08L\rfyyS\xf3@3\xdd\xc8\xa6\xd2\x99R\xe2\xedZ4\x1a]\x08\x0f\x0f\xb7\xa9\xe7\xc4j\xd6\x8fI\xad*\xf3bD\x9d\x05\x7f?\xca\x93\x12\x94J5\xf4\xcb\xefV\xaco\xec\xe3\xe3\x9a/\xb1\x86\xdb7\xf1\xaa\xa3\xab\xbd\xbdk0\xdc\xdb\xd1\xdd\xa6\x99\xe5\xc5\x94\xf2\x96\x8b\xdb\x97\xd5\xc5\xfd\xa6\x84\x85!\xacT\xb6\xf1ey\xd3\xb6\xf2\xc6b\x1f\xb7X\xe77\x97m\x96^mo{O\'pi{;\xec\x0f\xd4SL5\xa5\x94\xb0\xe8\xafr\xba\x88\x7f%U\xb7jA\xa8\n\r\xfd\xf6\xe6\xbbw+H\xac\xf17++\x16\xbbclLkl\x1fj\xef|\xdc\xda\xab\x1b\x0fY4\xcbL\xd5\x8bIz\x95\xff\x82\xcbXZ\x97\xd8\xad\x85\xdel\xb5\x10\xfb\xb2\xbd\xfc\x0e\xb0,\xe33\xba\x19\xf4\x1c3}0\xb5v\xf6\xf4\xb4\x0f=6\xf6:B\xe3!\xabm\xb6\xea\xf7z\x91`\xecg\x19\xb1Zn\xfew1\xf4g\x1b1\xfd6X\x88\xb0\x86gff\x0c\xa6\xdd\xf5\xf5\x0f\xeb\x8f\x07FG\xfbF\xdb\xb5\xad\xaf\x1c!{\xc8\xa2\xden@\xeca\xd5\xaa\xb0+\xf9n\xd1\x14\x8a\xf2\xed:\xf4\xa6\xaa\x88\n\xc4\xb2\x81y\xe3:\x87Ng0\xad\xaf\xaf\xb7\xde7?7\xf7\xf5\xf4\x80\x89\x0e\xbb\xc5n\x99\x9fZ\xd6\x17R^%\x18y"\x1f\x16\x8e\x97o;\xcb\x9b\x05\x0b\x977%\xaaG\x96q\xc7\xb8\xc4\x05\xa3mmm\xd5j\x8dZmX\x17\n\xd9\xdfX\xe75\xd3\xfa\xaa\x1f\xb6\x87TYV\xb5\xa4`\x81\x87\x85\x18\xc4}\xca\xb6b\xb5Z\xed`\x97\xc3\xa13\x99P\xe0\x8d\xad\xda1m\xabv\xcf\x01&amp;\x02\x96u\xde\x16`\xd2\xb0\x89\x05,\x19\xdb\xf4\x16\x0b\xba\xa1\xc0\x00\x96M\xb3\xa2\x9e\xb7Z\xdfXB:\xc3\x9e\xc1d0\xac\x1b\x9dF\xa3\xb67\x1c\x0e\xeb\x1c!\x8b\xc5\x02\\\x1a\xc0\x82=\x06}#go\x95Q\xdc\xfd\x08K\x1f\x98\x9e\x9e\x9a\x9a\xb2\xd9\xe6\xe7\xe7\xad\xa8\xbat\x86\xb1\xb11\x93\x11\xf4\x1a\x0c\x87\xf7\xc2\x0e\xbb\x1d\xb8,\xd6\x959\xbe\x06\xfb\tBV\xacK\xa0\x82\xcdA6\x8b:ks\xdaf\x03\xc1\xac\x12\x95\xc30f\x981\xedB\xb6\x06\xc3\xff\x0e\x85B\xffAP\x966\xabz*P\x10\x04\x81\x941[\xf7\x14\x97\x88*\x0b\xbb\x04\xc6\xbd\xbd\tr\xd94\xf3V\x8b\x1dIe\x00\xb1v\x8dF\x93\xc1\x81\x06\xc0@)0\x18\xb0f\xc5\xb4\xc0\x912\xae\xc4{\xf8\t\xcaU\xbaZ`\x98\xed\xc0\xec\xe6\xe6\x94\xda\xdaf\x87U\x08\xb5\x05\x0e\x8e\x19\x8dN\x93A\xa7\x0bk\x8d(\xf4!\x14-\xabZ3\'\niN\xa8\xc8\xa9\xd6\xa9\x17bU\xc80\x8c\xde\x1d\x08\xcc\xfa\x1e\xb5Y\x9e\xa2LA\xbd\xaf;wMF\xa7\xd3\xb8\xbbk|\xdc\xd3\xf3sO\xa76\xdc=\xd16\x0fX\xd3bJ\x10j\x07r\xae\xc4S\xd8T\x15\x988\xc3\xeb\x81k\xda\xf6`\xa2{\xb8W\xab]w:\x9d\xef\xdf;\x9dK0\x03?\x8f\xf6\xf5\xf5\x01\x16\xacH\xe0Rkl\xd3LZ\x10\xaee\xddBT\xc8tM\xe4\xf3\x0c\xc8\xa5\x0f\xccM\xab\xdb\x9ev\xf7j[\x8d\xce\xfb\x03Kf\xf3\xdf\'\xfba&amp;\'\'\xfb\x9f?\x87+\xd0`xbb\xe2\x81z\xc4\xe7\x16\xb3\x9c\xacwe\xf8WA\xcc\x94x\x1e\xa8\xd0\xd3=\xb2:\xd1\x1d\x19\xecj\xef\xec\x19\x1d5# 4\xd2\xeb\xf3\xbeN\xc0z\xa4Q\x03V\x1c\x9a\xebR\xd6m\xf3\xe7Z\xa6~\x14w\x03T\x0c\x86O$\x920.\xd7B\xd7P\xfb\x92\xa4T\x7f\x7f_\xdf\xaf\xbf\xfe\xed\xf5\xeb\xd7\x8b\x91\x85\xe8[\x9fO3\xe2\xcb3\x05\xeeDN*\xc5\xc1u\xfd\xdbY&lt;\xa0gb\x85\xaa\xc8\xc7\xe3\xf5\x8c(\x16\xc4z&lt;\xe9Z\x18\x1a0\x9b\x9fO\xf6\x9b\xdb\x17\xb7\\\xc9\xc3R\xe9\xe8\xf8\xb8\x98\xc8\xc7\xe7F\xe6\x02|\x81\x95\xf7?$\xfb\x88\n\xa9\x15k\x14\xaa\x85LF\xac\xa5\xd3Pc\xb0\x89\x07\xae\xfb\x03\xe6~\xf3\xfd\xc5\xadd\t\xde\xafe2\xf5o\x87\x87%&amp;\xe0\x0b\xb8E\xf6T\xd6{\x8c\x17\xdf\x8e$,\x9e\xcf@O\x88@\x95\x05\xaat!\x13\x07#%\xac\x9e\x97\x1b\x08+\r\xef\x82\xe1\xa5R=\x13\xcf\xbbEN\xd6M\xf3\xbd\x9d\xf3\xa3\xc38\xcf\xf3y\x9e\xe1\x0f\xcf\xea\xf5\xb3\xa3\xc3\\&gt;\x9f\xcb\xc7\xf3\x9eh\xc7?$\xac\xc5\rW2q\x14/\x95J\x99\x9a\x08`\x19\x91w\x8b\xc2\x81\xbcw&gt;\'G\x87\xbc\xdb\x9d\xcf\xe5r\x90vO\xf2\xfc\xb8X,\x1eC\xf2\x13\xb9\xd5\xe1\x0f\xef\xcd\xfd\x03\x8f#Q\xd7\x86\x07&gt;\xdb\x80\xd9\xfat|\x9ec\x18^L\xcbZ[\x8a\x96\x8b\xc33h\xf8\xc4H\xe2\xad\xcb\x93\x8b\x9f\x95P\x82\x8e?y\x12\xc9|\xfe\xc1\xd8{\xf3\xe4@W0\xeaz\x9bH\x1c\x1d\x9d\x17\x8b\xc9\xe3O/_n\xe4\x98\xb8X\xdb\x91\xf7k\x8b\xdf\x8fJ1f\xce\xb3\xba\xb6\xba6\xc7\x14\xd2)?)\xd4\xbe\x9f\x17\xb7\x12q\xde\xd6\xf1~\xa9\x7f`0\x18t\xf9J\xf5\x94\x97\xcb\xd6Jgq\xcf\xd6\x96\'.3\x16\xaePT\x0e\xeb\r\xfd\x88\xebI4\xb8\x1a(\xa4\xbfe\n5!sR9N\xba\xdc\xfc\xdc_\xd7\x97\x96\x9c\x1d\xc1H0^&lt;\xcf\x08\xd7\xd9\xf4u\x8d\x9f[\x0b\x06\x93y\xe6ZF,\xfc\x9f\x95\x9d\xca\x19\x13s\x8f\xb4u\xbc\x8a\xac\xce\xbas\xc5\xf3j\xb5\xcaT~\xb9p\x8f\xb8\xf5\xeeG\x06\xa7\xd3\xd4\xbd\xd0\xb5u|q\x92\xa9f\xab\xdfO\xea\xe2Ht!\x12L\xf2\xdf\xe5\xfb\xe6@\xb1\x93\xf8\xe3\xb0Rb\xa0\x89\x9etuE\x16\\\xbe\x11W\xf1\x88aN~\xbf\xf0\xcc\x8e\x04\xf4n\xeb\xb8\xc9\xa4\x9b\xe8\x1eZ\xf0\x14/\x0e\x1b\x8d\xfa\xc5\x85\'\xef\x8b\xb4\x0f-\xba\xf2\x97\x1fe\xfb\n\x14\xff\xc5\x16\xfb\x83\x81\xeb\xa1{\xea\xe9\xab\x8e\x8e\x8e\xee\xb65\x97k\xc3\x15\r\x06\xa3\xab\xd1U\xb7~\xdb\xaa\xdb\xdbsX\xda"\x83\xae5W1Y,n\x14=\x9e\xdf"C\x9dCQ\xdf\xc5\xb3g\x1f\x9f\xc9\xc3\xa5\xf8\xd7\xf2\xd4\x97\x98\xdb\xad\x9f\xb5=\xe9x:&lt;\xdc\xfb*\x12Y\x1c\xea\x1a\x02\xe5\x82\xae9\xd8\xe9\xa8u\xa6=\x87\xd5\xda\xf6\xdb\xc4\xc4\xc2\x7fy5\x9f\xd6\xc4\xd56\x8c\xcf\xa2\x07A\xe2\xa6\x90E\xd0\x14\xb1\xb1\xc6\x85\xc52\x8a\xf8Z-:\xc6\xb6"\x92\xf0\xcaH\xd4\x1a\xffc\xaa4\x8e`\x0b\x06Q\xc4#D\xb4\xa7\xa0\xb5U7\x1eya\xceb`V\xb3(\x87\xee\xa6+Ka\xfa\tf[:\xab~\x82\xf7\x8e\xf3\x19\xcc\x03]\x147?\xae\xfbz\xee\xe7\xbe\x9e&lt;%\x91{\xe6J%\xa73k\xd2\xa8\x8d\xd4\x8f\x9b\xbb\xe5\xddz:\xaa\xeay\x1e\xc7{\xc7\xab9\x0bA\x8c:\xd3\x89&lt;:\xe8\xa1H\xb9&lt;\x1c0\xd6J\xc6g\x1b\xdd\x973\x08\xc3\xd4\x98\x82\x06\xa6\xae\xe9\x0eL7\x07\xd9m\x06\xff"\xba\xdd\xcczf\x1b\x958\xefh\x85t*\x95\xa6qt?v\xa0s\xaa\xf5z\xbd\xcb\xe5\xe2\n\xdaDe&gt;\xef\xe0\xfb$\x141\xe3f\x98\xe5rY0\xe8wv\xf4.g\xd6\x17\x0b\xef\xe34\xe3\xf5j\xffY\x0f\x96T\xa9tj4u\x91N\xc4\xb5\x10\xa5\xc9\x11\xe4T\xa0\x9a\xba\x18\xfc\xbc\x07!\x1b/\xc7HP+\xb3\xefs:sY\xa7\xc1\xa5\xd7\xd8GY9kx\xd2\x0cc`n\xd72s\xa9XY\x92x(D\'\x12\xb8W\xce\x15\xb6+;o6\x1f9\xf7\xf1\xca\xbc\x97\xaa\x9cW\xcb\xb1r\xb9\x9c)\xc7\x0c\xbc\x8b\xe7y\x97\xdd&gt;\x1a\xd9|\x80\x15\x8f\x14\x0e\\\xa65a=\xcf\xe7\xf3\x1e\x95\x97\x84T\x1c\xf7\x02\x94#x\xc5\xf33^\xed\x93\xb1*\xbd^\xa7\x9a\x01\xaa\x07w\xd9\xa7\xe6y\xf3\xec\x90\xd7\xdbG\xe4\x88\x8cy\xdd\xf4\xc0\xac3l\xaf\xa7\x88\xef\xee@\x92\xf9&lt;/\xb6i\x0f\x16K:\x1c\x8e+\x08\x16M\x87\xcf[\xf6\xf4*\x15\xeb\xbc\xe3\xc9TW\x19\xdb7\x02\x15g\x1f\xdf\x0e\xf9\x95\\\xdeL:m\x0f\x9b\xb6\xbf\xae\xa9o\xf5\x12\xe9b\x91\x1e\xb3\r\xfc7\x96\xed\nRX\xd2\x17s\x9f\x03\x95u^9\xf7T3\xee\x07(bV\x0f2\xbe\xbd\xbd\xcd\xf8\xab\xd1\x88\xf4\xe2)\xaa\x156\xaa\xd7\xb3\x137.\xa9\x8e\xf5\xdb&lt;"\x8e\xa5\x9a\xdb\x9b\x0c\xcar9l6\xd2\xebu\xc7+VH\x1cs\xa8"pe\xf6c\xa4\x9d\xe7G\x00\xb6\xcb\xdb\xafF\xb6\x18\x1e\xa1\xf6\xd4\x8c\xebr-\x8dKu\x19\xb2~+&amp;*\xed)\x17E\xf6\xc3\xf2\x05\xe0\x15d|2\xecE\xf0c\x08\x1c\xd6N\x15\xfc^\xad\xc2N\x94\x8b\xc8\xdb\xcf\x0ew\xcf\xfc`/#\x1e\xc1\xb7\xfe\xc3\x94\xd6\xf3\x89Eu\x13\xfa\xf5\xcb\xea\xe9\x08\xd3i\x01\xe9z\xc9$\x88\x05\x85L\x92&gt;\xa3\xa7X|o\xad\xbc\xc4l6\x9f\xac\xd7\x08\xb6\xe1\x99\xf9l6\x83"\xda\x1d\xa47\x1eaL\xe6\xdctM]^\xc6\xfa\xd6\xa3\xa9\xf1\xb4\xc4\x80\\r\x87 m\xc9\xa4\x83DzE\xebq\n\xbf\xb7\xf3\xbb\xbb\x8f\x0f\x99\x8c}&amp;\x07\xeb\xb33\x9e\x97\xe5\xf4y\xe9t6fw=\xa9\xd6\x84%\x15\x8b\xbf\xfe.R\xe2tl$\xca\xc0E\x86\x01+\xe8\xf0V\xde[\xd3T \xe0:\xfc\xf8\xf6f\xbfg\xdc\xd9\x19\xa4j3$\xff\xe6\x95\x8d$cHB0\xc4\xb2\xce5\xf5\x07\xd5\x1f\x92@\xf5\xc0]\x12T\x91\x80\x0e\xe5\r\x03\x99\xad\xe5\xc0\xad\xf3x\x03V\x16\xd2\xfe\x913\x9b]2\xfc\xe1\x91y\x06T2\x96/\x86\x0e(\xc4]v\xae)\xee\xab6\x9e\xd3\x81x*\x15i\x8f\xc7\x05\xc2]^]\x01&amp;\x1d\x0b?^\xeci\x85O\xef\x07\r\x8d\x99w\x15\x02F\xa7q\xd3\x0c\xbe\xfa\xad\x96\x8f\xf46NS\xda\xfd\xd8\xf4\xc3\xda\x06\xae4\x9d\xe8t\xacun\x9a#\xd0\xdf\xd7mI\x87\xbf\xc9\xcc\xe7Z\xe1\xef\xff\xfe\xd5/p\xa5\xc0\x9f\xc5\xc4}\x96?[a5\xfdWP\xe8}|\xc0\xd8]\xce\xa7u%\xc5\x8d\x9bv*\xd5\xb3\x16\xfb"x\x1e\xc3\xb02\x141\xd8j6\xc9j\xafB\xa4 wA\n\x0b\xf5\x0b\xcc\xfe\xc8\x0fT\xb3\xa6\x7f\xd5l\xc3\xee8e\xdf\xd4\x94\xfeY\xdf\xd8\xfcDW\xac\xc5bJ\x94;\x17\x86u\xc1\\6\xc7bA\x963\x9dD#\xd4\x8e\x06\xc0u\x86Q\xcc\xe7\xf0\x9f\x9d\xcd\xce\xe4\x83\t\xac\x15F\xd3\x82\xbf\xe9d\xd7w\x93\xb4qS\xa2\xe1\xf4\x8bHS0\x17\x8a\xcaX\xc9V+\x19.g\xf0\xd4E\x08,7\x1eO\x0bK#L\x16\xcd\xd9.`-\xc0Z&gt;#\x1a\xc1|\xea\xec\xf3\x1ao\x926\xbe\x8ax"U\x9f@\xe7\xca\xa3H\x17\xb8\x92\xb6d\xd8\x9b\xa9\xd2\xa7\xfdz\x94cK\x1c7\xc93&gt;\xd8\x9eMPk\xb1p\xd8bF\x8bv`\xc8\xfa\xeeo\xd7zes\xf34\xbd\xfd\xcarS6J \x00\x06\xa6\x07\xaa\x8c\xe7\xf4S?T\xe2\xa2mV\xfaR\x0f1\xa4\xedj\xb1\x12\xcbA\xc6\x8c\x045\xd0\xdb}\xe6\xf5~\xdcWA\x84\xbdy\xe6\xa6\xa5B\x1eA\xc1^\xe1\xb0\x17\xa5\xd3\xe9\xd3\xd3~\x80\xe3\nyQ\x82\xb4\xd30&amp;\x1d\xb0\x13\x16\xfe\x96\x83\xb4X\x10\xfa3\xa7\xffx\xa3\xc0S\x88\x1f\xe2Td\xc1]\x80E \rj\xd0\xbf\x10\x84F\x1e\xb0\xa2%I\xbc\x86\x88m4\xa9\xfd\xcd\x16\xcc\x17&gt;\xaf\x17M\xfc\xf8\xe3F\x89\xe7?\xaa\'q\x0cXy\xd8\x8c\x88pq\xd1\xef\x0bB\xada1m\x99\x0e\x0e4z\xae\xdd\xbe\x0e\xb4\xa3QC\xab\x05\xc7x\xd8\xd2\xd5R\xb7\n=I\xba\x15\xc7`\xef|\rC1*\x14\x08\xd5`e\xb3jy\x14\x85\x01^bE\xb6\xdd\x9eLr2\x16\x88\x85\x87.\x95y\xf2\xa6\xfa\x1f\x0bj\xb1\xd1@\r\xd5B\xa6\x8e\xd6\x04\x82Y\xfe\xbc\xcf\xca\xb3\xdf\xb6\x1e\x82c\x8emK\x93\xfc6\xd4\xb0\x0b\xa9g\xf2A!\xb5\xbeB\x8b*\x95\xa2`zD\xb7\xa5\xc9S\xf4\xeb\xeb\xeb\xcb\xcf\x87\x87\xfb\x9f\xf7\xb0\x9c\x86\\\x8e\xe5\xc4\xe8\xc9\xb6\xc9\x02\xdb\xc2\xf3C\xa1\xf7\x81\x1b\x97\xd7\xe3\x95\\\x04J\x18\xf6\x0c\x14\x8c\x80\xd6\xc4\xeb\x03\xac\xfb\xc7\xe5\xcb\xeb\xcb\xb2P0\xec\xec\xb8L&amp;\x93\x05\xc5\xb4\xf1[\xa5\x9e\xe1]\xd6EP\x0b\xe4B\x89\xe1\xe6\x82H[\xd3\xaf/\x0f?W\xeb\xe1\xe5\xe55=\x184\x0cGz\x93\xe9\x80\xc00\\\xb8T\x88JuS\x97\xc6\x1c\xc7\xb2y\xc48\\\x0c-x\xfa\xb5\x01B=&gt;\xc2\xdf=\xd4\xf2\xe5\x15\xd1\r\xf7\xb6\xe4\x97#\x98\xd6\xd3\xbeQH\xad\x8d\x0f\xf5\x90\xc8\x95\xe4*Zt\xc3a\x17\xa7\xf1\xc6\xf2\xfeq\xf4\xf8\xf8/\xff\xef\xe3\xf2\xe7\xc3r{\xb1\xb7yr\xb2\xaa\xa1\xe7Y\xb1\'\xb1\x1b\xa1\xba\xc4\x95J\xd0Q\xbb\x16]\xd2\x82i1\xc6\xe9\xda\xd91\x1f\xee\x1e\x9a\xf5\xael\xd6\xa4n\xeem.\xd4:\x02\xd3\xe2\x89;\xc5\x1e\x9en\x84(\xd8j%\xd9\xf3]\x8b\xc5\xa2\xf5h\t\xa7f\xac\xd99:2\x1f\x1e\xedlm\x0f\x17\x8bEk8&lt;@0\x1cO)\x88\x15H\xe49\x91\x8dF\t\x0c\xedvQ-\x8eZt9\xf0\x9a(\xb1;z\xcd\xb6)8\x1c\xb6\x16C\x13\xc8\xa8\x8d\xa7\x9e\x94{\xa6\xdbN4X\x8e-\x80Z\xd0\xe8a\xc9X\'\xd2d2a5j\xf5\x89I\xfe@&lt;\x0c\xea\xe0WO*q\xab\x1c\xd6$A\xc3\xc9\xbcR\x0b\xb0\xb4\x18b989)\x958\xd7\x96\x7f1\x0c\xae\x9e\x01\x05\x93\xd0K\xb5t/\xae \x96\x94\xa0k,\x0c\x0c\x01("\xd4\x10\xe6\x1b\xa8\xdbP\xb3\xa3\xd9\xf4/Z2\x16\xfc\x9b\xec" VGA\xac\r6\rqU\xee\xa75m\xb7\x0br\xa1\xe1\xe40\xb8\xad\xd6\xe87\x9b\x8b\x96#I\x02UPgA\xb0x\xe5\xfc\\9\xacwR:B\x0b\xd1\\\x01\x86\x88.,\x14\xbc\xa53\xe6\\z\xcd\xde\x19\xc8\xe5\x08\xb6\x86\xad\x95\xb5:\xe7\x9es%\xd5\xa2#)\xaa\x16\x05\xac\x1a*c!\x16\x0ba\xc9\xb1,\xa7\xdf\xdb\xf4\xb7`\x05\x83\xf21\x1d\xefT\xabJb\x89\x80\x95\x06\xae|\xa3\x86\xaf\xf4B\xb0@\xa0\xc0N8\x8dk\xd3\xef\x07\xb0\xe0\xc1\x01\x81h;8`=)\x88E\xa5S\xc7\t* \x7f\xa4\x83m\x08.\x12\x1a\xb5|[\x12K%\xfd\xd6\xd6\xde\x96\xdad!j\r\xdaSv+\x89\xa5\x02\xac\xe3\xe3\xe3\x08\x15\x00,\x01%\x08\xa4V\x13\x02\xed\x89$\x8a"\xa7\xd1\xeb\rNc\xbeF\xf5\xe9nWi\xac\xd4\xb1\x15\xb8\xea02S5\xacF\x08Bh\x85\xf5\xccJ,\xe7\x82\xbd\x10\x10\xfa\x03\x0c\xb2\x9a\xe7\xfcN\xc9"\xae\xb0&gt;\x1d\xd7C\x90\xbf\x04$\x10\x92\x97&lt;\xc1\xc3\x82\xc32\x1f\x12.Nq\x08k\xa0\xd6\xdd;%\xd5\xb2Z#\x91c\xebi\xbd~!\\\x84j\xa1\x10\xe4\xb0\xeb\xf6\xf5\xf5\xf5D\x92`\xca\xaf\xf7\x07}F\xbe\x83\xae\x9e\xffP\xb0\x88\x82\xec\xad\xd3\xd3O\xef\xfb\x17\x90\xc8&gt;\x87&gt;\x7f\xfe\xfe\xf9\xfb\xf7/\xf2\x17\xf5\xc9\xa4\xdd\x0e\\|\x1a :\x1b\xb9\xc2Rj\xdeRm\x88\xff\xe7\xe5lc\x9aJ\xb38\x1e\x92\x92K/\xad]\x9b4\xb5\xf65\xbd\xbd-\rSo\xbb,M\xda\xee\xb6uh\xa1p\xc9.\x14"\x9di;\xc2X\x85\xc5\xbd"\xce\x08\xc1Hg\xee\x00+\x12\xd9\x8c1\x0e\xe3.\x968P0\x05\xb1P\xd4\nF1b\x10\xc6\r\xe38\xf2\x12\x10\x83\xd1\x1d\xc6\xcc~\xdc\xc4\x99\xfd\xb2\xe7)\xf3a\xbfL\x9c\x17\xf0\t\xd0~i\xf3\xe3\xff?\xe7&lt;\xe7\x94\xe7\xa1.P\x8eVaN\xfd\xa9S\x9d\x9d\xb5\x03\xfd33\xf05\xd0?\xd5?\x04d\xc5\x8dWk\x9bI]\xd1;o\xfe\xe5H\xc3\xeck\xc1\xc2`\xdc\xef:Y\x17\xa8,\xaf\xac,/7\xd64vv\xd7v\xf7\x0f\xf4_\x9d\x8150\xd5?0544\xd0]\xef\xd6\x90\xb2\xa2\xac?\x02\xd6\xb9\xae\xd7rC\xe4o\xc9\xd1\x91\xe2f\xff\xe1\xca@\xa0\xaa\xaa\xb0\xa6\xbc1\xa7\xbb\xbe\xfb\xea\xd0\xd9\xa1\xfe\xfe\xfe\x81\x01\xf81uu\xb8\xd3-5\xe8tEYo\x03Vq\xd7k\x18\xc8\xbaz\xa6VWg\xea\xa4\xf6@k\x89\xbb$P^\x93s\xac\xb3\xb6\xbb\xbe\xbe\xf6*Z3\xf0\xdd\xdd\xdd\xdd\xd8,\xe7\x91A\x82\xd0\xbd\xf9\xfbw\x1b\xaa\xfa\xf2\xb6\xdaF,ol\xf5\xd2\xe9g\xc3u\xcdr\xbf\xdf.w\x97T\x1akJ\xdc\xa7j!\xf8\xdb\xda\x86\x87\x87\xdb\xdaN\xb7\r\x0f|\xb4_*5@C\x81\xeb\xb2v\x1fi\xe8\xe8a\x19\x9a\xbb\xb5\x97N{\xc7\x9e\x9dhiikn\xb6\x03\x95\xbcN\xee\x07\x17KN\xd5\xa2|D)\t6\x0e\x9d;Y\x91/\x15\x19\x8ap\x1c\xff]\x16\xa8\xd51\xcb\xc6#\x91\xb8x\xeb\xac\xc4\xd2#\x91\xd5\xe3e\xc7O\x03\x96]\x0e\x9d\xba\xd4]\x99c\xac*q\xbb\xdd\xf9\xf9\x15o\xed\xdd\x0b\xd3\xa3\xed\xe0\xc1\x03\xd0\xb4:\x88\xdc\xdc\x8f\xdfA&amp;v\x9c\x8d\xc7\xc7F\x9f\x8e\xf5n\xdd\x07ot$\xfe\xb0\xac\xac\x0c\xd4\x82iG\xc4\xe3\x89\xe4PV+K\xea\xf2a\xa3&gt;\xb0Wk\xd5\x7f\xc2\xe7\xab\xd5\x07x\x12\x89\x03w\xb9&gt;.\xca\xda\xfdnC\xebT$\xde\xf3\xf8\xf1\xd3\x9e\x08w\x8b\xb88}\x11v\xf4xYY}s\xb3\\.\xe1\xf1\x0c\x1a\x91\xbf\xa3\x10:\x1c\rYQq\xc0\xa6\xdf\xb3\xcb\xe3\xf1|b\x0biD\xa5:t\xd8\x93\xd0\xc1\xa6\x18h\x8cD\xbe\x1eA\x17\xae#[\xa3\x17\xa7\xebA\x9c\x1d\xbb\xf4\xa7\xe3\x85r\xa9T\x92\x1a\x11y\xf2\xd6\xca\x80\x9c\x07\x03F0\xc8\xb7\xee\xd9\xa5\xd7[=|\x0b\xa9y\xbb\xc8%t\x11D\xd6\xee?\xd8\xfd\x9dc\x91\x9e\x91\xf3##\x0fG\xb7\xe6\xce)6\xf9e\x9c\x89\xaf\xfe\xe6\x82\xb1\x0eai\x0c\x06R#\xb1\xb7\xfa\xa5\x1aYP\xcdW(\x84V\xabU\xaf\xd7\xda,\xa4\x81$\\\xc2\xdc\\\x02v\x1f\xb9\xbfr$\xf2t\xe4\xfc\xf9\xd5\xd51\x96\xbb\x15bq\xee\x9f\x8c3\xec\xe3\xb2+\xc6*\xf0P\xa4!\xa1U\x16\xc9\xed\xf6:\x8dL\xad\x10\x9aL\xe8\xcc"L\xd5\xfc :#\xeb\x12\n\xc1D\x07\x0f*\\\xfd\xe3\xd1\x87\xab\xcf.\xad\xc6Yv\x0b\xd4\xc2\xba\xd6\xef\xc6\x19f\xac%\xc7X\x1e\xb0CSJ\xa2\xceX\x02\xc1\xcf#\xd5\n\x93\xc7\x8a\x0e\xc3Z\xf5*\xb5\x0e\n&lt;.\xfc\xb3\xcb\x85#,("\xf5\x0f\xcf?ki\x19a\xd9\xf8\x16T\tN\xef\xfa7\x80\xd5;c,,\xaf\x04\xe7\x0c\x0e\x07I\xa2\x0fe$\x1a2\x88\x0bS\xe7aw\x15@hYt\xba\xa0\xcb\xf4\xc1\x07\xa0\x16O$\x92\xda;\x8c\xf5m-\xc7[FYv\x0b\x92\x11K\xebY_\x8f\xb043[^^\x19\xf0\xc3\xf6"s8\x1cht\x96\x18dA\x85\xd6c\xb5"\xb1&lt;*\\m\xb1\xe4\x82\xa7\xc8D\x1e*"\x87;\x0e\x1bO\x94]\x1a\x03\xac\xcb\x9b\x8d\x85qVF\xd7\xff\x9bdio\xb21\x80\x8e\xb3\x884\x0e\x19\x80\x81\\\x12\x8d#\xa8\xd8\xf0pW\x81^\x8b.E\xb9 \xb4\x84\xa9\xc3\xd6\xa5&lt;i\xe0p\xeb\xe1\x9a\xb2g\x11\xc0\xba\xbe\xb9\xb9\x88ay\xf1\x97\xa3w\x9b\x96X\xaf\x989g\xf7\xfb\xe5R4\x1c"0\x18^a_\xe6#,d\xa2\x1e\xd4"r\x01J\xe8\xc2-:\x07p\xc1\xb8ho0\x9ex\xd8\xcb\xb0\x91\xfb\x9b\xda\xe5`\x9c\xb4\x17\x8b\x0b\xa3\x9f7\xfd\x87\xa5\xc5\xde\x07r\xb9[.\x95\xfc\x15\xc5\xbc\x0c\x86g(\x152\xb5\xf6\x87\x90\xf7\xa8\xf88\xae0\x1d2\t\x15\x80\xb5\x8f$K5\xd2V\xfb\x11\xe3\x85\x1e\x86f\x92\xeb\x979\x9b\xa7\x14\x87;\x1e\x9b\x9f_x\xf1e\xd3]\xc0\x12\'\x8b%R(\xa8"\xa4\x16\x8a.\r`Y\xf8Z=\x94-\xf0P\x8b\xb0\xb4&amp;\x8fI\x85\x13\x16\xc0\xda_*j\x90K\x8c\xc3\xbd4`\xdd{\xea\xdd,\x1b9\xde\xf1\x98\xd9\x87\xb0\x96\xde\x9b\xeec\xc4\xdc\xcb\xe7DP\x17Pp!\x13\r\xa0\x96#\xa4\xb6\xa9\xd0\xf1}\x0fP\xa9\t\x1cj\x18P\xa9\xd5\xa1\xd0\x01\x14]v\xa9\xe4\xca\x08\x8b\xb0\xa6\xbf\x8b\xad\xa4oB\x93\x83a\xe9\x00\x15\xf6!\xac\xef\x92\xd3\xd1\xeb\x8c\x97+\xbe~\x14\xea\x15\xaa\xa72\x99\x0eJ\x93\x08\x15\x08\x9bJ\xab=\x04P|\x1b\x81+\x84P\xf2\x85|H\xc9\x90\x8c\x04\x1b\xa5R\xff\x15\xf0\x90f\x96\xa2\xffJ(o\x0c\xfe\xda\x7f\x92\x021\xb5\x12\xa3\xc2\xd5\xbe\xea\xea\x85y\xdfZ|\xfd\x8d\t\xc6+\xe6\xb2\x1fi\xd0\xe7\x80\x1a\x14\xf2:\x87Ac ej\xbeVk\xd2\xa2\xa5\x02\x0f\x85B\x93P\x88\x07\x83\x96\x10\xd2\x8b\xe4I\x8d\xdd}\x80E/o\x7f\x9a0;\x13\xb7\x06\xf3~\x05\x18\xc6\xc9[YCP\xbejJ\xe9\x9b\xaf^\x8b\xdf\xdf~\xbb\x97\x16s\xc5\x0f\x90\\\x90\x8a\xb2\xa0L\'sh\xa0T\x04m\xc0\xa5P\xa1k\x80|$\x96\x02i\xa5V\x83^\xa1}\xfbJ\xe5WFzi/\xcdLD\xbf\x8eQ\x94\xd3\x99\xb81\xf8K\xff\x10\x04\x91\xce~\x1f\xa6\xc2\xbe\x05_\xd8\x9c\x99\xb10\x1f~\x19_\x8aN\'i/\x97\xdbW\x0ce\x12\x1a\x1b\xa4\x96NFj\x1c\xba \x9f\x0fL&amp;\x93\x16\xa2K(\x04&gt;\x05\x0e\xb1e\x01,\x8b%D\xfa/&lt;`\xbc\x80\xf5(\x9a\x8cQfg8\x0c\x8a1\xbf$\xf61Nz\xfc\xfb\xc5\xf0\x86T\x82\xec\xf6\x8c\xf9\xf9p"\x92\x9c\xde\xb6L\x83\x8b\xf4\xac\x1b\xea72\x11\xf6\x19\x88zR\x16\xc4\xd1\xa9J\xf4\xa5\xe2\xe7"\xb1@-\xdc\x86\xc0\xd465\xd9\xd1\x16\x81\x97\xd1\xec\xdct$\xe6\x14\x08\x94N*L%\xee\xd0?;\xc6\xb0\xbc\xc1\xb5\xc5j\x80Z\xf0Q\xca\xcc\xec\xf6v\x01`Q\xe3\xbds\xdb\x1e\xa1\xe0\xe2&amp;\xddR(\x0b$\x98\x17\xd4\x15\xc9PFZPk\x83\xce{\xf2ssS\xf1N\x106\x88\x7f5\x1f\x16\x993\xd5\xeb\x15\x8b\xe9\xe4\xf4\xbdx\x0c\xde/3S\xe0\x0cS\xce\xc4\x1d\xf1\xcfR\x0c\xc3\xe8\x17\x8b&gt;\xa4\x94/\x9c\x82j\xcfv\x82\x89\xd4\x1dfb\xdb\xbd\x8b\x10\\\\\xeflI*\x11eE\x04Q\xa4\x83G]\x10T\xc1U\x10R\n\x94\x85PK\t\x82\x0fq\x06\xd6\xaaT\xcd5\x0f\x18\xb1\xd8KOFo\x0f\xc6(\xa7 \x03\x96\x12\x04\xa3b\xe3i?Y0\x0c\x13\xdfY\xf4U\xa7\xfc\x83\xb7@T\x19\xf0\xcb\xcd\xfb\xa85v2\x1a]B\xc1\xc5\xed;V\x87\xa8d\xc13g\xce\x10E\xf0H\xa8S\xc2\xd8l|\xb4\xf1\x00\x96B\xe5\xf1 O\xb5\x9e\x83\xe5\xddI\xd8\x1c\xbc\xccr\xf4\xdf\x83(\xe4A\xaf\x8c\x8cL%&lt;3\xc7V~\xe2]]\x8c3\xb8\xb6\x00\x15!\x95\x7f)(\xd0\xaaZ\xa9\x9c_p&amp;\x06/\xce\xedx\x84\x82+M&lt;[\xb2?\x14\x02\x1c\x08!\xfc\x0c\xa1\x83b\x00\x13\x18\x8e*\xbc"\xc5\x058V\xe0\x82\xe6^\x9b_3\x02[)\x8a\xf8\x1d\xcbH-\'\xe2\xca\xce\xce\xceH\x81A\x19{\xb5\x95\x18\xc6ER\xa5\xfc3oH\xd5\x9eAA*\xde|\xb9HQ\xe3\xcc\xc4o\xaf]DX\xdc\xe4\xb1\xa3!5\xd4\x87\xa0b\xc31t\xbdtc}\xe8\x82\x1a/\x84\xbdH\x8f\xea\xbe^\x7f\xb0*g,\xe5!{/:9\x98\xa0(\xa5\xd9\xa9DFfo(\x96JJ\xec\x15\x8d\xc2\xe0\x1a\xc8\xe4\xfb?\xa9\xda3\x81\xea\xe6\x8d\'\xdf\\\xa8v\xae1\x93\xd7vNx\xbd\xdc\xb4t\xef\xec\xd1\x10d\x9a\x8eH\x89\x83\xe3\x04\n\xaaT\xc5\x82\x8d\x1a\x15\nkA\xea\xce\x16\x88\x953\xd4\x0b[\x83\x97NF\xaf]\\I\x80\x87\x023e\x16\x08R\x82\xc1S\x8azU\xecs\xd2\x7f\x90\nA\xa5\x98\xda\xb3\x05\x90\xcb7\x9e\xccm{\xfe\xed\x829\x11g\x1e\xed\x9c\xbb\x8cL\xe4&amp;\xf3+l|u0\x88 \x90`\xb9\xa8\xc5B\x0e\xa2Q\xc3\xa3/(\xd8\xb3\xa7\x00\x96\xb6\xa2\xaa\xa6\x07\x85\xa3\x98^\xde1\xc7\x8c\xc3\x9b\xdd\xccD\\J\xa5 \x13\x04\x03\xc5\xc0\xd5\xd8\xca\x8f\xd6\xfd\r\xa9\xaaa\x85)\x10y\x03*\xc3\x8c\xa0nG\x9b\x9a\xbe\xf8\xea\x9fN\xea\x16=y\xed\xfd\x89Ih\x06\xbd\xf4\xf5\x93!\x15\x0c\xab\xa8\x8b?dR(\xd0\xad\xbb\r.\x93\xf5\x1fz\xe8\xa0A\xac\x82\xbf\xdb&gt;w\x17\x9e\xa5\xd3\xc4\x0c\xbb49\xb7\xf3&gt;}\xcb\xb9\xb8\xbe|\xeb&amp;\xb8g6\x9b\x11\x18,\x81\x12\x9e\xffX\xdd\xc78\xde\x17\x8b\x08\n\xc2P\x99\xb9\x91\x80\x99\xf0\x82\xb5\'s\xef\xef|\xde\xf4\xfc\xab/\xbe\xf5\x99\x13\xe3K\xf7\xde\xd8&gt;=)N\x83l\xfc\xf4-5l\x810\xefX\x81\x0b\xda\xbe\xcf\x10\xd6g\x1f*L\x08(\xf5\'Ou\xa8\xd4]5K\xa7\xe7\xa5\xa7_\xbc\x16}/\xba\xc4\xc6\xcc\xffk\xdb|B\xdb\xb8\xf28.\xbdW\x11O\xdd\x8e\x98\xbd\xe81\xcbVK\x97l0\x1a\x122P\x81\xdd\x8b\xa9\x0b\x0ex\x07\xb6:,\xa5\xcb\xd2C\xa0\x97\xc5\xbd\xcc\\\xd4BXw/\x05\x83\x0f\x82M\xd4\x14Rh%\x90\xa2\x83\xca\xd6\xa0X\x12\xfa\x0b\x96\xe9\x96X\xcdJP\xcb.\x02\t[\xc1\xbb\xb2\xc2*\xb6\x9b&amp;)\xfb\xfd\xbd\x91C[\xfaK\x9c\x98d&lt;\xfa\xcc\xe7\xf7{\xdf\xf7t\xd0\x13\xd5i\xf7\x8a!?\xa8\x82A\x17l\xda\x1f\x0c\x86\xbf(\xffR\'\xcf-\xec}\x87T@\x98\xc8\xbeO\xa1\xf1\xf4c\xb7\x0f\xee\xeb\x96e7\t\xab\xf9\xf7\'O\x1e\xdb\x86*D5\x1b\x08 \xbdR\xef\xbf}\xe5\xca\xcc\xdc\xe2\xdc\xc5\xb9\x8f/_&amp;Y\xbfz\xfdo\x9fN\xb0f\xe8\x83\x93\xbf\xfe\xf3\x1f\xbf\x0e\xf8|^\xafR\xd0\xb9\xa9\x8d\xfe})\xfc\x83\xcaY\xae\x90\xdf\x84$P\xe1\xa5dZ\x80,|;\xf3s.\xda\xff\xbe!\xa8\xf9yRK\xb2B\xfe\xa0\xbft\xd8IZ1Kk\xd9Z\xb3\xb5\x1f\xb5Q\x86\xa6\xa9\xaa(D\\\xae{\xd71\xd9t(]\x840\x1a\xb2\xe7?}\xe5\xa5w1\xe9\xbf}uvv\xf6\xfc\x0b\xbfyoC\x01\x94WI\xe58\xd7Mm\xff\xbfO\x1e\xab\xdc\xb2\xac\xf4n]\x82a\'\x9av\xc9\xd0\x9a\x9f\x8d&gt;\x1d\xaa\x90\xea\xd7(Fh\xe5\xd2U!\xbf\xbfT\xee6X,\xc6\xb5f\xd30\x80eh\x86A`\xaa\xaa&amp;+\x08"\xc9us\x11Gx\xfa\xba8\x87\x93\xf2\xeb\x08\x88\x97\xae,\xfe\xfe\xc5Wg_;\xff\xaf\xb7^\xf8\xc3\x1d\x85\xa0\x14\xe5+\xce\x80\xa5\x1a\x86j\nfY\x8c;\xb5\xddzi\xca/\xcb\xc5B/\x7f"\x0c\xaa0\xea\xae(\tEW\xf9\x91\t\xf7mP\xe9\xd1\xfd\xa6aG[\xad\xa8&amp;\x84\x11\x852M\x15\xeav*B\xc2\x02\xf0\x05\xa4\xff\xc9\xcfK.\xce\xe1M\x18"\x95L]=\xff\xd6kW\xdf\xf8\xc7\x1d\x10\xc91\xcc\x01\xcb\x14\xaaa\x1bB\xc0\x16\xd3M\xd3\xa9b\xf6\xe5\xab\xb9T\xf8\x16\x13\xf6L\xd8s^\xa4\xc25\x12\xe5we\xd2\x18\x86\x8a\x07U;\n*\x11\x8d\xeeG\xb5h\xb4\xd5\xb4aI\xfa\xa2\xe9\x12_-I\xac@\xfc\xde\x8ck\xebOx7\xf6\xee\xf3\xbf\xfb\x0b\x92\xf5\xc2\x85\xab\x17fg_~\xe7\x833\xaa\xb5\xaa\x94%\x84\x165\x84\xc9\x19\x03\x97\x10\x00;(\x96\xa6~T\xf05?\x11vn\x99\xf6\x9aK\xeeL\xd1\xe6Nh\x9b\xbd62A_\x8d1M\xd5\xa2xH\xe4\x03h\xe8i5MC\'\xcc\xe4\x0e\xb0\x14\xe2\xba\x8e\xf1\x9eA"\\\\\xbc,\xe3\xfe\x02}\xea\x14g\x89w&gt;H(nyw\x92\x8c\xd1l\x99\xc2\xb6U`\x91.&lt;\xa40\xf5\xea\xc1f\x88x\xa6d\xea\xd3\x9a\x9c\xff"OQ\xb1\xf7\x9d\xa4\n\xbaT\xb4\x08\xa7J\xe5\xe3\x1c\xda%b\xc0b\xba\xa1\xe2\xc9D\xb3\x89\x1e\x12_4\n&gt;\xbcB.NCO\\7gf\xe4\xae\x8c\x81\xc2;\x9d\xab\xb3/\xca7\x1b\x7f\xfd\x08T\x01\x89\x95\xdd\xe6\x16s\xd0D\x9a\x02[\xd5\xa1\x8b\xeb\x82\xe4\xab"\xd9&gt;\xdc\x94H\xa1\x89\xaf`\xf8RY9\xe7\xf9\x06\xa7\xcfKa\xd7\x95\x1c\xbeP\xb1\xbb\x85\xaeE\xb5\xd8\xea\xea\xaa\xc5\x04\x164\xe7fk\x1f\xf7\x80(\x83\x06_C\'8R\x82Z\x14\x88\xdc\xdd\xb8\x8b\x8a\xc7\xe3w76\xbe\xbey\xfd\xde\xf5\x9b\xf0\xf76\xa8\\(%P@\xc6\x10\tl\xa96\xda\x08,\xc6\x81\x05\xf1X\xd6\xb9\xe3b\t\xdb\xe3\x19\x195\xb2\xa8x\xdet\x03t\xb2$\xd0\xbf|\x9b\xa0la\xad\x12\x96i\x08\x1dw10\xf1\xf4t\x93\xa2\x01q\n\x01Zf\x00\xc3\x169)\xe4\xa6O\x89dS\xf1\x8d/\'\xaepA%I\xb2\x1c\xc2\xd2\x85\x866\x12\x163\x89\x8a\x1eR\xf0m\xb7\x93\xb2\x91\xf8\x06\\e`]\x9b\'\xa8\xa0\xa4*\x95w\xb7 Z\x13\x0c\xae\xa8\x89\xaa\x061Lo\xb5l\xb04F\r\xae\xeb\xe4\x1f\xab\x9c\xe5*\x8a\xbb\xfc%\x1eQ\xb9\x7f\x12\\dY"\xd1\x7f\xa4\xb6 \x0b\xb6$\x97\xd0\x0ct\x91\xb0@\x08,\xfa\xcdynX.\xd1dQ\x88\x87B\xb4\xb7x\xb0\x03\x92+J\xb6i\xa8\x1a&amp;\r\xf2cQ\x07\x01\xa6\x03P\xcaj\x02\x95\x9fdN\xe4`\x08U\xa3[\xa7\xb3\xae.%\xe0[\x90u&amp;\x8d\xa8$\x12*[\xd5Y\x0cT\xcc![\xba\xcc\x08\xc6\'XR\x98\xc9u\x95\x84\xa1\x93\xf8\x92\xc7\x8ay\x0f\xc9\n\xba\xaeJ\xe5\x9d-\xa85\x89\xca\xc5\xb2 \x0b1\xcf\xf6[\xa3\x83A\xb7\xf14\xff\xb4\xd1\xe9\xe4h\xd6L\xb4\x91\x17\x02^\x1f~A\xcc\xc2Oji\xc9+\xb3]!*\xcec1\xe6H[dZ\x186\xfcpJ1\x17\xcb\xc6J\x8aj\xb9\x02\x84\x85\xa6e\x1b\xa1\xcbs\x8dV!qM\x95\xea\xc3$\xd2\xc4\xd4\xf9\x19\x15aQ\x07\xf4\xe6\x0f\xbd\xde\xc1\xca\xe0p\xf9\xfb\xc1\xf2\xde\x88\x84\xa1\x18\xcb\xf5\xdd\xee\xc1\xcc\xc2Z*\xbb\xb6\xb6F-\\\x88\x80Jby\xbdkm\x84T\xccr\xc0\xdd\xb4i7\x00\x00\x02\x15IDAT\x05\xac\xa4\x83\x98P\r\xa8\xa6\x07S\r\x97\x8b\xa8\x80\xde\xce\x930\xb9*\xfda\x8fLwpMm\x0e\xb6\x05=\x8f\xa4J\xa7\xab5`q\xd5t\x1c6\xea\xf6\xbe\xed=\xd6\x0e\x94|$\x1f\xe8\x8d\x92\xcf\xb0\xac\xf6\xa4S^\xc5\x97\x88g\x13\xf1D6~7\x1bYQ\xc8!Q\xf9\n\xc0\xb1h\xe0i\xe4\x1b\'\xa7\x9d\x86\xa3\xcbq\xa5tU\xdd\x80\xc6J\xe2\x0c\n\xd2\x83\xa2\xe4\xa26z\xe6\t+\xec\x0f\x15\x07[&amp;\xf2\x8d\xe7F\xa3aw\xf0y\xbfR\xa9\x0cc\x8dNw08\xd9\xab?\xea\xf5\x1e\xeb]%\x1f\xc8GN\x18uPGG\x00\x96\xab\xb8C\xee\xf5)\x9fl|\xb6\xb1qk=\x11I\x80\xea\xac\x85\x95\x1c\x8d\x11:\xc8,\xa7\xd19\xdd\xe9\xa7&gt;\x1f\x9c\x8e\x92\x88.Ni\x81\x80v\x17#\x19e&lt;\xb7#\'\xdf\xc5\n\x13\xd7tq\'G\x0b_\xe7\x9d\xdd\xca\x1aMp\xff\xe1\xc3J\xf54\x93Q2\x99\xbd\xef\x0f\x1f\x1d$\x1di+r\xc2\x85F\x01A^\xa1k\x8d\xa6\x8b\xc0\x12+K\x9f\xac\'\xd6\xd7\xd7o\xc9\x93\x0c\x95/\x95\x86\x16\xc7\xad\xce\xf1\xf8\xc1\xf8a\xea\x86/[\xe84h/\xa29\xc3vd#\n\x91\xfb\x84o:\x85z)Ds?\xed\t\x93\xae\xe9\xcd;i\x93\x16\x05k\x9c\xa6\xb2\xa9\xd4\x8d\x85\x1b\xc0zx&lt;\x1a\x1d.\x97\x972\xf5G\x8fN\x92\xceI\xbe\xbeW\xcf&lt;\xc5\x1a\'|\xea\x03\x1e\xb2\x7f\x96Y\xde\xa5\xe5\xe5\xcfV\x96\x12\xb7\x96\xa4&lt;\xa2\xf2\x0e\xc9\xa9\x030\xe6t\x8e\xc6\xe3\x07\xa8\xfe\x82\xef\xe8A\xbb\x81\x1fF\xd0S\x90\xe1L\xa2a7\xa22M\xd6\xae\x7fH\xba\xa6=\xb7Q\x9b\xc5\xbdB-\xbd\xb5\x95\xae\rw\x8fP}\xdfs\xa9&gt;\xb8\xba\xdb\xc3\xe5|q%s\xf8\xcf\xff\xdc\xaf\xd5\xaa\xd5N\xa7s\xda\xc1e\xe9Z\xad\x96N\xcb\xbf\x8e$\x96L\x07\x19\xac\x8a\xe2{\x96\x13\xfdj:=\xb9\xac\xba\x83\xdb\x8e\xc7G)\xfc\xebx&lt;&gt;\xde\x1e\xee\xeev\x8fq\xc3\xed-z\xd9\x075\x10\x83\xa0\x96.\x947\xa9\xfe\x0f\x0fNh\xfb\xc1\xdb\xc3V\x00\x00\x00\x00IEND\xaeB`\x82'</t>
        </is>
      </c>
      <c r="M242" s="3" t="n">
        <v>45492.67771990741</v>
      </c>
    </row>
    <row r="243">
      <c r="A243" t="n">
        <v>849301</v>
      </c>
      <c r="B243" t="n">
        <v>1974</v>
      </c>
      <c r="C243" t="inlineStr">
        <is>
          <t>Serginho</t>
        </is>
      </c>
      <c r="D243" t="inlineStr">
        <is>
          <t>Serginho</t>
        </is>
      </c>
      <c r="E243" t="inlineStr">
        <is>
          <t>PD</t>
        </is>
      </c>
      <c r="F243" t="inlineStr">
        <is>
          <t>ATA</t>
        </is>
      </c>
      <c r="G243" t="inlineStr">
        <is>
          <t>PD/PE</t>
        </is>
      </c>
      <c r="H243" t="n">
        <v>180</v>
      </c>
      <c r="I243" t="n">
        <v>70</v>
      </c>
      <c r="J243" s="2" t="n">
        <v>34794</v>
      </c>
      <c r="K243" t="inlineStr">
        <is>
          <t>Right</t>
        </is>
      </c>
      <c r="L24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24ca6ebf-dd51-4938-bf89-7cba3d194ec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1zq\xfb\x00\x00\x00\tpHYs\x00\x00\x0e\xc4\x00\x00\x0e\xc4\x01\x95+\x0e\x1b\x00\x00\x03\x00PLTE\xff\xff\xff\xee\xef\xf4\xea\xeb\xf1\xf5\xf6\xf9\xf2\xf3\xf7\xf7\xf7\xfa\xf8\xf9\xfb\x01\x01\x01\x04\x04\x04\xf1\xf2\xf6\xfa\xfa\xfc\xff\xfe\xfe\x07\x07\x08\xec\xed\xf2\xed\xee\xf3\xf0\xf1\xf4\xe6\xe8\xed\xe8\xea\xef\x1c (\r\x0f\x14\x1a\x1d%\x0f\x12\x17\xe3\xe5\xeb\xc9\x93\x86\xa9xm\xc7\x91\x84\xca\x96\x89\xfd\xfd\xfe\xa7sf\n\x0b\x0f\xce\x94\x87\xfc\xfc\xfd\xf4\xf5\xf8\x11\x14\x1a\xa1rj\xdc\xde\xe4\xb0|n\xadxj\xc0\x8d\x80\x9dog%(1\xac{p!%.\xb7}n\x16\x19 \xc4\x8f\x81\x18\x1b"\xc5\x8d~\xbf\x86w\xbd\x80m\xcf\x97\x8b\x9ek_\xc5\x87t\x14\x17\x1d\xbf\x89{\x99mf\xda\xa4\x98\xb5\x81t\xe0\xe2\xe8\xd0\x9b\x8f\xba\x86y\xa5uk\xc8\x8f\x80\xb7\x82z #*\xacuf\xa2pd\xa7o^\xc3\x91\x86),3\xb0pZ\xb9\x83u\xd4\x9b\x8bC,-\xc3\x89y\xd4\xa0\x97\x95ja\xb0}t\xc2\x8b|\xd2\x97\x87\xd6\x93\x8f\xca\x8dy\xbe\x84r\xcb\x98\x8d\xb8zw\xd8\x9f\x91+/8\xdd\xa9\xa1\xbd\x8c\x85\xdd\x9b\x98\x90cV\xb4v`\x8eVC\xe6\xe6\xe6\xce\x92\x80\xaclU\xba\x89\x7f\xa2kY\xe4\xaf\xac\xc3\x83o\x8b[M\xc4\x94\x8f\xd9\x96\x94\xd6\xd9\xdf\xba{g\xa4xp&gt;BJ14&lt;\x98gY\xd8\xa6\xa0\xce\x94\x94:\x1c\x16\x87P=\xdd\xa5\xa6\xf4\xf3\xf2\xa9\x82\x81(\x13\x11E$\x1d\xdf\xe4\xe2\xa9{t\xb0\x81w\x90d^`1)\x99qr\x87ac\xd3\x9c\x91\xea\xed\xeb{NL\xcc\x9e\x99\xba\x90\x8e\x8ekl\x0b\x05\x04\xf1\xec\xea\xc8\x99\x94Q+#\xa6gQwHC7:B\xdc\xdf\xdc\xadog\xa9kb\xa1cM\x96`RR32\xc4\x89\x85\xb4ur8"#\xbf\x83\x81\xa8jU\x84QI\xca\x8d\x8b\xb3\x84\x80\xb2vi\xce\xd4\xd1\x9fdV\xe1\xa4\x9e\xd2\x8e\x8c\xd0\x8d\x85\x18\x0b\t\xd3\x98\x98\xdd\xae\xa8-\x19\x18\xa7\x84y\xbd\xbe\xc4\x7fL&gt;\xd3\xa3\x9c\x1f\x10\x0e\xcd\xd0\xd7\x96ZImB@\xe4\xa8\xa5\x11\x08\x06\xdb\x9e\x9f\x83]V\xd1\xd4\xdbl=2\xce\x83\x82\xaeon\x8a`X\xd6\xd9\xd8\xc2|zwC3\xf8\xf7\xf6\x81YLbFFnNP\xa0vp\xc8\xcb\xd2GJO\x89WTOSXa90_=&lt;]`d\xa5\xa7\xabuTTS:&lt;\xacwz\x8fXX\xdc\xc7\xc4}VW\x96ee\xcc\x8c\x80\xe8\xb5\xb3\xb4\x8b\x84\xd7h\x89|\\_\xb0\x87\x8a\x85\x86\x89\xc3\xc6\xceosx\xac\xaf\xb5\xbd\x9b\x98\xed\xde\xdc\xbcml\x99\x9c\xa1\x94^b\xca\xc7\xc7\xa4fk\xd8\xb7\xb6x|\x85\x8d\x90\x96\xe7\xd3\xd3\x9c_H\xae\\m\x9e}}\x8eLQ\xbdzr\xc7\xb5\xb4\xec\xbe\xbckII\xb5\xb8\xbd\xa1`^\x99ZY\xce_{\xb2\x9f\xa3\xa5\x8f\x91\xcc\xa8\xa4\xa5nq\xbaav\xcf\x98\xa2hln\xd8\xce\xd2\xbe\xac\xa8\xcdy\x8e\xd8\x80\x98\xc6l\x81\x87BF\xa3Gb\xc2Mo\xd3\xa5\xb3\xbco\x83\x8e|y\xde\x8d\xa3\xacYY\xe3\x9c\xb2\xa36\xc2\xe5\x00\x00 \x00IDATx\xda\xc4\x98]LZi\x1a\xc7\xb9\x12\x02\xb8&amp;\xeb6u\x07\x85\x1d\xe3\xc7\x05m\xfd\xa2\x8e\x8d\xb6E\xf1\x83\x0fGWL\xa3\x8b\xa0\xb2\xd2\x84V\x08\x84\x82\x1f\xcc *\xe6@\xed\x00Y\x02\xa9\x92-\x91Q\t\x84\x18v\xc7UtV\xc5\xaft\xbbI\xd3\x18\xed\xaeK:\xae\x99lRo\xea\x85\xbbw\x9b\xb9\xd8\xe7=\xe7\xd0\xce\\/\xd8\x07y\x0fr\x00\x7f\xfe\xff\xff\xf7y\xdf\x03\x85\xf2\x7f\x17\x03\r\x9c\xec\x1c\xbaA14\x96\x93\xc5\xa1|\xdcb0\x88#\xcb0\xa4\x98N\x9e\xcdO\x9f\x9d\x1c\x1c\x1c\x9cM\x8fe\xa1\x93,\xd6G\xc2\xa2#]\xe8\x86\xd5\xe4\xc1\xce\xc5\xc5\xc6\xc6\xc6\xceF\x13\xff\xc6\xa7\x83;\x07\xc9l\x16\x85N\xffXX\xabY\xf4U\xc5\xfc\xd1\xee\xce\xb5\x82\xdc+\x05\xcch\x94i\xb3\xd1h\xb4(\x7f\xe3p7\x87C\xffX\x16\x1a\x0cCG\x87[\x8f\x9b\xae0\x994&amp;Y\x80\xc5d\xda\n\xf8\x17\xbbC\x9c\x9f8}Y\x0e\x1a\x0c\x8a\xe4A\xd3\x95\\\x1a\x95\x86\xb3\xa4\x98\xe0\x0e?Q\xfe\xce\xee\xf4\x18\xf8x\xa9\xaa18\xab\x8a\xd9\xe3\xad\x9b4\x1bP1Sj\x11|4&amp;\xf1\x0c\x7f\xeb`&gt;\x9b\xc1\xcab]\xa6VCG\x17|\xe2\xef\xa7\x14\xc2\x1fP\xdf\xdb\t\'ol\x1d+(\xf4\xd5\xcb\x82b\x8d\xcd\xce\x1f?, \x85\xfaPL&amp;\x15\n\x0e\x05)X\xfew\xc9\xec\xd5\xcbJ\xd7X\xf2d\xa7\xe9\xc7&lt;?\xc1\xa2"\xa9\xa8\x84\x80\xb6\xdc\xc7\'\xd3\x97Euv\xb2u\x8d\x14\x8aJ%\x06\xe4\'\x1aq\xb9HO\x89\xbar8\xc4b\xb12\xaf\xd8\xd4\xd9ES\x01)O\n\x0b\x89\x83?\xf7#,B3\x1b\xf5\xca\xce|v\x16\x83\x92\xe1\xae\x9f\x95&lt;\xe4\x13b\xa4\x94"\x07\x14(\xdcD\xc8\x1c\x99;\xe2u\x05\x8fO\x96\rtNf\xd7\xca\xe5\x9d\x9f\x93\x16Q\x89\xa2\xa1\xdenC\x07\x18\xc8\xe7p7i\xa9\xf9`\xbbq\x98\xcc\xa6g\xb0\xb12\x18\x8a\xc3\\*i\x1b9\xd2l\xd1h\xd4\x86\xa8\xa26\x84F*F\xc8F\xd6\xcd\xad#C\xe6\x94\xe2\xb0\x0c\x077\xdf\xcb\x84\x92\x83\x90\xa2\x81P(@T\x08n\xc0h\xfb\xf0\x1a\xa2\x87\xd9\n6\x92\x19S\x8b\x95\xf5\xab\xa3\xa6\xf7\xee!&amp;\x001\x06\xa1t:\x93I\xa7C#\x1c\x83F\xc0\x8c\x92\xba\x91\r\x97y\xf3p\x8c\x92\x99\xf9\x08\x0b\xc9\xfcC&amp;\x93\xcc\xb5\r\x88t&amp;\x0c3\'\x12f,\xe6\x88\xfb\x16\x1c\xa8b\x89X\xc2l\xc6\x002\x14%\x02\x86\x8f\x05\xcc\xc1\xf9\xd5\x0c5V\xfa\xecNj\xb6\xd9BA\x1df\x8e\xad,\xc8\xc3a\xb9\xca\xa5\xa9j\xc8+\xceG\xe5\x0f\xbb\xe4z\xb9~a%\x86\x01\x18a5.\xda\x8d\x93\xb1\x8c,C\x0c\x8a\xe2\xbbkdg\x8a\x1aM\x98\x191\x9d\xda\xbd\x02\xa5\xa0\xa8\xa8\xe8V]uu]]\x7fK\xbd@\xe0\xb5;OO\xc3\xfa\x95\x98\xd9\x14H\xc5\x1fR\x7f\xa8\xe0db\x0e2\x0c\xc7\x83\x05\x04U@\x87\xe1B\x9d:\xed}===\xdc\x8a\x96\xea\xea\x92\xc6\xc6\xc6\x92\x92\x92\xea\x16\xeeLs\xb3\xd7\xe9&lt;E\x92aF\x1b99\x98\xcc\x8d\xe9\x0clX\x19\x0cNr\xa3\x80\x08J@\x07J\xe9q*os\xcf\x0c`UT\x97\x94\\\xbf\x0eT\xc0V-\xe5r{\x9a\xfb@2\xb9\\o\xd6\x05\x88\xff\x84I\x1d\x9c\xcd\xc8\x1e\xe7g\xc7|&lt;Y6D\xa5\'\xa9\x90X3\xea\x8a\n\xa9\xb8\\\xdc\x06X\x00\xd7&amp;\x95J\xd5\xc0\xd5\x07\x8a\x85\x81+J6\xb2\xc1Yz\x06"\xcfX\xde\xc1\xc5"\xb4\x92\xcb\xc3N\xbb\xdd\xde\xd7\xdc\xd3\xa3\x86\x92\xf2\xa0\xc4me\xd5m\xd5m\xe5\xd2\x96\n\xc0\x02.\x10,\xbc\x80\x19\x89lQ\x1f/S\xd2\x8f\xc5Z\xdd\xe5\xe3-+\nT+\x88\x8a\xc4\x02\xa9\xd4\x15\x03\x00\xc5\xe3I\xcb\xa5xUp\x11Vs\x1f\x9e\xb0\x15B.\x1a\xf5\xe1t\xfa\xb1\x18\x9c\xe9-\x9c\xcaf\xc4bD\xae\xfc`a3\x81\xa5\x1e@j\xf1\x06\x06*P\x01\x97\xba\x87\x94\xcby\xaa\xc7\x026&lt;^\xfc#N\xda\xb1X\xf4\xf9&amp;\xe4\x84\xcdh"\x83\xe5\xf7z\x91\x85\x80\x050\x03\x88\t\x954\x85\xd5\x8c\xb8\xbcv\xbbSn6\x06\x88\xbez\x91\xc3J\xffj\xf8\xe7&amp;\xb4\xf4\x86Lf$\x16x\xa8\x14\xc0,D\xb9\x02\xae\x01B-\xde\x00.\x19o\x00\xa9E\xc8e\xb7\x9f\xae\x98Bh\xcd\x86\xa9\x98L\xfbU\x10\x8b2=\x08\x9f\r\xc1\x8a\xa1\xde w)\x95^o\x0fHC\x884\xd0\xf1\xbe\xc4\xe8\x06\xbe"\xaef$\x97\xdelDW\xb5L\xea\xa7\x079\xe9o\xf1\xd3\x8f\x89`\xc5Vp*\xe8\xed\xdcr1)\x10\x8f\x87\x80z\xa1\xd8\xbd\xbdw`\x10\x83\x8fj&lt;\xf5vg\x18B\x8f:\x0b\x8d\xb65\x94\xee\xd0\x03\xd6C|\x16&amp;\xf0\xe6\xe0W\n\x04\xdc\xea\xb22\xb1\x18yG\xc8\x84\xa8\xda\x85\xc2\xf6\xf6\xca\xca\xab\xe2\x01\x9e\x9a\x98\x8d\xd0$\x16\xb0P\x94\x89\xcf\xc5\xe5\xf4c)6\xa8\xd4\x00$\x0b\xc4\x02*\xa5\xa0\xbeEZ..\x13\xa3,!\xa4\x8e\xde\xf6v\xc0\xb2\x08+\x85\x16\x0b\xbb\x8c\xc7\x03\x83q\x1b\x9d(\xf4h3\x91\x89\xce\x05X[\xc8\xc3Dl\x05\xd7\n\xb0f`\xcd!c\x8e\x94jG%\x14\xb2\x85\x96Z!\xbb\xb7L\x0c\xf3SM`\x85c\xba(\xbe\xc9N\x7f\xe7bP\xc6v \xf0\xf8\n\xed\xf2\x0b\x04\x82\xfa\xa2\x99\n\xbc1 \x0b\t&amp;\x80\x12\xb6\xb3+\x85\x95\xec\xab\xbdw:x\x90.\xe4\xa3\xd7\x0e.\x06l6\xb8\x0e\xdaPd\x02\x8b\x192%\xf0V\xea\x17\xd4\x17s\xb9E\xd0\xcfy\xb8\x81$\x12@\t\xd1C6\x9b\xdd\xdb\x81\xbb\x88\xdb\xd8\xe7\x94\'\x8c\xb0\xb9f2/V\xd3?\x13\xc7\xb6l:\xc8;j\xa5\xfe\xfc\xe2\xa2[\\n\x8bX\xdcAH%La\xe1\\l\xe4!O\xca\xc3\xbb*,\x04^\xaf\xca\x14\rDi\xb9\x07\x99\xd8\x03n\x040\xe8\xef\x08\xcb\x05\x16\x16q[\xda\xee\xdc\xe9%\xa7\x9fPx\xef\x1e\xae\x15:\n\xdb{;\x00\x0b\x9a=\xdeR\xd1\x8fJ\x17\nPo\x1cg\x00ky0\x14\xd3/ \xb5\xe4ae=\xc8Uw\xfd*\x9b\x9d\xb2\xef^\r\xe2At\xa8j\x81K\x8a"\xef\xed\xc3\xcb+\x88\x04C\xd1_\xec\xa6}\xadfPf\x9b\x82\x0e\x1fj\xf0z}X\x99_|\xab\xa5\xa4\xb1\xb3\xb6\xd6b\xb1\x00\x06\xd0\xd4\xd4\xd4\xdcCT5\xe8\x17K;\xfb\xea\x1d\xb1T\xdd\x0c{\x0c \xf3\xda\xbd*Q\xd0\xc8\xdf\xcd\x80Z\xb3M&amp;\x9f\xca\xa7\x02,\xb9\xa6*\xff\xd6\xdd\xbb\xdd\xf7\x17\x17\x17%\x16B\x9f\x9a\xf7\x85?\x96X\xa0\x81\x95\x95\xab\xd1b\r+\xa3\xd7\xebr\x9b&lt;\xa2\x8c`\x89Lq\x95\xcf\'\xd7\xfb\xe2\xf1x\xeb\x83\x91\x91G\x13\xe7\xe7Z\x89EB\xa0|@\xeb\x9a\x9b\x9b\xd3.J:\x1bK\xea\xca\xb9=^\xd8\xee{\xbd^\x7fB\xe4^;\xcb\x08\x16\xa6\x8a\xcb\xe1rp!\xb2\xbf\xb6\xfebr\xf2\x8bG\x13\xaf\xc7\xc7\xc7\x17\xb5\xa4J\x00\xd4\x85\xeeso\xde\xfc\xf7\xfc\xf5\xc4\xcb\xa7\x0f&gt;\xfb\xb6\x88\xdb\xect"\x1b\x95\x8e\x84{-\x99\x89\xc8\xaf%TP\x0b\xf0\xf9n\xb7H\xb4\xbf\x0fp_\x02\xda\xfd\xf1E\x89\xa4\x06\x80\xb4]]\xda\xda\xce\xc5\xf1\xd7\x13\xef\xde}1\t\xf5jooIS\xefw\xda\xa1G(\xe3\x8e\xc4\xdet\x06\xb0\x86\xf6\xb6U*\x99*\x1e\xd9\x06*c \x90\x1b\xba\x19\xf4\xec\xaf\x7f\xf9`b\\"\xd1j\x91yZIc\xff\xc4\xa3\xc9W\xebk\xfb\x80\r\xf4\xdb\x11\xabL\xe9\x87E\xc1\xab\x847N\x8e\xa5\xfdk\x08\x16ej2\x82\xa8\xac\x8e\xb7\xeb\xebk\xa2\x10\xfa\x02$\x14\xf4\xb8\xd7^&lt;\xb8/\xd1vi%\x8b]s]\x92\xee\x91\xaf\'_\xac\x89&lt;\xc6@4`\xf4\xb8\xdfZ_lj\x10\x96R)S-\xfc\x90\xc3a\xa5]-\xc3\xf7\x8e\xb8L\x16\xb7\xc6_,\xb5~\xb6\x84$\x0b\x1a\x83\x1e\x91;2\xfar\x9c\xc0\xea\x9a[\xec~0\xba\xb7-\n\x06C\xa1`\xd0\xb3\xbd4\xda\xfamiU\x95\x1f\xc4R\xc2[\x7fXe\xd0\xd3zM\xc6Q\xfc[axg\x8d\xcb4\xdf\xc4\x97Z\x0b\x87\x87\x0b[Ge\x9b\x117\x86\xb9\x13\x91\xcd\xe1\xfb\x92EI\xad\x05\xd8\xc6\xfbG\x1d\xdbnO0h\xdavX\xad\xa3\xc3O\x9f\x0e\x17\x16\xe6W\x81XJ\x8d,\xfe\xce\xf0\xcf7\x7f\x99J#\xd7\xd4\xeb\xbc\x97\xff\xf9&gt;\xbe$\xd3\xc8\x96FK\x0b\x0b\x0b[7}&gt;\x9f#\x81a\x89D$^\xda\xdf\xd8\xd9\xf9I\xadV\xbb\xd89R\xa5\xf29bn,f\x85\xf3\xa3\xc3\xfd\xdd\xfd##y\r\xc8\xc4*\xcd7_\x9f_/\xfb\xd7\x9b4.\xd7S\x13O\xbeRYq\xac\xd1\xd2\xdb\x85U\x9b\x91\x88\xd5\x8a\xb8L:,\xe1p\xe5\xdf\x85\x86\x0f\xb1\x97\xfc\xb2H\xf3\x1c\xd1\x9a\x1d\x9b\xa3\x7f\x1d}\xfe\xbc\xe1nwcw\x7f1l\xcf\x94\r\x1a\x95\x92\xf7\xfbg\x7f\xef\x9cJ\xdf\nd8\x9fi\xf1/\x80\x89\xb2V\xd0\xaaA\x161G\xden\xa3\x99\xb6m\xd2\x99\xcc&gt;M~I\xad\xa5f\xae\xab\xb6\xad\xde\x85\xa8\xdcV\xa0*,\xfd\xc7\xa6\xaa\xea\x16,Qu\xf9\xb8Z\xae\x81\xdf\xfc\xfa\xd9\x9fj\xd3\x88\xb5z\xfe\xc7\xdf=q\xa1\xc8\x97\xde\xbe]\xa8q`&amp;\x0f\x04(\x10\x12\xb91\xa3\xd1\x14s5\xd4\x8dK\x00\xabR\xaa\xf4\xc5\xcc&amp;\x9dH\xe4\xf1\x88`2X\x1d\xaa\xaf\xea&gt;\xe9,)\x06\x175.u\xfb\xbdg\xcf\xfe`\xf9[Z\xb1\x9e\xe4k\xe2\x80U\x98\x97\xd7\xa0J\xe8\x8c\xa2u\x91(d\xdc\x7f\xb5\xa73\xea\xcc\xaa\xaa\xcf;%5\xbf\xedbs\xc3+f\x0cN\x8a\x02QOP\xe4\tb\x0b\xff\xa3\xd5|_\xd3\xc8\xf38\x1e\xee\xc1\xc2\x9dpt\x1f\xf9cK\n\xb9\xfc`\x90\x90[\x03\xf9\x811\xd2Thw\xd5v\xb8L\x89\x96Kq\x87\xce\x1cB\xe3b\xbc\xa0M\x9aS\x0f-\xa5\xca\xdd\xcc\r\xd1\xac:(\xd9\x15V\xd7\x12mmw+\x84\xed\x13M\xa2\xe9\xee\x93D\xac\x01\xc9\x99x\x98t\x93\x94\xfcl\x9bm{\x9fI\x8f\xfb\x0b\xf4C\x12I\xf2\xc0\x97\xef\xef{&gt;\xf3y\x7f\xe7\xeb\xeb\xe5\x0f\n\x9b9\xcb_\xe8o\x94\x00\x16\xbaR;o\x8dn\'\xa6\x9b\x07\xae}\x7fC%@\x90\xce\xa9\x1f\xc7\xc6"\x7f\x7f\xf2\xcf\xb1\xb1\'\xbfL\x8c\xdf\x19\x9f\x9d\xeal\x16\xf5\x0c\x9db\xfdyv\xfc\xce\xd8\x93\x1f\xc0sO\xad?~y\xe7\x1b\xf7\xc5v~{\xef\x05\xdf\x177\xc5\xfd|-\xc9a\xd5L,\x9e\xc3\xe9\xa2\xbb\x04\xd7n\\\xebD\xe4\x96\xb37\xe7\xeeN\x95\x0b\x19k\xe4\xee\xed\x89\xcc\xdd\xf1\xf1\xbb7:\xa7O\xb1\xb2b\x9f\xaf|w|\x0cV\xef\xee\\\xa1X\xec\xect\xb7\\l\x17\xf5\xf7\x82\xb7|\xe2\xcf\x1b{\xb4\x81x\xa0T\xbb\x96Z\x92\xbb1\xa6\x05\xb0\xda\x10\x9d\xce\x82\x08\x06\xce\nv\x16\x173\xe5L\xb9&lt;\x17\x99\x9d\xfa\x87oZ\xd2\xe3\xc7\xa3\xd9O\xddnwf\x16\xe4\xcbT\x13rJ\xd1\xd1\xd5\xd5\xca\x1f\x94\xf2/r\x8dK|YrU\x8b\x02\x16\xaff\x1d~\xde\xedN\xfe\xf1&lt;\xdc\x12\x07,\xba%\x9d\xc6\xabVc\x18F\xbb\xab\x9b\x9b\x9b\x99)\xa0\xf2\xd1\x12P+\xca\xaeOO\x8b\xdd\xe5G\xb3\xc7&gt;\x17\x8duu]\xee\x10\x0eNNJE}\x90\xdf\xbe\x10\x8b\xff\xf4\x01\xeb\x93\x9aa\x95\\\xef\x92\x94\xef\xd15\xc0\xf2\xea\x14\x84\x86b\xfa\xe4r\xcc\xe5v\'\xe8\x84\xef\xdb\xcd\xaa[\xdcx\xd5\x8f\x0f\xb1\\\x96]wU\xab\xf0\x97\x04\xd6E\x89&amp;a\x1aSJE\xa0\x16\x84p\xf7\xbbK~2N\xae\xd4N-\x07Q\xa5\x19\xdf7\xd7n\xca,\x16\x1d\xe1\x1c4\x18&lt;\x14\xc5`I\xc6\xe3a\x12&gt;\x9f\xdb\xb5\xce^\xf5\xfb\xafr1,\xcbz&lt;\xf0O\x8a\xf2H&amp;a\xf8\x1a\x1aRJ\xa4}\x90+\xa7/\xe6\xf3(`\xc5\x1c5\xdc\x90_\xa51\xcc\xed\xeb\xbc)\xb0X4\xc4\xe0\xa0\x01\x85\xb7\r\xb0\x01\x94\x0czh\xb7\xdb5\xbd\xde\xd8\x13\xed\xb9\xc4\xb2l\x96EcA4\xe6\xf7\xc7\xb4\xda\xd8P\x94\x9b*\xa4\xd2\xf6\xf3\x17\xce\x8b\x85l\x9e\xd5j\xc9\xdch\rs\xc6\x8a=I\xbb\xfa\x10\x95\xc0\xe2\xd5\x80\x1a(\x1a\x08\xa0(\t\x05X.\xd7\xf4\xf4z \x8a\xfbQ\xf6\xca\x15\x16\xb0\xc8\x00\xa9\xf5\xfb\xfd\xd1(\x8eGCCW\xa5\xa2\xf6\xe6\xf3-]=#\xf18\xaa\xd5\x96j\xb99\xffx\x1bsc6/`A\xb20\x18P\x80\x02,\xf8\xf0\x06\x8avM\xd3\xd3\xebh4\xe7G\xb3l#\x9b\r\xa0\x01\xee\xfd\x81*\x1a\xcd\xe1\xf8\xd0$\x9f\xdf!niV\xe0\xb9`&lt;\xae5\xd6\xb0\x9b\x82\xbd\xe6\xe9o\xe9\xf0\x92J\x86\x00\x97!\x08L\x01\x90J\xab\rRL\xc2E\x8b\xe9\xcf\x01+J\xb2\xd7\xafg\xb3,\x89\xc6\xe3\x81S,&lt;\x97\xc3\x87z$R~oK\xf3`\xae\x82\xe6\xe3\xe4\xeahM\xb3\xe2\n\xf3m\xd5fW5\t\x105`\x05\x83\x80\xa4%I\x94\xc2\xe4\x80\x85\xd1I\x14\x07,\xf4Jc6\x9e\xe5\xb0\xe2$\xb7\x84\xb9J\x0e\x07sM\xf2/6\xabm\x95\\2\x8f\x92\xa5\x9a\x8e\xcd\xbc\xd1mWUAt7\xc9\x04\x80e4\x1acPZ2N\'\xd2.\x17\xb4\xb0d Z\x01,\x94[\xc0\x00\x9b\\O\x06\xb4\xa0U\xa5R\xe1\xb0\xa4\xfc\xbefK\xb82\xc4\xa2Z\xa3\xa3\xb6\xc1\x9a7O\xb8\xd4Dj@&amp;C\x18\x83\x11\xc7\x8d1\xb8\xd6\x02\x89\xcdb"\x01\x17i&gt;\x89\xfa\xa3~\x92E/\x9d\x82\xad\xe7\xf3\xc9\x80\x9f\xa3\xca\x85p\xe8\x10\xfc&gt;\xc4\x12\xaa(\xfd\xd1\xe0|\xad\xf7lV\xb6)\xb5N\xdf&amp;\x13\x00V\x0c\xb0\xa0\x05\x90\xc9ry3\x81ar\x8cf9/i\xc9\xd3\xa5e\xe3\xc9&lt;p\xa18P\xe1\x10\xd2&amp;%\xfc^\xc4\x1b\xc2{r\xb9p\xa9\xd6\x89\xec\xf1\x06!\x17\xe8\xbb\x9b\x04j\xb9\'h\xe4\x96QKU\x8f\xcbE:\xc90\x18\x85\x83\x95*\xb8\x9f\xeb\x0b\xda\x00\xcb\xc9\xb5\x9e$\xa3x\x14~\x07\xb1\xda{\x91\xa5\xa1\x11\xbc\x12Zu\xd4\x98\x8awn\xcfnAd\x9c\xe71\xca\x10\x8c\xc5\x8c1O\xf1\xf8\x18\xc4\x02*\xda\x93\x8b\xc6\xa2\x95\xdc\xa9\\d \x10\xa0\xd6\xd7\xc1^\xa4\x9f\xd4r\xdb\x11\xfc\xd6^D\xa3T\x86B\xdb\xa5\xda?"s,\xcbu\x02\xc0Rc\x8c\x87\xe3\n\xd2eN,\x9aN$\x12\x98\x814\x90~-\x1a\xf0`\x89d h\xf0$\xf3I\x8f!0\xc96N\xc2\xad\x1a\xd4Rk\xb8\x1c9_\xfb\xa7\xfb\xbc\xd1\r\x8d\xc6r\xda!\xe4\x0c\xe5\t*\xa9\xeaT\xb9Jc\x89rdj\xb1\x881\x18Fy&lt;\x9at\xa1\x8ay\x00\x8bI&amp;\r\xcaII6+\x91J\xf8\xfc\xf6&gt;D1\x12\n\xad\x96\xea\xf0\xf8\xf5\xf1s\xfb\x07,\x84\xc6\xe4L\xd0 \xaff\xaa;\xe9t1\x03#_\xa6P\xdc\xb4n\xa6M\xa6\xf4N\x9a\xa1\xe0&gt;\xceP\x94!\xa6\x04\xacF\t_\xc8\x17\xf6!|&lt;W\xdb\x8c\xf8\x7f\xac\xaf~ikR5\xc9\x10D\xd0\x92\x00,f\xa7\xb8\x03U,d\x16~Z\xb0Z\xad\x11\xeb\xe2D:=\xb1\x93\xd6\xd85r9\xf8\x0f\xd4\xba\x9e\xbd\xde\xf8\x01k0\x14\x9a\x1f\xae\xc7#\xf4\x8f\xbe2Y\xbfW\xc9dge\x82\xb3.J\xa9t\xea\xd2;\xc5\xe2ba\xce\xfad\xe1\xa7\xc8\xd3\xc8b\xe1\xfe\xed\xdb\xb7\x1f\xcc\x15Ri\xaf\x97\xbbs\x0eJ%\x92F\x0eK$\x82\xbe\xa5q\xce\x9f\xa9\xc7y&lt;\xde\xf0\xfe\xaf\x10\xf4e\x03\x03`/\x85r$\xec\xd4x\xd3\x13\x05k\xe4\xe9\xd3\xff@h\x8c\xdcZ\xb0.d\n\x85\xcc\xe2\xe2-\x95\xdek\'\x06E\xdc\x0e}?p\x89\x84\xbd\xc8\xfd[\xf6\xbd\xdf4\xd4\xa3\xce\xfd\xed\xe1&gt;\xb4y\x81@\x8043\xce0p\xd9M\x8b@\x15\x99\x9a\xcb\xcc\xc1w9\x93`\xc0\xea\x8c\\\xa0\xba\x95Z"\x9cR\xa9T\xd2/\xee\x10\xf2\xf9\x97{\x97\xf6\xf7\xf7\x86\xebsx\x91w\xae\xe1\xde\x0c\xe4D\xae\xd4\n\x9b\xcdF\x98\xba\x17\xacs\x9bE\x98R\xb9\xbe\x9e?:|{x\x10\x8f\x03\x98\xea\xbej\xc9f\x0b+\xa5\xfd\x9f^\xee\xe7\x0b[{\xed\x8e\xdf\x8d~\xd4P\x9f\xfa\xa4a\xc5\xc4]\x89\xa7X\x04A\x98\x1e\xc0\xaa\x15\x13\xf4\xc9\xc1\xc1\xd6\xd6\xeb\xad\xad\xa3\xa3\xa3\x93\xdd\xdd\xb5\xb5\xb5D\xb7\xf5\xc1\x8c\xd3\x16\x0eK\x85\x1d\x1dB\x11\xf4\xadeGC\xdd\x8eI\xf1\x1a\x86\x97\x9a\xf4j\xb5@`\xb6@\xce\xf0.Z\xad\x99\xcd\xcdWkk\xbb\'\xbbk\xbbP\'\xf0\xba\x96\xa8\x1e\x8f\x7f6\x16i:\xc5\xe2\x9fb\xb5\xaa\xb7G\xeb\x89\xe5X\xee\xd6\x9b\xd5\x88\x19&lt;Ox\xcd\x85\xc8\x9d\xf1G\xc7\xe5r\xf9\xd5+\x8e\xea\xe4\xe0\xe5\xcb\xd57/W\t\xd3g\xdf}9+\x03\xf7\x8dHE\xfd\xfd"XDd\xa3\xae\xa7&lt;\x1f\xefw\x9b\xcdf\xbdL`\xd6\x00\xd6\xe2\xd3\xef\xfe\xba0\xf1\xf3\xcf\xcb\xcb\xcbo\xa0VK+\xa5\x15\xf8\x9a\xdf\xb0\x8eg\xdat\xe1P(&lt;(\x12\nE\xc2\xf6Vd\xb5\x9eT\r\xbc\x8dn\xbd^o\x96\xe9\xd5\x1aB\xa3o\xca\x8c\xfd\xeb\xd7\x17_?\x7f\xf8\x97\x87g&gt;\x1e^q&lt;\x1eu\xfc\xde\xb12\xff\xc6\xbe\x96\xa74\x8aph\xc4\x06H\xed\nE\xab\xce2\xdfP\xc7\xa3\x94\x10\xafS)\xc02\x9b-\x1a\x9bS\xed\xc5\xde\x1d\x17\xfe\xfd\xe2\xc5\xc6\xd7{\xc3\xc3\x7f\x18\xfe\xf8\xb7g\xf6J{o\x0e\x8fv\xe1nM\x10aN\xac\xd6V\x85P\xd1*_Z\xa9/\xd6\xbd\x99\x94\x99\xe3\x02,\x9b\x97\xf0\xe4\xdf\xbd:^\x03g\x9d\xbc\x84\x82u&lt;8\x84k\xf2 \xce\x06Gl\xd0\xd7l\x84\xe2\xc31%dy\xb4\x9eX0F\x80\xe7\xf5M\xc0\xe5u\x12K\xce \x93\x07\xa8\xd7\xff\xab\xad\xadg\x87\xcf\x9e=;\x80\x08i\x0c\x8d\x84\xc3N\'\x01L\xb0\x84r\xd9F\xbdO\xc3nt\xa7\xf4)\x0e\xcbn\xf7\xdaF&lt;\xf4\xda\xda\xab\xd7[\x00\xb3\xc5\xfdx\xfb\xfe\xf0\xd9\xe1!\x19\x8c\x81\xdb\xa1\xaf\x01\x97N\xa7\x93[\x90\x99RC\x9d\xb9\xee\xcdp\xa6\x07.\x93\xd9\xec4\x06\x19\x1a:\xd5\xd1[N\xa5S\xac\xb7oI\x88DF\xdcH\xd8\x9dN\x1b\x01\xa3\x84\x05A\xda\x96G\xeb,V\xc3\xb9\x17\xddM\xa9T[\xcal\x9a1\x13#A\x0f\x8c\x7f\xd0\xe4A,N\xad\xc3\xf7\xefc\xc1\x98q\xc4\x88\x8f\xd8\xed6\xdb\xb2\x06\xa4R\x0bd\xdd\xfbu?2\xcf\xbbgR\xb5\xb5u\x03\x979\xb5\x14\xe4\xe6Po\xfa\xe4\xe8\xe8\x03\xd6\x81\x01\xa6iH\x1f\xa1\x90\xcdd\xb7-;5:\xa0\x12\xb4\xb5m\xd4\xff$?\xef\xf9\x84J\xf5_\xde\xcd.\xa4\xad4\x8d\xe3srN\x02QN\xce97\xf92\x98C\x8e&amp;\x04\t\xb1\x06rH\xcc\x07:\x81l4\xf1\xa2\x99\x0b\xb1\xeb\xe2.\x95\xac\x8bS\xa8\xe9FC\xd2T\xc3t\x90\xec`\xbb.3\xd6\x8b\xa1[\xdb\x19\xb7\x03q\xd9\x04l\xa2tW\x1a\x05\x1dD+3ew:\xb0\x10(\xb6C\xbb\xa5\xb0\x17{3\x17\xfb\x7f\xe3,\xec\xb2\x9f\x9d\x1d\xf3^\xe4$\x01\xf5\xe7\xff\xff\xbc\xcf\xf3\xbe\xe7=\x8f,\xcb\x1b\xf5\xcc\xca\xf8\x85\x0b\x17\xc6\xb1P\xfe\xc3\xe3\xc7\xa4\x12&gt;~\xfcr\xe9\xd5\xc5O\xc0\xf5\xa7\xfd\x0c\x92\xec\x1c\xa8\xecz[\xd4\xf2\xe5\xe9\xab\xd5\xfaN\xbd\x14\x05X&amp;\x93\xcd\x1e^\x05\xd7\x85\xe1\xbd+\xf3\xf3\xf3\xc7\xf3\xa8\x90;\x17\x88X\x17\xdf\xfe&lt;\x93\x07\x16\xc4\xb2\xdb\xfd\xb2m\xfa\xcb7N_\xadwVJ\xa5t\x1a\\\x07\x07\xf59p\xcd\xde\xfc\xc5\xcb=\xac\x01\xef\xef=^\x02\xd5\x8f~\xf9\xea\xd5l}7{H\x0e:\xed\x08,\x9b=\xd6\x04\xac7\x08V)\r\xbdj\xd5l\x126\xde\xfc\x08\x01\xb6#\xcb/w\x96n^$\x93\xf0\xd5\xeca\xbe\xb6\x9b\x9c\x9b\xdb\x9f\x01Ut\xda\x83\xd2\xd3\x0c\xac\x91\x91"\xb8\xe4\xea\xf6q&gt;9~\x13X\xd7\x97v^\x82j\xfc\xa3\x86\x83\xb3\x87\x99l\xb5\x96\x84X\xd3\x13\x08\xac`\xd0\xd3$\xact\xa9\x08\xc1\xaa\xdb[\xd0\x0b\xfb\x9c\xa5i[f\x02\xfb\x8a\xb9\xf1\xab\xb3\xc8Vs\xf5|\xed\xb8\x96\xdc\xdf\x9f\x99\x90\xa3r\xcc\xd74\xb5\\#\xc5b)[\x89D\xb6j\xf9\x8d\xbd\xb4\xbc\xb7\x07\xac\x9d\xe4\xd2\xe1\xdc\xdc\xe1\xd2~2\x9f\xdd=&gt;HB,[4\xaa\x0f\xfb\xba\x9a\xa4\xd6\x82+\x9a.\x16\x8b[\xb7"\xdbU\xec\xc1v\xb3\xe9\xbd\x8dLfg\xe9\x10\x03l\xf9\x83\x03\x12v\xc9\xe9\rY\xf6\xc7|\r\xac\xd6\xa6`\xb9\xa2\xa5bq{q1R9\xc8\'\xeb\xf9&lt;\xd2Ef#\x99\x04U\xf2\xb0~ppP\xd9&gt;XY\xd9\x90\xa3~O\xb8;\xdc\x15n\x1a\x96\r\\\x95\x06V6O2X^\xce7\xc0\xea\x87\x04\xab\xb6}-O\xa8\x10X&gt;`5M-\x9b\xcd\x96.V\x17\x89\x8b\xd5j-\x9b\xcd\xe4w\xe1f\xa6\x0e\xd1\xea\xf9\x83l\xf5\xdav\xa6.\xa7e\xbf\xc7\r\xaa\xe6\xa9\xd5o\x93\xe5t1B\x9e7\xa8V\x8ek\xd9L\xb6\xb6[\xc3%\x9f\xcd\xc2\xc2\xdaV\xe48#\xa7m\xf6\xa0\xdb\x01\xae\x1b\xe1?6\x0bK\x96mr\xfa\x98\xc8U\xa9T\xaa5\xa0\x1c\x1fWw\x81V\xc5\xe7\xed\xc8\xb5l4-\xdb}\x0e\x9d\xc1\xe9\x0e\xf75\r\xcbe\xb3\xd8\xe4h\xa9\xb2x\x0b\xf1\xb5\xbd\xbd\xb5U\xa9lU\xb60\x1a\xcf\x8aD"\xd5t\x14Z\x8d\x19\x8cF\xc3P\xf8\x9c\xefQ\xb3\xb0\xfc\x13\x13\x1b\xb0\xf18r\xebc\x90-FN\xc6bcD\xb6ki\x9bezf\xcc\n\xb5\x0c\x81\xb3\xe7\xc6\x1e5)o\xb9\xfa-X\xd2G\xd3\xa5{[\x91K\x1f\x9f\x8cK\xb7n5zk"\x95]P\xcd\xcc\xf8\xb0\xe9\xd1\x19\x02CM\xc4\xea\'X\x1b\xc8\x12\xa5\xd2\xbd\xbb\xd7"\x8b\x970\x08\xd2\xe2O\xdf\xbd6_"\x87\n\xc11\x88\xe5 Xg\x9a\x8ae\x81\x8b\xd1\x11\x94\xc6\x91\xd2\x95\xbb\xbf{\xf7\xa4\xf9\xe8\xd7W\xeeO\xf6\xfb\xed1\xbb\xc7\xed\x085v\xd4D-\xeb#\xb3\xb9\xed\xb4[s\xa7V\xce\x13\x13-\xfe\t\x8bm\xe4~i$\x9d\x1e\xb9\xff\xfe\x9d;\x7f\xb9\xf3\xfe\xf9I\xf2\xe0\xa7\xc7\x13\x8c\xc5|\xd8L\x1bu:\xa3\xce9p\xf6\xdcpajj\xfdt[`[\xa1\xd6\xf9IW\xbf\xdfO\xb8&amp;\tVTv\x99L7\xc2\xe1n\xb7\xc31\xe4\xc6\xb60\x18#b\x85tq\xa3Q\x17pv\xffx\xe9\xc9r\x81\xcfiN\xb3e\xb8U,\xd4\t\x96\x05.\xea\'\xe4\x11P\xd9\xf4A\x87\x81\x10\xe0\xc5\x18\x1f\xb7\x82\n\xe1\xae\xd3\xe9z\xe3\xf82\xd0}\xc6\x94\x7f\xf8T\xc1\xa7F\xa7NM\xb06\xaep\x94!\xb1\x85\xcc\xa5\xd7\xeb-\xd1\xc9h\xd4\xe6\x0f\x86\xe2\x97\x8d:c\x1c\x1cqch,\xe8s\x833n\xec\xediG\x82\x188\xdb\xb7p\xf7\xa1V\xc5\xa5R\xb9S\xeaQl\xc9\xa56\x1f\x16\x81\xe5\xb7\xd8\xc8\x9dp\x8bLv\x1b6\xfd\x18 \x8c\xf1\xc1\xc1\xde\xf8\xd5\x90\xd5\xe7s\xbb\x1d\xbax&lt;\xde\xd3\xdbc\x08\x04\x86\x06n\xbc9\xff5\xdfB\xd3\xb9\xc2\xa8\xf2\x14\x043\xe7\n\x92\xf4\xf0\x18\x1e\x9a\xfcz}lfFo\xc1\x96\x11u\xc8\xb2\x142\xc6/\x0f\x0e\x0e\xce\xc6\xc7C\xd61\xb7\xd5j\x8c\x9f`!C8\x07\xba\xfa\x16^\x08*\xa5RI\x04S}\xa7\xdd\x80\xad0\xa1,I\xda\xd5\x83\xf9\x05`\x01*\x88\xfd\xd6D\x83\xcbf\x9b\x1e66\x9e\xdf\xba:&gt;&lt;LZ\xa3@\x19\xef\xbd\x0c\x13\xdb\xdb\x03\xce\xa1\xf0\x8d7\x9f\x0b-J%M\xab\x85TaT\xfcnZ\xc9Z\xcdf\xf3zjs5!iy\xe1v\xf6\xfb\x0b\x93\xfd&amp;\xfdLp\x0c[\xf9ipA,yb,\xd4C\xee\xd4\x87B\xc3V\x87\xc1\xea\xf8\x1bVO\xfb\x87?\x088\xc3]}\xcfY\xa2\x96\xc80\xac\x94J\xa5x\xf1\xffT\xcclV\x89\\\xaaP(\x1c\x1dI\xbc\xc0\xf3\xfc\x83\xd2\x02\xc12\xc5\x1aX\xb1\x89\x13.K\xccj\x1c|{\x96P]78\x0c\xc8YqrW\xbe\xf72\xe4jwt\x9f\xe9{\xc2\xa8T*%\xcdpj\xad\xc0j\xbd\xa9\xa9\x16\x8co{0\xd5\xa2I\x95\x97\x97%ius\xedv\x82\xe7\x05\x81\xf7\xbe\xb8?\x89\xf4\x00\x13\x83\xbe\xb1a\x1f\xe4\x9a@\xd8[\xfc\xd3\xc1\xeb\x97?\xea\r\x85\xae\x0f\xa3\x0e\x1aB\x98\x95=\x18\xdf\xeb=\xc1\xea\xd6?ii`q\x14%\xf14\xc7"[\xf09!\xc7)\xbf\xcd\xcc\\O-\xaf\x1e\xdd~z{-\x91X\x85X\xbc\x82`\x9dw\x11\xb1\xf4\x1d\x9e\xe0\x182\'\xa2\xdeb!r\xfd\xe6\xad\xeb\x1f\x84\xc6C\xa1P\\g@-4"\xdc\xc9ho\xefi\x1f\xea\x1e\x98\xfe\xa2M\t.\x91b)IK\xd3\xa2\x9a\x97\xbc\xbc\xc2+y\xd9\xd7&gt;Ch\x9b*\x94\x13\xab\x9b\xd2\xd1\xef?[[;Z\xd5\xfe\x1d\x16\xe6a\x07\xd4r[\x83\x1e\xbb\xdff\xb3\xf8\xfd\xae\xaf\x9e\xfd\xec\xe7oY\x1bT\x18F\x82\x05\xa2\x0f\xbe\xc1\xda/\xb7)[Z\x94\x0cE)$\x96\xa8&amp;\x10\xe9\xb5\xbc\x17\x13\xe0\xf5f\xa6yt\xb9\xec\x95\x12k\xde\xc4\x83\xa7\tis\x8do\x98\xa8}1\x82\x82H\x8e}&lt;X"X}\xe1\x98\x1e\xb1\xe5\xd7\x9b\xbe\xfa\xd5\xb3\xf7&lt;\xc8\xed\x86P\x83\n\\\xed\x1f\x82\x89\xe8\xe5tw}\xce\x9bU\xc0RS\x0c/0\xc4MJ\xa3\xe1%\x81\xd2\xb0\xa9\x14g~\x8d\xfe\xf4\xf5\xc2\xb2\x04\n\x80i\x8f\x8e\x04E\x02\x1f\x80\xa5\xd5&gt;H\xff\xd0\xe5\xd7\xdb\xf5v,\xd4\xad\x0e\xab;\x8c\xdc\x05\xf5L\xaeg\xefu\x06\x91\x18\xbe\x11\x0b\xe3Sr\xc6\xd9\xdbk\xd4\r\rt\xfe\x99V\x01\x8b\x06\x16\xab\x11a\'-r\x14\xcb\xb3\x0cGq\xda\xd4(\xd7\xf2\xbf*\x96[.\xf3\x1c\xfe\x19\x85wU\x906\x15j^A\tD,\xefQ~\x01\x14\xf6N\xbd=FJ\x8c\xc3\xd7AN\xf2:;M\xa6\xbe\x0e\x9f\x950\x19\xb0p@\x85\xd4\x05\x1aX=\x06\xec2\xecO\xcc$\xb4h\xb5\x9af(\xa2\x96\xc8h(\x9af\x80\xa5\xa6\x15^$\xd9)F\xf9\xdf\xbb\x04a`\x81\xa5(\xcc\x1b\xb5\xb0*P\xbcZ\xa4\xd4\x0c\xa5P\x08Zo"\x7f\xde\xe4G\xdd\xb1\x93\xde`\xd2\xee\x1a\xb4\xfb\xfb\xf5\x1d\x18]\xbe!\xa7\xa3A\x85\x80\x87y\x81O\rx58Q|V\xca-\x8d\x88g\x94\xf0\x91&amp;A\xc65\xe8\xc8\xd4\x14\x95\xa2\x86Oiy\xb0\xfd\xa7\xcad^\x9f\xca\x95\x97Sj\xfc$E`\xb4\x82\x86bhQ\x84\x03,+h\xa5\xaf\xef\x01\x0b\xb1\x15\x8b\x91\x85\x82\xc3\xea\x8butb\x95\x15v\x0faYC\x0e\x0fa\xa3\xb1\xc7\x08\x1eg\x80\xbcGM\xec\x7f\xa1V6\x9cS\xaahJ\xad\x84XD7%\r,\r+\xe2k\x9ab\x05\xaf7U\xc8\x89m\xff\x86\x89+,/\xaf\x95\xb5\x1c\xa3\xe68\r\xb0XF-( 8$G\x98j(\xe1A\xd1E\xce\x85\x1br\x85}\x88zOG\x83\xca\xe9\x00Q{\x83\n\x17\xc0`8\xc9b&gt;\xd0\xb5\xf1\x85\x8aV\x12qT4\'B5\x86W3\x10\x0e_\x89\n\x96\xfcj\x84\x1a\xcb\x0b,*S\xee_d\xb2\xf5\x1caJ$$\x05\xc3\xa8O&lt;\xa4\x04F\xa9\xe1\x15\x0c\xcd\x88\x0c\xc5j4\x1c#\xe5\'M&amp;R\xaa\xed\x80\x01\x98\xa7\xe3\xa4\xd7\x9b$+\xa3\xb1\xbd\x9d`\x05\x9c\xce\x81n`A\xae@ \xd0\xf9\\\xc4_\x06D\x8b\n\xd3\x87W\xa98\xc9K\xd1\x84J\xc5(\xc8\x1b%\xc9\x1c\x1a\x85B\xcd\xe5\n)\xd6\xfcOg\xbe\xcb\xab\xa8|^/\xa8\x18\x8exH1\x1a\x9e\xa3E\x05O\xa1\x9a\x01\x8be\xe1\xe7\xf3\xa8\xc9\xd4\x8f\xb0\xef\xd4w\x82\xca\xe7\x81\x85\x1d\x1d\xbe!\xb2\x9f \xee\xc1\xb5!\'\xea\xf3\x00\xc0\x02\xb8\x06\xc2\xf52\x165\xa0@L}\xf6\xdb\x9f&lt;\xf4\x9a9iMK`\x10Z,E\xae"E\x89jV\x10\xf0:Z\xfe\xc7\xf3\x7fd\x84\xf2\xda\xe6\xe6\xea\x9a\xa4\xa5\xe0\x9e\x9a\x84\x12\xc5@-(\'\x08jQ\xcda^*4j\xe5_\xa98\x9b\xd06\xf23\x8ckF\x1fe\xd4\xcc\xa7f\x86\x96Zxf\xc7j\x87\xd1d,\x13F%C\x9a\xfdk\xcd`\x08\xd4\x07\x13\xe6f\xe8\xa5\xa8hz\x0b\x04\xca\x86]\x12\xf62\x89\xe9\xa5,u\xce:\xe8TA\t\xf4"E \x1f\x9a\xe6\xb4\xb6\xb4\xe0.\x95\x0bK\x03\xa68{\x88s\xed\xa1\xcf\xfbW\xca\xd2!\xfe\x88&gt;\xac\x9f\x9f\xf7y\x9f\xf7\x1dc\x8f\xf7\xe4\x16\xb0&gt;!\xc9~y\xfb\xf6\xaf\xf6Z\x1b\xbd^ko\xff&amp;\xfc\x0f\xc1~\xbc\xdf\xdd\xdf\xa6\xbf[\x84\xb5\xee\xde\xdc\xee\xeco\xff\xe2\x8av\x07\xd2f\xd3{\xe7\xa7\xf9\xb2\xea\xd8c\x8f\x8cE\xbe \xab\xa1%+\xf8\x0f\xf4R*e\xe5\xe9\xd3\xef\xffD\xf6\x87*\x12\xc1;;#,]\x84\x9b\xa0\x96\x88\xf7h`\x07\xfa\xea\x10X\x00\x15nr*W\xbf\x83\\\x08\xd5\x8d\x8d\xad\xad\x16Y\xab\x87\xcf\xee\xec\xff\x14\x8b|w\xbf\xdb\xe9no#\xd7\xa1\xd8M|\xb2\x7fw\xeb\x81VC\rkt,\xf3 \rVZM\xeb{\xaaC3\x086!&gt;\xc7\xa9\xc0\xf9\x0e\x14S\xf0\xf1\xe1\x8b\xcf6\xbf\x8ft\xd9\x1e\x81j\xd4\xd7T\x11\x0b\x8c(\x08\xf4\xa6V\xcaUG\xc6\x98\x10e\xa2\xd2EY-{\xff\xb9\xd5\x02\x17\xb0\xa8\x05\t\xab\xb7\xb1\xb5\x87\x95\xb4\xdb\xe1G\xf7^\x07X\xd0\xee&amp;\xa8\xf6&gt;\xfd\x86\xa8\xaa\xd5z\xed\'\xc9\x821\x9f\xcd\xbdM\xb9\xdf\x17%\xa7LmUYc\x91\xc3\xcahxU\x02\xa0\x86-\x96\x8f\xbf\x87\xcf\x1f\xca\x9a7!\xb1\x12\xa9,h\xb6\r\x10]\x97aq\t\xfd\xab$\x97\xab\xd5\x19\xc0\x10\xa9r\xc5\x19&gt;\x02\x10\n\xb9\xd1\xea\x91\xaf\xe8\x82\x0b\xbd\xf6\xde\x9d\x0e\x81\x01\r\xef\x0f:TI\x98\xac\xfb\xd1\xfbJ\x95^\x15\x8d\xb89\x1c0\xc3g\xd3\xd1\xa6\x00s\td\x14@\x90\xb7j\xb4\xe6P\xc8R\xc4:\xe5\x1aF\x12\xed/O\x9fk\x8a\x0e\xac\xc9\xb8\x9f\xa8\xd2\xd9\xe9\xea\x12\x1b\x1f\x16#@\xc1\xfc\x15mx15\x8cs\x1dza\xc4\xaae\xf5\xeaO\x04C\xfe\xfa\xc0\x05w\x81\xeb\x0eI\x852v\x0ev\x0e\xf6\x01\x85\xb7\xd7Wj\x9d\xc4 *{\x95\x05\x86\x1f\x14\xcbjY\x03\x96\xcc[\xbd\\\xc7H\xe4Pe\xd4\xaf\xe2\xf0\xbc\xa8W\xb4\xd2_\x0e\x9f?\xd7\x04Q\xd6\xfac\x0f\x9b\x86~2eQ\xf1\xee|\x08\xc6~\x7f&lt;\xb9&lt;_\xcd\n\xdf4\x8c\x85\xa7\xf0B\n\x95j\xf2\xed_\xff\x9f\xab\x87\x83b\xac\xd3YS\xed\x1dlS\x9cv\x7f\xfe\xf63NE\x86\xaf.\x0b\xdf0}?\x9b\x9fLF\xc3\t\x1f\xfc\t\xfa\x8b\x83\xd5\xc8_e^\xce2\xafy\xe9\xf9\xa4/Rnxc\xcd\xeb\xeb\xe2r\x10\xc6\x8df\xcc\xf2\xc1t6\x9bM\x07Y`6\x1a\xb1\x19\xb0\xc1P\xc1\x90D{"7\xae\x9f\xbclm\xad\xaf\x96\xd1\xfb\x80\xc5\xc3\x0bju\xf6v\xda;\x9d{\xdb7\xb7\xefv^\xbf=\xdc\x84e V\xbdVG\x1b\x06\x91\xe9\x07~\x8e/=8\x1d\'Ib{X\x01\x04\x07`\x18L\xceZ2\xe7\x03\xd6\xd8\xc3$We\x94[\xf74y8\x0b\xe3\xd8m4\x9a\xcd\x06\x0e\xd7\xb2\xdc8\x8c\xdd\xd8\x08\xb2\xec\xc2\x86\xec\n\xc5\x84\xe0|\xf3\xe8\xcbOH\xaf\xdd]\xd8\xac\x85^\xecm\xb5\xf7\xe0\xad\xee\xbd\xbdv\xbb}\xc0\xe3\xe1\xf6\xeb\xb7I\xbdJ\x95!\xf3\xa8\xe7E\x9eFf`\xb04r\xdd\xe9e\x02\xffB-\xcfV\x04\x9a\x8b\x82=\x99hu\x92\xd6!\xaajIS(\x0c\x92\xb1\xad\xdaD\x15\xb9\xc0j\xae\x8f\x86\xe5\x9aA`\x86\xc0b\x819\x1b\x0b*\xd2L\xd4(\xf5\xbfy\xf2\xf9-pA1^\xc1\x8d\xddV\x9b.\xeb\xd19\x00\xd5N\x07T\xdb\xad\xbf_\x1d\xd6aci]\xc3\xcbA\x90gql\x1a\xcc\x0f\x1b\xf9I"\x8a\xe8o\xc8e\xa3\x02H+}4/\x16C\x19O\xe0mY+QUD\xdb\xb3)\xc5\x97S\xd75#\xa8u\xa3y\xe3F\xb3\xe1\xbaa\x90\xa5\xcc\x84\\\x91k\xf9\xe7\xa2\x8a\x94\xa5/\x87\xf9\xff\xe2\xdb\xcf\x7f\xdf\xe2\xf5k\xf5\x8ez\xbd\xdd\xa3\xd61\xd2\x82\xa0\x0e\x10\x0fw\xf7?\xfa\xf4\xbdD\xab\x02"\x00\xbe\xaa\x8f\xdf\xa5A\xea\x93\xec\x81\x1fg\x17\xe3DG\x0c\xc96\x8a(\xca\x00\x17\xc4\xb3\x99e\x16\xa7\xe3Z\x9dF8\xb00\x7feM\x93\xd1s\xfaI\x01\x103\x8cC\xb7IW\xf5jX\x8d\xd8\xcfXlA5\x14\xd4\x9d\x9e\xd1fg\xcb2\x00\x00\x05iIDATJ\xa1@.\x1dC\xe8\xf0\xeao/)P\xb7\xda\xbd\xdd\xde\xb3\xdd\xdd\xa3g\xcfz\xc7\xc7\xc7mPu\xb7o\xff\xec\xc15\x05\x92\xa4J|\x1a&amp;\x8b,\xcb\xf2\x00\xdff\x10\xa4\x83\x8b\xd1\xc8\x83Z\xb2`\x8f\x13\x11\x13\x84\xb0&amp;s\x17\xe91;A\xdd\xe9(Q{Q\x168\xdayf\xb9a\x14\x86Q\x145\x08\x0be\x0c}\xd3j6o\x90\xd1\xacF\xb4\xe8K\x15\xe8\x85\xf4\x82n\x15\xf1\xcd\x93/\x7f\x0b\xaav\xfb\xf8\xb8wt\xb4{\xb4K\xbf\x0b\xbespo\xbf\xfb\xa3\x07W\x0f\xf1m\xe3\xc1\x15N%_\xe4\x86\x9f\xa5&amp;^9\xf5\xf3\x8b\xd1x\xd2\x87\x18\x82b\xf75Y\xa4\xf8R\xe5\xd1\xbb8\x0c\xcc8[\x8c\xeak,\x91\x82S\x15&amp;\xab\x1c\x92\xc4qdFa\xe4\xae\xaf\xd5\xd3tC\xd7r]\xe8EN\x83\xf86\x05\x19-\x84|\x02\xbc\xb8z\xf4r\xb7M\xc7\xf1\xb3#\x1c\xc0\xfa\xcdN\xa7s\xff\xc1\xd5\xb5S+\xd3J\\\xe1\x8b\x82t2\xc82?eq\x0c\xac\xc1\xe9\x08\xa7\x08\x9e@\xa6\x01\x16\x85\x97\xa4V\x84\xfe"\x8a\x0cfD\xc1|X\xc1\x0eTB\x14)B\xb2\\M\r\x0b\x1eG\xe7\x99fd\x86\r~\x05-n{\xdcHTM\xb8.?Qht\xd3\x94\x84bRU\xbd\xbez\xfd\xefc\xc2\xea\x81\xe9\x19\xfd&gt;\xff\xbf&gt;~\xfc\xe6Z\xd8\x84\xd7\t\x9c\xa0j\xd2r\xc0\xb2\xa2H\x8d\x10\xd6B\x99D\xcd\xf3&lt;\xd9\x11D=\xe1X\xb4\xab:\xf6\n\xd9\x11\x18\xf0\xde\xe0"\xd9\x84Z\xaa\xd2?\x9f\xe7a\xc3m4QDj\x16\x08f\xad\xaf!\xb7\xeeH\xfe\xc1\nM\x93\xcd.\x85\n\xad=\xe8G\xdb\x16U\xa7\xaa_\xbf\xff\xea\x8f\x1f\xdf\xbf\xcf\x7f\x99\xff\xcf\xf7\xff\xf0\xeb\xef^\x1d\xaa\x14C\xa4\x82\xc3\xa9\xd4\x93\x81\x9ffE\x8e\x96\x0e\xd9t\xa9\xa3\xc34\r\xdb\x93\x803\x96\xbe-H\x04\xe68\xfaE\x9ea\n\x18\x8c\x19(d\xb5$%\xcb\xb9\x1f\xa3T\xc0B\x05ax#\x8a\xcc\xb8\xb9\x96\xcbr\xad\x0f\x11\x16\xc7!\xcb\x82\xd9P\xe2\\\n\xf6z\x9cw\x88JY8|\xfa\xea\x1f\xdf}\xfd\xf8\xab\xc7_\xbfy\xf5\xcfC\xa5\xcaS\x81\x96#\xe7\x7fZ\x05y\xee3\xc3\x88\xe20?OP\x1b\xa4\x8c\xadK\x18\xbd\x90M\x91hop$\x91\n\x8d\x07\xd1\x11\xcc\'\xa5\xcbE\x16\xban\x84\x04hX\x86I\xd9\x19\x86\xa6aZ\xfc\xca\x127\xd0\x83\x84e\xf1P\xc5\xcd\xc6|\xa9;\xe4/\xec\xf58\xa3\x85dp\x82\xa3\x8a\x87\x87\x87_|AE#&amp;\xbeB\xaa\x94W\xd5\xba|2H\xb3&lt;c0l\x14\x1a\xab\xbe\xa6+\x94~6f\xb5\xae\xc9\x89G\x0b \xadQ\xcap\x16\x10\xbb\x81\x9a\xb0lQ*B\n\xd08\xb6,+\x0c\x0c\xfa\xcc\xa5x1\\~\xd1\x1a\xee.\xd4\xd6\x8c\xad\x90\xd13\x82\xe2"A\xdfc\x0e\xd1L\xc3\x00\xd1\x91\x1a0\x12z\x0e\x1b\x14\x01+\x1cJ\xa2m\xbd\xba\xa9\x9d\x0fr\x9a`~\x1a\x18\xa6;\x18"\x8b\xf1PI\xc4\x0e\x8c^\xc3I\xbf\xe0\x90\xb6\xa2,\x8c\xe6, (\xaa#\xcbJ\xa8\x1e\x82\x8a^\x1a\x1f\xa3\x90\xcb\x12\x9ah\xe4\x98s\xa1\x8eQ\x14\x1b\x86k\x059\x12\xda7]\x7f5\x12h\xf7\xc6\t\xed\x9a\x8b/gx=\nf\x1a\x9b`\x92x\x05\xab\xb5\xfe)M@\x14\x07\xcf\x0cLv\xeaa\x93Sp\xbf\x98x"\xb6QA\xf34~6\x03#\xf6\xdf\x05\x84\x15\xe1[7\x0c\x1fX\xe8&gt;d@\x88\x84j\xc4@@E9q\x106\xf9\xf5\xd9\xac(6\x19fR\x90E\xa1\xef\xbbx\x85\xf9\x12qCS\x88\xc6\x9aMK#\x9c\x96\xf0]Q\x11\tKEp\x03\xaa2\x9c\xa7\xf9\xa0\xc0\xb4\'\x11\x8ch6\xb4\xf9\xdd\x15G\xb2=QUpN\x8c\x15B\x92\x14\xd5QUo\xe1\x07,`\xf0\t\x0b|\xae\x16\x8f\xa68\xc4\xa6\x00\x9d`\x01x(B\xc6\xb05W\x93\x8a\x8b\xf87\x02\xd7b\xcc\x8a\x02\xdfGN\xd3\xa6\xaa\x01\x8c\xffC=\xd1\x01\x1a\xd5\x85\x1c\xcd+X\xae&amp;\'\xd3 \xcb1\xa1\xa1\x14cf\x98_\x8cm\xa4q\x85~\xfc\xa6y\xf0\xbc\xa2\xa0\x98\xb2*\xf1\x95P[\xa5\x98\x00)\xf0YZ\x14%8\x9d&amp;\x8b\x15\xc7\r8\x08\xb6&amp;\xd3\xf9\x189\xa1\xc1b~\x9d=\xdc\x1eBA|\xe5\xc8\x88\x1a!C\xb6d\xf3\xa5\x87\x10\x96\xe9\x07\x13\xa8&amp;/(\xb0\xb8V\xb4\n\xc3\xee\xcap\x91\xb3\xbc(\x8a\x9cQ\x05\r3]\x9d\xf5u\xdcEfr\x84D\xe3NH\x12\x1d\x03M\x96p\xeew\x9a\xa5~\x9a2\xb0\x15\x83\x01\xb0h\xb2po!\xdfAdP@\x18\xa1\x15e~\xd4\xf8\x01\xefF\xcb"\xb3\xe1`\x91e\xb2\xd0H\xf3\xa0X\\\xa2\xd7\xe9\xecC\xe0K&gt;\xd8 \x94L\xc6!\xf7+g\xab\x01\xe8\x8bAA;$\xc9\x95\xad\xceF\x1e\xca\x85\xbe@\x8f\xe0,\x8f\x1c\xa5\xf0*\xa2\xea\xff\x1dP\xe2zV\xa7+0&amp;\xc2\x80\xf1\x0et\x960\x0c\x00c\x10\x98\xd6\xc2\x80\xb9\x14\x98\xee\xb4D\x14\xf5\xb2\xc3D\x14A\x07\xbd\xc8\x8a\x8a\x02\x13\x16\xd0+a\x1a"\xc0\xd6\x04\xb0(\x01v`4\xc2\xb2\xee&lt;\x07Ui\xa0\x84\x0e\x0c#^P\xcb\x9f\x93\x8f\x11T&lt;0Y-\xbe\xb3\xc7A\x04\xd8\xe2\x03\x06V\x98\x96\x83\xab\x86\x90C\xe7\xdd\xe5\xe9\xeb\x80M\x0fP7\x0cX\xa4)0\nr\x82jr^`W\x16X\xf7\xf0\xf2\xb1\xb0\x1e\xda\x97\xe5\n\x8c\xf40\r\x90\xb3\x00\xe5\x05Y\xaeH\xbf\xf8\xb3\x00\x00\x00\x00IEND\xaeB`\x82'</t>
        </is>
      </c>
      <c r="M243" s="3" t="n">
        <v>45492.678125</v>
      </c>
    </row>
    <row r="244">
      <c r="A244" t="n">
        <v>850023</v>
      </c>
      <c r="B244" t="n">
        <v>1966</v>
      </c>
      <c r="C244" t="inlineStr">
        <is>
          <t>Fabricio Bustos</t>
        </is>
      </c>
      <c r="D244" t="inlineStr">
        <is>
          <t>Fabricio Bustos</t>
        </is>
      </c>
      <c r="E244" t="inlineStr">
        <is>
          <t>LD</t>
        </is>
      </c>
      <c r="F244" t="inlineStr">
        <is>
          <t>LAT</t>
        </is>
      </c>
      <c r="G244" t="inlineStr">
        <is>
          <t>LD</t>
        </is>
      </c>
      <c r="H244" t="n">
        <v>167</v>
      </c>
      <c r="I244" t="n">
        <v>16</v>
      </c>
      <c r="J244" s="2" t="n">
        <v>35182</v>
      </c>
      <c r="K244" t="inlineStr">
        <is>
          <t>Right</t>
        </is>
      </c>
      <c r="L24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43aa4a7-0a17-4741-8e1a-e14aee9226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\xf8\xe5l\x00\x00\x03\x00PLTE\xfe\xfe\xfe\xe2\xe3\xf1,#\x1e/%\x1f\xe4\xe6\xf5\xbf\x8ao\'\x1f\x1b\xff\xff\xff\xfd\xfd\xfd\xe3\xe4\xf3\xb1|c\xba\x86l\xadv]!\x1b\x17\x1d\x18\x15%\x1d\x1a\xe3"\x17\xady`\xc2\x8ar2\'!\xe4\xe2\xed\xe3\xe0\xea\xb5\x82h\xa9pX)!\x1d\xa9x`\xbb\x89o\xb2\x7fe\xef\'\x1c\xa6v]\xc5\x92x\xbb\x83i\xaas[\xf1*\x1e\xc7\x94z\xab{d4*$\xb2za\xe6\xe6\xf2\xc6\x8ar\xc1\x8cs\xdf\xde\xeb\xad\x7fg\xa5nU8,%\xbf\x86l\xdd\xdb\xe7\xb7\x84j\xbb\x7fh\xc4\x86o\xbe\x84i\xc2\x91v\xc5\x87m\xda\xd8\xe3\xc3\x84i\xc2\x88l\xb1\x82k\xb6\x86n\xe6$\x1a\xa2t]\xbe\x8cs\xc1\x83m\xe1\xe0\xed\xb6zd\xb3vY\xfa\xfa\xfa\xe5\xe4\xef\xb9|g\xc8\x8cu\xed%\x1a&gt;/&amp;\xa2lR\xaesV\xf92#\xedWOw[M\xb1v`\xb7z_\xf7\xf5\xf4\x90lY\x98iR\x17\x14\x12\xc2\x80e{K8\xbe\x85r\x9er\\\xb7v]\xc8\x9b\x85E4)\xbd\x81d\xca\x8fy\xbf\x80j\xf5[R\xb7\x8as\xc4\x8eu\xe2\xdc\xe6\xba~b\x8aiW\xdd \x17\xc6\x97\x80\x97eL\xc5\x94|\xa3wb\xc1\x8du\xce\x9b\x82\xb3}h\xb6\x80d\x9dgM\xca\x97~L9*\x92`J\xf2\xf0\xef\x9dnW\xa9iS7\' \xc3\x90s\xf16*yRA\x88YE\xafr]\xb8\x8ex\xb1mW\xa4fO\xaf\x87r\xa6\x7fj\xf4-!\xa3qY\xeb,"\xbdyb\x97nZ-\x1f\x1a\x91ZC\x81Q=qE4\xc2\x8cn\x9ejR\xea%\x1b\xee?6N&lt;0\x90fR\x80YH\xe2\xc4\xcb\xe5\xe7\xf6\xa2{d&gt;3-mSGK,!\xda\xd6\xdb\x9dxd@\'\x1e\x8aT@\x97ta\x8fq`\x8aaM\xea\xa8\xaa\x80aR\xc5\x8cxkK=\xfe\xff\xff\xdb\x84\x84aD6\x83hXrM&gt;\xd6\xcf\xd5\xa3bNT@/\xb6q]\xed\xeb\xeb\xf78+a&lt;-i?.\x9a_H\xe3)\x1f\xe8JD3!\x1b\xe0\x9e\xa0\xf2NE\xf6A4\xee\xe3\xe1Z7*\xdf\x90\x92\xe9\x99\x9b\xcb\x93\x7f\xe7\xd0\xda\xe4\xd6\xe0E93\xbd\x7fp\xeb\xee\xf9\xd3\xcc\xccWC6\xec\xce\xcfMC=\xe9||T2%\xe8`]\xe2\xdf\xdd\xe0\xcc\xd6aMA\xe8\x8f\x90\xeb\x86\x85UKE\xe9if\xbf\x91{\xdd\xb6\xbe\xe54+\xca\xc3\xc4\xe7\xe5\xe5\xe2\xd6\xd2\xe0\xaa\xb0\xd1\xb2\xac\xe7ts\xb1\xad\xaaxok\xe5UR\xa9\xa0\x9dkb]\xc7\xa6\x9c\xb6qn\x87EC\xe8\xb4\xba\xca\x9d\x8a\xe7\xbf\xc3\xd7zx\xd1\xa1\x88\xec\xea\xf1\xbe\xb2\xaf_UO\x93\x8b\x84\xa6d`\xd8ml\xab\x90\x86\xa6\x88y\x9b\x95\x90\xf0`Y\xed\xdc\xda\xc9\xba\xb9\xd4\xc3\xc5\xabR?\xb3\x94\x89\x82zu\xdfB&lt;\x99UR\xf1pk\xbf\xbd\xbbz=9\xd5\xbb\xb5\xb1`M\xbc\x9d\x92\xd6\x9a\x98\xe6\xe9\xf7\xackh\xda^Y\xdb/\'\xd5HE\x9eJ9\xca \x1b\xc4\x0f(9\x00\x00 \x00IDATx\xda\xbc\x98\xdfK\x1bk\x1a\xc7\xc3\x0cg\x0c\xadI0\x03u\xda\xe2Q\xe8H\x16\x1dY\x1b\x82\xb5\x9c\x96\x1a*\x93@\x8e\xa9V\xdb\x13-+)H=m6Z\x07l\xb7r(\xa7j*D/\x12=\xb6\r5\x8b?*\xa2\x827\x82\x100\x04\x91@n\xf4\xc6\xa07{\xd3x\xe3\x9d\x17\xfe\x03\xfb}\xde\xc4\xdd\xe5\xd4=\xdb\xb4\xd3}\x9cLt\x92\xd1\x8f\xdf\xe7\xfb&lt;\xcf\xfb\xc6P\xf2\xbb0|\x1ag\xbe\xe1\xd37\x1aq\x18\x8dg\xdfTl|z\xfb\xe9/5\x94\xb0?}6\xf6\xe938\x9cN\xaf\xd7\xdb_\x08\xaf\xd7\xe9d\x80_\tv\xc6\xcd\x86?\xfe\x87\xffC\'\xa3\xd1\xbb\xbd\xf3q\x0fqtx\x88\xe3\xf0\xe8h\xff\xe3\xc9\xe6\xae\xd7\xf8\xdf\xc5\xfe:\xac?\xb8\xe3\xdfP\xc6\xa5\xbd\xe3\\2\xb9\x88\x98E$\x17\x93\xb3\xc9t:\x9a=:\xd9v\x1a\x8c_\xc3e()\x96+\xaf\x16e\xaf\x7fj?\x17\x0e\x07\x83\xc1\xf0\xe2i\x04\x83&gt;\x9f/\x18N\x1e\x1c-@\xb2\xbc\xd5J\x0c\xfa`\xfd\xaf[\x18\x95sw\xe7\xe8 \xbdX\x80\n\x86\xc1\x13\xf4\xe1\'\x9f\xaa(\xaa\xa2)\x99\xfd\xcd\xed%g\xa1\x06\xfe\x0fXy\xaa\xfe\x93\xe3L\x98\xb10\x91\xa0\x91\xaaj\x1c\'\x8a\x8a\x8a\xd04\x91S2\xb9\xec\xde\xbf\x92\xf9\xad\xb1\x18\x95w\xf30\x87\xecQ\x02\x83\x8b\x04\'\x8b2\xcf\x8b\x1c\xc7\t\x12\x0f2E\xe4yN\x94\xe5\xc8\xc1&gt;\xfc\xff\x05\x82\x19\xbe\x84ji\xef`1o"\x963E\x91EI0\x99\x04\x89\xe3$^\x12D\\\x90EP\xc92\x9f8\xfe8\xd5\xef,\x9a\xcbP4\x15\xeao?\x07\x1c\x1fC\xd2\xa0\x0bd\x12\x04\xceb6\x9bM\x1c~\x82`\xbc,+$\x9a\xaa*\x91\xd4\xc1\xe1\x8e\xb7\xd8D\x1a\x8a\xd7j\xfb(\x13\x84\x7f|\nO\x7fV\xe4%\x8b\xc9b\x11$I\x10\xc0\x05\xc18\x89\x02j\xf9\x14Q\x86\x94\x91Dn\xafX.C\xb1T\xce\xa9\xe3\x84"j\xa2\x023\xc9p\xb6E\xe0\x90?\x8b$"m"g\x02\x17\x009\xceb\xe1\x04\x99\xc4\xa4\xebJf\xaf\xbf8\x83\x15\x8b\xe5\\\xc8&amp;d^\x135\xb2\x94(\x99 \x10L\x05\x89(}@\x10,&lt;2\xca\x8b\x92E\x00\x19\xb9N\xe3\x05N\xce\x1cN9\xbf\x15\x16ep!\x1bV\xd0\x06D25\x87\xf4\x99\xc9Q\x16\x94\x1fQ\xe1\x0b\xa9\xe4\x05\x93\xc0C.RM\xd1xB\x95\xe4Hv\xbb\x18\xb9\x0c\xc5Qm\x1f\x87U\x00\xc0\xd2"O\x02\xc1H$\x13}+Q\x1d\xa2C \x90Jh\x05\r\x05N\xe3Q\x00\x9cIR"G,\x8f\xdf\x02\xcb\xb8t\x98Ry\x8e\xe7Pg\x1c\x99\x88T\xa2\x04J\x02\x84k\x83l\xd4#\x00\x84"\x80\xdf\xc8u\x1c\xb4\x93d\xde"\x88\x99b|o(\x86\xca\xbb\x97A\xfd\x89\xbc\xac\xca\x1c+=f\xaa\xbcT\x82\xa9\xad\r`t\x05H\x00CH\x12\xf9\xce\x82\x07\xf2)\xa7\xf6\x97\x8c\xbacQ\n\xa7\xb2\x94B\x91W\x14&gt;\xcf\xc3\t\xd4\x19\x901A\x00\x97\x99\x85\x00H\xb3\x99$#\xb9\xd0\xcaP\x17\xf4:\xb8\xf6t\xc7"\xaa\xfe\xa3\xb0\x0f\x15\xcf\xf12s\x14u\'\x81\x88`|d\x8c\xa7\xba$\xc5\xf0\x9a\x05Ody\xc8\xd5\x06\x9fQU\x98\xd1\xfc\x8f\x9c\x9f\xcb\xf5\x99o\xc2o\xfb{\xff~\xca\xa7\x8a(74\x06\xb2\x13\xc4\x80qL\xccF\x96\xbc\xf3\x05V\x9a$\x12K(#\x86T\xc0\x85|\x92\x92\xdd\xd6\x15+\xdfGO24\x921\x81i\xd6\x90\x16\x16Vx\xe4"\xb4(\x9e\x1f\xe6x\xea\xa8\xd0L` \xd0H\x80\xb9\x80ibp\x02e\xf13\xb9\x0c\x9f=\tw\x8f\x13A\xb4\x05\xf4LY"\xa1 N&gt;\x870\x11\r\x1faX\x10\x86\xe9*1H\x98\x90y\x8dp\xce\xf7\\\x18?r\xdc\xaf7\x16Ua\x84\x16\x05"s\x16\xf1Q\x8f(PYh.\xd2h\xc4\xd5\xd3\xc41\xae|!\xb4\xe5\xabTN\x9d8u\xf6\xd6v\x16\x0b=\x85q\xb19C\xb5\x88\x061\xcc\xadq\x90\t\xe6\xe6\x86\x0b\xc1\x00\xf1Tp\x1d\xd9\xac\x8dq\t\x9cx\xbc\xa4\x9fZl\xddp\x92\x89D"L,\xf4-\x91eS\xe4\xd74ezZ[\x03\xcb\x9a\xa8i\xda4\x8b5\x16\xc3Ppx\x98\x99\xbe\xc0e\xb6prn\xca\xa8\'\x96\xd1{\x94\xf2Eh\xe8\xd1\xdc\x91\xb1|\x105\x19\x18\x93\x14\xd3Z\xfe\xbb\xf5\xe5\x15\xc4\xf2\xd6\xd6\x16\xae\x15\xb8\xa0\xda)\x16\xdak\x84\xd5\xa2\x8eXS\x07\xbe\x88B&amp;\x87T\x9a\x82&gt;A$[\x0cd}kk}}yy%\xd4\xde&gt;\x8a/\x8a\xd0\xca\xfa$\x04\x1b&gt;\xe5"w\x99-f`-\xe8\x83U\xd8\x12:\xf7S\xaa*\xb35\x0b\xafM\xab\x9a\xa8NNn-\x87\x88"\x14\n\x11\xc9\xe8\x9b\x91\x91\x11zP\xbc\x19\r\xadlMR:\x19\x17l\xdf\xc6\x96\x1abj\xdf{\xd6\x87\x07_\x82E\xd3p7\x9b \xbf\xf3\xc2\xf0\x9a\x06\x95T\x15B\x85F\xdf \xe8\x04\x90\xd5\x0fCC\x1f\x02t\x1a\xc2cu\xe4\rS\x8c\xac\xa6ik\xb0=+K3\x97\xda\xfb})\x9e\xbd\xc3\xfd&lt;\xb5\x0cS\x07\xb0;-HE@\xad\x84\xb6&amp;\x97W\xdaGV\x03\x1f&gt;\x0c\xe1\x18\x1a\x18\x18p\xbb_\xb8_\xbcp\xe7c`\xe0\x14l\x8b\x8c6\xbdF]\x0ci4[\x94\xc3~\xdd\xb0J\x8c\xc6\xcd\\DT"0\xbb:\xb9\x1e\x1a\x1d]^n\x1f]\xfd0\xe0nj\xba\xdft\xff~K\x0b\x1d\xf4\xecoi\xc1\x95\xa6&amp;\xf7\xc0P\x00\x99\x1cE\x86WB+\xcb\x93kB^-\x93t\xb0\xab\xa3Z\xce\x9d\x0c\xdb.\xf0\xb2o\xbd}dd\x94\xa4bP-\x0f\xean\xd654\xdc\xc5\xc1\xa2\xd3\xdf\xe9\xf7\x83\x0e`\x81Uf2D;\xb8\xa8O\xa0\xd7\x0b:a\xe5o3\x12\x16\x8f\xc5\x9f\x1a\x8c?\xeb\xe9Y}\xf6&amp;P\xde\xd4r\xab\xden\xed\xfe\xbe\xd9\xd6ls\xd8l\x0e\x87\xa3\x01a\xef\xec|\xf0\xc0^y\xbb\xfay\xedP \xd0\xd3\x87\x18y\x16Z\x9ffC\x1b\xddU/,z\x8f\xd1\xb9\x99\x92iM\xaa\x06\x17\xe7{\\\xb5\xb5\x81\x80\xbb\xda__g\x9d\xf9~\xa6k\xa3\xab\xab\xab\x99\xc2f\xc3\xa9\xdbJ\xd1\xd1Q\xf9\xf8\xc7rW\xad+\xd0\xd3\xd3\xd37\xd2\xbe\xac\xf2\x12\xdbGZ2S:\xf6-\xe3BFA#\x8d\xf8\x82\xb3\x83\xad\xb5UpuK}\xa5\x1dX]\x1b\x1b?o \x18\x1a;uw\xcf\xcc\xcc\xf4vt\\\x7f\\Z^[\xeb\x1a\x03X\xdfh&lt;\xa8qlJ\x9a2\x0bzb\xed\x1e(\xd8\xedD|\xe1\xd9\x89\xd6r\x98\xaa\xc5\xef\xbf\xed\xb7\xdf\xb4vm\xfc\xe3\xe7\xbfvQ0\xb1l6\xab\xd5f\xed\xed\xe8\xed8\x7f\xe1qu\x15q!\x93#\x83\xf1El\x01\x04Z-&amp;v\x0cF\xbd\xb0\xb0\xbf\xcf\xd2g\r\xaa/\x1c\x9f\xe8)\x07\x15\xd5\\}\xdd\xcd\x8e\x99\x8d\x8d\x9f6\x18\x93\xc3a\xbb\xea\xb05[\xaf"\x87u\xa0zr\x0ej\x95\x97\xd7B\xaeg\xc0\xc2\x1e\x80v\xdfR\xe4D?,ly\xb2\x11P%\xc2I8\xbe\xd6\x8d&amp;\x00\xb0z\xbb\xddj\x9d\xe9\xb6\x92\xd9\x1d\x14(\xc8\xab7\xeb\xae\xd5\xd5ut\x9c\xbfU\xfdc)\xccEr\xf5=\x9b\x8f\'\x83\xaaF{H!\xa1+V\xffqBU#\xe1\xf0\xec`l\xcc\x85$RohA\x1e):\xd1\x1e\xd0\x1f\xd8\xc9NQy\xeb\xc9\xed[\xcfK\xc9[\x84Ej%\xc3&gt;\xe2\x92,\xa9M=\xb1\xbc\xfb\xa9H\x04b\xcdN\xc4\xc6j\x19V&gt;\x08\xee\xd7\xbb$\x16N\r\r\xe8av{\xa7\xbf\xc9\xed~\xfe\x1c\xce:Ukp~\x16X\x18\x12\x9c\xbe\x95hp\xee\x11V2\x1d\x87Z\xe5\xd4\xc6\xd9A\x1d\xde\xdf\xd9\xc9\x94rP\xef\xba\x0b\xf1\xd0\xf0\x81U^\xee\xcec\xd5\xba\xa0\x16\xcc\x05.U\xe4\x85\xdc\xb6\xae\x0b\x9b\x93L"\x11NG\xa3\x831\x17\xc3r\xbb\xc9^~B\xa2\xe6N\x1d\x9e\x92\xd8\xf9k\xa7\xff&gt;{\xb9\x1cvw\xb9\x08,@X\xb3\xc9p0\x81]onWW\xac\x1d`%\xd3\x9e\x89Xk-\x9b\xc6\xd4#:\xed\xd7\x1c\xd4\xe2\x1d\x052\x9aA`#\xbd \x18a\x05\x88\xcb\xd5318\x1fO\'\xc3a\x94\xe3\xc1\x92\xbeX\xb9T*\x19\xf5\xc4Z_\x96\x96\xba\x0bZ\xd9\xeb\xa8\xaf\xa3\x85\xda\xf2\x83\x07\x99D"\x1b\x1c\xd7\xea\xec\xf5\xb7\xa8\x10\xd1\xb4\x02c.\xd7X\xdf\xc4\xc4`4\x9dL\x86#Z\xb6_W\xac\xcd\\*\x99\x8ez\xc6_\x96\x96\x952*\xbf\xbf\xbe\xb2\xceJ\\\xb6|3e\xad\x8b\xb5T\x0c\xa0\xca\xfa\xea\xea\x02W\x80\xb8b\x13\x9e\xe8,\x12\xa9\x1e{u^4g\xe0,\xcf\xbd\xb2RR\xab\xb4\xfa\\\xf5\x93\xf3\x95\xe71}f\xba\x9a\xbbh\xfa\x90n\xec\x84\xd9\xc3f"\xb5S\xd7\x18f"\xe9\xd5\x1a\xf3D\xd3\xe9t\xd2w\xe85\xea\xb6O,\xa1\xe5i\x1ab\xcd]&lt;WVZUUZv\xa5\xe2JMc\xe3_\xfe6\xd3\x0b\n6\xad\xbb\x08\xaf\x8b\xa8\xac7:nt\\o\xbcR\xf1\xf2\xe9\x18z|_\x0f\xf4z\xfa\xd0\x13\x8d\x02,I\x1fC\xe8\x88\xd5\x7fHT\xefj.\x97UU],\xabx5~\xe7\xd5\xab\xb7\xbf\xfd\xd2\x08\xb6\x1b\xbd\x7f\xea\x06\x91\xcd\xd1\x0c\xac\xee\xde\x1b\x97\x1ak\xae\xd4\xfc\xf2\xf6\xed\x9d;\xe3\xb1\xbeVLj\xe8u\xef\xce{\x8f\x07d\xe9=]\xb1\x0c\xc6}P=|\xdbx\xb9\xac\xe2b\xc5\xd3\xd8 \xfe\xf7h&lt;\x1e\x8fN&lt;|\xf5\xa8\xe6\xc2%\x18\x1f\x8b\xae\xe6f\xebw\xd7k\xee\x8d\xc7b\x0f=\xe9Y\xbc\x1c\x9f\x8f\xb5\x02l\xec\xe5\x0f\xaf\xde{\x08\xccs\xa2\'\x16\xb8N\xe6\xe6\xe6\xde\x01\xab\xe2\xd1\xa3\xd6\x898\xd97\xa1b\x7f\x885\xc5\xe0\xf8\xc5\x0b\xdf\xc1\xe9\xaf\xaf\xbd~}\xe9\xcf\x8fb\xf3x1H\x9b#_xq6&gt;1\xde\xda\xfa\xf4\xe5\x0f\xf7\x1e\xbeG\xcc\xcdm\xea\xb7OdX\x0b\xc7\xef\xde\xbd\xfb\xad\xf1\xf2\xc5G\xe3\xd4\x1d\x17\xf1\x87\xb1\xdf\x9a\x9e\xf6\xad\x13W\xe5?i5\xdf\x90\xb6\xb24\x8c\x87]\xa4\xe1&amp;\xb0\xdc,\xe4r\x13\xb2\ts7\xa4\xdc4\xe4\xdel07\xc4p+)\x9b\xc2\xdch0&amp;\xad\x13\x02\xca\xb6i\xa34&amp;\xb3\x98?F\xc2\x15\x93\x06\xaa%N\xc9D\xa5\xadXq\xafh`&gt;X\x10\x94\xdd-\x83\xec\x17a+\x85\xb2u\xa50\xb4\x95\xed2\xd3tY\xa8v\xd9\x0fe\xdf\x13;;\xf3\xc5N\x02\xf6\xf8EP\xcc\xcf\xe7\xbc\xe7=\xcfs\xce\xb9\x0e\xa3\xddf\xb1\xea&amp;GVV\x16\x8e\xa2\xd8\xe7\x17\xff\x00\xdf\x8f\xcc\x8d\'\x82\x80u\x0f\x8d\x7fm}8\xec\xff\xff\xb2\xb2Y\xac\xad\x17\x08\x0b*yr\xb1822RX\\\\XY\xb9\x8f\xa2b\x01L\xc5\xa0\xcdq\xdd\xd678\x88\x97&amp;P\x80]\xb9\x0f\x81v\xa1\xb8\xb8xw\xe1\xfe\xca\xe2\\\x03\x0b\x8d{/\x96\xe5\xb2\xf9&amp;\xee*\x9b&gt;\xdfZ\xfe\'P\x8d9\xb9\xe8\xd4H*\x0e\x1e\xbd\xb0\x08q\x0b%\xfc@5&gt;d&gt;\xdb\xe7\xb8\xde\xde\xe7;\xef\xbd\x84\xa2+P\xad\xac.\x8eL\xa5R\x85\x91\xc5\xd5\x85\xa9#\xac\xee\xd9\xd9{(\xbd\xca~Z+Y\xd3G#]\x7f\x9b\x9d\x99AX\x93A\x924\xc7\x03\xc5\xbb\xa0\x04d\xc0/\xbf.\xa6\x1aX\x8e\xf6~\xdf\xf9\xa1x\x15r\x0e:\x06\xb8\xbf\xb0\x00\xf1\x7f.\x1e\x9fZ\x9c\xf2\x07]\xaeY\xa0\x9a\x9d\xfd\xeb\x07\xaf\xcbZ\xc7\x92u&gt;\x9b\x9dAj\x91.\x127O\x04\x02w\xfft\xf1\xcc/\xa1\xe6o\xddZ\t\x80a\xeds\xd8{\xfa|\xc4P\xbc\xb0r\xeb\xd6\x97g&gt;\xff\n\xac\xecBq5\x10O\xf8\xe7\xe6\xfcA\x9d\x0b\x98\xba\x07^&lt;\xfc\xe0\x87\xfe\xe8\xc5@s\xbefmg\xebY\x05\xa9\xe5\xa4h\xdaP\xab\x06\x16nlL?\xf8\xd9\xaf\xa7\xa7/B\x9eM\x81Z\xb0-\xda|f\x7f\n\x12\xf7\xb5\x07\xd3\x1b\xbf\x80\xb0{\xe3\xdaj\xb1p\xa9\xe4\xf7#,\x10\xab\xbb\xfb\xf5\xc3\xado\xd1\x81\xe0\xfc\xf1\xff~\x0bX\xf2\x9d\x8c\x92\xe3\xa8\n\xc2\xa2\xb5\x98\xb9V]\xbd\xf6\xe4\xf9\xc6\xc6\xcf\xcfL?\xff\x02b\x7f\xaat\xb6\x1f\\`\x18aA\xc5\xfd\xe5\xc9\xc6o!T&gt;xr\xe3V\xb10\xe1O$\x12.\x9dk\xbc\xbb{`&lt;\xf72A\xec\x0e\x1f\xf7\xa9\xadb\r\xef\x86!\xcf\x1b+\xb3\x80\xa5\xd6b\xc4\xd0D`\xe4\xf6\xe3\x07\x1b\x1b\x17\x1f&lt;\xfet\x11\x96@\xe9|\x08\x1cM\xd8\x07\x96\x0f\x8a\xee\x8b\xc7\xcf\xa7\xc14&gt;\xb9=\xb2\xb2Z\x8d\xfb\x13.\x97\x0e\xb0\x06\x06&amp;\xbd\xa3K\x87I\xf5\xcdc\x0e*e\xb2\x96^\x03@s\xb8,I=\xb6\xc1\xe0\x0c\xed\xd4X\xadj\x9c0\xfb\xe3\x93\xb0\x9d\xc0\xde=U\x0c\xc0\xc2,eC==bO(y)\x0e\\\xc5\xa9\xdb\xb0\x07|z{*UE?\xcb\xeb\xf2\x80\xd5=0\x00VM\xca&amp;\xb3\x8f\x8ei\xf4? 5\xf5\x18@&amp;\xdbQ\xd5\xebaV\xef\x9a\xe1\x9c`\x1b\xacZ\x0c7x\x13\xfe\xc9\xc9T\xaaZ\x08\x14\xe2~\xbf\x17\xb0\xc4\x90\x18J\x0e\xc5\xe7\n\xc5\xe2^\xa1\x9a\x82&gt;2\x07\xbbt\xa9\xe4\xcd\xbb\xf2\xb0a\x8dw\x0f$\x0c\xe9t\xb2^?\x0e\xab\xb1\x10\xdf/\xd4f\xb1\xde\x89&amp;\x9b\xae\x9c\xd3(\xf4\xfaA\xcc\x08\\D\x1e"`\ra\xa5\xe2\xded6$\x8a\x92\x94\x1d\x1d\xadM\x00V\xa0:\x11\x8f\xc7/!(p5\xa0\x95\x8e$\x83\xdd\xddy\xa5 $\xdf\x1d\xde\xec\x94\xcf\x7f\xb8\x976\xa9\xd6\xc3\xed\xfa;\xc9\xe4\xa0\xc6"\x1a\xbd\xde\xa6\x07,\x0cSB\xb2\x01\x88*\xcc\xd3h2\x9b\x95@+)\xb94\xba\x04\xab\x14\x9d\x0c\xd6J\x08)\x9f\xcf{K\xe6&lt;\xa9$\xa9\xe8\xccx\x1e\x8f\xf1\xc9\xba\xb0v\xec\xb6\xf8\xa3WE\xcd`u\xed\x1e\xd6%\xb7\x8a\xcb\x1da\r\x0e\x0eZ\x15\xd6\x18&amp;\x10\xa3\xb5x\xbc\x06P\r,1\x9b\\::\t\x9c\x88\xd7\x86\xccD\xde@RJ\x83\xd9\x9b7\x80\x17\xa2\xa8\xca\xb8\x01\xf3\xf0\x87\xf5\xa7\xc3?\xd5N\xd1G6\x95\xf5\x0f\xc4\xba\x88\xb0::`\x12aXz\xc1\x80*\xd0i\x91\xb7\x01u\x84\x05j!\xae\xa5Zm\xc8k6\xe0X,\x16\xc3\x8cJ\xa0"\x01\x8b.\x07\xc9\x18/\xd5\x0f\x0f\x8e\xed[\xa7Zz/\x04\xbf\xb4\xc3\x1e\xf6\x98BT\xaeC\xa3g\xf4z\x87\x83eU*w\xd8\xc3\x0b\xc4y\x89\x97\x10\x95$\xf6|\x8f\x85\x0eO\xcd\x06\xc1\xc8\xf3\x1e\xc6\xc3\x1b\x95J\x03\x0e\x93H\x8f\xb9\x08##\xd5{\x97\xe5\'\xb6\xf9,?\x95z\xd8,\x1e\x01,\x98E;\xe2r\x87\xfb\xc4P\x16J\x9d\x0f\x85BR($B\x87\xc8\x1e1\xa1\xb3T"-\xf8x\x86\x81\x04$\x80\xfbo`EkI\xf8\x17\x0e&gt;t\xbd\xf2\xc3\x0b\xb5\xa6\xb0:_\x85M\xac\xd8\x91\xc9h\x14\x16\xbd\r\x82\x17\xcb\xb2aF\xe4y\x1f\xefA\xa7\xa6\x10\xaeQz\x85\xeaJ&amp;\x01\x8c \xb2\xe9\xac\xc43\xe10\xe3Aj\x19p\n\xb0\xe8\xd1\xa4Gz:\xdc\xdc+\xac&amp;\x8fFv?k\x0f\xfd&amp;\x93\xe9\xb0\xe8\xfb\x19\x9b\x9beM&amp;\xd6\r\xd3\x08\xd3\x14\x12\xfbA\x970\xb0\xb6\x8b\xd0-\x93\x04\xa0\xa5\xd3B\x88\xf7l\xf6nn\x02\x96\x810\xe04=V\xe6\xccK\xfc\xe6\x8e\\~rX\xb0+\xae\x8b\x87\xbf\xcf\x80\\\xb6&gt;\x9b\r\xa0\xce\x99\xd0&lt;2\x80%2L\xc8\x13v\xb3v\xbb]\x94\xd2I3\x91\xce\x12\xe94\x0f\xc4\x9b\xbd\xbd\x80\x95\x86\xa4D\xd2\xdcX\xd9\x99\xac\t\xbbM\xdd\xdc5{\x17*\x93\x7f\xbb.\x1dZ2\xb9\xed\x8e6\x9b\xa5\x81u\xee\x0e\x92\x8b\xf1x\xc2a^\x02,\x13\x84\x0c7\x9f&amp;\x96@*\x18\x02\x12\xab\xb7\xd7\xe3i\x94\x16\x85\xd4r\x8e\xbe\xcb&gt;\xeajr\x995\x835/\x93\xaf\xad\x1f\xd6}\x08\xab\xd7bq\x9bPT5\xb9\x01+\x1cv\xbb\x19)\xc4\x84\xdd\x9f\xadCNd\x844T\x96 \xa4\x85\xf7Xh\x12q\x1c\xa79\xbaR\x8e\xd5\x00\xab\xf3\x04\xb1\x90\x89\xf8\x8f\x98\xcdFr\x19\x90\xcb\xc1\x1e\xa9\xa5\x82\xbaw\xbb\xd9\xb0(\x02\x1b\xbb\xben:w\xc7#\x08D\xd2\x8c\xa0\x04\xcf\xe6&amp;\xd4\x16\xc3\xa7\x958Fq\xdcXeLY;\xf4\xdc\x94\x9f\xec]\xb5\xfc\xe6\xbaI\xcc\x8ce\xb6\xaf \x1a\x13"\xbb\xc3\xb2\xbd \x98(\xba\x11\x9e\xe9\x1c\xacM\xd0)\x9d&amp;\x884\xb4\x85Fm1\xe8\xac\x12\xc7h\x8e*Wh"\xe9A\xa55\x7f\x92X\xf3]\x7f\xfe\xe6\xea\xf6Xn{\xfbt\x1b\xcb\xa2\x06\xa1Bl\r\xad\xdaC^\x83\xbe\xaf\xdd\xed\x11\x88KC\x84@ .T\xf2\xd0\xb5\x8cF\x01\xc70\x9a\x8a\x96\xcb\x9c5\xfctMv\xa27\xfbhm\x0c?\xfa\xe6r.\x17\xd9\xbe\xd2\xa6\x02\xc1\xecv\x15\xa2r\x8b\xbe\xfe\xbe\xd0\xbb\xd5"\xe1\x0b\tis\xe1\xeb\xd5\x9a\x01aAi1\xa8\xc5\x1b\x05\xa3\x11\xa3i\x12au\\\xbe\xd9y\xc2\xcf3\x10\xd6A\x03+s\xe5\xf4i\xc4\x85\xa6\x11\x89\xd5\xcf\xf4\x9f\x1d\xf5z\tC\xda\x0c\x969\xf0f\x02\xbe5\x9c\x17xD5\xc8\x83\xd5\xc0\x1bX\x952\xady\xba&amp;o:\x97\xb6\xa0\xd6\xd5_\xe5\x80\xeb\nP\x01V{\x03\xabO\x84\xc5\xe8\x11x},\xa64\xe7\x13~\xffD\xcdl\x80\x92\x07\xb5\xf4\x0c\xcfcZ\xf8\xc2(R\x87\xb0\x9c\x17\xd6d\'\x8c\x85\xdc\xcd\xa3\xab\x9fDr\x91\x88\xa6\xed\xb4\xaa\x8d\xb5;\xec\x80\x05\x1d\x025\t\x86Q\x83[\xa0\xc8`0\x01~A\t\x13g\xf40z\x90\x0b\xd4\xd2Be\xe9\\\xd1\x8a\xce\x18\xdb\xfe\x18X\x9d\xaf.|\xa2\xc9e\x00K\xa5r8\x1c*t\xfc\xd7\xeeF\x03&lt;\x8e5\x06\r\xd3\xe5\x02{\xac\xc4\xc1;4\xea\xfd\x08\x0b\x06\xe5r\x95+f\xa3\xfaw\xcb\x1f\x01K\xb6|p!\x02\x93\xa8\xd1\xb45\x8a\x1ea\xb1\x88\xcb\xe2V8c\x14\xd8O\x88\xdb:\x97\x8e\xc2\x90\xa1y\x8f\x85|,E\xba\xa2\xe5\xca\xd0Y\xc5A\x97\xfc#`\xc9\xbb\xb6\xbe\xfbG$\xe2ThT*\x8b\xc3a\xb7\x9b\xec\xd0(\xdc\x16\x8b\xc2\xc9Qc\xd1h\xf7x\x94r%\x12$\xd8\xbfA\xf0\x16\r\xb3\x05\xae\x1f\x07X\xc0z}\xe1`X~\xf2\x0f\xa5\x1a`\xcbo#\x19\xa7U\xd1\xd6fq\x1c\xdd\xf2X\x00\xcaj\xe5h\n\xd4\x1a\x1f\xa7\xe8h0\xe8")\x12\xc7x\xa3\xaf\xdf\x035\x86c8HX.\xbf\xdc\x1a\xeej\xe11e+\xcf\xcad\xf2\xceG\xb9\x8cSa\xd5X\xfa\x1cGTj\xab\x9a\xa3\xb54\xc5\xd1\x1c\xe9\n\xd21*\n\xe5\x85\x02\x18)\x08\xc6A\x84\x05j\xe9`!\xbem\xbc!\x96\x7f\x8cGx\xf0g_\xbd\x8cD\x90\x9d\xefo`\x8512\xa6\xc5(\xad\x9asFz7c\xff\x8d\xf5:\xe9(P\xa0\x01\xe1\x8bGT$Jc\xe5\xf2w\x9d\xf2\xa6\xa3\xd6\xa9V_R\xca\xb6\xa0\xb84\n\x85B\x8fj\xcb\xa1\x8eR1\xadV\xedtF"\xb01{\xfe.Ii\x8a\xa6H\x12r\x8e\x8e\xc4\x95 \x96\x11A\xba\xc8\xf2\xcb\x1dyk\xc7|\xa7N\xb5\x026\xfc6\x07\xe1\xc7\xaa\xb6\xa2\xe2j\xe3(N\xadV;#Ngz\x7f\x7f?\x9b]\xda_Z\xda7\x904\xd8+J\x87\xe3P\xf0\x18\x8e\x94#\xcb\xaf!X\x9c\x92}\x94\x07\x9e\x8d\xe6\xf5\x0c:\x84\xe2\x08\x8bU\xd0\x9c\xd3\xa9\xe6b\xd4\xfe\xbf\xdf\x8f\xbd\xea\xde^\xd5\x0f\xa5E\x03\x18i4j\xb1\xc6$R\x95\xdd\xceV\xa6\xb0e,\xf9\x1f_F\x14\n\x08\xaf\x8a\xb6\xeb*\x8d\x95\xd3*\xcd\xa5Z\xf5\xcd\x9b\xbd\xef\xc7\x1b\x18{\xd5x\t$#1\xad\x16Q\xfd\x8f\x96\xf3\x0bi+\xcf\xe2x\xf6!\x8c$&gt;4A#\xc9\x1d\x93\x8c\xc16\x8d$\xb1\x91\xac\xc9DwW_\x8au6\t\xd40\x94\xc1\xd8\xb45\x92l\x99\x06\xa2\xee\x80\xae!\x0fcG\x8c+\xc5@\xb4\xb6^\xac\x0f\n\xab\xc4JJK\x11\x91V\xa68\xda\xd6\xbaXf\xb64\xacP\x95\xd1R\x9c\xc2\xb2R+\xdd\xef\xb9W\xad\xce\xd8Q\xd9\xcc\x8fHn|\x90\x8f\xdfs\xee\xf9\xf3\xbb\xbf\x13\x84\xb2\xe8\xcb\x94\x1d\xb5\xde\xe3\x9f\xebA\xdf\xbf\xd8\xa0\xe0\xb8\x84\xc7\x84b\xabN\xd3\xf4%H\xfe\xf5\xd3\x8b7o^\xbc\xf8\t\x96\x84p\xf8E\xbd\xd3\x06.\x86\xd1 \x1d6\xd9\xbc\xde\xa5\x91\x94\x9d\x97\xdf{\xf2\xc8\x0e+\x02\xcb(Sh\tK\xe7\x13\xc9\xdf\xbcy\xf3\x03\xb7\xb8w\xe0\x85\x03\xb6\xecl\xf8\x17L\x08,\x9b\xcb\x16\xfb\xde\x9eJ\xac\x1d{\x01[\x8dR\xc9\xe8\x92\x15w\xa2Xf\x15\n\x15\x16\x9d\xcc\xa4\xaf\xa8P\xa0\xf1\xba{\x97G\xfb\x01\xc9Q\'\x81\xf9 \x15\xe5\x1d9\xc2Y4:\x9a\x96Z\xb5\xf8\xbf\xf6~\x7f\'\xadd\xb4\xa1\xc1JA\xd4\x82\xd4(3\xaa~\x8f\xac-\x14VT\xe4\xfb$T0\xe72\x16\x19\xc3\x10\x95_&amp;\xe2l\x08\xb5bK\x8f\x04\xa9\xc4J\xdb1\x96\xb5u\xbel\xb4\xa1\xd2j\xb1\x1a\x19\x0b\xe4R\xe9\xf5h\xb1\xf5B\xad\xc2(\xb29\x03M\xce&amp;9\x83\x88\x01.\xc4\x06\xbc\x81\nb\xc5bK#\xbf\r\xd6G\xef\x07\xa1F++\x1b,V\x8b\xc5b\x84\\\x85&amp;\x88U\xd8L\xcfzD\\l\x171D\xc5P E\xed G\xa9\x13v\xc4b\r#\x82\x83u\x16\x07\t\x10\x82\xad\x9f\x1d;\xc0ii\x8f\x15\xd6\x06]#\x1cH\'C\xc6F\x8b\r\xac`0(\xa4mB\xbf_f\xc4\xdd\xc0\xf8\xfd\xb9\x7f\xa2|\x08\x13\xba\x1c\x8e\x98+\x95X\x82\xdd\xb3u[r=\xb6\x1a-\x8d\x84\xc5\xc8\x8cb\xd3\x19,\xc2j\x16\xeaM\xf9\xe0R\xa9\xc4b\xbf_\xe4\xcf\xa5f\x9aj\x07\x97\xa33\x96mY\xfe\r\xe6|v\x0e#\x02\x0b\xb9\x07\\\x8d\x1a4\x7f:\x86\xc3"+6\x17\x16\x7fa\xfa\x82\xea\x1c\xb1J\xe6\x17\xe5\xf2I\x87\xc4r\x04\xd4\xba\xc7\xdb;C\x82T\x1e\x1e\xde\x89eU\xa9t\x8d\xb4t\xbav\x8d\xff\x8c\x89\xeeE\xac\x13T\xd7\x17\x9bT\xfc.f.\\\xdd\x15\xb0\xc9\xc3\xc0j\xca\xd2&lt;\xde\xeaZ\x05\x1f\xa5\xf2\xf0\xb0`7\x96_\xd3N\\\xed\xed\xed\x12?W\xa7\xa2t\xe6\xb0h\xab\xe4\x8f0&amp;R\xa1-\xec\t#\x90B\xac\xbc,\xdd\x16\xd6\xc17\x89\x0e\x8dU\tA\x18o,\xda\xde\x1e\x03\x17#\x13\x0b\x0bi+\x02\xad\xec1i1u\xd2&gt;\x1f\xa4\n\x87\x1d\xbdpvPe\xe5\xe5\x91o\xf5\x1c\xc6\x86\x87+\x03\xb9\xc7?\x95&amp;\xda\x03\x8f\xb67\xb6G\xa3\xb6X\xcc\xab\xb1\x18\x8b\xf3\xefJ\xafa\x1dC\xb87\xfa\xe4^D\x85\xaenO\xaf\xc7\x11v\x84\xe9P\x8b\xe5\xfd\x9d\x98r,^\xb3\x9e\xc7_\xe9Mz\x981\n\xaahg\xaf\'\x1a\xf3\xea|&gt;c\x05a]\x93\xa2&lt;\xa5\xa2\xde\xe3\xe9.\xef\xee\xee\xf5xZ\xd17\xee\xc2Jaa\xb3k\x1e\xf8&gt;\xb0Lz\xb1\xdf\xe5\x88uvv\xf6\xf6"\x00x5(\x07+\xe8\xa0b\x85\x11\xd5|\xd8\xe1\xe9\xee\xed.\x07W\xb7\'\xa0NWge5\x8c\x1c\xf8!\xc0!\xb1\xb6\xdd\xf5\xfeW*\x93^/\xd43N\x8f\xc3\xe3\xe9\xed\xed\x86\x0byQ&lt;\x8b+\xf4\x15b\x1fG\xe5\xe0\x0f\x17t\x97w\x05\xd4\x92tpq\xe1\xf4P\xc3\xa6\x87ty\x81`\xe4;`\t\x91\x0f\xe5\x0e\x0e\n\x1e\xd4\x19\x8b\x82\x0b\x91T\xa6\x91\x93V\x1e\xee\xc4Cyy\xc4\xa9\x96lc\xa5L\xad_Lts\x9f\x1f\x9dW!C\xa3\xaa\x91e\x87=\xe4?\x0e\x87\xa73\xec\xf2\xca\x91\x9b\xe5\xb6\x80\x0bw Ou%\xd2\xda\x04*\x89z\x13+E\x13w\xbb\xa9\xb6?\xf4\x7f\xae\xe2\xe5\x12\x83\xab5r\xa5\xdcC\xae\x8d\x10E\x9d~\xa0\xd5\x11\xe6\xb5\xbar\xa5\xcb\t\x13b\xc1\xb7,\xa9\xc4\xfa\xb9Ti\x9bX\xf9\xf9&amp;!-\xb1\xc8\xe6j\x8d\xdc \x88n\x8f#\x10h\xb2\xd13\xc6\xae\xae\x08G\x15i\r4Q^$\x97\xd7\xa5\xb6\xb0\x11\xeca\xc5\xfeW\xc0\xa2\xd2O[\x84n\xda\x16\xe8\xaa\xbb^W\x1e\x89t\xb5:\x9d&lt;T\xa4\xfc\xc6\xf5\xebu\xf8\xdc\x84VQB\x07\x98\xb2,\xcbi)\x1b2\x15\xec\xb9\xfaG\xff\xab\xca7\x99\xa0W\x85P!f\x109[#u7\xb0"t\x18\x83\xbb\xbc~\xfd\x06w\xb0F.\xe7\xd5RgiV\x0e9\xcc\xb9O-\xbf\xe3a;?\x83ti~\xf1;1\xe42\x15j\xe1\xf5\nT\xf3\xed^W+L\x89u\xba\xae\xae\xee\xc6\xd7_sJ\xc1\xa4\xe8_\xe9\x0c\x1a\x191{\xe9a\x7fI\x8a}k\xeb\x012M\x9e\xf7w,j\xc4\xd0J_|B\xaa-\x12\x16\xd5\x14)\x14V\x8d\xd7\x0b\xa7\x82V\xa7\xebN\xd7\xd5\xd7G\xba\xc2a\x97+[N\x8f\t\xd2)&gt;\xa8\xb3\xd4\xb6\xc5Cr\xed{\x8c\x7f\xb3x\xa6WI\xff\xfd\xf9F\xbf\n\xc9\x07\x11B*\xd5\xd2\x82\xeb\x1b\x8d\xa8\xdam\x81&amp;:\x85\xfe\xe5e8X\xc0\xe5\x82_\xc9\t\xeb3N.\xb5\xda\xb94\xba\xc9\xd5\x93\x9ap\xca\x0b\xd6CT\xff\xaeZi\xf8\xf3Y\x15\xd5\xc9\x85R\xa9T(\xad\xa9\xe1\xc1\x84\xd4\xffSg!\x92Hl\xd9.\xd2J\x82K\xbc$\x9f\xf1Xy\xad\xff\xecx\xc47\xfc\x07\xca\x8e\xfb\xcb\xda\xb3\xd5!\x12\xd5\xd9\xb3gQ\xd7\x14\xf3TZ-\xb0\xdc5\\\xb4@}Jth \x19\x14\xa6\xa0"&amp;\xaa\xe79\xac\xac\xbc\x0b\x8b\x1d\xe6~\xbb\xfd\xa0\x03\xfc\x82\x83@\xe1\x8f\xd9G\x1ee\xae4\xfa\xa9HF\x90?\x01\x13\x82JX\xe3\xae\xe1\xe5\x126k\xddn\\*\xe8\x94\x84\x88\x83B\xf7J;6\xf0-\x88u\xf2\x1fK}fs[\xe2\xf9\x01\xc1\x0e2"\x92Vb_~6\x91iXL7\x99\xce\xa8\x08\xab\xf0\x04I\xe5\xd6\xba\x0b\xdcZ)\x87%\x04V0\xa8E\xecg\xc8\x98 c|xC\xabA5D\x1e\xa7\x96yt}\x95]\xe6\':{\xfe\x0f,^\xaa\x92\x91\xab\x0f\xbem\xcb\xcc\xe8k0\x15\xa2\xd59\x9bo\xd2s\x03\x17\xd7\x94\xee\x1a74\xe2\xa9`N\\+\x142\x9e\x8a\xf1Q\xbf\x8f6\x96\xf3\xf9\xbc\x93\x17\x9e\x02\xcb\x9cx\xbb\x91|v\xe9\x00\x82\t\xf6S*\xad?\xbe&gt;}\xeayiF\xe6C\x0b\xfa\x1bp!U\x13\x95;\'G\xa9T\xba\x95\xbc\x19\xa1\x9dTZ\x08#\xf2\xae/Bsm\x94\xf9\xc8\x88\x14\xb8\xf2N:\xe7\tkfz}-\xc9\x8e\x95\xec\x9b!\x05\xfb@\xd9\xdb\x92\xeb\xab-WAU\xb5\xa2\x0br\\\xf9\xf9z=\x87u\xf1\xe2y\x02s#\x82i\xe9AP!\xcaC4\xaf2\x99H\xc40F+.aE\xa2\xca\xca\xbb\x1c~\xc8c\xbd]g\x93\x0b\xf1\x91\xfd\xc0\x04\xbf\xeeT\xcb\xf1d&lt;&gt;\xfc\xfaNFFF\xe6|6\xdaT\xc2R\xf1X\xca\x9c\x8b9x\xb9\x0b\xb88\x01\x1f\xa3&amp;\x110\xd0+\xd7\'\xc3\x15\xc3c\xd1Y\xf0\xcb\xe4\xf1fs|\xf0\xdc;\x02K\xce\xf4s{\xf4=\x87\xc4\xe2\xc3\xfa\xa5g,{+17p+\x13TU\xf3M\x1c\x96\xc9\x9fO\xf5\x96\xd6\x9d\xc3a]\xac\xae. 0!\x1f\xbfh\xeb\x0bj\xc9\xb8P\x01\xdfJ\xe7\xc2|\x96\x93s-3KX\x83\xablb\x81}~\xe9\xd7\xbe\xee\xe3\x83\xdf\xcc\x02\xfb\x8d\xb1l\xe2u\xcb\xbbs\x03WI\xac\xcc\x15\xa7\xb8\x99k\xea\t\x0b\x1e\xae\xcc\xc9!\xac\x1cpi\xb5E5\x141\x90\x8b\xc8\xb9D\x8cQ\xc1c\xc1\xb5\xfeJ\xbe\x15]!\xac\xbe\xf5#o\x93\xec\xc6\xe0\xf4d|m\x81\x1d\xdb\xfc\xba\x8f\x9e\x83a\xf1T\xf6\xb1D21&gt;\\\x1bz78@\xae\x95Y5\xea\x90\x90"\xfa|\xbf\x9eB)\x8f\xc5\xadjeA\x11\xd9\x11T\n\n\xf7pw1\x17\xf79\xb5 W`\x91lh\x98Z=\xb2\xf1\x9f\xbe\'\xebo\x07\x87\x12O\xd6\x16\x12c\x1f|\xb0!\xd83A\xa7\xd9o\xaf-$\x1f\x9c\xfa$4\xb4\xb0\x11"\xb5\x80\xd5\x11\xfd\x8b\x82\x0c%\xf3\x8b\x85\xe0\xda\xc6\x82\xdb\xe7(\x0bh\xd5\x14m\x82\x81\x8aOG\xdcq\x83t\xb5k\x1ePf\xc3\xda\xe0\x91\x8d\x99\xbe\x8e\x97\xec\xea`h.\xfe\x84]X\x1b\xfb@x\xddk\xceL\x00Og\xd9\xd9S\xb5\x1f\xaf\xb2S\x1d\x89\xdaM\xdf\xaazZ\xcf(P\xcd\xa8\xfc\xe2")\x02\x02`\x94\x1cU0\x18,\x08\x16\xd0\xc7`\rY\xd1O\x9eEF\x14Q\xee\xa1\x92k\xb1\xcf`0\x98\xcd\xb3\x9f\x9e{\xb7:9\xd3\xd7\xf7da\xfa\x9b\xe996\xbe\xc6\xc6\xc7J\x04{H&amp;\xd8\xc3\xd1\xc7\xe2\t\x82\xaa\x1dJNu\xdc\x99H\xd6\x0e\x8cg\x96\x92\x19\x1fv]\x16+\x14B\xb1Q\\\x04\xa8\x1dj\x05iA\xb4\x82 \xe4"\xb1(9\xc2\xf7\xe9A\x14=`i\\1\x1c?n0L\xcc}z\xee\\(4\xc4\xbe\xec{\x99\xd8\x98\x0eM\x0f\x8ds`{(&amp;\xf8YJ\x06T"9&gt;;\\[;\xc7N\x99\xef&lt;\xffv\xf2\xed\'e?\xde&gt;ZZZ\x9aY\xb5X\xaf\x01\x17a\x15p\x91\x94\xa0\xceWW+\x83\xc8;\xcd$\x19\xbc\x0b\xc6\xf3\x8b9,\xa8\xc6m\r\x8at\xdf\x9b\x89\xca\x10\x9f\x1e|\xb7\xd1\x12\nM\xdf\x83%\xa7\x92C\xd3@\x1c_c\x93\xdb`=\xbf\xc4\xe2\xcdg\x7f\xce.L\xfe8\\V;\x97h3\xdc\xb9\xfazx\xe0oG\xbe)\xbb\xf9\xec\xefG\x8f\x1e-\xcd\x18\xf5\\\x90\x01\x0bb)\x01C\x0b\xb7\xe2\xf9j\n\xa9\xa8 \x80E\xa9\x1aK\xc1E{\xa8f\xb5\x1a-\x16\xdd+\xf3\x1f\x08\xabc24\xb8\xd06s/\x14\n\xb5\xccN\x99;\xa6\xd8\xb9\xd0\xc7\xa1\x96{\xe3l21\x96&amp;\xd8\x15\xc7\x04;\xb3\x9f}9\xbep\xef\xd4\xcd\x81\x96\xc9\xf8D\xd5\xed\xab\xafo\x96\x95\x95\xb5\xacN\x97\x95=8J\xab4\xf3i\xbd\x1c&gt;\xad(*(\xa8&gt;\xcf\x81m\xca\xa5tk\x81\x15\xe4K\x1b\xb1\x90jV\xc23Z++\xad\x96W}\xbf\x03\xd6q\xc3TKhu\xca`\x9e`WC\xa1\xda\xa1D\x9b\xb9\xe3eb\x0e\x8a\xd5\x0eO\xce&amp;o-\xdbwF\x0b\xc1\x8e\x90\xb0&lt;\xc3N\x0e\xdf\xac\x1d\x9e\x9d\xe9\xa8\x9a\xe0\xa0\x06\x86fg&amp;\x12-e\xffk\xe4\x0cB\xd3\xc8\xc3(\xee\xc0,\xec\xb0\x17\xbb\xcc\\\x8a+\x98\xc3\xd0\xb9x\x91@\xe3\x86\x81\x15&lt;\xc4\xc3\xb27/\xb1\x03\r\xa2\x87\xc0\x1e\xd6\x83\xd0\x15\xaf\x0e\xcbx\xc9e\xf1\x92\x83\x17\x0f\x19\xd4\xc5a\x06\x1a\x82\x888\x18SH\x02\x81\x80J\xd3C\xba\xd8\x96R\x02K\x08\xbb\x87}\xdf\xff?\xda\xa4\xeca?S\x9b\xd8\xa4\xfe|\xef}\xef?\xf6\xd0m\xb7\xce\xc0\x9a\xbf\xff\xf4\xf4\xf1\xe3\xdc&amp;\xa8v8\x17\xaa&gt;\x1f\xcd\'\x9e%\xe0ab\x93U\xeaW\xb4\x8f\xdfl\xd0l\x96s\xb9\x8f\x87\x8cJ[\xefWO\xf6\x11\xfc\xf8\xfa\xe4\xda\xac\xc6J\x03\xc7\xda[o\xb6\xaf\xedR\xacb.\x06\xd7\xedw\xf72\xb6z_\xfa\xe3\x91\xd3_tZ\xe6\xa071\x10\xa9\x05\xa0J\x19\x7fb\xa4R^\xbf\xd5u\xb8\\\xc2\x9b\xdf\xbe\xdb\xc8=\xde\x8c\xee0\xac&lt;wq-\xb1\x9cM68#!\xd7\xe3\x8d\x8d\\\xb9\x9c\xfb\xf8J`X\xfa\xdc\x86XZ\x9c\xfak\xd8\x1e\x94*\x95Rfd\xa1b\'\xfb\x03\xb3R\xe9\xda\xf6\xc0y\xf7\xf5\x83\x7f\xaf\xa5F\xef]t\xbb]\x085\xf4\xdcF\xbf\xd3\x82R\xf8)\x83\xd5\xbb\x95i!\xf4\x8c+\xfe\x16rm\x16\x8e\xf3\xd9,\x911,\x14}\xf4&gt;\x16\xf5\x17\xb0\x1em\x947\xcbe\xa2\x12t]\x17\x04\xa7Z\xbd\xa6\x96\x00\x96\x16\xb7z\x17\x1cl\xbe\x17_\xb7N\xcf\xedR\xa9U2\x07\x8d?~\x08\xfe\xcb.\xde\xe8#\xbb\xd4\xea\x8c{\x13\xcf\xb0\x1c\x16\xa9\x00J\xd1u\xdc\xb5\xcd\x96\x93RqK\t\xcd?\xbf\x07\xd7\xf1N6K`$\xd7\xee}\xae\x04\x15X\x94\xc06\x1e\xe5\xca\xc7\xa0\x92$`\x01\xcd\x18DN\xda\x9a\x16p\x01l\xdf&amp;\xb0\xceyc\x18\xd7\xf6&amp;\xbd\x81I`c\x02[\x1e3~\xa6\xd5]\x8c&amp;{\x8a7eBmu\x07\xcePW\xd9\x91\xa3\xc8)\xd5\x1d ]L-Yn~\xfc\xf5\xe9\xe6q\x9es\xc1\xc6\xb5\xddbq7\x1a-0\xa4\'\xb8\xa3\xfe\x82n\xe52Q\x1dJ\x84\x85\x91\xa6f\xf5\xc0\xee[\x01W\\\xd35\xaeX\x05\xcf&lt;\xf74mx\xba\x9f)a\xc3\xa0\x18q\xfd|\xe4w\xba\x9d\xfe\xe9P\x81P\x94(@\x8d\x1bC\x99\xa4\x81\xf8\x8a"{\x8d\xb1\x99\xde\x82\\\xaa*\xaa\xaa\xa0\xbd\xba}\x91;\xde\x01\xd7\x0c\\\x1ck\xed\x19\x1d\xd4O\x12\x08\xb0\x03\xb1\x00\x00\x04QIDAT\x85\x04\xed&amp;\xb5*\xa8\xca/n\x9b\x12a\xb1\xbb~\xb5\x1a\x0e?\xff\xd4\xf3X\xba0\x9a\xa0!c\x88\x15$\xbb!\xc9\xd6\xad6\x99\xc9\x14\x0b\xf5\x16]8\xec)H\xd46\t\xd5\xea\xf4\xa7\x9e\x0cY0\xe4\xa01\x1d\x97"\xe9Z\x8c\xcbU\xaf\xd7E)\xfe\xea\xb6\xcc\xe4\x9a\x91`\x0c+A\xd7\xabO\n\x05\xca\xdaZ\x14X9\xc4\xfd\xcd\xba\x88\x91\xd8x\x99t\x12X\xcf\xff\xb9\x9e\x10S\x9c\x9c\xd4u\x80\x8dM\xf2\x12\x92M]\xc3p\'~\x86\x81\x85\xba\x1d\xdfR\x94#\x9e(\xb87\x9a+u\x91\xdc\xc29\x08:\xcb7ki\x9a\xee\\\x14$\xe8U\xa7gZ\x7f\x7f\xb9\xc3l\xccf\t\xab\xb8\xf6\xcb\xb7\xf4~\xb6\x90@\xd2\x08\xb2\x00\xac\xb7\xef5|\xaf\x14`\xb96\xa3\xc2|\xea\rY\xc4\xa0\x97\xa6\x0b\xbaw\xda\xa7\x90A\x8e\x1b\x07\xea\x18\x16\xa5\xcc\x0c\xf5\'\x862\xf7\xef\x0b\x05Q$A\'\xb5TwdW\xd35\xc6Uj\x88&lt;$\xa2\xa8\xc2\x93\xf5\x0f\x97Y\x06\x96_+\xbeF\xb8\n\x90*\x11\xdd)f\t2\x918.\xc3@\x91\x8b%P\xba\\;\xcc\xb1\xc2\xcf\x0f\xfe&gt;U4&amp;\x19\x03\x13\x18\t\xc0\xb6\xba0\xd3\xd5Y}\x84&lt;\x8f\xf7\xc1\x969v,]\x95H(\x19\xa9\x92\x85\x94\xebd\xaai&gt;\x91H\xc4\x97\x83\xf4\n\x02\xcbq\xfc\x03\x14\x836\xbb\x84\xb5\x16\xc55W4\x9f}]$\xac\xe3\xfc\xed\xfb\xb8\xb8t\x90~B?=\t\xc4\x02X\xf8d\xdf\xd2\x19\x14E\x1f\x7f\x9b\xe0MX\xdeA\xb6@\x01\x18\xc3v\xa8\x11\xf4\x01T\xbb\xabK\xd0\\`\xb1\x92T\xafq\x81L\xe1F\x1f\xe9H\xdal\xa8\xabga1\x165(\xb6KX\xaf\x8bQ\xaa}\xa8W$Kw\xb2g\xcd\x95}\xfc\x85L\xeddr\x85\x05\xb0\x8bS\x83\x9d\x93\xa80\x12L\xad\x8b\xc36\xae\x0f\x88\xac\xe3\xc3\xb2P\x97\x99\xd7pSu\xda=6\xc8T]i\x0cJ\x91\x08\xe1\xb0\xa9Eb\x11p\xa9\xab\x08\xf3\x89\x1f\x9ee\x19\xd6\xda3\xda\x81\xd9\xac\x08\xe9fgM\xfd\x9eT\xf4\x12\x1av\xb2\xc6\xb1\xc2\xe4%n\'\xe7s$\x9e\x1b\x89\x14\x93fh\x82\xb1Y!\xb0\x9bF\xa8\x85B;2R\xf4\x84\x02\xb5\xa7@\xc1\xc6\xfa\x99\x11\x9a\x1a\xd9\xc7\xc0b\xb1\x18\xde\x97\xd5i\x15E\x9e\x1a\x1aAk\x9e\xcdf\\\xaelq\x06\xb1^\x9f55i\xc5\xce\x0cW\x1af\xadFXK\xa6\xf0\x01&gt;\xec\xd1Pg\x87\xa5\xa6(\xc8\x98.\xa8\xaa\xecN\xfd\x85\xd9\xdajuC\x8e%SM*2^\x16\xea\x13\x89\xaf\xabV\xdfLC\x9e`x\xb8b\xb1J\xcct\x94;\xc6\xc5,\xe2\xbf\x89B\xf3\xafK\xc8\x15e\x8dq\xf9\xd7\xdeg\xa58\x94\xe8\x8dN\xb0601\xcc\xc1\xd8\x10\x18\x9c\xa4\xe3R\xa1\xcb\x0b\x80\xc9)l[jxz\x8e\xa8\x87Xu\xd3%\xb1B\x1b\x03\xaa;Z?P\xac\xb0\xf8\xe0\x01\xf4K\xdf\xbd\xab\x07`+.Q\xdfC\xfa\x9f\x14\xf2\xb3\xb3\xc3\xb8\xb0\xb2Y\x08\xa8\xdcsZ\xe6\xe4A\xf2 \xfc`\x0e\x92\xc9\x93sK\x92H2\x8a\x183\x93z@\xb1\xda\xe3\x90\xa2(t\xec\x19\x9e\x81\x87D\xe8\xe8\\Tc1F\x15\xfb\xacX\x84=\x84F^LSw\x0f\xb8\xd8\'\x02Bv\xf9aO\x17\xee\x9b\xc7\xbe\x90\xa7\x17\xd8f\x12\xeb \t\x89\xe8\x16L\x92\xc6\xf6-Z{n\xa5\xc2Yp\x81\xee\x85H\'\xc6EX*Aq\x84X\xa0W\xfa3\x15\xe3\xea\xfaG\xea]]\xfcbPt\xfa\xaa?\x04\x1et\xc2rGf\xba\xc6\xa1\x02\xb5\x9e3\x07\x93\x01V\xadj\x8f,\x05\x05\xc2\xa1\x96prH\x89\xc7\xe98N)J\xca\x98;X\xbfX\x95b\xb4\xc2\n\xc4\x8a\xac\xb8*\x9d\x11\xc0\xc8\xa9e\xc4$\xfe9\xb7\x8f\xf7\x1a\xef]\xaf1\x08\xa4Zr-\xb5ZbaA\xab\xb6?5\x10w:\xeb\x02:E\x0b\xe9PK\xc1\xc1\xac\xb88(\x03\xa5*\xf7\xe5\xe2L\xf7\xf4\x02\x98?\xc7\xeeJ\x9c\x8a\x98\xeau\x169f.w1%c\xdf\x07\'\\\xaa\xe5\x84Y\xee\x89\x88A\xd5\xe8\x0f\xf1\xab\x8aC\xf0\x88\xde\\\xc9\x84d\x90h\x14\xf9+\x8c\xe7\xf8\xe3\xcc\xf6\xff\x9e\x1b\x7f\xd4p\xaf^b\xee^\xfe\xc7\\\x1d9\xbe\x7f\x9e\xc9lg\x1e\xce\x05\xfb\xf8r\xf0]\x8b\xbe\xef\x1c]\xb1I]\x01\xf0_#\xc9/B\xa4P\xf1\xc1\x00\x00\x00\x00IEND\xaeB`\x82'</t>
        </is>
      </c>
      <c r="M244" s="3" t="n">
        <v>45492.67608796297</v>
      </c>
    </row>
    <row r="245">
      <c r="A245" t="n">
        <v>850475</v>
      </c>
      <c r="B245" t="n">
        <v>1980</v>
      </c>
      <c r="C245" t="inlineStr">
        <is>
          <t>Jean Carlos</t>
        </is>
      </c>
      <c r="D245" t="inlineStr">
        <is>
          <t>J. Carlos</t>
        </is>
      </c>
      <c r="E245" t="inlineStr">
        <is>
          <t>MEI</t>
        </is>
      </c>
      <c r="F245" t="inlineStr">
        <is>
          <t>MC</t>
        </is>
      </c>
      <c r="G245" t="inlineStr">
        <is>
          <t>MEI/CA</t>
        </is>
      </c>
      <c r="H245" t="n">
        <v>178</v>
      </c>
      <c r="I245" t="n">
        <v>20</v>
      </c>
      <c r="J245" s="2" t="n">
        <v>33648</v>
      </c>
      <c r="K245" t="inlineStr">
        <is>
          <t>Left</t>
        </is>
      </c>
      <c r="L24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78e5382-2647-4d9f-b72e-c08056d5b98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b2\xc4\xe5\x00\x00\x03\x00PLTE\xff\xff\xff\x13\x12\x11\x0f\x0e\x0e\x18\x17\x15\xfe\xff\xfe\xfd\xfd\xfd\x0c\x0b\n\t\x08\x07\x05\x05\x03\x02\x02\x02\x1a\x1b\x1b&amp;\'&amp;121+,-\xf9\xfa\xf9!""\x03\x8fk797\x1e\x1e\x1d\xd8\xae\xab\x01\xc2\x93\xce\x9f\x86?@?\x00\xbe\x90\xdc\xac\xa3\xba\x92|\xc9\x99\x85\xaeq\\\x13\x07\x03\xba{k\xbf\x82p\xce\x9f\x99\x01\xb9\x8d\xd6\xa8\xa5\xbe\x97\x83\x03\x88f\xc3\x86w\xc4\x98~\xdc\xaa\x9c\xbd~y\xc8\xa2\x91\x04\x80`\x05x[\xc2\x83\x82\xcd\x8ex\xf2\xf7\xf5\xd5\xa1\x84\xd6\xa0\x8e\x08\xbc\x84\x04nS{aX\xb3\x8au\xcb\x98}\x03\x9ft\x0c\xad|DGF\xcc\xa8\x98nQG\x01\xb4\x8b\x02\x97t\xdf\xb7\xb6\x01\xc6\x98\xd3\xa2\xa0\xa6o`\xc6\x8b\x86\xb5\x80\x80\xca\x87p\xc8\x99\x8e\xb6ya\xba\x89\x8b\xcb\xa1\xa3MPO\xc4\x93\x89\xca\x88z\xc5\x91y\x03\xad\x85\xb0\x93\x91\xaazf\x90gZ\n\xb5\x80\xc8\x9b\x9a\x03\xa5\x7f\x0f\xa6x\xd7\xa8\x9c\x17\x9cr\x07dK\xd8\xa3\x97\x03\xa4y\xae\x8c|VYW \r\x07\xbf\x9e\x93\xa7\x8a\x86\xb4\x84meG?\x99m^\x8aof\xcb\x81_\x84f[\xc5\x9e\x88\xd9\xa7\x91F61\x02\xac~\xafyw(\x95m\x8exs\x98fU%\x8cf$\xa9\x80\xa0\x84t\xab\x84p\xbd\x9e\x9c\xc3\xa6\x98\xbb\x8dt\xa5gT\xa3nW\x9c}u\x9eyfyVM\x95sk\xc5\x95\x95\xadpk\xc4\xa2\x9f,\x12\n\xb4\x9f\x96\xd5\xb1\xb4\xe1\xc2\xbd\xef\xf0\xef\xb4\xca\xd7\xbc\x98\x8c\xd0\xa6\x8f\xd0\xa7\xa3\xb3\x90\x85\xd3\x9b{\x03\xb4\x85\x02\x99l\x9d\x84\x82\x8d`T\xdb\xb6\xa9\xca\x8f\x8e\xce\x9a\x91.\x9et\xec\xe8\xe5\xbf\xd0\xdcU0)\xd2\xb2\xa1\xd2\x94\x888)%\xcb\xd9\xe2\xcb\xb5\xb1\x19\x93k\xc0uZ\xa8\x81}\xb9\x93\x86}oeU@9q[R\x02\x9e{bPI\xdf\x9c\x9bz}|\xc9\xae\xa3\tZD\xda\xe4\xe32\xa5}\xe0\xae\xac\xd3\xc0\xbe\xab\xac\xab\xdf\xe7\xeb\xc3\x82e\'\x81^)\x1e\x1a\xd5\xdc\xe0\x02\xc9\x9c\xce\xa7\xac\xbf\xa9\xa4msnG)!\xbany\xdd\xa1\xa9\xd3\xd2\xd0WHB\xa3\xa1\x9c\x9enp\xca\xca\xca\x86YJeYT\x8d\x8c\x89`hc\xafiS@\x1e\x14\xba\x94\x967\xc8\x97\xec\xde\xd7\xe4\xf0\xee{N@^80\x06\xce\xa35\x1c\x15\xdd\x91\x9d\xce\x93\x97\xe1\xb0\x9d\xe4\xcc\xcb\xa4\x91\x8f&amp;cI\xdc\xa1\x84/\xb2\x84\x94\x99\x93\xde\x97\x8a\x1bQ=\xbe\xbe\xbe+rTqG;m:/\xb4\xb6\xb6\xa6\xbf\xd3mc^\xf6\xf1\xec\xa4S_\x1c\xb2\x8bJD@\xc9qs\x14\x89gV\xb4\xa0\x93\x83|\xa9\xdd\xd1\x8a\xbd\xb5\x18\x80`)\xc4\x8f\xb5]n\x87\xd9\xc5\r\xbe\x97\x90UPM\xc8\x9fQ!\x1aU\x8fsG\xa7\x91\xa1\xcf\xc6\xd9\x84\x8e\xd3ke-\x97\x85\t\xd2\xaf\xc2\xe8\xdd\xdc\x84yn\xbd\xaeD\x81f\x1amQ\x0eE4\xd4k\x82m\xa2\xa6~=&lt;c\xd0\xb0\xaeF3\xc9Z?j\x9d\x81\x8d.#\x0f\xcf\x1cC\x00\x00 \x00IDATx\xda\xcc\x99\xcdk\x1bY\x16\xc5\xf3\xeaIU\xa5z\xaf\xf4\xa8Z\xd4\xc2\xfa\x08\x04\x05\x05&lt;\xda\xa4\x07*YI#\xab]\xb6\xc1\x8d\x97S\x02;\x9d\x807^\x04lM\xd2r{\xa1u\xe8\xc1\x18\xc4\xe0\x81\x84\xa0\xc1\x0b!\x14\x8c\x0c\x8eQ\xdar61\xda\x1a\xccLV\xfd\xc7\xcc\xb9Uv\x92\xfd\x94\x9dy\x8e\x14\x7f\x05\xfd|\xee\xb9\xe7\xde\xe7\xdc\xb9\xf3\xbf\x9eT*M\'\x8bG*\x9dJ\xdd\xf9\xbf8\xc4T9\xbe\xec\x9f\\\xf4\xfb\xe3\x0e\xa1}_\x1cR\x86\x90v\xc7\xa7\xa1\xefy\x8e\xe78\xe1\xe8\xe4]\xf6{r\xc5\x85\xeb\xbc\x1b_\xf6{\x821\xcbUBz\x04\xe7\xf7+\xc0M}\'(`u.{\x81\'\x85\xb28g\xdc\x15\xb6\xb0\xa5t\x1c)N;Y\x82\xce\x92\xd7nW9\xd8;{|!\xb8\xcb\x98k\xdb\xca\xb6\x85\xc5,\xa5lK9\x8e\xab&amp;\x9f\x0fv+\xd9N%\x9b\xed\x80\xf0\x16\xa9\xa0\xc5\xf8"\xb0!\x94\xc6\x98\xa61eK\xc1\x99\xc5\x98n\x08GIx\xec\xf4\xe2\xf8r|yzz|{\x82\xc1\xeb\xd9\xf1I\x0f\x05\x93\xb6r\x95-\xe2"*!\xb8n\x98\x9c\xe1=?\x08B/\xe8\x07N\x1f\xb5\xbc-\xa7\xa5\xb2\xc7\xa7\x13eY\xdcR\xb6#\xf1\x04c)\x14\xd1R\x9an\xea:\x17Rx.\xbe\x18\x087\x1cw\xb2\xb7\xd4\x9b\xa9\xf4;\xea&gt;\xa6k\x9an\xe8\x96\xad\x98eK\xdbv9&gt;\xa3\x1b\x86\xc1\xa5\xa3\x99\x86\x0e\xdfYL\x97\xa3\x93\x83[)d*\xbd;r\xd0s\x8ec\xbb\xae\x0b\x14W\x92\xd5!\x16\xace\x10\xa8\x80h\x86\x01\xd3Y\x8a\xeb*\x98|\xae\xdc&lt;W*\xd5\xe9I)\x04\xf2\xc0A\x07\xa2\x11-W\x08%\xa9\x1bI+]c\x9aa\xe2@1\x8d\xbb\xba\xc9\xfc\xc9\xe7\x1b\xafc*\xb5;\xb24f\xfb&gt;\xc4bhD!\x90\x11\x8e\xe2\x16J\xaa\x19\x11\x97n\x9a\x99\x0c\x91A; 2/&lt;\xd9\xbdY.\xe4d_\xd7\r;\x0c|O*J\x08\x9di:w\x1c+R\x8a\xe1\t\xfe\x02\x16\xc0"4\xaa*\xb3\xc3~\xe7F\xb9\xc8X\x00\xb00m0l\x02\xcf\xe6:\xc9\xa2\xbb\xb6\x161\xe8\xa4\x0f\xf82W\x07\x1e\x83\xc9\x86\xbf\xf7\xc67\xe8/\xcc\x9c\xe3\xd0\xb5\x94\x85zY\xd2\x91\x8aG.\x02\x0e\xa9B\xc2DU4\x98e^Q\x01\xcbtm78=}wcX)\x84{\x88QCq\x80(\xb5\xa0\x0b\xbdl|2\x8c|\x04\xbd\xc8]\xd6\xb5XTG]8r2\xe9\xdf\x94\\\xa9T\xb6\xefp\x0bR!*\x95\xd2\xa2\xa2i\xc6u\xb5LCE\xb1\xc0tK\xe3\x99o\x0fc\xd2\xf5\xc2\xfe\xcd\xb4#\xb4\xea\x07B\xe3\x0cqDY\x00\x19H\xa9\xebj\xe1#2\xbc\xc10\x84\x04#\x15\xe3\xcf\xe3\xa1\xeb\xaeP~p|\x03XH\xea\xd4xb#\xd9#*\x16\xd7\xefK\xad\xa8\x80\x91\xbbL\x8d;^\xe0\xa0\xa2\xd1\x17u\x12\xd3`\xf8\x9c\xe3\xbfK\xa7\x93\x1f\x83\x95tg\xe4\xc26\x1a\xb7m\x86\x99Ls\xe6\x9a\x8at\xe3\xba\x11w\xa1\xf0\xc3I(\xad\x88\xd9\xd4Q\xea\x0c\\\xefMB\xefs\xf2S;]\xe9tN\x84\xa1s\xcd\xf2\xa5\xe5)l3F&amp;\x0e\xa7\xe8\xb5\x11\x9a\xdc\xc0\xd2\xa5i\x06\xf7\xfcI/\xb0t=C\xb4TgT\xd6\x0eC/L|8\xc2W\xbb\'\x1e\xc7`\xc1d\xb6=\xc1-v\xed*r;\xa7\xbc\x82\xe7l\xc9,\xec]&gt;\xf6\x1a\xe9r\xc3\xe5\xd4\x89\xd4\x8e\x06\x17\x81/\'\to_\xa0\xaa\x9c8\x1c+\x1fS\\\xf9\x9ep\x99\x19k\x15\xc794B\x92\xe9d:Kr\xdaX%\x86\x00\x08\xbf\xb4)\x17\xb6o\xdb\xbd\xddl\x82e$\xaa\x83P\xd8\x9cc\x8dq\xfd@*\x96\xf9\x1aLQ\x15\x81\x85e\x10]\xca1\xb9u\x0eq&lt;[\\\xb9\x8f\xd6\x1d4c8\x91\xa3\x8bqr)\x819X\xe9\\J\x81-\x06\xc3O\x06\x8e\xfb\x85*\n\x00\x9a0 \xb38\x1c\xa7i\xc8\x02\xa4\x99\x86\xc5\xd5\xe6F4\xb2\xb5h7\xe32\xf0\x82p\x94\xdc\xcc\xc6\xe6~0\xc6\x8a%\\.=$6\xd3\xcdo\xb0\xaeL\x8d\xbc\xc2\x8b\xeb:6\n\t8h\xa7E\xdf\x17\x05\x1a&lt;\xc9&lt;\xdb\xc5dp\x11\xaa\x895a\xe5r\x84\xed8\xb4,\xdfq\x053\xbf\tp\xf3\xba\xd7\x0c\x02A\xd5\x98\x8b\x1d\xebj`\xe3K\xd4\x8d:\x89\xa9\x9c\xd0\x16RY\xbd\xa4\xaa\x98\xaatv/\xa4k{&gt;\xb7\x03D\xb8\x961\xbf\x91\xea\xeba1\x16\xa7\x8a\x01,\xaf\xe5\xe3m\x90f\x81\xa1)\x19\xfa.\xfa\xe04\xa9\xd1\x88\xcb\xf3\xb8gY\x02\xfb\x95\xe7\xc19Z\xe6K\x8cRu\x08\x83,\x8d\xfaQ\x9eb7E\xe2\xc2\xfd\xc3a3\x1f\xe1\xc6\xb1\x8a\x1fi\x84\xa4w/*I]\x1dS\x07\'&gt;g\n\x15\xb0\xa5%\xdc\xeb9HZi\xee\xb0\x8b7\xce-J\x0f:\xb07k\x0e\x87\xd3\xee\xd1\xeb\xf5\xe9N3O=J\xdf\xc9\xbc`\x12\x04\xbe\x9d\xdc^\x9f&gt;\xf1\xe9\x9e*\x14n\x83\\\xe8\xe6\xd5\x0c\x86B\x8cw\xd7\xdf\xbf\x7f\xfb\xc7\xfa\xfaz\xb7;t\xa3k?d\xea\xae\xaf=\xfe\xf0\xe1\xd5\xe3\xf3\xbd#\x80\x19\xd1D\xd7\x1c\x7f\x14\x86\xa1\xbcH\xea\xa2\x9d\xca\x8e\xb8\xab(\x00t\x86\xab\x8e\x19\x199Z\xfe\xb4a\xf7\xf5\xda\xdb\x87?\xff\xfc\xf0\xe1\x9b\xb7\xaf\t\xad\xdb]_\x7f\r\xa6\x8dV\xabUm\xb5\x967\xfe\xbd\xb7\x93\xcf\xa3\x19q?R\x13\x1cg\xd4\xa9$\xd3\x8a\xe9\x03\x079D\x13\x06\x0f\xce\xc9\xe5\x99h\x7fh\x1e=~\xf8\xe4\xc5\x8b\'/\x9e\xff\xf3\xf9\x8b\x17\xbf&lt;{\xf8xmm\xed\xf1\xcbW\xaf6Z\xb9Fc\xd0\x18&lt;\xad\xd7\x1b\xadOSjD\xa6#\xff\xc3\x91\'\'\xbbI%\xc4\xd8E\xfb\xe3\'\x86&gt;\\\xb1\xe8j\x83&amp;3\x9a{/\x9f,\xaf\x16\x8b\xab\xab?\xfc\x80\xbf6WW\x97\x9fl\xfc\xb4\xf1\x04J\x81j\x7f\xffit\x06\xb9O;\x11\x17S\x9e\xef9"&lt;H\n\xeb\x92\xc7\xabq&amp;\xc2\xd2\xa9\xfb\xe0\x98\xfc\xd1\x87j\xa3H\xa7\x84\x83\'\x006\x96qr\xb9\xdc~n\x7f\xff\x9a\xebi\xe3?M\xfcS\x98\xce\xf1p\xbd\xf4\x8f\x13\xc2JC\xadhY\xa7d\x82\xab\xe1\xf4\x1d\x18f\xfa\xa9Z(\x80i\xb1T\xffS\x9dN\xa9X(\x14\x1a\x8d\x1c\x9d\xb3\x06a\xc5`\x83\xc6\x116\t\xddU\xca\x0fm\x15$T\xc4t\xf6\xe2J+\xdc\x915\xda\nL&gt;\x9d6\x9b\xe7-\xa2*\x16\x07\xc5z\xa9^Z\x8c\xb1@\xd5\xc8\xb5rg8_\xf5\x1alp\xcaY\xc7\xf7&amp;\xbe39H&amp;\xe6\xd3\x95\xd1\x95X\x06\xcdjZ\xe2\xf3GG\xcd\x8f\x1f\x1aQ\xf9\x8a\x85A\xa9\xb4X[\xac/\x96J\xb1X\xad\xdc\xd6\xd9V\xcc\x05\xa6z$\x17MF\xdb\xb3\x83\xd0\x0f.+Ip\xa5\xd2\x1d/J\x04\xc4\x0f\x8f\x06\x0b^\xe1\xfc|\xe7|\xb9P,\xcd.\xd6\xc0\x15Ur\xb1^,\xc6T\xad\xd6\xd6\x16\xb0\xf6\x07\xfb\x03\xc2\xc2\xd3\xe0\x032\x82q\xd7q\x9cp\xd2\xebd\x93\xd8\xe9\xd3\xbb\xd2\xbc\x1a~\xd8\xa6`u\xbc\xbf\xb77}\x05\x9a\xd9\xdf\xda\xed\x05hT(\x94\xc8b\xc0\xda\x06\xd6\x16\x9d\xb3\\c0x\x8a\xb7:=\x1a\x1f\x81%\x84\xe7yA\xe0]v\x12p\x17\xd4\xf2\xa3|\xa0\x01\x88\x81\x97\xe7\x88\xb0\xa3\x8f{\xcb\xc5R\xad\xbdP\xab\xcd\xce\x82\xaaLe\xa4"n\xe7\xaa\xd5\xd6\xd6Y\xeb\x8c\x82\xab&gt;\xa0N\x00\xd6\xd2\xe6\xa7\xbci`P{\xe1\xa87:M\n+\xbe)D{\xb1\xce\x86C\xd3\x98N\x7f*\x96\xe6\xda\xb5Z{\xa5\xdd\x06W\xb9\\\x9a\x05a\xb9\xf0\xa5\x86\xb9Fa\x13\xd6\xab/\xcd\xcc\x0c\xea\xf7\x97ZSZy\x1c\xac\x81\xbeG\xbf&amp;I\x00\xab\xcf\xa3\xa1F\xdb\x02\x1a\n\x03/o4\xcfWK+\xed\x85\xdfV\xe6\x0f\x0f\xe7W\xca\xe5\x88\x0b\xf6G\x17V\x89\xaa\x95\x83Z\x8d\xe2\xe6\xbd\x99\xb9\xbf\xcf,\x95f\x96V\xd7\x98\xc1\xa5\x0c&amp;\x13,\x93\xa3N\x12\xde\xea\x19W\xdeb\x96\xc5\xb4\xee\xdb\xf5|~g\xa3\\k\xb7\xdb+\x87\x87\x87\xff\x98o\xcf\x96q \r\xa9U\xc5\xc9m\xe1-\x97\x83\xe3\x96\x96\x1e&lt;\x98\x99\x81b\x9b\xcf\x86\xb8\xa8\x85\xbdp\xe29\xdeI\x02\xbbM*\xdd\xd3#(\xec&amp;\xae\xcb\xad\xf7o\xd6\x9b\xf9\xf3\xcd\x85\x85\xf6\xca\xfc\xd5i\xc3`@\x9b-\xcd\x16\xb6\xab\xdb\xc0\xaa\xe6\xb6\xb7PE`\xcd=x4w\x1fX\xf7\x9f\x1f\xe5\xe1\xf8\xc0S\xc0\x1a\'\x11\xa8\xa9\x8b\xe8W\x0b@\xc3\xad\xc7\x1d\xfe\xfe\xcb\xeb\xfct\xf9\xde\xc2\xc2\xdc\xfc\xfc\xaf\xa8\xe1\xe1\xfc\xfcJ{\x16`e\xfc)l/W\xab\x1b\xb9-\x92\xab\x81\x00Y\x9a\x9b\x9b\x9b\x99\xf9\xf3\xdc\xdc\xfd\xbf\xae5\xa5\xefK\xc1\xb9Lf*\xa6?\xb3xc2\x84P\x96x\xf3l\xd8|\xb9\x04\xaa\xbb\xbf\x92R+t\xda\xb3?\xfeHTE\xa8Umm\xc4\x19q\x86\xb8\xad-,\xd4f\xeeC\xb2\x07\xf7\x9e\r\x9d0\xf0u\xc5\xf9\xa8\x93\x88Z\xbbA\xfckG\x83\xfe?`\xf8\xbe;\xdc[]Z\x98\x99\xbb\x0b\x9e\xbb+m@\xd5fk\xe5\xbf\x90\xbd\xca\xe5\xed\xc8[\x90\xab\n,\xca\xb3\x05\xc8\xf5\xe8_\x8f\x1e=\xf8\xdb\xfa\x1f\xbe\xf4\x94#U"\x01\x81U~\xec\xc4\xa6\xc7\xce\xacD\xf7\xbf\xac\x9a\xffK\x9a\xfd\x1a\xc7Ok{vHm\xdc\x89R\xd9\x12\xa3R\xe8~\x12JHA\xcc/Y\xdeR\x12\x04\xe1\xb4\xb4U"\t\xa7\xdcj\x96s\xf9PM\xc8\x94\xe1n\x91j\x8dZ\x1crD\x87\xf5\x989g\xcf\xc9\x18F\xb9b\x9c\x1896H\xe8\x97\x03\xd2\x0f\xeb\x87~9\x8c\xc6s\xae\x8f;\xe7?\xb8?"\xfe\xe0//\xde\xd7\xe7\xbe\xae\xeb}]wp\xbfW\x8b\x97\xab:\xb9\xdcV.7-\xcf\xdfw&gt;\xe4\x08+\xfa\x01,\x9b\x13%/\xce\xee\xdd\x16H\xfa\x95r\x95J\xb0\x1aZ\x15\x0b\xf4;\xe0zi\x0c\x0ck\xfa\xfc+5\xc5\xba\xf8sI\xbe\xfa\x80\xcb`X\x1a\xbc\x95\x84\x12/\xe7"*\xbf?\xed\xf3\xd5\xa1\xb3\x05r\xc1\xc7\xeat6\xdb\x9a\xad-p\xe99\xa8\x9dX\xaf\x84p\xdbC\xe1U\xb1\xea\xe9\x8b\xb6&amp;\x0cLf\x13F\x99\xb1\xfe;\x96O\xa7Ew0ZpLC\x10Z\x91\x9f\xfb\x18\xc0\xb82\x19p\xa1L\x0fZY\x15\n\x00s:\xcd\xcdH4\'\xe7n\xbeXVk5\x8f\xc3\xe1\x90X05t\x86\xb5\x15\xd1\xd9t\x8c*\x93q\x13z\x084\xb4-(a`\xc1\x05\r\x81\xe3\x80\x05Z\x01\xd6\xcc\x9b\xd6t\x1a\xa5\x07+ \xc1\xb1Z\x9dVt\x9cN\xe7\xcf\xaeg\xbd\xb2\x1a\xb0\x9e\x8b\x05\x03cg\x8c6:\xed\xce\xcf\xf9\x0853\x88\xcf\x85\xa8\x1e\x82\'c[\xc6\x10\x16\xee\x97A\x04\x81\xad\x15\xf2C+\xe2\xb2Z\xd5\n\xc5\x96B\xa1VX\xe1\x03\xb1\xb4"\xf5\x1aA\xaf\xb2\xce\xbcZ\x02\xfdR\td.\x06\x03k\xa3\xaa?\x85\x87\x11\x95\xc3\xdbw\x18\x98%.\xd7\xe28\tH&gt;\xbf/\xdd\xfafrr\xf2M\xeb\x84\x1a\x98\xe0\x0bl{y\xaex\\7\xde7&gt;&gt;6{\xdc\xb3\xa0\xd7\xcc\x84B\x90"\x06$(\x84M\x18\xfd\xde6ec\x88O\xf9Y)\xedNI\xd0,\xc7\t\x9c$I\xbf\xcf7\x01P\xe1\xf0\xff\xb0\x16\x10V\\\xb1\xa7\x06\xa6&gt;\x07\xb2gK\xb1\x9d//\x86f{\xf4U\x8fW\x05\xd3\x82\x01]\x10\xfaS\xac\xa9\x89\xaa \x82\\\xafA\xac\xbf\xde\xa0\x15\x15\x14\xea\x88\x9fX*\x9f\xfaq(\x14\xda\x1c\xd9\xdbS\xab\x11\x16\xbaYq\xeb\x9e"\xde\xef0-!\xa3\xbd\xb1\xb1\xf4e\xf9\xe5\xf9\xf1\x93\xa7Sv\x01\x8b5\xa0\xb7`lv\x13\xa3\x8d\x9a\xbc\x95\xbf\\\x7f\xa0^\xb9\x80v\xe3\x86\xc1K\xc0\xc1\xe5~M|hv\xf6\xf8\xb8glhh(\xbe\x10_XXP\xa8\xad6\xf3\x9eB\xe70\xed\x077\x0c\x06C\xa1!\x18[\x96\x0c\x9d\xbf\xfe\xb495P\xceb\x95-\xb31\xac\x8d\x81\xbd\xa5l\xfds\xebuQ~F\xf4\xcb\xed\n\xaf\x1cq\x11&gt;E\xcf\xf1\xf1\xec\xf9\xf9\xab/;;\xcb/\xfb\xe2c\x0bV\x85\xc6j\xd3Y;\xbc\x80\x15\x88\x1c\x1c\x1c$#\x81}\x93c|\xac\xfdS\xd8\x0e\xd5\x9aU\xf3\xf2\x8c\x8ea\xec6\xea\xd6\x197\xff\xc1FS\x8f\xa2\x82\xdb\x15:9D\x91\xd0\xa8G\xf6\xda\xdbg\x87^\xc4,A\x8b\t\xec\xfe8\xa8\xd5\xc9\x7f\x98k\xee0?\xd2\x9d\x06\x0e\\\xae\x83\xc8\xfe\xe9i*\xa1{\xa4\xdf\xfcd\xaf\xa9)\x17\xd54\xc4\xa0o\xc6~\xdf\xa6l\xc2u\xf3\xb7&amp;\xd4k\x15\x15\xfcb\xd0A\x8eW\x12&gt;\xf5^\xfb\xf1\xecX_\x83d\xff"\x12Hy\xcdV\x85zbF\xc57\x8f\xf6\x965\xea"\x86\x8a\x8a\n\x03R\xeb\xf4T7\xaco\x1f1ViY\xa2\x9a\xfee6\x83\xde\xf4;UW\x0b\xad614T+*\xbca\xd0\x81W%\xa0[\xde\xdb\xdbk_\x88\'\xf6\x93.\x83+r\x9ak\xe6k\xb8\x93\xdc\xea\x96\x96\x01\xbb&gt;\x80\xa8\\\x16\x93i\xc9$1\x9d\x9a\x87\xf5\x8b\xc6\x01PK\xdb\x1fkkb`\xaf\xa8\xc3\xba\xf5\xec\x9fh\xb8QXT\xb4\xe1\xc5\te\xb5\\=1\xf1xDmMH$\xa6\xfdH2y\xea\xe5T\xaax\xcc.\xe2\xee\xba\xd8\xde\x87f4\x1b\x16\x0b\\{\x97\xa5\x7f\xc8ak,\x1b\x10\x0c\x00V\x83\xe5\x1e\x9bN\x7fK\xdd\xd5B\x16\x16\xed\xc5\xa0\rL@\x8e\xaf\xab\xd3@\xc7\xac\xb6\x8e\xcf\x0e-G"\xc9\x8b\xe4E\x02\xb0J\xe7\xba\x88\xf5u\xf104\xd5 \xd6\x06\x9b\r?\x1bAI\x8f\xc9V%\x10#,\x87\xa5\r\xa3\xd3\xff\xa0l\x1c\x88\x0c\x7faI\t\x03*\x1a\xcd\x81\xe3\x84\x9c\xaf\xe9\xec\x94;\xc7\xcec\xb4\x02 H^\\d\x9a\xab\xc9\xae\xd2nb~]\xf0\xb7e\x84U\xb1\xb4\xb3\x03\x7f\x9d\xfdk\'\xd3\x1f\x18\xb5\x8b\x05\x80%aC{\xda\xf6\x8a\xba\x17\\n\x16o\xdf+\xa4\xd1\x18\x0cz0\x8f\xa5\xeaTU\xdb\xcc\x8e\xb3\xa6W\x8c\xdb\xae\xe4\xfeE \xd3L\x90\xdd\xb5B\xe5\xfczy\xd9K\x88a\x85!\x10K\xba\\\xaeX\xcf\x989\xd1\x97\xe8\x15\x0c\xb0XZG\xf0\x8cA\xc3^\xffVL\xdd\x1a\xe3\xd7\xb7\x16\x06\x1dq9\xe0A$\xfd\\m.\x91Z\x9a\xdd\xb1\xb8\xe0\x81;\xbd\xd8\x8f\xdfU\xe2\xc2\x13R9?\x8f+\xcd\x07H\xad\x83%\xc8\\I\x89\xb7\xc785nn\x1c\x10\x8bXZ\t\x1dc\x97\xd0\xcfC_)\xdb\xaf\xdc\xfcZ\xcaw\xd0\x0b\xa1-\x91\xc0\x93H\x92\xc4\xc3\x9c-\xe7T\xcc.\x05.\x02\xa7\xa9L\xca\xc6\x87\xfa}Bf\xe7\xe7\x95\xca\x16\tJ\x0f\x07\x91H \x90\xf1v\x18\xedSO\x87\xa7\x8c\x02\x96H\xe4\xb0`\xf4`f\xd7/\xfdJ\xd9\xde\xee\xfd\xc9\xa1&lt;VX\xc8\xa0\x99\x94J\x9c,\xaf\xb6B\x9b\xacV\xb7\xf7,\xe8r\xb9\\\xea{N\xed\xc3O\xc8\x13\xe5\xfc\xaeR9o\x83\x04ap%#\xfb\x99\xd4h\xaf}\xd5n,\x9b\xb2\xafN\x8bp/f\xb1d8&lt;w\xe9{\xca\x82x\x94\xf5\xc9\xd4KE\xb4\x12\x84%*\xd7j\xcb\xa1\xbbi\xedT+\x9c\xdeT&amp;\x93\xb3\xaa\xf1\xab\x93\x95C\x02\xd4\xc2\xef\xcf\x9fV\xe4\xb9.\x02)\xdb\x83\xaa\xb2E\xfdp\x95\xd1\xce\x12\xe1\xe6\xb3\x98\x97#\x97\xc9\xef\x7f\xa5\x0ek\xd7\x99\xf6)b\xc1B\xc0\xf2\xd4\x0b=,\xe8"\xfc`|\xf8\x9c\xdc\xf7\xef6\'\x9f\x00\xaa\x95\x95o\xd9y\x82\x04\xae\xd4\x01\x94j\xd7A2\x90\x18\x1d\xed566\xea\x8d\xab\x02\x8fg\xf4\xacaQ\x85\xfbw?\x16S\x87\xf5\xef-\x99O\xde\xf3\x85n\xc2\x01\xab^T.*\x97\xcb5eV\xa7-gv\xf2\xab\xc9\x13Du\xf8-\x9bMw\x93\xb8\xb2\xf2\x91$\x92\x0fbb\xb4w\xb1wx\xf8\x89qU,\xf2\xf4\xc6\xce\xc5\xc2R\xde\xee\x07\xcaV\xd6\xb7\x8e.\xb3+R\xae\xaa\xa7M\x82\xe3\x9eA\x0fk\x9a%\xf4\x83\xe1\x07\xdb\nt\x1a\xfcd\xe5\xffX&gt;?)d\t\xa6\x1a\xcd\xa7\xfb\x19\xa8\xd4\xa3\xc3\x8d\x10\xc6\xc5\xcd\xd5U\xc0\xday2=x$\xbb\x1e,\xa6\xee\xca\x03\x96\xfbH\xb5\xb8l\xc2\xf1\xfazD\xd5-\x93\x81\xf7\x81&amp;\xd5O\x82V\x83@\x15EX\x84\x0fa\x19\x8d\x8d\xcd\xde\x04\xc2\xea\xe0\xf4.NU\xd9C\xcfY\x9e\x07\xcbe\x83\xc2#\xf9\xf5G\xea\x12\xd7\xb3\xabK\xc0bj\x1a\x96@-\xcf\xa0\xb0[\xc8e2\xf3`\xa4L\xd8\xdd\x8dbxx\x88\xb0\xe4&gt;\x92d\x89@\xae\x8efs*\x95z8\xdaR\x069"\x14\x06\xac^\x87\xa8v\xce]G!\xd6_\xbe\xae\x00\x96t\x8e\x1cGA\x04\x0e\x1e\x8f7)e\xf2x\xb2\x19\x19\x93\xc9[9\xe9FT\x87\xdf\xea\xb2u\xa0V\x97x\xa0J\xdf\xf1pt\xd4f\xb3\x8dv\x1877C\xe1w\xcfY\xf5\x1d\xfd\xb8\xa7\xcb\xad\xfa\xf1\x81:\xacb\xe9\xe5\x8a\xb4\xf4\xeaR\xd1\x80\x8b&lt;\xf5\xdd]L&amp;\x13L\xcf\xa4L\x06|&lt;\xe1\xc9J4\x9aW\x8b\xcf\xaf\x83\xa8\xce\x84C\xc6)\xb46\xe0\x80\xe1\xef]\x04\xac\xed\xed\xb9\xfa\xfaG\xe6\xdd\x1f\xf7?v\xfd8\xa2p\xbd\x7ft\xb5\xb6vxu\xb9\xd5\xa7\x15\xd5\x0f\xd6\xceI\'\x81\x8b\xc9\xeb\xf6\xcb\xe0t\xadE!\x86p\xb5\xc0\xf4o\xc9\xd3\xa4\\6\xc2\xb1v4\xa3\xf9\xe9z\xe5\x83E\xfbf\xe8]\xf8y\xbdg\xf8\xc1\xf5\xf5\x8f\xab\xd2\xfb\xcf(|\xe9\xe0\xd9\xe1\xda\xcaU6K\xea\x1bE\xc2\xdaZ\xa9\xd4-\x85\xe8u\x01\x13\x0f\xf0\xa2\x87\x87+\xd1\xb5h:\xbb\xb5\xb5%o\xf5\x11\xc4\xc4\xf7L\xce\xf6\x90\xd3RY\xa9\xad1\xae\x86\xdem\x87\x9f{&lt;Us\xbb\xd7\xd7\x97\xb5\xb5\xd4\xc5\x10\xa2\xb8\xb6\xf6\xed2\x9b\x96\xbei\x14\xd5\x97\xce\xcd\xad1\xa5R\xe9\xe4$\x8a$o\x85\x8cB\x10\xd7\xdcG\xe9:\xc0R\x87B3\x9d\xbeL\xf2"\x93\xb0uTVk\x04\xf6Px{;&lt;\xed\x11\x89\xdd\x9c?\xff\xfc!tS\xf92\xcb-\xf7\xda\xc9\xe5\x7f@\xa5E\x91\x10aI\x99\xee#w8,\x9d\x94\x11Y\x1f@E\x99R7`9\x9d\xea\xedp(\xfc&amp;\xe5\x82\xe2\x93hn\\\x9c\x02\xaa0\x885]/\n\xb9\x9d\x80\xd5\xfd\x8c\xd2\xf7Y\xdeG\xd7\xae.\xa3\xee\xa3\x91\x1aa\xed\x87\xda5\xa9\xf4\x08Nx2M\xdc\x9dOG\xa3\xb2t\xfa\xbf\xbc\x9c\xffK\x1by\x1a\xc7\x0b\x17\x7fi\xad\xa5\x1df\x99I\xb7\x95\x0cN\x1ap\x9d)\x99\xb0$\x10b\xbd6^6\xc4T\x10B\xba\x89\x9a3)\x12!\xdflL\xfc\x92\xe4\x88\x89\x10\xc7"\xa6E\xce\xa4\xd25\x1c\xea\xc2\x96d\xcf/\x89U\xaa\xcd)\xbb\xc6\xd4\xd3\x93VT\xfc\xc1\x1e\xeb\xd2\xedq\xed\x0f\x85\xa3\xd8;\xee\x9e\xf1\xee\x87\xfb\x03\x1c\x9f\xfc\x96_\xf2\xe2\xfdy&gt;\xcf\xf3\xbc3\x9f\xcf\xd4\xaa\x06*[\xab\xbb*\xeb5\x95\x9d\xb5Oa\xd8\xeay\xd5V\xc7\x843\x13s33q\x1bE\x91\xc3\xa1\xbd\x7f\xff\xf3={\x92kx\xa6dw\x1a\x92\xeb\xdd\xf4\xda\xb0\xd6f\x13\x8b\x0b\xca\xd0\xda\xda\xcc\x1aP\xfd\xferE\xb9ju\xeaM\xff\xc8\xea\x8d\x9a\xd6\xb6\xea\xca\x11\xdf\xcb\xf6\xca&amp;\xae).\xbe\xba\xc7\x042\xa0\xd50PQx&lt;\xf4\xec_\xefm\xa1\x13\xc5:S\x12z7\xae\xfc\xe6\x83r\x82\x80\x9dX(\x8cs\\\x13\xb5_]yv\xeb&gt;\x82\\;z{\x94SsF\xbf\xda;\xf4\xc3\xdb\xa7\xb9\xc5\xaf?\x07\xae\xb7O\x9d:\x17\xb7\r{\x01\x8b\xb0a\xef?\x146\xd7N\xf6T\x92 \xbf\xf9.\x14\x1a\x17+5\xd4\xfa:\x80\xb1\xca\x89\x89\xf4\x8d+\xed\xed\x03PXUS{\x95\xab\x03j\xbd\xc2\xef\x1d\x89\xf9\xcdK\xe6\xa1c\xac\xc5\x97\x1d\xd1@f8\x05T}T\xb4P\xa0\x0b\x85\x0f\x83\'|\x84\xabL\xb9\x19\n\x85\n\xd8Mt}\x9d\x03\x13#*\rPiT\x88hzzz\xb5\xb3\x13\xd4\xf2\xf9\x14\x96@ \xe0\nX\x1e\xf5\x1cc\xe9A.\xb7\x1c\xe5\x86\x8ep\xa1\x10*l\x16Nv\r\xb9v=\x1e\n)\x0b\xe3\x9d2\x8a\xe3Z\xa7haE{u\xbd\xaa\x01Z\xd07\xaa\xfaZ\x97zD\x0f\xb6\xb1\xc9\x12\xd3\xe9tf\xef(8\xfe\xc5e\xf0\xfaa+\xda\xd7G\xd9\x84\xd6B\x81\xb5\xb1\xf9\x93&gt;\x1f(\xd8\x85\x1a\xcaa\x91\xd4:\xb5\x0e\xbft\xbf\xa2\xfdJ\x04\x81n\xdd90\xd0\xd9\t\x03t\xb3\xc27\xda\xd4\xd4d\xb1\xc7\xcc1\x87\xdd\xd7\xa2X\\6\xfa;\x8c\xa4\xf6\x8b&gt;\n%\tPk\xb30x\xe6\xa4\xa3dM\xa9\x1c\x9fVFp\x14R\x05\xd4\xfa\xe2\xd9U\x0c)\xaf\x0f\xab\xd5j3\x08\x14\x93\xfa\x86\x14\xfe\x96\xa6\xa6Qi2f98\x90.;,\xaf\x98\x80\xbe\xce\xa3\xd5j\xfbPk\x85\x81\x15o\x9e\x9c\xbd\xf8\xbf\x06\xa4\x1c\x1fWN\xdf\xd0\x08{\xfb\xfa@\xae_k\xc5\x91\xa50\xa8d6\xeb\xd4\xe6X\x8b\xafiE\x1ak\xedW(\x92\xf6X,\xb6\x90\x9cm\t\xb4\xb4\xb9\x9d\xceF\xadL\x8b\n\x89\xf6\xdf\xb2\xd8x\xbe\xe4\xe4\xb1J\xf2\xc0\xf5\x95\xde(DQN-\x94\x8e\xb8 \x8b@\xa9%\xd7\x12\xf7\xafiWs\xeb@eW[\xce\x1b\xd5\x15\xb3E\xfb\xech\xac\xd8\xe661\x8dZ\x12GQc\xf2\x19\x15\xca\x97\x9d\xe1!Jv\xf3k\xc3\x1b^\r*\x94\x01\x16E\xbb\x00*\x1a]\xaaM\x07k;\x07nT^\x9b:\xdc;:z\xf5\xd2\xd7\x1cue\x8a\xc9\xbb\x8f\xed\x99\x8e\xf0p\xb8\xce\x83\xe3\xa4\xf5`;?\xb8[r\x86\xaf\x10\xe4G\x08\xab\x95\xa4l\xb6\xf5\x9b.\xb3\xd7\xcbh\xca\xd3\xaa\x9a\xae\\W\xd7\xde\xde\xde\xd1\xd0q\xbc}\xd5\xac\xd35\xf5&lt;\xb2g\xcc\xc6\xb8\xa4\xd1\x83\x13$\x99\xad\xe2\xf7\xc4\xfc\xae\x8e\x08[I\x99\xcdFI\\F\xcb\xb2Q30\xb5\xd7\xff\xc6\xdf\xe2\x87\xecz\xb92\x04n\x1a\x1c5\xd4\xf7\x87_\x0f\xb5\x14\xcdL\\\x0e.\x83\xb0Jfx&gt;\xc8_\x95\r\x87o\x12\xb2^1\x1dNx\x97\x17W\x96}\xf6\xe2\xb6yfr\xeb\xc9\xa4}#\xbb\x90\x94\x1e(\x14\xf3==\x0f?\xffaHjt0rI#\xac!)\xdf\xe5\xf7\xdaCI\xd9vB(AQTL\t\x13\xcd\xcbC+\x8b;[sO\xe6\xfe4\xf7\xe4\xc9Vvk{rrc2\xbb\xb0\xf1\x1dw\x88c\xe8\xa5_\xea\xecE\xb9\xd4"\xe3eg\xf8\r\xc1\xa0K\x88\xf6R\xa8\x98F\x89\xba{\xd5\x9a\xa9\xc34 };\xf3dfkrkk{{\x03\xc8\xb2\x0f{\xfe8\xb4\xb2\xa2\xb0\xf8\x9cV\xab\x07\xa8\xd0\t\xbe\xef\xae\x94\xfc.\x95\xb0\xf6\xd2(mC5\x15W+\xca\xcb?~\xfc\xf8cznknnkr\x1b\xd4\x8a\xe9\xcc\xb9\xae\xbd7#\x0e\x9fO\xdf\xa1o$q-\xee!%3|c\tv\xd3a\x90\x0b\xe5\xe4Be2\x1aQ\xbd\x03\xb0\x8f\x87\xb9"\xf7\xe4 w\x08\x1b\xf2\xb0\xb2Fmrt@\xd45\x92\x0cNB}\xc8\x9f\x82Za\x02\xa5\x852\xdaF\xd9@4,8\xcdy\xb1\x8f\x87\xff\r\xa0\x9aR\xbb\xd2\xa9\x84\x93qt8\x1b=$WM\t\xeb \xdfb\tf\xc6\xc6\x12B\xf4\xa6\x0c\xb5\xd1`d\xc5\xe0\xce`\xb0\x99\xfe\x11\xb8\xc0a\x1c\xfe\x8fJ\x9e`\x08\xc6\xc9xH\xad\x87\xa3\x8a\xef\xf2-V\xc9\xf6\xf7c1T\x08\xd9E\xd1T\x83\x18\x13#`\x1a9\xac).@\xac\\\xcdR\xb7\\\x8238\xce\x90\xa4\xccs\xd5#\xb4J\xd8]\xfe\xd5Z\x08@r\xd16\x9b\x8c\xa2m\x80\xd5\x80\x04\xd3\xb5\xab\x03S\xc7Z\xbd9z\xaaoM\x98$V\x9ci\xc4=2T\xe6\xd1\x92V"\x1e\xe2\x1b\x0b\x06\t\x11b\xd0\x08i\x1bMAz5`\x98\x81\xc3rE\xbd9\xbfE\xeaS4)\xf4\x0e#N\x10\x1e\'\x83kQY\x9fV\x06X\xcaP\x15\xffX\x18\x86\x95\x13\xa8\x10fA\x90\xacA\xdc\x80\x81\xb1Nw\xaaG\xec\x96\x16)\x80\xb5\xf8!\xa7p\x86\xf1\x80X\x94LK\xa2\x84&lt;\x14*;\x15,\x91F+\x83m\xd8\x07\xe6\xcc`\xc0\x10\x04\x11\xd5\x83\x1d\xcb\xf9s\xcd\xfdO\xf5\xcdu\x0c\x03K\xc8\x90\xd0\x0bH\x19\x14\x13\xf64\xb0\xf2Xa\x1cQ\xc1\nQ\x90] \x97\xc1\xd0\x80\x89"\xab7*kjZ\xbb\xaa\x9b\xdb\x9a\xeb`\xfd`l\xc0\xad\xbdP\xded$\xd9\xc0\x86\xe2\xa7\x90[b\x0c\xbc&gt;\x14\x00P\x03\xb0\xc4\xc0\x85\x89D\xe5\xf7\xb9\x89\xeb\xea\xad\xcbu\xd5N\x06v\xa1\x07\xa8 P\x12\xb7\xb2\xa7\x82\x95\xe7\xb0\x94\x11\xaf\x91\x14\n9,1M\xd1\xb4J\xa4\x02\xbd\xae\xdc\xba|\x05\xb2\n2&gt;\x8c\x13\x00\xc5=\x0b\xc6\xe5q\xe5p\xea4\xb0\xc4\x98\x12\xe4\xf2;a\x16\xb6\x89!\xbbh\x9a\x16\xa5\xd3\x1cV\xd7\xe5[\x9e\x04nr\xbbM\x84\x04\xb0H\x92 $q\x96\xcd\xa4\x06\xf9\xc72pX\xc1z\xbf\xddH\x08Q\xd8\x89\xc0\xa5\n\x06\xd3\xf5\x03\xd7\xba\xaa\xefU7F\x13\xee\x94;\xec\x96\xf7ZA5#\x0eT\xa9\x14;(8\x15\xac\xa0R\x94\xf0z\xa1@I\xe4\x86\xf2ZQp\x18\xc6yuk\xae\xad\xbf\xadn$\x9a\xc9dRn\xa8\xa8\xc6\xa8\xd1)g\xd9\xe1\x0c\xcb\xf2\xde\xaa\x05y\xda\x80\x8d#J\xf0\xfa\x0e\x87\xd3\x11\x95\xb8M\xdd\xdd\xe9\xe0p\xbd\x1a\xb0\xfa\xfb\xfb\xf5\x1d\xd1\x80\x0e\xb8\x08\xa3\xd1\xe8\xc0\x85\rl*\x90bY\xde\x17\xb1\xe4\x18+\xa8\x0cF\x12F/8\xe8\x80\xab\xdb\xd5}|Lc$\xd7"\xf5\xf9\xa4z\x879\x16\rD\x1d\\X\xd1\xdex&amp;\x1bO\x05NA\xad\xe3\x02\nI\xbf\x145{\x1d\x16{\x11\xc0\x96t\xea\x11\xaf\xbfet\xfe\xf1\xa3\xc7\xa3\x16\x87\xc3\x18uX,v\x07\x83\xf6\xca\xe5\x01\x97+\x9b\xe2\x7f\xde\xe2\xd4B\x106\x18\x8c\x98\xa2f\x87\x1d&lt;t1f6\x9b-R\x80\x9a\xbd{w\xf6q2i\x87\xaf\x81\xca\x08\x95M\xeev\x83\\l\x9eo\xb1\xca\x86\xe9\x06\x11\xd7n\x10\xa4&lt;\x1c5z\xed;;cI\xbb=\tL\xfb\xfb\x9f\x95\x9e\xbb\xb8\x7fg&gt;\x99\xdc\x01\xb4\xa8P&amp;\x13\x86\x03\xa9\xac\xbb\x81]\x13\xf0{\x81\xb9\xea\xaf\xa3\xb4A\x049/\x82&gt;h\n\'F\x0e\x92\xc9;\xf3;;w\xb8\xd3\x04\xa5\xe7.]\xb8p\xa1t\x7f~~\xc7\xe20\x12\xa4\x8c$\x8a\x81@1\xceb\x93\xdf\xf2\xe9\x13\x05U\x9f\xfe1\xfa@\x8cq\xdd9\x8dD\\7M\xe1\xd8Arg\xfe\xb3\xf3\xdc\xf1\xcf\xb3\xc7\xb7\xee\xce\x9e\xbb\xc8\xe5\x17\x8e\x0be\x1e\xc6q`\xd2eSlj\xe3\xd3k\x1e_YQ\xf5\xe9\xf6\x8b\xe4\x03\x03\xc6\xa9\x15A"\xb5&amp;SX\xe7\xb5\x03\xd7\xfe\xc5\xf3\xe7.\x9d\xfd\x15\xf7\xb9T\xba\xff8\xe9\x8d\x82V\x1eO\x9d\x97\x90\x046\\\xf1\xf8\xc6/\xcf_\xf3\xf5f\x08A\xd9\xcf\xd7o\xbf\xb0&lt;(\xe7\x9e\xf9\x88T"Q\xc4\xb5\xe4\xd2E\xcd\xc0\xf5\x1b\xe0:\x7f\xee\xc2\x85K\xc7X\xf3\x16\'a%I\x8f\xd3\xdf\x81K\xe4\x81\xac\x9b\xc3z\xfe\xf7A&gt;\xee0\x0b\x04e\xaf\xaf_\xff\xf2\xc5\xf7\xb1\x85b7\x82\xa8"",\xd2m\x82\x88\xc6 \xe1g?+\x05\xbd8\xc1JgG\xfdF\x98\x1fHO\xa3e\xa7\xc3C\xe8\x02\xf1@&amp;\xfb\xcb\xf3\x9f\xfe\xfc\xb7\x8d?T\x9d\xf0k[\xb8\xcb\x93?\xfft\xfd\xf6\x97\x7f\xb9\xb306VD`\x96\x89 \xa2\xeez(\xf1\xffa\xe5|C\xda\xc8\xd38^8\xfb\xe6\x16\x96\x81\xce^\x1a\xdfdth\xc9\x0c\xe7\xd5\xc4\xce\x103\xc4\x1e\x04\xbc\xd21\x89\xf9g,j#q\x1b\xa2\x89&amp;\x82\xd1#\x04\xce\x1awb\xc0 \xd2\x9e\xb4j\xc4\xc6\xc0I\xae\xa1}\xd3B\xb5P\x11|\xb1(Y\x82p\x16rh\xfd\x83\xa1T\xc1-kE\n\xe5\x9eg\x94\xe38\xee\xcf\xde\xed\xfe&amp;\xa2\x83C\xe6\xe3\xf7\xf9&gt;\xdf\xf9M\xc6\x99HK\xc3H\xa7v\xe6.&gt;\xe3\xe3\x17\xbf\xbc\xff\xdc\x13\x869\x84n\xa8\xbcm\xe0\xcd\x9b\xf6\xc9\xb7\x8b\xab\xa1\xd0\x8b(\xa8\x95\xcf\x7f&lt;\xda\xda\xae\xfaYk\xf9\xe5\xdc\xf6\'Ku\xb5\x85\xbb\xdf\xd9\x1a\x9cm\xc0\x88\xb8\x14\xab\xa8\x07\xac\xc7\xb1HC\xeb\xc8H\xbbvf\xea\xee\x17\x7f\xbe?\xa3\x1d\xe8\xae\xe9\xe8\xd0\rU\xf6\x0ch=\xda\x81\xd6(\x8c\x17!P\xab\x98L\x168\xc7\xd2&gt;\xde\xbc\xf2\xb3\xa0a.\xf8,He\xe1\xeev\xae\xae"\x16,\xb1\x8aXc\xe4i}$\xd2\x10\x8d\x82\xc3\xb4\x0b\x98\xa6\xd0\x84=\xcd\x1d\xa1q\xb5\xd2\xe4\xd1z\xc2m\xdd\xa1\xf1\xe0\x8b\xa8\x0e\xb1\x1c\x81\x13b\xc2e\xc9o\x1d.\xe3Sn~\xaa\xa7.V}x7\xc1\x01\x16,\xdcL\xe7\xe2b\x04/\xba^\xaa\xa8\xaf\x8bE.\xc1t\xe1iT\xfe\xcc\x1b\xf5\x9a\xba\x03b\xf5(;t\xe3\xea\x9a\xf0\x9b\x05\xb7\xc9\xd4\xd7a\x7f\x1c\r!V \x19X\xd3\xb8\xe2\xd5^\xce\x16\xf8\xe1p\xee\x0f\x17\x7fB9/\x02\xd4\xf6\xa7\xa2\xc4\xf0\xa8Vu\xb5\xed\xf6\xec\xe2\xecb\x10\xb1 !T\xf5\xb1?&gt;\x8d\xbc\x0eF\x11\xabor\xe6\xf9\x9dZm{\xb8\x07\xac\x05j\xb5/h\xc3&amp;S{\xa5}&lt;\xa4\xc3"\xe6\x03\xc9\xdd\xb4H\x93\x92\x8b\xe3\xe2D\xe6`\xe7\xc3\xff\xe73|\xa8P\xd5\x87\xfd%\x92\x14\xf5,\xcf\xdb\x10\x8b\x9f\x9c]\x04\xae\x18\x98\xab\xa2\xa2\xa2\xae&gt;\x16{\x1c\t\xbe\x8e\xbenm\x1d\xe9l\x9f\x06*\x0f\xa8\xd5\\\xa9\xd3U\xd6\x84\x91\xca\xd4\xd9=4\x1e\xbd\x1a]B\xacL6\xadg\x01K\x88\x13\x04A\x13\x8e\xadC\xb95\xcb\xfe\xc7@@\xa6\x12\xa5 II\xcf\xf0&lt;/\xcb5[\xd9\xa2j\t\xc2\xc9\x0er\xd9\xc1\\\x91\xc7\x91\x96 Tq\xb8\xcf\xd3_[;\xad\x05o\xc1LY\xc62\x9b\xda\xda\xba\xdf\xac\xae\x86\xbe\xfd\x0e\xb1\xf2\x01\x7f\x9a\xd2P^\x82f\x888\'\x10D&lt;\x9e&lt;\xd8\x99\xab\xfa\xf16\x93\r\xb5\xbfD)\x14\x00e \xf5\x14\rj\xf1\x88\xf5\xbe\xfcZ\x93\xbd\xe22,\x15xY8\x12\xa9\x87%\xd8\xd2\x02U\x1c@\xaci\xc8\x87\xca\x8e\xa1\x8e\xde6\xf3\xc2t\xb8\xad\xb7\x17\x8e?\xdf~\xfdyi\x0f\xd4\n\xf8\xd2\x12\xeb\xe5h\x96vI\x12G\x13\\\x9cf6\xfd[\xdb\xcb?\xcefP\xbb\xb9\xfdw%\x8a\xa2d*\xc0"i\x9b\x97\x97\xb12\xcakMp\x92\x81\\x\xb9:\xd6\x08z\x05a\x16\x08E\x9c\x9e\x99z&gt;S\xeb\x81\xb9\xb4\xfa+u\xcd\x8d\x04b)o)\xaf\xfc\xe6\xeb{\x07{K\xf9@&gt;\xe3K\x8bN\x82f\xd9\xb8\xa4\xa08\x86\xe0\x04\x86e\x18\xc2\x91\xf9\xe1C\xd5\x97\xff\xed\x86\xfe\xb2\x8b\xcb2\x93\xe2\\\xab\x9cA\xe15\x106\x1bo\x93\xab\xf8\x16\xb0.\xe3\x02G\x9fKuuXF\x9c\x076\xf4\xb5CpM=\x9f\xf6\x80\xb5\xd4\x90Z\xee\x84Y\xdb\xde\xa7\xbc\x8e\x97|&gt;\xef\xed\xed\x15\x03\x81\xa4\xff\xc4Zpj\x18\xc2K\xe6d,Z\xe3d\xe1[\x9c\x988o\x80\xb2\xff\xa0\xd4\xfe\x92^\x7f\x06\x05\xbe2 V\xca\xc0!\xd6Y\x15\x87\x00\xcb~\xf5r\x93\xdd^QW\xd7\xa4R\xd57\x06\x83\xc1\xd5\xd6\x81\xf6i\xc0\x02\xb5\xa0\x11\xcb\x87\x94&amp;\xb7\xd9l\x9e\x9cl\xbeu\xfd\xd7\xdf4\xe7\x8b@\x95\xc9$\xd7\n\xc5\x93\x82\x93\xf6\x92+9J`\x08B\x93v2q\x0emF\x10\x0e\xb0\xd9\xbf\xbb\xed\xad\xacly\xfb\x1d\xa9\xd0#\x13P\xe9\xf5\xc0\x95\xcb)\x04\x85\xc8\x01\x95\\F&gt;\x8a\x9fj\xe1\xcbn\xb7\xab\x9aT\xa3\x8d\x8d`\xf9\x91\xbeN\xad\x16\xe2t\xaa\xd6\x13\xee\xa9,\xef\xa8\t\'^v\xb9\'\xdf4+\xaf\x7f\xd3\xfb&gt;\x9f\xcf\xa3X\xc9\xc2\xc4Q\xa1\xc0\x12\xd4\xca\x8a\x01\xbc\xc5h\xd2i\r\xc1y]\xd0\x954\xb4\xe6\xe6\x04\xd8\xec_(V\x86J\x95\x14\x86\xf3\xf2\x01\x9e$Q\x80\xa5\x17\xc4\xa2\x83w\xd9\\\x80e\xa9\xfe\x8c\x15\xc4\x01XM\xa3\xa3j\xa3\xf1\xf70\x8d\xe8\xeb\xf3\x80\xb7\xa6\x10\xab\xa6\xbc\xfc\x8a\xc9\x9cx\x99\xb8\x11\x0e\xf7\x8d&lt;\xba\xf2,\x1f(\x02U\xc6\x97MK\xbb\x85M\x17\xe1Z\xc9)\xbc\x04\xebL\xa7?2\x82W\xb2\xc6i\x1c\x0cMonfv\xfe\xf9\xc6J\x0c\xce%\x12yP)\xa8\x9e\x81\xa4\xf4\xa2D\xe6\x0cz\xab\xf0n\xc7\x06\x83\xf7Z$\x0b\xbf\nJ]\xbd|\xe9\xb2\xbdI\xf5Uy\xb9\xd1x\xf3\xe6\xa3\xe1\xe1\xd6\x87\x03\xda\xe9\x99\xe7\x88\xd5{E\xd9\xe66\'\x12]7 \x1f\xde\x0e\xcff\x02\x01(a\xd2\x97\xfc\xc8H\xf0"X\xc2+y]N\xad\x81\xe1\x00\x00\x05\xe7IDAT\xa0\x95S\x03=\t?s\x10\x19\x0c\xb8\x9f\x86/\xc2\x01\xfe\xbf\xf8\x0f3\x04(\x9f\x01\x91H\x05\xb4\xa0\x9eB.\x85^\x84\x15\x05I\t\xef\xe6\xb6x\x9b\xcb\x06\xd9e\xe13!\xbb,\x97\xbd\xe9Z\xf9M\xa02\xde{\xf4h\xb8\xf9\xe1@;\xde\xc3\\\xebq\xd7(\xdbLn\xe0\x02\xac\xde\x9e\xee\xc9$$C\xc0\x96\xf1\xf9}\xc7K\xa9M\xc9\x96.\xd0.\x96\x11\x18\x80b\x99\xb8\x97\xa2$\x8e`X\x96\xd5\xc0\xba\x06\xd8h\xc7\xc1\xe1\xdfcj\x19\xd2\x1c\xa8p\x00\x89^\x04.X\xa7D\xab\xa8\xc8\xad\x18RG\xf3\x83\x01\x1b\xf8\x1e\xd5\xb2}n:\xa3j*\xff\xadqT\xa5jl\x04\xb9\x9a\xbbe,8(\xbakzM\xd0\x86\x89.\xb7\xa9\xadW\xd9}\x0cb\x89G\x19\x7f\xd6\x97\xfd\xcb&gt;AI\xce\x13\'\xd8)E \x05\x88E\x91\n\xb0\x19Bi\x9c84\x0c\x16\xf3|\xda\tP\xb2\x9b\x0c8H4;j\x94\x82\xcdiA\xd4\x93\x86\xd2\xd6\x93\xf9-\x8b\xc3a\x85C#o\xb3}\x1eGg\xa9Fo\x01\xd6h]Lu\xb3\xf2\x11`y\xb4\xd3w\xa6j\xfb\xdd=\xa0U\xc2\xdce\xbeaj\xab\x91\xa9\xc0\xed\xd9u_\xe0\xfd\xdc\x8e\x97\xd4\x9c\xa4\xd1\xf29\n\x14\xd38\t\x17\xec\x06l&amp;3\xa5\x91\x8a\xa5\xb1-\xcf\xf2\xfc\x13\xc4\x94\x1eS\x01\xb9r(\x93B\x9f\x82\x8d\x9d\xe9\x93\x13\xe8aA_\xda\x1f[\x1e\xe4y\x07\xd8\x0b\xb8\xf8\xe4\xe2\xf88`\x95_\xb9\x89j\xc5tF\x90\x0b\x8a\x88w\xa2\xd7\xf6\x9b\xc3a\xb3\xdb\xdc\x05b\x99z\xc2\xbfK\xcaX\xbbk\xd9|\xe0p\xfe\xb0\xc4\x9cQ\xad\xe4\\,0\x80b)\xafK`\x9d\xe7X\x08%\xc0B\\\xa8\x02K\x95(I\x84\xe1\xf5\x8ar \x18\x14\xa2 \x80\x0b\xb1\xde\xb01\x82\x89\xfbs\xb2\\\x13\x0e\x1bb\xf1\xbeV\x9dN5\x8a~7\x1a\x01\xab\xd1xo\x18O\xabesi\xcd\xe6\xc49\x96\xfbW\xfed&amp;\x13\xc8\xf8\xd7\xd7\x93\xf9\x83\xf9\'\x0f|@\xa5_\xc9\xe5\x0c"\x8b\xe1\x80\xbbaiZ\xa3apO\x00%p\xae\x14P\xd1\x17&gt;\xed)\xe4\xa2\xc1\x10\xadV\x11\xa2A\x9f\x02\xe4\x94 \x08\xa9T\xcaj\x05k\xc2\x1bl\x1e.?\x99\xdf.Z&amp;&amp;\x1c\xb2\xeb\xf9\xf5\x87\xf8\x0f\xd4F\xa3\x12\xb0t\xba\x10`5\x0f\x98\xb5\xd3\x80\xd5\xdf\xefI$ J\xbbn\x84\xcd\xf7\xd73\x99L\xbe\xe8_\xcf\xfa\xf3\x81\xc1\xf9\'\x1b\x854!\x92\xb9\x12%`\x90\xa6D\xb0\xb0\xe4\x15\x18\xc0\x02\xb9 \xfd\x05\xab\x95\x93\x05\xb9pv\xd0\x93\xbdD"Z\nq0v\x05\xab\x1e\x0f\xd2)\x02S\xefh\xf0\x01\xc8\xb5Tm\x03\xbd\xe4Y\xaa\xe3\xaf\x0fCj\xb5Z\xa5nT\xebb:U\x0b\xa8\x05X\xc8U\xdb\xdf\xaf}\xe9\xf1x&amp;\'\x9f\xad\xad\x81V\xf9|2\x9b\xf5g\xf6\xb6\xe6\xe76N\xd3\xac\x8b,\x95D,\x1bXCv\x8b(\xa5 X\xe1ogwi!\x85Y\x01\xfdxA\xb6\x13\xfc\x16\x9b\x0e@\x81F\x14\x05H]\x9aNa\x0bBOZ\x05zsccp\xec\xc1\xf2\x0e\xe8\xe4\xc02\xe6-\x81\x8fwG\xee\xe9t:@S\x87tpz\rX0I\x06\xae\x99\x85\x85W\xaf\x8e\x8f\x8f\xfd\xd9l\xc1\x97\xc4\x1a\xfa\xb3~_\xbex\xb8\xbc\xb1\xb1\xb1\x1b\xb7Pz/v!\x01-\x0e=Vm\x81\xb7\x97\xcd\xc2\x9c\xee\x9c\x1e\x1d\x11\x0cR1\x17\xa0j\x80U*\x1e\x1d\x9c\x9e\x1e\xb9\\^\xaf\xd7\xc5a/\x10\x02\xa8\r\xd64\xe4J\x06\xfd\xd6\xd8 p\xcd=(V\xf3\xa0\x97l/\xc7\xda\xf1\xfb\xc5\xef\x1a\xa2xJ\xd6\x02q\nT\xd3\xda\xc9g\xaf\x8e\xd7a\xac\xad\xaf\xad\xad\x15\xbe\xd8Mf\x92\xc9\xa4\xdf\xef\xf7e\xaa\xb7\x96\x077\xc6\xc6\x8exI\xf2\xc6Y\x90\n\xcaG\x92\x14F)\x83\x06v2\xc4\xc1\x18\xece\xe7\xf4\xf4tg\xe7\xf4\x02\xf4_\xa9tp\xfa\xa7\x8d\xed\xedOGV\x97\x8b\x83)\xad\x80#e\x85\x80\xcf\x01\xd9\xf7\xdf\xaf\xec?\x00\xac\xc1\xb1\xe5\xadj\x89\xb7\x81\xedy&gt;`\xdbu\x04\x1c&gt;\xdf\xf1\xf1\xfb\xf3\xf1\xea\xf6m\x94\xe8\xe3Z\x01\x06R\x9d\xfc\xad\xe7\xb2GQ\x18\x08\xc3\xb0G\xc8\x11\x16\xac\xdcn\x8bI\xa1x\x82\x14\x92007\x08\x81\xd9;l*\xa7\x92i\x86\xe9R\xc5b\x90\xf1\x12\x01\xbb\xed\xb6\xb0\x10F\xd6\xb4\x06D\x82\xcd6\xfb~#\xbb_\xa1&amp;\x12\xf3\xf8|\xef\xfc\xe4\xb1\xa1\x92\xd6B\x16\x92u\xac\x8d\xb9\x96\xabR!\xe5l=\xc7\xc2\x86N(5%\xaa\xb7\x99Jn5*\xb6\xc5\xf8\xc9\xe9&lt;^\xf0\x11\xa4\xdfc\x0e,!r\x04\xbd\xc1\x90\x80\xe5%A\xa1\xb43\x1a\xd78&lt;\xbf\x96\xe9\x02\\(\xde\x17\x9c\xf3\xcaV\x95\xb4\xf4\x8aY|\xf7E\x96&gt;\xa3/\xb0I@U2\xf0 7\xef\xa3\xabk\xe3\xdc\xb9L\xa1g*\xb252#\x10p\x95P\xda_\xa7J)v\xa1{h\xe3[\xef\'x\xf3F\xd3\x89\xe1\xa7\x01SNT\xe0c\r\x86\xe5r\xff\xc4\xba\x7ft\x1e\x86)\xf4\xab\\X\xe2J\x8b\xdern\xa1\xe2\xafvA\xca~\x17+R\xf5\x15a\xf5\xdc\x06\xb9\xdd\x1a\x8fA\xe3\xba1M\xd5T\t\xac\x1d\xf3y\xceR\xb1\xa0ihF{h\xa6\x18\xa2BP\xcey=1T$\xab\x1eN\x08\x16\xa8\x98\xc8\xb2\xbci`\xeb\xe5\xd9\xc5\xc3\xe1\xdeu]k\xd0\xc5a\xb5\x06\xf1\x82\x17\x00\xe3\x0f\x1b\xc1\x82$\x12\xb8\xea\xa1\xcc\xdah\r\xce\x1e8\xc2\xd7!\xf4\xc1\xf2\x8b\xc3\r\x9ds#\xf6\xc9I\x89\xe5\x99\xd6\xb7\xac\x88C\x1e\xc3\x0c\xaa\xa0k\xab5\xd0\x9d3\xe6\xf8\x8f\xa5\xeb1C\xe3\x91x\xca=|\xd1\xdc\x1a7\xa7\xfb\'V\xe7Lm\xbaa&lt;\x9f\xaf\xd7-\xd6G^&lt;`\x02\xfd#Q\xc0\x92\x11\x8bX6\xd4\xcd\x9d\x05\x14\xe7I\x1f\xe4\xed:\xe2/y\xd7\xb6\xc0\x82\x18Qf\xf8m\x9a&amp;\x9b&amp;Q8\xd10FX|\x88\xe8\xad&gt;\x1e\x7f\x01\x18\xfc\xbbNF\x80\x9d\x1f\x00\x00\x00\x00IEND\xaeB`\x82'</t>
        </is>
      </c>
      <c r="M245" s="3" t="n">
        <v>45492.67685185185</v>
      </c>
    </row>
    <row r="246">
      <c r="A246" t="n">
        <v>852534</v>
      </c>
      <c r="B246" t="n">
        <v>5981</v>
      </c>
      <c r="C246" t="inlineStr">
        <is>
          <t>Carlinhos</t>
        </is>
      </c>
      <c r="D246" t="inlineStr">
        <is>
          <t>Carlinhos</t>
        </is>
      </c>
      <c r="E246" t="inlineStr">
        <is>
          <t>CA</t>
        </is>
      </c>
      <c r="F246" t="inlineStr">
        <is>
          <t>ATA</t>
        </is>
      </c>
      <c r="G246" t="inlineStr">
        <is>
          <t>CA</t>
        </is>
      </c>
      <c r="H246" t="n">
        <v>195</v>
      </c>
      <c r="I246" t="n">
        <v>22</v>
      </c>
      <c r="J246" s="2" t="n">
        <v>35472</v>
      </c>
      <c r="K246" t="inlineStr">
        <is>
          <t>Right</t>
        </is>
      </c>
      <c r="L24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1b990260-79a7-42b3-9b3d-226afd8ef4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p+\x07\x00\x00\x03\x00PLTE\xf7\xf6\xf6$5H);Q\xf9\xf6\xf8+&gt;S\'9N-@U\xf7\xf7\xf7\xf5\xf7\xf5"2G%5K#1D\x1f\x1d\x1e\x18\x15\x17\x1f.@\xf4\xf3\xf3 0D\x10\x0f\x11\xf7\xf6\xf9#-?$!"1BX\x1b\x19\x1b,7J\xf8\xf6\xf5\x15\x13\x13\x1e+=*5H.;M(8K\xaaeL\x8cTA\x19+?\x94XA\xa1^G%7M\x81M9-&lt;P)3E\xf5\xf8\xf8\xb4gA\x1d-C\xc3yY\xb2va)&amp;&amp;\x84J0\xa8aA\x9c[B\xc2}a\xd5\x95s\xf9\xf7\xfb\xe0\xa0~"):\x86P&lt;zC.\xc8\x7f_\xafiJ\xfc\xf6\xf5\xa8kV\xafc?\x91J,\xe4\xa4\x83\xb5s[\xbaoN\x93Q9\x0c\n\x0c/,,\xfd\xf3\xf0\xb8zd\xd5\x8af\x97TA\xa6`I}RB\xaehR\xc0rM\xbdsV\x19&amp;:wH9\x9aW&lt;(/A\xc8\x8cw\xc0\x85p\xb5kJ\xa2eR\xba\x7fj\xa9[7\x87VJ\xbcw^\xfb\xf7\xf9\xafnVK30\x9a^G}H5\xd8\x97w\x85OB\x8bQ8\x91YL\xc7uO\xb6lU26C\x9a_O\x99YG4&gt;P\xc0\x80i\xf8\xf4\xf1\xbbkH\xa3dJ\xce\x87g\x86B)\xa9q^ \x16\x13\xc7\x85k523\xce\x87^\xd0\x95\x7f\xf0\xee\xee\xdd\x9bvn?0\xd7\x91l\xd2\x8eo\xe6\xab\x8e\xd5!)\xec\xaf\x91\xae_:&lt;6&lt;?0,Y4\'nF&lt;\xcf\x89n\x98eU\x8f_T\xc1mF\xa2]?\x8aJ6+-;\xcc|V\xfa\xfa\xfag5-d@7x"08&amp;$\xbcjA\xc8,8vPE\xf9\xe9\xe5\xd1\x81aE\'\x1e\xd9\x9b~2\x1d\x1a\xfd\xed\xeczXOB"3\xf1\xc4\xc3\xdb\x96l*\x17\x13\xe9\xe7\xe7\xde\xdd\xddv9&amp;+\x1f\x1c\xdc\xaa\x9b\x9bQ/\xdb\x8cl\xdd\x93r\xe2\x9aw\xb1\xae\xaf\xc2\x9d\x8e\xb8.:\xe9\xa9\x878F\\SQQa_a\xbf\xbd\xbdP, pmnU&lt;5\x84aV\x8ei^\xfb\xd1\xd4\xf8\xf9\xf6\xae}j\xd8\x88]FCEF;;\xcf\\V;\x1f\x1a3(:\xa1X6\xcf\xce\xce\xa4*6\xcbRE\xb1\x1f-\x9el[\x8d,3\xb8]:\xed\xb3\x9d[,9\xe9\xd7\xd0\xc5&lt;P\xda\xa3\x8f\xd2\x9d\x8deIAjQGk\x16)\x9eSU\xb07K\xa3&gt;:\xa0\x19)R\x1e/\x8a\x88\x88\xdb\x80\x86\xef\xdf\xd9\xa6_a\xc4\x1e+\xb4L\\\xe3\x9d}\x95\x94\x96\xfb\xe0\xe0\xdaos/$3\x97si\xd5I7\x7f|}\xf7\x1c!\xb7\x8c}VA@\xea\xa4\x8a\xabmj\x90\x18\'z8;\xb5JB\xe3\xcc\xc8\xc0Y_\xfc\xf9\xfc\xbehm\xc5D7\xe5\x8c\x90\xc9\x97\x84\xef\xb6\xb5\xcf|H\xc9tz\x1c!3g&amp;"\x8c&gt;A\xa3\xa2\xa3\xd3\xb7\xaf\xc6\xaa\xa2A3E\xab\x86\x80\xe6\r\x14\xddN=\xdd\xc4\xbc\xcdhd\x97@M\x9f~v\xb3\x97\x8f\xe7\x9e\xa2S\x96\xfb\xb9\x00\x00 \x00IDATx\xda\xbc\x99\xdfK\x1b\xf9\x1a\xc6\x07r1s1\xc3\x900\x0c\x99\x1bE\x11V\xec\x18\xc5\x835\xc7\xc8\xaa\xc3JSC\x84MW\xeb\x89\xf6\xd7R\xe8\xc6\xee\xea\x1c\xe6\xb8\xbd0\x89\xda*MC\x16Y\x11/\x921x\xf6\xe4&amp;\x89\xb1\xa5\x10\x11s!{\xa7w^\x9d\\\x05\xbc\xec\xbd\xff\xc0y\xdeo\xda\x1e\xda\xdd\xaa\xed\xa6}\xabvl\xa2\xf9\xf0\xbc\xcf\xfb|\xdfI9\xfe\xdd\xe2\xde/\xfeC\xc5Mr\x9c\xc3\xe1vO:\x1cxZ"\xe1\x90-\x99\x93\xe9Gd\x8e\xc7#\x8e\xfa/\xe3\xcf\xa9\x0f\xbf\xc8\xb9?vn9\x12\xbc,\'^9d\xc0\xc8\x0e\xcb\xca\x14s\x15\xdb\xb2x9c\x81\x89\x1e\xb8\x88\xea&lt;\xe0O\xc7rL\xf2\xb2\xc5\xb99\xd9\xcad\xecb\xaeX\xca\xd7\xce\x8a\x15\\U,\xd9\xcdMNr_\x1c\xcb\x85\xe2\x13\x99b5G\x18\xd5R\x01\x7fJ{f9\x9f/\xd4J\xb5\x9cm[\xb2\xe3\x0b\xaa\xf5\xe6e\x08k\xd2\xce\x95\xa2\xf9R)_\x8e\x1a\x86a\x9a\xba\xa2\xe8\x8a*\x9af\xb9v\x02\xd9l\x8e\xffbX.\xce\xc5q=\x0e\xd7\xabW\\&amp;W+D\x15P(\xa2\xae+\xa2\xa2J\x92*\xaaNIQ\xcc|\xd9,\x97r\x19t\x18\xa6\xe3\xdc\x9f\xdd\xf2$\x92\xcb\x014\x18&lt;W\x88\x9a\x86$1$E7tQRD\x11\x1f\xa2\xaa\x9b\xba*FK\xd5b\x86\x93\xdd\x0eNv|\x81I\x04\x97%\xdb\xb9"\x1a\x08\x16I1\x14U\x15\x15tQQ\x15\x05T\xaa\xaaA0U5\xf2\xf9\x9am\x81j\xf2\x1c\xb9\x1a\x84\x85\'\x0b\xb0r\xa6\n\x8bGEQ\x17U\xc3\x105M\x12\xe1+4Q\xd2\x9c\x9a\xa4J\xe0#\xc9\x8c|\xb1\x92\x919\xc7\xe4\x87\rv\x0e\xd6e\x8b\x9e+\x0b,*+\x05\xd34EM4D\xd1\xd0U\xcd)1\x91\x9c\x9as\xd8\xa9RG\x99h\xaaZ\xae\xd5\xce*\x0817w\xe1\x8b}4\xcd;?\x8a\xe4DZV\xaae\xbc\xb2\xaa\x89\xb0\x90\xaeHN\'\xe4\x81R\xc3D\xa5\xc3k\n\t\xa8*b\xb4l\xe6Or\xb6|\t\r&gt;\x1d\x0bD\x90\x8b\xe7\xed\xdcI\x1e\xd3\x07&amp;U\xc4\xdc\x89N\xa7\x13#H\r\x1c\x1e\xd6TX^\xd2T\x0c$t\x04\xba\x12-\xe4lK\xf8\x9cX&lt;G-\xc4\x04\xee\x19"\xb9\\\xa1\xb9S\xa4a\'T\x92 \x8f\x06&gt;\xc09\x9d\x9a\xaa\xd4\r\x06\\\xdd(T+\xd6g\xc3\x12\x04!!\xc8nY\xae\x9c 8U29\x19K\xd7\xb5a\x14\x98(\xb3P\xf4\x9d&amp;RSA\x86\xf80\r\xa3\x90\xcbP\x0cs\xfc\xf9\x06y\x0f\xebr3\x08\xac\x97\x02\xce\xe4L\xb1d\x1a\x8aF\xf1$)\x98D\x89@\xd0J(\xc4.\x87!\x9e$\x92\xffI&lt;\x91\x02-\x0f\xb9d\x81\x17\x98\x05.\x98\xc0\x8f\xc5\xfaJx\x89\x9f\xb1\xec\\-o(,\x1a$\xbc(^\x1f\x1c\x1a\xc5\xbb\xcad\xabc\x11,k-JQ\xe1\xfbb\x86|)\xf3\r\xc7\xe2]==.\xd9\xae\xe6\xcb{\x86Ji.\x11\x16\x8d!aP8\x80\x8e\xb9\x9e\xb2\xcb\xc9\xb0\x86\xe9\xdf`{\xc3,\x14-A\x90\x85\xc6c\xb9\\=.fw\x93&amp;\x8c\x82\x8aBT\x97\xd8\x18\x8a\x94X\xd4;\t\x1cD:\xect\xd6\x8d\x06!\xe9a\xb1T\xc9|\x96&amp;\xbapH\xdbg\x058\x18Xp\xbcF\xd9\x8e\x13\x87\xa0h\x06\x9d\xac\x95\x08\x07v=\xfc\xe6\x93\xd4\xc3\x94j\xe6I\x05\x96\x17\x1a\xbfA`\t\xcd\xc1V\n\xe2\x92\xfa7\x8b\xd2cF\x96m\x0fP\x84&amp;Q\x15\xeb\x07\xd0\xdb\xd2\xeaV\xd3\x10\xbc\xa5\n\xc2\xf83,6n\xb9X2T\x8d\x8ef\x0c?&amp;,\x1b\xdb\xdb\x8beS\xb1X*\x9b\xca\x02R\x9cU\xe9\x11\xc2\xa2\x0f\x8dt\x1bfm\xc4n\x11=\xb1\x91y\x8dW\xcb\xfdw\xeb\xaclP@2*c/\x16\x8b\x85c\x1b\xe9\x8d\xd4F\x16\x95\x9e\x9d\xcd\x12\x9b4+\xd5Olj2\xc3rR\xf2\x1b\x853[\xf8\xa8\x95\xf0\x12\xcf\x95)\n\'\x7f@b1,\x15ZA\xa3X*\xb5\x9f\x9eM\x13L\x1a\x7f\xa7\xb3\xc4\xa5Iu,\xe7\xdbV\x02LR\xf5\xfc\t\x96\t\xdc\x934\x0c\xab&gt;&gt;\xb2\xe5\xfe\xa1R\xa2\x06\x02JT\xb2\xa9\x8d\x8d\xfd\xf5\xf5\xfdtzc\x7f\x03\x95\xa6\x0b`n@\xb64\xd9\xae\xee|\xd6I\xd6G\xbd\\\xa8\xda\x1f\xb3D]\x88\xc5%\x10\x842\x8fS\xa7\x8c\x10U\xe88\xccf\x01\xb2\xb1\xbe\xbe\xbe\xb3\xb3\x13g\xb5C\xd7q|\xbb\xbe\xbf\xbfO\x94DF\x8d\xa4\x86\xaa\x98Rl\xd2gV\xa3\x9b\xe8H\xc8\xc5Z^g;\xb14\x9b%\xa9v\xd6w\xe2\xcf\xe6\x83\xd3\xd3m\xbd\xcdw\x9b{\xa7QWQ\xf3\xcf\x9e\xc5\xebx\xa4\x9aD1F\x19!\x91\xeb3\x7f\x01\xeb\x8fyF\x97\t\xeb\x04\x86\xc7\n\n.\xe8\x14\x9f\x9f\xbfzuz\xbawhhhlll\xa5\xb5uee\xa5klh\xa0\xb3\xb3\x13h[[\xcf\x00G\xc2\x01M\xaa\xc7\xbf$\xeeU3\x97X\x18.\x8fE\x075/\xd7L&amp;\x95\xa8\xa4b\xf1\xf9\xe9\x96\xae\xae\xb1\xb1\x83\x83\x83\xed\xed\xed\x83\x83\xf1\x85\x85\xf1\x05\xdf\xf8\xf8\xf6\xf6\xc0\xc0\xc0\x8fT[[[\xf3\xf3$\xdc\xfa\x065\x93DS\x91\x11r\x83\xb1\xf8\x84\xcc6RLb*\x1c\xecm\xe9Z\xf1\x00c|\x1c\\\x07\xe3\xf5\x02\x1a\xb8\xb6\xeb\\\xc0\xdaBC\x83\xc1\xc5x*M\xe3\t4,8\x96\xd0`\xb5,\x18\x9e\x0e\xc3\xd9l,9\xd5\xea\xf50\x8e\x05\xf6\xd5\xb7@\x97\x0b&gt;\x1f.\x0e\x98`\x0c\x8d\x8c\xb6\x05\xaed*M\x06\xc3Q\x15\xadU&gt;\r\xeb\xcf\x9e\xc0\xb1]\xb9X*\xd3]\xb3:\x9b\r/\xcex\x00\xc0P\xc0\xd2^\xaf\xfa\xc5\x02\xd3o{hh`u\xb5\x0e\x06\xaep\x9a\xf5Q\x92\xccRQf\xbf\xed"\xac\xf7U\xf9S,\x81w\x08r1OG4\xb0R\xbb\xc1\x19\xcfk\xb1~\x8f\x0c\x0e\x86\xdaC\x91\xf6\x08\x90B\xa1\xf6v\xaf\xcf\xe3\xf1\xac\x1c\x8c\x8d\r\r\xad\xaev20\xc8\x05\xe3\xc3Z\xaaj\xd6*\x97\n.\xee2X\xa4\'\'\xdb5R\x8b\xf5\xb0w\x86\xa8\xc6}\xed\x91H\xa0\xe3f`\x105:\x18\n\x810\xe4\xf5\xfa\x9a\x00\xd6\xbaB\\\x9dL\xae\xab\xc1d8\x95\xa5eV,#\xb8\x12\x89\xc6a\xe1\xf0\xb1\x8a\x05\xc2\xca\xa6\xc2\x8b\xb7\x19\xd6B;@\x02\xdd\xdd\xdd\x81@\xa0\xa3\x83\xc1}O\\^oSS\xd35\x84\xc5*\xcb\n\xd6\xc5T\x96\x86X)\x14mpq\x8d\xc2\x12pohW\xcbXj\x94Txw\xb1\xb7\xd5\xc3\xc4\x82@7\xbb\xe7\xe6\xba;:\x18V 0\x18\xba\x1e\xfa\xbe\x0e\xd6\xda\xd5r\x872\x0cdm\x18F\x92K1\xf2\xb5jF\xe6\x1b\x84\xc5\t\t^\x90\xcf\xf2Q\xac\xf0zl\xf7\xc8\xdf\xdc\x05\xcb/\xd4\xb1\x1e\xcc\xcd\xf5\xf5u\xbcV\x0br1\xa6k\xd7Z\t\x8b\xb8P\xc1\xe0n8\x05[*z4\x7f\xd28,D\x96\xec@\x0f\xcb\xa6\xa2\x18\xe1\xe4\xdaD\x1d\xab=\xd4\xee\xa5&amp;\x02jt4@\xe6bu\xdd\xebA\xdewu\xb5\xbc\xc5j\x0b&amp;\x19\x97\x1e-\x9c\xd8\x16\x84\xe7\x1a\xd4D\x99r+W\xdaSt\xf3\xf4h\xf3\xee\x14a!\x0f\xa0\x17:\xd71\xfa$\x12\x8aDB4\x8a\xe4-\x8f\x87\r\xe2\xd0\x9d;mo\xb0\x16w\xc3\xb1\x14n\xfdO*\x16\xed\xf3\\\xc3\x9a\x88\x15\xa2R2\xb1e\x9dn&gt;\xbe?\x85\x84_`Q\xe5\xf3\xc2\xf6\x91_p\xcd&gt;\t\xce\x87|\xd8\x1e\xb8\xb3\xda\xf9\xb6\x80u\xb4\x1bK\xe9\xaaZ\xa8\x08_}R@|\xe0mI\xc1\x91\x10h\x8f\xd7cG\xc0\x9aa=\x84X$W$\xf2d\xf4\xc9/T\xe0\xc2\x17\x9f\x87%=\xc3br\xb5\xb5\xf9\xd7\x16O\xc3)x\xabPl\xf0\xd2\x8c\xbb\xe93\xc2\xda;~\xbe\xdc\xef\xf5\xd63\x1d\x9f\x88S`\xdd{\x82z\x8d\x86\x87\xc6\xa9\x8b\x8ck\x9a\xb0z\xfd\xfe5\xc8\xa5GK\xef\xbcw\xf3\xd7\xb7S\x8e\xde\x7f\xafT\xf3\xba\x1e\xfb?V\xa4\xdd\x17\x19\x1c\rt\x04F\xef\xdd\xc3\xc7\xbdQb{2::8\xe8\xf5\x8c\x8d\xb1|\x98\xee\xc42\x86\xf2\xfb\x81\xa5\x94\xcf2\xdc\xcb\x86\xef\xf2\x16\xe42\xc2\xc0\xba\xe1\xf5Q&gt;\x90\xaf\x027\xd9$RB&lt;\x05\x18\xd1=\xed\xeb\xf8\xfaz\xd3\x8d\xfbS-\xbdmm\xd3\xb4#\xb6\xdd\x86\\\xa7a#\x9fs5\x12\x8b\xbc\x95H\xc866\x08\x03M&lt;\x9c\xf1\xe2\xa0\xf6x\x9a\xae\xf7\xff\xe3\xca\x95\xef\xbe\x9d\x9b[Z\x9a{\xf8pd\xe4\xd7\xa7O\x9f\xfe:\xf2pi\xe9\xdb+\x87\xcb\x8f\'&amp;\xfc\xfe\xe0&lt;\x96\xd7\xb6\xdb\xb7\xfd\x13\x9bG1%_\x94\xe5\xc6\xaa\xe5\x10\xb0\x9d\xe2\xbe\'\x0b\xb5\x0e\xfb\x9b|\xe3\x9e\x99\x99\xa9\xe6\xb6\x89\xe7\xcf\x1f/\x1f\xfet\xe5\x9bo\x1e,\xdd\xfa\xcfo\xff\x1e\x19\x19y\xf4h\xe9\xc1O\x8f\xd7\x16\x93\xf1\xe4\xe6Z\x1ck\xf5&lt;\x89EXF\xa9"\x08|\x03\xb1\x12\x02~_B\xce\x14\x0b\xe4\xad\xc3~Z\x12f\xee\x06\xf1\xcaG\xa7GG\x8bk\x13\xcb\xf7\xfb\xbf{\xf4\xb7\xff\xfe\xeb\xb7\x9f\x7f~\xb4\xd4\xdd\x7fw1\x8e\xfb\x8d\xe4\xf1.nA\xb0]\xfb\xfd\xfe\xcd\xcd\xe3\x98\x89\xddTh\xe0\x9d\x0f\xef\xe6x\x17\xd9\xcb\xae\xee\xc5\x8e_\x1cb\xad\xf1L5\xcf\xc7w\xc2\xa7\xa7\xbb\xbba\x1c\x92k\xfe\xe6\xfe\x07\xb7n\x81\xeaa_\xdf\xd7\xf7\xfd\xc9\xf8N\xfch\xed8\x99\xa4\xfb\xa1x\x90\xb8\x8ece\xda\xe4\xdd\x1f\x85u\xee\x1bt\x9c\xdb\xe1\xea\x99\x94_\nhc\xf8\xf8\xc5rW\x93\xe7Z\xcb\xd5g\xf1\xf9\xcd\x17/\x9eo\x1e\x1f%\x17\xb1D\xdf\xe8~\x08\xa8\x7f\xf6u\x04\xfa\xa7\x9a\xd1\xb5\xbb\xcb\x87\x87\xcb/\xd6\x16\xb1\xce\xd7\xb1\xc2\xd8jz\xd8\x7f\xf0]\xfc\x8e\xe0\xa5\xb0\xdc\xee\xff\xd1j\xbe!\x89\xedi\x1c\x17|\xd1y\x17\xf8\xea\xbc\xf2pDP\x94QiQ\xd3\x1a\x15LMC\x99:v\xd4\x9bs&lt;\xca\x91\xfc\x93\x0cM\xb4\x13\x1b[iI\x7f\xb8\xa1\xce\xddb\x97{\xe5\x8e\xb5\xb2\xecr\x19%{1t_D\x17\x99i\x88\x85\xdd\x86ig\x89KS\xccv\x1bX\xb84[\x04\xb3\xb7\xd8\xe7w\x9a\x17\xcbr\xef\x1d\xef\\\xf7G\x08Q\xc2\xe7|\x9f\xe7\xf7\xfc\x9e\xefs~~\x91\x08o\xc5\xb0\xd8g\x7fy\x08X\x12\x95XrC\x17\xd4\x0e\xd4\xca\xe5\x8b\xda~\xb5\x92\xc9\xa4\xa9\x80Bo\xb3\x01\x95\xb9=1\x80\xd2M\xd9\xe5\xf5zkiB+\r\xba!\xb9\xba\x9f~\xf4\xc7\xdf\xb7\xb6\x89\x84\x82\x86\xb9\xde\xabV\xeb\x9cH\x86\xe1\x98\x0c\x03\xac\xed*%\x99Q\xcdX,j\xa3\xe9\xd6\xe3\'\x07\x08+\xbdi4:\xcd\n[\xa1\xa0W\x00\x15\x95\xaa\xd5R\xb06k\x80\x15\xd2ja\'\x82Z/\xbf\xfe\xb2E\xd8\xd6L,l\x0e\x93\xc9\xe6D"\xa8\x11/\xb7\xab\xe9\x01\x87\x18u\xa0f\x9f\xf7\xd6A5\xb7\xbd\xb0\xd0Ms\x9c#\x02jA\x08\xc5j\xc0JmV\x96s\x93n:C\x87B!\x82\xa6s\x90\xf2\x7f\xfa\xd7\xa7\xfc\xe0N\x805\t\xabE \x03\xacV\x91?\x96\xbf\xda\xde\xce\xa4\x13\x0e1\x14T\xe8\xab\xb8Ln\xe1\xd1\xa3\xfb\xdb\xd5\n\xcdJz\xf4\x85\x92\xbe\xc7)\xb1G\xb9Lf\xbf\xba}\xff\xd1\xc4\xc4\xc2\xa8\x0e\x1c7T\xb0\xdc\xf2\xd3\xaf\xbf\x1c\x11\x82+\xc0~Jn\xbd\xa7j\xb5\xc8d2,\x96\xaf\x1f\x9fW\x1ev\xa7\x1333\xed}\x1d*Ovt\xf2\xe9\xcb\x8f?~\xb9\x7fQ\xe9f(\x9f\xa2\xb0\xee\x92C\x0fO2\xafr\x97\x17\xcb\xbf\xfe\xcdG\x0f\x17&amp;&amp;tR\x82 \xd0\xa1\xf8\xb7\xcf\xf0\xd8\x08\xb6\x865\xfcB\\\xd0H\x05\x993\xd4\xcf/\xf6/+\x13\xa3\x03\xe0\\\xfb\xcc\xf2\x8d\xce\xe2i\xf5b\xf9\xa3\xfbO/\xf7s\x0b\xeeD$\x1e\x9e\x9d\xeex\x00\x86\'8?\xb9\x7f\xb1|\xff\xd1\xc3je\xe2\x8b\xd1 A\xd0\x0c`]\xd5\xebo\xcf\xea#x\xd3\xb00\x08\xa1H\xb0T\x86\r\x97aFu\xa4g\xa6\xbf\xcf\xe5\xea\xef,\xde`\x0f.*9&amp;\x93\xa1\xddR\xb5j|qz|\x03|\xab\xae8\x1f\xe4\xd2\xf4\xc2d%\xe3\x1e\x9d/\x06\x91Z\xb9\xdc\xd3\x8b\xf3\xfd\xed\xc9\xcb\xe3XS\xb1\x04\xb1\xdd\xfd`\xa2\xcb\xab\xdc\x04\xb1f:\xe2.\x97\\%\xa1\xa8\xd4\xd1f:\xcd\xd2R\xa9eF\xbe\xb8\xb58\xfe\x80w\xd3E\x9d\x96\xe3\xe0TJ3\x0ct\\!\x8459\x99\xcb\xe5\x18w\xf7\xd5R\xcb\x7f\x19\xd4\x9f\x17D\xc8,\xdcp\x9c\xc9:\xef\xdc\xbd\xe55zf\xc6;\x16]fy\xbb\xa9\xcb[\xab)\x8d\x14\xc7\x91\x1e\x15\xb4\x80[[\xfd\xd7\x03\x08]1\xcb\x10l:\x9d!\x18\x02\x1a\xfa\x90V\x8a\xce\xecL\x9ac^\xed\xe7\xfd\x8d\xceu\x1b8\xa7d\xb8\xf5-;\xe4\xf8\xe4\xab\xc7\xb7"\x9e\x8dq9`\xf5\xf5hz\xef&gt;~r\xabK\xa94&amp;:\x16\xa1\xd5\xba\xc6B\xf3\x07]\x90`\xa9\xcdM*\xcd\x02\x16,\xa9[\x17dSJ*\xa4\xab\xee\xb6 \xfb:\xd7\x0c,\x91\x08\x82\x08X\xe2\xbd_\xdd\xd6G6\x904.\x97K3u\xf7\xf3\xcf\x1f\xdf\xbd3\xa81\x81\xab\x0e\xf3X&lt;\x15d}\x96\xe0(h,\x94F\x8e\xe4\xb1\x82:)\xd7\xd5k\xcc\x16\xabu\xc1I\xb3\x8ej\x1e\xab\x9e\xbe\xe1;&lt;L\x9a\xfbT3\x805\xedR$o?\x06\xacO\xa64&gt;\x85\x02\xda?\xa0\xe2\xb1,\x9d\x16d{H\nZ\xb1^\x10Rm!\t\xad6(\x8d\x06\x94\xc6\xec|\xa5\x0e\x9d\xee\\\xb3\xb0Z\xa0j\xd5\xb2w\xf6\nq\xb9Y\x85\xd4\n\xcf\x0e\xdf\xbe9\x86\xb0\xeeh\xf4z\xfd,P\xf5om\xfd\xb9s\x08Ay,v\xbb\x9d3*{{\xbd\xca\x00\xf2\xd7\x04\x13\x94\x86\x12\x83^\xed\xe9u\x10[\x05MR\x0b\xc3\x97\xca!\x8d-\xbe\x15\xd7\xfb\x90Z\xe1\xe1\xdf\xfdbll\x0c\xc4\xd2+\xf4\xfa\xe1\xd90$&lt;\xca\xad!\x90\xcb\xa3\xf6x\xa2\xd1h\xc2\xd858\xd8e\n\x88\x11\x96\x94%\xec\x81Aj\xfe2\xcfO\x0e\x1ay\xa3\xd3\x10\xd6\x9a\xf5\x8c\xec\to\xc9\x15\xc9v\xc0\x9a\x9e\xb5\xad\xde\x1c\x1b\xbby\xfb\x9e\x1e\x9ay\xfd\xf00\xc2\x82\xec\x82\x02\xd1\x99\xb5;$j\xb5$*q\x04L]&gt;\xdf5\x16\xc3E\xed\x12\xa5\xd1]\xb6\xa2\xc6\rkD\xaf\x06\xb00\xd9\x9a\xf5\xb7T\xdft\x7f\xbf&gt;\xa9z\xd0\x01X\xa5\xbd?\x1c\x02U\x12\x19\x0c}\xd2\x16\x06\xaapX\xce\x17\x08\x8bC\x8c\xb8$\x0e\x873\x10x\xa7\x16c\xa4\xecv\tG\x9fY\xf9\xcbSM\xc2\x12\x88\xb0\xd8nJ&lt;\xde\xf9\xc0\xa5Wmt\xf0j\xed\xed\xad\xae\xdc\x1bFXI[!\xbe\xe8\n\xaf\xaf\x87;6\x00+\xab\x16;\x1djX\x121p9y,\xadQ\x92\x1d\xcaj+u\xeb\xb5g\x114\tK$\xcc_\x0c\xf4w\x0eu(\xdag\xa0J\xcd\xae\x97VWWV\xa6\x86!\xdf\xf5\xc9\x82"\xae\xb0\xad\x1e\x96\xd6\x0bbd\\\xed\x124H\xf2x$\x0e\xb1\xd3)v\xf0X\x12{\xf1\xb4\x18\xdc\x7fah\xb8V6\x80%\x84\xb6y\xa9L\xccl\x14;\xcdf\x94[\xe1\x82\xad\x04+Y\x18N&amp;\x93\x05$Ya\xefpee\xa5G"\xb1[\xecj\x07\xd0H\xd4\x08K\xec\xe0\xb1\xc8\xe8\xd0\xe9i\xd1}\x9974\xd3\x90\xe1\x02Lh=c-*\xd8j`{\xe4\xf1pa\xddV*\x94\xa6l\xf7\x90\xadP(\xfe\xdd\xd1\x19Y\x99\x9a\x9a\x12\x0f\x15\xb3P\x1d$H&amp;\xc8.~\xd4\xc5\xab\xa5;=\xbd\xa1\x9b\xbcZ\xc2\x9b\x89\x85\xaef\x18\x8eSC\x9ev\xd5\x83\r\x88"41\x05X\xb6\xd2/!\x94\x88\xabG\xd5\xe9\xd0h|\x11\x08U6\nXN\x93/\xe2xG\xe5\x01\x7f]\x04\xad\xb4\xf3\xb93\x03\xde\xf8\xc5\xc3\x06\xa8\xb0V\xcc\xb0{ \xcdF\x92\x8a\xf6k,p\xd0\x80\xb5z\xf3&amp;\xa4XA\xd1\x13\x89h\xa0H\x99(\x92\x88F-vG\xc4\xa7\xf19\xd1\x0c\xd5\x019\x06\x87O\xb1\xa8\x0b\xce\x7fQ=\xc6\x05\xcd\xc3BW3Z\xb1\xb5\xa5\xf3\xb4\xddw\x0f\xb8T\xd0\xd8 \xaeu\xdb\xca\xde\xe1M\xe4\xa6g{"&amp;\xcd\xe0\x1doo\x8ac\x89\xec\x1b\xbb\xc3\xe9\xd3hL(\xb1\x00\x8b\x04,i\x94\x0b\x9e\xce_|*h\x1a\xd6\xf5\x8d\x11\xf0c\x86\xfa\x01\x15\xf1\xf5\x98\x01\xab\x0f\xcef\x88ci\xf5\xf0p\x0f\xa8\n\ns\xc4\x140\x99\x94J\x8a\x85\x8a\x0e[\x11\xb8\x06}\x11\'\x1a\xa2\xf2XZ\x82eF\x97\xcfcs\xd8\x07a}\xefK\x8ck\xac\x16\xc3\xd2\xdb\x03\xa3X\x1c0\x01\x16\xf4\x81p,"\xac\xd5\x122&lt;\x11\xa78\x91Hp\x14\xc7H\xb5\xda,\xda\x8b\x11\x9f\x0f\xe4B\x85\x02\xb0\xa4\xc1\xa0\xd4=yY\xc7e\xef\xc7\xfa\xbe\xbf\xfc\xc07\xf8_\x04\xb1\xfc\xdb\x7fz\xbd\xbd\xde\x80\xeaZ\xadY\xdb\xca\xeaj)\x99\xd4\xf8L\xd0)xB7\x08R\x8b&amp;G\xb0\x17\xe1\xe8q*\x03\xc6\x04\x9a\xcf[\xb4\xd2n:8:Y=[j}?\x96\xe0\'a\xa1\xcf\xb5\x91\xfc\xf1y\xb9\\~"n7\xbb\xe0\xac\x99]_Y\x81\xe3\x07\xa8\xa8\x01\x92@\xf3\xbf\xac\x16%w6DF\x07\xa2\x03F#\x05!\xb4[BZw\xa5\n&amp;\xed\xfc\x85\x15\x13`\xff\xeb\x13\x7f\x0e\xd6\xbb\xde\x19\xe2\x98\xcf\xbfxq\x9cj\xef\x8bO#\xaeR\tA\x05 \xa3\x08.EECv\x96e\xdc\xa3\xba\xa0\x96\x8cF\xc9\x01*!Ab\x85\xa4\xdd\x07WW\xe7\xc7y\xab\xffD$h\xa6Z\xd7VC&amp;\x13\xfaO\xfc\x06C\xbd\x16hG\x93\\Hz\xbd^c2R\xd4f\xea\x08\xd63\x8acYpG\xd0"3,K\x80dH,\x88\xe1\xfe\xdb|~w\xc4prr\xd2\xf6\xe1X?\xb87\xfc~\xbf\xd0\xef\x17\xe0\xbbec{|:\x1ew)\xf4=\x90V\xc6\xd4Q\xad\xc6c=\xdbaYpm4\xc304`\x91\xa4Z\r%_\xdb}Q\xb7Zc\xf8Z\x1b\xba\xd8\xfbAU\xfeG\xb1ZA\xac\x13\xe1\x1a\x96?K\x81Z.\xd8\x8d\xfa\x9eH \xa5&lt;\xe2\x99\xd2\xcf`\xed\xecd\xc0624M\xb34\xc4\x91DXD\xf7\xd5.\xbe\x86a\xc8\xd8\xb5\xfc\x1f\xb0\x84\xb8\x1f\x1ex\r6d\rU\x08\xf8\x99U\xf8\x94\xa9\x0c\x9d\xe1\x81v\x9e\xbdFX;\x19:\xe7\x9e\xcc\xd14i\'\xd5\xa4\xc7\x0e\xae\xfal\x04\x07\xa8\xd6V\x99\x0c\xc3\x1a\xbej\xd4(\x16\x8e\x1b\x84\x10\x865\xdcZ?\x88@\x9dw\x99Q\x14\x8d\xac\xdb\xcd\xf2X\xdf=\x7f\xbe\xf3\x1d\xd0e\x98W\xa3\x13\x13n\x9a$y\xb5H\xa6z\x1c\xc3\xb0\x18~\xad\x18\xf6!X?\xfa\x7f\xb8\xd0/j\x13\xb5\xe0\xd6\xdd\xb2S\xceO\xe3\x15zM\xc0\xc82\xec\xb3\xa3\xd7\xaf\xbf\xf9\xe6\xf9?\x9e#\xb27o^\xcdO\xcc\xbbin\x00q\x91D\xf7e\x1d\xb00\x1c\xc7\xd1\xfd\xc2\xe6_\xb5\x16\xfa\xdb\xda\xdaD\xb0\x15w\xcbby\x1fXE\x84\xe5\x033\xc8\x1d}\xfbWX\x7f\x87\xf5-\x04\x92\x05\xb9\xdc4\x9b\x06,;Ij\xbb/wc\x02x\x1a\x1c\x17\xb6|`n\xbd\x1f\xab\xcd\xff\x1f\xda\xcd?\xa6\xe93\x8f\xe3u\xbd\x0b\x1dg\xd2\xa5g\xceF\xb7\x16z\xdc*tB{\x85[[i\x8f\\\x0bX\xcb\xaf\n\xa1\xb6]\x81\xd52j\xb9ZE\xa0H\x04\n"Jq\xfc*E&lt;\xa7\x11cp\xa7\xc8)\xb0\xc1\x8c\xfc\xc8!\xe7\x86\x05\x8e)Na\x8b?P\x11\x9d\xa2\x9c\xee\xa2\xb2\xf3&gt;\x9foa\x9asz`\xe0I\xf8\x83\x84\x90W\xde\xcf\xe7y?\xef\xcf\xf3&lt;_!\xa8\x15\xeb/\x00\xa7_\xa5@.p\x08\xd1\xd8\xc0m\x18\x03\x03\xb7\x07\xc6\xcf\x9e\x89O\xf0\x81\x95h0\x80\xc5z{3}V\x0e\x9f2z\xc0\x12$\x91\xe7\x1f\xcb\x14\x0e\x96\xbaJ\xe1\xe6R\xc7\x9a\xc7\x07\x90j`\x00\xd4JB{\x00*m\xe2\xb6\xc4\x10&amp;\xec&lt;X[4\xfc\x16aVr\xbd\x0e\x96\x08\xa2\xa7`5qY\xed\xe7\x07\\r\xc9\xd8\xf8\xf8\xd8\xd8\xf8\xd8\xd5\xb3g\x12\x12\x98\x00\x05\xf6\x90\xb8|[b\x90\x8f\x8f\xcf\x14\x16I\xf8\x9c\\spb\xf3sX&amp;\xe4b\x08V+\x14*\x85B!\xd1\xcb\xe5rX\x84II\xc9\xb0\x0f\x85%\x1bX\x88\x05\x9bd\x10D\xad\x84\x82\xc7F\xbc\' \x83\\\xf3\x8b\xf5\x1f\x91\xc9\xa4\x85\x16\xc2\x9f!\xd7\xeb\xf5\xf8\x03\xd9*9\x8c\x19\xc4\x84\xc4\x9c\x8c\x83\x95\xec\xcd\xdc\xb6\xdc\x07\xc5\xf2)x\\\x8evE\'\xcf\xb7Z\x90\xbbLZH/\x01\x10\xd7!j\xc9\x05\xc8\xc5\x08\x87\xbd9666\x19\xd0\xc2\xb4Z\x88Y\xcb\x11*\xc8\'\xfeA\xb9\x91\xc0\xa2\xbf.\xd6\xab]\xfe9,\x81\xc0\x94\x1c\x16\x80=\x17\xcc\xdfj\xbc\xb3\xd6\xeb\xd5\x80\xc6\x90\x8bX\x80\xe5\x8dX\xc4\xcd\x1d\xc4B\xc0\xa2\xbb\xd5\xf2\x98W\xacS\x97\xe4\xab\x15jVHXX\xa1?\x08\xa5\xd0\xc3\x8a\x84\xb6\x07\x15c@\xca\xd2j\x93\x93\x01+(\xc8\'\x12\x0f\xc0\x83\xe2\x1f\x96\xd3\xdd\x06\xf1L\xae\xd9\x87\xe6\x99\xa8%\x07y\xe4\xac0lT\x91\xc9\x0fzk.$g\xbd\\-1c\xfa\x83X\x88Q\x19\x92\x17\x13\xf6\xc4\x87\xe5d4\x08!\xf9\xff\xbd\xc6z},\x1a\x81%\xf8\xa3\x9f\x9f\x84\x01;\x9e\xd6\xa4\x86\xb5\xe8W\x91\x9a\x8aj\xe9U2\x19\xc7,b\xa1V\x00\x85T\xc0\x17\x0f\t\x82\xe6^\x89\xf3\xa2\x16\x19_[\x93q\x12\x05\xeb\xc0G%\xe1\xb0\xb7hc\xa1\xe5\xe1Z,*\x89^\xa1\xd2K8f\xb3\x19"4\x98{dF\xc6\x1f| t\x851\x13\xfe\xfd5\xd9\xed[\xb3P\x8b4+,\x1a\x81\xd5$\xd8\xba=\xd4fQ\xb3\xbc\xc1\x13L"5\x075R\xa3\xdd\x1b\x0c\xf9\xf9\x90L\x83\x00\n\xb0 &lt;\x07\x84\x85\x04A\xcb3\xa5\xd6,\xbf\xfc\x989\x96\xc7OX\xb5\xa9\\\xb5\x96\t\x0e@D\xd2\x82|\x03T{\x12^\xd2\xe1%unnF$\x8a\xa5E\xac\xe1\x1b\xc6)\xb5\xe6\t\x8b6\x85\xb5\xe2\xe3\x0fC\x0fXm*F2\xf3\x83\x0c\xbb\xdd\xfeUY^\xe4JH\xa4\x91yv{\x9e=\xa3\xb8\xbe\xbe8\x03\x1f~jY\xac\x80i,2^rR(\xf3\x81\xc5\xa6\x91\xa7\xb1\xb0\x1b\xe3\xaaMZfF}e\xa5F\xd3\xd0`\xcf\xcb\xcb\xb3\xe7j4\x9a\xfa\xfa\xca\xfa\xe2H\x90\x11\xc4"\xb0\x8e=\x96\x82ma\xbdS\xdc\xf1t\xb6X\xafl\xfa\xc9$\x98D2\x1d\xd2i\xd32\xc0\xda\x9d\xc9\xb3q\xd5\xb1\xf9+s[\xab\xaav\xe6hr\x80\xa8r\'&gt; \xae\xaa\xcc\x8d\x04\x1b\x85\xde\x87\x85X\x89\xf1\x0f\x9ct*\xd5\x1d\x03\xdd\xe9t.N\x03\xa7\xb1\xe8\xe4\x1d\x88et\xde0/\xfb\xf8nsm&amp;\xcfj\x91\xa8E\xf9\xf1\r\xc4\xb3f\xe2a3\xf1\xe8\xba\xb5&gt;\xc3\'\x81\tT\x01,\x7f\x96\x16\xb0\x1e~m4\xd2\xa7\xb1(3\xbb\xdf\x9f)\x16\x9d0\x08h\xc9\xa45\xe6e[\xef6g\xee\xe6\x81\\*\x89\xd9\\`\xd7T\xb6\xfe\xa5j\xdf\xfa\x85\xeb\xd7WU\xb5NQ\xe1\x14\x86\x87\xb3\xb4Q\x89\xf1?&gt;\xded\x040\x0f\x1a4\x19?\x1d\x1e\xcc\x15V#\xc5c\x07\x89\xbeFX^#Z\x01j5\xef\xde\x9diM\xe5\xaaT2NGAu\xf5\x97\r\x9a\x1c\x18\x97\xbf\xcc\xc3\xb6\x07\xa9\x10\xcb?\x9c\x15\x15\xc2\xac\xfe\xf1\xe1\xa9=\x90\x9c\xd9l\xec\xc9Hs\xaa\x16\x85N\xc1\x7fi\x14\x96?\x10\xc1$\x82\\\x99\xbc\xcc\xd0\xf7\xfdT\xdc\x14eS\xdc\xa5\xa6c\xd5eee\xd5\xc7\x86\x87;\xf2\rIH\x85\x1byx\xb8\xa9\x10\xaf\xc8\xaa\xab\xbf;\xb8\x07:2\xfc\x06m\x8e\xb1\xf0\xeb\xa3\x1d\x8d\xd4=\x8f\xbfg\xc0$\xdem\x0e\x05,[\xc5\xfb~\\KLLZZ\x9a\xb2\xa9\xc9\xdc\x14\xa7T6\x99;\x0cIDa\x99\xf0&lt;\xd0?*81ho\xb1\xbd\xe1\xf2\xd1#\x9b\xd8\x1e\xa4\x99\xb6\x8a3.yl\xaa(\x94=\x07\x87;\x18\xeb\xee\xde\xc5Y\xd4\xf1\x88\x13\x1b\xae\x8d\xc7Ks\x00\x19\xd0\xc5(9\xe6X\x03\xb4&lt;Z\x16\x03\x8f)\xfd\xfdO\xecO\\\xbewo\x86]\x93\xf3\xd7\x7f}\x02b\xcd\x90\x8b\xf4\x8a\xfb\xcd\xe7K\xcbh\x94\n\xe9\xd4=\x07\x8f~\xa5\x15\xac\xfb\x10\xb1\xd2\xcf;t6\xa8.n\xaa\x95\xc7s\xf0\xc5|\x87#M\x19\x877\x9f\x98OMr5\xc1ub\x7f0\xbe\x8b\xfd #w\xe7g\xff&lt;\xf2\t\x95F#\ta\xd0\xe9n:6\x1bL\xfag\x8e\x01H/\xbd\x0c\xa6P\xd8hW\x18\x95\xc0\xad\x9c\xe5\xa7n\x1c9\xf8\xcd\xe1\xcf\xab\xa7\xb0v\xa7\xf3\xf9\x0e0\t.\xd7b\xe3\xe9t\x0e\xf8M\x17\x93"C\xb5\x92\xb5\xacX\x089x\x1e\xe8_\x18\x85\x17\x9f\xf8F0\xb7j\xcb\xe1\xef\xbe\x81\xf1\xe0\xb8\xd3)\x85\xa5I\xa5\xe0" \xb0\xd8\xb3\xc2\x02[_C7\xd2\x85Ri\xf9\xf1;\x97\x86\x8f\x1e\xfetmN\x99v\xd9V7\x96X,v8x\x16\xae\xc5\nX0\xd2l\x16\x19\x07\xb1\x80J$\xe1\xc8d\xa0\xd7\x14\xd6\xb6\x10of^\xce\xa2\xa2\xe8\xa5k\x8b\xb6\xc4\x8f?\xad\xb9P\x0e`T\x00\xa3\xd1n\xd2(\xb3\xc2bS\xd8\xe0Td\xa3\x10\xa1N_-\xbb\xfc\xd9\xa7o\x17m)\xd3\xae\xc0\x93f\xc4:\x94u\x88\xef\xb0\xa6\xc2$\xeax\xbcL\xab\xcd\x92\xa2\xe2H\xf0\xfa:V\xc4\x89\x93\xc5\xe1\xbd\x9d\xc9\x8d\x95\x18\xc0\xd2\xae\xd4,\n\\\xb2d\xc9\xbd\xa1\xae\x89\xc1\xf1\x01 s\x02\x17\xee\x1c\x1e\xec\x17\x8f\x01H/\xad\xf0F\xf8k\xc0"\xa0n\x8f\x0fNt\xfd\xf0\xd1G\xefDo\xb0\x1b\x18\xab\xb6\xbb\xb1\xb2\xb3\xb3\x0f\x89uV(-\x1d\x94\xbf\xcdB\xb8\x98\x19\xfa\x0c\x91,E\xa9L\x89SI\x18&amp;\x16b-\x0f11b\xe3\x1b\x16\xde\x8b\x88\x88\xb87\xd4_\xd2\xeb\xaa\xeb\xbe\x88`\xd25k\xa8T\x8f\xc6\xc6\x17V\x01\xe9\x7f\x92\xd9\xf4\xaf\x8d\xb0\x8fQHT\xa3\xd4y\xbc\xe6\x1f\x15-m\xd7;\x01\xeb\x17\x0b\xde\xfd\x93\xc6\xc0\xf0\xdb^Q\x81\xb5\x95\x85\\|\x1e`\xa5\xa7\xeb\x882K\x81\xe2\x82\xee\x9f\xa3\x8c\x89\x89\xc1kN7\xd6\x9f\xb7E1\xd4\xe6\x02\xcd"\xc4\n\x1cj\xed\x19\xa9\xabs\xb9\x06q.\x9dB\xf7a\xceK\xb0^\xdc\xb9\xc9t\xea&amp;\x80\xbaPs\x05\xa0n}\xdb\xd2\x0bXo,\x88.\xd2$\x99\x14\xdb\x9b\x9b\x9bk\x11\xeb\xef\xd9\xd9b\xbeN\x07\xd5\xcfOG\xbd,\x96\x14\x99Yd\x96\x11^\x91\x92"Q\x9bL\x01!\x04\x96\x84\xf3\xb7\x9cE\x81^^^\x11C\xad\x9d\'\xfbFN\xba\\.\xb7bB*]H\xf2\x98!\x16\x95\xb4\x86\x98\xbe\xa7O\x00\xaa\xad\xa5et\xa2k\xcb\xe2_\xbe\xf3nQ\xceJ\x91b\xe3\xc6\xd0\xd0Z\x1d\xa1Vv\x96\x18\x98\xa0\xfa\xcf\x83^V\x9b\xcd\x12\xc71s\xe2\xdcX\\,.\xc0\n\x0e\x8e\x12H8e\xfb\xeeE\xf8\xfa\x02V\xffd]i\xfb\xc8\xc8\xc9\xeen\x97k\x8c\x98J)\xfdej=Kh\xeeS6\x0f\x92\xb3\xfcB\xcd\xed\x8b-mm\x08u\xb5\xa0\xeb\x8b\xb5\x8b\xdf|\xcb7zC\x9e\xda\xafbch\xad\x1b+++\x0b\x90\x0e\xc1\x10\xf3a"y\xd6\x18\xb0.\x8e2\x8d\xc0\xc2\xe3\t\x06+$88\xa4P\xa0\xea\xb0\xaf\xbf\x17\xe1\xe5\xe5\xeb[\xd4?\xe9*\xdd\xbc\xf9\\\xdfH\x9fk\xd0\xe5\x1a\xbd}\xe7x\xb9\x14\x12\xc6+\xb1\xc0\xe7`e\x18\tK@\xa8[@\xf5dt\xb2\xb8\xbf\x7f\xd7\x17\x8b==\xdf\xfc\xd5\x86\x063\xb7"\xb5\xb66\x13\xb1\xb2\xa6\xb0\x88\xe2\x07.]\x9a5&amp;\x85#\x03\xac\xef\x81\x0f\xb0\xd4r\xc4\xda_(\x97$U\xfe&amp;0\xc2\x17\xb0\x02w]\x9b\xec\xee.-=\xd7\xde\xde\xd7W\x07\x92\r\x0e\x00\x98SJ\'\xd6#\x91\xc7&lt;\xa6j\x8d\xd8\xdd\x89\xc31(\xc1\x1dl\xa3\x13\xa0\x06F\xdbp\xb4\x8c\x9d\x9d(\xbe\x7f\x7f\xef\xc4\xb5\xae\xb5\x0b&lt;=\x17\x14i:\xb8\x15\xa1\xb5\x072y\x0e1\xaa\x058\xa0\x16\x81u\xde\x01\x8e\xaa\x94\xe1\x1c\x9ev\x10\xb2A 3E!\x16C\x14Y\xb5\x90\x10\xeb\xad\xc0]\xbb\xfa\xbb&amp;\x07\xbbK\xcf\x81d\xed}Pd\x83\x04\x98\x14\x94\x81h\r!\x18\xac\xe9y,2~\xf0\x07\x03V\xdf\x9d\xd3\xe3OZp\x8c\xf6^\xbb_R2q\xbd\xedVo\xd7\xda\xa5K==\xa3??\x96b\xab=\xc0\x83\rG\x0cr\x1d\x12\x8b\xf9\xc44\x02\x15\xecF&lt;\x10\x0b\xb1\x1cin,(\xfa\x80\xe0\xfd\'\xfc\xf5\x86\xe2}\x81\x00\xe5\xe5\x15\xb8\xab\xab\xa4\xa7\xbf\xbf\x04\x14\x03\xc9J\xeb\xda\xfb\xdaA\xb2\xc1q\x04\x13\n\x11\x8bB\xb9\xf9\xac\xe4\xdd\xfb\x00Y(D\xa5\x9e^|2:66vf\xa2\x04\x98:{o}\xfb\xe8\xd1\xa3\x93\xc5?,~\xfb\xb7\x9e\xd1[\xaa\x95hU`V\xe2,B,\xf7H\xc79\xb4\xc2J\xe4\xb8+&gt;&amp;\x0e&lt;\x8c\x83/4B\xa2\n\x19\xea\xf8\xca\xf7~\xed\x85j\r\xf5\x9f,m\xef\x1b\xe9\xe9\xe9)\x99\x1c\x1cE2\x9c\xce\xba\xc1Q\x00sJ\xc97A+\xda\xef\xc9\xa4\xe9\x06\x82\xcc&amp;:\x08\xa7\x13k\xeaI\xcb\xf5\xde\xce\xce\x12@\xea\xec\xbd\xde\x86P\x8f\xda\xc0!\x16\xff\xee\r\xcf\xe8\xa2\xcbq1n,\xbe\xf8\xca\x15\x10\x0b\x89\xf8\x84s\x81\xa3Bc-S\x12\x0b1N\x06T\x1c\x89\xdc\x14U\x18\x8es\xf8\x1e\xda\x83\xd7\x92\xa1\x9e\xf6\xcd\xffe\xda\xfcC\xdb\xb8\xcf0\xae\xbb\xe9\x8e\xdd\x1d\xdc\x0e\xaeBE?\x98\xe1\xd0Q9\x83\xc5X\x90\xee\x8f4\xd0\xd9\x90\xb5*\xb2Gh\x17\x81\xc7@\x9bJf\n\xb6\xf1\x92t\xa8$\xf9G\xc5I\x08k\xcd"\xfb\x8f\xd5,\xaa\x15S6\'\xa1\xd4\x99@M&lt;\x9bH[\x1a;3s\x8c\xa3eM\x82\xed\xa4q\\\xe6\x85\xd6\xf1\xea\x92\xecy\xbe\'w{#\x9ft\xd8p\x1f=\xef\xf3\xfe8[\x11\x86?A2\x94#D+\x95J\x95\xca5\x80\xa1*\x9fEo\xfdl\x1b\x0b\xdb\xe7\xb3\xe8\x9dH\xdf\xd4\xdc\xd6\xd6\xd6\xca\xcc\xec\xecl\xa5\xb4\xba\xbaz\x8bq\xf1\xe2\n\xacU\xc8D\xfc\xb2\xa6\xe5s\xe7;\xfa\xba\xc85\x88\xf9,\xa8\x08\xd5\xd5r\xb4\x1b}\xbe\xad\xadm\x1f\x9b)\xa8vP-\x14#v\x9c\x1d\xc7\xc6\xdfKP\xad&amp;\xbb&lt;=\x83:\x04\xd8|C\xb3\xc9\xafo\xdc\xb8q\x05d\x97J\xf7\xe7\x86\x16\xb1\xa8\xf8\xbe\xf9\x0f.\xdff\xf1\xd1Ss7!\xd4\xcc\xcc\xcaj\xe9\x14Sw\xeb\xd6\x7fn}L\xa6\xe9;\x1b\xf9TPQt\xcd\xce\xfd\xf56\xb0\xba\x04\xd7 \xf3\xb7\xd0\xbaP\xec\xef\'\xd6\xeb\x88}\xafoS!\xda8\x18\xd1K\xf7\x9e|\xc6\xb6\x84Z\xeb\x85\x13\x93%\x01F\xc7W&lt;\xd1&amp;\xaf]\xb9x\xa5t\xa5t\xe3\xc1C\x82a\x1amcawY\xfc\xbc\xf6`e\xa6r\xa9\xa1\xd1-\xd4\xe1\xca\xca\xcc\xf2\xf2\xf1\xf4\x06"\x932%\xc5\x914#?\xf1\x8f\x8e.!\x97\xd8g\xfa\x19g\xce\x9c9x\xb4\xbb\x1bm\xbe\x13\xe3\x90Tm\xe23\xb1\xfc\x13\xf6\xfe\xfdm\x97\x07\xde[7a\xf8P\x1c\xa3\xbap\x1d\x1c\x95RC3\x18ki\tv\x81\xd3`\xb5kW\xee?\x1c\xfa\xcd\x0f\xbe\xe3\x13\x7f\x1fB\x01\xfepqh\xee&gt;dZ\x01\x14DZ]\x85h\x8f\x96\x97\x07\xc6\'r\x1b\xd9\xb0\xed\xba\x99\xb0&amp;I\x12\xb8\xec\x9e\xbf\xdcF\xcd\rs\x18v\x01\xa9\x05H\xd8\xa0\x0fvw\x1fE\x97\x87b\x9d\xd4\x8a\xc9\xc4\xbc\x06\xd6\x0bm\xfb^}\xf7\x99P&lt;\x1e\xc7\x02\x91\\O\xd4\xeb\xe5\x02J\x91d\x02\xed\xd4|\xa92\t\xd1NP4\xf4\xb1\x07O\x17\x7f\xeb\xfb\xec\'&gt;\xfezh\xf1\xf3\x85\x9b\x1fS&amp;H\xf4g\xf8}y\xf9W\xd3\xd3\xd3\xe9\x89\\.\x93\tf\x83.Bb \x8dv&gt;wn\xad\x8b\x1eoi\x19\x1e\xee\x07\xd0\xc1\x83\xed\xed\xc0:\xeaME\x0c\xc36Z\xac\x83\x81\x97;\xf6]&gt;~\xf2{\xa1\xa6\xb8I\xaa\xf5\x84\x9dO$\xca\xd0l\xfa\xdfD+\x9d\x12QBs]BpV&gt;xx\xc1\xc7\xbf\x11r \xff\xfe\xa2\xa87\x88\xf4\x08Di\xe0\x00\x88\x11D\x84\x19\x06\xd4\x8a:\x8a\xa2\xd9H\xe3Z+\xd7\xd1\xfe\xe1\xe1\x96a \xb5\xf7v\xb7\xb7\x03\x0bK\xc4N\xfa\x0bP0~\xdf\x1an=\xf8\xe9\xe6\xd3iQ\x86!\xae[\xd8!R\x89D*\x9f\xaf\xd7\xeb\'\x0b\xd7\x07\x80\xe6\xc9\xc6F1\xbb4\xb94\x89\x9a\x9c\xf3}\x8b[\xc2\xd39L\xe4\x156\x85\xdf\r\x0cL\xa7\x0b\xe5L\xf6\x9a\x173\x00\x00\x08\x90IDAT\x06\xf2\x84#\xe4q\xc3\xe1 \xd4\nG\xa3\x10Kw\xc0e%z\xee&lt;\x1ed\xc3\xea\x07\x17\xa5j\xef\xed\x05\x18\xee8^{\rK4l\x8f\x04v\xac\xd5j\xb55b\x1d\x83X\x89P\x9c\\I&gt;\\;d\xa7\xec\x04\xa2^G\xcb\xbf&gt;\x8d&gt;Ti\xe8\xc6\x89T\xb9v\xc3\x07\xa8)\x0e?\x88\x04\xa0\xf4[9\xa6\xcd\x15\n\t\x9d\x98\xbe`$\xe8\x86\x83\xc4\x92\x1cEv$\x13=\xf5vu7{V\xb1\xff\xccAA\x05\xae\xde];\x9b\x9b\x81\x05\xdf\x0b\xa8\x91j\xad\xd6\xd1\xd9\xf9\xc6\x91\xf4\x8b\xeb\x1eVr\x1d\x82%R\xf8\xb2\x89\x85lB\xb5ry\x03\x19\x1d\xd8.\x031\x90|\x84\xda\xc2\x88\x19h\x10!i\x11\xd0x\x0f\xf1%\xb8"A0A0\xc8\xe58\x92\x91\x998\xb7V\x15s\xbau\xa1\x7f\x9b\xab\xb9\xf9e\x81u\x14\x9eZ\xabUG\x10\xc0\xfapo\xfa\xad:\xd6e\xeeZI\xe4\xd0\xb6CB5`A2\xdb\xe5W\xbe\\.x\t\x85d,N\xdf\xc3\x9b7\xb7&gt;\xf9)\xcc\xe49\x89\xb9\x0b\x0b\x1c\xe8\x13\xde~\x89|\x86\x01\xd5\xc0R\xa2Z\x98\\#\xde\x02\xe1q\xed\xea\xe5\xc7\xb9\xf8\x81\xae\xeeCX j`\xfa\x12X}\x9d?\xfb\xc3\xc9z\x02X&amp;\xb1\x92\xc9\x90\x11\xc2!\xe4a\xa5\x04V\xca\x05_\xb9\x8c\x02\xc5\xbcdS\x9b\xbf\xe4\xdb\xda\xfa\xd1\xd7G\xee|\x94\tF\xa3\x91\x88H\x990SD\xa4O8\x8b\xcf\x90+\x12\x8bE\xa2:-\xaf\x80,\x98\x998?:25\xc5\xa9X\xa4\xbfz\xb7\xe3\xd0\xa1&gt;\x98\x8aR\x8d|1R\xed\xdb1\xf0\xa7z\xc2\x0e\x99\xa6P+\x14\xb2\x89e\x1a\x94\x8c\x0eK\xa5l[`!\xabv&gt;\x8f\xd6\x01\xb0\xd2)\xdf\xfdO\x8eL\xe4\xb2\x88\x98\x02\x98HC\xa0`C$\x860\x7f$K\xaaHLq \x99#+J\x04z\x8dN!\x0e\x9f]8\x03\xe37\x12\xd9\x8b\x16\xd6\xc7\xfcU\xab5&lt;j\x9d\xdf}\xf7d\xc2\x8eswh2\xe1y\x00\x81\xc8p\x89e{\x91J\xa5\xf2\x89\x90i\x8b\xfa\x04X\xe1\xead\xc5\xf7\xe8\xf8D&amp;\x18\x8e\x04\xb2j\x0c\x9e\x8aF\x83^\xb8\xe1F[\xa0P\xe4\xcdF\x90C`\xe9\xd1\x88\xa3Y\x92\xa3\x87\xf3\xc8#\xb0\xb0i\x15\x8bE\x90\xa1S\xb4\x0f\x0f\x17\x17\x06A\xf5\xb4\x8a\xd5\xa6\x03\x03\xfb\xd8@\xa1\x9e\x88\x13\x0br\x99\xa6\t\xb1 \x9d\x87e\x9a\x86a\xd8\t\xd7\x85d\xc0\xb2\x99\xd4\xa4\xe1\xe6\xa1\x98/\xbd\x91\x1d\xcb"EA$)F\x02/\xb6\xa9\xb2\x91l\x96X\xb1,\x90c\xb1hT\x97\xa2\xf0\x96\xa6\xeb\xd8\xeb\'\xce\xdd\x9e\x9a\x1a\xf9\xf5\xd9\x05p\x15\xc15\\,\xee\x06\xe5\xe1\xc3w\x07\xf9\xcb\xaf\x9d;_\xf8\xf9\x91t\x993\x9aK&lt;\xb1,\x0394]\xd7\xb0\r\xc3"%\xb4s\xc3\xb6\xed\x9a!O8\xbcLA1_\x06\xd7\xc5\xb5\xc7\xb21\xcf&gt;\xdf`!\xa1\xf8G`\x91V\xd6aTQd\x05Rqb[\x9a\xe4f&amp;N\xdf\x1e\x99\xe2f\x8a\r\x07-\xacx\xf7,n\x86P\x9d]\xdd\xcd\xcd{\xf6\xfc\xf8\xf9_\x1cI\xf7\xe4m\x93L\xf1dR#\t\x1e\xae\xe4\x1aF8\xe8\x1a\r,\xd7\x06\xae)\x12\n\xf5\xe8\xb3\xbc/\x9b\x15\xad&lt;\x1b\x08d\x05\x96\x00A\xc0L\xe1\xa0A \xa1\x12\xa8p\x00\x11\xbbWTq\xb4\xb8iH\xd4k_\x15\x9b\xb3\xb8a\xec\xc7\r-\x93\xda\xda\xd2\xbe\xeb\xa5\x03\x07\x9e{\xee\xf9\xef\xbf2\x8e\xd6\x84\x96e\tsY\x96\x1575\xcb\x90\x0c\x83\xed\x19O\x86e\xdb\xa6\x06&lt;ZN\xc8\xe5\xda\xf4~\xca\x17\xf1\xb8"\xd9@6\xebAQ5\xe64"IF\x14\xcd=\xa6\x06TY\xd7\xfd~\x05X\x92\x04F\xa4P\xb3\xe8\r77\xbe\xf7\xc35\xac\xf4\xc4jm=,\xac\x86~\xf1\xf6K\xe0\xda\xf3\xcbW\xd2=\xbc\xbf\x87TH\xa3$q\x93\xd74\rz\x19\x1a\x03\xdb\x08\xf4C^\x89\x05\xb9\x0cb\x19\x1eV0\x93a\x16c\x80\xe2\xb3\x10L\xb4\x02\xaa\xa2\x0b;\xc5\xfc~T\x9f\x02.6-5&amp;\xb3OH\xa1d\xc2\x0egrwN\xbf\xd1\x073\xdd=\xcb\x1b P\xb1]\xb4\xbf\xf3\xce\xdb\x07^\xde\xbf7\xfd"*\xcc\x0c\xd1\xedqM\xd2y\xd4\xa8\x98\t\x07\x80I\x8a\xe2\x80\'\x92\x1a\x98\xe3\xe8\x1a6\xb0\xa0\x98\xe1\x8b0\x85 \n\x04&lt;s\xa9p~L\x11\x03P\x89\xf9e\xbc\x96\xa2\xb2_\xd1uE\x11`\x8a\x82S\xbf\x03\xbd\xc0e\x1a\xe4\xba\xbcV\xad\xad\xd5\xfaX\x81\xd5\xea\xeeA\xdc\xc6\xf2\xd7$m\xaf\x8e\xf7\x90Jt\xac&amp;\xe0h\xf18\x8f\x16\x0f\xa8\x19\xd0\x10J\x93\x0cK\xa2\xeb\x80\x85*\x85Xn8e\xf8(\x11+\x1f\\\xc8\x9c\xdf\xef\x8f\x05T\x05\xe5\x068?\x91\xa21\xd8\x1c$2\x88d\x19\r\x8b\xba\x05\x90T\x05\\I\xcb\xcd\xf7\xdc9\xf7x\xf4\xcb\xd1\'\xa3\xa3\xa3\xfc|W#\x9e&lt;9?^\x86\xdb\x11\xc8`\x12\xee\xc2?I\xd7t\x81e\x89\x0c\xe2{ \xe3\x99\x01\xbfY`2\xd9\'Ra\xc3@%\xc2]\xaa\x8a4\xaa\xaa\xeaW\x910h\x04e\xa0\x10r\x88D\xe2,\xca3\x06\xc8\xf8\x14\xf3\xab8\x97\xb5$.\x97\xca\xe7&gt;x\xff\xde\xd0\xff\xe2\xab\xafp\xb8w\xef\xfd\x0f\xf2)\xd1\x03D\'\xc5\xb5-\xa4P\xb7\xb8G\x92\xca\x10\xf6\xc2\xc1\xe4\x89\x19\x92\xe80b\xa1\x0eP\xa3&gt;f\x0e\x9e\xc6\x95\xd4@\x00/\x02\xb80T\xc1)p\x1c\xbe\x82D\x0eR\xa8\x06\x90:\xe4\x11\xe72~\x94\x9c(z6\xa1\x8f\xfe\xf9\xc5\xd0\x85\xa1\xa1\x0b\xff\x17\x8b\xf7\xfe\x96M\xd1\xd0\x02\x8a\x04q\xba\xcb\x8ak\xe8\xc5\xac\x18\xa8\xa4\xe9\x0e\xde8\xb5\xd3Q[\xc0\xc2\x03#\xd3`"}\xf4S\x8cJ\x01\x8a\x81\xaa\xa3(\xe2\xea\x02\n&amp;G!:\xe0\xf4SF|\xc7\x8f\xd7\xeaX\x00\xae\xc5\x943%)\xb5q\xfa\xef\xf7\xc5\xcd\xeeM/\xe6\xfe\xf5\xf8\x8fc)\xa6\x07\x06\x87T\x8e.\x12\xe7\xe8\xb4\xba\x15\xc7\x88\xd04G\x02\x17\xfc\x1b\x05\xbb\xa4\x1b\xa2A\x1b"\xd0\xca\x80\x05\x0f\xf9\x05U@\x15B\xe0\xda~\xa0\xe9\x00P\xfd\\c\x08G\x91\x14YU\x15\x1eD\xb6\xc7\xc6\x14C\xb2\xd0\'Q\xd9\xf9\xc2\x89\xca&lt;\xd7\xf2M\xef\x8e\xe6Tey\x03\xe3\xb7\x81\x15\xd7e\xdd2\xe9q\x1eHFJ]a\xde\x0c\xdd`-JH\x9e\x1e\xc5k\tK0\r\xe9C3\xe0\xdb\'\x95\xda\xb8\xb6\x1f)\x82\xafU*\xe5\xe8\xb2*;\xb2H\x1a9\xf1#\xaa\xf7&amp;\x02\xa8W\xdd\x82\\0i\xe1\xea\xd2\xfc\xe6\xe6\xa7\x9b\x8d\x98_\x9a.c\x8c\x98\x16\x93\x08G)Z\x1c\x18\xba\xd9$\xcb\x96\x85\xa2\x01\x87\xc6\x16aBj\x13\x85\x80&gt;\rZ\xe1.4\r\x18\xcc\xf4\x05br\xcc\x1f\x10T\xdeEA@:\x7f@\xd8ZfW\xd0\x89E\x8b\xc9\xcc\xb1\xf7&amp;D\xc5*zS\x12\x05\xe4\x96\x0bWg\xdf\xfc\xd4\x8b\xcd\xcd7g\xaf\x16\x80%\xcc\x82\x06\n \x8bF\xfao\x13f\x93\x9a@\x10Da\xa7\xe8n\x98\x1e\x18f3\x08\x9a\x01a\x98\x85w\tx\x1e/\x90M.\xd2\xa7\xf0\x08f\xe3a\\\xe6{U\x1a"\xc1\x9f\x80\xe3\x97\xf7^\xbf*\x83P\x96\xc7ierq {W.g\xa1\xf8\x90U\xeb3\x01\x96\xe3\xe0X\x85\xc47\x18\xca+4\xb3j\xc0&lt;Z\xfa\x9d\xd9*\xe5\xdc\xe0\xecO\xd2+\x87\xe8\xb5\xe5\xe9\xa4\xad\xe0?\xd7\xf3z\xfb\x86\xearq,\xe5\x9b\xc3\xd7a\xa1\xd6\x8e\xfe\\U\x12\xca\xfc\x02^\'N\xed\xe2\x9c\x03SU\x82\xb5?\x06\x96\xa8&lt;\xe1\xc9\x03\x8fe&lt;\x86g\x8e\x95\x15|\x9e\x04\xdb\xdbp\xde\xd4\xda\xbc\xf1Ag\x95\xa0\xb8\x1e\x8e\x05\xd5\x8f,\x8chA\xe0\xca\x80\xc6\x1dI71\xea\xa6y_\xd1)\xa26\x0e\x8c\\\xcd\xcbn\xbf\x1f\x0e\x87\x9d\xfc\x83*\xd4*\x1e\xaa\xe4\xe7\xdf\x1c\xcaiJh\x97\xc2\xe6\x14\xe1j\xfc\xb4\xc2\x80d\x0eO\xe3\xe5\xcb\xf3\xf5\xa6\xa2\xb3\x95,\x82\\\x9d\xabj\xfb@\x94j\xd611:\x0e\x14w\xe2[j\xbf,\xa4l\xa0\xc35 %\xd7x\xd8!PR\x07\xcc/\x143\x19Z\xa2\x9b,\xfd\x15\x87</t>
        </is>
      </c>
      <c r="M246" s="3" t="n">
        <v>45492.676875</v>
      </c>
    </row>
    <row r="247">
      <c r="A247" t="n">
        <v>859083</v>
      </c>
      <c r="B247" t="n">
        <v>2020</v>
      </c>
      <c r="C247" t="inlineStr">
        <is>
          <t>Dudu</t>
        </is>
      </c>
      <c r="D247" t="inlineStr">
        <is>
          <t>Dudu</t>
        </is>
      </c>
      <c r="E247" t="inlineStr">
        <is>
          <t>LD</t>
        </is>
      </c>
      <c r="F247" t="inlineStr">
        <is>
          <t>LAT</t>
        </is>
      </c>
      <c r="G247" t="inlineStr">
        <is>
          <t>LD</t>
        </is>
      </c>
      <c r="H247" t="n">
        <v>175</v>
      </c>
      <c r="I247" t="n">
        <v>20</v>
      </c>
      <c r="J247" s="2" t="n">
        <v>35579</v>
      </c>
      <c r="K247" t="inlineStr">
        <is>
          <t>Right</t>
        </is>
      </c>
      <c r="L24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3b04fb8-a8b9-4a28-a50d-a6f5b9864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G@\xef\x03\x00\x00\x02\xfdPLTE\xff\xff\xff\xad\x10\x12\xa5aQ\xc9\xc4\xcb\xb5\x15\x18\xd2\xcd\xd4\xd0\xca\xd0\xfd\xfd\xfe\xb1\x14\x16\xce\x91\x83\xd0\x94\x86\xcf\x8e~wH&gt;\xcc\xc7\xce\xcc\x8c~\xcf\x8a|b90\x9f^P\xcc\x88y\xb5k[\xbao^g:0j?6_4,\xc1|n\xba\x15\x18\xb4pa\xd0\x8e\x81\x7fD8qIA\xbc\x1a\x1dv?3N.)\x03G\xa3\xaahZ\xb2\x10\x11jC:m6*\x83K&gt;\xb5vh\xb6gT\x9dZKnD&lt;o?5\xd1\x91\x83\xc6\xc1\xc7n;/\xeaBK\xbbvf\xc2\x1a\x1e\xd6\xd1\xd7\xd9,4\xc7\x83t\xb0hW\xc2\x80q\xc6\x1f$\x98VG\xbbkX\x02=\x92\xc7\x90\x83}I=\x84G9sD;\x94RC\xc0\xb9\xbf\xa7dV\xbdyk\xca\x93\x88\x89NA\xdf4=\xc7~p\x8aJ&lt;\xadcS\x97[M\xc7\x86x\x93UH\xc3\xbd\xc3t;.],#\xb2\x81u\\?&lt;\xc0o\\\xcc\x82t\xe8&lt;E\x95bW\xd5\'.\xa6ujW3+\xc7\x8c\x80d@7\xce\x96\x8azC7\xc2\x87z\xabzp\xc8\x89{\x9feX\x8d\\P\xfa\xf9\xfa\xa6YL\x88TIuNF\xbc\x7fr\x03I\xa6\xcf%-\xc1ta\xa7qe];3R40\xe48AV:6\xael]\xbb\xb4\xbaY&amp;\x1c\xbbrc\xc2\x8b\x7f\x80OD\xc1vi\x8fM?\xaa\n\x0c4\x19\x15jLH\xa2od\x8eQD\xc1\x83waD?\xc8{k\x9bi_\xb6\x12\x13\xa4k^\x87XNL\x1e\x14\xcc %\x7f[SqRLf4+{?2\xde/8e.$}TM\xbb\x85x\x9atl\xbb\xb0\xb4\xf7\xf3\xf3\xd0\x85x\x028\x88\x90jaiGA\xb2{o\xa2\x98\x9c\xafui\xb8{o\xf0\xed\xee\xadoa\xa3\x08\n\x87aY\xb3\xab\xb0A($\x05P\xae\xb0^L\xd3\x98\x8dE\x12\x08\xab\xa3\xa9\xc6we\xaa\x8f\x8e\xda\xd6\xdbX|\xb2\xbf\xa9\xabK&amp;\x1f\x032{\xc3\xa0\x9e;!\x1dr^^\xdd\xcf\xd0{\x97\xc0\xb1\x97\x9a\xb5\x89\x80\xe5\xdd\xdd\xa0{v\x9fTG\xc7\xb8\xbb\rS\xa1\xd46A\x8f}~S*"\xb5\xa3\xa5(\x15\x0f\x99CN\xec\xe6\xe5\x08F\x95\t3q\xba\x8f\x8b\xa5\x9e\xa5\xa2\x82\x84\x87B5V\x1c\x14\xd0\xa8\xab\x99\x05\x06\xb8&amp;-\xcf\x85\x8ceTV\xcd\xc0\xc4\xd5\xa1\x98\x0b,`\xc1JS\xbdcd\xc24?\xd5\x92\x9e\xdc\xe2\xed\xd5\xb7\xbb\x1b\x0b\x06\xb2\xae\xbb\xab\x1e$\xa1\x8e\x90\x8bsp\xc1\x96\x94\xec4="^\xa4\xa9\xb5\xcc\x03\x1dNF42YJL\x0eF\x82\xa8=A~fm\x93\xa4\xc1\xa4)5\xb2^]\x8c\x97\xae\x81?2\xb0G`It\xaa\xde\xc4\xc3t,!az\x9e\xd2JX\xb6v\x83\xd1\xb2\xaf9]\x8a\xees\x84\x8a\x05\x06\xd4\xdc\xea&gt;l\xa2\x93\x84\x88#S\x90\xcfr{|\x84\x9b\xceaic\x87\xb6\xe6\x84\x93\xbe\x80\x99\x97\x1c \xaa_y4Jl\xba\xc9\xdc\x87$..&gt;\x00T\x00\x00 \x00IDATx\xda\xc4\x98\xddK\x1b\xf9\x1a\xc7\xcb\\8\xe8\t&amp;\xe3L^\xc8\x0b#\xc1\xc4LR\x86\xb04!\xc1\xc4\x90\x17\x92\x89!\xb1\x061j|Y\x13\x03\x92\xd2\x90\xd4\x84\xd8\xb8-\x1alB\xd2\xadRKUz\x82JW*\xbe\xb0Z\x85\xba"\x94\xb57g\xcf\xdd\x16\xea\xde\xb4\xd0\x9b\xc2\xe9E\xaf\xfa\x17\x9c\xe77\xee\xc2\xb9?;\xf6\x9b1\xe3\xe5\x87\xef\xf3\xfc\xbe\xbf\xe7\xc9\xb5k\xff\x9f\xf0k8\xbexv\xb8\x7f\xfc\x02t\xbc\x7fx\xb6\x88\xe3\xf8\xb5o-\x1c\x9f8|\xf4\xeeb\xa1.\x12\x89\x1c\xfa\xe9\xf9g?\xfet\xbc\xf5\xad\xc9\xc0\xa8\xa6w\x0b\x93\xddq\x87^\xef\xf3\x85\x90|\xc9\xef\xfb_\xbe8\\\xc4\xbf\xa5S[\xef\x1et\x18\xbb\xf5\x01_)\x14\xb21\x04\xc10\xc1\xa0\xcd\xe6\n\xf5\xff\xbc\xff\xad\xc0p|\xf5\xe7\x05\x93\xa9;\xae/\xb8\\6\x86!0\x0eK\x80\x98#\x86al\xc4\xc1\xfe\xb7\xa8$X\xd5ta\x94\xd1\xb4\xdaY\x00(\x02\xc38\xa4\x04\x86a\xe8\x0f\xbe\xe7v\xce\xae\x1c\x0c\xac\xfa\xe7\x03\x89\x8c\x8d;\x03\x05\x17\x93\xe08\x0b\xc8\x00\x0f\x92\xdd\x00\xef\xf5\xf5D\xef\xfe\x04~\xc5T\x87\xaf\x96%R\xd6\xa4\x06\xaa\xa3K*\x92\x97\xddn\xef\xeb\xeb\xb3\xdb\r\xa4\xc1\x90\xb8\xffe\xf1j\xa9\x9a&gt;\x0eI\xa4R:\xee,\xd8.\xa9\x0c\x08\x8b\xa2r\x14\xd5\xd77\x85\xc0H\xd2\xc0%\x88\x9d\xd5+\xc4\x9a\xf8mO"\x91Hy\xafl\t\xec\xd2+\x0b\xa9DX\xb9)$\x04\x06\x85L$\xfe\xb82.|\xe2\xf8\x01@I\xa1\xb1\x80\n\xb0,Z\xc0\xca\x90J\xa5\x92\xca\xe5\xfe\xc4\x9aB\x85D\r\xb6sUI\x817\x01\x95\x84\rW\x91Y.\x86?\x82\x96L\x06\x8a\xa8DE\xa4x\xb3\xfe\xf2k\x1d\xfb2q5T\x87{i0\x8b\xa5\xab(\x1b\xf8"r\x9c\xf6\xb2\xe7)$;\xb4\x17\x12\xfc\x87\xb8\xd6\xf6\xaf\x84j\xf1U:v\x89\xf5I\x1d\x08\x04\xf8\xd0r\xbb9\x84E\x81_&lt;\x1c\x7f\x1c\xa7.\xb9\x12\x07\xab\xf8\x15\x1c\xc2\xdf~\x90\xcb\x81\n\xb0\xe2j\xa7\xd3\x19(\x85\x10\x17\xc2R"0\x10D\x17i\xa0\xfa\xd0\xc7\x8e\xda\xeb\n\xca\x88\xaf^\xf0Ta:L\xd3\xf1x\xbc\xea\xf4\x95l\x80\xa5E-\x8f\xc0\x0c&lt;\x16d*XF\xf1\\\x89\xb9C\\p\xb3^\xa4\xe5r8\x85\xe10\x80\x81\xa0\xef]p\xf3\xb83\xe8\x1cBB\\\xf6\x17O\x06\xc9j\xbf,\xe3k\xc1S\xf5l/&amp;\x97Wx,$Z\x1d\x08\x11n\xad\x16Q\xe5\xcc9$\x8fB\xa1\xc8S\x97X\xa8\xcb\x00\x0b\xfb\x0f.pd\xfdr3&amp;\xa9Hu\xba0\x80\xe9\x80J\x8f\xa82\x88\xc9\x8c\x1e\x80\x9a\x05Y\x159;o\x16\x08\xb0\x8ez\x85\xedz\xfc\xec#2\xabRaY]X\xc7\x86\xe3\xfaRp\x1c\xa8:=\x1e\x85\xc7c\x86\x8f\xb5gd\xe4O0\x8a\xb4C\xbc\xf2\\\xcc\xefB\x0e\x13\xf8\xc4\xa3tL.\xa9\xf0~\xe9X\x93h\x1af\xd1\xb9\xb5\xb5\xce\x95T\xca\n\xb5\xb3*\xac\xb3\xa9\x87\xa3\xa3\x03w\x07\x06\x06\x9ev\xe6P\x86A\xb7\x19\xd6\x8fF\x05\xb5k\x15\x99%\x91T*RxL\xdd"\xa3q\xb2&gt;\xdf\x7f\xf7I*\x85\x0c\xb2\xc2\xd7\xca\xdc\xfd\xba\xe6f{\xfb\xad\x9b\xcb\x93\xf3\xc1\x0cI\xa1Q\xc2\x90 \xbe\x08\xe9\xd6\xf1\x90\\\xc2cU\xa4\x92t:\xd6\xbe[,6\xda\xd3\xf5\xbb\x0f\x1f\xde\x19\x1c\x9c\x9d\x85\xfa\xad\xdc}6y\xbb\xd1ho\xec\xee6\x1a1\xd9|\xc6\x82Bl\x9d\x11\xd2\xae\xc5WrP\x05\x1eI\xac\xb1[&lt;E*6nO\xf6?\x01\xac.\x90\xb7\xeb\xe1\xe8\xe3\x85\x9b\xe9\xe5\x9b\x8dF\x03\xb8\xdac\xd3Z\x8e#I.\x11\x14\xee0\xe2\xdf=@%\x94\xc8#\xf2\xf6\xe2\xe9[\xd0i\xb1\xb8\xdb\xb8e\xac\xcfu\xa6f\xbb\xbc\xa0a\xef\xc1\xe8\xe3\xf9\xf9\xc7\xf5\xc9\x99\xbd\x85\xe5\xdb\xb7\xdao\x19a\xc6\x07.\xdbk\xa1&amp;\tH\x07\xb8\xa3\x81J.o\x9c^25\x1a\xef\xdb\xd3C\xc6\xfa\xb8\xd2\xe3\x19\xe9\xf2\x0e\x0f7\x0f\xdeYy:\xda\xdb\xfb\xa4\xf7\xe0\xf5\xeb\x83\x97\x8f\x97c1Y\x08\xb3\x90\x96#\xe2P\xc0{\x07\xeeh\xc0\xda\x06\xaa\xd3\xc6\x90\xc6(\xd2\x88D\xd3\xf5\xfa\xfc\xb8Vi\x9e\x1d\xec\x1anin\x85x\xb0z&lt;\xa9\xd4\xc8\xc8\x1d\xaf\xf7\x8f\xd7\x03u#\xcdp\x16\x92s\xed\x08\x95\x11[30\xfc\x01\xd6I\xf1\xed\xe9vZ\x94\x0c\x8e\x8f\x13!X\\\x93A\x86pg\xcc=\xcd\xe0V\xebH\xaa\x93\xd4f `WRcc\x83^\xef\xc1}\x87\x8d\xe3\x0c\x96\xa3^an \x1c\x7f\x94\x96\xc8\x80K^.\xeeJ\xa6\x93\xc1\xe0\xb8{\x9c\xb09\xc3a\xb5\xaf\x00\xeb\x0fim\x1enQ\xb5y\xdc\xb0\xc6b\xe8\xee\x86~C`w\xe6\x184V\xaf\x8f\xef\x0b\xe3\x16\xfeJ"\x93I%R\xf9\xf6\xb6)9\x9f\x0c\x05\x83p\xef\x8c\x87\xd4\xba\x1adk\xd8\x990\xb7^\xbf.\xb6vj\t&amp;\x04\x98G\x0c\xb6\xb6b\xb5\xde\x18\xf4\xcejy,\xe2\x05.\xcc\xc5\xb30\xd4\x01n\xc9\xe41S\xf2{\x9f\x136|\xc6\x9dY{J\xa8k\xb5H$\xa2+X\xacm\xe2\x1b\x1e\xa5\x9b\x08U\xc3\xd5\xf3\xf3\x00\xba\x97\x94\xf9\x1e\xef`\xca\r\x03\xac!q \xc8Y\xc4\x9bf\x8c\x1a\x99\x04\xeah\xd2\'\xf5l\xd8\x04\xef\x12LZsA6\x92-\x97#U\x1b\xf9\xdc\xaf0+\xdd\xcc\'\xb0\xaf\x16\x91K\xa7\xe7\x93\x84\xc5\xef\xf5\x0ev\xa2\xb9:1p&amp;\x08\xd6/\xcbF\xa3L*\x93\xc9D\xd3\xd3l$vr\x12\x93\x99\x92\xc9R(\xe4\x88\x94\xcb\xe5l\xd5\xc6\xd9a\xb6\xe9\\\x0b|\xcef\xb3\r\x08\xda\xdd\x86$\xc9(\x07\xbd]\x8a\x8c\x85\xe30A\x9a\x0b\x9f\xf8\xda\x81\xb0::\x8c\x8ei:{\xb2\r\x17\x0f\x04\x97\x9cu8D\x95\xf2f\xb9v~\xc4\xc1\xe2C*\xdd\xd5\xcf\xb5Z\xfd\xf6\xe9\xe9\xde\x87\xc6\x0fl\x00\xebin\xee1g8\x8e\x08\xfe.\xc0\xee\x8f/^,k4\xb2!\xa3\xa6\xdb\xe1\x90\x9f\x9c\xf01\xff\xfe\xc3\x8c\x14\x86\xc2\x08`\xe9\x02G\x86\\\xdelq3\xae\x923\xf9r\xb9xz\xfb\xfd\x87_\xf5\x9f]\x9e\xb1\xd61\x85\xd2\xc2a\xc1\x1d!\xb0V?j4F\x1e+NG"\xe5"\x94\xe9\xed\xbf\xbe~\xbdxvR.onfY\xe7\x11\x97S((\xcc\rX\xea\xfe\xfaIy;\xf6l\xc0u~D\xb5\xb5\xb6Z;-\x18\x16\xfcU\x80\x9e\x87\tP\xa3\xe9\x90\xc9\x8c\xdd\xddq6[\xde&lt;\x91\x83_\xc5\xf7\xcf\xe65\'\x9b\x9b\xd0\xf1&amp;\xb5\x8b\xcb\xe5\x15y\x12s\x05\x9c\xb0\xab\xf9\x92\xfd\x03\xa3\xdaD\xc2@\xf9\x01\xcb\xac\x04\xb7~&lt;\x13dkEX\x1d\x80E\xeb\xb2\xe5H\xa4"\x8f\xc5\xd2\x1d&amp;\x1d\xf4\xfbf9+5\xc5]n*\x97\xf7+\xc8D@\xef\xfct\x1e(`\x9d+J\x0bl@\xf9\x9e1\xc0\xb2\x10\xc1~\x01z\x1e\xdf\xda\xd3\x18y,\x9a\xd6E\xb2\x11\x98\xb9*:\x96e+\xfc1\x94K\xd9\xaa\x0b\x83e,\x1f\xcdS\\\x01R\xab\xe0"\xf8\xdf\x96\x00Uq\xc3j\xcee\x00K\x88\xe1f\x1f\xdc\x92\xc9::L4lb\x10\xa05\xb4g\xe8*\x90Y\xd9l\x04V\xb4j\x89@\xdb\xab\xdf\xff\xfcy.Q\x08\xa0\x1f\'\x80+\x973\xe7\xf3\n\x85\xd9\xac\xc4l\xfd\xc7\x02\xb8\xd5\xf4\x00a\xc9d\x08\x8b\xa6\xd9\n\xbarPl\x82\xb2\x11y\x85\x8d\x87\xb49\x8f\x19q\xf9\xef\xdd#1&amp;\x81i\x95J\xb39\x0f\x13\xfdT\xdec\xa60[P\x88\xeb\xe7\x7f\xb0\xe8\xaa\xd3\xa9\xaeV\xe34\x8b\xc8\xc0\xb0lMj\xf2\xb9\x95\n\xab\'g\xc9\xfb\xa3\xd1\xa8?OY,hK\xcb\xe7\xa7`W\x04\xae\x1c\x17\x0c\xee\x08\x90\xf2\xdf\xed\xcd\x18y,\x93\x89\x8e\xeb}\xd0\xd7\xea8\x10\xd2a]\xe4MVJ\xfb0\xb3\xa7\xa7\xe7\x86\x82"\xfdKmKK\x006\x85l\xba\x87vY\x8a\x82]\x8dd\x04\xc1\xda\xda\x9b\xe9\xe0\xb1X\x16\xb6V\xc0\xd2;\x1cj\x10]\xc9fuq\x1fC\xa6FZU*\xd5\x98?\x1f\x15#\xb5E\x9fO\x01\x16\x94\x14\x1c\x9b\xca\xc3e)\x04\x16\x04\xc42\x8f\xc5\xb2a\x1e\x8bW\xc1\x19gk\xd9\x9a\xdaW":G\xba\x9a7\xfe\xbd\xb1\xb1\xd1\xea_\x12/-\xa9T\xe2\xa5\xe8\xbd{\xd1(\x18\xe7\xcf\xe7\xcdf\xca"\x08\xd6\xd9\xc7\xbf\xb0h\x84\xe5\x83\xc1\xa6P(8\xc1\xac\x9a\xbe\xe4\xd3\x97\xb4\xa9;\x83\x1b-\xaa\xe6\xe1\rUT\xbc$V]W\x81cKKKb1\xaa\xa8\x19\xaeKB\x08\xac\xd5\x0b\xc02\xf2Xq\xb5\xcfWr\xb9\\!\xb8gt\xd97\xeaRRdr\x04a\xb7\xeez8\xd7OX[\x10\x8bX\x85\xc4\xbf\xc4\xe2\xa8\xdf\x0c\\\xd8\x97\xbf\x7f\x9c\xc7\x17_-ChAk\x99\x90[\xa5\x90\xcde\xb3\xb9J\xeaZ9\x1b\n\xc5\xcb\xa7E\x19l\xfdO\xbb\x8b\xc57\xe7Q\x84\xa5R]oi\xb9\xce\xbf\x9a\xff\xd1\x06\x83X\x8e\xb2\xa0_"\xfef0|\xe2\xdd\x8c\x06&amp;\x1b8\x88q\xb5\x1ea\xd9\x18&amp;\x14\x02\xacH\xc8\xed\xfb/\xef\xe6\xfb\x9aV\x9a\xc5\xf1\x92\x17+\xf9\x81Q\x1b\xa3\x98\xb94\x88[\x1b#%,IH\xa9k7&amp;\xa4\xaba\xfc\x11.\x1a\'\xea5\xf5^\xe8\xb5\xa4\x98\xdc\x14bcD\x83v\x89\xba-\xeah\xc5\x17\x13I\x87\t\xc3\x94m\x9b\x85\xe9l\x02e6}\xd3@^\xec\xc0\xb6o\x06v!,t^\xcc\xcb\xfd\x03\xf6{n\xda\x9d\x7f@\xe7\xe8sI\xf2\xea\xc3\xf7\x9c\xe7&lt;\xe7\xdc\xe7d\xfb\x87\x1f\xb6m\xect\xe3~b\xfb\xa7\x7fm\x9dc\r\xf5X\xad\xf4\xec\xe9\x1e\xd2\xb8\xe6\xc6\x06\x06&amp;\xbe&gt;z\xff\xfa}[;\r\x85B\xf1\x87&lt;\xcf\xd8\x81e\xef[\x92\xb1\xd0J\xa8\x9d\xb3\x9f\x1eo\xdf44F\xb7_\x8e.9\r\x82\xd00\xae\xae?Z\xc0^\x1c"0+I\xd6\x83~H\x833i\xe0\xca\x84c\xc07\xf0u;\xb9\x1e?}\xfe&amp;W\xe0\xed\x16\x8b\x9d.4g\x81\x85\xfe\xa6K=usg{\xe7\xc6\xf4\'\xee\xd1h\x943W\xc3\x9e"\x05\xf8\xdc\xc2\xb9^CVk\x8f\xb5\xe7\xb3\xa1\xde~\x8d\xfe"\x12\xec\xc2\xdc\x96o\xac\x8d\'\xe3\xf3o+\x1b\x1bL\x8e\x87^2\xd6\xe5\xd9y\xf9\x8d\xa9\xb1k\xea\x12\xb2)R\x97\xbdYN\xa7\xd3\xe1p\xd8\xb1:\xb0\xba\x05\xacG\xb2\\\xa4\xd7n7\xc2~\xd2`\x980.l\xf9n}q\xb2\xdc\xb6]\xf8\xbdE\xe7\xd61\xb9\x9c\x8ce\'\xb9\xe6\x9d#]hS\x8d#\x97/=x\xb9\xbf\xfd\xb2\x8f-\x95\xb3\xd1\xa4?\x99l\x18\x06V\x17\x88\xab\x17T0\xb4\x8f\x88.\xbd\xe1\xe247\xb7\xb7u\xfaEO\xdb\xaa\xc1\xdf\xe8\x8e\x13\xa8\x00sp#C\r\xfe/X]7\x90P\x03\xfb\xfb\x01\xbe\\JK\xb1t\x92e\xd3\xa2\x19\xc9\x1d^\xec%\xad\xba\xc1\xd5\xd3\xd3\x0b\xac\xbb]j\xa4\xd8!\xdf\xee\xc3v\x85\xfb_\x8f[\xc7v\xc6R\x00\x16O\x97\xe5\x14\\\xce)\xb5\xd18\r\xb1\xb4\xa8\xec\x03\xf1BZd\xa5\x98\x18NG\xd9t\xd2&lt;\xe6\x18\xa7\xe8\x02R\xf7\x10&gt;=J\x97\xde`t\xaa\x91\xf2w\xf7N\xda\x15\xf32\x96\xf6\xc1 O^dd.\xe9\xfe&lt;\x9aj\xf5\xbcm0\x1e\x18\x06\x15\xc36\x8cj\xe7\xb4\x10\xaaB/6\xdd0;\x90\xbdd,\x80)\x95\xcaqG\x83\x8bq[[[\xd6\xad\xb6\xdd\x1e(\xde$Z\xc7\xa8\xaa*\xe4D\xe6\xffr\xa9Gf/\xa9\xe2\x01\xd4\xce\xc1\xbe\x98\xd1\xbc\xba\xeapu\xcf\xac\t~\x84~:Y\x13\x10^\xd6!\xc2Rj"\xaeI\xc7\xdd\xa8d\xd6\xd01\xd9\xb6\x9d\xa8x\xean\x1d\'\x8e\xdd\xc1&lt;a\x91\x1b\xfb\xb0\x17\xa7\xa6n^\xd2\x02\xeaN\xd0$9\xd5\xc6\xbbg\xeb\xe3s\x93\x8b33k\x1e\xc4}R\xf4;\x16\xe0E\xa2R*\x815\xc6e\xa3\x11\xcd\xee\xaeo\xa1m/\xba\x14_\xea\x80\x95H\xa8\xf8&lt;\x7f.\x17\x05\xfd\x8dY\xbb*\x1e\xd7\xc5\x83|\x96\xcbd\x90+N\xe7\xf4\xfaP\x88^\x1e\x85\xfd \xabM&gt;\xea\xb5v_?\xc7\xd2\x1b\x9c\x12\xdb\xad\xd9=\x99\xebo_\xff\xf3\\\xdbJ\xa0\x95PU\xf2y\xc2\x92\xf7\xe2\xe5\xcbK\x83\xf1x&lt;\xc8\xf0\xd1t\x86SO\x1bo\x9d\xad\x9b\xf5\x91\xd0\xe4\xe6\xcc\xbbg\x1e\x80\xf9\xeb\x0b\xfd8\x10\t\xcb\xb5YoD\xa5Z\xb7\xc6z2\xb4\xdb\xbe\xfb\xd8\xc7\x85V"\xd1j\xa9\x82\x1b\x84\xc5\xd8\xe5\xe8\xb2\x8d\xaa\x02\xf1\x14\x93\x8bf2\xec\xfc\xbd\xc3\x83\xc3\x83\xb3[g\xa7\xa8\x94\x85\x99w\xaf\x9ey&lt;\xe1\xead?\xd4Rv/F\xc6\x05s&amp;*\xd5\x95\xd6GVk\xdb6"\xaa\x87R\xcb}\xdcj\xed\x03\x0b\\\x16R\xcbf[\xba\n\x1f2M\xc4w\xec\xd2o\x7f\xfa\xcf\xbd\xc3\xc3\xc3\xbf\x1f\xd2\x80\xc6\x99y\xed\xd5\xabgPL\xd0\x0ca\x17..\x86\x04\xb3\xc8\xc6$Go\xcf\xde\xde\xa36b-\x7f\x95p\xb7Z\x7fk\x056\xf2(#\xec\x0c\x12}\xdf\xd2\xa8\x16T\xd1d2\xba\xb4s\xbc\x03\xa0\xb3\xb3\x83[\xa7\xa7\xa7g\x07\x07\x07\x99\xf0\xb3W\x84\xe5\xea\xed\x05\xd5Z\xb1&amp;f\xd8X\x0c\xb5\xf3\x95k{\xbb\xed\xbb]T&lt;\xe7wd,\x9c\x8c\xb2\x17a}\xa3\xc1x0\x97\xf6\xb3W\x13\xc7;\x7f\xba\x01\xaa\xb3\xb3\xd3u\xd8\xe9\xad{\xf7\xe7\xc5"\xe4\xaa\x86\x10V\xa1b\xb1JX\xd9\xfb\xeb\x17o_\xf3m\x9d\xb4\x11\xeb\xe1\xf7\x0fZ0\xc2\xfa@e\xb7[\x06U\xa6l\x9a\x1d\xdd\xd1=\xb0\xcf\x8e\x18\xcd\x0e\x87\xb0\xe9r\xb9\xfe\xab\x1f3:g\xe7k\x84%h"\xa1b\xd5S\r\xfb\xd3l\xcc\x89rg\xae\x7f\xef\xa4\x8d\x85\xa0\xe2\r\x9f\xd8\xd6\xba\x03\xd8\x8aL\x85A9h\xa1\x97]A\xa6\x10\x95\xaej\x07-\xbc\x14M\x8b\x8dZ\xd1\xb363\xb3\x18Y\xbc\x1e\xda\xac\xc9X\x93\xae\x90P\xf5\x13V\x92\x8dq\xfdC\xbd\xe3\xeb\xbe\xf7m\xad\xe4\x9b\x83:\x8bN\x07\xac\x8d\x8a\xa9\x82\xf2\xd9\x84\xbe\xdf\xc4H1\xdb\xd5\xab\xa36I\x92\xb2Y\xacf:\xbc\x16\x8a\\\x9f\x99\xb9\x1e\xaaz&lt;\xc5b$\xb4Y\r\x87=a1)r\xce\x06\xaa\xd5\x85\xdbs\xed\xbc6P(\x9e\xb8\xddZ\x1c?\xc0J\xa5\xbc\xc1`\xd0\x04\xb9,\x8cM\xb2\x8d~\xfa\xc9\xfdh\xccV\xc8\xf1\x96\xa0%\x9b.\xae]\x9f\xb9\xbe\xb8\x18\tU\xc3\xc5\xb5\xd0f\x1dX\xd0J\xccp\xf3\xd3\xd6\xdd\xddG\xeb\xaf\x1f\xb6\x15\xeb)\xcaxw`\x03\x96\xf2\xa6R\x15\x99\x8b\xe9\x83NKK\xbf\xbf\xa1v:\xb9$\x9b\x8d!\xdf\x0bt)\x15\x89D\\B\xb5\x18\xda\x14\xcc5\xbf|\xbd\x98\xcc\xb0\xafNNNv_\xb7\xf7\xa6L\xf1\xf0I\xa1\xf0\x00!\x0f\xb5\xbc^/\x043YLv\x06\xa5\x04\xea\xfa\xa9\xae\xe9\t\x83P7\xd7\x92\x99\xc6dhQ\xa9\xd4\xe0p\xde,\x16\x8b\xc2\xa6P\x15\xc5$\xddzr\xc9\xa7\xcbGG\x0f\xdb={\xa08\xfa\xae\x94\xc3F\xcc\xcbry\xe3\xc0\xb2\xd8y[\x9f\x84\x8aP=}\xd7\xe0\x10\xf4\xf5z]\xaf\x1f\x8f\x10\x15v`\xa8(\x14\x05\xa1V\x13\xa9b\xf5\x8b\x9c\xbf3c\x07\x8a\xe5\x87\x8f\xbf|+c\xa5\x08\x8b\xb8pfK\xd2\xfd\x11\xb5\xb1ap8\xc6\xcc\xf5\xfa\xa4\xcb\xd5\x8f3PI\x89\xa1X\x0c\x85\x80E\xa7\xa3(f\xd4\x9dy-\x7f\x81Z\xcf\xe5\xcfI./Y\n-6q\xd9$\xba\xdbo\x18\xccf\xf9\xf6I\xd9\xdd+\xab\x15*b\'\xae\x85\x84\x86\xe8Gp\x89\xa2\xc8y:6\x9a\xa4X\xfe\xb3\x1c[\x88\xaeTJ\xce\x118\xb5\xc9\x87h\x81h\xec\xc0\\\xdfD^W\xf6k"\x11\xa2\n!\xe4E\xbf\x98\x96#&gt;\xf3\xaes\xd7\xaf\x8a\xdf}#\'\x88\x15\xaf7\x982Q\x9a\x18\xb5\xdb\xd0m\xc0\xe0Ip\xd5\xaa\xc2\xb8K3\xbe\x19\xf2\xc0\x8a\xc2$6"b\x0bre\xb8\xd7\x1d\x9c98zKj\xadx\xe5\xd4\x85\xf8"\xb0&gt;)\x96\x8dE\xd5]\xa0\x02\x16\xac.x\xaa\x1e\xc8%\x08\xc8\x0f\xf0\x1f\x12\x97\xc8q\x1d\x9c\x97R,\x7f\x97\xaf\xa4(q\xa5\x82\xde\xb8l\xc1A\x13\xc2^\x8ar\x19BB\x95\x15\x0e\xd7\x10\xe7\x1e\x14\x10\xd5z]\xc6B\x8eO\xb3\xfe\xa3\x0b\x1d\xe4z\xfeo\xca[+\x14\xf3\xf1\x958}\x83\xa6\n\x8331#\xd6\xe07\xca\xe9\x10\xc7\x8f\xc7\x8bp\xb8Z3\xd72\x88.\xc2z\xd7\xd1a&lt;\xc5WD\x05,\x88\x96Z\xb9\xb3\x02\xaex\xaaR\xe1\xd1O{d\x0b\xbfxQ*\xbd\xc0\x07\x11\xe5o4j\x94M\x93\xc9t\xf4\xe7\x8e\xce\xa0*\x1e\xbf\xfd\x88\xe5\xf5\xde!\x03Yj\x83\xcf\x95\xfd\xf0\x9b\x8c\x06\xac\x12\xb1\x95\x92HW\xa0B\xf9\xca\xb2\xd1\x7ftt\xb6L\xb1\xfcfcee\xe5\x8e\x9c\xbb\xa0\x16a\xa5P\xe1\xe7\x9a%\x84U\tP/d\xb9^\xa4K\xe0\xc9\xc8X\x80\xca\xc6~\xee\xf0\xc4\xee\xf2\xe7^\x19\x06\x92\xa5V\xce\xb1\xf2\xb9B\xae\x99\xa4t.+%\x8bU.\x95\xcb,\x97\x113\xb2V\xb1\xf9Nc)\x1e\x7f3\xfc\xc1{\xc4\x07\xc1\xbc\x1b\xc4U.\'\xd3eX\tDd\xf81\n.\xf6\x1ck\xeau\xa7\xb1.|;&lt;\xfc\x11\x8c\xe4\xba\xe3Mm\x00+\xd7,7\xe9Q:G+\x97\x9b\xcd(\x80\xe4\x95\x9d\xfd\xe3I\xc7\xc7b\x9f\x04\x87\xf7\x87?\xa2\xdd\xf9\x11Xy8\x91\xbe\xf9|\xbeY\x96\r\x8c\xcd,x\xb0\x10X\xb6\xf9+\x9d\xc6B\xa1jQ\r\xcbXD\x86E1\x9f+\xc0x\x9e!\xaef\xb3\x99k\xd2#[\x88\xc5\x88J\xba&lt;}\xf1\xb3_\x01K\xab\x8a\x0f\xffb\x90+\xc5\xf3|\x8e7YP&amp;\xe6\xf39\xd9\xf0\x97&gt;T\xf8\xd9XL\x92F.^\x9b\xe9\xb4\x13\x15\x7f1iu\xaax\xe0\x9c\xe9Gz\x04V\x90\xec\x19SPE\xdd\x07:#\x1e\x1f\x14&gt;}8,\x89\xcb9\xe1\xf3\xcdt\\-\xc2\xd2\xa9\x82\x81\x0f\x8e\x1cF\xa4\xed\x0f\x07pp\xd3\x18\x95\x8a\x0ep\x15\x9d\xe1\x8ct.V\xb4kb\xc0\xe7\xeb\xfeu\xb0t*\x95.\xf0\x01\x0b`\xfb\x01\x15\n0\x13u\x1ex\xd2\xaa\x14\xb2\x05\xa2b\xb9\x8b4\x10\x1ey\xdc\xf1\xd8\x1a$,\xd9\x02\x01\x80\x11Z \xae\xa2\x1bc,*\xa6M\x8c\x85/D\xc9\x9cj\xce \x0f\xd0\xeb;=\xcf\xaf\xf8\xe7\xe0\xa0\xce\xad\x93\x05S\x81k\x18\xdf\x97\xc3:\x95VK\xffr\xa0R\x99\x18\x82Bf`9\xaek\xdah\x1e\xd3o\xed\xdd\xf6\xad&gt;\xbf\xd0i\xb5Fi\xe4\x8dF\x17\xb5\xda \xbd;}\x89\x15\xc0\xefn7\xc5\xdc\xa0\x85\xa1\xb1O\x8e\xe3PI7\xc6&amp;\xc7\xc7\xb7n\xfb|\xd7:\xfd\x7f?\x84\xa5\x95\xc1 \xd0\xe0\xffx9\xff\x98\xa6\xef4\x8e\x9f4m\xaf\x94\x16[\x07\xd7@s\x1dl\xb6`\xb1\xe9Jm\xe8\x95\x96\x02M\x0b\xa5\xa8#r6\xb6\x03\x05\xf1\xf0.R\xac\xb0ypxJ\xee\xec\x18\xf6N\'\x03\xb4H\x82\xf8c\xc2`\x1bT\xd6\xe0\xb0%:p,\xa7\x06\xf1\x02S\xd4\x0b\x1e\x03=2\xe5\xe6\x91\x10]\xeey&gt;\xdf\xb2pw\xcbnC\xddS\xb3,\xfe\xf5\xf2\xfd\xbc?\x9f\xef\xe7\xc7\xf3|"#\xe1\xff\x96GJW\xe9\xe0o##"_^\x05\xabB0\x149\xb7l\x94\xa4)\xf9|%\xaa\xa5\xfe\xe2yw\xfd\xb4\x02\xc1r\xac?\x05\x8eU\xe8\xa7\x08\xe9.\xb0Q\xa1\x18F\xdd\x06&lt;\xfe\x86%!\xac\xb4\x1aK\x1a\x0fG\x15\x99\x01\xcb\x88XW\x9f\xbbZ:\xa9\x0c}D\xb0t\xb0-\xd3\xed\xc2\x8fr&gt;/?\x7f\xfb\xf6u\xb5\xb0r&gt;|XR\x0f\x0b{\xf8\x01\x15?\xc7\x08YT\xff\xe3\xc7P\x0b\x03\xb8\xc0G:\xa9\x0e\xab\x17\xf7\xc2\x9e\x0bT\xda\xbe\xce\xe9t\xc2.\x1f\x96\xf1\x12yQ\xbd\x1d\xf7\xd8\xe6\x9c\xaa\xb2W\xd5\x9f&gt;w\xcb\xa3Z\x88\x15\x11!\xd5\xc1\xb0\x93\xeave\xe6\xff\xf6\x97{\xc1O\x87\x9d\xce\xf3\x9a\xf3\x1a\xa7]\x0e\xbb\xec\xa84\xbb=\x8f\xcd\xc5,\x96\x15\xff8X2Y\x04\xa0\x81\xd3\xb7n\xd5I\xa5a\x85\xb0\xf3\xd9\x9b\x9f\xdaX\xab\xd1\xa4\x83\\N\xbbJ \xdf)/\xb2[\xf9\xb8\xc5Fs=\x1f,\xe6\xa2\xe8\x0c\x13!\x97L&amp;\x95Iu\x88\x85%\xea\x9b7\xf0x\xb1\x12\xa7\x06\x90\xf0\xf0A%\x88\x92\x0b\xccV+\x97TDT\x1d?\xae\xfe\xf49\xdc\x9f3\xb7,\n\xc4\x12\x89\xb2\xa5R\x11\xde\x10\x87\x85\xe9\xa4\xa20\xf1\xae\xc2L^\t\xc1rVV:+U\x824\xac\xdb\xe5\xb2`\xeb\x8fX\xaf"\x16\x89\x9f&lt;;\xbc\x86\x13\x16\xb7\xc7\xd3\xe2\xaf\x83\xf0\xbb\xaf\x87\xe9H\xf9\x8f\xc8&amp;\xc5\xbbX\x08\x1b\xdeMe\xe67Jj1\x87v\xbb\xbdR\xa9R\xa9\xf2\xc8\xc5J8\xff\xcf9\x98\xc4\xf3\x1f\x908\xd7\xd0\xd0\xf0l\x0e\x04\x99\xe7&lt;\xb3\xed\x83\x837w\xdch\x82\xb8\xb1\xe3\xe5dR\\c\xb3\xd9t\x14\x96-Y\x9c,\x14W\xf0\x1a\xebk\x9d\x80e\x85\x9f]\xa52\xe7Y5\x1a.f1\x07\xe5z\xcd\xa1\xf7\xcf\xd6\xf9[&lt;\xc3ccW\x9e\x81b\xcc\x06\xcfH\x0f`\xad\xbf\xd1\xd4\xd6\xf6F[\xd3\x8b\x04\xcb\xe6\xb2a\xe8\xc85^\xb2X\xac\xd5V\x80\xb7\xea\x9d\x1a`\xb1\xa2b\x95J\xb3\x95\xcbbq\xd9T\x16\xd5\xf9&gt;\xfdH\xfb\xf5\x9e\xd9\xd9Y\xf7\xd8\x9d\xa7\xe7b\xfe\xc9Q\x87X7\xd7\xdf 5\x9dm\xa7\xa5a\x08\xe4r\t\x85B[\x18u\xbb(6\x88\xb5\xa6\xccXI\x11\xc1\xd2h\xf2\xccf\x98\xb1Xlv\x02\x9bMy^\x1d\x1fp\xcf\x0e\xb6\xdf\xbe}\xf4h\'\xed\x19p19`\xa8EXo\x9c^\x15\x96l\x13\xda\x00J\xfb\r\x96\xc1Pa\xa8@,\xbb\xd5J\x8e\x9a\xf3\xacV\x16+\x94\xc5Z\xc0*Vwmh\x99\x1d\x1clo\xff\xe3\xee@7\xe7N\xc7Sr1\xcf\xb5\xf8\xfd\x04kG\x13\xa1j\xfbH\x17\x86L@\xa5\x15\'\'Sw\x8b\xd8\xc1\x9c\xc5+\xa9\x07\xb5@.&lt;\x01\xb7Z\xa3\x13B\x13\xb0n\x84\xcdF\xcf\xc7u%\x05f\x07o\xee\xde\xfd\xf6\xefz\xdc4Z\xc7\xd3q1\xb7\xe8\xc1\xa6\xff\x89%%\x85[Z\xad\xc9\xa4\x15&amp;c\xe0=\x7f&amp;\x0f&amp;\x88z\xec\xc9\xb0\xa6\xa7\xa7c*Yx\xab\x0fj\xb1\xc3\tVA\xd7\x86\x9eA&lt;\xbf\xf8u\x8fg5gl\xeei\xb8\x98\xccs\xfe\xba\x16\x8f\x1f\xb1\x16\xac\x05\xde\nb\x95\x9b\xc4b\xac.C,^~j\xea;E\xb5\xa0\x16vd\xa0d\x98B\x90\x8a`\x81\xb7\n\n\xba6\xb7\xaf\x87\x95\xec\xc6\xeb\x80E\xeb8\xd9\xf1`\xc9\\L\xa6\x05\xc7t\xcb\x02V[[Su\xf5~\x1dI\xa1\xa9\x1c\xc2\x00\x99\xd4j\x11+6\x16\x06\xa2\x1d\xdbW X\x1ap\x16\x96\xfe\xb0\x17\xbc\x15\xd7\x9c\xd1\xdcU\xf8\xf6o\x9a\xda6\x1e\x00,\xc6\xd8\xdcSp1\x1b`\nm\xf1x(\xac6\x90\xaa\x1a+rE6\x82\x95\x92\x92R\x81\xd5xD\xad\xd8\x92\x12\xc4\x02\xa4\xf4\xd0t\x16Rae\x06I"\x8e\xc4\xb8\xe6\xb8\xb8\xe6\xae\xf2\xe5\xa7\xdb6~\x88X \xd7\xd2\xb9\x98\x97\x02\x805\xec\xe8\x01k\xc1\xf6\x06\xa3\xba\xbat?v\x98\x8a\x11+)+\xc5$\xd6"VH,6mUb\xfb\xca\xa6M\xe9H\x15\xba\xe0-v8be\xa8\xd5\xcd\xcd\x05\xe55\xd5?\x0b\xb8\x01\x8b11\xbdd.\xe6\x96\xc0\x01\xc0r[\xean\xee\xd8\xf8\xe2G\x10\xa5\xa5\xa5\xd5\xa5kW\xcaD\x94ZIIY\x06\xb1\t\xb1Rc\xa3$\xf5E\x0bX\\\xc4b\x85&amp;D\'\xb0\xc3\xd9T\x12\xe3\xa8\x96fWiD\xab\x83\xc6\xa0\xd3;o\x9f\\*\x17\xf3\\\xef\x1e\xc0r\xacv\x0cn\x84\xdd\xd7ZR\xfbZZ\xbav\xff\xca`\x9f0`U`\x99`\n\x16\xdc\xe0\xb9\xbc\x15\xfc\xbe\x89Er\x88rE\xa3Z\\X\x9f\x16c;\xacZ\x1dW\xa0\xad\xd1u\xea9\x0c\xba\xe2r\xef\xc9%r1\xb7t\x7f\xddK\xb0V\xf7D\xc8d\xfbk\xd6\xd6\xd4\xd4\x00\xd7\xda\x1a\xc0\n\xaa\x05\\\x10A,I\x91\x15\xc7!ba=Yh4\x8b\x15\x8d\x96\x87\xbd\x8fZ]|\x1c\xc0\x9aM5\x85&gt;\x0b\x87\x0eX\x7fy\xb4D.\xe6\x07#\xf3\xbd0\x12\x1d\x16N\xcbV\x97(\xbbf\xa1\\\x18\xeb\x99\x85&amp;\x13&gt;\xb8\x00\\\x18&lt;\n\x0b\xabF\x00GC\xa9\x15\x9a@a\xe5\x90-\xd9\xf1\xe3\xb0\x8e(\xe8\x9f:\xe4^\xcd Xu\x0f\'\x91\xeb\x07\xce_L\xe6\x95\x89\xc0\xfc\xd7#~\xf0\x16\x8dv\xddf\x13\xad\xc4\xbe\xd2\x95T\x995\x9a\x0b\xd5\x8a\x8fO"w\x18\xa9\xd8s$\x11\xc0b\x86\xc5J_P+\x94E\rD\xdcc\x14WU\x19\xab\xd4\x05\xae\xa9\x80\x9eFG\xac\xdc3\x93\xde\xd1\xc9\x1f\xc6\x85\xf7N\x8a\xe9G\x81\xf9\xf9\x00\xcc[z\x1a\xc3\xf7\x96V\x98\x9d\xedra\x915\x96Yg\xbb\xb0\xf8\x1c\x9f\xa7\x88\x87\xe0\x05\xb1\xd2\x94y\xb0j`iB\x89\\\x94V\x88\x05\x8b\xf9b,\xd8UwM\x89}\x16p\x96B1\x90{\xb9\xc3\x1b\xe3\x1d}\xf8\xfd\xb9\x98\xf8`\xc7\xc4\xccc\xc0\xba\xb8\xc7\xef\xf1\xe8aZ\xee\x11k]\xae\xbbB\x17\xa4\xb1\x06\xb0\\A,^\x08\x0f_\xce\x08!\rZr\x81\x12W\x0e\\\xca\xf3d\xce\n\xc7u\x8dQPVVeT*\xcb2LS\x07\xdc \x16b\xfdj`lt\xdb\xb6m\x00\xf6\xfd\xb8\x80\xe9\xca\xd8\xf4\xe3\xa1\xa1\xc7u#\xf3\x17{a6uXh\x1c\xf7\xd1\xf2\xfe~-HF\n\xd2A\xad\xbb\xfdT\x0b:V.\x86\x90\xbe\\I\x1ab\xf1\x11+\x9aE\xa8`\x15\xc8\xc6-\x86\xa0\n\xa9T/\x84\xdc\xcdn%\x86W(\xbe\xca\x1d\x18{\x18\x03\x01`s\x0f\xfe\xef\x81/@=\x98\x98\xe9\x1b\xfa\xfcs\xc0\xaa\xbbuq\xbe\x15\xb0@.\xceH\x85I\x0bXT5zv\xf6]llH\x02\xb1\xc8\x1b\x1e\xa9\xc1\xc6\\\x15\xc1\xe2r\xd9@\x16\xcd\xc6\x1f.N\x8dF\x81\x00\xc5Z\x912\xb5\xf9\x14\x8d\x01P\n\xfa\xbfr\x07h\x93\xdb\x10\x0b\xc0&amp;\x9fl\xf9N\xc1 }\x0f&amp;\xfe\xd9\x07A\xb0Z\xf6\x1c9\xb2\xdd3\xec\xd0\x83\\\x96C\xe5&amp;\xac\x93\x17QX.\x82\x15\x0fD\x19\x80\x95\xb1\xa6$J\x8eXJ\xb32\x0f\xf3\x88P\\6\x97|\x12\xcdJ\xa3\xd1\xa8\xe4+_\x08\xe9\xcfn\xd5\x13g)\x18\xf7r\x078s^\xa0\xda\x86\x7fF\xbf3\x91\x90&gt;P\xea]\xf8\x11\xb5&amp;ZZ\xe7_\xbf\xe5\x1bv\xa0\\\x0c\xdf&gt;\x03\xcae\x834\xc2\xd7\'\x88\x85\xf9\xcb\xc0&amp;1T\x0b\xbb\x85!\x8dD06\xf9\xec@\x1ea\xda\x82,\x1a\xf9\xe1Uk@,\xf7jB\xa5\xb8z/q\x80\x01\x9e\x07$\xd4+\xc6;9\xd6\xf0\xed`\xa0\xd4\x95;3\xefR\x81X}\x8f&lt;\x9e\xde#\xcb\xee;\xdc\x0ep\x17\x83\x13($\\\x14\xd6]\\\xd9\xc0\x04\x91\x1a\xbbf\ry\x12\x82\xa8\x05\xb92C\xf0\xf9\x08\x85\x19\xe4\x82\xb7P\xad\x1c.\xbf\xb8\xa0?\xbb\xd3BR\xa8P\\8\x9bx\x99\xde\xe1E\xaa\x18"Y\x8cw\xee\xc9\xb78\x0c\xa0\x1a\x08\xd4A\x08\x82\xd5\xd773&lt;\x1c8\xf2\xfa\xadSn7\x91K\x7f\x08\xed\x05X2\xf2\x1a\x04\xacl\xc0\xf3!\xf8\x16\x04b\xad\xa0\x92\x08Y\x04\x7f\xf1\xbfQ\x8bM\xd4R\xf2\xf9Fu\xca\xd4\x81n\x1a]A\xe4\x1aHL\xbc\xa0\xb83\n\\\x14\x18\xc6h\xc7\xff\x08\x06\xe9\x0bB\xfd\x82p!\xd6\xf8\xb8\xdf\xe1\xbb\xb5\xec\xda}P\x0b\xe5\xa2\xfb6\x94\x9bLB\xd1J\xacM\xd7\x9a\x0c\xe5)\xe5\xf0\xd5I%/\x8d\xacA\xb5(*%\xaa\x15N\xb0\xd8\xb0\x7f\xc5\xed~\x0e8K\x1e"|\xeb\xd4%\x0e\xa8uB\xa1x\xef\xab\xc4\xb3W\xff\x1b+\xc6{\xf2\xc9\xe2\x93_Tj\x0c&lt;\x05L\x18A\xac\xa1\xf1\xf1i\x87\xe3\xfe\xb5\x97@.t\x17|2Z\xf7\x19\x0c\xa8\x16\xbe\xaa\x83\x9fB\x98\xe7CRKVD\xed\x8cZ\x01\xb3V\x9a\n\x1d\x0f\x1b\xd7 \x16\xa9\xa3dE\x03WN\x8e2-v\xdf\x1f|\x16\xbd\xfb\xfd\xda\xbf^\xb8\xc4\xb8z\xef\xcd{_(:\xbc\xdech\xf9E`\x1d\x0f\x16\xc6$\x81z8~p\x01j\x11\xd6\xcc\xb0\xfe\xd4\xad\x97~z\x9fd\x11\xfe\x9d\x9c\x0f\xc1^\x04\x0b\xbe&lt;YY\xf0\xa5\x8e\xc7G\x17\xe4i\xf2\x9dQA\xb5\xc0\xde\x02\x90\x0b\x8cE\xd668\xd7s\xf9J\x81d]\xab\xc7\xc2\xb8d9\xff\xc9+?\xbf\xf6\xb7\xae\x82O\xce\x0e\xbcG\x9f\xf3\x02\x17\x80-V,8&amp;\t\xd4\xe48\x85\x14\xe4\x02\xb0\xbe\xa1\xa1!\xc8\xe2#\xbd\x9e\xc8\xe5\xd0ww\xbb}\x9d\xbeS\x81\xa3\xbb\xc8\xd3\x06\x86\xac$|\xa6))\tKF\xe4\x02\x95@.\x87\xff\xc2&lt;\x00T\xa8Vtpq\x83\\\\\xb3\xe45\x1f\x07\xe6*\xba\xe2\xeag\x89o\xe6\xbe\xb2\xec\xc8\xc5/\xbf\xe4\x9d\x19~\xe8\x9d\xbcsr\xf4\xd81J2B\x07\xd3&gt;\x8cI\xdc\x9e&gt;\x99^\x0c\x05\xf1\xf1\xc1\x8fg\xa6\x1f\xdd\xdeA\xc9\xe5\xfe\xfb\xef\xaf\xdd\xef&gt;S\xffNgg\xeb\x88O\xef\xae\xbb\x1d)s\x01\x16\xd6\xcb\xc7\xe3P,\x91\x08T\x95fA\x1a\xe4P\xa5T\t\xca\x04\x02%N\xa7@\xb5\x89\xc2\xca;\xdcj9\x01\x86R\xfc\xbb\x89\xf3\tm\xe3\xce\xe2\xf8(3\x12c\xc3\xecaO\x99R\xe6`\x1d\xc2B\x07\xefx\x82\x051,\xb2\xdb\xb9\x98Yz0Z\x82i\xe3\xa5\x87\x88\xb2\xa2\x039\xa8\x94\xc0jA=h\x0b\x82\xc2\x9an\x84\t^\xe1\xac@\x8b\xeb\x10\\\x15#\x1c;D\x911\xab?\x18\xa9k\xef\x1e\xeaV5J6v\xe9b\xec8Q\xbd\r\xfd\xbe\xf7\x1b\xd9y\x92fFB\x9a\xf9\xcc\xf7\xfb\xde\xfb\xfdF\xd8\xba\xb3x\xec\xec\xec\xec\xc4,=\xf9\xe8\xd1\xff^\xfe\xf6\xffG\xdflTZ\x9f?\xfe\xf7\xf5\xdbg\x8aa\xfd\xc5s\xe9\xaf?==:\x87Z\xa5\x07\x98\xf6\x96\xde-\xff\xf7\xe1\x87\xf7W\xbf~\x1a]^\xdbm\xef\xbe\xd71\xaa7\xb2\xd9\xb9\xb9l\xd4\x8c\xce~\xfc\x9b\xd7\xe9\xa7&lt;f\xc6\xc1\xf5\xab\x0b\xb7.\x8d\xde|\xe7\xea\xe4\xa8\xef\xe0\xc4\xc4\xc4e\x9e\x9d\x0eb\x9e:??=p\xf5\xee\x8av\x87bdq\xa3\x04\xaa\x1d\xe8\xa5\xa7\xc2\xa4\xd8K\xec\xb6\xb6Qh=?d3\xfb`\xd7\xa5\xa7\xf7\xef\x7f\xda\'Z]]\xbd\xb2z\x04\xa6\x83\xdd6&gt;\xf4\xf0o\xff\xf8z\xf5\xe8Yam\x17;\xc8Y\x91Fqy\xd9\xa3\xdc\x97\xbd/?y\x8b\xfeOx|\x06\xe3\xf4\x85\xa1K\xf45\x08\xae\xefQ\x84\xa0\xfa5R\xff\xda\x00)ET\xf3\x83cw\xb3\xd4\xab\x80\x05\xaa\x04S\xa5-\xcb\xd2\xc3P\xecQ.\x99\xd2\x8dF\xbd\xe8\xc1\xcc/n\x8b&lt;\xbb~\xfd\xb6\xf4\xcf\xb3\xfa\x03\xd3\x150\xad\xdc\xacUS\xe1p\x92N\xe6\xe1\xc3?\xfc\xf9e\xe7G|:\x97\x0b[\x91Ze9\x8ap1\xfd\xca\xff\xeb\xf7\xf4c\x1e\xe3&gt;\xd6\xb5\x01\xfe[\xb2I\x81uq\xf2\x8d\xe9\xf9&gt;\xd6\x9bkY\x8d\xe6W#D\xe5L\x01*\xa2\x87\xc3\x01\xec\x91\xa8\x02\x8an\x801R;\xaeDE\x9aqH\xf7},(ut\xf8,\xbf]o\x18\x96\x0e\x89\x03\xccE@\xc9d\x8e\x16\xc9\x94\xc1\\\xb8\xb9\xa6)G\x1f\xfcq\xe8\xd6\x07C\x170\xfa\x10\x16]W\x8c]\xbdv\x99\xben\x9b\x18\xfd\xe5\x1b\xe4\xde\xe0\xe0\xfc\xf4\xf4\xd8ZV\xd64\x9a\x8e&gt;\xd9(MM9\xb1H\x8a\xf7\x97#"+\x82Hc\x99N\xa7\x1b\'\xcd\xe5\xff&lt;?\xeccq\x07%\xa8\xa7\xf9\xe2\xc5]E\xd7\x89\nr\xa9\x81\xa4\x880\xa4\xe3u@W\xbe+\x90ZQ\xe2\x92\x97~\xf7\xc1-\xc8\x85\xb1\xfa5\xc6\x02\xd8\xd5\xcbD51\xfa\x8bA\xa85MS\xd4\xb1\xbb\x05\xd75\xe5P(\xb4y\\\xdaI\xd8\x16\xed+\xa0\x02(\x9d\x8e\x8b\x00\x12aaY\xdb\xd8r?\x7f|\x86\x05\xaa\xc3\xbd\xd66\x9b\'"\xa5\xf6\xb7\x02\xd8RU\xd5Gk\xbfW\x146\x9a\x90 \xfb\xe0OC\xe3\x17\x04\xd6\x80\xb8\x0e\x1b\x9d\xa0&gt;1\xc9E\x88\xe9\xc3\xc0\x8d\x05\x9c\x07&lt;\xd7\xb4\xef\xeb\xf1xD\xc7\x9e\x8c\x08Pb\xfd\x88\x8b\x05\xafX\xb2\x8aL^J\xa4\xd5\xd1\xe3o\xbdb\xbd\n\x91\x02\x1c\xc9\x00\x13\x01&amp;\x05@\x86R\x14E\xa5|\xc8\xed\xaey&gt;\x97\xac-/\xbc\x8f\xf4\x1a\x1f\xbat\x91~F\x00.\xbe\xf3\xd9%\xc4\xc5k\xd4\xdc\xd1\xe5\'\xdf^\xc8\xe2\xbdx\xab\\\xa8U#\x96aE\xe2D\x90`8\x00\x00\x04\x1cIDATv\xc6q\x9c\x8c\xedG\t7\x1b/e2\xf4\xb0cv\xact\xd2t\xbf\xfd\xbb\x04\xa9\x0e\xf7\xa2\x95z\x15\xb5\x91R\xc1\xa4\xaa\x81~`+\xecs\xa9\x8ab\xe8\x8a\x8a&lt;\xeb|F\x02\x98$Whs\xe9\xa3\x99\x99\x99\xf7\xdf}{m\xbbX\\)\x16\x97\x10\x0b\x0bk\xdb\xdb\xdbkcc7n\xfe\xc5\xa7\xd2\xb4b\x03@\xb6\xe3$\xa6\x10\x0e\x1d\xdf\xce\xd8\x19"t\x12\t\xdc)v\x9c\x9dLf\'c\x97\xe0\xa5t\xe5\xe8\x19+\xc5\xa1\x10B\xfb\x150p\xa9\xe4!\xa8\x14\x83CO!\xc1\xd8D\xe2\xd2\n\x0f\xbeZ*d\xa3\x9b2.\xdf\xcfC\x93M\x0c\nKK&gt;T\xa8\xb2og\xa6\x86E$\xec\x18L$\xd1\x12\x0c9&lt;&lt;\xc5\x010\x16\x0c\x9e\xc6k\xd2\xe3\xf5\xedz5\x85\xd0u\xc3\xe7R\x15F!3}\xd5@E`T\xcb(\x1d\xabV\x8c\xf2\xd1\x04\x01\xb6\xc4f\xf0\x9c+\x88\xd2\x93=A\x15\x0cn\x9d$|\xa8\x84c#\xc5\xe36dK0\x92\x08\x82"gc\xf14\x95f:.\xad\xd4\xdbTka\x94\xa0N6\x11\x98\xc2\xc6\xb1h9\x81\xc5\xac\xc4e\xd0\xc7"\xb5m\x96\'\xc8\x00\xccE= t\x06\x87G\xd0\xf4De\x041\x89I\x88\x83\'\x9cx\x84\xd2+\xc1\x12\r\x0f\xbfB\x05&amp; Y\x16\xfc\xa03\x97:\xe8\x03\xc8 \x16C\xa1`,t\x08(\xd6\xd7Jp\xb1\x95\xba\xc5\x82\xd5\x8aT\xf4A\x8e\x10\xd9\xa9\xc9`p\xa3QL\xf9]\x00k!\xd3s}\xaa`\xd3\x17*FR\xc4\x1cb\x9c\x1a\xf6\xc1@\xc4%\x10\x03\xb0\xc1^\xd1\xb9[\x12\xb5\x11\x1cZQR\x8a\x12\x16b\x11\x17\\L)\xbed\xaa\xaa\x9e\x9b\tI\xe9|j\x15Y\xf3\xb1\x82A@is\xb3s\xd1\xaf\xf2s\xee\xca\\\xde\x03\xe5\x19Up\xa4\xb2O\xc7&amp;\xf3\xd21\x9b\x99\xa6|"\xb2N \x19\x86H\x1aU$JZ\xca\t,@\x08\xad\x14\xa5\xef\x18\xd9\n\xdd\x84XgY\x96b\xb7#\x91\xfa\xa6\xa6\xf9T#\xe0\n\xad\xccf]`y\xb3\x9clp\xd0\xe4\x1e\x82\xa9\xcc\x89\x03\x83(b\xce\xb9&gt;Hx\x07\xafS6Y\xba\xa1\xb28\xd4\xf5Q\x0c(\xd2\x8c\x94\xcc%\x03\xacO\x1f\xcbw\x8b\xa8\xe8N\xd6\x8a\xd6\xe5cQ\xc5B\xaf\xc6\x86v.WP\x0be\xf3\xae9\xeb\xb9\xd1Y3\xea\x9dS\x85\x90X\x9c\xcb\xd4\xa3\xf6\xf7\xf7\xe1%=\x13\x9d4N\xd9d`\x9c\xa3\x03\x1a\x11\xae\x04.\xce\x84#\xe5\xfc\x94\x06G\xca\x97\xaa\xdf\x11\xce\x82_l\x97\xcbm\x95%\xd49/\x1b\x15\xad\x9f]\xd0+\xe8y!y}=\x1f\xcd\xe6\xd7=8(\x9bL\x15\x1ci\xb2Q\xd4\xa1\xf6{\xbd\xde\xc1\xe9i\xb7[k\xf0\x90\x83\x92\xd6\xa9\x05\x80\x08\x8d\x9f\x9b\x9a_\x18vL\xf23\x86\x0c\xd3\xfb\x04\xe8\xa1aQ\x05\xac\x19\xaf\x8c\xf2\\\xab\xac\xb4;\x1d\xd1\xbe\x90^\xf5\xads,\xf8\x88Vn\x9a\xb8\xf86\xe5&gt;\x15eVe\x9f\x0c\x83\x0c\xa5\xda\xc1\xf2\x16\xeaWv[K\xbd\xd3nC\xd4\x1d\\\xc3\xb8C\x8d5!\xf2\rHq\x0c\xca\x12Q\xe9T_4\x05\x12\\\x81\xfe\xc0\x98b^@\xb4\xdb\xd5jyo\xbd\\\xfe2\x7f*\xa8\x90\x96\x91\xe3\xcd\x90\x00\x1b!\x1b\xc1D(2e;\x08e\x16\x0b\x89\xe5\x94\xd8\xc0\x83fs\xeb\xc9\xe2"\xcd\x06C\xcd\x17\xbdSpqW\xa5Q\x87\xbcc\x9d\xec\x98\x80MK\x8a\xce\xb5Eu\xcf]\xc3\xd0\x85B\xa2\xc1\x1a\xd4\xdb;\xe5{\x0f\xee\x95?\xc9\xb7\xbeY7\xb3\x84e\x11\x17\xc6\xd5\r\x82\n\xf9\\\xa4\x15\x81\xbdJ\xb5yb\x8b.\xd9\xed5_P4+\x98\x0e.\xbe\xf8\xe1\x87\x17\xa7\x8dF\x17~\x96JT\x01\xc0B\x93\xb7\xb9\x83D\x1a\x98\x95I\x86\xe8`\xa0\xaaV;\x9dN\x15#*\x84\xa8V\xdbm\xe0\x9c\x1e\xdc+wv\x17&lt;\xafe\xb6\x9e\xb5\xdc=w\xae\\\xf5Md\xaey\xd1@E\x08\x16\xd9\xdd\xa4\xceO\xe5\x18\xfa\xfe\xa4\x0450\x1cw\x9b \xa1h\x86\xee\xdcy\xd2\xa4\xad\x8dn7\xeaz\xd9B\xaf\xdb=\xe8\x1dtK\xe4^\xbc\x04m\x8f\x0b\xbd\xfd\xe1\x9f\x01\xe1\x89\xe95\x93kS\xf5\x00\x00\x00\x00IEND\xaeB`\x82'</t>
        </is>
      </c>
      <c r="M247" s="3" t="n">
        <v>45492.67751157407</v>
      </c>
    </row>
    <row r="248">
      <c r="A248" t="n">
        <v>859970</v>
      </c>
      <c r="B248" t="n">
        <v>1977</v>
      </c>
      <c r="C248" t="inlineStr">
        <is>
          <t>Matías Zaracho</t>
        </is>
      </c>
      <c r="D248" t="inlineStr">
        <is>
          <t>M. Zaracho</t>
        </is>
      </c>
      <c r="E248" t="inlineStr">
        <is>
          <t>MC</t>
        </is>
      </c>
      <c r="F248" t="inlineStr">
        <is>
          <t>MC</t>
        </is>
      </c>
      <c r="G248" t="inlineStr">
        <is>
          <t>MC/MEI/PD</t>
        </is>
      </c>
      <c r="H248" t="n">
        <v>171</v>
      </c>
      <c r="I248" t="n">
        <v>15</v>
      </c>
      <c r="J248" s="2" t="n">
        <v>35863</v>
      </c>
      <c r="K248" t="inlineStr">
        <is>
          <t>Right</t>
        </is>
      </c>
      <c r="L24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de88dd4-6ef0-40c8-ab8f-a8dafebfda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`\xb7\xe5\xaf\x00\x00\x03\x00PLTE\xff\xff\xff\xfc\xfc\xfd\x0c\x10\x19\xff\xfd\xfe\xfc\xfd\xfc\xfa\xfa\xfb\x0e\x13\x1c\xfe\xfe\xff\xfd\xfe\xfd\xfc\xfc\xfb\x12\x1b\'\x13\x1c)\xfe\xfd\xfc\x10\x19$\x16 ,\xfa\xfd\xfd\xef\xbf\xa8\x0f\x16!\xf7\xf8\xf9\xed\xbc\xa3\xed\xb7\xa1\xde\xaf\x9e\xe7\xb8\x9e\xe1\xad\x98\xec\xb7\x9b\xdd\xa9\x94\n\x08\n\xe5\xb4\x9e\x0f\x0e\x0f\xe9\xb4\x9f\xe6\xb2\x9c\n\x0e\x15\xec\xba\x9e\xda\xaa\x96\x1d\x1c \xd9\xad\x9b\xe9\xba\xa2\xfe\xff\xfe\xe7\xb6\x9a\xde\xab\x99\xd8\xa6\x93\xf6\xfa\xfd\xed\xbb\xa7\xff\xfe\xff\x13\x12\x14\xf2\xc2\xad\xe2\xb1\x9a\xdb\xa7\x90\xdf\xaf\x9a\xeb\xeb\xed\xf4\xc5\xb2\x05\x04\x05\x17\x17\x1c\xde\xa5\x8a\xd7\xa0\x85\xcf\xa7\x98\xe1\xb1\x9e\xf3\xf5\xf6\xf3\xf8\xfc\xc9\xa2\x92\xe1\xb2\xa2\xd4\x9a\x80\xcf\x8cs\xe4\xab\x93\xd7\xa4\x8b\xd5\xa9\x99\xe1\xb5\xa5\xde\xaa\x8e\xb9x`\xda\x9b\x80\xfd\xfd\xff\xf2\xbe\xa4\xf0\xba\xa1\xc2\x81g\xb1r[\xf0\xf1\xf3\xd2\xa0\x8d\xc8\x8ew\xba|e\xdd\xa0\x8424=\xe0\xae\x94\xc7\x97\x84\xdb\xa2\x8e\xe5\xb3\x97\xcf\xa1\x93\xe7\xaf\x94\xcf\x97~\xe4\xe5\xe7\xc8\x89q!!(\xb5u^)(.\xc0\x90\x80\xd0\xad\xa2\xda\xb3\xa5\xdd\xe1\xe5\xd4\x93v\xadmW\xd2\xa1\x87\xc0|d\xd7\xaf\xa1\xd3\xa6\x93\x1a\x15\x16\xd3\x9b\x86\xd7\x98{VZcEHQ\xcd\x9d\x8b\xea\xb2\x99\xafzg\xe5\xb6\xa3\xce\x9d\x83\xf6\xc9\xb9\xc2\x9e\x92\xc7\x91\x7f\xe2\xaa\x8f\xf3\xc1\xa9\xc8\xa6\x9b\xd0\xd5\xda=AL\xb8\x85u\xc7\x84k\xc0\x98\x89\xc0\xc4\xca\xa7hS\xd1\xac\x9b\xcf\x92x6;FJNY\xf7\xf5\xf5\xd8\x9f\x8b\xe6\xad\x9bacm\xe8\xbc\xa8\xdf\xa3\x91\xea\xf0\xf5\xa4{m\xce\x97\x86\xcc\x87m\xe8\xb7\xa7\xba\x8d{\xe4\xe9\xee\xa5\x82y\xd8\xbd\xb4*/8\xc0\x8bv\xd6\xda\xdf\x9crf\xaf\x88|\xc7\x9b\x8a\xc9\x95{\xb5\x8e\x81\xaf\x82q\x8a\x90\x99\x9a\x9f\xa7\xfe\xff\xff\xa8\x87\x81\xcc\xcf\xd4\xc1\x88n\xb9\x80l\xe8\xaa\x97lq{ (4\xab\xaf\xb5uy\x82hir\xe6\xa8\x8e\xd0\x8e\x7fkQJ\xb9\x93\x87\xb1\xb5\xbd\xe5\xba\xad\xb8\xbd\xc4;9@\xa4\xa7\xaf|UM\xde\xb7\xab\xc6\xca\xd0|\x7f\x89yL&gt;\x93\x98\x9f\x92ph\x8eWH\xd2\xb5\xab\xed\xc3\xb5\xf4\xed\xee\xed\xbd\xafI?C0\x1f\x1c\xa5p^\'"&amp;l@6\x80`X\xc2\x81nS91mY\\\xd9\x99\x880.3\x90h^\xdb\xcb\xcb\xe6\xdd\xdd\xd8\x86\x8e\x85\x88\x90\xab\x90\x8c\xb7\x98\x91&amp;\x17\x15\x85g`C32\x9ebL\xc3n_\xdc\x90\x909($F-\'\x83os\x98\x82\x82\xf1\xbb\xa7URZ\xe1\xd4\xd4\x93aO[C;\xe7\xa2\x99\x9cyq\xb8\xa1\x9f\x9dh_\xe5\xbe\xb3]JJ\xdd\x90{\xeb\xac\xa0\x9bE:\xd1\xc1\xbf\xb9aT\xc2\xaf\xad\xcc\x81\x85\xda\x98\x99\xee\xe0\xdf\x9eWX\xbb\x88}\xae`g\xe4\x9f\x8b\xbbsv\xc5\x80w\x92xw\xdb\xc3\xbe\xce{d\xfb\xce\xc7\xd0\x8f\x8f\xaf{z\xacUL\xc6\xba\xb9\xbagk\xd9\x80y\x9c\x8c\x91\xfe\xff\xfd\xec\xc8\xbf\xaa\x9b\x9do:\x1d\x06\x00\x00 \x00IDATx\xda\xbc\x97aL\x1b\xe7\x19\xc7q\xed\xeb\xddU\x96\xa8\xbcH\xa9N\x97\xa2\xbeU4\x95\xdc\xa4\x11_\xd4Q\x15\xa7\xaaL$\x1b\xc5\x9cT)\xc1\xe7\x8b\x06\x96\xd3\x0b\xf6\xe2*i5\x8c\x87\x85\xbd\xcc\xd2\xa8\xab\xa6N\xc8\xb6@B,\x1a\x9c:!\x86\x06\x03C\xb11\xc6\x96\xf9\x001 \xd9F\x16(\xa1|\x8f\xb4\xa1M|A\xd9\x9e\xf7\x98\xa6}\x9dt\xe4\x05\x9f\xad\xc3\xf8~\xfe?\xff\xe7\xff&gt;WW\xf7\x7f.\x92$)\xf8!)\xbd\x9e\xa6i\x82 &gt;\xc0\x0f\xc3G\x1f47\x7f\x04\xaf\x088\xa9\xd3Sg\xce\xe8I\xb2\x0e\xbf\x8f\xac{-K\xb9\x1a\\\x0e\xa0\x08\xba\xbe\xb9\xb3\xf3\xdb\x9bO\xfa\x1e\x0f\x0fOLOO&lt;\xea\xebi\x03*\x9a\xa6(\x8d\x16\x13\x91\xaf\x11\x0bSQ\x14Mk\xda:\xfb\xa6\xc3\xe1\xa9\xb0O\x90D$\xf2o\xf2\x92\x10Z~|\xb3\x89\xa05X3\x0c\xff\x1a\xb0\x0e\xbe\xbc\x82E\xd1\x94\x86\xe8XN\x16\x11\x12\x91\x8c\x10\'\xcb\x1c\xe2e\x99\xe7\xc5\xa8\xcf\xbd\xfc\xa4\r\xd7RC\x93\xff\xb3\x0e\x93\xeb\xa0\x86\x1a\x8a"\xa8\xdf\xf7\x85\x11\xcb\xca(\x8b\x10\xcfr\x1c\xcb\xa1\xac\x8c\x9fYx\x95\x8c\xdf\xefl\x06\x9bQ\xff\xad\xe2aRa\x99p\x01\xb1\xd1\x9b\xee{x\x8c\x92\xcd"\x8e\xe1\x00\x88\x87264p,\x03g\x11/\xb9\x87;\r\x06Z\xabW\xfe\xe9P\xd5"I\x1d\x08\x80]E\xb4u\x0e\xfb\x00E\x14e\xd0\xc7\xc8\x00\x92$IBT\x92@9^\x92D\x9e\xe7\xa5x\x9fRJ\xdc\x19\x18\xec\x10\xb1\xb4p\x91z\x9an\x1e\x19\x8a\'E\x96A\x12(e4\xb2H\x12\x84\xa4/\x19\x0c\x82\xf5\x81\x08\x1e\x1c\x07O\xee\xe1\x9e6\rV\x96&lt;d\xb5\xb4\xb4FS_\xdf\xf6\xa8\x06\x86\xe2\xb0\x89\x00\x8b\x15\x93I\x01\xb0\x82Q\xf1-T\x8c\x8a"\x08\xc77\x18\x19P-\xe9\x9e\xbeiP\x92\xec\x90\xd4"\xef\x90\xe4q\xf8\xcaz\rQ\x8f]\xc5\xcb\x1c\x03\x17\x06,N\x14 \x1f\xc0M\xe8-$\x8aQA\x08\xfa|PJ\xf8+\xd4\xb8\x18\x1c\x85JR\x04\x81\xb1H\xd5}O\xd6i\xebN(\xc9\x00^\x9f\xf0\xf0\xd8PF\xb8,\xe29^\x8a\x02\x0b\xe2x\x11\x14\x8bF\x83\x1e\xa8$\xcf\xa37\x1bx\x96\xe1\xc4(\xf4d\x07\xa1\xd1P\x87\x11\x12w\xea\xc8\xe3J;\xe9h\xe8\xc0\x10\x92\xa1\xdfp\x95DH\x08^\x94\xa2BP,F\xbf\x07\xd1$1\nL,\xc3C\xb4"\x99e\x18\xd1W\x0bOw\x12\xb4\x9e\xd2\xd7\xa9\x0ev\xfc\x04I\xe9tZR\xa73\xdc\x1c\x0ee\xb1\xadp\x91\xf8\xac\x08\xc5\x03\xb9|&gt;\xc1\x13\n\x05E\xb1(DEhC\x88\n\xe5\xc1\x1a\x1b\xa2\x1eOh\xb8\x89P\xf6#\xb5\xfb\x11&gt;\x8d\xc2\xa9\xad3\x8c\x8c\t\xd8\xe6\xb08\x96O\x86\xd2\xc9,\x92|\x9e\x90\xc7\x17r\x87C\x9eZ\xcd\x1d\xc2\xed\x88\xc4\xef%\xa1(J\x9c\x91y\x83\x17\xb3\x9e\x89&amp;\rA\x13\x90,jc)\x1b3a\xb8\xb9,@n\x82\xaf 3\xb9hx\xb4V\x94\x92!\xb7\'X\x14j\xee\xf8\xd4\xd4X8\x1e\x0e\x01)\n\x02(\x84\x05~#|\x01\xde\x07z\x19@/\x9d\xbaX\xda\xe3Z=\xad\xd7\x81\xdbkY\xe0a\x18\xb0;+\xba\x87\xe2\x82\x94\xac\xd5\x92\xc5b\xd63\x1a\x9e\x1as\xbb\xc3q\xb7G\xe2X)\x14\xf2\x81Z8\xd3p\xbf\xf2(4\x01\xdb7\xec\xddwH\x95;\x91\x04\xb5\x0c=cI$\xe3h0r\x1cr\x0f\r\xb9\xa1l\xe1\xf4Z\xba\xb2\x16^\x9e\xaa\xee\xec\x14\nqwZ\x92\x91\x00IV\x94\x0e\x8a\xcd\xb0\x08!!\xdcg \xf4\xfaC\xf0\x16E\x1b:\x96\x8b\xd0\x84\xb2\x0c\x89\x94\x15}C\xd3\xa3\xeeZ&lt;^\xd8Jl\xe5\x13\xcb\x1b\xab\xab\xab\xd5\\n\xb5P\xd8\xd9\xd9I\x97\xd7\xd62%\xbc\x853J\xb9a\x17\x18j:\xc0"\xd5\xf5\x96\x8e\xd6\x19&amp;\x920\x1e\xb0xz\x91\x92\xc9\xd1\xe1\xb1\x9a\'&lt;T-\x14R\x0b\x0b\xbb\xff\x9a\xc9\xedn\\\x9fY\x9a\xd9\xdd\xadV\xab\x85|\xbe\x92YK\xa7\x8b8s\xa1m\x11b=O \xedujb)y\xa3\xa1u#n\x1e\xfaO\x96e\x04\xc1\xee\x19\x9b\n\xa7k\xfb\xfb\xd5\xd5\x99\xd4\xc2\xe4\xca\x8b\xc1\xe7\xcf^\xdc\xdd\x1b\xbc\xbe\xb2\xb1\xb1\xb1;\x99H$\n\xd5\xa9\xc2Z\x06\xab\x0b1&amp;\xb2\xd9\x89?6\xd3\x84V]\xac\x13Z\r\xd56]T\xa0\x00\x0b%k\x9ex\xb8P\x1b\xdb\x9fYz\xfe|6\xb5\xbd\xf2l\xef\xe1o\x9f\xdd\xea\x9d\xbf\xfd\x97gw\xef^_Z\x9a\x01\xbaja+\x9f)e\xca2\xb8\x9e\xe3&lt;\xcb\x1d4\xa1\xa9SW-Jw\xa6\'\x8c\x18e\xea\xe3\xb8l:\x0eT\x85\xc2\xfe\xf5\xcd\xed\xbd\xbd\xf5\x80\xf7\xc2\xcb\xbd\x87\x17.\\\xb8g\xbe\xf1\xf0\xea\xad\xbd\xbb{{{\x83KKK\xb9Tj\xa7\\IK\xb0\x9d\xb3F\xd6\xd3g\x80\x1d[e*\x1d\xf1\xd8\x03\xe3\x1e\xca&amp;}2SJW\xa7j\x89\xd4\xea\xca\xe0\xba\xf9\x86\xd7\xe9\xb0\xdd\x88\xdd\xe8\xf5\x9e\xbd\xd4m\xea\xff\xd3\x97\x7f{y\xf5w\x7f7[\xbd\x03\xdbK\x9b\xb3\xab;[\t\xe8M\xd8\x14\x184\xd5F\xc3N\xa1\xea-\x85\x8en\x1a\xc2\x06\x96Q\xc8S*U\x16r\xd5Djv\xfb\xb6\xd5j[\xb4\xb8\xcc\x16\x9bc\xd1\xea4u\xb7\xb6\xf6\x9f\xb7/~\xfd\xf9\xa5\x88\xdf\xffe\xef\xf6\xc0\xc0\xf6nn\xb2\xea."\x1c`\xdch\x93\x9a\x9e\xc7Xgh\xba\xa7\xc6C\xb73\xc8\x97,\xe7\x17R\x93\x1b\xb9\xd9\x803\x100\xbb\xfc\x91\x88\xc5\x1c\xb0Z\\\xfe\xae\xee\xd6\xf6\xd6\xd6.\xd3\xf9\x96\x96.\xd3\xd9\xf31o\xef\xed\x81\xbb\xb9\xdcFX\x99\x15\x8d\x8cp\xbfMU,\xadVK\xd0#\x1e\xd8J\x8cF^\xc2T\xa9Y\xef\xbc\xd3\xe1\x0cX]\x16\x93\xc9\xef2;"]\xdd\xed\xdd]\xfd\xfd]&amp;S\x17^&amp;S\xbf\xa5\xf7B\xac\xf7\xe1\xf6\xea~\x151\x18\xcb\xc8\x8e}\xabSo\xe6R\xb0\xe8\xe6a\xc9\xa8|\xb6\\\xc6T\xeb\x01\xab\xc3lu\xb8\xfc\xfe\x88\xdf\x1a0G\xba\xbb\xdbA)\xbb\xddd\x89(T\x11\xa0={6\x16{90\xb8R-\x1f`1\xa1\x1e\x95\xb1\xf4t\xc7\xe8\x1b\xcaG3\xa5Jj\x16\xa8\x9c\x0e\xb3\xc3\xe1\x02,\xff?\xacN\x0b\xae\x1f`uw\x83L&amp;L\x15\x89\xd8\xfd\x8b\x8b\x96X,\xe6\xbd5\x93\x97\x15,\xa3\xd0w\x08X\r\n\x16\x9b\xc9\xcf\xae\x03\x95\x15\xa8\xcc.\x97\xcbb\x81C\xc4\xa4`\x01\x95B\x14\xf1[\xf0i\x1b,\x97\xcd\xeb\xddNeXE\xaf\xe0\x88\xcaXp\x07\x1dg\x94\x12\xca\x99\x85\xff`\x99\xcd6\x1b\x1c\x80\nl\x0fr\xb5\x02T\x04\xe3(LPa\xb3\xc3j\x066\xef|\xaa\\\x82\xb9\xd1h\xf4\xa9\\\xc4\x13\x1a\xba\xd3\x8d\xef\xbcJ\x19\x08\x87\xcd\xc0\xba\xd3juX\xe1\xe0\x84\x8bc4\x7f\xc4\xa48\xca\xe2\xb2\x98\xe1\x8c\x0b\xce9\xe0-\x0e \xb7\xc5\x1c\xb3\x95L\t\xa2\xcb\x18|R\xaf\x1e\xd6q\xb8\xe5\xa1\xe8\x0e\xc0b\xe4r\xb9\x8c\xb1\xc0YV\xe7:$\x84\xd3\x89\xb1\xb0&gt;\x96\x08\x16\t\xbfP\x8e\xd0\x9cN\x85\x19\xd4\xf2n\xe6\xcb\x99L\x89a\x84&gt;\r\xa9\xda\xc4u\x02ny(\xbai\x14\xc6\xccLe\xad\x92OmB\x17:\xac\x01\xf0=\xd4\xd2as\xf9\xedv\x88\xcf\x08\x94\xcc\xec\x87\xd7\x90\x12]&amp;\xbb\xc5fubMq\xa57\xb7*\x95rFf\x8a}\x84\x8a[\xb5\x82\xd56\xd5\x00\xd9\xb0\x96\xcfo\x01\x96\xd3\x81\xd5\x02,\xab\xcdb7\xf5w\x81\xd7#\x10_\xfeH\xbf\xe21\xb0\x7fw\xbf\xdd\x06e\xb4Z\xcd6\x8bm&gt;\x85\x07\x9d\x12+`,UwE\x9da\x18\x81X@\x05X\xf3 \x97\x13"&gt;\xe0\xb0\xd8\xfb[Z[[\xdbO\xb5\x9b\xbaZ\xbb\x94\x98ooo\x7fp\xee\xc1\xa9\xf6\x16P\x0c\x0c\xe6\xb0Y\x16\xbd\x9b0)\x963\x9c\xa0\xaaZ\x07X\xf7%\xb9\x0cP\x89\xc4\xe4\xe6&lt;\xa4\x83\x13\x1b\xcc\xd2\x7f\x1e\x90N}u\xfa\xdc\xe9\xd3\xa7\xf0z\x00\xeb\xdc\x83\xcb\xef\\&gt;\xf7\xd5\xa9\x96\x96~\xbf\x19\xcb\xb5\x18\x9b\xcf%\xf2\x95\xb2\x9c\xec\xa1U\x1dO\xc9:\x9d\xe1Q\xb1\xb4\x86\xa1&amp;\'7\xbd6\xa0\x82\x88\xb0\xd9[\xae\x01\xd3\xd1w\x8f\xc0\xba\x0c\xeb\xd8\xb1w\x8f\x1dy\xe7Hcc\xe3\xb1?\x1c\xfd\xecZ\x8bRI\\\xc6\x81\\b\xabR\nuhT."M\xf4%3[\x89\xc9U\x18\xa3\xe6\xbd\xe0\xe6\x80\xd3\xb6x\xf6\x87\xcf\x8e\x1e\xfd\xd5\x17\xdf4&gt;}\xda\xf8\xb3\xc6#G\x1a\xdf~\xfb\x8b\xc6\x93sssO\xe7\x9e\x8e\x7f\xf3\xf1/?\x01\xc1\x16\xa1\x19]\x96\xd8`nr+\xe3n\xd2\x9cQw\x0e\xd4\xd3#\xe9\xb5D\x0e\xc6\xce\xc1\x01\xa0\x82h\xb0\xdd\xfb\xe1\xebk\xef\xfd\xfc\xfd\x8f\xc7\xe7\xae\\\x99\x9b\xfb\x05^\'a\xcd\xbd\xfa\xe7\xab\xb9W\xaf^\xfd4&gt;\xfe\xe9{\x9f\\:o\x8fA\xd6/\xc6\x06\x97&amp;+\xf16\x8aT\x17\x8b\x86&lt;M\xe7ff0\x95w\x1e*h\xbb\xf7\xe7\xdf|\xfe\xfe\xc5\x8b\x17\x7f\xfci\xfc\xc7\xf1\xf1\xb9\x93W\xae\xc0/\x00~z\xf1\xc3\xab\xd7gv\xf7W^\xfc\xf5\xbb\xef~\xfd\xe1\xbfi3\xfb\x9f\xb4\xd2,\x8e\x8f\x01SHL$\x16k\x19\xb7f]\xb5\x10\\\xdf\xc8r\x1d\xa3@\x91\xbaS-WF\x10\xef\x10K\x9b\xaauq\x87"\xf6\xd2&amp;\xe0\xb6$\xe2H@\t\rQ\x91d\x9c+\x9bm\x043\xd9\xa5IWw\x8a\xe3[\xa5\xb6\x19[,3cM_\xb4+ml\xd6i\xec8\xcc\xc6\xc6f\xbb\xe7b\xff\x82\xc5=\x91\x1f1\x1f\xbe\xe7y\xce9\xdf\xf3\xb4\xea\xd1\xea\xdaZ\x82\xb0\x8d\x87\xd7\xaf\x9d\xa4\xd1\xf6\x1b\xab\xe4\xdaz\x98\xa4\xf2\xe8@\xad\xc6\x11\x97\\y\xe5\xf4\xe9\xb5{\x8b0\xba;\x87\xca\xcf\x04\xe3P\x1d_\xf7\x88\xc7\x9c\xab\xf3KKK\x7f]_~\xfbnm\xed\xb4T\xef&amp;\xe6\x08\xc2h\x0b\xfb\x97K\xf6[-*\xfd\xe4\xb7\xfe\xf0\xf8\xaa\xcdc\x1c\xd1\x1d\xaf\x1dq\xa9;/\xdc\xdb\x9e]\x9f\x9c|\xe2\x9f\x1d\xb79\x94q\xbd\xfe\xd3Q\x90)ux\xfag\xd7\x9f\x80O\xfc~r~y\xf1t\xa7\\\xebF\t\x82\xf0\x8c\xcf/\x7f\xba\xefX\xd4\x93\x7f\x9f\x1f_]u\x1a\x8d0\xac\x10F\xa3m{y~\xf2\xd44\x14X\xff\x82\xcd\xe3\x90V\x04y\xa4^\x8c\xbaf\xb7\xda\xe1\xb1-\xc0\xd5\x03\xc9\xe6\xd7.\r\x0c*\x07\xdd\xa8J\xe5Y\r\xff\x1f\xb0\xe8e\x7f[\xde^u\x0e8\x8c$\x94c(&lt;?\xf9\xc9\xf4\xf4\xd2\xba?\xdc\xef1\xba\xe4\xcd\xc5=p\xe2;x\x8cz&gt;\xd2\xdc\xac\xc7\xe4\xf2\xb1!\xe7jx\xf8\xd2\xbd\xb1\xd2\x0b\x0e\xdc\xadR\x19m\xe3\x0f\xf7\x17\x0b\xfe\x15\x8dZ\xf6\x97m\x10k\xc8\xe12\xba\x1c6\xe7\xbd\xed\xa5\xe9\xdb\x93\xfe\xb0\xcd\xe3BQ\xb7\x1b\xd3\x17\x1d*\xe02x&lt;\xc6\xd1\x06\x83D"A\x90f\xbd^?\xa8\xcd9sE|\xae\xd3\xe6\x91\xa3*\xd7\x80\xf3\xdd~\x9f-\n\x8d\x9a\xf6\xe6!\x885\xa4v9\xd4\x9ep\xd89\xec\xf7\x8f/vJ\x8f!\x02=\x02\x04\x98\xbe\x8e\xc1\xe5\xae\xfc\xfap}CC}\xbdD\x86\x99\x81V&gt;\xa8\x15W\xf6U\x9e\x1b\xb3\x19q\xd4\xe5\x18^;\xb9\xcfj\xe5\xd3\xa8\xc9\x7fz\xe8\x84\x1c\xaa\xd5\xf2\xceq\x7f`u\xec\xc2\x85+WZ\x9b\x9b\x11\x88c\xc7\x04f3r\xf4\xe0\x89\xc3"\x91\xa1\xae\xfeh=\xbfM\xa5"\x08\x97z\xd0\xae)*l\xef\xa9,\x97\xbb\xe3Xe\xfb\x87\x95G.\x98I\xac/\xa1\x16\x90X\x83C\x0b\xe3\x03\x83\xa5\xe2\x9c\xf2N\x87\x07n\x00A\xb8\xf5\x18*4#dG\xe4\xcb$\xc5\xc5Ef\x82\xd0M\xf5/\xd8:q!&amp;9\xd4\xd3\xd3\x93\xce\xc1P\xc7\xf0\xcb.Z\xfc\xd9(\x7f_\xb6"d\x1f\xcb\xa3&amp;=\xda\xc3\x1a\xec\x1c\x18*\x15\xb7\xb6J\xd56\xa8\xdc\x81\xd9\x85g\x97k\x8c8QM\x98\xe2\xa3s\x9b&amp;\x9b\xe3\xae\x9d\n\x90#\xd6\xad@\xff\x08\xda\\\x0f\\\xed\xc5pA\x9d$\x16\xe5@\xfcw&amp;\xd8\x1a\xe1\xeb\xf90\x9dRhI\xb4O\xd7\x00K-\xd7\x96_:}.\x87\xe3\xd6M\xcd\xaeCq\xfaf}\x1eF\n\xa3\x8e\x1cQc\xc0%D\xb5\xf2\xda\xc7\x81\xf5\xdb\xa7~{{zr=\xa0C\x91\xba\xcc\xdcC\x85E\x18\xee|\x99\xb6\xf7\xfa\xf3\xc5\x07\tS\xc5\x83\x92BII*!\xb1\x1crm\xe9\x99\xebg\xb21\xddT\xe0\xd6\x1f\xa6O\xfd\xee\x93\xcf\xbf\xf5\xcf&lt;\xd65\x81\x91\xed%\xbdX/\xe12&gt;\x0bl?\xfc\xec\x8f\xbf\xf9\xf3g\xd7\xde\xfao\xd4`\x92\xc2\xcc\xc2\xc2"\x81{\xe0e\x1a\x95N\xa5\xd2(\t\xaf\xdf\xe2\xfb\x87\xf8\xee:9\xb5\xec\xcd\x1eV\xeb\x99\xeb\x95E.]\xe0\xd6\xfc\xa9\xc9\xc9\xe9\xc9\xcf\xdf\xce\xce\xdc\x80.i\x12\nICf\x82\xe1}"\xb0\xba\xfdd\xe9\xfe\xe4\xe4\xc3\xb5\x85\x99\x899\xa4\xae\xae\xceP$0\x0f\xbd)+yt\xb7,\x15\xd0\x12\xc4\xfa"\xde\x0e\xc9\xcd\x08=5\xed\xceb\xfcl\xb5\xa6W\xa6K]\x13?\xcc.\xae\x83q\xf8~=@\x9a\xec\x07\x8d\xef\xad\xa2\x10\xcc\xc5\xd4\xb3\x1f\x9f=\xbe1\xe3\x9f]\x85i\xa3Q%(\xaa\x93 U\x086\xf4\xf2\xcep\xff\xc0\xcf]\xc9\xa9\x89\xaaE\x01\xa7B\xa7Q\x01+99\xed\xd1\xbd\x81\x01\xa3\x1a\xe6\x86\xe2l\xcd\xd4\xccL \x1c\x98\x99\xb91\xf1x\x02L\xf6\x83\xa69\xb3/\xb4\xb5\x05^\xd1\xd4\xd8\x08fg\x04W;.\xfd\xe3\x9c\xb8\xd5\x8e\t\x04\x08\x9f\x7f\x16\xd3c\xea\xc5\xfe\x9d\xa6\x16\xcd&amp;}\x1f\x92H!\xd7\xe9\xe4\x96\xb9+\xed\xee\x1a\x88%\xd7j\xa5\x9cf\xb4q\n\xe6\x1b\x9b\xd13\xa2kz\xf0\x18\xcc\xc6q\xd4g\xae\n)H\xb9\xaa\x8f\xd7\x00\x96\xcb~\xac\xbd\xa7\xa7\x98\x85 \x80\x85\xf0\x05\x9af\x0c\xefo\x8a\tc\x91\xabe\xf4\x94\x84\xb1\xf2R\xe8\xe4\xcbH\xc9\x9b\xb57\x8f\xd6\x86\xd5\xb8\x1d\xc7\xf5\xcdn\x98\x08P\xd4.\x95\xda\xd1Zr\xa8\xaf\xa9\x05\xb1|\x82P|\x0f\x01&amp;\xb6\xb6V\x85b2I\x9dA"\x13 2R.\x04\xb1\xb8q\xa30\xfa\xf4\xbb\r{\t5\xaeV~~\x02I\x84[\x98LM\xba\xf9\xf2\xf5\x8f\x13\xc3\xef\x00\x0bB\xafGU\xc4\x08\xe1\xc24z\x18YFju0}\x9a}B\xb3\x80?\xca\xafj\x8b\xafG\x08\x14\x13\xc8$\x12\x83\x81\xcf\x97\xf1\x11\x01\x02=\n\xc1p\\6\xba\xb5\xb5\x1b\xdb\xdc\xdb\xbe%\x80E\xde\xc4$H\xe3\x9d\xd7\x91\xb9\xa6\x07\x0bN5p\xb9\xdd0\xa7\x10.\xd4\x8d\t\xa0\xba\x13\xb5\xb5sss*3\xaa2\xcbFE\x06\xa4\x8d,\xa9mmf\xb3@\xc6\x07.&gt;_b\x90\x00\x13\xa4R#\x97[\xbd\xd1\xe8n\xe4\x9fiP$(\x94D\xb1 \x8d\xca\x9d\x88O\x18\xab\xb19\\8\x8aC\x7f\x83&gt;\x8cA\x00Lu\xb5\t,\xb5\nU\xa1\x1a\xbe\xc8kP\x90\xe6\x95\xfc\x08\x04U\x08\xa8e\x10\xd5\x1fm\x80\x81\x82\x04\x93\xcbCQ\x88HzW*\x89\xf5\xc1\xff\x8e\x95\xb7\xa7\xd6\xcd\xd7;\xbb\xa1\xaa\xb3.\xe3+\x17\x8e\xa3{\xa3\x8c\x003\x9bU&amp;Su\xb5J\xa52\t}\xa8\xc6j\xf5zE[\xb2x\x99\x88o\xbb@\xbd\x86\xf3L\xe6Af\x96\x01\xfa\xb9@\xa3\xb5\x0bc\xb1\xddhDy\x13*DBX\xa4\xe7\x01\xb16k"O\xa3Q\x85\xdd\xe1\xc0\xf7\x02\xd3k -\x18pU\x9b\x00\x8b0\xfb\x04Vo7\xf3y\xb7w\x0b\x80d\xa4\xd1\x96\x85d|\x11x\xc6\x8b\x17\x19\x07\x0f\x1b\xe0\xcc\xc3\x05\x89F\xdb\xce\xeen\xfc\xfb&amp;\r\xd4\xcaO\x08+\x0f\xd4J\xbe\xbb\x11\xf9.\x16Uha\xaa\x91\xcbq\xb7^/=\xa6PX\x10\x01)\x97\n\x850\xfb\x14\xdd\xdd\xcc\x95\x95\x15\xa6w\xb4J 3\xf0I\xb3-\xe3\x1b\xce3W\nx\x05\xdc\xdcz\x89\xc5"U\xda#\x91\xaa\xd1\xe8&gt;`A\x93\xceKJ\xa1nnD|\xb1^!\x06s\x1dp\x01\x14;C\xc4R\x00\x96\x10\xa4Bq\xa8\x13\x96\x8f\xfa\x82q\xeb\xb3\xc2\xb4\xfaB\xcf\x9f+\xf8V\x83uTt&gt;\xeei\xb9\xb9G2\x14\xd2V\xa5oc\xa3\xd7\xcb4\xd97\xa1c\'\xa8\x16\xd9\x13S7w"m-\x91\x16T&gt;\xa8\x94\xe3r)\'\xbb0\x83Ud\t!\x90F\xa1\x10\x95\xa6k5\x99\xc1\xaf\x7f\xd9\x8b\x0e\xe6V\x88\xcd\xcdP\x88\x9e{\xbd\xe7\x0f3Op\xc9\xc8\xcd\xe2h\x95\xadx$\x16\xed.\x08\xe1w\xc9UD~\x027\x91|\xcdO\xa1\xa6n^\xde\x10\x9a\x84\xa69uy\xf9 \x88\xc5.f\xb3\x14\x16\x85\xd5j\xd1\x00\x98\x9b\xc3\xe6\x00UG\xc7/\xf0\x07X\x05+G\xb2\xdb\xb3X\xa2\xee\xee\x06\xc0b\x14\x80Z\xdc\xdc\xcclm\xab\x18o\x89E\xb7\xbc[\xbeG\xc9\tb\xc5_\xa1\xa8\xf4\xcd\x9a\x17&gt;E(r\xd9X\xae${\x0f\x9b\xcdQX\xac\x19Y\xa4dP\x8f\xec\xff\xea\x0b^\xbf\xf2\x15\x18}\xc0\xea\xf8\xaa\x8f\xd7\x11L\xef\x86\xc8:\x0c\'\x9eQPP\x00\\\x99l\x8eXlG{ww\x85Q\xdf\xcfiq\xac\x046n\x94\x03\x94\xdfS\xe97G^leh\xe6\x1a_\x95+\x95JqNN\x0e\xcb\xa2\xc8\xea\xeb\xcb,\xac\x83T\x9a\xf1t\x1e\xbb\xdf?^\x19\x04G\x16\xbc\x17\x9e\x1d\xe2uTXE\xddG\x0e~\xfc\xf1Er+\xc1\x83\xc3\x95\xc9\xca\xce.\x1d\xd4\x08#\x91HLEb\xe5%\xf6J}\xe0@R*\xbd\xeb\xd5\x86\x97e\xf1\x8d8\xcaI\xaa\xf4\x8at6\x87\xd5\xd7\x13l\xcf\xcc\xcc`\x85z\xd1\x8a\xe0O?|x\x7f\xa1\xb2\x8f\xcb}u\xebW\x1f\xce&lt;\xed\xe0Z\xadY\xdc\x8b\xef\x97%&lt;Fnf1\x87\xc5n\xd5\x16E7v6b\xa6\xab]\t&amp;\x11\xb0h\xb4Tz\xf2P$$\x08\xcd\xe9\xdecUV|\xc4\x86\x9b\xd7\xd3\x0e\x1cY\x16\x95\x8a\xcdDg\xee\xdf\x9fUvw\xb3\x8c3\xf7\xbf\x99\xd8Zyn\xb5\x9e_a\xf0\n\x0e\x929,`\xb4\x17gs\xb2\xd9be\x9d\xf0\xc5\x8b\x9d\x98\xeajW^bX\x14\ni\x11\xe9\xd4\xb1HKK\xefq\x9d\xba\\Y*\x16\xa7W\xb6WV\xb4\xf7\x04\x83}}A\x1e#C\xf3\x93\xcf+\x1a\xb9\x11P\xb2\xad\xacl\xb6\xfc\xd9\x14\xd4\x07\xa0:A\x9al.y\xb6\x18\\\x10\xeb\xbf\xb4\x9b]H[i\x1a\xc7\'$\x92\x04\x02\x06s\x8e\xc7\x10\xce\xc1\xc3\x89M6\xa5\xc9i\xa1=)I\x8d\x893Na2\x03\x9a\xc6\xe9\xb0x\xce\x85$\xb8\x107%\xad\x01\t\xcd\x82\t\x06\xdc\x94\xcaP\xb3\n\x16\xd6+Er\xd1\xc0@c\nC\x19\x10T\xd6\x9b\xf1F\x1c\xc2VV\xdb\xf5\xb3\x8a\xe0\x14K\x87\xfd\xbfqw\xd9\xfbl\x9e|\x104\x1c~y\xbe\xde\xe7\xff\xe6\x8d\xdd\xcc\xfb\xf9\xe5w\xbb\xbb\xef:O\xcfZ\xd0x\xae\xd67A\xa0A4\xe9\xd6\x7f\x86\xf7\x7f\xfe\xae\x0f\xce\x02\x96\xd7\x8b0z\xe3y\x82u\xe3U\xee\x9b\x8b\x85\xe5\xdc\x84GQho\xa0XR\xf2\x8e\xb9\xea\xfb\xb9\xcd\x11\xb2%q\xc3h4\x19\x1d\xf9\xb8\xdbn\xb7\x03\xeb\xf7\xbb\x9f\xff\xf9\xfd\xfb\x85\x95&amp;m}\xedTM\x82\xa8i\xd2%\xde\xe1s~\xf8\xda\xe3\xa9%&lt;\xc2H\xf3\xb4\x9b\xb58n D\xb6\xafO\x17\x16\xce\xa5d\xb2\xbc\xbd\xbd]*)\x01\xda\x8c\xd5\x91\xba\xc4r\x98LV\x87#\x8fB\x04\x96\xfd\xf1\x87?\xcd\xcf\xff#x\xa0\xaf\x17\x0bm\x0b\\\xba\xbf\x7f\x00\xd6\xee7a`\x11\xae@\x00i/2Y\x07I\x1c\xca\x97Y\x9e($\x92\x1e\xa5\x04\xaa\xb2"KQ\x9e\xa3\xbe\x1cA\x15\x8e\xb0,\xebd\xadV\x8b\x93Ar\xd9C\x9d\x7f\xe8\xbf\xd9\xd9Y\xaa4\xd7\xbd&amp;j?i\x81\xf5\xcf\xc3\x9f\x1e\x83k\xc0\x8f\xd4\x12hw \xe0\xf5\xdal6\x96\xa4\xce&amp;\x95\r\xc5R\x89\xa4\x14\x86PS\x94\x92,I\xe9\xa8`\xd9\x1c\x19\x19\xb9\xb6\x99\x1df\\N\x0b\xa8l&lt;\xc2\x18\xf2\xb5}\xd9\xdby\xbe\xd5T\xff\x9a\xa8\xfd\x04o\xa9\xdf\x1e~~z\xfaxwF\nGkX\xf98\x9e\xdd\x16\x8e%{\xca\xf6Bjq=Q\x90jXJ$-y&lt;\x1e\x9e\xdd\xbcvms\xb3\x8d\xe2\\N\x0eX\x8c\xcd\x8c\xd5\x1dK7k\x9e\xac\xa8t\xda\xfa\xb1zt\x10\xfa\xc7\x1fN\x16N\x7f\x1a Q\x14h\x94"\xcdc\x05r\xb3\x14\x95g\x99\xd8\xc0\xf4b*U\xa0\xe1C\x1b\xcaA\x89H\tO\xd8\x1e\x07\xd6\xdd\xb6a\xce\xc5pN&amp;\xcb\xd8\\\x83X\xaenfw\x8a\x07-D\x90\xd5\x8b\xa5\xebQ77W\xd6\x8f\x91\xd7\x0b\xa8D\xc9O#\xe3\xe3^\x9a7\x9bC\x0c\x85"\x8b\xa6\x00\x95\xea\x0bf\xb3\xd5\\.W\xdd\xf1\xd2~)\x9dHI\x01T!\xe7\xeb\xee\xea\xe5\\6.k3\x0ff|\xc3\xfd\x8cwkL\x8f\x99Y\xdb\xd1QG7\x9d\xed\xd0v\xf4\xa8{\x9a\x9b\xce\x8e\x16\x96;\xbf\x9b\x88]by\x03\x04+\x941[\xe2\xb4\xe4)\x14&lt;\x85\xd8Pn\xa7Z\xad\xbe\x7f_\xdd\xd9q\xd3\xb4\x92L$\xa4\xc0\xb8\x83\xea\xef\xbe\xe9b\xec\x0c\x0b\xac\xaeL\xd6\x91/\xfeVi\xd6\x18t\x97\xd2\xa7\x1eo\xa1\xf3\xa9u\xfaJi\x7f\xa3sa(\x08\xf1J\x13\xf3\xbay\xb3\xcb,\xd2\x08X\x02m#j\xcf,WAT%O\\\xbeXT\xe4dR.\x8d;X_(\xc30\x1c\xb0\\\xa1`d\xfbl\xab\xf2\xbb\xffb\xd5\xe5-R5\xda\xa6\xa6\x83\xd2~.\x17\x8a\x15\xc2\x02Y\x13q\xe7]fF\xf4K\x9eD2\x1d\xa1C\x13\x0b{k\x1b\x1b\xd5\xea\xfe\xc6\xc6\xc6~5\xbf\xb4\xad\xc8\xb2\\\x0e\x00+\x17b8`\x99\xbbC\xe1\x95\x83\xca\x98\nf\xa8W\xbe\x12\xacO\x1a\x8dN\xd5\xdctp\xa6\x08a\xe42\x0f,\x9b\xe8\xb6\xf1.\x17\xb0\x92\xc9dD\xc9\xdb\x17NOO\xf7N\xf766\xf6\x88\x9d\xef\xef\xbc**\xe5rYAA&lt;\xf2q\xe8^\x8c+\xb4,\xad6\xab\x9a{\xd4*\xbd\xae\xee\x03S\xb3\xb5\x83,z\xb5J\xd5RY]y\xfb6\x19\xb6\x0b^\xaf\xe8v\xdb\xc4\xden\xb3(HiY\xa1\x83\xa7\x17\x17\x17\xc7\xc7\'{\x1bk\xa7\'\x17\x17\'\'\'\xa7\x136!\xa2\xc8J\x9c\xbd\xd7\xdb\x7f\xe5J+\xb0\x06\x87\xa4\xeb*\x95\x06!T5whg\xeb\xa3B\xc1\x90\x13\x90j\xb5\xc1\xa0jj\xb9}\xbf\x8c\x06\xe1\x0ex\x03\xc0\x12\xcd\xc8\xadt:\xed\x19\xf8\xe3!lw\xf7\xf0\x98\xd0\xe1\xe5\x9b\xc3\xc3_\x9e=\xf1\xa4#J\xdc\xea\xec\xbd\xd7\xd6\xde&gt;\xecsu-\xcb\x15\x95\x01\x9f\x11\xbe\xea\xa8\x7f\x03\xb5\x83\xa8\xf2\x8e\xda\x11]\xb5\xa12Y\xc3"\rJ\xa0E\x91\x16\x04)5\xf3\xe6\x87\xd7/\x0f\x8f\x89\x1d~\xa8\xf9\xea\xf8\xf0\xc5\xeb\x1f\x9e=\t\xd3\x81q\xd6\xec\xb2X\xa9\xb6a_\xb7+S\xbe\xad\xd1\xe1JW\x11\x82\xd9\xd9\xba\xa9j[\xba\xff\xde\x16\x1c;\xf3\xf8\xd1\xe4\xe3^\x9e\x14\xa3\xc5-\n\xc1\xd1\x1f\x7fy\xfd\xfa%"\xb8\xb6\xb6\xf6\xf1\xe3\xc7\xb5\x8d\xfd\xf3_\xdf\xbcx\xf1l\xf4\xa1\xddmuXB\xaeV\x13\xc5\x02+\x94\x99l\xa99\xaa\xf6[\x88\xcf\xfe\x8f\xa6\xd5\xb6l%\xe1\xadx\x1cc M\x02\xe9\xb4\x0f\xf6}\xff\xd7\x1f_\xbe|sr\xbe\xb6\xb1Fl\x1fX\xc7o~}\x18\xccq\xad&amp;4T\'e4Q\x08b(x\xd6dh\xc8\x81k\xa4\xffA\xd9/x\x81%x1E\xd8E\x8b\xb9kp031z\x99\xef\xc46\x80\x85R\x0c\xda\x9d\xad\xed\x94q\xc4H\xb1\xe4\xabYR\x89\xe1-\x8dA\xabn\x04V\x87\xae2\xe9\x17\x14p\xa1\xd1\x97\xbc\xb4\xdb\xe2DS5\xdb\xedA\xb4\x85\xb5\xb5=\xdc\x80\xb5_\xa5(t\xd0v\n\x13\xa0\x89\xa2L,K\xb02\xf2\xfdfMc\xbc\xf5\x99nl%-D\xbc\x81x&lt;P\xc4p\xe3u\xbb\x19\x1b\x93\xcd2\xb4m\xff\x1cQ$\xb6\xbf\x93wlZ\xdb\xa9\xbb&amp;\xd6\x84!\x90\xb8\x8ae9H\xb7\xf2Wz}\x83\x82\xa8\xd6\xaf\x96\x89\xbbP\x8bd\xe6\xb2x-\xa2\xc88\xd1*\x18:\x9b\x83v\xb4\xe1\x91\xcd;(\xcajjo\xb3\x1a\x1dT\xcdX\xce\xe9\xea\x92V\xc8\xf1\xe1\x86`\xcd\x1aT\xd7\xdf\xca(\xc2\x80\xdbMV \x14\xa3\xd3\xc68\x89\xf4G\xd3\x0f\rM\xf4\r\xf4=p\x91o\xfaM\xf0\x93\xc9\xb8\xc9\xb2w\x1d\xa0bz\xcdQyU\xa3i\xcco\x0c\xd4\x1d\x06]\xcbV9Bx\xd0\xe7i7\xcd\x8bNx\x0b\xe3go\xd7\xe0\xb7\x0f\x1e\xfc\xe5\xfb\x81\x89\xa1\\?k5\xc2L&amp;\xa3\xf1\xd2W\x8c\xd9\xccK\x93\x15]\x83\xb0j\xfb\x11p\x17Y\xac\xdd"D\x86\r\xc3 \xb0\x9cN\x8e\xebu\xdd\n\xe5B\xa1\x9c\xef\x91\xaf\xcdd\x1c\x19\xa9aY\xad\x94\x15\x89\xe5\x84\x18\x93W\xf5*]\xc3\xb0T\xcdc+r$\x82\xd1\x86\x08 \xb7(b\xa4\x17\x9d\x04,;\x97\x9d\x9b\x9b\xcb\x0e\x0f\xdfk%X\x0e\xc7\xa6\xc3\xd4jaI\xbe;\x05\xe2,\x8dJgPw4\x02\x8b\xc8\xb3\xa6-9\x1d\x89D\x04Z\xe0\x050\xf1\xbcYt#\x8a\x1c\xcb\xcd\xf9|&gt;\x90\r\x0f\xb3\x94\xd1X;\xada\xb2X(\xf6\x8aE\xe4\xfd\xd2\xd9X\xb3A\xd3\xa0J\xc4\x98\xa3\xd1o%%\x99`\x81\x08\xe2\x8fw\xd9m\xd0\x1a\xbd\xbe\xfe\xfe\xf9\xdc\xcdG\xf3\xf3\xf3 \xe3($:\x84X\xab\xc5\xd2\xca9\x9dB4\xec9\x1b\xd3\x1bT\x8d\t\xe2U\x8c\x13\x1a\xfdj2,\xc92\xd1\x8b|\xd4O\xc8\x90^\x8c\x8b\x1c\xfb\xb9\xf4V\xbf\xcf\xc7\x91Dg[E\xfcK\x14y&gt;\xea\x89\x15&amp;\xc7\x0c\x88\xe2\xa7\x06y\x0b\xb3\xd7\xaa\x1c\x96\x92\xb8\xd5\x84\xac\x10\x8d\xf2$\x94v${\x96\xe3H\x86\xa1\xf28\xab\x15XN\x08i\x7f4\nW\x15b\x13\x97X\x1d\x8d\xc1\xea\xd1hT\x07r\x0c\xa32\xf4*F\xc0H\x04p&lt;\x06V\xa8Fo&gt;\x9f\x1f\'\x8f\xf1x n\xb5X,b\xd4\x1f\x95\xf0\xd6\x02\x04HC\xb1fu\xba\x1e\xd5}9\x16\x95\x12)H\x8b4\xe6u9-\x08do\xa9X,no\x17\xb7\x97^-\xc1\xb6\xc7\xbdn,\xe7\x80\x82.J\xa5bA\x82\xa5i\x18\x16\xf9\nHu]\x0e\xda\xfd\x9e\xd4\xe2b"I\xa8HY\xd2\x91@\x8d\xaaT*\xbe\xda^\xfami\xa9\x881\x83\x16 \xaf\x13\xa9\xc5\x81\x89`\xd7\xad\x1aVO\x83\xba&lt;\x19P5\xd7\xe5A;\xe1\x82\x94\x86\xe8\xc2]\xa9Y\xa9T\x8a\xa4\t^qi{\xbb\x14\t\x04\x84\xb4\x07o:"T]\xb7\x86.\xbd\xd5\xa0v\xaaUi\x0c\xd7\xcb\x19t\xed(\xfc5\r\x87\xc1\xe4\xb2\x9c\x96\xfc\x90\x14\xc4s\x01b\x8a\x12![\x11\x89\xd4\xf4\xe8Q\xdfP&amp;\x94!Xz]\xc3\xba&lt;\x11._M\x0e\xb9x\xc1\x1f\x8d\xa5\xa6\xa7\x00\x96\xa8\xa1y\x90F\x84\n\x92#"\xf8\xc1\x84?%\xa6\xa7\x8e\x06\xfa&amp;2\xa1\xd0\xad/\xee\x10,C\xa3\xb0t\xb8\xf4\xd8\xe4P\x17/\xd8\x83\x85\xbe\x81\'\x00\x9b^\\_\x07\x99\x87X:\x8d\x1c\'\x84p\x14\x9c93\x03\xaa.\xb4\xb4[w\xbe%Xj\x9d\xb6\x11\x8b\x0f\x19O\x81u\x06,\x9a\x0f\xf6\xf5\x81\xebhtj\xea\xf9\xf3\xbf\xad\x03#U@\x86\x83\x87\xbc\\\x9c\x9e\x9a\x9a\x1a\xad\xf9\xaa\xdb\xf7\xe8\x7f\xb0\x1a\x94[\x18mn\x9f\xc5\xbax\x9b\x9b\x8f\x15\xe0\xaf\xa3\xa3\xd1\x99\xa7O\xa7\x9eO!\x9e\xd3\x8b\x8b\xd3\xc4} z:\x03;z81\xd4\xf5\xc8\x07\xac/\xee\xdc\xf9On\xcd6\x00\xeb3\\Y3\xb6\x12\x0b\x99\xb1\xacDc\x85X\xa1\xef\xe1\x93\x7f\xd1r\xbe/m\xa5Y\x1c\xef\xd5\\\xcd\x8d\xd14\xd7iL\x08fR\x1aSc1\xf1\x96\xd5z3;\x18\x08\x13\x85\x085m\xaaa`K \xacH\xd4\xd1\xed\xe8\\eC\x89\xed\xb6\xc4e\x9b6f\x18\xd7\xa4\x93\x194qaB\x08DR\xa4\x0b}\xb9(v^\x0f\xed\x8b\xee\xbe\x12a\xff\x82\xbe(\xec\xf7&lt;\x89\xce\x0c;]\xb6\xbb\xf64\x94\xfe\xc0\x9b\xcf\xfd\x9es\xcfs\xce\xbd\xcf=\xcb\x1b\xab\xb0\x87\xc7\xf6\xea\xd5+\xfcucc\x19RE&lt;.\x13a\xd5cK\xf5\x9e\xb0\xe8F\x89J|y\xe3\xae\xcbu\xfe\xe2\xf9\xc9\xd1\x99\x99\x19\x14\xa4\x0f66V\xbf\xfc\x99\xad~\xb6\xbc\xf6\xf9\xfc\xd4\x80\xc7\x1b\x80Z\xe0\xba\n,\xadZ\x00\xd7{\xc3\xe2\xf7\xafLA\x85\x8b\x17M\xdd\xa33\xa30\xf8ryc\xe3\xdb\x8d\xcf\xc8\x9e=\xfb\xc7\xb3\x8d\xb5\xb5u\x82ry\x03\xe3C\x0b\xe3\xa8-\x08KPq\x08\xaf\xf7\x80\xd5\xd8\xd5\xa8R\xa9\xf8\x7f^\x99\xba[\xc3"\x9b\xf4\x10Zd\xc0\xd3\xdf\xef\x89x\x06\xe6\'\xd6\xd7\'hO\xd7u\x17\x1c8&gt;\xbe04;;\xde\xff\t\x85\xbcJP\xbd\xb7\x04\x01\xb5\xa4+\x7f\xbc\xee2u\xa0B7\x99\x18\x1a\xd2\xb8ia\xdcn5\xc2f\xc7\x17\xbc\xfd\xfd^/\xfe\xbf#\x18\x84R\xb3\xc6Y\x88EX:\xc2:U\xb5\x1a\x1bO\x86\x08\xa0\xf9\xb99\xe5\xba\x88oE\xbfcB-\x88\xaa\xc6\x03\xae\xe0\x07\xedV\xeb\xc8\x88\xd5\x0e\x98\xa1\x85@\x87\xc5b\xb6\xcc\x02\n\xa0\x7f\xb9\xfa\xc9\xc4\xeeS\xb6\x19\xe9T\x07\x0b467\x9eP\xa98iw\xd4\x84o\x85Z.\xc6\x85R\xd0\xe3qu\xa0\xab\x1fA\x1b\xd6i\x0f\x06\xd07Z\xec0\xe3\xc8\xc8\x07\x84\x85\x0cq\xeb\xf0\x0ek\xc8N\x15\xeb1+\xe3aZ\xad\xc0=}4jrvv\xf6\x05L\xae\xeb\x14c\xf4(\xc0\xd3\x8d\x7fb\xed\x17\xeb\xbf:\xcc\x06\x83\xd5n\x1f\x19\x1e\x1eaX\x03S\x7f\xfe\xe1%\xcd\xaf\xd06r&gt;\xf5i\xbd=Y\xbb\xaf\xab\xa3\x1da\xb4\xfd\xe0h\xd2\x1b0\xcf\rvt\x0c\x99@\xd5\x87\xde\xec\xbc\x07\\\xd0\xcbj\xb7\xa0\xd7\xb0Xl\xed\xe8\xc5\xac\xed\xc35\xacq`]{rDo\xbf\n\xeaS\xc4j\xec\xba\xc4qts\xd7\xa7\x15t\xfe\xa3\xaf\xbb]\x81\x0e\xb4;\xe6?tt\xa0X\x1f\x1c&lt;G\xf15:j\xb2\x10U\x0f\xda\x0b\x1b\xac\x9d\xa8\x86GF\xd8\x9e\xfe\xa9\xf9\xd5\xe7~A\xf0q\x1c{A\xfbt\xdc\xd8|\xa6\xd9G\x13Dp\xa6\x82n\xff\x87\xd5n\x17x\x9c\xe6N\xf3\xa0\x13Xf4\xd9}\x81\xee\xd1\xcf\xe7=\xde\xa0\xc1\xd6\xd3c\xeb4\x10\x17\xbaER\xab\x865\xb1\xfcu\x08\x07p\xf0\xe8\x06|\x97\xfe\x8f\x19$\xf5\x11\x1e\x8f\xd9\x11h\x0f\x97\xc0;D^\xe7\xd8{\xb2\xdcM\x97?\x9a\xfc94\x88\xc0\x9b\x9b\x9b\x03_\xf7&lt;aY\xdb{z\xe8i\x9d\r\xad\xfe\xf0"\x13\xab\x86\xb5\xf6&lt;\xa4\xe2x\x7fB\x92k\xe3!\xc8\xba\xd8}\xffw\\\x96\xebv\x89\rX\xe1\x84;\xc9P2)\xeb\x1c\xaf\x9f,OR~\x088\xcdd\x16\xe7\xe0\x9cm\xce`0\x0f\x9aL\x01;5\xfa\xbd\xbd\x8b\xd4\xe93\xad`\x88\xad\x85\xeb5,\x81\x93s\xd5\xdc\x1d^P\xab\x7frQv\xfdO\\\xec\x00Z\x8eWv\x0e\x14Y\x14\xc4\xd7_\xaeM\xf69-\x1d\x81 .7\xc2r\xfez\xcev\xdfF\xbd\x8e\xc1j4\xd0\xe3\xe9E\xa2\xeae\x915b\x85ZC\xa4\xd6\xdf%\xac\x10\\\xb8\x88\x83\xf0&gt;_}\xe6\xc1\xbb\xce\xfb\xa0]\xdf\xb5\x9f\xd1\xb1Mx\xbc\xa8d\xf2\t\x87N\xe0+\xab\xdfL\x9e\x1b\x04\x96\x05X\x06\x0b\xb0\xe6\xee\x83\x8a\x85S\xbb\x15T\x97//\x9e\x85V\xf0 \xe32"\xbd\xf6\xdf\x9dZ;\x12\x05\x8eS\xf1\xb2\xdf\x8f\x0f\xcf\xf1\x94\\\xd5lS\xe5;p\xb1\xba]@\x9e\xc1j#p\xa2\xe8\x0f\x85\x93\xb2\xdb\xed\x10\xf8\xf4\xc3oo\x9c#\x95\x80e\xb6X\xec\x0c\xebO\xf7ms6\xdb}zbN[\x0cz\xcf2\x1f.\xd63\xc4\xd0\xc2\xf5\x8f\x1f\xec\xe1B\xf4q\x82?\xbfSV\xd2!\xb9&gt;SC\xa5~\xa7\xa9-\xf57^i\xe0\x90\x08\xa9\xc2\xd9h\xb4\x94p\xbb\xdd:N\xfa~c\xf4\x82\x99\xee\x86@-\xbb\xdd`7\xd3\xae\xe5\xb3=\xf8\xf4\x9ceX\xbf#,D&lt;\x85\xfc\xf0\x88\xb5\x93\xbc8q+\xc4\xa1\xb0\xe1\xf9\xd0v\xc3\xa7\x85\\.\'\x89"\xcf\x0e\xff_\xc9\xc5\xe2\xfb\xf1\xf1\x10\x1d\x9a\x82$\x88\xa2X\xd9N\xfdm:\x0f,\x87\x8e\x93_?\xbc6\xd9W\x97\x8b\xb8\x0c\x06\xdb\xfd\xb3\x7f\x05Oo]+\xa8\xb5\xc8\xc2\x9e|H\xb7N\x83C\xfd\xd7^\xcb\xc0B\x0c\xf8\xcb\x9bK\xa9LX\x89\xe5\xc2"*\x1d\xf6X\xea$\xf8\xbb\xba\xfe\xaa\x8b]\xcb\x00\x00\tkIDAT\xe3\xd5\xc7L\x8b\xc2M\xad\xf6+J\xa28\xbd\x92)\xc5\xd2n\x87\xdb\xe1\xe0\xf8\xf4\xf3\xdfD\xce\xd3M\xad\xa0\x93\x16&gt;x\xd2l\xb0QH]\xee\xa5\x0f=V\xa7\xd0\xaa_\x89\xc6NK08\xe4\xf9\xe8%\xbd\x1c\xcf5\nr"Y\xd9\x9c\xae\x86\x92\x95|&gt;\xccs\xdc\xcf\xbe\xf2\x17\xb1~\x9c6\xc4\xc4"\xff\x85\xf3\x99\xb2R\\\xd9\xae@\xa9\x04\xa0`\x9ct\xf4 2y\xbe/@\x16\x84X\x9dN\'\xb8\xe8\xc6$\xdb"\xd2\xcbnP\xb2\x0c?L.\xb4 \x97x=\xbb\x12MM\xe28A\x94y1\x9d\x99.\xe4\xa4t1[\x0cA\xb1Z\xbe\xe8zk\xb2h&gt;\x9e\xca\xd4\xe5\xa3\xd1&gt;\x82 W2\x99\xa2R\xdc\xce\xa4\xddr8\xa7$\x18\x96C\xdc\xfb\xeeZ\xa4\xfb\x02\xca\x07\xaf7\x10\x84\x0f\r\xf6 \xf3$|\xc9\xeeM\xe2\x17AY)=\x18-\x01\xaf\xc9\xeb\xba\xfdR\xd4Ry\xca\xcb\xb1jL\x12C\xd5\xa5\x17\xd9\xb4\xa4\x14\xcb%\x1aZ\xc4\xb3m\xd3l&lt;\xd0\xdb\xca&lt;\xb5\x00\x9d8\xb5O\xe0E9\x99\xcb\xa5\x95\xecf6\xe9\x0e\xe5\xb7\xe3\xf7r5\xb9\x1c\x90k}\xe6\xc6h\xb7\xcb\xd3O\xef\x12Pt\xd5\x8c\x16B\xab\xb5\x9d\xb2\x16aQYhw\x9a\\^\xd7\xe4\xa3\xa7t\xd9\xa9\x051}ok\xba\x1av\'\xb3K\xa9{\xc5\x10\x14+\x97\x14J\xfc&lt;\x87\xaf~\xf36,^`[\xbe\x91\x13 O\xd8/\xe5\xca\xdb\xd1r\xd2\x9d+\xa4Z\x9b\xda\xaa~F\xe5v\xa7\xbf_\xbb\xf6\xd5\x0c\x8aR\x0f\x9a\x88@\xf0G0\xab\x8dQ1\x17\xd2rh\xa7\xe2\x0b\xd5\xd8\xcd}\x9e\xb0\xde\xf0bqL\xd36V\xa8$\x12\xf9\xe8V\xbc\x10\x93$\xa5\x9c\xa9\x16\xd3Hd\xb8,\x7f\xf9\x99\x10\x9d\x8eP\x1b\xcc$\x87\x8b\xd9R8W\x8d.\xdd+&amp;\x92\xc5h\x9b^\xd3\xaa\xdfLr:\x86\xe5?\xfcn}~&gt;\x02\x9b\x8fx\xbc\x0b\xcc\x956\x1b\xc2\xdfj\xb5\x1a\x90Q!\x19\x15\xaaFT\xaa\x01Te\x9e\xdb{w(I\xe1\x84\xfd\x07m\xb0\xadh9\x94\xc8e\xa6\xb7\x96vb\xc9d\xa5Z8@\x90Q\xe8\xfd\x1b\xd6q\xf5I\t]\x90C\xa5j\xb5\xa4\x94\xa3\xa9\xe9L.\x11\xae\xc65\x9a\xd6VM\xd3\x8a\xa2\xe3t:`\x89\xfe\xc3\xdf\x83\x8b\xc0\x06\x06\xbcdAC\xbb\xcd`7\x00\x07\xbf\xb5\x93\xff\xc8\x85\xd0\n\xe6\xbd}\xf8\x94A5\x0b\xaat\xb4\xb5\xa5\x05`\xf1\x9d\x9c\x9c\x88\x1d\x10X)\x8c\x18\xcb\xe6\x15?\x8f5\xb3\xfe\xda\xc0\xe3\xc6\x9f\xa6\x86K4RD\xf4\x87c\xf9|L\xa9\xec\xc4\xc76K8\x99BJ\xaf\x01W\x8b~\xac\xe8P\xa9}\xc0r;\xa4\xd7\xb7\xbe\xaaqy\xbc\xde\x81\x89\x8f\xbdvD\x15"\x0bpFB\xb2\xc3\x7f\xcc\x87\xce@\xe0\xf6\xa3\x10V\x1a\x8agA\xa8\xc45m\x8ck+\x9a\x0f\xc9\xc9\xd8\xceR*^(\x86\xa5p.\x96K\x8ah\xd8\xce\xd0&gt;\x84\x93\xf7v\x99Ro\xf0\x93\x9c\x98\x8c\xe5\x8bJ\xb8\x92\x8d\xc6\xa3\xd9t"\x9d]i\xd3\xb7\xc2\xe0\xc5\xb6\xaaHX\xc4\xa5\x93\x0e\xbf\x98\x81\x0f\xe7#.\xaf\xf7\xea\xfaD?\xc9E\x11\x0f\xff\x81\xa9n\xd4o\x04/\xec\xee\xa3\xc8Rk\x9b\x1b\xd5j1\xbb\x05$\xc2"\xc1b\x92\x9c,\xed\xac\xa4\xe2\x9b\xd9X:\x9c\x0e\x87\xfc\xbc\x8fz+\xb6\x87\xf7$\xd8\xd1\x03\xd2`\xad\\I\t\xc72\xd1\xb1\x95\xaa\x92\x08\x177S\xfaV\rQ\xe95-\x9a\xcd$*9\xe6F\x07\xe7\xdf#.\xb4\xf3\xe0\xea\xef_\xa0\xb0\xb7\x1b\r\x08y\x03\xf5\x16Vk\x1d\xcb~nw_\xd4\xaaPp\x0b\xc8\x83\xd2v\xcb\t\x96\xa6\x8d"\xc4\x8d\x18\x8b\xa6RK\x9b\xd9J8\x99dcet\x1cK\x14\xf5Y"\x1c\xc7\xf1\xb4"\x87\x95bazl\xe5\xa0\x92\x80\xc6\xf1V\xa2\xa2\xd0\xa2\xe0Z*\xd1S.\x1d\xc0\xb0\x08\xddy\xb9{\x03}\xab\x07\t\x1f\xfd\xa0\x9d"\x9e\x05=|\x87\xcb\xd1F\x7f\x18\xb7\x1b~\xfbh\x1f\xeb\xbb\x16\x95\x02]\xdf\xa5\xb1&amp;\x9c\x1eA\xb5\xb4\xb4hZ\xb7V2\x95\x84CVh=JM\x17\xf2i\t\xeb$\xcd\xabS\xa9\xcf\x1c\xaf4&lt;\xaf\xa35\x19B\xc5\x97\xb6\xcbJ"Q9\x98n\x03L\xcdZ\xf5M\r\r\xbf\xba\x97\xe6\xe9F\x82\x8e\x8c\x13C\x87_\xdc\x88D\xbcN\xb3=H:!\x9e\x82F#\xc2\x1eZ\x91\xc1\x99\xce\x9b\x87!Q\xc7\x06$Q\xc9&amp;m\xeb\x1b&gt;l\xd03\xc54\x84G\x8aU$^\x0cU\xca\x85\x95\xd4X4\xab\xc8\x94\x07\xe0\xb7\x1a\x16\xb2\x02VtY\xc9o\xc6\xe3/\x0eb!9Q\xc9\x00\x8aNI\xaf\'\xb5\x00\xd5\xd0\xd4\xf0iF\xd2\xa9Q\xec0.\x9d\xc3\xbfw\xf4Q\xc4;\x8e\xf4`\x1d\xa6\xac@j\xb53*\xac\x85Fc\xf0\xe6\xd1\x9e\xbf6\xdfPG/\xbf\xf0\xe5-\x1c\xe6\xc3\x0f\x9bp\xdc\x96\x96\x9ah\xadm\xb8\x16C\xa2\xecO* \x8b\xafdb\x12\x91\x08g\x8e\xa1\x90\xd8\n/\xc6Vv\xf2\xe9D"Y*,\xb5\xe8\x01\x05\x07\x02\x8b\x94b\x067\xca:N\xdb\xac\xf6q\xffj\xe2z^\xdb\xb6\xe3\xa8%\xd9\xb2,\xd5v\xa5B\x0e\xdb@\xdb\x92\x1c\xcc`\xccPh\xed\xdc:\x10\x05_r\xcca,\xbe\xa4\x07\xfb\x16\xb6\xc5\x10\x13\x9c\x81\x82/uk|\tv\xdb\x83\x94\xf8PcB\x12\x0c\xa1\x7fA\x82\x93s`\x97\xdeB\xcf\xedi0\xd8\xde\xfb|\xe5\xaeJb\xf9`\x7f\xf5\xf4&gt;?\xde\xe7)\xb6\x02\x8dwS\xbb\xbax\xf4\xecg\xc4\xea\xc1\xef\x07\x9b\x9b\x9b\x8f\x97V\x96~Z\x12w\xfdtei\x19T\xe1\xe4sT\x1d\x9a\x13o\xb0o\n\xac\x04\x98d\x18\x92\xa3\xb0\x1e\xce\xcez\xddJ\x05\x08\xce\x1b\xfb\xe3\xd1\x0eb\xc9\xfb\xf9 \xa7\x06G\x11\xb0\x1e\xa3}@rf\xe1z&gt;\xef\x14\xc03\xa3\xe7\x9a\xbe\x9f\xc0\xd2\xddp\xe0iF\xc0OX\x1ab;\xca\x97\x17\xcf~\x83\xb1\xb8\x7fz\xfd\xf1\xf5\xe1\xf3\xe5\xb5\xdd\xc7\x90\xc5\x07OW\x9e\\\xdc]\xfd)w\x9c\x13\xdb\x1bd\xbc\xf2\xdc\xe5\x12\xbe\xff\r\x81)T\x8ek\xda\xa4\xac\x13\x0e\xdb\xf5\x9aG\x1c\xe7a\xe3|RO!\x98\xe5\xf6\x1c\x98\xe6\xd3\xbaW\xac!\xe1;\xb6\xee\xaa\xe8;\xb6\x83\xf0\t*\x05\xcd\xb7\xe7=\xf5\x85\x18l` \x97\xae\xd6\xef\xb6~\xc4\\s\xb0\xfd\xf1f\xed\xf0\xd1\xcd\xf6\xd7\x94\xc5\x83\x97\x97\xf5\x8a\xa5\xb1\xa6,\xf5\xbd\xaaLe\xf2\x8bZGmz^b\xe8\x9a\xdc\xe7u\xd3\xee7\x86\xd3A\xad\x98\xf5\xea\xd3y\x18\x01\xd6\x9b\xe3\x0e\x03\x8c&amp;\x89\xcck\xc6hQ\x0e\xa9\x92lgR\x99\xa6\xb9\x88\xa2\xee\xb7\xda\xd0Me@W\xb3\x01\xc7\xfc\xda\xd5\xdd)F\xd1\xbd\x7fn\xb6\xf7vo_\xec\xae|\xfb\xe4\xe5%\xc2w\xefK\x7f\x83\x02\t</t>
        </is>
      </c>
      <c r="M248" s="3" t="n">
        <v>45492.67875</v>
      </c>
    </row>
    <row r="249">
      <c r="A249" t="n">
        <v>863283</v>
      </c>
      <c r="B249" t="n">
        <v>241802</v>
      </c>
      <c r="C249" t="inlineStr">
        <is>
          <t>Gustavo Silva</t>
        </is>
      </c>
      <c r="D249" t="inlineStr">
        <is>
          <t>Gustavo Silva</t>
        </is>
      </c>
      <c r="E249" t="inlineStr">
        <is>
          <t>PD</t>
        </is>
      </c>
      <c r="F249" t="inlineStr">
        <is>
          <t>ATA</t>
        </is>
      </c>
      <c r="G249" t="inlineStr">
        <is>
          <t>PD</t>
        </is>
      </c>
      <c r="H249" t="n">
        <v>169</v>
      </c>
      <c r="I249" t="inlineStr"/>
      <c r="J249" s="2" t="n">
        <v>35679</v>
      </c>
      <c r="K249" t="inlineStr">
        <is>
          <t>Right</t>
        </is>
      </c>
      <c r="L2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4ef3c64-06c0-4a02-9025-8c87356f21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9\xe0\xda\x00\x00\x00\tpHYs\x00\x00\x0e\xc4\x00\x00\x0e\xc4\x01\x95+\x0e\x1b\x00\x00\x03\x00PLTE\xff\xff\xff\xfa\xf9\xf7\xf7\xf5\xf4\xf4\xf3\xf1\xfb\xfb\xfa\xfa\xfa\xf9\xf8\xf7\xf5\xfc\xfc\xfc\xff\xfe\xfe\xfe\xfd\xfd\xf6\xf4\xf3\xf9\xf9\xf9\xff\xff\xfe\xf8\xf7\xf7\x1c\x11\t\xf2\xed\xe9\xf3\xef\xec\x13\x0b\x065$\x16\xf5\xf1\xee\xe9\xb2\x93\xbf|U\xf1\xb6\x94\xde\xa1}\xf7\xbc\xa13\x1e\x0f\xf0\xea\xe6\xe9\xac\x90\xf2\xbd\x9d\xe4\xaa\x89\xbdxQ\xed\xb1\x93\xf1\xb9\x9a\xca\x88b\xf8\xbf\xa5#\x15\x0b\xc4~V\xee\xe7\xe1\n\x06\x03\xf0\xb2\x8f\xc6\x84^\xde\x94oN9)\xcb\x8ch\xf6\xb5\x97\xc9\x92q\xf6\xb9\x9b\xf0\xa4~9)\x1d\xd9\x9cy\xed\xa0y\xcb\x9c\x7f\xec\xe5\xdc-\x19\r\xb8|Z\xb1{Z\xd0\x8fi\xc1\x89i&amp;\x19\x0f\xc4\x81Y\xbb\x81`\xf5\xb2\x90G5(\xe4\xb1\x93@+\x1c\xd7\xa8\x8f\xe5\xdb\xd2\xd5\xa3\x85\xadsQ\xd9\xa5\x88\xc6\x8dk\xf7\xc3\xb4=#\x12\xce\xa0\x83\xe3\xa6\x82r@)\xe4\xae\x90\x98^B\xf8\xf4\xf0\xc2\x8ep\xdd\xae\x94\xe2\x8eg- \x15\xd3\x93n\xdf\xad\x8fYE4\xed\xae\x8b\xd8\x8di\xb7sM\xb4wT\xdf\xa4\x83\xc0\x91w\xa5rW~]H\xf2\xa9\x84\xf4\xad\x8a\xf9\xf6\xf2\xbcjG\x91fO\xd5\x85^\xf6\xc2\xa9\xc0\x85c\xf7\xc0\xae\xe3\x9av\xd7\x96s\xabyZ\xf7\xbe\xaa\xe7\xb5\x98\xf6\xb5\x9fG1 \xadpK\xef\x9cz\xf3\xb2\x9a\xea\x9aw\xf7\xc7\xaf\xa2iS\xeb\xa2\x84\xe2\xd7\xd0\xe7\xde\xd6\xc5\x98~\xcf\x8eu\xb5~`\xc8\x81j\xccyX\x9fY;eO&gt;bI5\xaafJ\xe9\xe1\xdbtZG\xc5|]\x87bMP)\x16[I=\xdb\x89a\x7fM5\x96S1P2\x1f\xde\xa8\x8a\xf6\xc7\xb7\xcc\x97w\xf9\xcb\xbb\xb5cA\x8aQ6\xe9\xab\x87\xa8mN\xc0vY\xf4\xaf\x94\xa0dF\xc0nN\x92W&lt;k9 \xcb\x81X\xf7\xbb\xa7\xee\xa6\x8bwD1\xf0\xab\x90\xb9\x87i\xad\x80f\xcb\x80b\x8e^EA0#F%\x14~A)\x99kR\xb3\x83h\xde\x99yjUD\xf3\xc3\xa1\xb3jQ\xe9\x95q\xa7x`\xa8`D\xed\x9cq\xc6xT\xec\xb8\x9b\xd2\x86g\xc7tP\xb9rVO&gt;1\x8fUB\xf7\xe6\xde\x9dr[[/\x1b]7&amp;\xd1\x7f\\\x9ebN\xd1\x97y\xbf}id3\x1b\xadpZ\xe5\xa0~\x82T?\xcc\x87q\xe5\xa4\x8c\xd7\x91z\xa3~j\x88H-\xe2\xc9\xbcW@-\xd0\xa3\x89\xb8\x8bz\x8dnZh?,\xfa\xd2\xc2\xb6u_\xe7\x95j\xd3\x9d\x7f\xf5\xb5\xa5\xb3\x88sqK8\xe3\x9d\x85\xdc\x9d\x92\xb2uf\xd1\x94\x82\xd7\xcd\xc8\xef\xd3\xc7\xdc\x95\x83\x90\x83y\xb9\xac\xa4\xd9\x9f\x82\xf0\xbe\xa7\xda\xb7\xa7m]P\xa9\\:\xc7\xa3\x90|eU\xabQ-\x9cA \xbfyb\xe5\x83\x7f\xd3\xaf\x9e\xd5\xbf\xb4\xe2\xd0\xc9\xf2\xdd\xd2\xc9\xc3\xbe\xc1\xb7\xb1\x96wb\x8e7\x17\xdcwn\xa9\x85u\xfb\xee\xe8\xe9\x8e\x8a\xb1[Q\xc3\x87r\xb5\x94\x89\xd0ncsha\xee\x94\x91\x9f\x93\x8c\xaa\x9f\x96\x80rh\xf5\xd1\xba\xb9\xa5\x99\xe7\xbd\xaf\xe6uvX\'\xc8q\x00\x00 \x00IDATx\xda\xcc\x97}P\x13w\x1e\xc6\xadXH\xb4\x8d\xb0\x074\xc1\x03lR\x89\xac\x1clqB5\x07\xebZ{gFt\xac[\x17\x04\x8c\x8c\x8a \xd1x\xbeT+\xb6\xd9\x12t\xd5\xc8!\xbeP|G\xc21f\xea+%\x0ePo,\xdc\x9cN,X;\xa5\xe70\x13\x8e\xa1\x93\x7f\x13f\xfc\xe3:\x0cpu\xee\xf9\xed\xc2L\xff\xbf\x05\xfb\x10\x93\x1df\x9c\xf9\xf0|\x9f\xdf\xf3\xfde\xd6\xac\xff[\x1aHyW\x9e~\x03"\x1c1\xafE\xcf\x8d\x8a\x9a\x1b5\xfb\xcd\xe87_\x8b\xf9\r\xb0i4\xda\x98\xa4\xf7\x07\x06\x07\x7f\x19\xff\x05\xaf\xc8`$\x12&gt;4W\xab}\xc5`\x9a\xd9\xd5\x91\x17#\xbdv\xb7\xddnw\xbb\\.\xb7\xdb\x1e\x9a\x08\x0e\x1e\xfc\x9dV\xf3\n\x8d\x9a\x1f\x0eN\x84\xdc\xb2|\x02M;\x9d,\xeb\xa4\x05Q\x1a\x9e\x18\x0f\'\xcdy%\x8eib\xa2\x0e\x06]\x82\x08\x8f\x04\x9a\xf5\xd3^\xce\xebei?K1N\x9a\x0eH\xbe\xe0\xc193\x8f\xa5\xd1.\n\x8f\x85\x04A\xf2\r\x0f\x87|\xa2 \xd0\x1chh\xd6\xcb\xb2\x94\xc5\xc09\x03\x82\x18\x0c\xcf\x87_3\x8a\xf6\xc6\xdc\xc8\x84D\xd3~\x01T&gt;\x1fF\xd8/z8\xd8\x05q\x0c\xe7t2\x9c\xc7\x13\xf0\x05#\xf3\xb538IM\xcc\xa1\xa0\x84\x91\xf9%\x1f\x91\xcb%\x06\x02\xb0J\x10\xc5\x00\xc9\x97\x97sr\x0cC\xd98\xa701&gt;0o\xc6\xb8\xb4IA\x96\xe1X\xc1/\xfb\xe5&amp;X4\xc7P\x94\xd3\xc9\xd9\x0c\x90\xc5@\xd9(\x8a\xc2\x13\xc3\xb9"\xb3g\xc80\xed\xa21?\xc7\xd0\x92\xcf%!\xf1&gt;\xb7O\x14\xc1&amp;\xd2\xac\xc7\xe3\xb4\x19\xac\x16\xab\xc5b1\xc8x\xf8\xa4\xfc\xe3\xb13\xc1\xa5\x89\x8a\x8c\xd2\x0c\xc3\n\x92$\x08(*w(\xe4r\xf9\\\x01\'E\x11\x0c\x93\xced%FY,\xbc\x81\xb7\x9a\xac\xbc\xc1\x1bL\x9a\x81\x16\x8b\x1d\xf73\x0c\xe7\xf5\x0b\x12\x9aJ\x1c\x0e\xb9C\xbdn\x11\x95\xc0R&lt; 0;\xa4\x8a\x88\x02\x19\xc3[\xadV\x8b7X\x1d3\xed^\x8d\xfby\x9ea\xfd\x04\xcb\xcf\xd2.\xb7\x0fig\x01\xca\xb24^ \r\xe0L"br\xb8\xf0\x060fb\x9a;L3{\\`x\n\xed\x04\x02\x9cDIr\xb9\x02\xc0\xf1\x02\x8b\x16q(\x85\x80\xa7\xc5`2\x99\xac\x98\x9f\x85\x8c\x92b`"3\x1a\x9e=\x9d\\\xf3"\x92\x97\xe4\x8a\xf4:\xdc"Xn{\xef\xc8Q2E\x01\xbfu\xe20r6\x8b...N\xa7#)3\x98x\x8a\xd7\xf1\xcc\xf0\xc04bi\xaaG1/Z\xc4\x00\x05\xc1-oC\xbb\xcf\x15\xea\xb5\xa3LmH;h\xe2\xd2\xe2\x80\xa3&lt;\x12.\xe2\x15o\xe2\xd9\xb1\xd8i\xe3\xd2\xcc\t\xfb\xbd\x14\x05W\x020\t.\xf5\xda]\xa2\x88\x8e\x00\x95\xc1b2\xc1 \xb0Xu\xb2d.\x9d\x95\xa1\xe0\x95\xd5\xcaK\xe1y\xd3\xd4\x13\x1a\xcd\xa1Q\x86\xe7)Tz\x00,.\xc1w\x14`\xa4\xd9a\x95\xc5\x824Q\x0c\x8312\x06\x13\xf1\x0c\xff\x00fa\xac&amp;\x9e\xd7\x99\xa8\xe1H\xf4\xf4p\xc5\x90r\'\xa2\xd1\xa6N\xbfK1\xad\x1f\x19\xb7\x10\xa3t&amp;\x9e\x0b\x90\xfd\xc3\x19\xac`J\x8bS\xb8x\n\xbc:|\xba"\xd1\xdai\xe9\x861\x16\xad\x84%\xc3q\xbc\x95\xa2\x05\xbf\x17\xc7\xcf\xe3\xb1!Ur\x96t\x94_\x14\xbb&lt;\xb6\xc9q\xa6A\xf85\xf1J\x1e(\xef\x1a\xabV\x9fK3/\xe2\xe7M\xa4\xc2)\xd2\xe7\x14\x8a\n\x03\xb3\xc9\x8bF\x01\xd11X\xd6bW\x0bJ\x0b\x99\x97\xb9\xe0\x18\xf2e\xc2CZ\x9a\xd5+\x8c%\xa9\xcd\xa5\x89\x19\x18f(4\xa9\x97\xe3`\x19i.\xd2\x05$T\x162C\x13\xc5p\xa2\xdd\xdd\xdf\xe7!X\xe8x\xabI&gt;\x96\xf2,\x89qiq\x14\x1d\n\xbf\xaer\xbc\xde\x88\x1eg\x19\xb2Z8\xdc\x8c\x19\x8a#\r%/\x19[K\x0b\xb1\xcc\xc2uuu\x89\x81\x16\x9bmjGS\xd6\xc9IN*\x8e\'v\xa9\x9d\xfaE\x13^\x92+\x92,\x0e7Q`\xb5@\xc7:\x8f\x1d\xeb\xec\xc4\x1b\x1e\xf1R\xd4B\xe0\x94\xc8\xfd\nL\xc7{\xe9\xe1p\x8c\xaa\\\x1a\xed\x80\x0b\x95e\xe0\xc9\x9a#\xcb\xc7\xe9\xf1t\xf5\xf5\xf5]\xc9\xbf\x02\xe5\xe7_x\xf8\xb0S&amp;|(\xabS\xa6\x93/_\xba\xb44e\x8a\xe8/o \xb8H\xe5\x96\x18\x94\xbc\xbc\xd2\x03\x88=G\xf7\xf5\x9f\xe8\xb9\x0f5\xdf_\xb7n]ccc\xfd\xe3\xbf\xfdJ\x04\xf3\xa1b\xa2\xcd\x1a\'\x97\x7f\x1a\xd6\x10\xe5\xc4\x12R\x13K\x9b4\xc1",\xe4\xa0\xe3e\xf0\xf47?8p\xf6\xec\xd9o\xda\xdb\xbflo?\x87\xf7/?\xbf\r}\x06\x9d|\xfc\x18\x88\xf9p\xf0\x02\xf1\xd0\xd3\x82\xa5\x88\xff\x94F\xce\xb0We,M\xd8\xe5\xc5\xe5I\'SY\xbaz\x1e\xb4\x83\xa6\xe6z[[\xdb\xf5\xb6\xc2\xc26\xf2YSs\xf7\xeeW[\xb7\xde\xfe\xec$\x01#l\xf9\xc4\xb7\xfcN\x9b\xb2\x95\xac\x94\x95g|aU\xa9\xb4d\x86&lt;Yw\xf0\xaa\xefA{\xcdu\xe0\xa4W@\xdd\xd0\x8d\x8a\xee\x8a\xf4\xf4\xc2\xc2\xed_\x7f\xfa\xe9\x17\xa7O\xff\x04\xb2\x93\'\xeb\xa1\xc7\xf5\xf5\'\xf2;[\xe4\x9e\x8f\xe3\xb1\xb6}\x87\xd4tK\xa3\x01\x96r/\xd0\x19\xfa7/\x86C\xe9\x15\xd9Y[\xa0\xcb\xe6\xabW/_&gt;\xd3\xdd\xbd\xaf\xa2"\xfd\xf8q\x90}\xf5\xc5\xd6\xd3\xb7\x7f\xc28\x1b\x11\xbau\x8d\xf5\xf9\x0f[,\xb2\xd1\xb0{4J\xdd\xc8\x0f\xf8\x18\xb2\xe9\xe2t\\\x7f\xe5\x92\xc2\xf4\xf4\xf4;\xa0*--\xcd\xcb3\x9b\xcf\x9b\x0b\n\n\xb6|\x9c\x9d\x9d]q\xf3\xd9\x06Bv\x17d\x9f\x7f\xde\xd0\xd0@\xceC\xfd\x95\x0bX\x9b\xf8\xa3P\x18\xc3\xf3\xd5\xcdV5:\x1e\xbd\xad\xa3\x9b\xab\x96|\x94\xaeX\x95\x97\x97\x97\x91I\xb401\x11x\xa5\x05[\xf6eg\xef{\xb6\x01d\xdb/\xbe\x93\xb2i\xd3&amp;\x85\xac\xfe\xf1\x85c\xf8JD6\xe7p\x94\xca\'q\x94!\xd7\xa6@\xc7\xf2e;\xdf\xaa T\xa5y\x002\x96\xed\x87\xca\xf4\x99\x99\x19\x04\x0cC\xcd\xbes\xe7\x99Lv\x11d\xed{\xce6\x10\xb2\xfa|\x0f\xb8\x10\xb1Qu\xebtVt\xd0\xcbP\x8c\xd4\xf1\x87\x9d\xef\x16\xaf\xe9\xee&amp;T\x19F@\xd5\xd6\xd6\xd5\xd5Nq\x11\xac\xacl`M9\x06\xcb\xf6\xecA\x9144\xca\\:\xeb\x84\xca\xdf\xcd^\x0f\xe2{\x84?T\xf2\xee[\xc5\xc9\xc9g\xce\x14\x981\xbf\xb2\xb2\xfduuO\x9f\xfe\xb7n\x7f\x19\xe1\x82[\xa5\xa5[\xb2\xb2\x08\xd6\xb3g\xc0\x02WB\xca\xa6\xa2\x0f\xa0\xb3\xf7\xfb\x9c\xe8/\xd3\xa8\xcaX\xdaq?\xcbJ#\xab\x8aO%\'/((0\x9b\x13\xc9\x00kA\xf5\x94\xb8Uf\xcc\xcc\xc8 nee\xc9vm\x80]\xc7e\xbbRR\x8a\x8a@v\xa0\xa7\x8b\xe3\xd5\x1f\xa2v\xd0\xcf\xfa}?l&lt;\x95\xbc 55\x11\xca\xc8\xd4;\xf6\x97\xad\x06W\x1dI\x97Q/\x0f1+;+\x9b\xa4k\xc3\xf1\xa9)&amp;$\x10\xae\xa2\xa2\x86~\x0f\xfaT\xed!\xce\x8aH~)\xf4\xc9\x8a\xb5k\xe3\x81e\xc6\xd1#\\\xe5\x88\xd6S\xd9,\xbd&gt;\x93\xb8E\xbc\x9a\xca\xfc\xf6\xaf\x81\xf5\x0e\xb0r\x8a\x8arr&gt;\xe8\t8y&gt;\xa8.\x96\x06\xdbG\xf0\x8d&lt;\xd9\xb5+&gt;&gt;\x1eX\xe6\xc4\xbc\xf3\x99z}9\x02\xff\xb4N\xc6\xca\x9ct\x8bP\xdd\x91GH\xce\xa2\xcc\x95\x90P\x94\x93\xfb^\xb3\xe8\xa1\x981\xb5\xb1\x06\x86\xa5\xd0\x8b\'\xa0Rf\x98\x98\x871\xee\xbeT\xbe\xba\x96D\xcb\xa8`\x91s\x98-\x83\x01\x0b\xb5z\xf1"!\x03VNn\xee{\xad\xfd4\xc3D\xd4-y\xed\xac\xeaQ\xa9\xf7\xdb\'+V\x80\x0b^\xc1\xaf\x8c\x8c\xbd\xfaK\x8er\x88\x8cP\xafD\x1e\xd9\xca\xfa\xcb\x1d\xd2\xf5\xe4$\xc2\xaf?*v\xe5\xee\xa8\xdal\x179oX\xa3\xb2[\xf3\x83\xc3\x8f&gt;Y\xb9qm*N\xa1,`\xed\xd6_2\x1a\x1d\xa8/\xa3Q&gt;\x89y\xcaI\xdcwS\xc9\xd6vb\x16\xb2\x95\x92\x90\x0b\xdd\xda\xe6\xa6Y\x95\xdd\xd2hc\x83\xa1\x17K\xfft\nX\xa4\x1e\xccyfy\xef\xe8\x8d\xf8\xd1\x1b\x95\xc4\xc3-\xa5Po\xde$\xf7\x89B9\\w\xa7\xb0*[\xed\xa2_u\xb7b\x83\xbd\xdf.]U\x9c|\xa6\xa0\xe0LA\xa9\x99\x14\x84\x1eCt\\"L\xfa\xa9)\xe6\xc9\xb9\xdf\x87k\x8e|\xd1!X\xa8T\x0c1\xf7ZU\xc7Q\x970\xa0\xba[c\xc0\xfa\xbex\r\xb8\xd0\xf1\x89\xf0\xc9hD\xe2\x89\xca\x1dz\xbd\xcc\x96Atu\x12\xabpYa\xdb\xdb\x8bk\xce)n\xedX\x7f\xedV\x87[\x1aP\xdd\xad\xb1\x91\x92I,P-\\\xb8\xf0\xf7C\x0e\x07\xc1\xaa\xad\xad]]\xe6(3\xc29\xb2\x193\xce\x7f\xdc}c\xe7\xce\x9d\x1f-k[\xf2\xf6\xe2\xc55\t)\xed)9\t\xb9\xcb\xd7_k\x1a\xb1K\xaa\x0f1j\xecQ\xc9\xf7\xff^\xb3&amp;9\xb9 55u\xef\xbd{CCC\xe52\x13*\xb5\xb6\xb6\xdc\xe1X\xbd\xda\xa1_\xb8\xf7\xea\xe5\xee\x1f\xffy\xf8\xf0?\x96\x1c9\xf2\xe7\xe5;rw\xec@=\xe4\xe4\xc8X\x8fz}\x83j\xf7V\xec\xcf\xc0*\x06\xd6\x02\x14j\xfc\xae\x15\x1f\xae\\\xf9\xe1\xbd\x97/_\x0e\xed\x1a"\\\xe5\xc4:\xc7\xee\xd4\xcb?\xde\xb8q\xf8?UU\x95\x07Z[7Wnn\xad\xac\xca\xcd\xcd9G\xb0\xc0\xd5\x1bR\x1d+\xea\xe7\xa6\x92\xbf\x13\xac\xf8\xf8\x8d\xa7V-]\xdf\xd4\xd1\xd1\xd4\xf4\xfc\xd6\xad\xe7\xcf\x0f\xff\x0b\xbe9\x10\xfeK\xbb\x17\xdc8\xf2\xddw\xdf&lt;\xb8\xdf\x0f\xf5\x9c\xe8\xd9\xb6\xad\xb9y[k\xa5\xe2VI\xc9\x0f\x8fz\xc7\xd5w\xabi=\xb0\x92\xd7\x9eZ\xfa\xd7\x92kMM\xb7z\x8f\xda\xfb\xfb\xae\x9c8\xd1\xfc?V\xcd\xff\'\xed;\x8f\xe3\xd7\xa4M1!w\x97\x8bU;\xf1\x0b\r\x8b:DW\xbc\xacx\xae\xedmme\x15\x95q\xe6\xd0:[\xfdh\xc5\xce\x91\x02\xfa\xb9\x84\x02\x0b\xabU\xb1T\x10D\xfc\x02X\x8dT6Q\x11,~\x01+h\x9d\xbd\xf5\xd4j\xeb\xd9\xd8\x9b\xf6\xb8\xa1\xd9\xb5\xc9LM\xba\xec\x97\xebr\xaf\xf7\xc7\xed/\xf0\xf3\n\x08\t\x89y\xe4\xf9z\xbd_\xef\xf7\xf3\xf5\xfe\x04\xd6\x9eF\x8e\xact\x89\xa5\t\xf7\xafl\xb7\xb5h\xac\x0b\x93(\xfe\xbe\x80\xbc$\x04p]\xab$\xb0^\xfd\xf0\x86l\xac\xb7\x10\x16\x1c\xb6\xce\xf0o\xdf\x1e\xbf3~\xe7\xc6\xf5\'\x0b\x937\'\x9f\xcc\xcc\xf4\xfa\x97\xe6b\xa5\xd2\x04\x0b\xeeP\x185\xe0tn\xd6\xdf\xac\xef\xab\x9f\x80_\x11\xf6Loo\xc9\xafX_\x93\x9e\xc4\xb7\x1f\x12j-w\xdf\x1e///\xbfA\x0cg &amp;\x9fh4\xde\xc0\xec\xfd\xd8XX\x80\x9c\xa5v\xf0\xd3\x13\xc0T?\xd1\xc1\xe3Y\xadO4V+(V~b\x0f\xebk\xf2\xb1\xbex\xdc\xcf:^\\\xdc]2&gt;88\x08oHc\xaf\x86\xb70\xb9\xc0\xb3z\x03rh\xb3`\x15\x93\xdb4\xc8JOLO\xc3\x07O\xd3\x02\xbeg\x06\xa9\xd5\xfbi&amp;\x94&lt;`\xfd@:\xd6\x87\xbf`\r\x0e\xf6\xf7\xf7w\xbf~\xdd}m\xa9\xc4\xdf\xde\x0e\xfe\x14\xd4\x92G\xe7\xe4\x04S\n\x8f\xa84v\xf0\xf8\xd3\xf5}\x1f\xf5!\xbd4\xed\xc8_\xb4\xf9\xcb\xc7\xbb\xf9\x99\x04\xd6\x9b\x88\x08\n\x95,2*\xfc\xa7\x17\x8f\xfb\x9b\xa3s\x96\xf9|`\xaa\\\xaa\xf5\xd7\x06\xd6j\xbd\x90\xa2\x16\xb0\xa8Ff\xb4\xc1\x10,\xac\x88W\x81\xc3\x9f\x9e\xf8\xe8\xe8\xd1\xbe\x89\x05H"\xafC\x93g\x04\x8bQR\xd2\x0fX\xfc\xc7\x83\xff\xf86\xe2pY\xfeA*IZQ\x0f\xe6\xff\xf7a\xf7TN\xdc\xf2k\xfe\xeb\xcc\xf7\xd5\xde\xda\xc1\x12\x7f\xadwf\xc6\xba\xc0k\xc9k;K\x0f\n\x85x\n\xc2\xe2\x11R\xa1\xa2\x83\xb0j:\xacyFp\x18\x81k(\x8b\xfd\x83w\xbe=\xf4\xb7\xff|\xf0 \x9f\x14\xbd"\x0e\x96\x8d\xd5|\xf0I\xf7r\\\xf1\xd4\xd4\x94\xbc\xd2\xe8\xf5\xf7B\xc17\xbc\xd3\xd77I\xe8\xa5V\x04\x93\xa2J\x87+\xcc*{\x07\x9ar\xdd|\xe7T\xc3\x1f\x8e\xfe\x19\xd0\xac\xd6\x96&lt;\xe3\x85\x13F\xe35&gt;\x8b\xdf?^\xfe\xe6A@\xef\x99[?HB\x06)\xbb\x9b51i\xc5\x9f\xf07\xe2r\xcfmlLUB\xf2&amp;/\xfet\xf7\xa7S\xef\xde\xfc\xeb\x82\xd5\x9b\xe7\x1fP\xe0\xa9\'/\xb1\x1b\xb1&amp;\xa2\xde\'\xaf\x7f\xd7\xd0\xf0\xdbw\xef~~\xbd\xbe~A\x93\xa7&gt;\x0b\xd6\xe7}\x16?\xf3\xf6xoy[\xc8\xacT&gt;\'A.J\xc4n\x8a\xa04\xd5\xc0\xe7G\xe7F\x9e\x8e+.\xd8\xf6[\xa7g~\xfcW\xc3\xa9?\x9d\xfa\xfcF/\xcf;\xaahe\xe2\xe2\xb4\xd2=\xac\x8e\x8e\x89\x99W\xaf\xbe&lt;\xf5\x97\xbb\r\xd7\xcb\x17\xfa\xfax\xedmg\xc1aT\xf2\xf9\x99\x83w\xda\xe7\xc3\x98\xd2\xa3\xc7\x1e\xec\xdf\x97\x81Z2\x1f~2\xea8\xab8rd$2\xc7Q\x07\x95\xee\x7f\xf8\xe3w\xff\xfe\xf2\xe2\x8dZ\xbf\xd7\xbf}\xc5]\x88\xa7\xa6\x96\x0e7zTv\xfb\xbc}\xde\x1fX\x1b\xbfq\xf1\xe2ETz\x93\xa8\xea\xdf\xcb\xca\xaa\xccf\xf1\x01+\x84\xb9|f}\xf8\x9f\x07($\xa8%\x13\xd8\x84Q\x86)\xc0J\x8c\x12\x06\x99K\xd7J`\x1d&gt;|\xf8xm@=4\xb0=\x0b\xa7+\x8b)\xf5\xd2\xb0@9\xd4\xa4R\xa9\xda\xd4\x81\xa5\x80\xd1\xef\xcf\xf3\xee\r0\xf3\xae\x1e\xc9JN\xcefe~\xda6T\xe4\xea\xect\xe9\xc3\xcf\xca(\xd4}c\x8dI\xf0DaR\xe4\xf1\x9c(\x1a-*\xc9\x10t\xc8\x15\xf7\xb6\x97\x96\x96\x00J\xa5\x1aP8\x82U2[\xaa\xa9t\xf8Q\x05\xa6\n\r\xa9!\x06\xd4\xea65\xf1\r\xda\x96\xba\x08a\xd1Y\xfc\x13\xc6\xa2,\x869\x9e\xa1\x0f\xcbI\xc1\xc2M1\xb4\x04C\xb4!1\x86\x16\x85\xb8\n\xe4\xb3\x8a\xba\xd6Q\x82j{\x16\xb0p\x13`\xb1\x9d\x02s\x08\xb0FGG\x07\x88)\xea\xd0\xd0\x10\x82\xbbZ\x14\xcfHNf\xb2X\'.$\xd3\xf5z\x8c\xa1\xdf\x9a\xdd?\x16\x952fK\xbd,J4D\x0b\x13\xd1\x89]h\x08\x06\x1d\x8e\x02\xb7b{t`T1;\xe7\x08\xb2%6\x938\xb54\xdd)P\xeaCz\xac\xb5\xa7\x07\x98A0 \xba:0Z4\x1a\x7f\x84\x91L\x07\xac\xcad7\xa3)\x8c\xb90\x84E\xd9?\x96\x18\x96\xbfP\x98\x13K\x83\xf3\xba8I\x88\xe7\xc0\xb6\xec\x98C\xf1l\x15\xc7q\tn\x12\x8b\xc5&amp;(.(g=fF\x93^z\x8f\x9b^W\xc7\xa8k\x85\xa8\xabK\xa6#\xac\xccd\x0e\xb6\x15\xc6&lt;\x9e\xf0l\xfe\xfe\x0f\xcf\x94\xdd\x1804B\x03`!\xf3,5\xd9P\x08-\xf7!bm\x16\x8b\x05\xb7\x89W\xe0\x0cX\nX.Lo\xf6(+\n\x89\xa8\xa8p\x133h\x08\x02+;\xb93\x14F\xbfc\n\x12f\x95\x11\xbbi\'K\xd9\xbe\x94\x9c\xc8\xcd\xcb\x90E)\x84IjJ@/)b\xb4X\xa4+]\\Q\x97I"\xa8P\x9a\xf5\x98\xc7\xd7( \x0c\x19\xfc\x15\x10\xc6\x0c\xb4c\x12X\x98\x1esu\xba\\J\xc5\xdbd$\xf1dz\xfa#\x8f/:\x97\xc0JK\x13\x13\x11#\x96\x8a\xe1\x05\x9e\x02\xc4\x12\xe9\xb8{X.\x0cs)\x1b\x05\x02\'\x11\xc32\x99\x0cqq\x98\x04\xd6\x91\xad\x9d\x90\xd9\xe5\xf1xfI\xb8c\xa1\x8c\xa5\xcad\xec\xc6\x948\x84\x05P\xe0Z\xbb\xaa\x91q]\x81\xd4U\x8bm\x16\xd3\xca\x8a\xe8\x16Wl\x928+\xd0\x8c\xd9\xac\xac\x108e\x12\x89dX"A\xd6\xbf*\xa5\x00\xb0\xe4\xac\xe6llg\'\xac\x87\xf0\xc8\xc9\xc0\xda\x15K\x9c\xc3\xce\xd8\xcf\x00\x0b\x8a+\rl+1\x11\x11!\x9b(\x92\xa2\x1cB\x12\xb9b\x1b\x81\xe5\x01\xacF\x81S\x82\x82-a\xb3\xf7\xb0\x80\x0b\xb0\xf4;;M\xa1p8\xecy\xfa;\x12\x92\xb8\x8b\xd4b\'\xd2\x00\x0b\rg\x8e!\x8f/"\x0c\xf5-n\x17\xe4\x10\x92)\x16A\x12\xd3\x9d\x8dh$o\xf6\xec\xa9\x05P\x90\xc4*\xc0\xbaRP\xc0aMM1\x8b\x00+\xbc\xb5\x15\xf6&lt;?\x10A%\x01\xcb)\xb1%}E\x8b\x03\xcb\n\x16\x1f\xc8\xaa\x7f\x81\xe2\x8a\xc4\x16\xa4\xd6\xafX\x02\xb7\x0fe\xd1\x87\xd4JOOGo6\xbb\nLvA\x01ky\x8a\x19\xbf\xb3\xb3\x05\xa1\xafX\'\xe3\xe1\x96\xdd\x1a\x89sEw\xf9+\xedi\x1a\xed2\x1a\x1a\x1dCv\x1a\r\x1fD\xd5R\x9cM`qu\xdc\xd4K\x12A#\xc2\xc2&lt;\x8d\x8f\xd0u\x02\x82J\x97\x11j\xb1\n\x9a\x97\x979\xfa\xad\x1d\x88-l\x83\x8c;k\xca\x98.Mf\xaaI\xa3i\xe3F\x08,\xd0J\xa7\xd3qE\xd5+\xb0\x0ee2T[\xd5\xbaE]L\xa9\xc4Y\xe8sy\x80\xcb\'\x90\xa1\x0b!\xa4\x15`9@\xac\xa9\xa9\xf3\x19\xcc\x10H\x05U\xef\xfb\xb9l\xffbA\x83\x80\x15XSS*\xd4j\x01\x0bM$/so\xe9t\xa2.\xe8\r8.\xc3QmU/.\xea\xba\x08,%\xba$\xf34:\xd9\xe9\xe9D\n\xd9\x04\x15\xa79\xe3|s\xd1|\x93\x1e\xfa\xa9o\xee\xc5a*\tX\xf9\x9b\t\xb4\xc5\xc5\x9a\x98H\xedg\xb4\xcd\x1a\xe8]\x90D\x1d7\xc6d\xc1eA\x1c7\xa1\xa6\xba\xa2[\xe4\x8a\t,\x1fT\xbd\x1e\xf3\x15V\xc9\xd8\xa8;\xa0\x14\xc2:,h\xce\xc8`\r\xa80:\xa7\xd3]\xf8\x94\x94\x8bt\xea\xa1\xffI7\x17\x81\x8b\xa6\xcd\x1d\x01\xe1\x88\xc97\x17\xb4\xc2eN\x1cz)l\x87\x16S\xf5\xadj\xd3%\x84\xd5\xe3s+\xa13\xf9\xd0\xcd^\x90\x8d\xae\x199L\x0e\x87\x05X\xd9Y\xad\xf4+\x1c\x97\xb9\xf599OsAq\x11\xb7\x02\xc7\xb4\xda\xd3#\x9b\x89\xa6T1\xb4S`\x91@]A{\x90\x82l\x16t\xe0\xba$\x13\xb8\xeb\\=ne(\xa4\x87\x8d1\xa5\niE\xb4x\x0e+\xe3|F%\xc3\xd5\xc3\xec\xc10\xe8\xa5\xa482h\x11\x08\xaa\xe6X\xdc\xb9\xdc\xc8\x11i\x14\xa4\rv\x1e\x1b\xee\x84\xba\xb2\xe0\xab\x0ew\xeb\xb6\x03\x0e\x12\xe9\x92\x94\xc2QU\x93J=\xd4\x14\x82\r\xd9\x05\xe9J\xd9\xdby\xe8\xcc\xe6\xf3\xe73\x92\x19\x1e\x0f\xec\xda\xf2\x07$]\xb0P\xa9\x07\xc7n\xc5\x9cLK\x8a;\xa3\xcd\x8dL\x8c\xb2%@\x00\x95@f3\xe1\xab\xee\xa1y\xbb\xdd/w8R\n\xdd\x03-v;\xcf&gt;\xdf\xa4\naf\x17D\'\x1d\xa8\xe0\xf4\xd0\x8c*\x9e\xe1\xd2\xeb\x95\xee\x8d\xf52\xb2\\5\x85R\xa6\x13KG~^\xff\xfe\x9c6.Vh\x10\xda\x12\x84\xc1\xaa\x94*\xdcf\xc3W\xe7\x06\xbc^\xaf?pO\xd1\xd3\xaa\xb6w\x10\x13\x91\x96v\xd5\x90\x1a\x8e\x7f\xf1\xa3\xf1\x0c:\x93\x0e\xe7x(\xad\xf3\xd9\xb0\x8d\xfb6^\x1e q\n\x11\xb1\xbb\xbe\xfe\xb2\xec\xd0\x8b3Z-\xba\xb73\xe48\x1cW\x1c\xf7cc-\xab\xcf\xe6f\xd7\xd6jkk\x03Fu;obb\xba\x83g\xb5\xcf\xb7\xb4\xe4\xb5\xe7\xb5\x19\xcf^\xc8bd\x11G-\xc0z\xf0\xe1\xf7O\xe7&gt;~I\xea\xc3\x8b\x14\nz6?\xe2\x8f\xdf\x9c9\x17\x17k\xc8\xa9Jq8\x1c\xd1\xab\xc5\xab\x0e\xf9\x9c|\xf6\xde\xdaZ\xa0\x16\x8c\x8ef\x01l"\xa8\xa5iAX\xed--\xbdm\xef\xd1!\x08\xb5\xbe\xf9\xe2\xf0\x81\xb7\xde\xce\'\xfd\x11T*\xe57\x94\xdf\xff\x9f\x97\xb3\x0bi3\xcd\xe2\xf88$&amp;\xe9\xb6\xe8\xe0G\xd9\xc6Fe*\xa4H.J\x1c\xd3` \xc4|\xcc\xc6F\x13h`\x8cI\xc0\r\x1b:A\xe8\xc5HL\xe3\x08uM\xc1\x12\x84~`\x9d\x8b\xc140\xb1X,\xebR\xc6\xcc\xa0\xaeUk\x83qW\xac[\xb5\x95\x95\x82\x17\x9aX\xb6\xd8\x0f\x95^Lg\xf7\x7f\x9e7\xe9\xc7\xb0\xec\xce\xce\xf4\xedQk/\x7f\xfd\x9d\xf3\x9c\xe7&lt;o\x9e\xb7)3\xd2Xw\xed\xe8\xb5\xba\xa6c8\xf7#\xa6\xda\xc7)Z\xeb\xa3\xd1\xc9\x13\x7f\xa5\xbb-\x17.\xf4]\xa0O\xf4\xbb\xbb\xbb\'\xeb\xe5\x9f\x95\xcb\xbd\xa6\x9e\x1es*_\x82\x7f\x9ad\xff\x07\xef&gt;\xc49\x89Yc\xb8\xa9\xe9\xda\xa9\xba\x83\n\xb5ZmR\x9b\xce\xa8\xdb\xdb\xdb7\xc6\xc7\'\xea\xbf\xf5D\xbbIT_\x07N\x87\xbd\xbd\xf5}\xdd\xdd\x17\xa2\xc0\x92\xcb\xd5\n\x94|\x025%\x16\xf3AE\x1f\xf0\xeb\xf4\xfa\xa6\x83\x07o\xdd\xaa\x0c\x0e\xf4\xf7\x03\x8c|\xc1\xd8\xd48\xd28Z?z\xe3\xc6\xd9\xeb\x08\x9c\x0f/\x9c\xf8\xcbWQ\x83\xe1\xf8Q\xb9\xd7K9\xac\xe5\xf1\x06\xb1\xa4 \xa57\xeb\x0f\xd6\xd5\x9d\xd2\xb8\x86|\xfdVE\xcf\x99\xdb\xd7VW\xefMOS\xe9\xb7_\xed\xbar\xe5\xca\xef\x81\xd5\xfb\xf5\xb9O~{\xeeD\xafF~\xf4\xa8\\c\xb2*\x94\xa9|&gt;/\x9e\n\x13\xb3f\xfdZ\x13\xb0|\x11\xdf\x84K\xb5C\x87\xb2k\xab\xf7V\x89j\xef\xf2\x95\xe7\xcfo&lt;\x7f\xde\xea\xf9\xfb\xc7\x1f}\xf2\xdd\x9d^\x83\xf7\xf8)\xd82\xa9\x15\xca\x04\x9f\xd7\x9a\xf7\x8b;\xd7\xcdf}S\xdd\xad\x93&amp;k\x90\x9e\x06~\xbb&lt;\x8e\xd2\xa2\xc3\xff\xf5\xe7\x14\x13\xa3\xcb\xc9\xc5\xc7\xdf\x7f\xfc\xbb\xaf\xfa\xce\xde\xac\xae&lt;u\xf4x\xa5I\xad\xee\x99\xad\xe2\xf3v\xfa~qA\xca\xac\xd7\xd3\xa7\x19\xc7\xb0\x0ew\x96\xbf\xfe~nw7\xb9\x9b\\L../\'\x93\xcb\xc9\xf5\xe4z*\x19:\xf7\xdd7\x1d\xd7\x1b\x8b\xe4\x9f\x9f:YnR{\xad\xca\xd4&gt;^/\xcd\x8bs\x1e\x9ag\xcd\x0b\xc6\xa6\x8b\x17\xd7\x16\xd6\xa6\x97\xa6\x9e?\xf9\xa7\xff\xbe\xff\xfe}\xffV:\xbdu?\x9dN?|\xb8\xee\xe9\xbe\xd3q\xe3\xe6\xe5\xcb\xf2\xf2\xcfOVV\x9a\xbc\xea\x1eeZ\xc8\xef\x15pIB9\xab\xd7\x1b\x9b\xea.\x1e^k\x92JW\xb7\xb7\x97\xb6\xfc\x9dm\x9d\x9d\x9d\xfe\xda\xb6Z\x80\xa5\xd6\xc7G\x91\xcc+\x97\xbbp\x94\xa6\x93\x98\xc9kR\x06\x12"~\xb1\xc4\x0f\xcc\x01=q\x1d&gt;l\x0cK\xc1\xb5\xf9li\xe9\xc7\xc4V\xad\x7f\xcb\xef\xdfJ\xa4V\xda\xf7\x10W\x88\nGV\xa2R\xa3m\x05\xfc|c=\xd29Q]zl\x8dF\xa3\xa5T:\xfd\xec\xc5\x8b\xcd\xcdg`[J\xa5\x96V\xf7\xf6\xb6\x11{\x97/w\xc9\xb1G\x03\xcc\x84e\xd8\xa30WHx\xc6\xaa\xb2\x05\x9cz\xa3\xde\x18\x0e\xaf\x01\xab\xb4p\xfa\x19\xc5\xe6\xe6\xe6\xbf2\xb1\t\xaa\xae\xae.\xec9\x1a\xaf\x1aT\xd6\x1e\x85IW \xe6\x19kD\xbb\xe0T\xea\tKo\xb4KK\xa5\xd2{\x9b\x9b/\xee\xfex\xf7\x05\x0b\x00n\xef\x01\n\x85%\xd7\x045\x1a\xabUmUXM\xa9\x06\xc9\x07\xfcbUh\x8dJg`A\x1f\xb6C\x99\xbdP:\xcd\xb8&gt;\xfd\xf4\xee\x0bfm{o\xefK\x86\xd5\x15\xf4\x05i\x83\xea\xb7ZM\xa6\x87\xcd|c\x8d\xb4\x84\x17\x02\xf0e4R\xe5\xa3\xe8\xa5\xd8xP]\x9b\xdb\xac\xaa\xf6\xbeD\x06\xe9I[\xb5\xcb\xe5S\x11\x17a\xa5sy\xb7\xd5b1\x9a\x9dN0aw\xc4\xf0%\xc5~\xb8\xb6z\xfb3\xf6|\xedOt\x05\xf5&amp;=\x01\xdc\x98\x00V$B\xba\xb0\x14\x139\xfc\xdb\xd2\xda\xf5\x81\xc5\x80\xd9L\x0b\xd28\rYkcS\xe3\xf3\x13\x98P\xcf\x8e\xd6\xd7\xb7^bX\xf3\xa0\xf2\xd1gi\x03\xfdj\x13\xffX\x12`Y\xf4\xd0\x85\xe1\x9c\xc8\xa6\xc9\xd6m`a\xae\x19\x1d\x05\xda\xf5\x9b\xf4\xbct\x03XC\x110\r\x04\tkK\xc8\xbf-\x8b%l\x0e8\x03Je@IX\xac\xb809\x8f/O\xcc\xcfo\x8c_E\xbdol\x00+&gt;\x84\x1c\x0eD4A/\xb0\x04\xef\xc1\x966l\xd4+\x03\x01\x023S\xab\x9f\xbewo\x05\xb1\xb3\xb3\xd3&gt;5\x85a\xb5\xfd\xeaxP\x05\xac\x81Hd(HX=&lt;7yf\xab\xb0\xd0n7\x92/\xc4\xac\xd9H\x0f\x9c\xa7\x97VWWWV0|M\xb5\xff\x19C4\xea=\x16\x87\xab!\x1f\x9a\xd7{\xc1z\x04,-z\x96\x99|\xc1\xd8\xac\x11\xfb\xce\xda\x12\xc5\nw\xe4\xd8@\xf9{B\xee82\xe8\x83\xacjoe\xcf\x96\x80\x7f\xac\x96\xc2\x16\xbb\x8e\xa5\x11\xc2\xcc@\xa3\x0c.\xad\xac\xa2\xc0\xda\xdbA\x855\x19\x8b\x85\xdc\xb1H\xc4\xe7SUW\x03\x8b\xff\xda\xca\xd8\xb2\x87\x8df\xe41\x19\x08`\x02t:wVV\xa6v\xce\xec\xd0\xc9l\x03k2\x1a\xf2\xb8C\xf1!_P\xa5r0\xac\x84\xf0=`i\x11\\\x1a\x9d\xc9\xe4"a9\xe1\xeb\xcc\x99\xf1\xf9\xf1y\xea_\xb1\xa8;\xe4v\xcf\xc5U\xc1j\x83\xa3Z#\xaf|\x0f\xed\xf4A\x0b\xe3bU\x1fp.&gt;y23\x93L&amp;wv\x9c+\x98\xa1\xe7\'X\x06=\xa1\x10j\x0b\x9b\x8f\xe1\xb4\xc1Q\x84\xc3&gt;\xff\x9b\x0f\xb0\x08\nXz4\x88$\xa8f\x16\x07"\x03\xcb\xcb;jt.W\xab\xc7\xe3\x89\x81*\x14\xf3\xb9\\\xaeK\x06\x87\xa3\x06X\xeby&lt;\xbfg*z\xd02\xcca\xd9\xed\xb3(\xaf\xe4\xccc\x80\rE\x86\x10\xae\x18\x02\t\xf4x\x88\xca\xe72\\\x02V5a9\x13B&gt;\x07.\xb1X\x90\xe0l\xe1\xc7\xa6\x9b\x9d5\x07\x16g\x1e?\x9e\x8b\xcf\x0c\xc5\xe3\xae\x98\'\xe6q\xbb\xdd\xa0\xf2 \x81&gt;\xbaa\r,yy\xb9\xc2\xba\x98\xfeP\xb2\x9f7(\xb1X\x94\xb0\x81\xcb\x02\xaa\xb0\x8d\xe3r\xce\x84\xe6\xe6\x1e\xcf\xcd\xc5csH\xa0\xdb\x1d\x82-\x97\xca\xa7R\x91,CuQ\x8d\xbc\xdc\xd4\xef\x8a\xff#\x8f\xaf\x96JX9\xe9u\x1b] \xd6Z\xec\xd0\xa5\x03\x98\xd2\x19\x89\x87\xe6B,\xdc\xee?BV\x1c\x83\x16d\x81\n\xb6\x18\xd6\x80\xab&gt;\xba\xcb\xcf{\xccb\x89H$\x105&lt;\\\xb7\x01\x8a[\x8c6\x08\xd3\xcdb=\xc6\xd1\xd5\xdd\x93\x93\xe8\x0b\xa1\x18\x06\x1a\x95\xca\xe7\xf0\x11\x15a\x1d\xa9)7E\x0c\xbd\xf5\xd1\x97\xfb$\x92wLF\xff\xfb\x83@\x80\xef\xfc\x87\xba\x96a\xd2U\x98\xc5B*\x95\xce\xa1\x98\':9\x19\xc5*l\xf5Q\x02\xb9\xca\xbat\xda\xc1&gt;\xa7V\xf7_\xea\xe8\xa8\xf7\xa4\xf3\x0e\xe5\xe7\x1e\x10\x8a\xde\xd1\xe3$\xc6\x84/\x02\x1bI\xd9\x86\xb1\x14\x01f\xb1hAe#4T\xd8\x80+\x16\xa5\xf0\xb4\x12\x14\xda\xbb\x81\xdev0\xc8\x8a\x80%\x97\xfb.\x9d\xef\xe8\xe8{\xb2\xd5\xd6\xd6YU\x91\x9f+\x92\xfcz2\x96&lt;\x84\x88~\xe5&lt;J\xad\xb7\xd8\x02\xf6\xe1BK\xa1\x85\xe9\xb2\xa5\x80\x85L\xf6\x07]\xad\xa3\xf5\xa3\xad.\x15\x17\xe8\xa4\xa7O7B\x16jK\xee\xea%\xac\x99\xfb\xb5m\x14Uyy\r\xbf\xaa\xed3OB\x0e\x89\xbe\x05\r?\xb4\xac\xaf\xef\xea\x86\x87\x91E\xcb\xab,R\xe9+\xad\x03*\x97\xcb\xe03\x10\x12\xf6B\xb2\xc5a\xd5\xc8k\x80u\xbe\xe3&lt;\xb0\x10m\xb5\xb5\x9dUU\x15y\r\xc2_Vh\\=1&amp;.\x04\x02\xe1\xc8\x17\x83\xb6\xdd\xf5\xe1\x12\xc2\xd2b5\xda(\x91 \xa3\x02\xb3\xf6\x07\xa9\xa804\x04U\x0e\xc7i\x8a\xc6F\x19l\xd5\xd48z\xe9\xf5\xad\'[\xfeZ?\xc0\xfcmU\x14\xbf\x08\x8cc\x12\xbe\x86\xe2r\xf8\x87\xc1\x12mKIYY\x19\xe9\xc2r\xccpQ\xa3P\xa8\xfb\x83A"\x03\x18\xc9",\x99\xac\xa8\xa6\xa6\xa6\xc8QO/\x95\xed\xfa)\xc8\x18\xc3\x1a\x81\xb1\xffo\x0e{\xed\xe9m\xac\xe6\xbf\r\x0e\x0e\x96\x94\x0c\x97\x95\r\x97\x95\x16j\x19\x17\xa7K\xa73\x8fY\xd5\xfd\x9a \xc6\x06\x92e\xc8\xc8*b\xef=\x18\xa2\xe7\xcf\xdf\xb9\xf0\xd2\xcf\xd9bY\x04U\xc5\xc8\xa1\x82\xdc\x9f\r\xc611\x0cQ\xe6o\x12\x0eK\xd4\xfc\x03QQ\x00\x0c\x07}\x0b\xf2\xa8e\xb6tF\xe3\x82\xc2\xa4\xd6\xc0W\x10\xb2\x1c\x8d,h!\x82J\xc6\xb0\xa2\xe9\xac\xac\xb6N\xaa\xaeC\x87*\x0e\xe5\x15\x14\xe4\xfe\xac\xee/\x96\x082E\xce\x84\xbd*-\xc6\n\xac\x0c\x14\xfd\x14\x97J-\xd4&amp;ta]8\xcc\xb0\xbc\x1a\r\xa6d\x84\xa3\x11`\x0e\xa4\xf0\x08\xc0\x8ad\x8d\xa8\xadof\xb6\xb2\xb2Xm\x01+/\xefi^~AC\xce\xff\x02c\x0bO(\x10\xfc\xd4V\x16\xab\x81\xb0\xca2X\xc3\xf0UJ\\v\x82Z[\xe8Q\xa8\xe9i\x88FC\\2\x07\'\x8bt\xc9d\x8d\xa7;\xcew\xbf\xcc0\xb5\xb1\x1crXyO\xf3\x0b\n\x1a\xf6\xfdW0\x88\x12f\xfdpH\xa2\x0c\xa1\xe4\xb5\xad\xc1\x92\xc1\xb2\x922\x8e\xad\xb8\x98%\x92\x86\xaf\xb5\xb1\x1e\xe4\xd0\xeb%_\xd5\x1a\xc2\x91\xc9\x88\xeaH\rd\xc9\x1a\x1bo\xf4\xcd\xa4\xb9\x04R\xe3\xaa\xe2\x92x\x08\xae`\x0b\xd1\x9c\xfb\x9f\xa7\xfdl7\xc8&amp;.\xf3\x9b#\x13I$\x0cK\xd8\xfc\x80\x95&lt;a\xb1(.--\x95\x16jakmaLa2\x11\x98F\xe3\xa5VUT\xc4\xa9b\xef\x88\x00+\nYm\\t\x12\x16\xa3Bi\x150\xac\x86\xe6\x86\\\xe1O\x95e\x91D\xd9\xdc\xbd\xc9\xc4\xb08[\xc2\x9cG_\x10VY\x16\xab\x8c\xa8\xd0)\x88\xeb\xd8I\x05|\x91\xb0r\x8cXhVh\x0c\xe8\xa5\xd0EX\xbdO2-\xbe\x13\xe5^\x91\xcdaVVCss3\xfex+\x97\x99\xdcez@\xd6\x94P\xf0\x86=\x0eK\xf8\x1b\xe1S\x96\xc5\xe2b\xe4\xaf\xb8\xb4\x98\xb0(\x8dRiS8\xbcvlll\xec\xe4q\xf6h\xf28\xbd\xef\xc0\xc8\xe8=\x1fY\xa3\xacq(\xcd!1*\n\x8e\x8a\x93\xd5\xdc\xbc\x0f_\x88\x0f\x0f\xbc\x02#\x0b\xaf\xbaf\x06\xeb\rgoc\x1d\xa0~ZRV\xcc\x05\xc3\x02\x98Ej9\xfc\xefF\xce\xdf\xb5\x91+\x88\xe3\xd2\xdb}\xbbh\x1f\xcb.\xac\xb8\x05\xf9dc\x88\xb9\x83\x90B\x10\x8e\x03\x07\xcc\x994\x11\xc2)\x1c\x04\xd9\xea\x8a\x14\x82\xeb\x0e\xdc\xab&gt;7.\xf3\x17\x1c\xd7\xb9J\x95^\xed\x95Q\x11\x0b\\%\xf1\xdf\x10L\xe6;3\xef\xed\x93\xb9"#\xefOK\xde\x8f\xbf\xdf\x99yo-\xe4i\xd7\xce\xda\xd9\n\x7f[\xbe\xa4\xf5k\xbca\xf7\xf2\xe5\xaf\xa7\x92[\xdf\xffu.P\xe4\xdf\xc9\xe4)V\xf1\xd6\x98\xb7&amp;\xcbLQdC}\xbbCm\x1aI\x96\xe7}z\xe5Q\x8e1\xb2u\xce\xb1\\\x81\xeb\xe8\x05Q\x8d\xc7d\xe4\xe2`&gt;o\xdb\x19\xb8.W\xd8|\xcd\xef$\x1e\xc3\xca\xc3\xc3\x9f\xef\xaf\xd6\\~\xf0o"X\x15\'|\xdd$IrAX\x14\x19=\x88\xce\xf2\xf4B/:\xcaC\xdd\xe9\x1c&amp;\x8f\xf6G\x8ceI/\x1a\x15Q\x8a\xf8\xb8\x16Y\xf9byt\x84I\xce\xc1\x01\xe4j!\xd7j\xa5\xaa\x81\nF~u\xf8\x8a\xa8\x98Id\xa26z\x82\xe6P\xd55c5Ia\n\x03\xb52\x8a\xc2p\x8a\xe5y$L\x9e\xee\x99\x17I\xc7\xdf\'\xac\x8c\xb2\xfe\xf9\xa7\xe7\xcf\xf0y-Z-\x97G\x98\x13\x8e\t\x8b\xd4\x02\xd7l\x86\xf5\xea5\xfb\xc8\\\xaf\xee\xcfOBL4z,2\xb2\xa0\x00\x13s\xd1\x9an\xc2G\x1e+\xf4\xf5P\x83\x01\xb2\xc7rn\x08\xbdH.\xcf\xc5\xa5HT\x8aET\xdd\x9c\xe5\x12\xae\xd3\xd3\xef\x02\x95\xe2\x88\x81\x82\x05\x0f\x93\xc40\x16|\x940\xe5 Jn\xeb\xa1R.\x03\xcbK\x8c\x95:g\x9d\xf9\xed\xdf_\x98\xeb\x19\x7f\xf4\xee`&lt;\xe5\x98w\x82\xd5\xceA8\x03\x16\xa5\xff\xf1\xf1\x8f\xbb\xf5\xa4\x0f\x82\x89\x94j\xc8\xbf\x82\xbe\x08\xcb0\xd6\x10PX\r\x18\xc6*\x05\x17\xa5\xb5\x9cE\xb0\x8c\xe4\t\xad\x0b\xc0\x90\xcb\xd9j\xfb\xfe\x93\xa4\x17\xc5r\x1c\x98\xa0\xd5\xec\xc3t\xc1X\x97\x0c\xf6\xcd\xfd\x1f\xa4\x8dw\r8\x8cU\x0bU\x92\x14\xec\x9f\x11\xa1\x8c@\xfd/,\xec\x85\x96\x01\xac\xd2\x91`\xdb\xf7wb\xe4\xf2\xe6F\xb2\xdd\xc7t\xb1\xa0cJ}z\\\xfe\xf0\xf7\xba\xae\xa2\xa8k\xaf\x14\xa4\xbah\x92\x98*S*\x80\r\xd2&gt;\xa3l\x94\xe5\x80\x14,\x0e)\xcaT\x0e\x88\xec\x82\xc0\x88\x8b\xc8nn\xe6\xa4\xd5\xc7\x19\xfck\xdb\xee\xc3b&lt;\x86Z\x88\xcf\xbbs \x90B\xb5D\xd3o\x1a\xce*.A\xd8\x17\xa0x\x19\x0e\x07\x0c\x94\xeb\xbc\xa1\x1fw\xac\x9e\xb1\x92e\xec\xa2O{\xce|R\xec\x9a\x14\x03V\xc7\x15\xf8\x11\xe9\xfe\xd3\x19\xddt3\xd6\x9fov\xffTI\xe3\x95\xd1\xd0\x9eP7\xf8\xbf\x8cH\xabB\xa5\x1af\x91^\xd9P\xdb\xa9\xd5\x11q/\xc1\xfd,"\x0c\xdc\x10\x94\xd3\x0b\x19f\xcb\xfaa{w;&amp;\xb5\xd0\x11\xd0\xafH\xabw\xb7t\xff1\xed\x08\xea\xaa*\x8bD\x1b&amp;#%\x8c\x85\x1d\xb4* Ij\tYd\xa4\xaa\xa5-S\xdaf\x9a\xebt4\x00\xe6\x9eV\xcc\x15\xb5\x10\xa9\xbb\x98l\x1f\x17\x1duu\x16\xab\xed\x88\xea\x8eH\xcfv\x9bumL\x91H0\x00\xc4\x01\x17\x98p\xce\xab\xc5u\xce\x00(^\x00\x00\x01\x85IDATHd\xd2PMV*V\xde\xcb\x12\xcf\xdc\xc3\\\xd9\xcf\x98e\x18\xd0\x02\xb1\x1e\xcdT\x0f\x9b\xdd\x9b\xcf\xbf#\x97\xba\xe9\xd9\xed\xdd\xf5\xf5f\xbb\x9e\x14t\x85H\x0e\xd9x\xcc\x1e\x8b\xd1\xe8\xbb\t\x9e-\x8a\x95\xb4p\xca\xd35\x9e\xcc\xb5\xe4&amp;z\x14B\x91T.\xab\x95\x80\x15\x94\xcb\x9a\x93\xab\xcd\xe6q\xf7n\xf7\xb8\xd9&gt;|[\x15%\x851\xc6\x1b\x84\xd2\xe7(\x9a\xa0\x1e#\x06\xc5\x92\x82\x9f\x9d\xf9&gt;AX6\xf7\x9da\xaf\x12\xbf0\x00\xf55jc\xbd\xe0f\xeaJ\xd3T\x15\xfdxj\x1fJ\xe5\x83u3\x8a\x02\x9a\xda\xef\xa8`j\xa2\xa8Uf\xaa\x964\x00^\xb4\xf4\xd2\xf4\t\xa9\x1eJ\xc7\xb7v\x1f\xac,\x01\xa2\xfaEP\xf4{c\x1fRqR\x17\xc9S\x13\x05\x8b\x85b\xb1J\xa5\xa2\xd7\r\x98\xc8\xa6\xd1\xa2\x9d\x8a\x99\xacz\x17\xceEG\xccQr\xb8^:9\xa1L\x8aE\x97b\xd7\xa4\x00\xbd\x89,R\xa2\xd9\xceB\xe1E\xd2,\x06\xda3\xfd\xa2}\xddcp\'MU9\xdfV\xb5\x99\xb9=(YD:\rG\xd7\xe0$\xe3DS\x85\xa4\x04\xd84\xd9p\xf9A(&lt;\x1b/A\x0c\x9c\x0c5\xfbl2T\xbb\xd4\xcb\xc7 \xd6E\xf6\x85\xd4\xf2\xdb\xd2\xed3y\xd1pq\xadC\xadGa\x921\x87q\xca0\xa7\xf1A&amp;\x926\x8eG@\x17\xf0\x08\xcb\xa9\xb5i\xb4\x15\x96/\xa4\xbc\xa6X0\xcei\xe2\xe3r\x85\xd6\xa4Ol\x91\x8ax\xf0\x00X)}T\x8c\x1fr\x1df\xd9\x7f\x1b\xd3wM/\xe1\xc9Q\x00\x00\x00\x00IEND\xaeB`\x82'</t>
        </is>
      </c>
      <c r="M249" s="3" t="n">
        <v>45492.67765046296</v>
      </c>
    </row>
    <row r="250">
      <c r="A250" t="n">
        <v>865321</v>
      </c>
      <c r="B250" t="n">
        <v>1984</v>
      </c>
      <c r="C250" t="inlineStr">
        <is>
          <t>Fellipe Mateus</t>
        </is>
      </c>
      <c r="D250" t="inlineStr">
        <is>
          <t>F. Mateus</t>
        </is>
      </c>
      <c r="E250" t="inlineStr">
        <is>
          <t>MC</t>
        </is>
      </c>
      <c r="F250" t="inlineStr">
        <is>
          <t>MC</t>
        </is>
      </c>
      <c r="G250" t="inlineStr">
        <is>
          <t>MC</t>
        </is>
      </c>
      <c r="H250" t="n">
        <v>178</v>
      </c>
      <c r="I250" t="n">
        <v>7</v>
      </c>
      <c r="J250" s="2" t="n">
        <v>33280</v>
      </c>
      <c r="K250" t="inlineStr">
        <is>
          <t>Left</t>
        </is>
      </c>
      <c r="L25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c2a75b82-9a4e-4430-9d59-afa685956b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w \x84\x00\x00\x03\x00PLTE\xff\xff\xff\'$\x1f\xfd\xfd\xfd-)$# \x1d \x1e\x1a\'&amp;#\xff\xff\xfe\x1c\x1b\x19\x19\x19\x17C4\'6.\'62-2+%xR9&lt;60--,J3&amp;.%\x1f\xcb\xa8-&lt;3*\x1d\x1d\x1d\xbf\x9e\x89\xfa\xf9\xf9=/%\'))"""678A:4\xc4\x9f\x86\xb4\x8amM:+\xdb\xc0@\xc4\x9c"\xc7\xa6,T9,}^G\xcd\xac3^I7\xc4\x95\x1e\xc6\xa1(\xc1\x98\x7f\xbd\x92xE.!qL4\xb4\x86f[C3F7,iG3\x81W=F?8\xba\x9d\x83\xc3\xa1\x8b\xb0~[\xc1\x9c\x83\x99eG\xaa~\x14\xaa\x80deN;uX@\xac\x87i\xb6\x92z7) \x95aDJ=2024\xbc\x8elU?/\xca\xa4\'\xbf\x94\x1c\xb6\x8b\x1b\xbf\x98#dH3\xbe\xa2-\x81\\B\x87Y&gt;\xa5tS~T9\x8bgLuO5\xd3\xb6={V=\x89^E\xd6\xbbB\xaczXaB1\xb9\x8er\xd0\xb28\xb5\x98)\xf4\xf3\xf3\xb8\x98}\xbf\xa4\x90lL3\xc0\x97z\x9ejI\x15\x15\x14\xbb\x8ae\xb8\x92 &lt;=?\xb7\x98\x85\xb2\x8fr\x8akS\x86bG\xbe\x8d\x1aWG7\xbb\x88\x18\xc8\x98\x81\xc9\x9d#\x94kOQ6&amp;pP:\xb1\x81d\xa7u[\xb7\x82\x14\xa1oOQB5\xc7\xa4\x8e\xb3\x85^\x9bw]\x97uV\xca\xa5\x85\xa4{^\xd5\xb0%\xb2zV\xac|_u]I\x8e]A\xa0y\x18\xc6\xa9\x94\xa4\x85o\xb0\x82\x14\xdb\xb5+[&gt;+\xec\xeb\xea\xaf\x8e"LE=\xd5\xb89\xce\xa9\x89\xacwQ\x93dK\xac\x8br\xd3\xb13\xc5\x91}\xde\xdd\xdd\xb4z\x10\xcb\x9e\x86\xb0\x86\x19\x8dbG\xda\xbb:\xbb\x80g\x90oU\x9dpW\xc7\xa0~\xc6\x95wBCExvt\x7feN\xa0\x7ff\xc2\x8f\x19kS&gt;\xce\xac\x95\xbf\x93rmXC\xba\x9f\x8c\xc8\xc6\xc5\x9ap\x11\xb1\x94\x80\xd0\xac-\xa8\x86\x1f\xce\xa4\x1a\xb4\x8cy&gt;-\x1f\x9dhQ\xc3\x8dr\xbf\x86nbSBcbd\xa8mN\xd1\xac\x1c\xb2s[OMI\x92\x90\x8f\xe4\xe4\xe3\xc5\xa9\x9eDGOZM@ph`\xab\x8e{\xd0\xce\xce\x8a\x86\x83\xce\xd6\xebTTV\xd0\xb1\x9e\xd8\xd6\xd3\xa6t\r\xbc\x90\x10\x90xh\xc0\xbd\xc4aA)\x9c\x9a\x99\x8ce\x0e\xb3hb\xbavjxy\x8a\xc3\x87x\xc9\x98\x18KNU\xbe\xba\xb9\xa6\xa6\xa4\xb9~]\xc5\x9c\x13c[TS\\kxI@djy\x92U&gt;\x90\x93\xa8\xae\xbb\xd9\xd1\xbfz~\x84\x9c\xaa\xa8\xaeoD(\xb8\x99CZJ\x1d\xd9\xdf\xf3\xed\xe0\xd9\x8aH@\xb9\xc6\xe5\x9dt(\xb6\xaf\xab\xd5\xc7\xa3\xb7\xa2\x99\xa9\x8bD\xa2]Z\xa8^L\x96\x9e\xba\x81L5\xac\x9e\x8f\xdb\xc9\xb5\x96RQ\xa8\xab\xc6\xbd\x9fQ\xd6\xbaO\x7fl!\xa0\x86)\xb4\xae\xb6\xde\xd3\xc2\xd1\xbb\x8d\xc7\xabT\xc0\xacx\x8dd+\x90{&amp;wW\x1d\xba\x9emsg,\xd6\xbfh\xa7\x89\xba"\x00\x00 \x00IDATx\xda\xcc\x98\xdfK\x1b\xf9\x1a\xc6;\x99\xc9\xcc$3\x93I\x86I\x93\xa6\xd3\xe4B\t$5?\x9c6\x86D\x9b\xcc\xc6\x1b\xd1XQ4\x90=5\x86\xa5\x96\xb0h\x12\x92\xba%\x18\x03\x05C@\x17\xbc(\xb6\x1cc\x91\xba\xb27\xdbV\xa5\xd1\xad\x1e\x83\x14\xda\xd3\x8b\x85\xadE8{\xe0\xb4\x97\xbd[\xce\xdfp\xde\xef\xd8\xfd\x0f\xce\xd8\xbeH\xf4\xc2\x8b\x0f\xcf\xfb|\x9f\xf7}s\xe1\xc2\xff\xa5(\x9d\x0e}P\x17\xbe\x9e\xa2\xa0l\xe9\xfa\xfe~=\xad\x83?\xbf\x12$[\xbd\xbe\xb2\xf5\xa1\xbds\xdc:n\xbf\xa9\x7f\r\x82A\xeb\xd2[{\xcd\xc3\x96\xc4\xe1\x1cI8\x88o\x8e?\xa4\xbf\xb8^\x94.}\xd4n\x89\x9c \x088N\x92\x04\x86\xe1\xe4\xe5\xe6\xca\x97\xed$E\xa5\xb7\xda\r\x86\xc1\x05\x1c\xc0\x08\xbd\x9e\x80\xd2c\xc4\xe9\xc9\x9b}\x1b\xf5\xa5\xd0(\xdb\xca\x9e\xcc1"\xc3q\x0c\'` \x15\xc2r\x10z+&amp;\xb5\xdaGi\xdb\x17q\x19U\xfft\xca\xe2\x88\x8a\x11\x11\x1a\x87\x0b\x18\xa6\xd7\xd3V\x9a I\x87\xe3\xf2\xce\xdeV\x9a:\xff\x06\xee\xb7y\x90\x89\xe7\x19\x86\x97%\x91\x85V\n\x98\x9e6\x18h\x84\x06\xd2\t\xc4w\'6\xea\xbc\xbd\xbe\xd2\x14\x11\x95(\xf2R\xa3!\xf1H.\xa0\x02&amp;\xbd\x1e\xd0\x08\x0c\x07\xe5\x1a\xef\xea\xe7j0\xd0\xaa)\xb1$\x12K\x94d\x84\x05\xc5r\xf0\x1c\xf1\xcf\x8a\x11 \x99C\xe0\xd1\xab&lt;W*\x1eZ\xc8\xb2\x80\xc57Z\rY\x86\x1fYb9\x9c\xd0\x1bh\x10Ke#0\xc2qx~zQ\xb6WM\x89\x17Y\x16\xe7e \x03\xa4\xc6\x01R\x8c\xc5I\x025\x11\xc3\t\x1a\xb0\x0cz\xc2j5\xbf\xad\xeb\xce-\xad\x0eE^dX\x9c\x95\x10VCfe^\xe6\xcd\x97\xac`u\x02#q3i\x05\xaa)\x03\xb0\xd1\xf47\xcd\xad\xf30&gt;\xa5\xdbo\xb7$\x05\xde\x1e\xcbJ@\xc4\xca0wH\xd2L\x92\xc0\x83&gt;I\x0cDBb\xd1\x86)@\xd3\xd3\xad\xadsH}\xdb\xd1\xa1()e\x9e\xe5%\xa9%s\x1cx\x0cB\x94\xc4I3\xcb\x9aI\x07\xbc@\x14\xf54\x8d\xa0P\x19\x0cD\xf3\xa8^Ok\x1d\x0c;\xbc|p \xf3\x12r\x15D)\x04&lt;\xc4(#r0\x14\x1d\xa0\x18$\xa9C\x0f\x1a}\xa6\x02\xbd\x08\xb2\xb5s\xf8A\xd3NR\xe9=\x19r\x8agp\x9c\xc3\x19\xbb\xd1~V\xa2"\xd9c\x10c,\xcf`\x10\xf5\x04\t\x9eGeE\xf6\xd2s0\xc4w\xeaZb\xd9\xde\xed\xf0\x10\xe8\xf0\xe0\xec.K\xc7\xe2b\xbfK\xc9\xe5r\xee\xe8\x86\xdb\xed\xf7\x97eIbP\xae\xb2\xe8\x1f\x10\x13\x0co\xf421\xdc\xba\xa3\xe1 \xa2l\xef\x0e\x1b`i\x9a&amp;\x8c\x13#\xa6\xe1\xee\xee\x91|&gt;\xdf\xdb{+\x9f\x8f\x0eD\xb7s\x8ab4\x06\xe0\x8dBC\xa1\xa5H1u\xab\xa0\xadz\xc7[\rc\x15R\xb4\xc1\xa2\t#\x04\xfc#C\xf1L&amp;\x0e\xb5\xbc\x1c\x8f\xd7\x86\x86\xbaM\xc1[\x13\x13\x13\x8b\x1d.W\xc0\x18\x8b\tj\xde\xffU\x06\xf9\x95vX\x94\xee\xe8Tb1\xa0\xb2\xfb\x83C\x99\xdd\xa5\xa5d2Y*%\x8b\xc5\xf1\xf1d)&lt;4\x0c\xf2\x99\xba\x82\x03\x13\xfe~\xd7\xd5_b\x82^\rUT\xf4\xe57\x1ab\xa5\xf7\xc0\xec\xb0Z\t\xb3\x1f\xff\x0c/-\x8d\x9fU\xb5\n\x1f\xc9d&amp;\x1c\x0f\x87\xe3\xb5\xe1\x11\x93\tZ;\xb0\xd8a\x89\t\x04\x8aU(\xda\xd1\xd4\xcc[:\xdb\x89\x8cL\x83\xc7,\x1f\xff\x08\xef.\xcdC\x01Z(4_\x08\x85\xc6\x93\xbb\xa5L\xa6\x94\x81~vCG\xbbM\xf9\xa0\xbf\xc3\xc2\xe0zz\n\xa5*q\xbcBi\xd5\xc27\r\xf02,R\xf6`-sF5\x0f\x9f!D\x16\n-!\xac\x0c\xc2\x1a\xaa\xd5jcC\xc3\xa6\x01\x7fG\xc0h\x17h4\x860yK+\xacz\x93a\xa1\x81\x1c\x13\xc8\xc7U\xaa\xf7\x08,\xf4b\x1e\xb0\xe6B`\xb4R\xa9\x04\x9d\xac\xc5\xc3H\xb2\xee\xd1\xfcD?\xf2?\x86\xccE\x98\xb5Z\t\xa9W-\xc6\x8c\xe1\xb0&amp;\xbbF\xd5\x16\xbe\x9f\x7f\x0f\x05\xbfB\xa1\x82\xaf\x10B\xb6GX\xcb\xc8b\xf00G\xa0\x8d\xfd\xfd\xfe2\x87\xd4\xd2k\x95\xa7\x94\xed\x13\x0f=\x14\x04F\xec\xef\xce *\xa8\xd5\xe7\xcfWWW\x0b\x85\x82\xcf\xe9+\x14U\xacp\x1c\xb0\xc2\xb5\xa1\xe1\xae|\x10"\xd6\xef\xb7\xebU,\xf3\x1bM\xc65\x95n\x8b`w\x8e\x17\x15\xf7`f~n5\x9b\xcd&gt;\xf3z&lt;\x93\xdeT\xc2\xe7\xf39\x9d\xbeH\x11\xc02*\x95*\x17D\x85\xdb\xef\xf6\x07\x08u\xbf\'\xf6\xb4\xc1Z9\x14q\x92\x13e\xb9\x1c\xbdS\n\xcde\x13\t\xaf\xe7\n\x94\xc7\xebM$\x9c)g\xa1Z\xadT\xd4\x98\xc8d\x90Z#]\xc1\xe0\x00\xa8\x15\x10PpY\xe9\xa6F\xd6:\x05\xb5D\xa5\xd1(\xbb\xef$\x11\xd6\x93I\x80\xea\xe9\xe9\xf1L\xa6\x9cP}U\xa8"\xb4\x11b"\\\x83\xfc\xea\xba\xa5&amp;k@P\x97/\xad\xb0&gt;5`\xd8I\rIR\xdc\xa0\x16P=\x99\xf4\\\xe9\xf1xz&lt;^\xc0\x8a\xf8\n\xd5H\xb5R,\x16\xc1`\xe8=v\xabX\x03\x80\xc5\x11\xea\x1e\xa1\r\x96\xee\xad$B\x0b%V\x0c\x80ZH,\xc4\xe5\x99\x9c\x04w\x81V\xa1B\xa4\x12\xa9\x16\x93\x7f\xf9~l\xd0\xa4bM\xf8\x03\x0c\xa6\xae9Mm\x1eb\x9be\x18\t\xee\x08&amp;\xe0\xbe\xf9\xa8\xea\xcb\x82\xb9R`y\xaf\xd7\x9b\x02\xa5`0&amp;\x8b\x95b\x05\x85WX\r.\xc0\x82\xd9\xbd\xd8\x1f`\xd0p\xb4\xd2;\xdad\xfc\x1e\x0b[\x1e\\\x83\x8c\xe2\xee\x9c\xa9\xfa\x12\x93\x93\xde\xbf{==WP\x0f}Ux\x83\xa5\x12\xb4\x10\ro\xa0\x1aC\x96\x07\xb9&amp;\x16]v\xe1l\'\xdc\xd1\xe4\x02\xa2Nx\x0e\xb0\xe0\x10S\xfc\xa6\x99\xb9\xc4d\xcf\x99\xdfA\xafTv5\xb4\x0b\x9d{\x9a\x1c\xaf\x02V2^\xab=\x18\x1a5u\xa9\xcbD\x87]8[p4\xb2\xfc\xca)\x86\xa3\xbb"\xb7\xd1{\xb3\x02b\xa9H\x1e\xcf\xf7\x1e\xef\xb3\xd4\xf3\xc2\x12L\xc3p\xa9X\x85\x91\r\x7fA\x0f\x87M]\xeaS\xec0~\xc6\xd2&amp;\xb7`\x7f I\xc0Rr\x9b\x9d\xf7"\xd9\xc4\x99\xdd\xbf\xefQ\x83\xeb\x99\xaf\xba\x0b\xf1^*\xa2E\x07a\x8d\x01\xd6\xc8-\x14\\\xb0\xdf@\x13\xf5\x06\xc3\x896qJ\x1dI\x98\x99\x97\x95\xf2\xe6t\x05\x19\x1e\xbc\x0e\x8d\xbc~\xfd.\x8a\xd4T!\t\xf9\xfe\xb4\x08s\xa8\x9a\x81\x85\xf5\xc1\xe0\xa8)\x0f\x8e\x87\x85\xd0b\x8ca \xd6\xa5-\x8dn\xc5\xfd\x1dh\xa2,\xbbo\xf6\xa5\x12YX\x1d|\xbe\x82\xd3{\xed\xe2\xdd\xbb\xd7\xef^\xf78_\xec\x86\xc3\xa5*`\x15\x9f.\x87\x97\x97\xc7\x86GGoM,.v\x04\\.K\x0c\x0e\x8e5\x8d\x16.]\xba\rX\x8d\xc6\xc2\xe3o\x81ji\xbc\xb4\xfc`f\xa6\xf2\xe3\xcf?]\xbcx\xfdn\x8f\xd7Y\xcc\x84\x1fE\n}\x91\xa7\xcb33\x0f\x06{\xf3Qw\x0e6\x08\x97\xd1\xe2r\xd9a\xad?\xde\xd7\xe6\xbb\x08\x9dm\x8f\xe1\xa5\xc6\xc1\xb4\xf3Ib.9\xd3\x99\xef\\\xef]X\x9f~}\xff\x1f?\xff\xf4\xb7\x8b7n8\x93\xe1d$R\xa9\x8c\rvvnD\xcb\x8a\x88v c\xc0x\xd5\xe22\xe2\x04\xbd\xa3\xd1W$\x94\xed\x04\xdeac\xf3\x07g6\x9b\xdc\xe8\xcf-,ln\xbbs\xe5\xdc\xf6\xe1\xeb\xfb\xf7\xef?\xbe\xed,&gt;MV+\xcb\x9d\xf9hN\x11Y\x12]\x88\x84 \xc0Mk\x99\x85\xa0\xa7\xff\xa5\x15\x16\xf5IV\x94\xdc\xc2\xe3Dvn\xb4\x7f \xea.+\x8a\xcc\xb3f\x8e\x91s\xdb\x0b\x9d\xf7\x9c\x05\x08\xf8G\x83nw\x99\xc71+\x9a\x82\xc0\x85a\x04\x19\xb3X\x18\xcc\xfa[Z\xa3/\x94\xa8\xad\x86\xac\x1c\xacG\xb2\xd9G\xc1\xfc\xc3\x1f\xee\xf4\xaa\xad2\x9bY\x9c3\xba\x06\xee\xfcx\x03\xde\xe0`4W\x96\xd4\xa3\x1aV~c\xe0\x17A \x08\xc1naHbO\xab\xd3G\xb7r*+\xdb\xd3}\xd9\xd0\xccX\x11\x16\x99\xc8\xe3\x877;\x07 \x01f-\x96\xd9\x89;\xb7\xafU\xe3\xc3\x03\xe8\xb2\x16\x99\x98=P\xde\x06\xe3\xadGg\xaf\xc6\x04\xc6h\xc7\xc9\x0f\x9a}\xfbfk\x97\xdd\xdb\xeb}s\xa1d\xb1\xe0K\xdd\xbew\xf3\xf5\xe1\x81\xac\x04f\x83C\xf1xf\xc9{m\xbc\xd6\xb5\xe8\n\x04\x02p\xf1\xcb2\n\xde\xed\xf5\xf5\xdeh\xbf\xd1n\xb4s\xe6w\xda\x1d\xd5\xef\x0e\x0e6\xa7#s\xa1\xaa\xd3y\xdb93\xf6\xfat\xcd:5\xe5\x90;\xfe9\\\xe9K$\x9e\xef\xfe\xf1q\xd6(\x8avE\xf9\xee\x12mu`B\xcc\xb5\xd0\xd9\xeb6\x1a\x01K:\xd2\xea|\xa5`o\xde\xde\x9e\x86\xf3\xab\xe0L\xdd\x1e\xaf\xf5*\x87\xbf\x1d\xaf\xd1S\xad\xc3\xe0\x9fc\xf7S\xd9\xf7\x08\xcb\xce\xc5\x14\xe5\xf8\xe5%\xc7\x94~\x8d\x15b\xee\x85^w\x00a\xb5\xf6)\x8d\x86\x8f\r\x02\xf5`\xf3!\\\xab\xbe\xd4\rgelv\xe3\xc3\x7f\x8e_:\xf4\x8d\xd7\x1b\xdd\x99Jj\xf5\xc5n\xbc\xab#&amp;\xd8\xed\xad\x7f\xaf\xad\xbd\x9c2\xfc~L\n\xae\xcd\r\xb7\x0b\x8eX\xee\xb4N\xe9\xb4\xe0\xb2\xfd\xd7\xfb\xeb\xab\xb7\xe5\xed\x87K\xe3!\xe7\xa4\'\x15\xf9\x1f\xaff\xf7\x9aV\x9e\xc6\xf1\xe6\xad\xb6\x9a\x9cF\xb1\x13\x99\x89\xf1\xe2\x1c\x0e\x98c|\xe9\xae\tz\x8cq\xe3M\xd0\xc4\xa0\x8cBB,2\x9b\x88\x1c\x12#c\xe2\x0b\x8da\n)\xc5\xa4\x9c b\xf4\xd0\x145\x94\xb9H\xd4N\xb0-\xa4/L\n\xdd-\t\xd2\xd9R\xc4\x9b\x9d\x8b\x04\xca\x92\x90m\xef\xe6na\x9f\x9f\x9d?A\xf3\xdcz\xe1\x87\xef\xf3\xfc\x9e\xb7\xf3\x14\n\xe9\x97\xafo\tD\xc6\'1\xa7?\xad\x1dH}X\x1f\x99\x846Fd&lt;x\xf8\x1e\x9a\xf7\xab\xef\x9f\x8a\x8d\x12R\xef\x03,~\xdb/\xf7\xee\xfd\xf6\xaa\xf1\x13l\xebI\xaa|&gt;\xb4\xad\xd7\xdb\xd6\xd7\xb5.hj\\.\xd7\xf0\xdf_\xbe\xdd\x8eU\xab\x8a\x8b\x8dq\xad\xa7\x94\xda\x1f\xb9\xc0%F#\xff\xe0\xe3\xc7\x83^(\x08&gt;3\x9fo\xf6\xa1\x91\x9f\xdf\xf6\xf4Yl\x81\xfc\xad\xe1z\xb5~.\x97\x00\xecG\x7fr}}9\xef\x86Ny\xb6_\xfe\xcd7??x4T\xbbp\x84tw&lt;\xc5:\x16\x7f\xcf\xa8z\xf2\xe2\xe1\x8b\x1d=\x18\xd4D\xb3\x12\x9a\x08\x15\xbfK\xb4G-,\xbcm\xb4\\\xbc\x9e\xc3\xef\xe5\xf9Ri\xd4{\x1b\xb0F\xf3\xa3\x8b\x86\xe1\xfe\xfei\xf7\xf0\xac\xee\xf6\xeaH:\xaa\xfdP\xe4J\xe5!\xc0\xa2\x8cF\x93&gt;F\x10\x04M\xebI\x92TBs\x83\x82\xcbH\tqj\xbb\xd1\x03\x7f\xeb\x14S\x8e\xc4\xf3Ew\xf8\xc7\xf5;\xcb0\xaej\xb5\x03\xb3\xd3\xd3\xfd\xb3\x03+\x81tT7\xe0\x19\xe5\x98\xe2\x87\xf3\x0b\\HQ{*r\x07\xb8b\xb4?\x9b\xd5\x8f!,~\x1dKH\xed4\xb8\xb9\xe1\xf1\xee\x95\xca\xb9Ci\x91\x0b\x8d\xd7\xb1&lt;\xdaux\x8f0\\\x18\x0c:\xdd\xe2r\xa9(g\x18\xf0\xe2\xc5\x9a\x0c\xfe\x9d\x1f\xdc\x89!\xbd\x08\xda\xef\xf7\xcf@\x1d@X|\xf8!\xfb\xa6\xd1\xb1u/\xf5!w\x98\xe3\xb8\xbaZ\x1e\xa8\xd6\xdae\xb4\xd5Z\x86\x11\x7f\xd1S,r\x19\x86aK\xe5\xda?\xa1\x10\t\x852(&lt;^\x8b\x97\x80\x16\x15S\x8c\x99\x85\x08KB-P\xfaW\x8dV\xeb\xa4\x9cZ\xca\xe52\\t\xfc\x0e\xa8\x95w\xbb\xf3\x9ee`C\x8b\xb7T\x9e\xe387Wd\x8b\xe5\x115\xc2ZXP\xd2\x16\xaf\xc3\xa2\xd1\xc0\xa41\xe9\xc4\x01Kl\xa4\x00K\xf9\xb8\xe1X\xfb\x15f)\xe7\xceG\xc3\xdaeO\xde\x9d\x89d\xdc\xd0\rj\x11U\x91cXV\xce\x15\xe1\xa5\x0ea8R\x0bw\xaa\xfd\x1aG\xd2:\x81i4\x93c\xb8\xf0\xab\x13\x81\xb6\xd1X\x90\xb6\x8eS\xd3\xf2\xef\xb5\xd1\xf02`e\xe2q\xe0r-j\x17\xb5@\x95H\xb0,\x83\xb0\x02C\xd8\x9a\x10\xbad\xc0R`V\x87\x03\xed\x9e1\xf5\x9fNT\xe18\xd9\xe8\xc2\xc8\x9bZ::\xd7-\xeek\xfbB\x805\x9a\xc9--I\x07\xf3\x9e\x94\x07=\xc1\xa5D\xa5\x02!\x0fj\x154N\x14Z\xf8\x1a\xc2B\x9b\xdd\t\x8d}\x06H\xf9\x02\xa3Q"\xc3?6&lt;A\xf4|.\xd7\x86n\x97\xf3\xae\xb0\xae\x8e\x95[\x92\xca\xf3\x1e\xa0*\xb2L\x82-U\x98\x04S\x81\xaa\xb8\xaa\x96\xe18r\xa2\xc2\xae\xb1\xc2\xc0\x8f\xd9\'g\x94\x08K\x02i\xd6\xfc\xb6\xa7\xe1\x95\xfa$U\xbb\xa8-f\xdc\xe1\xb0\xd6\xc3E\xc0\x89\x91\x0c\x97\x1f\xf5\xe4Y\xb0"\x9bH$\x96\x98\xbe\x95@\xa1j\xc6!\xc6\xd7\xd4~;\x04&lt;\x0c\xd6\x93\x80%\xe3\x8b%\x14e\xa4\xf0O\r\xfff\xc0;a\xcf\x7f?]\x84\xa7\xb8\x15\x05\xac\xbae\xb8Qpa%\xc5\xc6\x0f\x0fs\xb9\xc3\xa5&gt;\xddJ\xc0\xba\xa6T;)\\=\x89ML\xd4\xe7\xfd\x99?\xb1\x84\xc6=\xe5\xab\x86\xd7D\x08\xaer\xadV\xe8\xcf\x18\xb6\xc2(\xe4# X"\xc3q,{|\xcc\xe4r?\xe5r9vQg\x08X\xc8\xac\x05\x13\n\x01\x0blR\xa1\x9e\x99\x19\xabc\t)\x11\x15k\xfc\xb2\x99\xd7z\xc8\xba\xf6O\x03\xf1\x07\xdb[\xcby`\x8a\xd7\xf5B9\xb4\xc20\x85\xdfm\xc3\xd2~\x83a\xf7\x11m\xa6\xfc~jA\x01Ra\xf5\x9d\xcd\x18\xc2\x12H@,\xd9\xeb\xc6O\x19&lt;\xde\xe7\xd2`\xe9|?\xf2r{\xcb\x00Xu/\xc6#R\xb6\x9cb*\xc7\xe7\xb5\xb3\xe3\xddY\xdd\xdd\x07s\xb2\x0e\x11EQkU\xc8\xa4u\xb5\xc6\x9ccf\x95\xb8\x8bOQ\xb8\xf2SO\x13\xb0NJ\xf2\xa5\x04\x97\x99\xdd\xb6EQ\xde\xca \xac\xc4`\xa9\\d+\xc7GG%vx\xd7\x90&amp;\xf0=\xa3\x08b{\xcd\xefX\xb5b\x10\xeehMi\x86\xf9\x9a/\xc4\x95\x07Mi\xe7{r\x90\xe6#\x19C\xcc\x1b\x1e\xcdD\x00\x0b\x1c\xb9\xc4\x96J\xc5J)u|&lt;\xb0\xbb\xbb{|V\xc5\x85\xd0\x07\n!oY\x92\xab\x13(\xe0\x91\x0f\x05WE\x12\x99\x92|\xf1\xbc\tX\x90\xe8\xe3\x99\x04\xc3\x19\xb2\xc4\x96\x01aeP|An`\x8b\xa9T\xc0\x86i\xa0\x89.$i\xd4\x9eR\x0bk\xce\xc9\xe4\x06\xc2\x02*\xa5J\xd0&amp;\xda\x13\x9a\xc9\xff6\xe5\xab\x0f\xaf\xf5\x8f8S,\xea\xf44\x11\x9a\x8eD\x90#\xe3\t\x8e-\x96J\x81\r\x05du\x8b\xdd\xee bz\x95\x11\x12:\xeet\xda\x93h\x05\x8e6\xe0\xe2\xae\x16\x114\x81\xb1\xcd\xe6,Oy=\x7f\xc4\xb9\x8cA\x9f\xa5C\x8f\xa6#\xeeL&lt;\x17g8(\x8c\x81\xa4\x06\xb3\xd3~\xb5\x93\xf4\xeb\x83A\x19\xdf(\x02\x9f\xe1c\x16\xc7$\xca\x0ef~\x17`\tq\xf2S\xb3N4x=\'\x9f\x0f\xef\xfaf\x88\xb9\xad\x07\xd2\x0c82\x17\x99\r\xcc{\'\'\xed\x98]a\'\xc6\x9c\xb4\xdf,\x83l \x06.\xbel\xc6\x82\xa9\xc7H\xb3\n\xdd\xe7I\x94O\xfe3\xd5\xbc[\x1b^\xcf\xd4\xe3\'Y\x82\xf0\x86f\xff\x87\x9c\xd8\xaf\xb3\xf9\x9d\n\x8d\xdd\xa2q80\xa5\x93\xf6\x82ff\xbe\x89o\x14HT\xb2\x19?h\x15\xbc\xd1&amp;\x12u?{\xbc\xd9\xd3\xc4\x0b \x98\x8c\x9f\xbf\xd8!h\xc2\xf6\xc8\xe0\x8e\xc4\xdd\x86\x10=\x86\xcd\'\xe7\xd3\xe9\x95\xc0\xaaB\x8d\x15\nC\xd6\x19s}\x0f\xa1R\x99!7\x98T\x02QK\xcbw\xaf\x9a}\xbe\xcb{\xfe\x91\xa4ipc\xb8/\x131\x84\xe6\xb2\xfeP\x9f\xa1_.g*G\xe7\xb5B\xf9\xa8&lt;b\xc5\x9c$\xe9\x0b\x9aT\xb25\x00\x14\x8bZ\xda;\xbe{\xd3\xec\xe32\xde\xe6\xafA\xbd~g\x0e\xb2\x97kz\xdeK\xd0^\x9d\\\n\t\x15\xd9\xd1\xf1\xf1\xd9\x17\xc7\x86c\x02\xa3\xe9,D\x99\xd9\xcc\x87W\xd8\xde~\xed\x87\xcdf\xdfp\xb5n&gt;U\x91\xa4^\xef\xa3m:\xdd\xbcmk~|\xa0\xbfrtvvv\x04\xa9\xfe\xecK\xb5ZE#\x0fa\x9b\xa3\xcd&amp;\xc0\x02\x17\x02\xd6\xd3\xe7\xbc\xe6cu\x06I$\x987\xa4\x1b\x0f\xcf;4UK\xf5\xf4\x0b\xd8\xd9\x97\xd3\xaaS\x89\xe3\xb8Je"\t\x1b\x1d4\x05e \x16\xc2\xfae\xeaJ\xb3m\xf3\xd7\xee^\x9f\xc9\x97\xdd\x89\x85uQ\x9b\xc5\xaa\xb1\x9e\x9e\x9e\x1d\x81R\x80uZUW\xd5\xd0\x05B\xbfe\xf1\xfbd\xb2z\xbc\xb7wt&lt;l\xfa\xb9\x1b\xc4V\xe7\xad\xa0\xe9&gt;\xf8q&gt;\x1a\xf6Z\x86\xf6S\xa9\x14\xf8\x0f\xd9\xf99"\x030\xa7S\x81\xf9I\x9fL"\x00\xad:\xda\xdb\x1f^\xb9\x04\xb5:o\x00W\xd0\x97\xb5\x85\xc2\x8e\r\xe8\xa0\xa1\x15\xac +A\xd0\x9f\x03\x97B\r\xa5\x08\xc6\xd6\xa0I\x02\x01\x0fj}\xfb\xfa\xcae\xa8\xf57q\xf0\xd6-_vn\xcb\x96\\\xe1\x18\x8ec\x12\xc8X\xd7\xc0\x00\xcc&gt;\xe8!b\xa8\xdb\xf2+M\x10Z\xe8\xb2\xf2\xdbw\xcd\xbfY\x9cz\xd8\xd9]\xff\xf4\xb3C\x13\xde\xf9Q\x98x`\xbe\x90\xca\xa7gu\xe9\xf4|(\x94\x9e\xb7Y\x1c`V\xcc\xae\x87\xf6\xaf\x05\x9dp]\xfdW\xf3oOy\x8f\x9f\xb6uv\xde0\x05\x0f\x00+\xfdU)\x96\xed\xd3\x05\xd2\xb69b\x9b\xb0\xd9\xbc\x8e\x8d\x8d\xa4Cc\xb7\x93\xe2.\x84u\xf3f\xf7\xe3K\xc0j\xfdw\xaf\xa0\xb3\xb3\xd7\x17\xdc\xd9\xb1\xad\xb83\x08\x8b).\xae\x046lP\x94\x08\xaf\xd7\x91\xaccY\xec$\x1f]\xbc]\xbf\xd9\xf1\xfe\xde%\x1c\x9e\xb6N\xbd\xfb\x0e\x1d\xc1\x06\xb3\x07\x84\xee+\x95\x94a]+\xe3\x05;fI:\x1c\x1bCC\x1b\x0e\xc0\xa2Iq[K\xfd\xec\xfa\xd9\xa5\x1c\x82\xb7N\xbd\x86\xe8\xea\xbd\x7f\xe0\xb3DA-\x06,!\xefO\xad\xa4\'&amp;\xac\x1b\x05\xb0\r\x87\xc5\xa2\xb1\xf8\x83bx\x85\x80\xf5~\xf3R\xae\x9ay\xbc7\xf7\xbb\xeb\xe1E\x84\\ni\x9d\x8be\xd1\xbef\xa4\xb6Z\x18*\x8cX\xed\x98FC\xebM\x90\x1e\xae]\xbf\xfe\xc3?.\xebj~\xea\xad\xa0\xb3M\xd0k\xa2\xe7\x0c\xaea\xa9\x14\xbdF6UF_\xabG\xd0\xfd"$\x07z\'\xebSA\xc0_\xbfv\xed\xddeQ\xf1z~\xcav]m\xebT\xe9\xe7\x0c\x86\xbb\x7f\xf9kB\x9a\x90\x17\x11V\xad\xb6:\x82&gt;\xebO\xf8\xf5&gt;\x9fI\xdc\x86\xee\xd3\xbb\xdf\xf0.\r\xeb0\xea\x17]\xed\x16\x07c\xa19\xe8\xeb\x07\x07\x07\xa5\x83\xfd\xa8\xa9\xc70G\xd2j\xb5\xa2\xcfw&amp;\xb1\x00]x\xb6\xf7n^\xda\xc1|\xcf\xe1b\x946\xb6\tn\x1clo\xcfm\xfd\x9f\x97s\x8fi:\xcb\xe2x\xca\xa3\x14Z\xca\xaf\x0c\xed\xd0\x16JX\xba\xdd\x91\xb6\n-"\xa5\xbf\x1fK} Sl\xbb%\xc8J):\xf65lB\xc5\x07\xb4\x8b\xa1B\rbF\x9a\x98@R\x92\xa1\x0c\xb3@Y\x1e\x9b\xe0\x18u\xe5\xa5+\x85bbV\x8c\x1a"2\x80F\xc61!lt\xe3\x8c\x8fq\x92=\xf7\x87\x93\xec?\xb3\xab3\xda\x1b\xc3\x9f\xf8\xc9\xf7|\xef\xb9\xe7\xf2;\xe7\xba\xdd\x1e3\xd17\xe6Q\x1c\xac\x12\xda\x94z\xbd\xfe\x00\x040!.\x01u\x8bD\xc6\xcbB\x89%\xc5\x15\xea\x04:#n\xd85\xec\xb2Z\xa7\xfa\xdc\x0e\xb7\xdb\xe1\xf0\xba\x84\xb9p\x86\x83V\tt:\x1d\xf5\r\xc7\xe7\xe5\x9f\x0ea\x10\xabq\x8bE\x08\xffy\x92\x0c\xb2\xea\xb0k\xcak\x9d\x9arx\xad\xae\xae.Qe~~R\x12\x9dJ%\xbfU\xe7\r\x85\x14K*\xf0\xe0\x9d&gt;\xe0b$\x8d\x8cT\xfa|\xdd\xdd&gt;\xdf\x94\xd5\x05\x88\x95\xf9\x9bP\x93:\x85\r\xbe\x8a\xcfK\x0c9\x96\xc7S\'\xdc\x16\xcb`\xc8N\x8e\x0c\x0f\x1f\xa9\x1cv\xb9\x86o\x8d\x8c\x9c\x94\xc5\xd1\x13P+\x7f$\xf8\n\xa8b\xf2\xaf\x84\x14\xcbBXp\xa72\x01NG\x99,)I\x96?2\x0c\xb2\xa1\xd6t\x06\x1d\x15\x7f\xd1\xb4HJ^b\xa2X\xbci&lt;\x84X\xb5\x02\x0b\xc9U\t\xb6Ob\x98LI\xb0d\'eIq\x08+&lt;"\x82\x82\x8c\x95\x98\x18\x13\x13\xc3\xea\r\x1d\xd6\x97\xa0\x16Z\na&gt;\x1a\xacI2A0c\xe3\xe2\x18\xf0\x0f\xa8(\x91\x11d\x8f1\x88\x15\xc3b}\x13\xba\x04\xd1(-\xb5\x80\xb9\x08\x813\xf7\xc8&amp;4\xaf\x15\x1e\x1e\x8e1\xc2Q!\x16\xc7\x00$\n=6/1\x06\xc4b\xb1X\xe7C\x87U#\x15\x90r\xe1N\xadV\x98\x92\x18\x13\x17\x17\x8ba\xe4@ \x03J?J,\x9d\x0e\xe1K\xd9\x94\x92\x92\xc2\x8a\x99\x08\x1dV\xf2\'[\x05\x83\x84\xc7c\xa9\xab\xc3q\xafMX\x19G\x8fG\x02A=\x1a\x1fN\x89GP1\x9b\xe0V\x9df\xb7\xc7t\x84\xcc[e\x04`\xa5\x1b\x08\x82\xc0\x15\xb8\x07Wt\xfa\x86\xbb\xbbr\x87\xbbr\xe1n\x98\x90\x00D,VJ\xca\x91\x8d\x1b\x11\x96x\xb4,dX\xa5\x9fl-\x05(\xc2"\xc0\x05\x84\xc5\xe2\xe9t\x8f\x8d\xb9;\xa7|Je\xee\xc6B\xd1\x91mii\xdbD\x85"\xc0J\xb3\xb3\x86O\x87h\x88,\xec\x84@\xba5\x1d\xa8\x0c\x06\x0b\x0e\xd6\'\x0c\xe6\x9e\xbe&gt;\xe0\xf2A\x99\x95k\x14Un\xdb\xb6\x11}\xa7\x16\xc1\xd5\xdf.\xce\xff&amp;D\xb3\x80Q\xf7\xa5\x80\x95n0\x98\xcd\x06\x01\x1c\x8e\x84A.\xef3\xf7\xb9\xbdB\xa5\x12\x81\x89D\x85\x85\xb9\x85pd\xefnj\xb2\x8b\xc5\xb7\xc6C\xc4\xf5}-\x89%7\x9b\xe58NR\x01\xd6\x98\xdb\xaaT\n\xe1\xfas\x00\xf5\x1a\xe4vw+\xbb\nw\x03\xd6P\xe2hH\xce\x1fH\xf2\xf5\xd2\xad\x7f\xa9@4\x06b\x9dJ.7{:\xd1\x8dL\xabV*\xbb\xba\xc8O\xe8\xca\x03F\xc0b\x89\x87\x86F\xaf\x84\x85\xbd\x7fk\xdd\xc7K\xa4\x82\xd2\n\x83A\xce\xe1\x18\x08@\xca\xe2\xc8{\xcc\x1e\x87W+\xf4i}\xae\xee.\x17T\x87Z\x9bZ/\xc9X\xc7\x1a\xba\xd5[\x16\xf6~\x15\x0b\x0b++\xdf\x8b\xb0\xd2\xa1V\xe6p\xe4\x06\x0e\xa7\xa7\x87C\x98A-(\xb8\xac&gt;\x97\xab[\xe9\xb3Z\xb5\xda\x16\x12+\x8d\xc4\x12\x8b&amp;\xc6?|\x7f\\\xe4K\x06\xff8\x0cX\xa8\xfb;999\x8b\x03\xab\x1c\x96\xd9\x8c2\x04\xc9\xa5\x04\xac*\xad\xb6\xad\x18\xb0\x82\xc8\\Cb1\x8b%\xfa\xf6\x04\x02{\x1f\xdfW\xd0\x88\xfeZ\xe7\x96\xbd\x87KjA\xad\r\xa8G\x17\x16\x89\xd5c\x86j\xde\xed\xb0Z\xadB\xf0\x15`\xc1\xad\x9f\xc4Bj\x89\xed\xf64\xfb\xf2\xa3\xbb\xf7\xcb\xc2\xde\xfd`\'\xfa\x8c1\x15\\&lt;\xb6\xf7\xab\xbd%h+Vl \xb18Y$\x16p\xb9;\x9dH.\xa1\xd0\x86\x1ab\xd56\xc0"\xb7\xa2\xd8\xde\x14\x84\xe5o\xc0\xd7nL_x\xc7&amp;\x8b\x8a*[K\xb3k\xb6\xec\xfd\n\xb0\xa4R\x01`\x91r%\xd74\xae\xcb5\xe6v#{\xd9l6\xab\xb3\xaaM\xaf\x07o\x19\x0b\x91\xe7\xc5\xf6`F\xc6\xe2\xa2\xdf\xef\xbc\xa6\xc2&gt;\x9f\xb8\xf2\xee\xbe\x1c\x90\xefc\xac\xc5\x8b\x8b\x0f\xef:u\xea\xd4\xe1\xcd\xb5(Cl\xc8&amp;[\xadk\x1a\x1b\x1b{`\xa1&lt;?\xe5\x04,\xad\xd7\xd1\xae\xd53\x99J&amp;\xc2\x02c5e\xe8t\x12]\x83\xdf\xb9`b\xb3i\xa6\x1b\xef\xaa!/*\xec\xc3\x13\'\xfeU\x99\xa7\xd9URR\xf2\x13\x162\x17\'\x0buZ76\xae\xbb\x0b\xd4r\xc2\x1e\xb4:\x9d^\xad\x1a}\xab6\x16\x06a+\xdaw\x1b5\x1a\xcd\xcb\x9c\xabS\x0b\xfc\x08\x1e\x8fG=w\xe3\x1d\xe4\x0b\xf2\x85\x8c\x8e\x8e\x17K\xcb\xf6\x16Em\xed\xe6\x92S\xbbJH,0W\xf2\x7fa\xf5\xf4\x91A\xd4j\xbdNg\x15`I\x0e\xe8\x8c\x19A\x08bS\xa1DST\xbc\x92\xe3?\xbf\x80\xf1\xd0\xdc.\x85z\x06%\xb2_i\xf4\x0b\xd3\x13X\xf4\xe8\x8b=\xaf\x9a\xac\xb8\x94\xc4ZW\x0b\xc9\xb5N\x05\\=\xe5\xe6&gt;\x0f\xba\xc2z\x81\xcaYeC\x93+\x12\x89\x11mE\x88\xa1\xa6x\xcb\xf1I\xe7\xea\x1c\x8f\xca\xe5r\x81+\x92?q\xfa\xd7\x08\x06P3\xe70vt\xc4\xb5\xc6\x8f\x1b\x82\xc5\xb8@\xbay\xf3:VzE\x05j\xe3\xaf!\xbd\xd5\xc8!\xbd\x85\xe4\xf2:\x1d V\x9bMo4\xeat:\x94\xe7\x83\x12]f[\xff\xa1\x86\x99\xd5\x8b&lt;.\xc2\xa2@$\xb9\'g~\xe9k)\x90\xa8N|w9\x12lJcw\xcc&gt;i~\xa5\xeb\x14H\xab_cUTl\x00\xb5\x92\xd7\xb1\xca\x11\x96\x07u\x82;\x9c\xed\x80\xd5\xd2\xa6f\x02\x16\x93)\t\xa6\xa5\x05%\xcc\xcc\x95\xc0q\xfc\xf15\x04\xc5\xc5\xa8\xe1T*\x95K\xe5\xde\xfae\x91\x84\x940}\x86\x87\xe6\xbf\xa2\xa3\xd9\xd7\xa7_\xeclX\xf4\xe2h\xa6gW}mu)\xa8\x85\xb0\xb2P\x14k\xc0Y\xeb\t\xd5\xedhw\x90j\xa9a\xef\xe9\xf4L]\xb0\tb\xc8|\x19\x08,\xcd\xaf\x9ax\x18\x16\xc1\x83 b\x00\x85a&lt;\xfe\xf9\xb7\x17,\n=d\xa0"\xc7\xbf\xd8\xf0\x13[\x9d]\xdaqU\xe7\xa8\xae.\xd9UR-\x95\xa2,\x0fT\xc9\x7f\x86\xd4U\x9eU\x8ej\x08\xe0r+\xda\xdb\xeb\x1c\x88*\x93\tZ\xe9\xf5\xba\x8c\xe0\xeeE\xe3\xcb\x82\xc0\xd2\xf4\xfcm\xa0\xe2\xf2/r#\xa9\x98\n\xe3rU*.\xefr\xef\xdb\x1d\x95(~7d\xd1\xfbH,rdn\xae\xf7\xc5\xf6C\x8b\xb6:\xc5k,\xa4U6\x99\xb9P\x9e\x97\x1b\xe4\x0631\xe8Q(\x14u\xedU\xe8\x0f\xe0LD\xa5\x87\xcd(1\xbe*\xb8\xb94;?\xc7\xe3b\\\xd5\x9d\xf9k\x18\x8d\xaa\x02.\x0c~\xb0\xf9o\xe5\xb0\xa8\xb0\xa8\xf1Q\x1e\t\xf5\xfa\xa5\x02\x9a\xea\xeb\xde?\x0c\\]\xac\xaa+9X\x0fI\xbe\x94\x14+\x1b\x0e\xa0dt\\\xa3\xda\xcb\x00\xd5\x97\x07\xc7\x01\xab8\x93\xa9W\xab\xf5\x1a\x84%\x91 \xaa\xe9\x07\x0b\xe0*\x8c-z\xb2\xf6x\xf56\x8f\xc6e\xa80\x15\x9f\x8fER:\xde\xfco\'Qa\x17fd?\xcdDGS/_g\xd3\xd8\xec3\x97\x1e\x1e\r\xbc\xd2\xb5\xd7+\xe0\x96(H\x87\xaa&amp;\xeb\xb5Z\x88In(%\xb9\x04\x02E{K\x91\x86\xa9\xb6\xd9\xd4\xa8)\x89\xa9{\xb9\x7f\xe0y\xef\x83k\x18r\xd3PC\x8e\x1f\xef\x9d_\xbd\xcdeC\x10\xf9\xc0\xc5C\x81|\x13\xc1\xa2\xc8\x87("\xd6\xa5\x820b\x1d\xdf\x9d\xa7C\x14U\x8f\xef\xdd={|\xb1\xb8\x0e\x17\x08JKQ\x8f.g\x1d\x0b\xe9\x84\x16\x12\x8c J\x15\xedm\x1a\xd0\xca\xd6\x86\xb04\xcc\x97;\x07\x9e\x8f?\x98\x83\x98a\xbc\xd8\xa7\x05~\x7fN\xea\xf3g\xb3_\xcf\xa9\xd8T\xc4\xc5\xa5\xb0\xe3f\xde\xe0\xe5\x0f8h\xc6;\x18\xa4N\xb4}\xfb\xd8\xa6\xb9;\x7f\x7f\xd2\xbf\x1cIccs\x97N\xff{`2h\xc5-\xa8\xa1y\x03\xd4\xa6\xc9d\xc9%\x87;\x19\xf1\xbav\x96g\xa7\xd7\xff\xed\x18`\xb5\xb5\xb4\x15ej23WR\xcf\xde\xbd\xf4\x00\xdc\xaeR\xf1\x86~\xf8\xb8`r2\xb0#\x90\xd3\xff\xe4\xd9\xec\xc2\xe74\x1e\x9f\xaf\xe2R"\xa8\xa3\xff\xafH\x8cBo\xf9\x98"\x10\xd5\xbe}&lt;\xd3\x99\x895\xf9\x8fK;\x9b\x7f\xc8\xa3a|\xd5\xc2\xbd\xef\xffx\xf3*\xb3\xd33\x98&gt;h\xc8\xce6s\xb2\xc0\xf4\xc9\x1c\xc2\x03\x97X\x0b`e\xcb\xa1\xa0H\xaf\xdfR\x94\xa9\xb6i[\x80K\x93\xb9\xf2\x11P\xcd\xdf\x86\x88\xa9x\xcb\xfe\x82\xd6\xc9\xc9/~\x178&gt;9\xf9\xa7\x81\xdf&gt;\x9b^\x80\xf4\n\xfb\x11\xb2\xbe\xec\x7f;\x1f\xed\xbfs&lt;\x1a9\xd3\xce\xbd&lt;\xb1\xf6\xe3\xa3\xa79\xad\xcd\xcd{\x9e.ST|\x95i\xf5\xde\xc3\xa3\x03~\xad\x87\x18\x1c$\x90\xd19\x80\x95\xc5\x19T\xd49:\xe1\xb6(\xcf*o\xfc\xb2&amp;\xfd\xe0\xef\x8b2\x8b\xb5U\x90R\x8b\xd4O\x07\x8e&gt;CT\xa0\nu\xf9\xd0\xa7\xad9\x93\x87v|\xb0\xbd\xd5\xef/H\r\x04&gt;@`\x90\xc4 \x8b\xf1(\x1dW~V00\xd5\xece.\x9b\rL\x91\x17;f\xe4K\xcd\xfd`\x85\xe6\xfe\x86\xfe\xe6\xd6e\x0c~\xf5\xc5y\xe0\xba\xb9\xd2\x0eT\x84\x99c&amp;\xc18\x1c\xa2\xae\xaa\xca\xe9\xee\x93s\x80\na\x1d+\x02\xaavH\x13m\xcdg\xff\xfa\xf0\xd2\xe3\x8b\x98\xc9\xc4\xa7.\x7f\x9a\xbas\x7fA\xc1\x8e\x7f~\xb1\xfd79\xfe\xe3\xa9\x1f\xed\x08\xb4\xee\xf9l\xfa\xceu\x00\x83\xb4O1\xdd\xf8\x19\xe7\x83T\x13\x18\x82b\xab\xce\x9c\xff\xd6\xf2\xa8u\x7fsCC?\xac\xe6\xfd\xa97s\x96\xd1~\xbe&gt;\x0f\xb6\xbf\xb9\xe2\x18\x03\xac\xff\xb4q\xbe\xa1M\xe4y\x18oO\xdb\xd3\xd3\xe3\x02s\xe9]\x1ap3\x81\xb9\x99w\xc7\x9d\xc2MA\x0f\x02\xf3\x87\xc0\xed\x12\xcc\x8b\x99\xbb\xc2-3\x05sa|qs\xec\xed\xe2\xbc\xd8\xe8\x04\xc2\x80\x0e\r1(DZ\nn;M\x11\xae\x04\xb5a]bMO\x0c\x84\xd4\xa3H\xa9\xb5h\xa1n[\x90\x15\xb5\xba\xab\xdbU\xef\xf9M\xdaz\x1e\xfb\xa43\xf4\xef\xe4\x93\xe7\xf9~\xbf\xbf_i\x93\x01\x82\x85\xa1\xd53p\xe2\xec\xd1\xe3Cc\x03=\'O\x8eL\x7f2\xf1\x8f\xcf\x8f\x02\xea\xd2\xf1\xd3\x7fP+\xcajm!\x06\xaa\xd8\xae\x1fl\x8d\xa6EQd\xd9\x94\x19\xe5\xea\xbcHK\xb6i\xb6\x12\xc4\xb1N,\xe0\xdd\xbd\xfb\xaf\xfc\xd8\xce\x15\x03t\xf0\xcb\xdd\xc1=\x08\xaf\xf9\x9fo\xfe\xa9\xf2uMV\xc7\xc7\x0b&lt;\x9fO\x19s3\xc3\x99\xdf\x82\xab{\x9bkl\xe0/G|\xb7\xc8\xb6\xb9\xef\xf3\x0f?\x1a\xba6\xd0\x7frzz\xe4\x93\x03\x97N\x1f\xff\xf4\xc4\xdf\xfft\xe9\xafr%\xf1m\xed^ \xa0\x87c\xfb\x1a&amp;_\xb7\xa5tj8\x95J\x996\xc3I\x92\xcd\xe7\xd3\xad\xf2\x9c}\x7f\xf5f3\xbc\x07KR\xe7\xae\xc9\x1f\x99\xf9?\xf9\xd5\xed\xeb\xbd{?\x0eM.,}\xb3\x9e)p9^\xa2\xe3\x9a\x946\xcd|[\x8d}\xe0\n\xddY\xa9-\x96\xe7\x1e\x0e\r\x0c\x1c!A"\xb8\x93=}g?&lt;\xf6\xd9\x99\x01\x92\xe1\xc8\xa1\x03\xe4?\xd51\xeb\xd7\x85\xca\xdb\x1b\x18\x0c1=\x1c\xfa #\xd9v\x9d\xb7\x81\xc5\x8a\xa2\xc4\x17\xa2f=o\x0e\x1beA\xb4m\xf1\xe5\xea\x8b\xf9@\x17y\xad\x99\xdf\x13\xc3\xde\xb7\xea\xea\xad0V\xbe\xc9\x85\x17\x17\xd73|F\x8b\xc7e\xda\xf3h\x96\x15\x87\x89fRf\xbe\xb1\x1fs\xa6\xfb\xce\xdd\x1a\xf1khl\x0c\x85\x0f\x94\xa9\xa9\xfe3\xa7\x7fw\xec\xdc)\x1fk\x1a\r0t\xea\xf0\xe1\xc3\xf7+\xd6\xe2 \x96ATd\xe0\x07\x1b\xde\xf0\xb6m\xa6X\x9a\xa6e\x0c\t)\x8f\xf7\x8d\x8a\xc7I\xbc-\xcd\x94\xdf~\xf1h\xb6\x0b{\xb1\xee\xf7\xf6\x87d\x80\xde\x9e\xec%N\xbd8\xb8\xeeW\x94\xc4\xb9Y\xcbr\x19aG\xc6\x8c\xd9\xd8\x1f{\xc7u\xfe\xcc\x04t\xb0\x7fjjj\xe2\xfc\xd1c\xe7\xfa\xc6`\xdc\xc9\x91CG&amp;\xaea\x05zZ\xb1\xbe[~\xa4cb\x86~\xdd\x90$\x94\x02o\x9b\xe9a\x82E\xa7G\xeb\xb6L\xa7D\xc1\xf3d\xbe\x8eP\xcaeu\xe4f\xb3;\x08\xac\xff\xd9U\x00\xea\xab\x0b\xe1`\xf7\xf5\x85%4_\x0e\x9d\x97)\x88l\xc5\xca\x16\x8b\x8e\xa2\xb8\x10\xe8\xca\x02;\x93\xde ~\x05\xb6\xb8\xce\x9d\x02\xd6\xc0E`]\xec;\xfd\xd1gCGP\xf2\xd3S\xd8\xd3#\xdf\xa7\x96\x83b\x0f\x93\xa9\x84\x00\x0b\x05\x98\xc5\x9bi\xdf,\xb4 X\n\x14\x07,J\xaag\n\xb2 \xc8v\xe1\xe5\x17\x0b:y=\xb1\xdd\xa1\xc9\xf63\\\xd0\x80\xb7\xf4=\xbb/_\x81S9MU\x89Y2\x9b2\xbcl$R\x8cD"I\xc7q)\xa3\xd5\x9a\x13\xd9\x99\x8d_\x84\xc3\xfb\xbbI}U\xca\x0f\xcf\xf5]\x1b\xf3\xb1\xd6&amp;.\x9dE+\xf6 \xd0\xa9\xfe)l\xeb_ZI\xbf\xd81\xc3\x1f\xe4D\xa9`\xdb\x880-\xb2\xb4 D\xa3T\x94\x16Si\xd3p=W\xe0GyQ\x10H\x943\xd1\xd5\'\xd5=\xd8\xb6v\xf6\xea/\xc8\x8b\xe9\xfdt\xf0B\xf7^\xbd\xf9\xa2\x1fc*\xa7\xaa\xeaxf\xb4 \xd0i\xc3s}(\x1c\x11\xc7\xf1&lt;\xcf\xf5\x90\xe4F\x0c\xddN\xb8\xdeZs\xdf\x9f#O\x99\\\x03\xcb\xc0\x89\xd3\xc7\xfb\xce \xd0\x110N\xf5\xbf\xac&lt;\xbbQC\xb1\xa3C\x1eh\xa2F\xdcBa\xa5S2\xcd\x11.\x81\x128\xc1\x186"\x0e\xc7g$\x0e\xbe\xd9|af\x8e^\xbc9\xd9E~3\xda\x1d \x7f\xdd\xbe\xfaeohri\xed)\x89\x0f\\q\x95`Q\xc3\xad\x96\xe19\x04\xec\x9d\x1c\xd7\x8d\xbe\xc1h\x0c\xef\xba\xb3r\xe3\x99E\x7f\xffo\xd8\xb5\xb6\xb6\xf6\xf5\xda\xa9\xf3\x9f\xf6M\x1c\xc4N\xf5PO\xcf+\x05T+\x98\xec:\xa1\xa2\t\x16\xa8\xec\xbc\t0\x8c-Q\xc6\xc1\xd2\x06;l\x14)\x9e\x97)JF\xe5I2-J/o7\x03Ap\x05\x03W\xfe\xdcq\xa17\xdc\xd9uL\xc6\x00\x00\x03\x94IDAT\xfc\xfa\x95\xaa\xf9X\xe3\xb9\xb8\x9a\xe3\xf3\xb4\x87\x1f\x1bf\x05\xd7y\x8f\xac\xe8\x14\xa3\xbf\xd1K\xe1p\xe7|\xedF\xd2\x12\t\xd7\xc4\x81\xd7\xaf\x9f\xde\xcfI\x9a,\xd3\x86\xd12\xca\x96\xf5l\xb06\xdf\xad\xebz\xe8\x81*\xd02Il{\xc8\x98m\xe5\xcd4d\xb2nA\x8a\x92n\xe4\x0b\x1a\xb04\xfb\xe9\xcdf\xa8\x0bv\x05CK\x1d\x9d\xa5[\xfd\xf7QS\xaa\x8f5\xae\xc6\xa3\xa2\x992X`\x81\xcbs\xdd\xff\xb3L\xfd[\xb5\x84\x9a\xb9W{\xecX\xe2(.\xd7\x9a+\xb7U\xf1\x95\xb5\xfc\x04\xf5\x92\x1e\xfa \x1e\x8dr(r1E\xc8\xb6\xd1v\x00\xd3y\xd6\x90=JkS\xc9\xb0\x95_\xbf\x8d\x86\xdc\x1d\x0cv\xc5:J\xb7^\xa9\xber*Y\xfe4F\x89\x82\x89\xc5\x83\xc4\xf03\x04\x81b\\\xb7XL\x16!\x9f\xeb\xb9^-\xe9\xb1\xd8Bm5k\xcd\xcc\x94+V\x05o\x9e\xb5\xa5\xac\x95\xf8v\xb9\x19(\x95J\x81\x9f\xa9L\x94H\xe08\x1aS\x14l\xc4"\xdf\xa8tZ\x92\xd2\x92\x997\\\x86+\xf0\x05I&amp;\x02\xd6\xe8\xfa\x93yP\x05\xbb\x82\x1d\xb7^\xa3\x9e\xb64\x9e\xe15J\xa1\xe8\xad\x8b\xa4`\x18\xcb\x1a\x86@\xa1\xe2\xdd\xadD\x93\x9b\xa5\xaa\xae\x07\xc2\x8f\x96\xbf\x03\x97hYm\xa4l\xd6\x05\x13\xce\x8f\x97\x17bz\xa9\x14\xfb\xe3s\x06]G1\x8c\xc20\x0c\x15\x05\x1b\rO\xdeI\x84=&amp;\x13AeI\x1a*@\x95\xb5\x9c\x9di\x1cF?\x82+\xd8\xf1*\x1eW\xe3qB\x86S\xae\x90\xe2(\x83P\xf9\x8f\x8d\x186L\xc0\x0cb\xdbV\xa2\x89\x8d\xd2\xe5\x92\x1e\xa8\xde\xad\xbd\xcd\x96\xcd\xb2\xe5\xb9Y7\xeb\xe0\xe6ku\xf9\x89\x0e\xaa\xf0\xbe\xe7\xbeU\x14\xa3$\x88\x14\xc0\x01\xd1\xff\x1c\xd7\x96L\x92S\xa2RN\x83T\x1c\x05;3\xda\x18[\x08\xef%X\xf1-\xa1\xa8\x14|S\n\xb5\xc0\x12\xac6X\x8a,=l\x9b\xcc\xc0\\v\x9ddRyS\x9a\x05\x97\xdf\x8es\xa2\x05\x13}\xf9T\x8b\xcbw\xab\xe1RI\xdf\xb5I\x11\xa8(E\x01+\t%\x92@#\xc6\x01\x8f\x82y\xfe\x8d\x11hE\x96 B\x86\xb5\x00X\x9bKMl\xf8v\xb0\xf0H\x18\'\xa2p"\xd6A\xb40\x84\xe5\x9e,\xf8&gt;\x15\xcb\xb6\xda\x96yn\xc2I2o\xaa\xb3\xd5p\xa0Y{\xecZi\xd6mC\x01\xab\x98]\xbc\xba2K\xa8~\xbe\xc1q\x04\x8b\xf2\xed\x02\xd53\x1fm\xdb7\x12*\xbeH)\x0e\xc7P\x98k\x058&amp;i\x85Lft\xb4\xb1\xfe\xe4:b\xecP\xdbT\x8a\xc3Pn1\xc9p\x06\xdd\x16\x0b\x8f\xd9\x1d\xd1;A*\x8e\x93\x88\xffkv\x16\xfd\xf8\xa8\xb6h\xb5\xea\xb4\xdb6\nz;X\xbb\x03\xaa\xd2/7\xe2H\tf\x81j\x8b\xab\r\x96l\x83)\x8c\xef$\xe3$\x15\x99\xc1\x80\x18\'\\\x1a\x0f\xacF\xa3qm!\xb0\xb7\xedV4\xae8\xc5\x04E9E\x17#xG\x06G\x03\x12\'\x8e#\xab5E\xeaW\x01\x96\x93T/\xcfVK\x81\xd9\x95\xaf\x12V\xbe\xde*W\xc8\x80\xc8f#7\x96\xe7\x03\xa5j5\xbc\xc1\x10\xb3p\xc7\xd1\xe7\x9b\xea6\x17\t\xd2\xe7B\xacJ\xbb\x1d\x12\x91$\xa6&lt;p\xf8\x9c&amp;k\x99Q\xe2V\xe3\xe1\xd2\x9d-\xac8\x83\x01\x90d(\xdc\xa3K\xa2\x07\x00\xe5\x91\x139\xfc3\xe1!\xc5\x8b\xcb\xc2-\'\xb9YE\xd9cz\xadz\xadz\xbeET\xce\x16\x1f/7Cz\xb5\x1a{\xa30\xbeY\x8c\x1a\xdf\xe8z\xa3"\n%\xf1.C\xf2\x01\xb8\xc8U\x13\x91\x88\xcb1&gt;V&lt;\x8e\x1d\xba\x8f\x95\xb9v\xaf{\xef\x7f\x01\x1fT\x9d\xa3s\xc2\xa6k\x00\x00\x00\x00IEND\xaeB`\x82'</t>
        </is>
      </c>
      <c r="M250" s="3" t="n">
        <v>45492.67763888889</v>
      </c>
    </row>
    <row r="251">
      <c r="A251" t="n">
        <v>865356</v>
      </c>
      <c r="B251" t="n">
        <v>1981</v>
      </c>
      <c r="C251" t="inlineStr">
        <is>
          <t>Wellington Rato</t>
        </is>
      </c>
      <c r="D251" t="inlineStr">
        <is>
          <t>W. Rato</t>
        </is>
      </c>
      <c r="E251" t="inlineStr">
        <is>
          <t>PD</t>
        </is>
      </c>
      <c r="F251" t="inlineStr">
        <is>
          <t>ATA</t>
        </is>
      </c>
      <c r="G251" t="inlineStr">
        <is>
          <t>PD</t>
        </is>
      </c>
      <c r="H251" t="n">
        <v>172</v>
      </c>
      <c r="I251" t="n">
        <v>27</v>
      </c>
      <c r="J251" s="2" t="n">
        <v>33782</v>
      </c>
      <c r="K251" t="inlineStr">
        <is>
          <t>Left</t>
        </is>
      </c>
      <c r="L25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102fbcb-1a45-4ac4-af49-ed8ed96c83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^"\xe6\x00\x00\x00&gt;tEXtComment\x00xr:d:DAEewil2SDw:3461,j:7954900097623563676,t:24013121\x82D\x15v\x00\x00\x00\tpHYs\x00\x00\x0e\xc4\x00\x00\x0e\xc4\x01\x95+\x0e\x1b\x00\x00\x03\x00PLTE\xff\xff\xff\xf2\xf2\xf9\xea\xea\xf4\xef\xef\xf6\xef\xef\xf8\xed\xed\xf6\xf7\xf8\xfc\xeb\xeb\xf5\xf3\xf3\xfa\xf1\xf1\xf8\xf5\xf6\xfb\xed\xed\xf5\xfe\xfe\xfe\xe8\xe8\xf2\xe5\xe6\xf0\xd8\xda\xe7\xe3\xe4\xef\xdf\xe0\xec\xca\x99\x83\xdc\xdd\xea\xb3\x80j\xbc\x88o\xc6\x95z\xc3\x90u\xa4p[\xb7\x85m?/0\xe1\xe2\xee\xbe\x8cs\xc8\x98~6\'(+(,\xbb{cQ74\xc3\x87p\x9ciV&amp;$)dKE\xb4t]\xbf\x83k\xc2\x92z\xbf\x8fw\xc6\x8bt\xd4\xd6\xe3\xcd\xd0\xde\xc9\x93\x7f\xf6\xf6\xf8\xacwa\xfb\xfb\xfdI1/\x9fmY\xec\xeb\xf2@46\x91`NXFE\xd0\xd2\xe0\x8bcTVTW~L;\xbe~ggei\xb3\x85q\xca\xcc\xdb939.,2\xb2}e^]a\x96eSQOU\xba\x8dz\xc7\x90yJ&lt;;66A\xa7t_\xae|hnC:\xb2\x8by~|}Z=74/2\xb7x_\xc2\x99\x85\x81_UH66\xcd\x9d\x8cdac\xb2oWZX]A8&lt;qoq\xd4\xa8\x9b\xc3\x95\x80\xb8\x89s\x84\x83\x83lJB\xc6\xc8\xd7\x81YL\xcb\x9f\x85\xb9\x7fiR=;\xb4ydPBA\xab\x80pyYNqVO\xda\xcf\xcdfD&lt;\x91gW\x83SEHGN\xd4\x9e\x8b\xd1\xa2\x93lQJNKOtJ&gt;\xadkT\xae\x86u=&lt;E\xa7xhsRG\xb9\x98\x86h&gt;5\xc2\x8bx!\x1f%\xa7gP\x8c\x8b\x8b\x94l^FDH\xce\x9a\x86\xadq\\\x88^O\xd2\xb6\xad_C=\xd0\x96\x7f\x98\x95\x98\xc3\x9f\x8e\xbe\x92\x7f\x9drc\xaf\x93\x89{SGljn\xab\x8b|vuv\xcc\x91{\xb0\xb1\xc3\x8bYIvE8\x9fyka;5\xbf\xc1\xd0\x94sh\xd8\xa4\x91\xd9\xc1\xb9\xab\x8e\x82\xb1\x90\x80\xe3\xe1\xe7\xa6\x85yZ40\x8aQ=\xd7\xac\x96\xb7\x90\x80\\MM\xd1\xa8\x90&gt;))B?B\x95YCXB?cXX\x9ddP\xce\xae\xa4\xa2\x7frv_Y\xd7\xc8\xc3\x9e]F\xcf\xa4\x8arge\xd4\x99\x86\xca\xa3\x93\xce\xbf\xbb\x84sm\x92\x90\x91\x9e\x9d\x9d\xa3cJ\xa9\xab\xbd\xf5\xf2\xf3\xa7\xa6\xb2\xae\xa7\xa6\xca\xaa\x9dePN\xc1\xbe\xc7\x8bf[xmj\xde\xd9\xdexNBBAM\xd9\xb0\xa3\x95|r\xcc\xc5\xc6\xbf\xb8\xb9\xb5\xb0\xb2\xc1\xa4\x99\xdf\xab\x9b\x8ane\x9e\xa0\xb0\xb8\x9c\x92\xe9\xe7\xea\x81f_\xc2\x97\x8b\x83\x80\x8f\x88|y\xb0bP\xb9\xb7\xc5\xb5\xb8\xcc\xa3\xa2\xa5\xe2\xd6\xd2\xe0\xa0\x8d\xbf\xae\xaa\xe5#3\xc4\x8a\x7f\xcb\xc9\xcf\xb0qh\xda"-\x98\x96\xa6M\'%\xba\x83w\xc3\x80x\xa9k^\xd6\xd5\xda\x8c\x8b\x9c\xde\xcc\xc6\xca\x91\x8d}y\x89\xf4&gt;J\xa2\x8a\x85qn}\xd3\xd0\xd2\xca(6\xf1.;\x9a]X\x99\x82{\xa9d\\\xefZa\xeb\xc4\xc6\xb7lj\xe5\xae\xb1\xf0\xdb\xde\xd4wq\xd9\x90}\xaa\x99\x9d\xc0yz\xd2Vd\xeanx\xe8\x94\x9d\xb0.;\xd6?L\xe3\x82\x87\xda\x81\xa0\xed\x00\x00 \x00IDATx\xda\xdc\x97\xdfO\x13k\x1e\xc6\xfd\x03z\xd5\x94 \x8d\x9b\xfe\x10:\xa6I\xf9e!\x8e\x1d\xd3\xfa2\x94zph\x0f0\x9d\x0e2\xe6l)B\x90\x06\x07N\xf5\x940\x0e(\x19\x7f5c\x0e\x12r6\x88\xb19\x85\xe2A\x97\xa0\x1d\xa2\x15DD\xc0\x98\x88K6MN\xc2%W\xbb\\\xec\xed^\xee\xf7-{\xf6/h1\xd9\xb7\x1d\x9a\xd0\x0b&gt;y\x9e\xe7\xfb\xbc_\x8e\x1d\xfb\x7f&lt;:]\xe5\xfe\xc1\xc1\xe6\xea\xde\xea\xea\xe6\xde\xc1\xe6\xde\xde\xfet\xb5N\xf7\x8d\x99\x8e\xbd^\xcdp$-"J\x15$E\xcbH\x92\xa0h\xb9\xd5\xe9o\t\xa6{}\x90c}\xfe\x18J DQ\t\x86%)\xc4HTB\xc9i[\xef_\xeb\xbe\x91y_\xb6y\x9aD,)\xd2\x1c\x80\xb1&lt;#\x08\x02\xc3\x0b\x19MP\x05%\xb7\xbdw\xfa\x1b\x80\xe9\xbe\xe4TDs*\xcfql"\x81H9E":\xcaQ&lt;\xe28F`2\x0cX\xba\xb9_\xa9;b\xa9\xa6\x19\x96C\x14\xc9"\x92\x8c\xf9\xc4\x04\xc3\xf0\x1c\xe2@0E\xc90&lt;D,\xabI\x82*m\x1f\x1c\xa9\x97\x95\xab\xe0\x1f\'{D\x8e\x139\x9eG\x14\x97Py&gt;A\x91tB\x03\x1e\x86O\x08R\x06&lt;e5e\xeb\xe8\xbc\xac|\x93 I\xd9\x17\x05\xb1X2\x1a\xa2i\xc4\xf3*\x05\x1f\x82\xc2P,X\x9aaX*\x93\x81\x98\xb19M{\x7fD\\\xd59\x9e\xa3|\xfe(J\x881\xb7\x0cr\xa9\xac\x1c\x92\x11\xc5R*\x84]\x12\xb0\\\x12\xf23\x1a%eyI\xcb\x1e\x1c\tW\xa5\x82\x10\xeb\x8b\x91\x88\xa3S"-\xca&gt;\xa4R\x14\xbcY\n&amp;Q\x952J\x82bTR\xcb&amp;\xd8,%\xbd\x81\xd1T\x8e\x82\xabZ\xa1h2Jrb4\n\xc3\'\xd2\t\x18H\x92$\x11/\xc0\x042\x12\x83H\x9e\xe1HQ\xcdn\x0bJ\x96\xc9\xe4\x18\x96Q\xf6\x8b\xce\xa5\xdbD$VI\xa6E\xa8,\x18\xbf\x90,\x92,K\xc1L\xd2P\x16,\xcf"*\xad\xaa\xb2\x98\xcd\xc1\\j\x02\xa3I\xa2\x94+\xb6^\xba}D\x931\x99#\x11\xe2\x11\x12\xe5(\xf0\xf1\x8c\xcaS`\x1c\xcfd4\xc8:\x94\x96\xa0\xaa,\xa3\nr\x1azB\x922H\xcbl\x16\x97\xab\x92\x01\xdfh\x04\x01\x979\x16!x\xc4(\xa2\x12&lt;\x0c\xa0\x00\x0e\xf2\x92\x92\x91\xf8tr\r\xf8$:\x83\x92\xdbBN\x95\x18IS\x8b9\x8f\xba\xea\x1cJA\xacR\x10&amp;\x92\x85\x92H\x89$\xc7\x82t\t\x01j\x14\xeeiF\xa5X~\x91]L\xa7\xa5\xc54O\x0b\xd4\xe2\x96\x94SyE\xd3\x98\xd7E\xc4\xdac\xa32-\x83uQ\x1a\xe0Rp\xdb$(\xc8\x13\x05\x05\x91\\\x03\x1e\x15\xacd\xd3\xe9d2\xbd\xbb\x9bf\xa9\xe4\x9a\xb8\x9b\x15r\x89\x84\x92\x11\xb6\x8b\'\xd7\x17\x86\x830\x89\xa2L\x02\x98\'E\x8b)YL\x01^\x1a\x1a\x1e:^Ta\x18%EP\xd7\x92\xdds\x15i\x92]d\xd7\xd2\x82\x06Q\xe3\x13|n\xb5X\\\xba-\x14%\xa32\x8a\xca\xb1h\xc8\x1d\x92c\xeeP\xc8Y\xdf\xd5\xd6\xd6\xdd\x9d\x84\xf7\xcaJ\xb2\xa2b\xa1w\xa1\xe7L\xcf\xe5\xde\x1b7*\xea\xe7\xea\x93\xf5\xa0\x9b\x94`\xc4\x14R\xa5/\xc5\xe2RHp\x10q \x91\xdfS^n2\xb6\xcd\xddh=SW\xb7\xfe\xc3\xad\x1fzz\xce\xdc\xbc\xf7\xe8\xd1\xf5+\x06C\x99\xc1\xf0]\xd5\xd8\xf1[\x0f\xfa\xfa\xc6+\xae%\xd3k*\x0e"\xe2\xb5\xca"y\x08\xc9\x8a\xd1d\x8aN\xb9M&amp;\x93q\xfc\xf2\xfa\xcf\xb3\xf3\xcb###\xc1`\xc0f\xb3\x85\xc3DIII\xfe\t\xdb\x82C#\xcb\xf3\xb3uu==\xadkki2\xca!V-\x8e\x8d\xba7(\x06a\x8a\x86R~\x93\xb3\xab\xa5y\xe2\xec\x93\'\xb3/\x96\x97\x97G\x86\x82\xc1\xa0-`6\xbb\x08\xa2$\x1cv\x11\x009\x16\x1c\x1a\x82\xaf\x96\xe7\x1b\x1a\xa6v\xbb\xb1\xb8\xfe\x10U\x94\xd8W\xf2b,*\xcan\xbf\xdb\xd8\xd62\x19\xc7X\xb3/^`\xaa\xa1\xa1&lt;\x96\x8b\xb0\x9f\xb2\x12.3\x96.`\x1b\x1b\x1a\x1a\x19\x81o\xe7O&gt;^\xe8v\x97\xbbS~\x91{_\x04\xb1\xfe\x0eqOE\xdd\xa6_kf&amp;g&amp;\xe3y\xb1\xf2ja\xb1\x02f\xc2j\xb7;\xbc\x0e\xeb\xb0\xd5\x15&amp;\x08s\x04|\x04.8\xcb\xb57{\x9d&amp;7\xc3%\xa8L\xe1\xdb\xeb\x0b\xa2c\xa9\x94\xdbc\xc4X\xf1\xf8\x1f\x1e\x82\x836\xb3\xcbe\x1dv8\xf4\x8e\xf6\xf6\xf6\xaf\xa3\xedz\xbdc\xd8J\x98\x0f\xb90\xda\xc9\xab\xe3\xc6\x90\x04\xcd/l\x15\xdcF\x85\xa6ct\xcc\xe77\xfej\x01\xaa\xf8\xc4\xc4\x1fTf\xab\x15\xa0\x80\x05\xce\xb0u\x18\xce)\x87w8o&amp;\xb8\x0b^\x8e\xd56\xb46\x89\xbbJ\x86R2\xd3\x05\x17K\x84\x0e\x95\xddM553\xf1\xe6\xe6x&gt;Y\xcb\xf0w\x03\x84\xd5\xea\x022;\xbc\x00\xc9\xeb\xc0|\x97\x80\x8b\xc8\x87llh,ra\xbe\xa1\xa2~Qa\x18F\xd9\xaa.l\xb24X\x17\xe4\x98?d\xb1X\x00kb\xe2\xbfX\xb6\xa0\x8d \x08+a\x1d\x06,\x88\x96C\xdf&gt;0\xd0\xde&gt;\xea\xf0\xdaA/\xb39\x10\xb1E\xceW\x1d?\xf9\xa0&gt;\xf9\x8a\xa1\x18!SX\xacJ\xce\x07\x06\xba\x9dm\xe3-33 \x15x\x88-\xc4\x1eB\xd6\xbd\x90,\xaf\xc3\xab\x87l\xb5\x0ftt\x00\x98\xde\xe1\xb5\xba\x80\xcbf\x8b\x84\r\xdf\x1d?y\xab"\xb9\xc8\xf0\xbc\xc0\x17\xb6\xebW?\xf8=\x1e\x93\xc7\xdd\xd5\x17\x8f\xe3)&lt;\x9b\x17+\x1f-\xc2\x0e\xae\xd9!\\\x98ji\x00\xa0\x06\xfe\xaa\xff\x93\xd7\x0b.\x82Z\xb6H\xa7\x01\xe4j\xe8YI\xc3%\x9eN\x17\xb4\xbbtR\x0c\x8a\xdd\xe4i\x1a\xef\x83\\\x1db=\x81\xd2\x1a\x81\xbe"\x08;D\xab\xb4\xd4\xeb\xf5B\xe2A:\xaf\x17\x1e\xf8\x1dav\x99m\x81@\xf8|\xfe.ZX\\L\x8b\xa4(\x15\xd2\xc5J\xca\x87\xa9\xdcM@58\x01\xe5\x90o\x87\xc3z\x08\x06\xc2\xe6\xb0\x19\xda\x14\x0e./\xbb\xbdt\xd8n\xb7\x128[D \x00zE\xaa\xaa\x8e\x9fi]X[Ls"S\xc8\x9bq\x9a\xf6\x98\xca\xcb=\xa1\xae\xf1\xe6\xc1\xb3\x10,\x8c\x85\xcb\xf4\xc5am\x81].\xab\x17\x90\xbc\x8e\xd1Q\xaf\xdd\x0e\xf5\x80\x19\xb1\x89f\x90\x0bs]\xed\x01,\x96\xe5\xf8\x026\xaa\xee \x86\xb1\xfcN\xcb\xf8 `\x9d=\xa4\xc2\x82\x01V\xc0e\xc62\x95z\x0f\x07q\xd4\x81\x95\xc2#\x88%\x04\x17#\xe60\xa4\xfe\x1eV\x0b|dO\x17\x10k5\x8f\xe51Z\xfa\x9a\xff\x87u\xf6\xc9\xa1\x8bf\x02tq\x118Rv\xc7\xc3\x87\x0e\xb8\x16]` \xcc`\x04\x92\x05\xa1\x07\xac2\xc3\xbd\xd6\xcf\x18\x8b-\xa8Z{\x18\xcbdr\x02\xd6:\xa6\xea\x87\xd7\x13\\\x10\xc1!\x1b0\x94@u\xe9\xf5V+\xa0=\x84lA\xb7\xda!UaP\xcc\x16\x81\xcf\x92\xb2N\xc3\x85\xcf;\x80\xb5\xb6XX,\x9f\x1bc\x19\xdb\xf2j\xad\xe7\xb9f\xe7G\xc6\xc6`\x10K\xed\xa5\x10*\xfdh\xbb\xd7\x0e]\n&amp;\x8e\x8e\x8e\xea\xbd\xd6\xfc.\x11\x1c\x03\xae\x08\xac`e\xd7\xa7^\xbdz\xb5+Pla\xd5\xf2\x99\xf0&gt;j\x99\x04\xb5\xd6q\xe4\xfb\xeb\xe6k\x87"\xe7\r%\xa5PXp\xe3\x0c\x0ct8\x1cPZ\xb8\xb6:0\x1c\x88\x86\x9d\x04\xf2HY\xc9\x89\xc6\x9f\xee\x7f\xfc\x97\xb0+\xf0\x05Uk?\xe6\xf6\x94\xe3\xe5o\xb2ypp\xb0y\xb0\xbf\xbf\xbf\xae\xb6\xaa\xca\xd0i8q\nZ\x14\xdf8\x1b\x1d\xfa\xd1\x8e\x8d\x8d\x8e\x8e\x8e\xdb\xf0s\t\xf6\x88S%\xe1H\x10\xae\xc4\xaaH\xe7\x89\xbb\x9f&gt;\xfd~\xff\x1f\xb0E\xa8\x85\xc4\x9a\xfe\xe0\xf3\x98\xfcM\x16\xc0j\x1eln\x06\xaa\x9f\x1bN^\xb8~\xe5\xca\x95sw/-\xe1n\x87\x83\xa9\x00k\xe3\xf6\xedgo\x9f}\xfa\xe9\xe9\xc5s\xd7/TElc\x11CY\xe7\xf7oo\xbf|\x99\xcdd3B!W\xae\xd3\xb4\xcf\xe71\xb6YZZ\xe2\xcd\x93X\xac\xf5\xcb\xd7z{Z\xdfMM=\xba\xfe\xe3\xd3\xbbw\x96\x80j\x00\xae\xc3\x8d\x8d\xa5\xa5\xa5\xaf\xf7\xef\xff\xe5\xf1\xe3\xa9\xa9\x8f\x9f\xa7\xee\xdd\xac\x1d;_\xd6\xd9\xd8x\xe7\xd9\xed_\x9e\xbf\xfcwV)\xe8&amp;X\x89\xf0\xa6\xd5f\x99\x99\xe9\x8bON\x0e&gt;\xe8\xbf\\Q1\xd7\xd55W_?\xde\xbbs\xf3\xd1\xc5K\xed\x1d\x1b\x03\xa0\x16@=\xfd\xf1\xb7\x85k++\x0b\x0b\x0b;p\xde]\x9d\xaf54~m|\xfb\xf6\xd9/\xcf7\xb3YM)$V\xf5??\xc4\xdcN\xa3\xc5\xd2\xd2\x17\x9fi\xe9\xbb&lt;Y?\xdeeq\x1a\x9d\xce\x90\xbf\xa9\xa9\xbew\xeaJ\xd9\x9f!\xf1\xedK\x8d\x17\x9f&gt;\xfe\xdc\xdb\xdd\x8d\xffC\xbc\xb6\xb3\xd3\n\xafw\xad7\x9f\xde\xb9\xf3\x0c\xab\xf5\xfc\xf7\xed\xacV\xd0\xbd\xf9o\xd1\x0f1\xa7\xb1\x06\xb0&amp;-55\x16\xcb\xdc\xf8xKW[S\x93\xdf\x9frv\xd7W\x9c\xa9\xed\xbcs\xe2\xc4\xa5\xef\xcf\xdd\xfb\xed\xe3\xce\xca\x7fX3\xdb\x9f\xb4\xd24\x8c\xcf\xa7\xfd\xc4\xa7\x13E$\xc5\x11\xce\x08\x96\ru\x0f+\x86\xd11n\x87b\x03tY\x05\xd6\xb2h\x08s$\xbc\x0b\x0e:X\x18\x97\xe5E\xaa.\xd9%(\xe1\x90\x9d2\xdaP;h\xe9.\x98\xdd\xa6\xd1\xc6\xa9\xb5\xbe\xd0855\xa9\x18\xc7\x04kB7\x9bI\xbaM\xd3\x19\xfbq\xefC\xe7?\xd8\xf3\x90`\xe4\xd3/\xd7s?\xf7}]\xcf\x03\xa4\x97/\x0f\xb65\r\x9b\xc7\xccf\xb3\xc10\xbbS\xa8bY\x97\xb7W\xaeS9\x13i\xdbCC\x8f\xb4 \x97\xd2\xc6\x06\xd7\xccV\xeaUf\xbd^oS\xb21f\x066Wo\xf7t\xd6\xd4J\xa7:\xa7\x93O\x86o\x0f\xdeV*\xf5\xd15\xbf\xd8`\x10\xfbU\xaahr7\xbc\xb8\x98\x02\xac\xcd\xad\x95\xe7\x94\x86\xd8_^\x1a\xbat\xab\x15:\x84\x12k\xc0\xd8Mf\x959\n1zi)\xa9j\xb2M\xb0\xd5J\x95\x7f\x1am\xb9re\xd4\x94|\xa2\x12\x8b\xa3\x06\xd4\xe3\x19\x85\x7f\xa7\x1d\x12\xff\xb4_|c\xf5g\xac\xcd\xed\x95_P\xeaN?ytuH\x8b)\x95lf\x03\xd6d^S\x8d\x85B"\xff\xd2\xaci\xf4/IC\xd461\xac\x12\xc7=\xf3\xa3&amp;\xd3\r\xb9\xdc\xe3\x97d%kkO\x1e\xcfzZ&lt;"\x89gz-\xb9KbYA\xadmj#\xec\xaf\xfe\xfd\xe8\xe3KZ\xb5rB\x89a\x13Q\xb1]\xef^\xb7M\xb4\xdd~`I\xde\x18\xf5H\xc4\n}T\xcc\xe8\xdc\x93J\xe7;kj\xe4\xd9\x05\x83\xe5&amp;\x93\xc9T\x0f\xfb\x19\x1e\xa1L\xeeYZ\x82\x83\x98\xaa\x80Z[\x9b\xd4F\x8c\xe7C\x9f\x7f\x0cX\xb6\t5{Ll7@\x8d\xdd\xd26|\xd8u\xf5\x0fwf\xe5\xa6i\x83\xd7\x1d\x0f\xf6k\xe8\xcd\xd2\xfa\x9a\x01\xf9]\xc7\xb7\xcf\xbf\xc9ti\x1b\xda\xda\x0c\x9eNX\xa6\xd1k\xab$\xd6\xf2\xf2\x16\xb5\x89\x8c\xf6\xfd\xa5GW\xabXl\xa5\xd9n\x9f\xc0\x98\x9f\xfe\x96\xd9\xf0\xd1\x1f\xd5\xcf\xb7\x9f\x06\xa5&amp;\x89\xd7\xdb~\x0fG\xf8\x9cs8\xc7\x17\xcc\xae\xad\xac\xb4e\x86\xbe-\x7fs\xfdf\xd4S{^z\xc5$\x9d\xac\x9e\xc4\xe5m*+\xfe\xc2\xc3\x0b\xf7?\xe9\xfa\\\x8b%\xf4\n\xfd\x98!\xe4fcm\xcf\xfeZ\xce|xK\xfd\xaf\xcdC\xcf\xc0\x1ec&amp;1s\x97\x0bY\x07o\xe4\xf8N\x8e\xff\xb6\xb3\xfd\x00cb\xe9g\xdb\xff5d\x8d\xe7\xfb\xa7\x06\xce\x17\x16A\xad\xad\xc3-\x1aeo\x8d\xb4M\xcb\xe0\xcd\xed\xeb\xbf\xfbB\xab\x9eX_\x0f\x85BQob\xf8\xce\xd3g\x83\xd0\xc0\xda\xb6r\xa9\x9d\xf1\xba `\xdd\xeb\x03\xf3\xde\xd3\xc3\x8f\xf9N\xe4\xf3\x87\xff\x9c\x98\xb0\xdd\xd9&gt;4y\x82\x8d\x9cf\xfa\xb9f\rt\xf9\xdc\xd6\xd6\x0f\xb4\xef\xc2aJ\x1e\xa8h_Y\xf4\xd0\xad\xba~\xd3\xa5\xc5l\xd1\xa8\x08\x15E\xdd\xee\x84!\xf9\xf8\xd9\xcd\x89\x07+\x87\xf3\x9d\xf2\x9az\x146\xf1n\x1f\x19\xa3\xfbx\x82#\xfc4\xeb_J&gt;y\xfcgi\x8d\xc7\xd4\xc8\xe3\xd1\x11z3\xb2\x9a\xaa\xe4\x0ew\x97\x17O\xb9\x82\x14%\xe9\xe7\x9dYaK`P\xdfZ\xb5&gt;\xea\x08\t\xd1\xb8\xc3\x9dV\xc4\xd1i\xff\xda\xec\xe8\xe8\xc9\xd4\xde\xdetT\x01X#d\xb8\xef\xe3\xfa\x8eN\x8eOO\xd1\xd9\xd9i\xd3\xe9q\rN\xdeI ,\x16RHU6\x0fG\xc7\xb9\x1d\x82\x17\x9c\x1f\xa9P\xeb?bEZ\xc9nh\x00,[\xd4 b\x08QIh\xdd\xdb\x0e\xe6F$;\x869\xbck\x8a\xaf+\x14\xed\x0b\xe3}\xd5e&lt;!\x17\xf4\x89\xce\x1a#^K^J4C\xf8@4\xa4Z\xb5&lt;~\x04\xb2n\x8a\x12,\xbb\x02\xaa\x88\tX\xadJ\xb7A$\x94\xc9\xa0S\x19\x1c"\x89\xb0\x05\xa0&amp;w\xe6\xd1v\xf0`\xe0\xed\xf7\xf7\xabW]\xc6\x13\xa9\xef\xe8\xa5F\xb3\x87\xf4\xfb\xf8\xdd\x1c^\xf7\xb9\xeen\x16\xa2\xabTr;H$2\x17+\xe57\xa8\xf0Z\xb3\xaf\x140\x9e1&amp;`\xb1\x15`\x96\x192\x99\x10EQ\x86\xa7\x13\xa0\xc0^\x99\xe2\xed3\n\xc5\x0c\x89\xb5\xcf%/+\xf1\xa3=\xc0r\xb94 \x0cD3\x1e\xce\xe1\xb3&gt;[\xacXs\x85@\xdeI\xe4K\xa5\xe2\xff_\xf3\xb4\x9c\xe7\x95"\x9d.c\xcc\xd6\xaeV,\xe1\x16eQY\x0b\x83!\x93\xcbk\x06\xa4PW/\xe7%\xf1\x19\xf2f\xa9\x8a5\xc2\xe56r\xf8G/\x8f^\xbat\x9a\x00"\x10p\xc8\xd3\xc9\xe3\x084\x8b\x95\x03\xc0\x02*g\xa9X\xbcO\x11V\xa2\x8ca\xad]]X\xda\xebX@\x19\xc1Sp\xc25\xf5\'\xbe\xa9\xa9\xbd)9\x1aW\x80em_\x00\xaa\xfd{\x90\x1b\xf9\x01\x01\x12 s\x86\x0b\x89A&gt;\x83\x18\xc9\xe3\xb3\n\xe1\x83\x8a\xb5@\x10\xa53\xa2X\xa2\x02\xcb\xeay\xe5\xf5&amp;\xd2\x19\xc0\x02g\xe3m\x8fg\x19\xc1`\xd0h\xc4}G\xbe\xa3\xfe\xa3\xfaS\xd4\xe1%\xa9H\xb1\xf6\xf7OGz8\x01\x10\n\xf6\x10|t \x10#\xc98|\xe8\x0f\x07V\xeb\xe2\x9c\xb3\x8aU\xa2\x00\xeb\xe1\x92\xc8\xeb\xf6\xc2.\x02V+`}\xbd0\x1e\x84\xad\xe2\xd5\xfa\x04\xfd&gt;\x1f\xcf\x18\xcc\xce\xa4\x13@\x05X}\xb0\x8bA./2\xa7s\x92\xb9\x0c\x963\x92\x8fDb\x1cNa1\x07Xa\xc0\xca\x03\xd6\x06\x05\x8d\xeb~rFaP\xa4\xcb\x99.\xc0\xc2\xbc\xee\xf6\xf7X\x1dd\x86\xe6p\xf0\x9e\xf1\xb87=\xb3\x00b\xc1o\x8d\x1d\x90\r;by\xc2\xe5\xd4\x91X\x04\xe1\xacb\xd5i\xc2\xb9\x83\x03k\xcaE\x94\x8a\xce\xb7go(i\x10\x8ah\xd2\xfd3\x16\xdb\x06Xw\xc7\xab\xd74\xfc\xee\xee\xba\x8e\x1e\xae\xb0=\xed\x85\xe0\xbf\xdf\xc8\xcf\xbb"\xb0e/p~&gt;\xeft:\xf3\x10\x84t\xf0\x87\xfc\xad\xb9\x10\xae\x00\xd6r\x04\xb0@-J\xda\xe9a"\xb4\xe6-\x97\x1b\xdec\x91-\xe2\xde{.\x0e\x04g\xe3\xa9\xc8\x9bn_8\xe56\xc6\x88\x8d7DG$\x92\x17\xf0"yg \x1f\xc8\x13 Y&gt;\x00j\xf1\xeb&amp;\xabX9\xa2T*\xbd%\x8a\x94\xd8\x88\x87m\x06G\xa2\\\xceh\xbb\x98\xa4ZqQ6{o\x84\x0b^\x81\xcf\xc3\x1b\x83\xa8#1#\x82\x13\xd0\x18)\x16\x8b\xce\x18\xc8\x93\xd7\x05@\xac\x08P\x91+\x80\xb0\x10\xc1\xb9\xde\x14`\x1d\xe46Jyh\x0fo(1\x11\xf7\x1f\xac\xaf\xa73\xe5\xf2{\xac\xa8H"\xc9\xa2A\xe3E\x98\xc1\x1d8\x1e\x8c\'\xbc"y}\xfdE\\\xe0\x84J\xd2\x90_\x1b:()\xf8\x00!\x12\x08 \x08\xc2\xea/\x84sVP\xebm\xfe\xec\x8c\xd0}G\xd1\xc5\xa9\x1e\xb02\x99[Z\x12\xcb !;|K\xcbE\x1c\x07#cD\x15i\x87l\xa0\xd3.\x91\x93\x97\x11\xf5\xeb\n\xa1\x80 6\xe6\xaa\xb5\x0e`\xd0\xc2\x04,:\x8b\xa5#\xb1\x0e\xac\xc5\xb3\x9f~"\xa81\x10\xb0\x8b\xc3z=\xd6\xf0\x91\x96\xc4\xd2\x1bD(\x03\xb0\x1850e\x1a\xb9\xc1x:\xfd\xca\xe4\xc7\xbe\xfc2\r\xb3\xa8\xf38Z.\xcf\xf0\x9d\x9ab\xb1z\x04\xabR\xd1\xe9u,d5\x9c\xab\x80\\\x02NGLW\xa1\xca\x07\xbe\xd3\xdb\x06\x99\rZ\x08\xd6\x80e\x17\n\x85-r\xf9E\xf2\xe6\x8a+t\x94\xd3\xa8T\x0e;\xe9\x9dat\xfa\x10\x8d\xe0\xe45O\x80\xcc\x157\x08\'\x89\x15\xe8G\xe8,:\xfd\xb3B8U\x81\xe9\x13 \xe6\x08\x17U\xb9\x9a\xf6\xeb\xa7\t\xb6\x9a\xa9\xfd\xd3{,T(\xf4x\xe4--\xe4\xd3\t#^\xce\xc4}.\xdf\xb1|\xda.\xdf\xd3\xb8t\xf9\xb3\x17Fc\x84(\x16\xe7\x88H\x84\xd4\x8a\x05^\x8b5\tV\x1e\xbc\xbc\xb5\x98rF\xde|@\xd5\xa2\xfd\xa0g\xab\xd5\xea\xa1.\xb2\xb6DB\x12K\xc6\x90\xb5\x04\x83\xc0\x05\xdb\xf6u\xf0\xf5k\x93\xc9\xe4sMN\xee\t\xf88\xce\x8fE\x9css\x84\xb3;\x02\xc7\x90\xde\x8b\xf4\xf7\xf6\x16V\x97\x97a\xfcl\xa4\xf2E\xea.!h\xb4wmjL}\x89\xc42\x8b% \x97\x8c\xc1`\x08\xa1\xdb\xe3\xf52\x91c\x1d\x0c\xa1?i\x1a\xd8\xbb1\xbb4+\x15t\xc3\x0c\x8c9\xa1=D\xe8 W\x7f/P\xf5N\xae\x86\x97A\xad\xb9\x94\xeb\xc7\x0f(\\\x17\x9e\xb1\x99\x99\xab\xda\xd6\xc1\xa6\xb1\x90\xdd\x8e\xa2\x12?C\x98EGzx\xb5A\x06\x03\x8d\xaf\xeb\xf5*\x95i\xdeoQ\xa9\xfc\xf2\xda:\x1e\x8f\x07\\d\x7f\xa77\xb3H\xaa\xde\xdd\x9d\xf02p\xb96*\x94\xbeE\xd1\xbez\xc0l\xb8\xfaE\xeb\xe5\xa61\x83Xl\xb7\xdb\xfdB\xb0\x82#=xp&lt;\x9b\x15\xb9\x95\xb7\x87\x9bTK\xf3\xaaa\x8b\xc5\x12\x02\'\x86\xe3\x1c\xfa\xdf\xc9i\xc8j\x06\xaa\xc9\xdek\x93\xbb\xab\xa4Z\x819\x8a\xdf_i\xdf\xdf\xc4&gt;}Db\x8d\xa9\xc4\x00\xe6GQQv\xfc\xa2L\x12w\xac\xdb\xd8\xea\xc1&amp;K\xd24\xaf2\x9b-\x16\xf3\xac\x10\x95\xc9\xebk\xe9\x81H\x8cN\x07\xaak\xe4\x9a\xdc9\xb4Z\xad\xae7\x94?\xbf&gt;\xfc\xc7\xef\x87Z\x07\xf5\xc3f\xb3Y,\x0e\xd9%\xa2\x05\xd1\xf8\xffh\xb7\xff\x984\xf3;\x0e\xe0m\xbcv\xd6\xe3\xd2\xdc\xd6Z}fe\xac&lt;\t\xac\xbf\xb4\xe23\\d\xb2Z\xf6L\xef)\x04\xe8\xa5\\ \xe8\x15\x1f\xe1\xc0&amp;\xd4&lt;\x13v\xe4\xe8\xa6\xb4\xc0\xa3\xf44TrP\xba@tx\x85\xe5\x9aj\x13g\xe5h\xbd\xd8\x96T\xaam\xbc-\xc63\xa6ZSc/Q\x13\xffi\xff\xdb\xe7\xfb\xb8l\xfb\xbf\xf2\x05M\xfc\xef\x95\xf7\xe7\xfb\xfd\xf2\xf9&gt;|m\xb4\xb5[\xdb=\x18\xa6\xd5\xe2O\x98\x99Xs\xb3\xd9\x8c\xdb\xddR\xbf\xcd&amp;-)=|\xe5\xca\xe1b\x91\xda\xeb\x8cp\xb0\xb9a\xe8lv\xfe\xcbj\xde\x89\x7f^\x82\xb9ew\x98\x1d\xe6\xe6\xe6\xce\xea\xbe\xbe\xbf\x1d\xe9\xb4\n&lt;p\xf07\x91\x82\x8cL\x7f|~a\xa1\xd3a4&gt;iv\xdb2\x1a\x8d\xff\xc0\xef\xaf\x1c&gt;\xa4\x07P$\x16\x8bE\xbc\xe3\xc0\xca\xc3\xcd\x11\x1e\xef\x873$\xb0\xc0e17wv\xb6\xb5\xd5KqS\x02\xf7\x98*\x95\xc6\xce\x03\x9fC;\xb1\xf4\xea\xd5\xbc\xcc\xdf\xe8\x0f\xfa3\xa9\x94\xc6\x7f\x01\xd2\xf2!V$\x16\x898\xb30\xb7\xf6\xee\xda\xf9\xc1{p\x9ecY\xe0\ryu\xb7U\x9b\xb5\x98\xc7\x03G\xda\xbe\xe5\x85\x85\x96\x17p\xb0X\xfa\xc5\xd2\xfc\xfc\xfc\x0b\x9f\xa2\xd5m6\xbb;\xa0\x86^\xaf\x93\rD\xa8@,\x96\x03VE\x1eX\xbb\x9e\x9e\xd6\xd18\xa0\xd2v\xdc\xdc\xdd&lt;\xd1\xd6\x99(79\xba\xa5\xf5_o~\xbd\xbc\xb9\xbc\xb0\xb5\xb4u\xe1BK\xcb_\x16^\xe8EzEP\xe3\xf7\x1f*V{\xbd\xdeX\x84\xa2\x02T$7\xfcY~.\x97\x9d\xa8\x05\x96\x1dF\x1a\xb7\x9b\xbb\'\xda\xcc\x95\xa4F\n{X\xf5\xfa\xfa\xf2\xf2\xfa\xfa\xe6\xdb\xad\x85\x05\x94\xdb\xf2r\xa3L\xa1h\xb5\xf9\x1b\x0f\xeb\xbdYg,\x10\xa3`\xb0]\x0f\x1f\xe4C\xb5\x8b\xb7zy\x9be\xb7\xc3&gt;11a\xf1\xd8\xddGNUw\xb6U\xaf\xffu\xbd\xed7\xeb\x9b\x0b[[[\x9b@[_\xf7w\x1ch\xb5I;\xc4\xea;Y\x98[T\x8c\xa1b\xb9\xb9\xe1\xa7ya\xed\x1a\xbbH"\x96\xc5\x82\xe3Fc{\xbb\xc7\xe2\xf6\xfb3\xdd\xd7?\x9a\xe8[\xdf\xdcz\xbb\xb44\x0f\xaf\xb7o\x97\x16\x16^|~\xb0\xb4U\xea\xf6+\xd4\xe3\xd9\\\x04\x8aH\x05"\x91\xb9G\xf9\xb9*\x05s\x9e&amp;\xe28n\xb7\xe0\x04nt8\x12\x0e\x7f\x83\xdfm\xeb\x83\xb4@\x05\xab\xf0\x15\x8c\xa5\xa5\x17\x17~\tC,\xd3H\x83\x06u6\x97\x0b\x87\xa1\x88L\x84\x9d\x1b\xae\xc8OZ\'\xae]"\xf04\x0eo\xc2\x83;\xba\x8d\xc0:U_]\r\xcd\xfd&amp;\xe7\x821?\x7f\xfc\xcb_\x1d\x873\x91\x88q\x98\xfd\x94\xda\x9bc#\xd1@\x80\t\x04\xd8\xdc\xbf\xf2u\xdf\xed\xe1i\x1a\xc7\xe3\xb8=M$&lt;vG\xb7\xd9\xed\xaf\xafG\xad}\xc9\xc9\x96\x0b\xe8\xf1\x11w\x99\x05\xfa\xab\xc3\xc5\x87\xc4\x8cf\xdaM9sN6\x1c\x08\xc0Bdssy\xba\xee\x86\xae\x0e\xd7\x10\x04\x01q\x11\xb0\x8f\xe2F\x8b\xfbH=4\x12GJ\xa0\xfbjpg2nwGc\x99\x08:?\x08K\xc4\x04-\x1a\xca\x89TQ\x88+\x12\xce}\x96\xbf\xcb\x94\x05g\xe3\xc8\x95\xc6\x13\xa6\x04|&lt;Km\xd0|\x01\x0bT\x1d\x1a\xb3F\x93\x91\xc9J\xcb\xca\x8a\x8b\x8b\xc5bE(\x94N\x05r\xceH \x10\x05T8\x9c\xcd[X\xe8\x03\xbb\'N\xd0\x04\xc7"\t\xc2a\xab\xe6P%\xbfki\xec\xb6:\x1c\x9db\xf1\xa1b\xd4\xbc\x8b\x0c\x8c\xc6B\xa7\x02Ng8\xba\xcdb\x87\xf3\xa8\xdaUq\xb6\xf6\x12b\x11\t\x93V\xa2\xb5H\xa5\xd5GNAV\x07J\x1b\xdb\x8d\x0e\xa3T\x0f\x9d\xfbO\xf5"\x91\xc1@Y\xe2t*\x0c\xcd\x03\xcc,`\xb1\xd9\xbf\xe7\xf3^3\xef\x93\xf3=54L/\x8fI\xc2\xc7&lt;\x19hq\xc0u\x12\xb1\xba\xcd\x1a\xdb\xb9?\x9f\xfb\xf4S\xbd\xc8@Q\xc9\x94\x96\x98f#1\xa8b\x98\r\x87s]\xf9e\xadb5\x9c\x8b\xa01\xbeJ\x9b\x82\x9e\xd0\x06\xac\x96\x03%\xdd\xcd\x9d\x1a\xb7\xef\xdc7\xdf\x9c\xd3\xfb\x18\x8a\x9a\xa41\xfa6\xebD*\xa8 ;\xde\xf5U^o\x81\x7f\x81\x95\xd3=\xb0\x1eqR\xc7WI\xe20\xcf\xa5\xa7\x1aN\x9el\xa8ov\xfb5A\xfd9t\xa8\x88Q\xb1d\x8a\xa6\x89\x11\'\x1bAa\xb1o\xb2\xb7\xba\xbe\xaa\xc8\'k\x11+/\xd7\xd5\x0e\x11\x04\xad\x95\x0bU:\xdc\x02\xa5kh(\xa9\x97J3\xeeL\x88\x9a\xf1\xe9\xd5\xbeX\x8cyb\x89\x93d\x8a\x8d\xb00\xad\xc2\xa0\x1a\xbf\x95_\xd6c`\x95\xab\x86\xe2D\x82\xe4\xf3\xe5*\x1a\x87\x1e\xda&amp;\x956;\x1c\xed\x9a\'\xa1P\x94\xf1y\xe1\x130\x94N\xabT\xf4\x10B\xb1kk\xb9\xec\xf8x\x9e\xd3\x9a\x95\x00\xab\\\x02.t\xf9\x96/\'\xd3v\x8d\xd9j\xf5X\xed\xd2`\xe8\x89\xc6\x1d\xcc\x04\xfc\xa1\x94\x85$\xeb\xea\xe8\xdbaN\xc5f\xb3^H+\x8f\xfb\x16\xef\x1fc\x1c\xab\\\x07\xae:\xa1\x8b/\xd4\x914!H\x98L\xb8g:\xa4\xb1LgB\xd3\x8e\xe9\x14A\x0e\xeaT*]\x9cE\xaap.\x9b\x85\xb95\x9c\xbf\x9b\xfc\x15\x0f?\xa9\xddfad&lt;&gt;(t\t\x85r\xa1\x0eS\x91\x18\x99\xa0S\xd3x:\x05\xdd\x05\x0e\xab\xb4\xee2\xb0.\xdf\x06Ut\x8de\xbd\xa8\x88\x8f^\xfe&lt;O\xff\xbb\xb5\xf7\xee\xf9kg9\x16\x86I\xe8x\\\xc5w\xb9\xa0\x8eB&gt;\xbf\x9c\x94h\x13q\x9a\xb0\x9b\xe2&amp;\x82\xd0\xe9\xe4\xf0V\r&gt;_\xdbX\x0b\x87#\xec\x8c\x17\x1d\xf6_\xdexP\x90\x873\x06\xaf\xe2\xee\xa5\x9ek\xb5:.\xad\x01\x0c\x8a\x87\xaa\xe8rq4\xd8\xc4$\xa4VKhi\x92\x1cT\xa9\xea\xe4r\xf9\xe0\xe0\xc8\xc6\x06\xa8`\xa7\x9fA\xac\x1f\xf7\xf7\x16\x14\x14\xeex`\xbc\xc7g.]\xfb\xee\xa2n\x80sI$$M"\x94\x10~\xf8|\xbe\x10%H\xa2\x0b\x1b*\x15\xfc\t\xae\xc1\x9a\xc9\x8d(\xb0(\x9fO\xed\x85\xb9\xf5\xb0\xff\xea\xd3\xf7\xf6\xec\xb4\x8b\xf7\xb2\xf6|MO\xdd\x1fu\x03\x03\x03\xff\x89\x8b&amp;\xe5B\xc4\x12\xf2!6&gt;x0\x89\x046\r!\x0cH\xab.\x05,h\xb5\x0c\x06\x85\x1aV\xe2\xf0\xa3\xb1\xb3\x0f\xf6\x14\xec\xd9\xe1:V\xad\xf6\xf4||^\xf5\x07\xc4B.L\x8b\\\x9cA\x088\x14\x18\xfcBI\t\xb9\x97jh2\x99\x8cF)FfP\xe8\xef\xdc\xb9\xd5\xf5x\xe5\xfe\x0f\x1fT\xed)\xa8\xd8\xd1\x9da\xe5\xf5\xea\xea\xeb\x1a\xb9J\x82Ub\xffu\x11\xb4\x04qPb\x9cM\x88\xae6\xba\x84r\x95\\\x97\nM&amp;\xa3k\x0c#\x93\x19\xca\xf43w\xc6\xbb\xee\xbd\xfe\xf8\xf1\xcf&gt;x\x7fG\xcbxbj\xf5\xd9\xca\xca\xb3\x1a\xb9\\\x82\xbe[\xe4\xe6\x17r%`W\xe5`\xdc\xec\x17r\xa1\xc9\xf9udz:\x14L\x06\x92\x01P\x1d,\x13\xa1\xc7\x81]\xf7N\x0f]\xfd\xf1\xc6O\n\xf6\xed\\\\\xbc\xb1g\xcfV\x16\xa7\xae\x9e\xe6\xf3%\x95\x82\xff\xb9L\xa6D"A\xaa\xe4\xfc\xed\x1a\n\x11\t\x96$a\xc9\xb8\x83\xd1h4\xc9\xc8J\x0f\x96\x95\x89D^\xc4:sfd\xf6eU\xc1\xbe\xa2\x9d\x8a\xabb\x16\xa9\xc6F\xc7^s,\xce\x05\xb0\x01Xz\x08FCO\xa8%1\x95\xaa\x1c\x83\xed\x0b\x87\x8f\xefL\x08\xa9Z!\xabR\x83\xd8\xa7\x87c\xec\xf8\xad\xb9\x8b\xdf\r]\xfd\xb6\xea\xbd}E{w\xc6U\xd1\xbf\xb2\x02Y\xf5\xce\xf6\xae\xc8\xf9\x12\xad@p\xf3\xff\\\x00\x83!0\t\xc8\xcaJ\x81\xd2ct4C/\x11\x0cF\x93\xc1$\xc7\xf2\x89\xf5PE\xef\x9d[s\xb08G\xdeT\xed\xde]T\xb4#\xab\x91\x07\xaa\xc5\xc5\xa9\xd1\xd9\xfe\xfe\xa9:\xa1N\xa0\x84\xd7v`\x03\x18\xa4\x04 \x81@\x89\x86\xd5h\xd6p\xff\x86\xd4\x1am\x8d2\x0c\xd3*\x93)`\x88\xc4\x8a\xe8Z\xb6kN\xeer\xa5\xdfT\x15\xee.\xda[T\xb1\x13\x15\\\x04\xd4\xd4Xo\x7fS\xd3\xecE\x97\xce\xa4T\xdeT\xdeD0\xa0\xc1\xb4\x17\x08L&amp;%\x9c\xfe\xed\x90\x93;\xd8\xd1\xd1J1\xc0\x02\x95\x8caJ\xcb\x0c&gt;=\x93T\x8c|\xf1f\xfc\x9e\x03s\x91\x8f\xdf/,\x04\xd6\xbb\xbb*f\xa7\xb81\xfa}\xd3\xb1cM=B\xd2\xe4Q^\xbf~]\t\x89\x01\r\xd2\x12\x98\xa0tf\xf4\xa4\xd7\x1dl\x8d\xc1\x80\xa3=C\xc1\x0b\xb6\x06CrCL\x8d\x84\xa2\xcf7\xae\xe6\xeevZ1\xc9\xc3\x82m\xd6\xbb\xbaxM\xa3\xa3\xa3\x80\x1a\x85\xb0~}\xf4\xd8\xa2\x8bLx\xac0\xfe\xe4Q*=\xc8\x06\xab\x11&amp;\x94\xc6\xe6\xf6CN\x94S\xadV\x18\x90\x0b\xa5ePDoO\x8a\r\xcc\xc8\xe4\x08\xcb\xe66\xaa\xdb+\x89\x07\xfb\x80\x05\xae\xc2w\xdc\xbdnL\xf5\x8e\x8e\x8e\x81\xea\xfb\xfe\xdf\x1e\xdd\xbf\xff[\xb9\x8e\x00\xd6G0\x8cV\xa3\x15\xdd\\Lx&lt;FT&gt;F\xa1\xf0\xf9\xbc3j\x98M\x94L&amp;Ca\xc5\x9e\xdfO\x96\x89\'\'GF\xc2\x1b\xe1\xdb}\x13\x82\xfb7v\x17qi\x15\xee~\xa7i_\x00s\n\\\xbd\xa0j:v\xf4\xc3\x0f\x8f\xd6\xe8\xd2\xb8\xd5\xd8\xde\xeeh\x9fh\x9f0\x1a\x8d\xb8\'\xe1A\x0f\xeb\xdd\x1dT\xcc\xf7o\xce\xcd.\xb4\xad\xfb\x0c\xe3:\xfa&lt;\x92}\xbe|t$\x8b#\xc1V\x93D\x9a\x94\xca\xb3\x11\xf2\x85\xa3YSTl/e80\xc2\x90\xa8\xec\x10\x9cdq\xa0\x1d\xb5\xbd\x15\x16\x88\x07\x99Rg \xe3\xc9\x17Q.F\xaeR\x07\x1c\x88\x18\x99B=\'Aq\xc1i\x82\x83=h\x08\xf2M\n\xf6\\\x9b\xe24\tk\xf3\xd1=\xef\xff\xc8I\x06\xdbX\xfb\xca\xd6\x87}\xd0\xf9\xe9y\x9e\xff{\xfe\xe7C}\xf9\xbe\xbe&gt;21\xbb\x07qw\xe7\xcf\xceU\xcb\xd3\xd3\xd5\xe9\xf2\xdd\xbb_\x0e\xfem\xe8\xfa\x8fO\t.\xc2".W\xeb\xf7\xd7\xab1\x8eL-\x17\n\x85b\xb1\x98\x88K\xba\xa8\xac\xfc\xfc\xe3\x1d\xa0\xfa\xf5\xf8\xf8\xf8\xd0\xd0\xf8\xf5\xd1\xd1wv\xec\x80\x87\xd8-\x1b1\xa8\xf2\xe94]\xe0\xd6\xeb\xde\x93\xce\x9f\x9b\x9b\x9e\x9b\xbbT\xae\xce\x95\xcb\xd3\xa7SC?\xfb\xe1M\x0b\xec\xb3\x1bX.\xfe{\xf6\xaf\xc6\xc6\xfb\x85[ \x82T\x18\x85\xf0P\x16\x84\xfb?9\xf2\xee\xe8\xf5\xf1\xf1\xfe\xfe\xb1\xb1\xb1\x89\x89\xfe\xf1\xd1wGG\x0f\xf7c/\xf6\xf4\x1e:\xbdcP\xb9\xd9E%\xe9\xf2\xe4\xb9\xce2\xb8\xe6.\rN^\xec\x18\xfa\xedE\xc3C\x8a\x16\xc7\xdb9\xa9\x9d\xff\xce\xc9o4\xb5JW:+\x15 \xc1@T$\xac\xca\x0e\x9b|\xe0\xc8\x91\xd1\xf1\xa1\x89\xa1X,\x15K\xa5b\xb4\xcfC\xc7\xc3;\x8e\xb5\xf4\xe6\xfb2\xf9t6\x9b\xa5\xeb\x16}Z\xfa\x8fw\xef\xa4\xd3ss\xd5\xb9\xb9\xf2\xe4\xc8\x9d\x13\x1dC\x7f\xba\xda\xeebj!ZVd_U%Elx\xf3;\xb8\xd9h\x17\x13\x08U\'&lt;dL\x89\\\x02X\xa2\xc3\xe28\xf5\xf1\xfe\xc3\xfd\xfd\x13\x13\xb1T[K\xaa\xa5-u\xac\x7f\xf4pGG\xc7XG\xaa9\x0b\xb1\xb2n\xb7\xdb\x97\xd5\xb4\x10,\x9c\xceg\xf2\xe5\xces\xd5\xa9\x85\xe9;#\xfb/\x0c\xfd\xea\x0b\x8b\x8b\xd9\x07,\xa7\x93\xe3\x14\xd9a\xb1\x98\xf1\xeb\xb4\xff?h\x8d\xadb\xaep\xa5\x90\x8b\x17W\xa9/D\x12T\x11R\xcb\xe6t\xaa;\xf6\xef\xef\x1f\x03UK[s3~ZbC\xb0\x105\xd6\x96\xedK\xfb\xdc\xd88\xfb\xb4\xac?\x1d\n\xe5\x83\x9e`\xbaz\xa6&lt;\xb5g\xe1\xce\xe4\xc2\xb1\x0b\xd7\xef\xde\xe6\xc9?\x86\xc5q&lt;o\x01\x9a\xd5\xc2\xdby\x8b,\xc9\xfc\xff\xbcj\x10\xde)`\x82Ha]/\xae\xc2\xc3D&lt;BP\x918\x99\xe8\xe4-w\xe9\\T,Fg\x15\xa3\xd1\x11\xecP\xc7\xc6\xfa\x8f\x9dH\x1d\xeb\x88\xf5d}\xb0\x10PY\x7f\x88*\x93\t\xf6}y\xe9\xd2\xc2tu\xe1\xe2\x89\x93\x17\xdeA\xe0\t\x8b\x15Gw.\xce&amp;\x9a].\xab,I\x92*\x9b\x85\xff\xda4\xc8;\xeaQ\x92n6\x9b\xe5\xe5\xf5\x15d*\x1e\x89$p\x8b#\xf2f+\xcf}\x82\xdd\xe8T\x8a\xc4\x02V\xef\xe0`K,F\xd2\xb5\x1c\x8b\xb5D\xa3n\xf7\x9e\xac\xe6\x0ba2\x13\xf2x\x82\x81\xe0\xbe9\xe4}\xa1\xbc0\x92\xdc\x19[(\xf1l\x0c\x1aX\x1c\xc8\x1c\xb2"\xf26\x9b\xc3f\x96u]\xd1\xe3\x11\xe5?\xcc]\x1b\x1b\xdbs\xcb\x85\xe5\xe5\xa2*\xc8*\xf0\x95xau5\x02,p1\xb5$]\xc0\xb6C\x00VK\x8bq\x0c0\x9at\xf7\x0e\xa6H:\xbcL\xa5\x9a\xa3nM\xf3k\xde\x10q5\xa1\xfe\\._\x9a\xc2\xf4T\xdb\xf5\x83CC\xf3\r\xae\xd7\xa8PN]\x16,\x82\xac\xa8\xaa,\x98\x1d\x0e\x87\xae\xa8\xf8\xe8\xafFg#\xdd\xecJny9\x07\xeb\xa4p&lt;\x0e\x06U\x8d\x14\x17\xcf$rqp\x11\xd9GO\x80e\xe3\\\xce\xabc\xa9\xb66\x12\xeb$\xa9\xd3\xdb;\xd2\x06\xed\x9a\xdbzz\x9a{\x92\x98\xf5\x85\xbco\xf9\x0f~\xb0\xbbi\xa0)\x90\xbf;Y]\xc8\xfaQ\xbb\x0e\xf6TKN\xfb+\x0f\x89\x8a\xb7"\\\x16\x87 \xcb\x00RUE0\xcbhA(\x9eQ\xf1\xb2\x14N\xe4\x8a\xb9\xb0\xaaHa\x16$PI\xaa\x14O\xac\xac\xcf&amp;\x88\x11X\xb3\x1b\x1bG\x15\xd1\xe1t\xf1\xd7\x08\xab\ri\x87XIw\xb27\xdaF\xc7t\xa3\xbd\xf4J\x0b\xf9\x83\xde\x0f\xbc\x99\xe0\xee@ \x90\xa9N\xa1u!d^\xff\x1b\x07c\xf3\xed\xe8X \xb2p\xdbj\xb9X\xf8\xad6\x81aIR\x98\xd6\xaa\x88\x82\xc3L\xad@\x00\xa2\x08\x8d\x80F\xad\x00)\x8ac\x01U\n+\xf1\xcaz%\xcc^&amp;n%6jO\x14Y\xb0\xb9\\\x96*\xe5\xbd\x19u\x12j\xf9\x92\xbd=\xcd\x08\x19R\x05\xad\x0e\xfa3\x99\xc0\xee\xb7\x82t\x08\xb5)_\xde\x97/\xbf\xef\xf7z\xbc\xde7\x92\x93u\xb1\xb8g\xcf8\x03\x8bwZ\x91+\xacZ!\xad(\xf5\xf4\x0b\xd5\x14\xddd73\xccp\x04&lt;\xafS\xd1\x12\x8aTX_\x94\x12h\xef\x89\xe3\xdd\xb9\xafk\xb5\xa3\xb2H.\xde\x9chaT\x88&lt;z\x14Zz\x94\xb0\xb4PH\x0b\x81\x87\xbe\xf7\xe3\xf565\x05\x02g\xcb\x99t9\xef\tz\xc0\xd5v\xb9\x1d\x81G\xcc\x1f\xaf\xad=fP\xd0\xcdj\xb5\x99\x05Q\xa6t\xfd{\x99\x10\x1a\x96\x1c\xa39\x91\x7f\x80bj\xaa\x8a\x0e\xac\xf5H\x0e\xca\x85ot-F6j\xdf\xea\xa2\x19.\xb6O\xa5\x9a\r\xac\xa4\xdb\x87\x02\x1766&gt;$0\xabfO\x00\x00\x07\xc4IDAT\xdb\xcb\x0e4{\x01\x17@\xb6\xceV\xd3\xd5I@\xa1\xdc\xd3%\xd6\x1d\x9c\xdc\xd3\xb5\xad\xbf\x16y\x86\x05*\x07QA.\x05\x1a)\xec\x81\xa8$S\xaeN\x131\xee\x19\x94\xa1\xa5\xaa\xc8\xd2\xd2\xe2\xfaR\x82\xd4]\xed\x1a\x8e?\xa9\xd5\xae1\x17\x9d\x9f^\xa0S\x04\x0c\xcb\x8d\xee\xc9\xb8\xdcY\xe4*\x84\x0e\xea\r\xe1\x16\x80Z\x18\x87\xd5)\xf4\t\xa4,x\xe2\xa6\xc0\x91X\xdc\xc3\xb5\xb5\x87\xd2\xf1E\x8chx\x08\xb1D\xf2\x10\xb6\xe9z\x9d\x8b\xf9i\xa2\xcd\x8aA\xc4\x06\xdcK(\xb6h\xb8\xf8\xf9z\x85^\x85g\xbb\xba*\x97k\xb5g\x8ah\xe3]\xfc\x03\x8c\xbc\x9e\x93\xe8\x0fD\x85=.\xb6i&amp;\xb5\xb0\xef\x15\xf2\x12\x18P&lt;\xc1\xcc\xb9I\x7f\xc8CW\xb3\xf4~Hb\x01\xcb\xb2\xb5\xf9\xd4\xb9:\xdci\xc1\xbb8-L,4,]F\xe9F\xc6X\xf6M@\xca\x19\xde\xbdrOe\xf4:\x9aWne}EdKvv\x1dP\xbf\xa9\xbd\xd0\xd1\xe8]v\xee\\3\x1d\x8d\x8f\x1aji\xfe,r\x9f\xa4g&gt;?+\xef\x8f\x98F\x19&lt;\rz\x02\x03\x03\xe9\x13_\x90Xv\xde\xf9ps\xf3a\xf8\xc6\xf0&lt;\x07,\x96,Y\xdf\x86bz\x19T\x0c\xcb0\xaf.T\x9d\x8a\x96\x14\x81\x85\x9di\x9d\xfe*U\xba\xba\x96~_\xab=B\xa3w\xd9\xf9\xcb\xcd\'a!3Q\x03V\xc8\x8f&gt;\xd1K)\xf3\xf9\xe8\xfbu\x9a\x87\xb0 \x9c\xd7\xef\x05U\xdf\xe9\xcfd\x8b\xbd\x95\x06\xe2\xd3\xcd-nq\xf8\x17\x88\xbe\x8b\xab\xe7\xfdem\xcb\x85\xb5\x99X\xfb&amp; \xc6\xc4\x92\xae(@Ba\x80$\n\x8b\xab\xc6?\xe2\xc3]o?xQ\xfbFt\x00\xcb\xd5&gt;x2\x8a\xae@r\xf94\xd8\xe6\xd7|nw2\x99\xdc\x19=\x04.\x8a&lt;\xc2\x8f\x07\x88\xd540\xf0\xfe\x87%\x07gom\xb5\xf3\x8f77\x1fI7\x86?\xb1\x02\xcbis\x98E\xb6\x1e\xa6\x01=\xd6\x03F#\xb1\xee\x1bQ\xaa\xf5L1(\x91\x9a\x1c2\xbfZT\tY]\xec\xba\xa1&lt;\xa9\xdd+\xa1C\xe0c\x1f\x8d\x1e\x02S\x12?\xbeP\x10\x15\xd2\xd8\x90L\x1e\xdayPc\xe3\x11\\Td\xe1\xbe\xc9kf$\x0bX\xf6g\x9bk\xb7o\r\xbf\'Z\xc0\x85ahF\xc3\x04\x0en\xec\x89h\x98\x89\x04\x99Xc\xad\x8fNcH\x80\\\x10i\x13\x80\x85\xa4\xd9\xcfW\xaf\xc8\x98\xd2\xe8r\xae\xbb\xabr\xf4\xde\xbdG\x10\x0b\xc5}z(ip\xb95O \xe3\xf1\xfa\xc9;\x1f\x04\xf3\xf9\xbdt\x8e\x0cdA\x83*}b^\xb0@,p\xbd\xb9\xb5\xf6\x8c?\xd0}\n\xd3\x19+GX\x06\x17[\x9bA\xa8\x1b~\x9a$C\x1f#sz]\xcf\xed\xc5\x04\xc2ZQ"\xaa,\x9a\xe5\x9fvw\nO\xd7\xbeu\xba\x88\xcbUr\'\xc9\xb5\xe4\xa1\xa4\xe6\xcd\xd0\xa5v,\xeb\x144\x8dN\xdd\x05H-\xe6`_\xcf?J\xb6\x06\xb9$`\xb6\xfcpk\xebqn\xef\xdek\xd4\xb2\xd0\xe2\x1d\x8c\x0b\x85\xed4=\x11\r3Q&amp;\xe6\x99\x11\xa5\xfa\x9f\xeaPX\xca,\x02kq\xb1(\t\x0e\x87\xada\xe9\xedS\xf7g\x97\x96\xce}\xf5\xd5\xd7\x1f\x95\\\xdcG\xe0"0\x9f\x16\xa4\xd6\x19\xf0\xa0\xc3\x073A\x9a&lt;\x90H\x01\xaa\x81\x99\x99\x81\xc1\xa9k\x91\xf5\x1b\xdd\xdd\xc3\xeb\xc5\xdc\xec\xfc\xe5\xd2\xdf\x7f\xf9;|.\'\xf4\xb2\xd9l\x06\x0e\xcd\x1e\xcc\x8cj{\xe5&amp;\xfd%\xccK\x1cZ\x90Q\t\xa2T\\Y\\=U\xb2\x88\x0ff\x0bW*++\x95\xca\x95\x7f&gt;\xdf\xd8x\xfe|\xfev\xc9G\xdf\x00\xde\xc6\x1a\x18\x08\x84\x1026\xfb\xf3\xa2k\r\x1853\xf3\x9b\xd37o\x1d\xefF\xad\x17\x97\x97h\xd7ni\xb6\x18/5\xc0C+m\x111\xab\xa3\x8fL\r\x8c\xa8\x04\xc1\x005\xbd\xa6\x0e\xe3\xa1\xe5\xe8\x9e\xb1\x89R\x82\x0elU\n\xb7*\xd8U4\xdet\xf6*\xb86\x9e\x7fV\xbaL\xed\xdd\x1dE\xe6\x99*\x03M\x1e\xe2\xc2\xbc\x14j\r\xcc\x9c\x9f!\xa8\xf3\x7f\x18&lt;rf\x18P\xc7\xff"\xab\xe1\x08\xc8\x96\xe8}\x96"2\xb6\x87\x8c\xcb\xc6\x8aQ\x89\x90\x8d\x04dX\x8c\xa6\xdd\xcc\xcaanw\x90\xa0\xdb\x9e\x0bz|\x89\x8e\xd5\x14\x96\x8al[\x90\xbbO\x1b\xf2\x9b/66jk\xcfJAM\xdb\xe5cC\x11\xe2\xcc\xc0\xc7P0\x14\xacc\x9d\x9fA\x9d?\x7f~\xfa=\xf8\xd7=\xbcw\xd6N\x13d\x8c\xe98fP\xb39\xd5a\xb5\x1a\\T\r\xff\xaa\xd2\xec]\xdb\x06\xc20n[Ve\xf9\xb0\x93\xb4`\x0fn\xf6\xa4\xd0R\xb8)K\xa7$d\xf5\xd8\xc6\x8b\x97n\x1e\x05\x1d\xb3\xf4cH\x93?@\x83@K\xa0\x05\x83i\x87~\x10\x08vii\xc0P(\xa5x\x08\x14\x02\xc5\xb4xppRHJ\xd2\xe7yO\'\xbb\x87PdG:\xfd\xeey\x9f\xf7\x95\xeepB\xe5)9&amp;\x16\x89\xb44\xf0\x08\x94\x80\x89`9\x98\xeb\xde\xfeW\xce\xa7\xe7\xc2\x1atEEA\xd0o\x1c\x9cC\xaf\xd1\xc5V\x95\xa5\x93\xefX\x9bM\x10\xb4\x9bH\xc9\xa5gk7YB\xf1\x11TO\xf7Z\x81P\xfd\x96b\x9a%G\xae\xbc0\xb7\x90\xcb\xd3\\\xc2\xe5P+faI\x1b\xdd\xd0\xbc\x8c@)\xb6\x94I\xb8@\xc5\x9d\xbc=\xd78\x10\xc5\x0e\xf0%\xae\\ \xd7\xd1`4\xbeU]\x96\xe4\xab^oGq\xb3\xcd_(\xd2^T+F\x00_\x89T\x1b\xc1\xfd\x83\xe2]\xfb\x16\x8f\xbd\xef\xba\xa0\x12,C\x95c\xd2#\x808V8.yNF\xe7\xbc\x04Ky\xff\x83qK\xb2\x17W\x9b\xe6\xf2\xd8U!\xb8\x8e\x8e\x06\x83\xe1\xd9zU\xa2\xb6\xc8\x80\xd1NM\xc9\xc5\n(\xdb\xcfWE\xaa\x8d\xd67_V\x1d\x8a\x02\xc5?x_&amp;\x96\xe3\x98(&amp;wa\xf7B\xa5\x1d?\xa3\xadX\xc4R\x02\xa4\x12*\xb3\x93\xe8[*l9\x9e0\x17\xfe\x04\x17\x04\x1b\x9e\xedV*\xeb\xc0\x8a\xa28\xa6\xd1\xeb\x9b\xa8\x10\x95\xf8\xc1\xa3\xbdn\x97T\xdd/\xa1Y\xd0*$Z\x15f\xb1\\\xc9FB)\xf6\xaf4\x01\x95\x9f\xcd\x88\xa9\xc0\xe4\x90\x0b7T\xb2\xd9\xe6&amp;X\x16\x8c\x17#\xb6\xda\x0bk\'\xe7\xe4"\xd8\xe3\xc5\xf5]\xc1\x8a\xe3(\xee\xd4\x97\x1a\x8d\xcd\xceaK\xa06~\x1d\x17ffa\x16+\xa1\xc2 M\xedb\x00%\x16B\x85\x97}Q\xcbSV/\xa3V\xca\x95&amp;\xb0\xe5JN\xc3\xe0ja\xff\xef%\xb0\x06\xa3\xd1\xf8\xec\xf6V\x1c\xa1a\xd7\xeb\xd4\x97\x1b\x8d\x17+]q\xd5\xf6\xbe]\x9f\x996Ny|c-\xc75A\xf4\xa4{\xa3[\x89T\xc5\x8c.%Qtf\xb1\xa8\x99\xa5\x12\xb2|\n\xa6s\x9a\xe9\xa1U\xb9\xac\'\xe7\x03\x82\r\xc7\x7f\x12\xa8^\xaf\xd3\\{\xf8R\xe2\x17l\xef\x9b\xe7\x94\x8d\x1cg\x16\x96\xca\x11\xb5\xf2\x86K\xb9\xe2+\x11\xcb\x93\x89\x11,\x0f.\xcf\xdaK[,1\x18\x91\x94\xd1\xcb\x9b\n\xc6\xf8k\xc5\xb1\xc0\x9c\xa7\x93\x0b\x03v\xf5\x99z\xf5\xa2\xb8~\xb8\xda\r\x82\xa0\xf5\xfa\xd8/\xc8S\xdd\xac8d\xcd\x1c,\xeb\x1bc\x19g\xc9p\x95t\xcc\xfe!\x16\xecn\xb04r3\xa5\x12,\x9ch\x95K\x02\x88\xea`\x18e\\J\xe39\x012\xe5\xfb\xf8\x90\x05\xd9%\xc0\x86\xe3\x8b\xefQ\xf4\xfe\xc3\n\x94j\xed|\xec_+&amp;PE;\x87\xa6L\xd2\xf2\x89\xb3\x0c\x8c\x0c\x98\xf7`M\x92\x10\x16`y\xd6\x0cb\x89s\xc4\xe5\t\x96\x9a\xe12\xee\x97\xe68\xa0\xd1\xf3a\xd8\xd7\xca\xf1i_\'{\xe7tr5\x1e\x82\xec\xc7J\x10\xac\xee|\xd2S\xa6\x94*\xe5\xb2Pb\'7%\xa3\xb3\xc4\xee\x9c|@-3r+\x97N\x0ch3\xc0\x9d)dR\xca\xe4\xbf\x00\xeb\x87a8_\xd6\xcag7d}sz2y\xf7\xe4\xed1\x</t>
        </is>
      </c>
      <c r="M251" s="3" t="n">
        <v>45492.67766203704</v>
      </c>
    </row>
    <row r="252">
      <c r="A252" t="n">
        <v>866392</v>
      </c>
      <c r="B252" t="n">
        <v>1957</v>
      </c>
      <c r="C252" t="inlineStr">
        <is>
          <t>Raniele</t>
        </is>
      </c>
      <c r="D252" t="inlineStr">
        <is>
          <t>Raniele</t>
        </is>
      </c>
      <c r="E252" t="inlineStr">
        <is>
          <t>VOL</t>
        </is>
      </c>
      <c r="F252" t="inlineStr">
        <is>
          <t>VOL</t>
        </is>
      </c>
      <c r="G252" t="inlineStr">
        <is>
          <t>VOL/MC</t>
        </is>
      </c>
      <c r="H252" t="n">
        <v>184</v>
      </c>
      <c r="I252" t="n">
        <v>14</v>
      </c>
      <c r="J252" s="2" t="n">
        <v>35429</v>
      </c>
      <c r="K252" t="inlineStr">
        <is>
          <t>Right</t>
        </is>
      </c>
      <c r="L25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4e80e64-9e95-4887-8abd-2a7ca08de4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d\x974\xe2\x00\x00\x00\tpHYs\x00\x00\x0e\xc4\x00\x00\x0e\xc4\x01\x95+\x0e\x1b\x00\x00\x03\x00PLTE\xff\xff\xff\x14\x0e\x0b\x01\x00\x00\x0c\x0b\x0c\xf7\xf7\xf7\xf9\xf8\xf6\xf6\xf5\xf3\xf7\xf6\xf4\xff\xfe\xfe\t\t\t\x10\x0c\t\r\x08\x06\x04\x03\x03\x19\x12\x0e\x06\x06\x06\xe4\xe3\xe1\x1c\x15\x11\xe4\xe1\xde\xee\xed\xed\xfe\xfd\xfd\xec\xeb\xeb\x15\x12\x10\xbb\x7f\\\xf5\xf4\xf3\x08\x05\x03\xe9\xe8\xe5(\x1c\x16\xf1\xf1\xf1\xf6\xf6\xf6,"\x1b\x10\x0e\x0e\xe4\xdf\xdb\x9edC\xba{_\xbf\x83h\xf4\xf2\xf0\xa6fK\xba}Y\x1f\x18\x14\xeb\xe9\xe9\xa5iP4"\x1a\xe7\xe6\xe5\xfa\xf9\xf9\xadqV#\x1b\x16\xef\xef\xef\xe6\xe5\xe3\xe1\xdd\xda \x16\x10\xee\xea\xe7#\x19\x12\x9afO\xbd\x80e\xa9iN\xf1\xed\xeah@.-\x1d\x16\xa2cH\xfc\xfc\xfc\xbe\x81^\xdf\xda\xd7\xbf\x89r\xa9mQ\x84R=\xb4wY\xff\xff\xfewE,\xadkK\xb7zW\xba~a\xbf|c\x9abH\xb7z]yJ3\xb0uW\x9fhKuH1\x98_?1\' \xacpQqC,\xec\xe8\xe58( \x8eYC\x92Z=\xdc\xd8\xd4\x95`GD)\x1e\x98X=\x97p_xI9\xa8\x85v\xb7uY\xc0\x8fz~J0\xabfH\xa8nV\xa1_E_;,\x90gU\x8f^K\x8eQ6\x89U;}M8\x82WD\\7&amp;\xeb\xe5\xe0\x8eV:\xba\x81g\xaelS\xa6kG\x19\x16\x15e;\'\x92T:\xa4\x81q\x95cL\x89UCO0$\xbe\x86l\xb4\x8e\x82\x9ekS\xa1q[\xd7\xd2\xcf\xba\x85n&amp;\x1f\x1b\x9fvc\xb0\x80l\xa4wb\xb2rQ\xb2nMB60?) \xc6\x8ak\x99[C\xb6|e\x80P;\xa4{i\x88P4\xb2pU\xa7aDG1\'\x91]E\xb3\x85t\x87bRT6(\x87ofnD1\x87\\IL6-\x81O4\x1b\x0e\x08W2!\xb7tS\xa1lS(\x15\x0c\xe8\xe7\xe7\xb6\x81kT:0\xad\x88{\xc4\x94\x81_A4\x9e\\@\x99jU{\\O\xbf{Z4\x1b\x10&gt;/\'\x9avg\xabr]\xaezdoH8A#\x14SKGm=&amp;a2\x1f\xc4\x83l\xaa\x80n|QAfF9|d\\\x86h\\\xcc\xc8\xc6\xbbxX\xb8nOK+\x1d\x91th\xc4\x9b\x8b\x8fm^\xb3valLA{B9\xcb\xb3\xaa\xba\x8av\x9e{mtL=pSG\xc0tX\xb3\x89{^I@\xc7\x8eu\xba\x91\x84\x85G&gt;_"\x17\x86K2\xc1\x83a\xbf\x96\x88\xc7\x81eKA;\xcb\xad\xa1\xb7\x8c|dNFr&gt;4\xd5\xbe\xb6\xdb\x94u\x9feOu@(\xc3\xbd\xbbsjeVB9\x94SH\x87~z\xa8\xa2\x9e\x93\x8c\x87S+\x1aaUP70-\xce\x90p\xd4\x89h\x82D+pZR\xa4ZW\x81uq\xc4\xa1\x94\x9c~r\x8eNBx1\x1d\xe5\xd5\xcff8/\xb4p[\xa2\x88\x80\xbb\x9a\x8e\x9dUM\xb8od\xdb\xc9\xc3\xb6\xb0\xad\xcf\xa5\x95\xad_]\xc9|Zla[\xaf\x98\x8e\x9e\x98\x94}73\xe6\xa8\x84\xd5\x9a\x83\xb8\xa0\x98d\xde\xfa\xd5\x00\x00 \x00IDATx\xda\xdc\x97mL\x13y\x1e\xc7\x19\xb9\xe4\xa6\xd3\x0e\xce\xda\xadv{N#\r\x16\xd92,MW\xc3\x93\x11\x96\x8a\nj!\x15\x05\xd7\x06t}\x00#&gt;\xe6Ns\xa4!m\xed\xc2Q\x14\x16\x9f\xa8\xac\x18Y\x9e\xb5x\xa0\xb6B\xd0\x17.\xa2\x97Hl\xe4\xc5B\t\x8fF\xc2;\xf7^\xf0\x82\xf0\xe6\xbe\xff\xa9&amp;g\xee\xed\xe0&amp;\xf7\x83q:`2\x1f\xbe\xdf\xef\xef\xf7\x9b\x89\x88\xf8\x7f-\x9a\xa6?\xbd\xfc#YD\x1cR\x11\x1f\x0e\x83AI+S\x95\x1f/\xff\x08u\x94\x1f\x0ep\x18\xd6&amp;\xc4\x96/,MNNML-\xe1X\xf0oN0\x18R\xe9\x08\xa5R\xf9\xf9\xd8\xe8T:\xd5\xa0\\\xfbe\xec\xda\x84\xaf\x12\x13\xbf)\x1f\x9b\x9c\x08\xcd\xb8fQ\x16;\xcf\xdbyK\xbb+\x18\x9aX\x1aK\xfcj\xd5\x9a?)?\x1bV\xc2\x17\xab\xca\xfd\xe5\x93\xf3K\x0b\x13\x8b#3\x8b&gt;W\xbb\xd5b\x17x\x0b/p\x9c\xde(\xf0\xbc\x06\xdf\x1a\xde\xe5[\x9c\x9f\x9a,_\xf3Y\xdc\xfc\x8e6\x8cMN\x85B\xbev\xab\xab=\x8e\xe7\xad\xd6\xf6\xf6v\x8b\xc5\x02*\x93I\x10L\x1a\xc1dDqz\x8e\x94\xc0\xfb\xa6\xca\xd7~\x06.:\xd5\x1f\x1a\x07\x07\xf4@\xf1\xbc\xc5j\xb5\x90/^c\xc4\x95I\x833\xcbR\x14\xcbq,\xce\xacI\xb0\x00\xcc\xb0\xdc\\\xb4\xc1\xbf\xd8n\xd1@\x17\xc1h\x02D\x9c%Nc\x82g\x02A\x8c\xe3\x93-\x1a\x8e\xa2\x18\x86\x85\x95\x82\xc9d4\tF\x96\xb3\xf8\x16\xd6./Wj\x82\x7f\xd1J"\xc4\xe9\x05;\xd4J\xe6\xe3\x929\xd6\xa41i\xa0\x9a\xd5\x1a\x17\xa7a\x19\x86\xa28\r\xd43A0\x8e\x13\x19}\x93_\xa4.\x1f\x18\xbd\xd6?5\x03=X\x02Eb-@$\x13\xcb\x1a\x051\xe7q\x88\x17K1\x14~\xc0\xf3\xc9&amp;\x8e|\xa6\x88v\x14\xcb\x87V\xa6.\x1b\x96\xb2&lt;\x14D\xcf\x91(\xeb\xf5\xe89\xc1$\x88\x92\xb0\x88\xb8\x89\x94\x91\x91\xab\xe5\x91\x0c\xc7\xc3\xd9\x8fT8\xc9\x19\x15?\xbfr\xb9\xe4\xa2\xff\xb2\x14tY\x04=w\x1a&amp;R\x14\x0eN\xafgA\x85\x9bs\x029\xc9\xa3\xd4ju\x14e\xd7\x98H\xee\x89\x9db\xf6\x19|\xe2\xa7\x12\x96+X{\x17\xc9\xc4\x04\n\xa7W\xc1\x19F\x05&amp;\x8aUA\x152\x0f(&amp;*J\x1d\xa5Pkqa\x04\x17\x15v\x10\xff\x87c\x1895;\xb9&lt;\xfd\x88\xd1\xe0\x9b\x9d\xe5\x85\xd3\xa7U\xa7Ok)\x15\xeeH\x1c\xa2\xe4rJE\x8a\x91\xcbdj\xc5\n\x99\x96\xd5ctqF\x8e\x0b\x93q\x82@\x82\xcf\xf9\xca\x97e\x13\xd1\xcar\x1f&amp;\xb9\x8aU\xa9N\xab"\xb5\x91j\x067\x93\xcb\xd5j\x06z\xa1\xd4\x91Z\x99b\x85B\xa6\x05\x0eK\xda\x13\xdd \x86\x0b\\0\x9c\x11B_/\x0b\x16]\xee\xe3\xf5\x08\x8aV\xab\x8d\x8c\x94\xa9\xe5H\x0c"\x8e3\x04\x03\x9eB\x16\xa5X\x01\xacHy$\xa5"\x99"\xa1\'\xbfa\x88`,\x89\xd7*zY&amp;\xa9O\xa0\x18\x99\x8c\xdcK\xa6PGRZFM\xa8\xc8\xb5Z\xadP\x00\nXj\xb5L\xcb\xc8\x083\x81&amp;=\xa0\x96\x93\x8e\xa0\x18\x95\xcb\xbf\x0c\xd3\xcb\x90\xb8\xe4\xd3#@Q\xf8\x8202F\x94J\xce\x84\xa5\x12\x99V\x84\xc1@\xa8\x00.\xf9\xa9\x82\xb4&amp;\xd1\x0bXr\xfbT\x82Rz\x0b\xe7}.=\xfe\xfe(\x05$P\xa8\xc3\xfe\x90\x12\xb1\x80\xb3\xe2\xbfK\x14O\xa1@s\x12,p\x19acpL\xea\xadM\xd3{g\xec\x9c\x8a!\xba\x90o\x12\x99\x1b\xe1\x12\xe5\n\x97\xe2S6\x80\x89.B:\xcc[N\xc5OJn\xa2r!\xa8gDY\xc8\xdd\x18\xe046\xb65\x8a\x85\xcf$H\x8ch\xab\xfa\x7f\xc8\x88\x93r\x96\x8c2}(A\xf2\xf106\xc3\xb3r"\x14\xd2C5\xb6\xb5\xb5\xdd\xbbw\xaf\x80\x1c\x05q"\x9eQ$\xa4\xc2\xf1\xff\x84\x8apQz#\xd6\x94\xcb/\xb9\x89\xdfLX\xb8\xb0\x87\xf2\x1b\x04\xe9^_\xc3\xf1\xe3\r\xd3\xf8g\xba\xaf\xa0\xe0\x9e\xc8\xd9\xd6\xd6\xf8\xc1T\xc5\')S(\x80\x85p\xd9\'$~\xc4\xa1\xd7L\x061|H\xc7\x83\xaa\xaf\xa1\xa1\xe1Lw^vv\xf6\xae\xec\x92\xec\xbc\xa4\xa4\xa4\x1f\x8e7\xf4\xfd\xad\xafO\xc4k\x14\xd9\xe0\xe7G.D\x8c\xc2\x93\x17\x12\xe6K\xa4\xa5\xf50v\xde\x82Y\x8a\xe7\x03\xd6\xd8\xd6\x90\x97YTT}4\x7f\xdf\xb7\xdf\xee\xbcy\xf3\xb7}{\x8e\xa5We\xef\xba\x92t\x06u\x1c\xc4}\xd0Md\x13\xc7\x99x00\x91\x91\xb3\xc1ri\xb1\xe8\xcd3d\xc4\xcb)\xd6\x18\xf7Cz~\xfe\xee\xe6\xe6u)\x9br\xca\xca\xce\x97U\xc6\xdf\xfcm\xfb\xe5=\xe9%\xd9\xbbH\xe5uww\xdf\xbf\xdf0-\xb2\xdd\xf88k\xf1\xd7\x98(\x86\xf5\xed\x958\\c&gt;;6\x1bvJ\xf2\x9d#)\x87jH\x15\xe7\x96\xbd|\xf9\xd2]\x96\x91sp\xc3\xce\xed\xf9\'\xd2KJ\xb2\x8b\x8a\x8a\xdee\x8e\x8e\x8e\x82\xec\xfe\xfd\xe9\xe9p\xda\xb0\r\xb0\xd8\xf5\xd8\x95\x12\xab\x15A\x8f!ZxH\xd1\'7\x1d\xb9\x19SS|\xaa\xf8\xd4)\xb3M\xe7~\xe9v\xeb\xb22\xe2s\xb7lX\xb7;\xffX\xfa\xf5W\xd5\xd5\xaf\xde\xbd\x03Yw\xf7\x19\x11,,\x1a4\xa38&lt;\x03\xcd\xfa%nD\x7f\x10\x8f|z\xbb\xe6R\xdd\xcd\r1\xc5\xc5fs\xb1\xd9\x99\xb1\xd1\xedv\x9f\xd7e\xed\xc8\xc8\x89\xdf\x12\x93\xb2;\xff\xc4\x89\xa3\xa8\xeaW\xaf\x88b\xa2\x99\x00#\x9a5\xca\xd5\x0c\xa8T\x96\x05i\xd7"=\xe6\xc2\x932^\x99\x07\xffqpK.\xa0\x8a?bA.]\xb4\xc8\xd5\xbc\xbb\xb0\xf0\xec\xd90XQf&amp;\x14#\x82a\x8a4L\x17\x80\x8b&lt;\x15\xea\x97$\x9d\x10\xf4w0\x91\xbcW\\\xab\xbf\xd0\xd5\x19o&amp;r9\x03\xabE\x13\xdd\xee\xe1h[\x8e\xe7\xe4\xa6\x98\x94C\xcd\xe0"d"\xd7\xa8\xe8$\xba3)\xe9\xceOF5\xd9\x9f\xda\tI\xb75\xad\xf4\x07\xedx\xc1\xb1\xbe\xf8\xfd\xdf\x15]\x1bb\xccN\xa7\xd3\x1bH\x1b\x0e\x8b\xb51\xdaf\xf3x6\x997\xd5\x80\xab\xf0la!\x04{UD\xc0\xc0u&amp;\xe9\xca\xdd\xbb\x83O/\xde\xc0nb\xa8P\xac\xa4\xaf@\xa9\x0b.\xbb`\xb7\xb8\xe6~\xffWE\xe7\xc1\x93NR^\xdb\xd6,0m\x8c\x8e\xdea\x03\xd7IX[#\x82\x01\xedhu\xf5up\xe5\x91\xbar\xf7\xd7\x96\xc1\xa6d\x16\x8bI+-\x16m\x98\x9c\xb5[\xac\xed\xc1\x87\xb7/Tt\xc6\x9f\xc4\xfdkb\xcc\xb99;*+w\xe4\xc4gx&lt;D\xae\x93b\xe4j\x9a\x0b\x7f\x84^\x04\x8b\x04\x0c\x93\xec\xfb\xef{[Z\x1e\x14$\x1b)9\x13\x8a\x95\xd4D\xa8\x05*\xd7\x8b\xfa\xdb\x17j\xbb\xb6\xc4\x80\xca\xecX?\xec~\xfb\xf6\xad;k\xf5\xea\x0c\x87\x03X\x1e3\xc0j\x0e\x91\xd8W\x8b\x1eB\xadLl\xa7\x92\xde\xd2\xbaG\x83?]\x8c\xd3PT\xe8gi\xb1&amp;]\xb3\xae\xe0\xf8H\xff\xed\xdb=\x9d[\xb68\x9d\x8f\xbd\x81V\x11\xeb\xedp\xdap\xab\xd7\xe1p\x02\tZ\xa5\x1c\x12-D\xe4GG3G\xf3\xf2 \x16\xc1\x1ah\xb9s\xe9\xa2U`gV*\xa55\xd1\xe5\x1a\x7f12\xd7\x7f\xee@OEW\x8e\x83\xf8ev\xda\xa2u:\xddpkk\xab\xd7\xebp:1\xcaPh\xc8u?\x16\x1e\x15G\x04&lt;\xc4:\x17\xd5"X\xedV\x01\xbbZ\xc2\tA\xffy\xca\x15|\x11\xc6\xaa\xad\xed\x8a\x8fA\xb0w\xaf\x8b\xc9\xdd\xa1s\xbb\xd3l\xb6\x80\xd7\xf9Xl\x02\xaf\xd7\xe3\xc0\xa48\xf4c\xbe\xd8\x8a\x08\x16&lt;\xac*\xbd\n\xac\x07\xd7\xae]j\xe7}\x9b#\xa4\xc4J\x98p\xf9FF\x06\x1fv\x9c\xeb\xa9\xad\xe8:\xb8!\xe6Tn\xc6\xd6\xd5\xc3\xafI\xb8\xd2@\x15\x9e\xaf^[\xc0\x06?\xcd\x18\xf8\xc4G"UvIU:\xb0\x06\xea\x9e65]\xbbd\xf5%J\x8a\xb5j&gt;827\xd7\xf2\xa8\xe3\\mmOEe\xf4\xfa\xad\xde\x00\xc2\xf5\x1a\xe9r\xc3E\xaf\x93\xf4f\xb1\x83`y\x9cf\xc8u\xf6\xe8\xab\xeb\x99\x99\xc0\xaa\xaaJ\xbfZw\x18X\xe3\xe3MM.\x89\xd5Z5\xef\x9b#X\xcf\x0e\x0c\xd5\xd6\xd6Vf\xe4x\x1c\x0e\xc7V\xc2\xe5v\xbfn}\xfe\xfc\xf1c\xb2$\x03ii\xeb\x03\x81\x80\x17\\\xcd\xf9\'0#\xae_/\xa9"\x1e\x1e&gt;|x\xf0\xce\xf8\xf8xP\xdaW~\xfa\xcb\x89\x99\x87\xa8\x81s\x84\xaa\xa2\xab\xeb\xc9\x8e\xe8\xac\xb4\xb4\xd5\xd1\xdb^\xff\xf3\xf5p\xeb\xf3\x80\xf71\xe9\xcd\xb4\xe14\xe4\x9f`\xa54\x17\xe6\x9f8v,\x1dUZZ\n\xb5\x06ZF^\x8c\x8c\x8c\x07\xfd\xa9\x12\xb6"\x1d;\xb1X_\xff\xa8\xbe\xa3G\xc4\xbau\xeb\xbcNG\xf6N\xd6\xc6\x8d\xbam\xdbZ\x03\xad"W\xa0\xb5U\xa4B\xb8R\x9a\xf3\tV5\x9e[\xd3\t\xd6\xfe\xfd\x8fZ\x06\x07\x07G|cRbE|=\x1f\xaa\xaf\xef\xef\x7f6D\xb0joUTt=\xa9,+\xd3\x95\x95\x95UFo\xdbFv\x8f\xc7\x81I\x96\x06\xb5\x026\x8f9\x05\xbdx\x02X\xd0\xab\xaaW\xc4\xea\xd8_\xd7\xf2\xb0e\xce7f\x90\x12+v"T\xdf\xdf\xd1q\xe0\xcd\x9b\xa1\xa1\xa1\x9e\xba\xc1\xa7\xbf\xf6^=|\xf8\x97\xbfwv=y\x92\x85M\x8d\xa4{l\xad\xdbP\x01 nJ\xd9\xbe\xef\xf2\xe5\xcb{\xf6\xec\xf9k)\xc4B#\x02k\xff\xc0\xc0\xa3\xb9\x19i\xb1~\x9e\x08A\xab\x03C\xa0zs\xbb\xc5eA\xb5_kjz\xd0{\xe4\x97\x83\x9d\xef\xdf\xbf\'+\xd1f#|\xb6\xf7\xef=\x9bv\xee\xdc\xbe\x0f`x\xc0\xbf{\xa5\xf7\xeaUx\xb8\xbf\xe3YG\x7f\xfd\xc3\xc5\xff\xb0j\xfe?i\xe7w\x1c?\xd3\xb8\xe3z1\xebf\xccm&amp;\xed\rJz\x1fR\xdd\xe2\tTi\x86\xae.\x85:\xdd\xcd\x15\x87|\xa9\x16\x15\xbf\xcb\x94o"\xa3bz\x16\xa4zZA\x17\xc7B\xf1\xd0\xf6\x00[E\x85\xc5\n\xb4\xf5\x0bV\xaa\xd3\xd5\xa8\xf4\xd2\xfbb\xb5\xde\xaagk\x1b{\xc6d;\xb3\xd7\x1b\xb2\xfd\x03\xfb\xbc \xfe ?\xf0\xc8\xeb\xf5z\xbf\xde\xcf\xe7\xeb\x03\xbeX\xbf\xf8\xd2\x8d\xa8T\xaa\xe9i\x95\xef\xe3\xc4#5\xe1\x00\xa5\xd35R.\x0fa\xa24\x89D\xd2\x12\t\t\x08{6\x97\xa3h\x16\x98\x8a:\xf2(\x94\xaeI\xd4Z\xfc\t\x99l\xc2\xe8v\xe3\x8b\xf5\xc3\xe7n\xe3\x84U\x15\x0c\xaa\x82\xc2\x07G\x8f\x1eM&lt;QS\x13w\xac\xe6DM"\xa5kdR\x11\xc2\xe8t\x89\x84N\xa7\xa7a\xe0\xcf"@\xe7)hU\t\xfa\xff\xfc\x14\xb4\x96\x1d\xa8dcn\xe3\xdf\xf0\xce\x16`-.\x02\x98\xe7\xfa\x93\xbbSwGF\xae7\x1dM:\x12\x17\x15\x13\xdf\xd4\xd1\xcf\xc5\xe8\x18\x9dL&amp;c\xf4\x10\xa7\xd9T\xa4l\x8aG\x9b\xdcC\xc7\x0e\x1d:\x16\x17\x93\xd8\xd5gG\xb9\x92\xc9\xc6\x8c\xcfq\x1d\x10o\xfd4\x8c\x05\x15\x0c\xca\xa6\xa6`:\xca\xc5bEs\x7f\x91\x12r\x92JQ\xf6+\xd8\x18\x06\x9a\x99A\xc6\xd8\n\x13T\x0e-\xe8A"\x1fIN\x8cO\x8d?\xfa\xd9\x03\x1f0\xc9dB\xc0\xfa\x03\xae\x1b\xd4\x0f\xbev\x1b\xb7\xa0\xb5T*\xdf5\xbb\x9a*\x97\xcb\xb9m\xa5\xcd\xd9&amp;\x93\t\x8c~\x8a@\xc1&amp;#)\x0f\\\x80\xa5\xbc\x95\x9a\x9a\x1c\x13\x93L\xc9\xeb\xf8t\x04\x02\xc6\xfb\xd4\x96\x10\x02\xb2\xf5\xe5\x8fpU\x10?FX\xd0\xf0*+\xbf\xb1\xb1W\x8eN\x99b\xb8?\xa5\xa2\xa2\xd6\x844\x82B\xc7 \x87\xb1\nu\xa5\xd9\xb5\x15\xe0v\x94w\xba+j\xb3\xd15\r\xd17eDX[c\xc6\xaf?\xc0\x93*\xf6\xf8\xbf\xc2\xd9\x82Wc\xa3\x9a\n\'_\xd0\x7f\xf7\xc9\'My\xca\xee\x8a\x1c\xe0J\xcf\x8d`\x15\xdat\xa5\x05\xd999\x03\x83\xabh\xa9\xa345s8\x9db\xb8\xa8=2\xa1L\xb8e4~\xf5\xf3X\xfc\xd2\x15{:\x8c\x15T-\xaa\xa6\rj*\x9c\xb5\xfe\x94\xae\xf3G\x8e\xbd{\xe23eE\xedRYs)\x87\x81N"\x19e\xab #\xa7\xb6\xfbN\xde\xf9\xf8\xa8\xc3Q\xa9\xca\x94f\xc0\x82\x83(\x8c`}\xf7\xde\xe9\x93x=7\x88~\xff\xc5\x8b\xaf\xdc\xc6W\xde\xf9`\xb0\xbd\xb1^\xde\x96\x9eR\xd4t{\xed\xd2\xc7\xc7\xe2\xfe\xf1`up 3\x9d\xc3eHvZ$d\x06\xe3\xb7W3sj\x07+\xba\xaf\xc3\xe7\x87\xde\x89\xfb\xe8|G?`5\xc8\xa0\x86\xd6-\xcf\xd8\xe7\xa7\xfe\xf4\xdd\xe7\xbf\xc7\xc5\xfd\x10*{\xae\xcc\xc8\x8c\xeeW\x9b\xc1\xe0&lt;\xc2\xe2dv\xdf\xecz\xbev\xe2\xa3\xb8\x9a\xdb\x9e\x97\x83K\xcdb*\x9b!\x01\x03\x0bv,\xf7\xcf\x99\x99\x03\xb5\xdd\xd7\xdd\xcf\xd7\xd6j\xe2.=}B\xb9c\x12\xf3\x1b\x0ca,\xa3q\xebU_J\xf9\xa3h&lt;\xa8\xa2\xdf\xf4\x90H\x06\xa3qBe\r\xce/6\x9a\xa9\x9c\xec\xd5\xbc\xa9WO\xa1H\x89\xdf\x14/\xdd\xbb\x97N\x151\n[#f\xac\xa4 \xa3,gu\xd5\xbd\xf5j\xedp\xdc\x89\xb5\xe7}y\x94\xee\xe1^u\xa3A&amp;\xb3n\x8dy\x86sr2\xa9\xc1J\xc2\x19\x1ct\xbcw\x87\xc9\x1c\x1f3\xfa\x0c\xaa\xd7\xf3\xedNu\x88\xdb&lt;y\xb7\xff\x9a\xa7\x0b\xbc\xff\xdd\xa5\x01A\xb9\x82\x1d\xb2\xd9Z\x91\xebh\xe5\x95l\x0c@o\xd5N\x0e\xf7=\x88O\xbat\xbbo\xa4\xa3\xbbB \xa7\xf66\x18\xa0\xb7&lt;\xd7\xca2\n\xc4l\xde2\x0e\xc3\xebL\xf4^\xa1\x9f9&gt;\xe1\x19\x13\xce#,\x879D\xb5\xdb\xcb\x97F`\xd6O\n\x04\x82\xf4N\xaeN\xc7+\xfc\xf5_@r]\xb4\x01\xd6@&amp;R\xa4\xc30\xec;&gt;-*\x9a\x1c\x164s\xda\xe4\xbda\xac\xe2\xf4\x02N\xbd\xb4\xe4&gt;\x1e3\xf5\xe4^+\xa6\xd1\x0c\xf9\xc6\xac\x805nq8\x1cN\xadS-\x16\x0c\x8b;\x15\x8at\x85X\x1e\x02\xaa\x96\xc0\x8d\x1b\x81QH\xd7\xd5\xc7\x8f\x0bJ9\x1c\xb18\xbd\x0c\xf9\xe9\xf2\xce6\x85B\xc1i\xeb\x85\xae\x97\x8d\x15+\xdaD\xf5s\x1b\x9b8\xac\x93\x08\xb1\x8fZ\xfd\xf9z\'\xdfg\rz\xbd\xf9\x16\xbf\xd3bq:\x1dX(d\xae\xa7B\x84\xb0B^\xa1$\x10\xd8_\xd8\x0f\\nE\xcdUP\xc5\x85\x7f\x87@Gp\xd9T\xa4\xbc\x80\x92\xda \xb3\xca\xec\xbdls\x08\x9b\xdb\xd6\x9e\xc4axE\xef\xb5Z G\r|\xeb\xbcw&gt;\xdf\xa2\xd7h4\x16\xbd\xdf!r\xa0\x10\x89\x12\xe8\x85\x85\x12\xe2\x8d\xfdg\xcf\x9e\xed\x8f^\x04K=7W\x05W$\n2H\x1c$\xbc8\x1cy\x04K-2\xeb\xb0\x92m\xd1\xa9\xff\x1f\x8bpj\xdd\xa6\xaf\xfb\rU\x8d\xb0\xbc\xf9L\rs\x9c\t\\\xe1\xf0\xfb\xfd\xe7Z\xe8d\x89\x9f\xb4\xf0l\xe5\xfb\x15\xe0jE\x1b\x88*\x1d#M$JKK\xc3\xb2\x90 lC\xbd\xd5\x00\x03\x82\xaf\xc60\x86H\xba\x1d\xfa\x10\x0f\xac\x99\x8bL\x17\xb9\xb48\x8c\xd5\x93\x0fQG\xaa\xd6#\x19\x7f\x96H$^h\x91H\xfc\x9a\x99\x95\xf5\x95\xef\x81+p\xd9&amp;\xad\xaa\x92\xf2\n\xc9tP\x86-\x12D\x06\xf9\xe2",\x95\x90/\xcf\x98c$\xb0\xf1\xc1\x8a\xde\xdbu\x8dJ\x1f+\xf8C\xc1\x08\xd7\x0c\x93D"\xd1\xaa\xcf\x02\x15\xe8\xe4\x96\x16\xbf\x85\xb9\xbe\xb2\x12\xc6\x822\xda\xa4R)O\x07\\H\x19\xfe\x0e%L\xce\x96\xc3I\xb4\xaa\x84\xc5e\xb3\xdb\xbc4l[t\x1c\x87\xde:\xf9\x88\xc8\x1a\xe5m\x88\xed\x86\xc5\xa0w\xd3\xdb\xd33S\x8d\xb0 X\xc4s \xdf\x89z\xcb\x0cP=\x83\xf7\xfe\xfe\xe8e\xb2\xae\xaa\na!.z\xb8\x90T\xb6\x9c\xca\x1f\x9aV\t\xc5\x8fg\xb7\xa5t\xf2\xb6\x13\x87\x96\'\xc4.\x93X\xa3\x85\xdf:\x0c|\xed\xa2ws\x13\xb0\xc0%\xd2\xceB\x00\x18\x8dHd\xe95a,\xd4\xf3\x81\xd1\xcb\x12rn\x95\x0ea\x81\x04#citrV\x16\x95\x8aj\xa8\x92\x89\x0bf\xb7K\x18\x8c\x8dy&lt;\xf6\xcd\x84\x17=\x80\x15bj}\x86v\xd5\xeb\xcd`\x0fZ\xc6\xd3\x10\x14\xcdE\xa2\xb1Xz}\xfe\x01\x82\x82d\x81\xeb\x97H\x12B\xa5R\x1d(B\x14\xe88B\xba\xe0\xf6\x01\xac\x06\xee\xd5\xd9\xed\r\x9eM\x8a\xc7\x94\x7f\x8bp|oa\xb4u\xe7\x8a\xc5\xd7\xa0\x9d~\xed\x9d\xefa\xd6\x85\x8b\x08\x7f\\\x88\xcbo\xd9;X\x80X_\x08\x04\x02\x17v\x1c~\x07\xa7\x80\xa7c0P\x191\x90a(Ya\xacb\xb6t\x16q9*q\xd1\\\xa7\x97\x01\x8b\xe8\xd2\xf8\xf8\x86E\xd06\xe3u\xd54\x04\xe5BX.\x17\xcb\x9f\xbf\xe7"\x82W\x0c\xa0\xd8\xf1;\x1c~sI$]tT\xc6,.\x17\xb0\xa0\xe3\xad\xc5l\xdd pI_\xbf\x87\xcf#\x8c\x17\xeb\xa36\t\xad\x8e\xefk\x98\x0e..\x8e[\xf4\xd5gQ\xae"T\xbb\xbb\x073;\x9c\x94~\xb1\x04\xd0vD\xe5)\xe9"\xbf\xae\x84\x17\xe9y\xf0BYlj\x04K(f_\x9d\x05,\xf62.B\x90@\xa8&lt;\x08\xd8x\t\xae\xc6k\xfc\xa1\xf6\xe9q\x8d^_M\xa2A\xb2\xae\xa0\x8c\x01\x96k\xb7\xe4\xd6\xbbQw\x14\xd8?1L\xf0\xd7\x9f\xdc,\x13\xb1\xe7\xa46\x06\xc2\x82\x01\x01\xadU\xafFXvj\x15\xa2*i\xaf\x8c\xc5\x07\xebC\xef\xcc\xdf[uD\xa7\x1b\xba\xab]k\xd1;\xf5\xb4H\xbaH.\x16kwg\x97\xbe\xb1\xba\xfarI\xc0Qp\x14/o\xdd\xbc9\xa0\xfb\xf6\x7fXh\xceS{\x1b\x1b\x87TB\x8f\xfc\xf1\xecF\xa9N\xf4\xe8m\\T\xf3\x19\xc2\xdb\x9b\xf9\x07\x0b\xf4\x0bz\x8f\xc7&gt;\xa4E\x175\x0c.\x1az\xd1\xd0I\xdc\x95\xe8\x1e\xde{\xf8\x85X\x91.\xc86\xd5\xd6\x0e\x0ef\xcc\x15\xfc\x17\x8b\x0eT\xf5\xa8\xe3\xdbU\x13}m\x1b\x1b\x0c\xa7C\xfd\x06\xa7\xc7Q\xb1\'\x97\x17\x0f\xd6Y-~\x9f\x9bo\xd0j\xb5N\xb4\xde\xaaC\x03\x95\xc5\x827k\xe7\x8b{\xff~\xa8\x18\x1e\x9e\x04\x93\xdf\r&gt;l)c\x0ez\x0bM\x08\x0c\x86\xa9\xd9\\_\xafvZ\xadc\xe5\xb9R[\x82\x85k=\x85\x93\x83%\xc4\xbe\xbf\xd9s\x85\xb5\xe3W\x7f\xe3A\\\x16&amp;\x93TW\x17\x19\xf3hwD\xc4\xb8\xe2\xce\xfe\xeb\xca&lt;\xa5\x92B\xc9\xab0\x95]E\xb7\x0f\x03\x02\xb8\xcc\x80eV\x83\x96\xf7\x94\xe7\xf2\xe8\xd5\xe3\ropsd\x84\xe3\xf7{f\xe0\xfb\x9dn\x8f\xbdAk\xd10\x99\xcc\x99:"\xf1,+\x82\xc5\x92`\x9dEyM\x94\xa4\xd4\xd4\xa4#\xc9\x94\x8e\xb2\\\x9eNgC\\Y\x7f\xc40*\xd5\x0cR\xde*tC\xb60M\xcf\xfd\x1f\xe0\xe6\x13\t\xa7\x7f\xe9\x9dq-\xb8\x98&gt;\xb7\xddn\xd0",&amp;\xed\x1c !\t\xc1b]\xc0\xca;RS\xe3\x93\xa2\x92\xd1\x0f)\xe3\x92\xefd\x97\xe6\xe6\xea\xc2\xf9\xca\xc2P\t\xd5\x8d\xa0\x98\xfb@\xc4\x8b4\xf7O\xe1\xfa\xb8`\x19\xb0\x16\xaa=O\xc7\xec\x86\xa1\xf6|P]up\x1b\x12\xcf\xfd*!!A$\x9fT\xa6\xc6\xc4\xc4\x1c&gt;\x9c\x1c\x1fs\xe8\x9dCQIy\xb5&amp;\xb0\xb4\xba\x9f\x01\x96\x19\x15\x11\xb0&amp;|}\xf5i"\xcd^%\xae\xab\x11\xc2\x7fh9\xe3\x984\xf2,\x8e\x9f\xc1V0\xabkcH\x93Y\xc0Zs\xc49\xa1[\x0b\x8dLL\x01\xdb\xd4(J\xd5\x05+\x91;\x8d\x01\xa3\xa0&amp;\x98\x03\\\xac \x89\xa4Z\x93QY\x81\x1a\x9b\xb2%\x9a%-I/\xca\xb6\x89m\x83Z\x9a\x92\xf3\x8ff]m\xcc\xad\xbdnz\x7f\xb4\xd7\xeb\xd6\xb4\xee\xee5\xd74\xd9{oP\xf7\xfe\xbeu\x1e\xc3\x0c\x98\x18&gt;~\xdf\xfb\xbd\xf9\xfd\xfc\xbdG\xd9\xd25\xa5\xf2\xf3/\x9e\xddB\xacq\x98\xa0\xf6\rWWTH\xda\\\xf6\xf6\xa4\xc9G\xe1\xeezF6A\xe4dd\xf3\xb23\xf2(\x9f?\x92t\x8c5UUm\xc8\xe5\xfd^\xc4\xba\xf5\xdd\xdbG/\x1fw\xedw\xad\x14.\xad\x0b\xbe\x7f\xf65`\xcd\xdd\x18\x1c\xb8\xda3&lt;\\}\xfdz\xffD\xdc\xef\xa3dy\xa5\x94\x13B~a\xc1` \xaf\\\xc6*O\x02\x96\xd3\x8e\xb1\xaa\x8dZ\xc6\x87\x9eKw\x9e\x7f\x7f\xac\xe8p\xf9\xfe\x17\x12s\xb9\xdc\xf2_\x9e?\xbf\xf3\xe7\xb9\xb9\xb9\xc1\xf1\xabWavz\xdd\x15\x88\xeb(BF\xd2\xf1\xf9\'\x8c\xbdZYY7-PX?L\xf8\xe7\xc7\xecr\xd7\xccL\xffL\xff\\\xf3\xec\xda\xd3\x12X\xb4\x9e\xfe\x1d\x0bV\xfe\xf8?k_\xdf\xff\xf2\xe1\x1cf\x89\x81\x81\x9e\x1b\xe6D\x94"|\x91y=\x03\xf4\xe4\x15\x9c\xd0\x8cV\x12\xc0\xa8\x88%`\x9f\x01,o\xf3\xa5\x89T\xea)[\x95\xba\\\xee\xf1\xbf\xaf=\xbfu\xff\x8f\x97&lt;\xc8\x05\xe9&gt;\x10\xa4(:\xe9`h\x16\xd3f4.\x1aWF\x14\x06YN\x8e/\x19\x80\xd9\xb2y\xa6\xd9&lt;\x91\xd8|\xf63k5\xfd\xdc\x83OSkk\xb3\xf7\xe7&lt;\x10`\x83\x03\x83\x9e\x84\x90\xf2\xc5\xe7\x17\xd7\x17\x17\xd7\xc1\x16\x99\x0bs6*`p\x12&amp;K\xbby\xc6l6[\x12kk\xcf\xfe\xc6V\x81\xfa\xe9\xfc\xcf\xdel\xa66\xd7\xee\x81Z0\x1e\x97\x07\xcdaBH+\xacS\xd6\xad-\x98H\xed\xd8_\xb6\xb6\xb6L&amp;\x93\xd5\'#\xc2\x16\xdcS\xc0m\xa8T\xea\xd9m.kN,x\x93\xfaf(5;\xe1\xf1x.\x8d\x8f{g\xa32\xc2or:\xb7\x16\xc1\x85++\x1f~\xf8\xe1\xc3\x87\xc5\x0f\xeb\xeb[p\x1f29)"\x9a\x0c\x98\'&amp;\x02\x96x\x98]\xacC_\xa6ps81q\xcf37~\xc9\x9c\xd0\xc9\xc8p\xcc\xb8\xf8j\xfb\xc5\x8bw\xef^l?\x81+\x9c_\xad\xacom)\x9c$\xa1K\x04,\xc9X"\x1e\x0en\x06\xbf;\xceZhq\xbb&gt;OD\x87\xbe\xd9\xdcLL4{\xe6&lt;\x13q\x92\xf0\x99\x8c\x0e\xc7\x93\x17\xef~\xfc\x11\xb8\x18\xb8\x17\xdb0\x02:\x8d\x93~\x92\xf2Eb\xf1H$\x1c\x0c\xd2\xc1\xa1\x7f\x96\xe5\xb3\xa6V\xd9\xdb\x07\xff\x00\xb9\xc2\xe1\xc4\xec\xc4\xbd[\x0f\xc2$\x88\xd5\xa9Nc1\\\xa8\x19\xc8\xa5\x1e\xe94*\x0c$\x1d\x89\xf8\xe9\xa0OG\xd3CC_\x9c`o$\x1e^\x9d\xad\x13\xd6\r\x05\xe9p$\xfe`6\x11\xd4\xd1\xb1\x11\xc7\x98^?\x06\xee\xdb\xde~\x05\xb6\r\xa6w\xa8;G\xd4F?\xa9\x0b\x07}$\x98N\xa7\x1b\xfa\x17\x8bX\x07\x96\xccQ\xb1\xbb.\x1a\xf5\xd1\xc1p*L\xeb\xfcI\xf5X\xd5E}\xe7\xa4b\xcb\xe4\\p:\xfd&amp;\xc5\xa4\xd6\xd89\x02\xa65\x81\\$!\x93\t\x85\xc2:\xf7\xd0\x9b2\x16\xb1\x1e7\x07m\xf0!uu\xd8H\x13\xd5\x91\xce\x98\xd1q\xf1\xa2\xde\x885!\xa5\xa5\xb2R\x19E\x1a\xfc\x8aN5xQk5\x90:\xb8\r\x89\x85\x04\xfcF\xf0\xfd1\xd6\x1ak\xf2K~\x9aK\xb8\xddB\xb1\x1b\x1bU\xeat:\xcag\x82\x89\x02pi\rW._\xce\x80\xc7\x95\xaf\x16z\x1b\x10K\xa3p\x82\x03e9\xd8\x83 t\xbb7\xdf\x17\xb1\xd6%\x02X\xe3\x13u6\xa9M,\x16\x13L\x1b\r\xe5T\x18\xd50\x7f\xd1\x1b\xa7\xbe\xbaRz\xb9\x94\x829\xb3fD\r\x03\xd1\xba\x00T0\xb7\xc0zB\xb7T\x97\x00\xac\xd3\xeca=\x04/\xda\xf8\xfc\xbc\xbc&lt;1\xd3\xb8b0Mv"\x97\xdd19\xb5`X\x982\xc5F\xd4\x8e\x91\x98\x02&lt;H\x10$v\x8a\x88D\xf0W\x0c\xcd\xbe?\x96\xcf\x9e\x13_\x7f\xebM\xb9\x91\x8bo\x03.\xc2\r\xe94\x924Z\xda\xedMc\x0e\xa3\xc2\x847\x1d\x85"\x86\xbb\x9cTiN)\xee\xdf\x898"\x9bM\x1a4\xbfe\x11\xab\xfcu\xcb\xe0\x83:\x9bM\xc4\x074\xec\xfe\x10\x13:\xda\x14\x89Y,\x16\xb5\x1a\xb0\xfcN\x93\x7f\xc1@;\r$\x85M"9\x190\x87\xe6\xf0m|a\xaa\xf9mQ\xfei6\xb1\x9ai\xc4\xe2\x8b@\x06N68\x93\xa4\xc3\xe1H$\x9eL\xc6L~\xda`\xa0a^\x08+ l\x8f\x12e3X"\x11_\x97`\x19\xeb\xda\xc0\x8d\x88\x18\x98\xb0#\x83\xc7\x01\xbc\x1c)\xe9\xf3E\r4\xdc\xf8\x0c&gt;\x8a\xa4(\xc8\x14\xd8\x86\x91\xcdA\xe3\xf1\xe0\x10\xd9\xa2\x0f\xcco\xd9\x0byny\xc15\xe5`\xc2\xcdg\xdaD\xe0C\xe1\x9a\x83c\x92 i\xda\xa7#\x85RY)\x81\xee\x03\xe4=\x03\xb9\xc4\xc1@\xf3/\x87Y\xc6\x9a\xaf\xb3\xe1\xde8\x07\xdd#\xe2CZ\x92J\xa5BJH\x11\x04\x91\x07\x01G\x942P\xb9\xbc\xdd\x13\x87/\xf5\x07\xfa_\xb2\x88\x95_\xf0H98\x11v\xf39\xe9]{\xc0B\xb3A\n \xc40\x02 \x9a2 \xecx\xbbHi,[]$\xe0}y\x90\xb5t\xca\xcd\xef\xba\xab\xbc\xea\x9d\r\x8a\xd3Z\xa5\x9f\x8cj\xd8\xb5\xc5\xcf\xde\xf3\\n\xee\x0e\x1aF\x97\x98\x8e\xb5{W\xd9kR\xc4\xfft\xb5(\x87g\xe2n\x90$\xedF\x0e\x120\xa1\x8d\x88\xf0\x06m\x97\x8a\xc70\xe7\xf9\x14#v\xefj\t\x8bXe/\x97\x95\xc3\xaed\xd4m\xe3s\xd2\x9f\xca \xecb\xf0r\xb1\x89\xe6\xd7\x1f`r\x90\x92VM\x87\xdd\xbb\xc4f\xe7d\xd9\xbf\x95\xca\xe1\xb6\xf6d\x18\xc3\x1e\xe5\xe11\n10\xb9\xbb/\x18\xaatn\xe0\xf0\x85N\xebdH\xdf\xe4Yb\xb1\xc7\x9a[\x84X\xd7\xe5vK\x10\xc2\x1eB\n\x15\xdb\xf1\xdc\x0e\xd7\xce\x95\xc7a\\+"hS\xaf6\x84j\xb1\x88\x95_\xb4\xba\xdcWY\xd1\xb6\xd1\x1e\x8fJ\xb1\xef\x8eq$/\xad\xd3\x8e\xe5r\x98\x86.\x0e\xc3,\xa5\xe1\x1e\xa9\xd1t\xc8YVkU\xd9\xd7S]\xd3&amp;\xb7DtR&gt;\x93\xa0\x10\xeb\xa3\xdc_\xc9\xfe\'\xda\xf9n\xd0\xaa\xa1A\xd3\xe9\x00\xacr\x96\xb1\x8eV\xd7H\\vK\x84&amp;m\x0c\xd8n\xe2d\\\x88T\xb9\x1c&amp;\xc9\x8b\xf8b\x9d\xbfW\xd1\xa0\xedT\xebY\xc6:\x88X\x95\x15\x92\xb6i9,Ji\x9d\xdb&amp;\xe2\xe5\xee\xc5\x173\x009;7\x1e\x91X\xe7\xf3\xf7\xf6\xf6\xde&lt;\xd3\xda\xc12V\xfe\xc1\xa5=,\xbbe&gt;\x19\x8f\xd0n\xdbN\xf6b\x1c\xb9\x9b\'x|1\xe9sNY{\x15\xa0V\x08\xb1X\xcc[\xa0\xd6\x92R\xd9w\xb2\xa2\xa6^%\x97\xdb\x03\x81@2N\x0b\xc5\xa0\x18\x86\x17o/Od\xe7\x10\x0cS\xafU19\xa9\xd5\xb4\xaa\xf53^\x96\xb1\x96\x01\xab\xb0B\xa2r\xb96\xe4\xf6v\xcb|&lt;H\xeb\x84y"\x14\xea#&lt;e\xf3\xf3(\x9f\xd3dRX{o\xde\xbc\xd9\x00\x01\x8f\xb1\xe5b7\x9df\x01V\xba\x83\xa6xc\xda\xb5ao\x0fX\x12\x11?,\xc7`\xfe\x80\xcd\xf02RG\xfba\xea\xac\x00\x831\xa8m\xd0j5\x9aN\xf5\x98\x8b\xd5\xbc\x85j\xf5\x1d=Y\x08cQU&lt;]\\&lt;-oo\xb7$c1 s.\x18|\xf0\xb0"\x11\xaca\'\'\xb1\r\xe3&amp;\xd6\xf1kF:\x9aXT\x0b\xbf\xbf\xe3\xf5\xa3\xe5\x81\xa3=\x95\xd5\x12\xc0*n\x03sa\xe8\xcf\x03\x196\xddMMY\xad\x8a^\x8c\'\xadF\x8bL\r\rg\xe0\xa5Z\x0fX\xab,aq\xcb3\xb3^\xdf}\xb8&lt;\xd0\xd3SYX\x03\\\xb5\xc5m55\x92i\x17\x96/Z\xe65Z\xed$\xba\x0e\x16\xfb\xe0\xb6PH\xd3p\x06\x1e\x88\x05\x11owy\xdfw\xb1\xb2\xaa\x06*A\xc1\xdd\xf1o\x01\xab\xb2\x92i\x83\x02\xb9$5\x90+@\xb1\xa6&amp;\xbd\x03\xd6\xf7\x1a-\xd3\xe40\x12R\x87B\xda3\xda3x\xb4\x86F;\x1a\x01\xeb\xd2R&amp;\x1b\x0e,\xc9\x14@`-3X\xd5\xd5\x10\xf4*\x15\x83\x05\xba\xb5\xb5M\xa7\x8bC:\xf6,\x14\n\xb5\xb6\x02bkk\xebhwc\x93\xdc\xe5\xf5\xbc\xf9\xb4d\x9f\x1b\xc8 \xa82\x05\x02\xc1\x89\x97\xbbX\x85\x80\x05\x0e\xac\x01.\x89\x04\x9e*\x95\n\xc8j\x9b\xc6\xb0\x92\xb9\xb1\xbb\xa3\x1b+\xf8\x01\xac5\x14\x1a\xedf\xb0&lt;\x9e;\xb7\xffp"\x13\xc0\xf6m\x7f\x0c\xa0\xc0\x04\x82\xae\xbb---\x80u\xb2\x12\xb0*\xe0\xa8@\xadT*\x89\xa4\x1e\x87\x80\x8a)f\x1ekDC\xb9\xd0FA\xab\xc6]\xac\x8f\x8f\x7fZV\xb4_y\x02C]\x80X\x99\x88\x05j\xf5apU\xa3U0-\x80`\xf55\x8czX\xb9RUu\xae\xb1\xb1\x1b\xb5\x02\xa6Q\xd4\n\xb0j\xa7\xfb\x9b\x01\xab\xe0\xd4\xf1\x82\xb2\xfd\xd9?\x07\xa9\xb2\xb2P+\x81\xe03\xc0\xfak\x8br\x17\xebl\xc5\xef\xab+\x98\xd8\x07\xbdj\xd0\xea\xebU\xb5\x0cU\xc7\xe8(\x1e\xdd\xdd\x0c\xd5\xb9\xaaZW\x7f\xf3\x9b\xf3\x80u\xfe\xc2\xf9CE\xe5\xbfU1\x80\x12\x08\x0e \x16\x82\x15\xad\xb6\xb4\\kQ\x1ee\xbcXX}\xf6\xec\x9f\xce\x9e\x05\xaczP+m*\xc0:\x82X\x0c\x0e\x83\x84TM\x0c\xd6\xcf\x87\x0e\x15\x1c\x07\xac\xf3\xa7N|r\xb8\xe47|\xebN~Z\xa9\x03Y(\x15`e\xfdt\r\xb1\xfa\x00\xab\xb2\x10\xb1\xc0\xd2\xe1U\xaf\x92\x00\x15\xf6\x9a\xd6\x1e9r\x0e\xac\x11\x9f@\xc4hu\xa4\x16\xb0\xee\xdf\xfex\x07\xeb\xc2\x85\xf3\xa7\x0e}\xf2\xff\x8e\xca|HTYhi,$\xebJc\xfd\xb7s;vm\xdc\x8e\xe2\x00\x9e!\x96\xba\x19\xe9\x84\x84\x90\xc0\xbe\x18cPA\x12\x86\xd4\x90Z\t\x86\xc8$$d0\xc5\xa1\x85\x0b\x14n\xd3\xe0\xe5 \x94\xdc\x92\xfc\x01\xb7\xe7\xd0`\xe8rt\xebr\x19\x8e\xc2\xd1\xa1\xd0\xc1\x81\x0c\x1e\xf2\'\xa4\x10\xb8\x82\xe9\x90\xe5\xfa}\xef\xf7\x93,\xd9\xce\x95\xf4\xc5\xc9)\xbe!\x1f\xbe\xef\xfd\x9e\x04!\xa7\x9b\xfc+\xcefs\x0e\xc3\xcc\xa3(\xb0\xd1V\x1d2\xc6}\x7f$\xaa\xbew\xf8\xf6\xa7\x87P\xab\x11+B#Q\xc3\xc0\xfa\xf6\x7f\xed\x04\x04\xa5(\xacZ\xe7\x89w\xb9\x8b\xe3m&lt;\xd9lp\x17M\xb3Ie\xee\x1f\xf0\xc0\x1f\xf0\x0e\x83k\xb45\xaa\xd7\xe7\xae\xfa^\x1dq\xbd\xbb\xa5\xb0B\xb4P\xb2\x86\x91\xad&lt;11\x81\xcaJ\xcc\x16uq\xfd~&lt;&gt;9EZ}\xea\xa2)k\xbf\x17\xf3\xb2\xe0\x95q@\xaeQ\xe6\xaa\xd3\x07\xc2\xda{\x85\xb0$k8\xa4&gt;\xc25\x0c\x07O\x81\xd1\xf6T\x0bU\xa9d,\xb7\x83\xa1\xa7\xc7S\x1c\xc4\xbeIi\xe1K\xb7k"1tS\xf4\xf4|gg\xb4#aY\xed\x1d\x7f:\xd3\x04\x0ba\r#\xc1\x8a0b\xba\xfa\xec)\x1b\xa1T\x1c\x17\xb3\x94\xda\x07bm2\xeb\xb9y\xd5\x84\xa8\x0b\x17}6c\x1e6&gt;\x92\xbb\xa3Q.;\xac\x1f\xbe\xf9\xeb\xbdVcV\x14F\x04\x1b2\x0b\x15\x02\xf6\x9f3\xf6\x15/tW]d\xc96\xd2t\xcd\xc6\xf4\xd4\x8c\x16\xf6\x9f\x03\x12#-\xfa\xa3-\x91\x19\x156\xc69\\\xa3\xdc\x85\xa3y\x0c\x15\x17\\\x9at\tU\x14\x86\xb5\xa4\xad~\xb1\x95\xb8\x1d\x7f\xad\xae\xac\nd\x15f\xa9\x9d\xe9\x98X\xfb|\x14\xe3^LiM\xba\\&lt;h\x19lW\xb0\x8e\xc0z\xf5\t\xbbA\xba4\xc9\xc2\'\x99\xa2ZX\xabivg\xfdQ\x18\x05\xe5\x96;\x87R\xf2\xb8Tf\xb9jc:\xa6\x9bu\x0f\xb7\x1e\x1a%1]\xcd\xeed\xc2\xcdDx\xcd\xf8\\\xb2\xc4\\\xfd\xfcp\x16T5\xc0\xaa"\xb0h^!\x15\\\xd5\x81\xb3\xfa\xeflp\xf4h_.\x95\x92\xc7\x95-/\xb7q\xff\xf9\x87\xdf\xe8\xd9\x06w\x9f\x98\xd3\xe2Ma\x9a\xdcK\\\xc7\xf4\x97\x93\xd9i|\xf3\xeec\x18TQ\x01\xaa\xcaK"\x14\x1c&amp;\x01\x85\x04\x93$i;\x8b\xf7J\x9e(w\x15J\x95\xabKL\x97\xbb.\x12\xb3\x82\xdb\xeb\xd7\x98\xf8&gt;O\x93\x18w\xbeb\x9c\t\xd5\xc5.\xb3\x8e\x8e\xbe{\xf9p\xe6y$\n&lt;\xfa7a\xd6\\\xc5\x85\x1c\x93 \x19t\xacr\'\x19\xa5\xba\x8f\x90\xf26r\'9/\xcbJf7\'\xa7\x1b\x93.\xc5C\xfdc\xd6\x15\x9f\x00\xf4\x10*\xc4\xb5U?~\x89\xa9JS//\xe4E\xe3\xa5\xf1\xc2\xc7\xf8\xcbJ4\xb0l{\xa1\x93\xe2~\xb7DR\n,\x89\xca]\xae\xab\xd7\xa67\x1f\xb676\'\x93\rf\xc5\xb4\x1e(,\x13\xa3EM\xdcz\xfb\xfb\xe7\xf7\x9e\x91r\xd9\xa9\xdd\xb2m\x8f\xbaH(\x1e2\x8a\x89\x8b\xc6.I\x06(\xdd*tr\xa9\x7f\x82\xa4,o\x89\xdcE\x89Y\xbav?\xfdg\xbc\xbdI\xac\xf82\xe6\x86\x9a\xcd\xab\x17\x97\x17\x17\xdf\xfc\xf8\xeb\xdf\xb7\xc3\xd4h\x95\n,\xe1\xa8f\'\x93.1v\t\xba8\xb0\xe1jw\xe6\xcb\xc2-\x8b\xb8\xf2a_v\xa9\x94\x96E.\xcb\xd1\x07\xe1\x0c\xb4\xd3~\xafwyIa!\xb2\x17\xbd_\xfe\xb8\x9b\x0e\xab\xad\x1ce\xd0\x15\xe2\xf2x\xf6\xf9LV\x8b\x85\x99\xc3l1\xab\xddiT\xe4\xd3\xd8BP+\x92Zrq^\x8e\xe58\xbe\xaf\xb7\x82h6\xbd\xb9\xbb\xfe\x13\xcf\xd3\xdf\x91\xb9\xfa\x00\x00\x01dIDAT\xafO\xc6\xd7w\x1fg\x91\xc7\x12\xf6\x18\xa2\xe0\xb2K\x96\xea\x1c\x07Vb3\x8b\\\x9d\x86\xe8d\xb6\t\xa4Hy\xe44\x96\xde\xa0\xb0\\\xe9\xd2}\x1d?7\rjg\xd3Y\xa4\xa5\x06\xde1\x96\n,d\x15\xc8\xb4\xa4H\xf6\x10\x87\x81X\xd2\x05\x18w\xb2\xd0\xbc\xc2\xaaR+\xa5\x08-\xbc\xe6\xcb\x8cY\xa4\x02\x8b`\xb2|G|c\x18\x8b\xb2\xd4\xb6yK\xe4I\xcdQx7\xf1\xd8\x94\x08\x15\x05Vy\xb6\x96%\xb2\xbaulR\x95\x86\xa5@RJ\x8bd\xc2%i\xbe.\xaf\x0c]|\xc9\xa32h\xb0\x90J\xc0\xe3\x15\x14\xe7J\xae\x8e\x16g%\xd3B)k\xab9\xb2\xaf*,\x16H\r\x0b/\xd8\x94\xccj\x89\xbc|?\x97\xf9\xa5\xe4\xb22t\xc9\xf2x\x83\x01\xc7\xeb\x9eI\xf4\xe1\x11\xcc\xb6[b\xe2\xb9\xd8\xb5\xf6\xc8\x84+\x94\x8f\xa24\x18$Y\r\xfa\x0e\xffgYYZ\xbe\xf3\x05\x12\xf7\x13(\x03;\xab\x8a\x1f\xee\x05\x82\xe6\t\x9a\'\xe2\x12.\xb0\xdaE\xd8\xda\xc2-P\xc9F\x89$\x82\xd2\xc8/\xa4\xcb\xca\xc2"\x94\x84\xe9\xfej\x95a\xb4\x11\x95\x87!\x82I\xbc\xbc\x943\x13\r\r\n\xacv;w\xad\x15D\xd0`\x8a\xac\xdc\xe38\xf4Z,\x84(\x03s\xb8\n,?o\x9d\x1c0\x83\xfbG\xc3.X\xad\x94e\xa2\x9f\x82\x16\xd8\x14\xa4Ma\rZ-\xda\x11\xc4\xfa\x17\xff\xdc\x1b?\x16\xb9\x82\xc7\x00\x00\x00\x00IEND\xaeB`\x82'</t>
        </is>
      </c>
      <c r="M252" s="3" t="n">
        <v>45492.67606481481</v>
      </c>
    </row>
    <row r="253">
      <c r="A253" t="n">
        <v>866911</v>
      </c>
      <c r="B253" t="n">
        <v>1957</v>
      </c>
      <c r="C253" t="inlineStr">
        <is>
          <t>Pedro Raul</t>
        </is>
      </c>
      <c r="D253" t="inlineStr">
        <is>
          <t>Pedro Raul</t>
        </is>
      </c>
      <c r="E253" t="inlineStr">
        <is>
          <t>CA</t>
        </is>
      </c>
      <c r="F253" t="inlineStr">
        <is>
          <t>ATA</t>
        </is>
      </c>
      <c r="G253" t="inlineStr">
        <is>
          <t>CA</t>
        </is>
      </c>
      <c r="H253" t="n">
        <v>191</v>
      </c>
      <c r="I253" t="n">
        <v>20</v>
      </c>
      <c r="J253" s="2" t="n">
        <v>35373</v>
      </c>
      <c r="K253" t="inlineStr">
        <is>
          <t>Right</t>
        </is>
      </c>
      <c r="L2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0abdadfb-7e4a-4391-ab76-9749ba0b2b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\xd6s\x85\x00\x00\x03\x00PLTE\xff\xff\xff\xed\xec\xed\xfa\xf8\xf6\xeb\xeb\xea\xf5\xf4\xf1\xf7\xf6\xf5\xf8\xf7\xf5\xf8\xf6\xf2\xf8\xf7\xf3\xfe\xfd\xfd\xea\xe9\xe9\xf5\xf3\xef\xfa\xf8\xf4\xee\xee\xef\xee\xee\xec\xf3\xf2\xef\xe8\xe8\xe7\xd0\x99s)\x1d\x125&amp;\x19%\x19\x10\xf1\xf0\xee+ \x17\xd3\x9cv\xf3\xf2\xf1\xff\xff\xfe\xf8\xf8\xf7\xc9\x92l\xf6\xf5\xf3\xcd\x95n\xce\x96q\xc1\x87b/ \x15\xf2\xf0\xec\xd9\x9fv2#\x17\xc9\x90h\xc6\x8df;,  \x16\x0e\xc6\x91r:)\x1bF2#\xae|\\\xe2\xe0\xe0\xdc\xa2v\xb4\x82e\xaatS\xcd\x93j\xe3\xaa}\xaayX\xfc\xfb\xfb\xf0\xf0\xf1\xbe\x81[\xfb\xf9\xf7\xe6\xe5\xe4\xbf\x84hfH7\xb7\x86i\xb9|V\xbd\x8fr\xcb\x97w\xc9\x94s\xd6\x9ds\xd4\x99q\x1a\x12\x0bbC2\xd3\x91n\xe1\xa7y\x84V?\xb2~_=0&amp;B/ \xe0\xa4v\x84^H\xc3\x8ep}[F\xc5\x8dm5)\x1f{TA/$\x1b\xc8\x99|\xc2\x86\\\xc5\x8af\x9fnO\xa5wW\xba\x84b\xf2\xb7\x90\xef\xb4\x90\xb1vS\xad~c\x8c_DsR?\xec\xae\x88\xe7\xac\x80\xc2\x8bk\xb1\x87oI7(\xc5\x96yT&gt;0\xdc\x98rP8(\xcf\x9c~\xc3\x94v\xca\x8em\x90eK\x99gI\xd6\x9e\x80\xc1\x91t\xdc\xa3|\xe0\xa9\x82\xb8~_\\K@\xef\xb1\x8c\xbf\x8agB6,\xe9\xa7p\xf0\xba\x95\xec\xbb\x9a\xa7y]\xf1\xb4\x83\xe9\xab\x86\xb3zW\xc5\x8ba\xa7nM\xdc\xad\x8e\x88dMZB4\xbf\x8bo\x95oZ\xf0\xb0|\xcc\x91q\xa1x`\xad\x81i\xa4rS\xdb\xa6\x81\xd5\xa5\x88\x99mP\x9fsW\xd9\x97jlM&lt;\x8diV\\&gt;.\xda\xa9\x8aJ;0dPD\xf9\xf9\xf9rL8\x9eiU\xba\x8am\xe7\xa8z\x95hO\xcf\xa0\x88W:)\xe0\x9ct\xe5\xae\x8a?*\x1b\xe7\xb1\x8f|N9\xf3\xb9\x89\xd4\x8fa\xed\xac{\x8dY:\x99t_\xe4\xa8\x87\xe1\x9di\xe9\xa2j\xf5\xbe\x93lC.\xf4\xc7\xa5\xe1\xb1\x93i\\T\xaev\\N3#jVJtXJ\xee\xabs\x95_J\xd9\xd4\xd1\xc7\x9c\x82\xb6\x8au\xab\x84m\xf1\xbf\x99\xe6\xb6\x97RE&lt;\xcc\x89a\xa4~huG1e:&amp;\xe6\xba\x9f\x97_?\xa5jF\xf4\xc2\x99\x81bR\xf6\xc6\x9f\xa6r[\xe3\xa2o\xf1\xb3\x8a\xed\xdf\xd8\xafrM\xba\x91z\xc0\x94{\xd3\xcd\xca\xdc\x95`\xd0\x96x\x9ecC\xbe|j\xcb\x87W\xdc\xb1\x96x]TJ+\x19~?/\xe5\xd0\xc4\xad\xa5\x9fvkb\x7fvp\xd3\xb9\xad\xb3pa\xe5\xc1\xac\xc0}P\x91\x80zY2\x1d\xc5\xc0\xbc\x85k_\x0f\x0b\x07\xb8\xb2\xae\xdb\xc5\xbc\xdf\xda\xd8\xa2\x95\x8f\xdc\x9f\x81\x85Q2\xaeiN\xec\xd9\xce[RK\x8eZH\xf9\xcd\xaa\xbasf\x8fOJ\xf5\xec\xe6\x95\x8b\x84\xb7wK\x96tj\xc4\xaa\x9e\xb6\x9b\x8e\xb0e]\xc6wa\xd0~s\xd4\xaf\x9c\x8c`N\xa7]V\xf1\xe6\xdf\xed\xcb\xb7\xaa\x87v\xec\xa3\x92\xd9\x8fu\xe5\x95\x89\xc7\x8eA8\x00\x00 \x00IDATx\xda\xcc\x97\xdbO\x14i\x1a\xc61\xb3l\xd2s\xb1c\xaa\xca\x1a%\xeeX\x99\x1a\xabS%\xe29n\xa33\x13Z\xe9*\t){\xd4\x1d\x14\x1a\x86Jm\xbb"\x11\xdb)\x04T\x1a\x16\x14\x8f\x1c\nDG\xc6F@\x04\xc5^\x0e\xa2`\xeb\xee( D\x17u\x95Mh.4\x08\x116a\xbdP\xef\xe6\xc2\x8b}\xbev6\xfb\x0ft3\xbeM\x17\x87\x9b\xfe\xf1\xbc\xcf\xfb\xbc\xdf\x17\x15\x15\xae\xb2\xa0\xa2,\xe4[\xd4\x87T\x16\xcb{\xb0\x0f\x85+\x04\xb2`\xd5\xdc\xd8\xee\xd8\x8f\xba\'G\'\xc7\xe7[&gt;\x00\xd1,5\xf3\xbb\x87?z9\x15\xec\x98\xf1\xfb\x03\x86l\xcc\x8cG\xcf_\x1dScY\xf0\xabJ\xf5\xbb\xf1\xd7\x1d\x1dA\xbf\xac\xd2N\xce\xc9\xb2N\xca\x19\x1c}\xfd|t2v\x15\x14[\xf0\xeb\xf4\xce\x12\x13;\x15\x10E\x9e\xe2E\x81f9\x9a\xc6\x93u\xaa,+\x18c\xc3\xdd\xdd/?\x99\xf5^\x12\xac\xdf\xc6\x8e\x06uAT\x04\x9a\xe6\x05\x19D\xf8Q\xa4)+\xc3\x89\xb4\xe2\xa9\xee\x08N\xc6\xcc\xae`\x96U\xf3\xe6E\x0f\xbf\xf6\xeb\x92ij\xa0b\x19U&amp;ri\x12\xcdQ,\xc7\xd3\xb4(\xfa\xdc\xfa\xd8p\xf4\x82Y\xe4\xb2\xfcf|l\xecy\x87.i\x8a\xa6\t\x1c\xc5\xe3\x8bP\t\n\xcf\xb1,KQ\x14\xc7Q\xa2$\x99\xc1\xe1U\xb3\xd8\xc6y\xa3~I\x904\xbc\x04\x81\xe68^\xe4\xe1+\x16H\xc0a\x19\xab\x95\x01\x18\x83\x07k&lt;\'\xd6\x9f\xad\x06\x8e\x16\x8b\x1c\xadH\xa2ORh\x8aX\x9d\xa3\xe1)\x8ebx\x9a\xa7\x12\xac\x04\xca\n8\x86R\x03\xcf\xbbW\xd7\xccR&amp;\x8cV\xbbi\x86\xa8%*\n\xcd\x80\x8a\xe7|&gt;\x8e\xe6\x19+\xcf\xb3V+/r\xd6\x84\x84\x04\x86\xb2Z)a\xe6\xf9\xf8\x9c\xd9\x11\xab{\x04\x86\xa2T\xcd\xd4D\xc2%\x8a4\xa7\xb8\x15\x8a\x83B&lt;\x0f\x14\x9ePA+\xfc\xce\xf2\xa6\x7ft\xfe,\xb4\xd12or\xcc\xd4t\x85rj\xba$\x8a\x92[\x92|\x18\xbav\x9e\xa1X\x1e\x88h&amp;cM``4\xe2.\x9e\xa7\x8d\xe0xM\xe4;\x183Z\xac\x08 b9$\x83\x80\x18\x15i\x80)\xa2\x95\x115w;T#RQ"\xfa\xca\x90&gt;2\x0c+\xf8\xc7\xa3#\xce\xd5\xedWhU\x914Q\xc0\x18:)\x95\xa6iE\x11a1\xde\'A=\x91\x02\x8d\x15AA\x86\x91\x02!z\xc9z\xc6k,\x91\x15k\xeek]\xa2yY\x96\x05\xf8Kf\x81%\xd2&gt;\x11\xa9\xce\xd2\xa2"\xc2^\xe8 E\xa8\xac\x14\xcd\x87\x8c\x8fV\xb23\xe31\x11\xe4\xb2\xd4t\x8fyL\x81\xe7\x05\x94!\xf0\x02\xebt"C\x05\x9eBz\xd12\x16"\x89\x05Z\xd3h\xe0Q4\x83&amp;\x86R\x8cU\xfd\xdd\x11\x8c\xd5\xe8\xf1\xa0,\xeb\x1a\xc7\n\xaaS\x05\x1d\xcf\xb0\xf8t\x81v\xb2*\xf0D^u\xc2\xec\x98J\xe2z2\x88&lt;Blbb\x02t\xf2Tt\x04}\x15\x94)\xd6\xd4U\x8aw2H)\x8e\x83\x81\x90\xf0\xc8-\x15j\xf1\x9c\xaa\xc2\xed\xbc\x80\xcc\'Y\n\xe2\x10\xd5\xc4\x04B#\x18\x1b9\xacQSd\xac\xaa)a\x1b\x93P\xe2\x90\xa2\x92$)\x92\x0f\x93\x88|\xa7\x91\xa5\x14\xe5\x0c\xa5&gt;\x87h\xa09\xa4\xd7\xc4{\xb9\x8c\xa9\x85\x91I/\x0b\xc4\xd2DtM6\xb0p\xb0^(\x9f\xd4nw\xd9\xec6[e]\x9d\xa6\xa0x\nX,CK\xba[R|"\xf1=\x93`%\x81\xc1\xf1\x81\xc9\xd5\x91\xc1\x9a\xffZG,(\xa2,\xab\x149,H\x95\xf6\xf2\xa2\x13YE%%\x15\x15I\x9d\xe56\xbb[@W\xc9a\x02\xfaa@9b/\x08\x05\xa3a]\xd2\xfe\xe1\xc8\xa4\xea\xb0_R\xb0\x08\x15I\x12DA\xd2\xedvW\xd2I\xc7\xf7\xeb\xff|\xfd\xfa\xf5o\x1e\xf4\x1c)I\xb6\xeb\x92\xe4F\xa4\xfa|$MIh%\x907"\x1f.\xe4\xcc\xd1\x85\x11Y\x85\x93\x1eY\x15e\x01\xc7(I\xd3m\xae\xe4\xe4\x13\x8e\xdf\x7f\xbe\'\xa7&gt;//\xef\xe6\xd5\xaa\x9d\xeb\xf3\xb3\x92\x93\x93\x93\x8a\x8a\x92]\xa7m\x95n\xe5\xfd\xbeNH \xd6bY\x12\xf6/#\xd0EK\xf4\x94);\x9d\xaa\x139\xaa\xdb\x92\x8bN\xfcq\xe5\xf7_g\x14\xa4\xec\xefkkk\x1b\xc8\xab?\x9f\xfd\xd5"\xc7\x12\x87\xc3qp\xe5\xd1\xa3\xdb\xd2\x12/\xd8\xdbI\xba\x86\xc8\x12`8\xd6iLF S-\x1f\x8f\xc9N\xc4\xa7\x8a\x85X\xec:\xe1Xth\xf9\xd2\xb3\x05\r\xbd\x84\xaa\xadw\xfb\xbe\x03+\x96n\xd8\xb5u\xeb\xd6E[\xd6\xec]wpY\xe1\xee\xb4\xd3\x95\xff\xa2\t\x985a\x02r\xa1\xc6\xe6X\xc2\xdf\xc3\xe1j\x19L*\xc1*\xcfr\x1c:\xd52x\xb6\xa9\x14X\x03m\x03\x03\xfb\xb7\xa7\xa7g\x9c\xddtj\xc3\xf2\xe5\xcbo\xdd\xba\xb5e\xcd\xba\x1d;\n\xef\xfc\xfb\n\x11\x0c\xa3\x88\x03\x0e\xfe!6\xd0\x1d\xf6\x8c\xb0\xc4L\xea\x86\xaa\x1a\xd8:n[\xd1\xca/@\x95\x9b\x9b\xdb4\xb4\xbf\xb7\xb7\xb7\xaf\xb7w\xff&gt;`\r\xfe\xf8\xa7S\xa7\x1e666\x82\x0b`\x85w.^i\xf7\x91\xe3\r\x91\n\xd74u2\xec\x1b\xdbR3\x19\x00\x16v\xb4T\x9c\xb4\xe4Pc\xcb \xb0\xce6\xa5\xef\x7f\xcf\xb5?\x05X\xb9\x83---\xa7P\x8d\xb7\x9e@\xb0\xfbw\x1f_\xbc\xe2\xf6\x91\\\xc5\xbdV\xc5\xfb\xf5\xc2\xb0cE\x8f\xeah\xa2jHf\xe7\x91E\x8d!\xadr\xbb\x9a\nR.\xf7\xf5\r\x0c\xf4\xf5]nh:\x9b\x9b;\xd8\xdaB\xea\xe1\xc3\xc6\'\xc0*\xbc{\xe7\xe2\xdf\xeap\xe0\x10\xc9\x0e\x05\xd6\xd8\xfc\xa8ps}2\xa5\xc9\x10\xcb0\xf4\xfe\xf8\xe5\xa7Z\xc0\x94\xdb\xd5UZ\xd0py\xa0\xed\xd5\xab\xb6\x81\xbe\xcb\x05\xa5]\xb9\xa1\xbf\x82\xae\x05\\\xcf\x80\xf5\x18\\\x7f\xf7q\x9c \xff\x82\x15vs\xcdyn\x1a\x86!\xcb\xa6\xa7\xe4\xab\xaf[ZZ[[\xdfc\xf5\r\xbcB\x01\xab\xa1\xa0\xa9\x0bUZZ\xda\xd4\xd5J\xb0\xde\xdcG\x1b\x1f_\xbcPG3\xaa\xe1\x84\xe5\x9d\xe1\xc7Z\x10\x1b\x04\x13\xf42;n\x7f\xb9\x94`\xe5\xb6\xfe\x1f\xab-\x84\x05\x9e\xa6RR]\xad!\xb9\xde\xbc\xb9\x7f\xf7\xee\xee\x8b\xa7%\x8a\x95\x9dX\x96\x11\xc0B&gt;\x18\x02\xb8\xe4\xe2\xfe\xb2O\x97\x0e\x12\xb5 W\xa8\x89\xff\xc3\x02\xd7/E\xb0\x1e&gt;!z\x15\x16\xde\xdd\x9dh\x179\x81\xc5a0\xfcX\x88-\x8f\x01c\x19fu\x7f\xd9\xce=\x83\xe0B\x0f\xbb@\x85\xdc"1O\xb0\x1a\nBU\xda\x94\xdb\xfa\x90\xb8\xfe\x19\xe9c\xe1\xb6\xac\xd3\x1a\xd2\x01g\xae\x08\xa8e\x01\x96a\x06\xf4b\x82ul\x13\x06\x11R\x11\xaa\xbe\x10\xd7@_JJ\n\xe1\x1aj\x18\x02VK\x08\x0b\\;\xee/;zb\xb3\x8eI$W\r`EE\x00\xcbS\xed\xa9\xee\xa8\xc8&lt;\x97\xb3i\x13\\T\xd00\x94BR+\xef\xfd\xfa\xd9\x9e\x922\x94\xdeT\xb0\x1d\x0f\x8c"b\x15\xe1\xf5\x0ci\xbf\xf2d\x12\xaep\x18D\x8a\xf5\xaf\r\xbbZ\xdd3\x86\t\xa8\x91\xce\x92\x1b\xc7\xbd+\xb0w\n\x86\xd2\xcf\xd7\xd7\xdf\xbcy3\x0f\\?\xe5m\xdf\xb7}_\xfa\x81\x8ct&lt;Vl\\\xfa#2\xb5\xb1\xf1\xc9\x96u\x07\x97,\xc9/\xb2i\xb8)\x81+0\x1c\xf6\x80x\xe9\'X##\xfd\xcd\x0f\x9e^\xcd\xc9\xc8\xd8\xb8\xf1X\xf6\xce\x9d;\x8fWUy\xeb\xf3~\xca\xcb\xab?\x90^\x7f\xfe\xc0\xa5\x03\xe7s\xf6\xec\xf9\xfc\xd3\xcf\x0e\x7f\xb1x\xf1b,\xa1\xbd\x8e\xd4\xfc\xa2r]\x93d5\x12K\xd1\x12\xeb7\x03\x9e\x8e\xfe\xfe\x8a\x9esO\xbd99\x9f}\x9b\x7f\xb2\xb9\xb9\xf9vf|\xfc_\x1eU]\xbdz\xf3\xd2\xf4%\xd4\xf4t\xf6\xe1\xef\xbe;\x13\x9f\x9a\x9f\x9f\x7fo\xc9\xb7\xa8\xb8\xb8\xd4\x12\x97\xc7\xd4\x0cpy\x86#\x81\x05\xb1^\xbc\xb8\xfd\x0f\xaf\xb7\xeaX\\\x9a\xcbV\x8c\xb2\x95\xbb\\I\xb5q_fWMgO\xa3\xb2\x1f\xc5\xd5f%%\'\x97\xdb*+m\xae\xcdYG\xe3\xe23\xcb\x8e\x14\x95\x17\x9b\xa6\xa1:g\xc2\xaf\xd6K?\xc4\x1a\xe9\x7f\xfb\xe0\xb8\xd7{&lt;\xd5U\xe7\xd64\x11[X\x90\xdc\xba}\xf3\xbd?&lt;\xca&amp;\xf5h\x97\xe3\x07\x97\xad\xce-\x89&lt;\xcb\xd2\x8a\x82\xc3FYffjI\xb2\xa7X7e\xd5\x1f\x1b\x01\xcb\x07`\xf8\x17\xef\xcey\xbd\xde\xf5\xa0*.\xd6%\x81\xe7pk\x95\xdc\x95\x9bk\xc1\x05\xa9\x0e\xff\xb3\xf6Be\x9d$r\xb8\xb2\xd1*\xae!\x8a\xbb\xa8\'\xb3\xecvE\xa7\xa7\xd84\xe4\xe0\xda\x88`\xf9G\xde^\xafz\xea=\xdeL\xae\x17\x15\xcd\xcd%\xfd\xb8\x8f\xd5\xd5\xd9m\x9b\xb3\x1c\x87\xa7\x8fMo\xd8\xe5\xb8v\xc5n\xafko\xaf\xb3\xbb:\xd1f\\F\xf4\xe6L\xb4\xb1\xbf\xda\x130\xe5\xf0\xab\xb5`m\x904\xf1\x1d\xfc\xee\xfd\xa6\xe2\xe7\x92\xe6#e7\x1e&lt;\xb8\x91zo[V\xda\x7f\x92\xd2j\x1d\x87s.m\xda\xb0\xe8\xaf\xd7\x12\x13\x13\x93~\xfe\xe1H\x19\xeavIr\xb9\xee\xee\xec\xc9\xec)\xab\xe8\xf0\x04\x02F\xf8\xb1\xa2\xe6\x8ey&lt;\x1d/\x1ex\xbdO\xab\xd6\x97\xe4\x97\xc5\xc5eB\x85\x93Yi\x89\x89\x17\xd3\xd2\xae\xd5\xee\xdd\x901t\xb6q\xcd\xb2\xddYii\xbbO\xdcK\x8d\x8b\x8f?s&amp;.\x15\xd74\xd7\xdbw=e\xcd\x9d\xff\xa5\xd5\xfc\x83\x92\xce\xd38\xde\xddM\xe7pu\xfb\xd7\xed\xec0]\xcb\xd5\xee\x1f\xce4\x87\xae\x8d\x9e\x87\xe85\x916\xc6\xba\x1ei\x02\x16\xc8\x98\xa9\x89?\xb0\xa2\xc4\xb4\x13\xf1\x07\xc9\xaay\x02\xb2\x18\xa8`B\x8a\xba$\xa4\xfc\x10\xd6\xc8\x1fLB\x1a\xd5\x85\xe9:\xe3\x1a\xa4\x87m\xde\xa9k\x9b\xd5=_\xec\xe6f\xee\xefo\x0f\x83\xfe\x013\xbc\xe6\xfd\xbc\xbf\xcf\xe7y&gt;\x9f\x0f\xc8u\xfe\xf1\xafP\xc7\xfa\xcd,\x14S\xc0\x9a\xean$"?\x8awl\x9e\xfa\xfapo\xef\x999\xab%\xfe\xa4^G\xea\xd0\x94\xdcxZ\xa6?\xa9T*\xe3\x8f\x1d\xdb&lt;y\xb6\x0e/\x81\xafU\xd5\xab\xb7\x8c\xc6\xaa~\xce\x10\xe7\xda?~\x8b:\xd6G?6\xf5\xf5\xcd\x0fL\rv\x0bs\x88P\x98\xce6\x1f\xbe\xfe\xd7\xa3\x7f\xf8\xec\xda\x99\x07\x08W\x98\xa8R\xd3\xd6u\xdf\x15o\xd1Z\xb4\r\r\xdf\x9cy\xd0\xdb|\xf6\x12(\xc6\xaa6n\x19X\x80\xc5\xe1\x0c\xcd\xa2\xbe&amp;\xee\xf8\x18\xb0\xfaWe\xdd\x80E!\x12\x12\xf4\xcd\xa7\x9b\xce\x1f]\xfa\xeaZ\xcf|\x835~\xf9d\xd8\r\x04\xab\xdd\xae\xb4Z\xb4\x7f\xeb\x01{\xc3\xc8\xdf\xf0e*\x9e !\xb2\x0c\x06\x96y\x9a\xc3i\x1a\xfa\x00\xbd\xfc\xc7\x8b\x9c\xbe&gt;s\xe3\xe0\xf0`\xe3\x00\x11\x9fji\xe8\x9f\xed\x81Ngh\xde|\xacY\x9f\xa7/M,\xf9\xae\xad\xeb^\x99\xd2\xaa=&lt;\xbf\xd83t\xf4\xab\xf3K}\r\xcd\xa9x\x89D2a0\x98\xa7a\x95\xe7,\xfe\xfe \xea\x1b#\x8f8=\xd3[\x08V\xf9@&gt;^\xacl\x1e\xd9\x9a]\x1a\x1a\xeaY\xadO^\xd6\xeb\xf3&gt;g\x96h\xda.\xb4\xd3\xe3\xb5V\xed\xc8\xec\xe3k\xe7\xaf-\xcd\xae~mU\xd6@\x1e\x89\x13\x06\xe3HSS\xd3\xd2\xa3\x9d\xa8c\xed|\xd4\xd4\x03\x8e\x1f\xbc8\x0cY\xac\xc0;\xc4\x9b\x9b\xfc\xf9\xfe\xbe\xe9dp\xf8r\x1e.\x91W\xd9V\xd2e\xa2\xeb-V\xed\xa9\x91i\xce\xe9\xd3}\xf3\xc7\x94\x16e^\x82\x84\xf8\x1e\xab\x8f\x83\xfa\xb4\x8f\xc1\xfc\xfd\xfb\x9e\xbeyg7\xb2\x0fR^\xcbf\xc7\x12t--\xfc\xcd\xe4\xe4\xe4\xf8e}*P1;J\x10,\xbb\xca\xa2\x85\'1y\xfb\x03}^\xea\x01B\x051\x9f\xc8\xaa\x07\xac%\xd47\x9cw\xbf\xd8u\xebq\xdfj\x10\x8b\xcbU(\x14\xad\xecP\xbc\xee\x92\xa3\xce\xa1\xc3\xa7\xe1\xc2\x13\x19\x8c\x0eD\xadvzY\x99-\x1exZZ\xc4\x10\x0e\x9dN\x97\x90VA$\x12Y|\xf0\xd6\xe3\x1f\xd0\xad\x0fX\xec\x98b\xe6\xc9|\xff\xea\xc0\x14`\xc1h\x0fA\xeb,\x08\xae\xce\xb5\x85\x85R)\x83\x16\xc4\xba\xd0\x1eS6N/\x0b\xd3\xbd\x8f\x04|ZZ\x11\xa1\x82\x0c\\\xea&gt;N\xd3\x8f\xbf\xc0\xec@\xf1t\x11\xbb\xfb\xf9LG\x97&lt;a\xc4,\x9b\x1a\x04\xaa\xdb\x1a\rU\xa3\t\xb2\xd1\xe0Oqee1\x82U\xd2\xf6\xad(\x92N\x8f\x89\x8c\xc4%eD\xa7D\x07\xa3"\xfa\\\x05\xc8%\x81\xc2\xd5\xb4\xf8\xc3\xad\xefo\xa1\xb6%\x88\xc5&lt;__\'uu\x89\xd4\xd0\x01\x0e#j\x01\x16\x04\x97K\x05\xac\xdb\xdc\xd1\x0e\x06\r\xb0\xda\xee|\xd7!\xbf\x0cX\xc7M\xa6\\\x12DnJJFRRF\x06\x19\xb8$P\xb8\xfa\xeb\xf9\x9bg\xb7\x1eF\xa1\x94H\xec\xc1\x99\x97\xde\xdc\xc4\x0b\xd2j#\x14y\xc4[0L\x8c\x8e\xc2LA\x837\x97\xba\x8dUB\xbdy\x9b\x91\x18^\nj\x99H\xed\xa4CYY\x00\x86\x04\x99\x9c\x01\x9e7\x8f\xf4_\xb5\xd9le\x15OBP\xca#f\xf7\xf0\xba[\xf6,QJ0\x0e\x94\xc3D\x01X@U\x0cL\\D4\xc0\xea\xa0]\xe4\x16\xd3.\xd2x\xfb\'\x8b\xe8\xa5\x91\xa6v\x92(\x0b\xe2-H&amp; \t\xc8\xe4\xfc\x9c\tc}\xbd\xc3n\xa7\x17\xf9e\xfbP:\xbd\xc6\x86L\xad\x0b\xd8\xa4\xac\xc44\xd6@c\xf7\xb6\\\xc5\x8c\xe2b\x1aw\x1b\xab\xa4CZ&lt;&lt;\xdc\xd9=\xdc\xdd\xc9\xce\xce\x80,\x9a\xda\x83TrD0\x92 744\'\'\x1f\xb0\xc2\xc6\x8b\xa2\x8b\xfc\xee\x9fQ:\xec\xc7\x00V.\xc9d\xca\x8a\xaev\n\xcb\x07\xc1]\xdcb\xc0\n&amp;\x90:J\x1d-\x91Ji\xddB\xe4\xa9\x14f\xcb(\x90\xc5\xfb\x08\x96\x1c\xc1z\x8b`\xe5\xc6e\xe68Y\xfc:]\x11\x0e\xb02_\xa0\xa5\x16$q\xb2`?\xc9\x94R=!\x03\xb9`&amp;d\x80X\x08\x172\xb2\x8e\xf2\x984\x05\x9b"\x83\xe9,\x9b2 K\x8a\tb\xc9\x01\n\x11\x8b\xf4\xa9@\x10G\xc9t\xb2\xd4\x8e\xa2H\x7f\x91\xdb\xfbS\x08Z\x96\x8fzm\xeaT\xc8\x9f\xfaq\xd5\x06\x8a\x10\xb8\x06\x15\x0c\x1e\xbc\x100\x1a\xa4\x93\xc9SL\x8aO\xf1\xf3\xc9\x99\x92tB\xe6dJ\xcc\xf1v\x91H\x0e\x91u\x08\xac\xf5\xe9dlf\xa6s\xc2\xc8\x0f\x8b\x8c\xb1\x97\xba\x03\x0fQ:*\xc3bv\xbf&amp;\xf1xY\xeb\xfeh\x03+S\xd6\xd8\xd8\xadhm\xe5\xf1\x82\x82!\xc1`v\xee\xf7\xcf\xfd\xee\xcf\xd5\x04\x89X\xa9m!\x0b\x00\x0bIa\x10\x8b\xf4_,s]\xa9\xdd\x15\x93\xe6v?G\xa9\xd2c\xb1\xbb\x86\xe5\x0c&amp;i=0I1ff\xb3\x85\x8d\xad\xc8\xa0\xca{\x8f\x05\xff\xa4$\xbf^\x9f\x8eO\xd79Z\xe6\xac~\x1c\xfd8I\x1e\x14\x0b\x92(\xd8+\x88\x8b\xcbt:\rUUe\x1e\x1f\x1d\xca\xeb\x18jX!3RZ\x01i=\xbaP\xc8\xca\xcf\x06\xae\xda\xdaB\x04\x8b\xc1\x0b&amp;\x92\xaa\x195\xf9\xbd\xe9\xe9^\x07,\x82z\x9b\xcb&gt;n\x12%&amp;&amp;\x06\xb1\xc2s\xc1Y\xa1\xf9N\xb0\x96Y\xef\xf1\xd9\x8b\xdc\xb2\x17h\xdd\xba\xc1\x1e\x1c\xa3Q\xa5\xed\xeb\x02E9\xcb@\x01,vp\xae\xe7\xf1\x10,\x1aW\xa3\xd1\x88\xfc\xcb\xc9\xc9\x9b-\xe2\x96e\x188\\1"\xf9\x11\xe9\x11\xf9\xfbz\x1a\x17\x17\x9a\xe3\x9c\xa8V\x1b[&lt;\x1e\x17\xdd\xbdp\x10\x8b\xde\x9a\xf8\x9a\xfa\xed\xbd\xf6OZ\xcb\r,J\xb6P\xc8n\xec,\x0cR\x01\x16,\x8e\x9a\x12Q\x99Ok\xb56\x9f\xd2B\x0f\xa8\xf2G\x8a\xeeJ\x99_\x14\x80\xb3\xf6\x02V(\x94-\xc8!\x9f%\x06,\x7f\xc5s\xf4\xae(a\xb1?k\xba\xee\xdd\x902\xcb\x89,\x8aL(l,\xdfv\x17"\x16\x95\xdaVy\xc1\xe4\xf2Y\xe7\xae\x9fix077g\x01\xb5\x00\x8bY \x7f\xaf\x16\x82\xc5\xe2\xd7\x13j&lt;\x1e\x95\xcb\xf9\x02\xc5\xd6\x06\x1br\xa7\xa3\xa3\xb2\x83\xd9\xedd\r\xc8\x82[G\xc8\xb3\x08\xee\xa2A3s\xf7\xde\xfd\xa7*\x8bu\xee\xb3\xdeo\x1e@X}e&amp;\xc8\xe2\x17\x05\x05Y\x88ZI\xa1`-Xz\xd4x\x9b\xc7\xe3\xb1\xc9v\xa2\xd9\xd9D\xbd\x1e\xbey\xa7D\xda:\xc0r"\\\xe5H\x1f\xd8\xda\xaa`0\xef\x06wn\xed\x90\xc3\xb9\xeb\xbd\xbd\x08\xd6\x9cVE7\xb5g\x15\x14\xec?\x04\x8e\x0fb\x11\r\xe6+U6\x9f\n\xb2\xf8\x04\xcdf\x1e\x1b\xb50\xfc\xfa\x9fw4\n\x99\xd10\x00T\xdd\n\xa4v1\x98\x89\xf7\x90]\xee\x97v\x97\xca\xa2\\\x8e\xb7X\xac\xd69x\xf9\\\xe3O\x8f\x7f\xfe\x17\x04+&lt;))\x14\x9a@\x96\xfaJ\x9dO\xa5\xd3\x89\rc\xe8\xde~\x1b\x9b\x99\xb9\xc9\xa5*df\xe3\xff\xd4\xe2\x89\x90-n\xfb8=\xa6\xd4\xeb\xf0\x06\xdc\x01\xef\x9a\x1e\x81\xf3\xd9l\xf6\xf1\x97){\x0f\x1d\n\xdf\xb3\x87L&amp;\x13\r\xd5\xf5W\x1c\xfe\xd2\x8a\xfc\xfc\x85(t/\xbfa\xc6f\x06\x15&lt;\x85\xd0hD\xb2X^\xde\nXGL/\xedvWjXt\x92;\x00H\xde@\xc0\xedv\x07\xc4z\xbdM\xa5\xb2\xd9\xe8i\xb9{\xf7 b\x91+XU\xf5\xf5\x07pI\xb0`\x8e\xa1K\x85\xdd\x112\x83\xb44B\x96y\x82\x82\x98\x1e\x9c\xc5\x14=\xb5\xdbl\xa9\t\xd1n\xef\xda\xab\xb5\xb5W\x10kk\x00\xe7\xd5\xd5\xd8T&gt;\x9f-\x0c\x97\x94\x8b`UH\xaa\xf9#\xfc\x04\x9c [\xf6d\x1f\x16\xdd\xd1\x07\x1b\xf5\x10\xc1jd\x99\xc1\xf4\xd9A\xac?^\x1ew\xc1\xbc\x85\xf7\xbez\xb5\xb2\x12\xbf\xb9\xb9\xb2\x1d\xaf\xd6\xbcE\xba\x96\x93&gt;\x9f\xab\xf4\\nR\x06\x99,\x01\xb1\xbe\xe4\x17\xe1\x04\x93?\x8d\xa1~\xa3\x05\xf3bfjjJfT\x1b)\xd0\xc0\xb0\x1b[\x0b\xc3c\xca\xf2j\x1cb\xfd\x8a\xc7\xfa\xf5\xf4\xf4\xe2\xe2\xec\xea\xec\xec\xea\xf4t\xf2\x8a^\x0c\x93Z\x9eJ\xe5J\x80F\xbeB\x82\xaf\x06,59nR\xf6\xf0\x97\x1f\xe0\xac:d\xec\xf9\xd8\xc2\x96\xda\x98O\xc9\x8e\x851\xac\xf62\xfdD\x8dxY\t\xd5H)\xf6z\r\x06\xafxu\xb5\xbe\xbf\xff\xb0\xd5\x13\xbf,v\\\xba\xaaR\xd5Dg\x9c#\xa4WU\xa9\xaf\xf4\x9b!\xf5\x0b\xbb&gt;\xc0\xc9&gt;bV\xccG\xffV\x9bYDJllvm-."\xe2\x84C\xdc"\x0el\xbc{\xf7\xe6\xcd\xbbw\x1b\x1b\xeb\x815\xc8\xe7\x8a\xc7b\x89\x17\xa7\xa7\xe7\xa9\xf2\xf0\x04\xfc\x81\xba*5\x7fd\xe4_\x0b\x0f\xc7~\xbd\xe3\x83\x04\x06\x83\xd9\x07X\xd5,"\x81\x90\xcff\xa7DD\x1c\x88\x8eew\xbe\xd9\x8ew\xef\xdenll\x04\x02`~=\xa8\xe58\x91g\xcb\x8b\xc0\x1f8q\x95\xcf\xe7\x1f\x9b\xfd\xd3AT\'\xd7\xff\x03C\xb0\xaa\xd2\xd3\xd3\xf1\x92\xd8X\\i\xc4\xb9O`\xa6.|\xf6\xec-\x040\xad\xc3\xdb\x8dDB\xc2\x7fh\xb9\xc3\x986\xce3\x0e\xe0K(\x10H\xd6\xe0E\x93\x8b\r&amp;u\xb0\xe4r\xe0\x8b\x8f\x10\xfb\x0c6\xc8\xb3O\xe1l\xeb\x04\xd8\x96\xec\xb3\x80@\x8ck\xcf\xf8$\x14\xcd\xaa\xe3\xd8F\x803;\x87\xab\xe1\x06\x8b\n\xf1!Q"6\xc1P\x9ah\xd2\x9aEU\xa4(\x99\xa2l\xea\xa2D\xca\xa2%U\x96H\xcb\xa7T\x0b\x1f\xa2\xb5\xfb\xb0\xe79\xb3\xee\xd3\xb4v\xcd\xbd`P&gt;\xe5\xa7\xff\xf3\xbc\xef\xbd\xe7{\x8d\xc5\xe0\x8d\xc5\xbc&gt;\xaaX\x88f\x163!\xb8\x9f\x96\xf1\xb0.\xb0f\xe7?\x9d\x9f\x9fO\x06#z?\xc9\xb4N\'\xa6\xb5\xfd\x03s\x1e\xb3\x016[\xb1\x7f\xfc\xf9\x8f\xe6\xb11\xb8\x95\xf6\xc3\x8b\x02V\xde[\x89\xb2\xec"\x1b\xfa\xf2mYY?\xde\xbe\x01q]\xb8P4\xc4g\x02\xa4_\xadML\x0fht~\xc2\x1b\xe5\xe8R\xa9\xcc\x166\x0c~\xe9\x1e\x7f\xccL\xc4bE/\x9f\xc9\x00\xcb\xbd\xf5|\xbf\x9cg\x03\x1b\xde}\xee\x9e\xbd0\xbb\xb88k8\xc7\xa4I\xc6\xa3\x85\x0br\xeb\x88\xe0\x85\x1d\x04\\\xa7W\xd6\x9d\xb1&lt;\x01.\xcf\x98g\x8c\x89\xf2\x85\x02\x0b#\x93\xe1\xb6\x1e\xa8de\xed\xdf\xde\xba\xb1\x98\xc9,.&amp;\x19*\x9dN\xe9\xfa\xfb\xb5\xda\x13?\xe9I\x9f\xbf\xf6\xf8\xde\xbdM\xd8&lt;\xc4HB\xf0C%!-\xde\xc9\xe3Y \x18\xa1\xad\'\xb2\x1e\x88m\xa8\x7f\xb5\xb5\x85\xffQ\xa6@\x92\xe9|\xaam\x00\xaa\xf8\xf1\x89\xdf\xfe\rY\x8f\x1f\xff\xeeZlC\xa8\xbeQc\xf6\'\xa3k\x9c\x9b\x0b\x85\xdcnN\xfc\xd3\x1dy\xcfw\xee{\xe8\x16\xb7\xc4\x10\xc7\x16\xf2$E\tj\xed\xf4\xe8\x07\x1f\x8c\x9e\x18!\xf9\xf2zy\xcd\xc9\x93\xe6\x11\xb8\x0ez\xccfa\xc3\x1bu\xaeq\x9c(\x8a\xa1\x10\xfd\x85I^V\xfd\xc3\x0cM\xd3\xa1\x10W)x}\x8cG9\x9d\x18\x1d5\x8e\x1a\xb5:\xa1\xc2{\xbd^Rh\x1b\x99\x9b{\xdfc\x16\x04\x12\xcfJ\x81\x88\xb6\x8b"\xfd\xa5\xbc\xa7\x87\x1b\xf6\xbe\x9e\xcdNN\x86Bl\xa1P)\x1al\xb0l9\xba\xce\x0e\x9c=\xdb\xee\xf7\xc6\x92\xf9X,\xd0\xdb\x0b\xfb\x86\xf7\xc7\x04a#\xc6;\xb9r\xd9n/\xd9\xe9_&lt;\xf8\x81\xdc\xacq:\x9c\x15C\x19`\xf9\x0c.%L\xc4\xb6\xde\x9e\xde\x1e\x81\x8c\xf2\x1f\x15xg\xecv\xe0v\xca\x8ci\x111\'\xcfr\xe5\xd2J)\x9b\xfd\xf5SYUp\x7f\xfdz\x88=&gt;)\x8a\\&amp;\x13-\x06-\x1a\x8dN \xd3\xe94I^\xe68&gt;\xeat:c\xe9\xcf\xd2\x82Y`\x04\xc2\xcbG\xa3\xee\xb2}2\x9b\xcdn=\x917\xac\x86\x97\xaf\x7fzN\x0c\x8bx\x06\x90\x8d~d\x18\xf3\x93p\x8d\xb9\xcc\xf31g\x99s\xb2\xce\xb55\xd8\x96\xfe\x81\x14\x08\x98\x0fQ\\\xb0\xc4,\xb2\xbe\xf8Df\xd6W\x9f\x9f9\x93\xcc\x8a\xee\x0c\x07\xf3\x9e-\x06\xf3Q\x9e\x87\x8c\x9c\xdcZ\xb9\\\xe68\x98\x8c\xce\xf3\x97\xbdd\x1e\xda\x9fwgX\xda\x9e\xcdN\x86\xc5Oeg\x9dN$\xa6fi\x9a\x13\xcb!:\x14-FYg\xb9\xect\xae\xad\xdb\xd7\xedv\x1a\xee\xaaa\x91\x80\xecb\x95B\x85\x85i\x08}59\x99\xcd\\}&amp;\xeb\xa7j\x1a\xbao}\x98HL\xc7g9\x91\xb6\xc3\x17\xc7\xba\xb9\xb2\xbd\xec._[_)\xd9\xe1\xdb\x0e,X\xadx\xbe\x12\xe5Cv{\xd6n\x9f\x9c\xa4\xd9\xe4\xefo\xc9\xccz\xf1s`M\xc5\x17\x16\xddx\xa0@\x84\xf9\x0f!q\xf8xzEz@\xbd^\xc6rr\x1c\xcb\x86J8ciz\xab\xe2cdf5w\xbf\x80\xfd\xd5\xb4\xd2\x1a_\x98\x9fu\x8b\xb0$\x85\xc3\xe1\xc9,m/\xadl\xde[}\xafc\x13\x9f\xa6\xd3x\xc8Y\xa4K\x9ba\x9as\xb3\x8b\xc5d\x92\x91?-`i\x81un|aa\x1e::|\xfcx\xc7\xf1pxs\xf3\xd8{\x07\x0f\xad\xae\xae\xde\x0bCl\xf0\x02\xe7\n\x9d\x89ff\xe7\x83\x04A\xc8\xde[\xf7\xcf$\x8c]J\xab5\xd27&gt;n\t\x16Y\xe8\x9d\xe3\x1d\xc7\x8eut\xac\x1e\xf8\xd1\xc1C\x07\x0f\x1d\xdb\xec\xe8\xc0s\xcd+4\xed\xae$\xe7\x8b\xc5$\x05[\xeb\xab\xf2\xce\xc4\xe6\xa3_\x9f1:\xba\x94\n[&lt;\xdew\xceb\xb1\x04\x0b\x19\xb7\x08\xe5\no\xae\x1e\x80\xb4\x0e\xac\xae\x02q\xb3D\x97\xd9J\xd1\x97L\xce\xcf\x17\x93\x04\xb2\xee\xcb\xbb\xc8\xab\x1eM\x1b\x1dZdE&amp;"}\xf8 =\x08\xf7\x80!\x0ev\nt\xb6T\n\x97\xe0\x02(\x86\xd8\x8a\xb7P\xf4\xf9\xc0\x05\x83")b\\fV\xfd#\x07\xb0\xa0\xb9l\x91\xc8D\xbc\x0fa\xd0\xfc\x95J%\x1a\x85\xcd1\x1e\xff\xe6\xf9h\xa5\xe2-z\xf3&gt;\nX\xd0W\x12\xeb\xaf2_\x12\xaf\x1b\x13\x0em?\xb2\xe2\xf1\x08\xd0\xa4\xc4\x92\xc5b\x01`8\xe0W\xa1 EEa\\\x94\x8f\x84A\x8c?\x94\x97\xf5\xee\xe7F\xe8-m\xbfM\x0fQE\x86&amp;\x86&amp;"\x91&gt;\xa8d\xd2\x872\x00\x15b\xf0\xf2\xe6\xe1\xc6\x16Y\xbe|&gt;O\xe6I\xc2\xf0\xb0AV\xd6\xcb\xd3U\x96\xd5f\x8b\xe7\xfa&amp;&amp;\x86@\x06.\x8b\x01`8\x8a\xc5\xa2\x0f\x0bH0\x94\x84\xf2zasAR\x0b2\xb3n}(\xb1\xb4J\x8c\x0b\x8a8t\xe5\xca\x10\xb8\xfa\xfa\x00\x86\x83JJ\xd5\xc3\x96\xaa\xaa\xbc\xa0\xcaS\x0b\xafd\xdd37\xdf?\x83\xac.\xe8y}&lt;&gt;\x81i]\xc1:\xc6\xfbr(\x03\x1b\x80\x08\x1fE\x10\xd0U\x88\xc2\xb0\xd2i*\xf8\xaa[NV\xf7\xa3\xc4\x0e\xeb\xae5\x02k\x04\xaa\xa0\x8e\x13\xf1\x1c&gt;\xf6\xb5`1\x19\x901\xb0VQ\xd5\xb0\xa4-"\xb1\xf0J%gX\xf5\xd7\x13FG5-\xa8]\xa4\xda[\xc0r\xe5\\\xae\x08.\xb0\x06\x83\x85\t2L\x92\x82\xc5=\x8f\xfd\x8e*\x92\x08n\xcbxS\r{\xd3\xd3\xb0l9\x06\xbb\xfa\x074V\xeb\x04\xb2\xa0\x82PC\x97+\x97s\xf5\xc5]9\x0b\xc8\x18\x03\xa6\x85\xeb\x15\x05\xa4\xdb\x81@\x80`\xae\xde\x91\xef\x83\x80p\xe9I\x00k\xd0\x01,\xa5\x02&amp;c\x04\x92\x8a\xc3\x00S\xcel\xce\xe5\xf49\x0b\xe6e\x90Z\x8c\xa2R8@\x15\xd8`\x16\xb6Mr\xddV7\xec\xbd\x7f\x1a\xb2r\x0cbZ\x03\n\x9b^\xaf\x8fc\\\x80\xc2\x913\xe7\\3\x16\xbf\x01\xbe!.\x06`\x8c\xd0\xdb\xdb\x1b\x08\xa4\x02\x14\x11\xbc\xf0\xa0I\x8e\x0f\x0264t\x7fu\xbdk\x1a\x1a~\x10X\xda~\x85Bc\xab\xb2\xacz\x97K\xafw\x8d\xc1\x98\x99\xc1\xac\xa0\x88\xc0J1=\xfe\x9e^\x1c\xa9@\x8a\x08\xcef\x9e?{\xe3\x9f\xafnn\xe8^z\xf9\xab\xb3\'\xba\x8c;qi\x07\x14s\x1a=\x94\xd1\n\x03P(\x03\xda\x8c\x1fK\xe8\xf7\xfb\x19A\xe8ik\xeb\xe9\x11\xe0\x1e\xb27\x95"\x88"\xeb\xfeK\xe7\xfe7\xdb`\x80Ru\xdf?{\xf1D\x97\xc3(\xe5\x05U\x04\xd6\x9c\xcdf\xb3BZ\x00\x82/\x08o\x06\x8a8\x83\xe7\x85\xfd\x82\xb0\xe3\xea\xe9\x01Uj\x83(\xf2\xce\x1bO;\x1b\xdf\xd8\xdbIP\xbd\xa5%\x95\xaa\xee\xe8\xa3\x8b7?v\x18GG\x8d;ii\xe6\xe6\xe6\xf4\x10\x98\xcd\x86a!\xcb\x83e\x9c\x91`\x8c\x1fPm\xc3=\xc3\xe8B\x98\x8fw\xb2O;;MG\xba\xa5?H\xf2\xbdQK\xaa\xdaZ\x15\x8c\xfa\x9f]&lt;y\x13T\xa3\xa3\x12\x0b\x96\x88V|\xdc\xab\x97\xf2r\x8d\xb9&lt;\x9e\xaa\n\x07\xb8\xda\xfcm8\x86\x87\x87\xb1\xc1R)\x8aw.&gt;1uvv6\x1dyk\xe9{\xf6\x18$\x05\xa8:U\x95u\xe9\xe4 \x94p\xd4\xb8\x0c\x0b\x97\x16\x9a^3\xa7\x86\xb6\xb7\x0eas\xc1\xf0xt\x92\x0b~\xf8\xab\xa6\xb6S\xa7N\xed\xb0(*v\xfe\xef\x9f K\x92\xa9\xfe\xffY\xd9\x80\xa8\x96\xba\xddU\x95J\xf5\xcbK\'\xb1\xb3\x8c\xcb\xd2\xd5\x07\xe3\xc2\xc7\xd0sVt\xc1\x1afS{\xd4j\xb5gF\xa2\xa1iddD\x87,t\xa5(2\xc6\xff\xd3\x04\x03Y\xcf:M5-\xf8\xc4\xfa;\xff\x99\x14\xec(U\xed\x9e\xfa\xfa\xdd;\xac\xba\xee\xafO\x9e\\6\xe2{Y\xcbR\x11a\xe7\xac\xc0:Z\xefNMI*\x8dM\xadW{&lt;j)30\x8d\xb4\xb7WY\xe0J\x91\xa47\xf6\xaa\xd1d\xfa\x8f\xac\xa6e\xe9;\xfei\x194\xb5\xb4\xb4\xd4\xd7\xef\xa9\xdf\xb3\x1b\x87\nz\xbe\xfb\xd6\xe8\xa5ehx\xac!\x16Q\xab\xecW*4\n\x8dF\xa9\x9c\x82\xb846M\xab\xda\xa6\xc6\xc0Ff0\xa9\x11\x1d\x8e\x1dV\x80$?\x9b\xbf\xd3\xd8\x04\xc3\xd4\xb4#35\xd5\x1cy\xa7\xf6\xdb\xaee\xcdR\x97K*p\xed\xd9}\x14X8\x15U{\x7fSe9\x06ob\r\xfb\xfb\x95J\xa5B\xa9\xd4\xd8\x14\xca)\xe5]\x8d\xa6\xb5U\xad\x86o\xb5N* \x90\xdaa\xfc\xbb\x8a\x012\xb6\xdd\t(I\x066dI?\x9a~\xa8\xfa\x162\x0c\xaa\xb6\xe5\xad\xdaZ\x10I\xae:tIe\xdc\xf7b\x19Y\x0edaZ\xc8Rb%5\xe8\x82_\xad\xa8j\xd7\x8d`c\xa1\xe9\xf0a,c\xb5\x88\x81\xdb\x10\x16\x8e\x1ax\x01\xcb\x04*SS5\xb5\x9aw\xfe\x87L2\xb5\xd4\xc2\xe4\xab\x95*\x88\xaeoX\xaa\x97\xd7\x07wV\xad\xaeo\xe2\x02\x16\x804\n\x85\x15]\x10X\xbb\xaem\x18U\x87\xa5Q\xed.\xe9\xa3\x8a\xdb\x9dU\x96\xe4\x92z\x0c\xb3\xabv[\xd3.\x945\xff7S]K\xbd\xa4\xaa\x95@X\xc3=\xfb\xea\xa4\xe6\x92\xba\xfeE\xc2\xb8\xc3\x92T\xd0^8\x10\x05M\x86:`\xe9N\xb5\r\x9fj?\xdc\xaai\x95\\\xba\xaa\xab7\xb0\x80a\xedj\xdc\x05\xac\x1a\xacd\x95\xd5\xd8hj\xaa\xfe\xbb\xf1\xed\x96\x7f\xd5i\xfe\xa0m\xdcQ\x1c\xd7I\xf7\xaf\xd2\xe9N\x1a\x0e\x1f\xd6)\xc5\xc6\x06\x0f1\x04\xe2:\xa1\xad\xff\x0c\xa5P\x8a&amp;CVC\x07\xd7\xe0\xca\x83\xd7\x10\x08t\x90\xb7N\x85@\xd6N\x19\x93\xa1SV\xd3\x86\x0c\x19&lt;\x88\x8c\xca\x92)C2\x18\x9c\xa5\xdf\xef{\xefww.\xed\xf3)\x96d\xf0}\xf2\xfd~\xdf\xfb=\x81\xff\xe3d\x92\tey\n\xc3\xd0\xb0\xe8d\xc8p\x85\x9c\xa8A\xef\xb3\x1d=\x9b{\x9b{\xe42\x1b\x9104\xe5\x18X4\x8dZ\x8d\x80E.K\xd7W\xdf|\xff\xf1\x1e\r\xec\x00\xab\xd3\xd1\xe8\x03\x88\xda\x01\x8b5\x18t\xd2b\xb9\xe1\xe5\x17w\xef\xea\xd8\x8c\xd5\xb78\x89cC\xe2Cz1\x0c\x97)\xe2\x87\x97&lt;\xa8\x9d\x87\xfb{5\x96\x88v\x0b\x16&gt;\x04\x15\xb0T\xae5|\xa9\\\x9f\xde\xe9\xdd=^.\xfax+\xa5z\x9d4M\xe5\xa7iV\xcfY\xf5-\xb2\nD*\x013\xb6\xa4\xc6Z\xbe~\xf6\x03\x96@\xa8\xb5\x87q*X\xe2\xdfP\xe0\x86\xe2\xe1C@\x8d\xc6,\xa7\x16\x04\xfc\xeb\x95\xc7\xdb{\x82\xd5\x15\xf7\xba\xd4)U\xa04]A\xa5|\x99\xb9\x93\xc9\xf7\x1bXq\x1c&amp;Q\xa9m\xa8X2#\xc20\x90\x8a/\x9emn\xd2D\xca\xb5\x8f]p\x7fh\xc5\xbcK\xe79*\x8d\xbc\x8c\xd4\x87\xbf/:\xae&lt;\x8a\xd5\xedZ\xfc\t\xb2\x022\xc1ZI\x05\xcf_\xa6}\xad(\n\x9dTQC\xa4(J\xccQ\x19]\nV\xfa\xef\xc15u.\x12\x8crQ\xb0;4\x8d\x13\xd4a)\xd8\x08`g\xf3{\x9e\xf9\xe7y\x10K\xe6\x84\x98F\xac&lt;\xcf\x95\xca\n\xefde\xd8\xd2\xf9$\xa9\n\x1350V\xbe\x84l\x91\xa4k;1\xbd\xc05\xfd\xce\xb8\xf6\xa5\x18\xaa!\xe7\x16\xc5R.\xa6\x9fZqb\x8cF?~\xbc\xedYQ,\xc1\xea:(P9\x9e\xac\x97\x19\xd8J\x96\xb5\x94\xc8\x0c\xabr\xd5\xc4J\xda\x95\\\xe4\xfas6\x9dN\x1d\x96\x8cS\x84k\xc8\xc0\x83\x0bG!\xd5BS\xa2\xfeM\xe5\t\xd5@\xb4\xf2\xd2\x8eiE\xae\x8c_,\x87\xd6\xb2\x96\xabD\xaa\xf9\xa8\x1d\x1e\x82\xc5|)Xt\xf1R\xb8\x96H\xa5\x8d\xa8\xe1\xa2__\x1e\xd0\xc4\x11\xc3\xbf\xb6&gt;\x1a\xef\x8eG\x8fA\xd5wZY\xde\xc5@\x88\x95\x03K\r\xcc@\xd5\xb3\x02\\\x85\x15U\\\xe8=\x9d\x11qb\x92\xc5\x0e\x8b\\\xe8\xd4\xeb\xb7\xbf\xcdf\xab\xc2\xa5-\xc8x\x8dF\xa2\xd5\xfa\x1a\xf7\x1b\x1eBk0s\x97T\xfd&gt;\xb0\x1cY#\xeb\xc2\x94+\x14X\x00\xe4\xf7\xec\x9f\x0cXI\\\r)kA\xc1\x8ak\xacPNF\x87\x15\x96\x1f&gt;?\x9a\x89^KK{2\xe0\xc7w\x8e\x8f\xd7\x0ftoX\x13\xac\xc9:\xf06&amp;\xdf\xceI%`\x1a,\xa5J\xb5r\xb10\xcf\xc5=\xdfW$a\xeb\x01+\x89\xe3\x06\x92\x99\x98(\x97`\xc5&lt;\xb1\xb7\xdb\xae\xc2x\xe5\xf2\xcdlv\x82\xb1\xc5\x05\x07\x03\x0bY?\xd0\x85\xf4`\x9d\x81\x1f\x8d\x0e\'\x93\x8d\xc9\xc6\x8b\xc5=\n\xa5XB5pX$\xca\x94\x08B\x19\x95a\xe1{\x0bw\x0f\x9a\x13\xa1~\xa2X\x8a\x07,-13\x89.\xdeR\xb0\xe9t6]\x1d\x8e\xef\x10\x8a\x9fr\x80\x85`\r\x87\xa3\xf5\xb3\xc9\xc6\xc6O\x1f_uU\xaa~\x1dws0\xcf\x8d,\xcbra\x12"C\xc3E,S)\x89\xb5\xf5\xaa&gt;L\x88\x96\xf0\xb2\rG\xc5\x92\xfap\xf9\x06\tC\xad\xee\x8f\xb9\xcd\xe03!\xb0\x0e&amp;\xbb\xbb\x08\xda1V\xfa\x9f_\xcc\xd9\x82\x8a%\\]=p\xbc\xca\xbfJ\xacJ\xa4\x06\x96Ppd\x99dq\x94\xe8\x0bq\x92\x16\xcb\xcbv\xc3Gr\xf9\x10\xec\xf4\xf4\x8f\xd3\xe9\x9e`Q\xad\xfb\x87\xc7;;\xaf\x87\xc3_\xcf\x1e\xdc\xff\xfb\xeayW\xa2\xae_\x80\xea*\x96\xe7\tU&amp;:eEV\xd4"\x19\x96\xafXh\xbe L\xaa\xd6sa\xe7\x1b\xe2\xa4b\x89\x8fM\xae`\xe5\xfd\xdbGO\x9f\x9e\xae\xde\x92\x1e&lt;\xbc\x7f8\xd9\xdd9::z\xbd3y\xf0\xf5\'\xa4\xcaEJ\x1d\xd43G\xa9R\x95\tU\x14\xc5M\xff\x14\xcb\x17\xac@\xb0,SI\x1c5\xb0"SL\xe6\x97\x80m\xeba\x84\xb6\xf4\xa6\x910\xee\x00\x00\x01\xeeIDAT\xaf/_&gt;;\x85\x8b\xe31\xff\xe8\x95L\'\'\'G;\xbf\xd0\xbf\xfe\r*]\x19\x9c\x85iE\xe5\xb3\xfe\x0f\x8b)Nt\x80\xc6\xedD\\\xe4Id\x88\x0e+\x16\xb0\xaa!yD\xf6\x006[B\xef\xbd\xc6\xc7\x8c\xa3\'O\xce\xcfO\xce\xaf\xae\x16\xb7;\x0c\x95g&amp;z\xe9M\xaa\xfc\x86XEY\x16=\xa7\x98_\xfaZ-\xd9\xa9\xc2 \xb6\xd0#C\x14\x06\xa0\xdb\xea\xa0f\x8dv\xd2\xcd\xb6\xb4\xa4HF\xc1|?\xbb\xbe\x9c\x9f\xcb_\xf0\x1f\x01\xea\xeaj\xbex70\x99$\xea)\xbf\xdb.S\xc7\x1d\xb1"Q\xe1\x17\x19I\n\xa7XYa\x85!\x97,\xce\x88\x00\xf77;\xa9_\x1b\xfa\x85\xb1\xd3Ie\xd3\t\xb6m\xf9\xc2\xff\x06\x1f\x91\x8a|pqy\xb9\x98\xcf\x17\x8b\xe7\xefn\x0f\xb4\xf9\\\x91\xac3\xa8O\x1c\xa3"\x16a\xfc\xa20\x0e\xf1\xcfo`\xb5c`q\x01\xe4\x18\xc0\x1c\x17;-X\x12\xbc\xc8\x92&amp;\xebk\x10V\xd3\x8b\x05\xac\x12\xbf\xbb\xc8\xfb\xbaMUL[\xeeI\xa72\xb0S\xcfv\xf3\xcf\x17\xa1\x14\xcb\x1e\xbe\xfa\xd8\xa2T\x82E\x95\x18d\xc3\x8a\x1aX\xd5\x96\xc8\xa7\xa1j\xa5;\x05VH\xe8U\x14[[[\xb9\xd0\xa0\xfa7\xe4r\xcb\xa8\x9b\x0c5\x16\x03\x0f\xb4R=\xac\xb0\xfc\x06\x16g\x84\x1c2!]\xc4\x93Hs\xafm\xea\xb0\xf4i\x10:.\x80\xc96\x1d\x14J\xd6,\x83\xc2q\xa3\x07\x8e(\t\xa6\xbe\x9d9\x0e\x8b\xd1*U%$\xde\x91\xb5J\xdc\x8ah\x81\xdc\xa7-)\x8bx{n~|\x05\xd0@?&lt;\xca\x82Z\xf2\n\xeb\x95\x82\xef\xe1\x97\x03\xcb\x81\xf5y\xd1F\xcf\x1b\xe8\xd2N\x07\xa5\x03\xd2\x1c\xaa*\x96\xafXu\xaa\x80\x14\x95N4bQ.&lt;\xda\xfcP\xa8\x0e\x1a\x8f\x11\xf3R\xc3\x14K\xc0j(\xaaU6\xd4rVzz2\xd7Z\xf5\xf3\xd4\x1d8\x82\x95I\xe2\x89%^\xf6\xe4\xa1I\xfb\x07G\xd5\xad\xd0\xddO\xc8\xb0\x00\x00\x00\x00IEND\xaeB`\x82'</t>
        </is>
      </c>
      <c r="M253" s="3" t="n">
        <v>45492.67694444444</v>
      </c>
    </row>
    <row r="254">
      <c r="A254" t="n">
        <v>868030</v>
      </c>
      <c r="B254" t="n">
        <v>1955</v>
      </c>
      <c r="C254" t="inlineStr">
        <is>
          <t>Rezende</t>
        </is>
      </c>
      <c r="D254" t="inlineStr">
        <is>
          <t>Rezende</t>
        </is>
      </c>
      <c r="E254" t="inlineStr">
        <is>
          <t>VOL</t>
        </is>
      </c>
      <c r="F254" t="inlineStr">
        <is>
          <t>VOL</t>
        </is>
      </c>
      <c r="G254" t="inlineStr">
        <is>
          <t>VOL/MC</t>
        </is>
      </c>
      <c r="H254" t="n">
        <v>186</v>
      </c>
      <c r="I254" t="n">
        <v>5</v>
      </c>
      <c r="J254" s="2" t="n">
        <v>34700</v>
      </c>
      <c r="K254" t="inlineStr">
        <is>
          <t>Left</t>
        </is>
      </c>
      <c r="L2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4900d6e-39d3-4e28-972b-8917180a9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a6Q\xdc\x00\x00\x03\x00PLTE\xff\xff\xff\xe2\xe5\xf1\xec\xed\xf6\x0f\n\x06\x05\x05\x04\xfb\xfc\xfb\x00\x01\x00\xfe\xfe\xfe\xfc\xfd\xfd\x02\x03\x02\xed\xef\xf6\x1a\x12\r\x07\x07\x07\xf8\xfa\xf9\xf3\xf5\xfb\xe8\xea\xf4\x1e\x12\x0c\xf2\xf4\xfa\x12\x0c\x08\x15\r\x08\n\n\t\xfa\xfb\xfa\xef\xf1\xf8\xe5\xe8\xf3\xf1\xf2\xf9\xee\xf0\xf8\x18\x0f\n\xe4\xe6\xf2$\x16\x10\xd2\xd5\xe2\xea\xec\xf6\xe0\xe3\xef\x12\x0e\n\x1b\x10\n\xfe\xff\xff+\x1b\x14\x16\x0f\x0c\xc9\xcd\xdc(\x19\x12\x1f\x14\x0f&gt;(\x1d\xce\xd1\xdf7#\x19D, \r\x0c\n\xd4\xd7\xe4\xdf\xe1\xed\xdc\xe0\xed/\x1f\x17!\x14\x0e\xd7\xdb\xe8\xf5\xf7\xf6\x0b\x07\x04\xcb\xd0\xde\xda\xde\xed: \x12\xe7\xe9\xf3\xf0\xf2\xfa\xd6\xd9\xe5\xc5\xca\xdaiB-rK6\x91hP\xbc\xc1\xd0@#\x149&amp;\x1e\xeb\xec\xf4J-\x1d\xa4v[\x87aQ\xdb\xde\xea\xaa|`O1!\xe4\xe7\xf3tQ&gt;\x8edM}WBX8(R.\x1bH2&amp;\xd0\xd3\xe1\xa0tYY&lt;+uN:e@+N4\'\xde\xe2\xf0-\x19\x0e\x9dpV\x95kQ\x13\x13\x12\x8abL_8$\xe0\xe3\xf1\x87_H\x99nT`B0Y4!zQ;iE2U2\x1f\x81YF\xa7y]\xec\xef\xf8R7(|T@\x8ehX2#\x1b_&lt;*nH5(\x15\x0c;+#\x81\\IxQA\xd3\xd9\xe8\\D7\xd0\xd6\xe5\xc4\xc8\xd7\xf4\xf5\xfa[?0\xf5\xf7\xfb\xc1\xc6\xd7\x9e\xa3\xb1\x1c\x15\x113\x1b\x0fH(\x17xVDnK8dE5 \x18\x15\x8bdT\xf2\xf4\xf2\xd7\xdb\xea\xb5\xba\xc9C\'\x19\xb8\xbd\xcd"\x12\n\xe6\xea\xf5\x9cpZ\xce\xd3\xe2\x86W=\x84^MN+\x18@/&amp;jK9\x86[EM8/3\x1f\x15\xae\xb3\xc4\xaf\x81ccI;oRCnF1\x98nZ\x94lY\xb1\xb7\xc8\xa8\xae\xc0nO=\x8e`G\xa5zf\xb3\x86i\x1a\x1b\x19\xff\xff\xfe\xa0pU\xa3wb\xe9\xec\xf7\xa1\xa6\xb7\xc1\xc5\xd2\x83\x89\x96\x96fM\x9er_rw\x7f\x8f\x95\xa4|XH\x9a\x9f\xad\xde\xe0\xde\x90ma\x8d[A\xbd\xc3\xd4\xd4\xd6\xd4xM4S:.\x94\x9a\xa9\xe9\xec\xea\x96rf\xee\xef\xeehOCv}\x88\x7fR9cgk\x95iUc&lt;(hnt\x89\x8f\x9dyZLT?5\xc2\xc4\xc1}\x83\x8d\xad\xb1\xbe\xa6\xab\xb9^H&gt;1(#\x93_E\xb0\x87t\x82WAX\\Z}\x82\x80%&amp;$\x93\x96\x95\xaa\xab\xac^bdWE&lt;\x9f~r\x99xl\xb7\xb9\xb8:97EEB\xe4\xe6\xe4NPO\xaa\x80k\x83nerwv01/\x8b\x87\x85&amp;\x1e\x1a\x9aiP\x91bIE70~_Q\xa6\x88|\xca\xcd\xcb\xf8\xf8\xfcnlj\x9a\x84z\xbc\xb0\xaa\xe7\xe9\xf1\xb8\x90|\x85[K\xac\x8f\x83\x8bzu\xb2\xa2\x9b\xb0\x97\x8d\xa0\x9d\x9a\xc1\x9c\x89bSNqVK\xca\xca\xd4\x91\x8f\x8csI=\xcc\xb9\xb2\xbc\xbc\xbf\x80fYm\\Y\xd5\xc9\xc2\xc5\xa7\x9a\xe3\xe3\xea\r=\xcbe\x00\x00 \x00IDATx\xda\xb4\x99_H\x1b{\x16\xc7\x053\x99\t\x99\x80$3/!\x0fq\x14+:\x0f\x96\x11\xf22)\x96 \x84tL!\x89\x04b(\x9a?\x90\xa4F\x13\xfa\xe0\xc3j\xb5\t\x88/\xb1ZA\xddB)\xd9\xc7\x85\x92\x80\xbb$\n\xc5e\xd7\x87]\xb81\xda\xc6\xaa\x05maWi\x17to\xcb\xc2^\xee}\xd9s~\x13\xb7\xed\xbd/\x0bw&lt;\xe6\xef\x10\x9dO\xbe\xe7{\xce\xef\xfc\xc6\x96\x96\xff;h\x9aah\x86\xa2(\x86a(\xf8ah\xa1\x85\xa6L&lt;o\x82\x90$\x13\xbc\xa4\xe0M^R?\x82!\xb4\\o\xd0\x0c9\x13\xc5\x00\x03Oa04\x8d\x8c\xc8\xc4\xc0\xd1\xfc\xa6\x84h&amp;\x1e\x1e\xf1\x18\x0f\xdf\x00\x02&gt;t]D\xea\xdfg(\xc0\xe1\t\x07r\xc1\xe9h\xc6D\xa4\x02\x1a\xa9T\xda8\xdf\xd9\xd9\xdb{sl\x92L\x0c\x85\xda\xf1\xe4\xb7P\xd2k\tAM\x1cj\xc3\x03\x06\x80\xf0(\xd4\x95T\xf9\xca\xc6\x9b\xbd\x93\xc3\xd3\xd3z\xbdX\x0c\xd5k\'\x9fK\x98TS3\x87\xc2\xf5(E\x12\x08@\xf0\xdd\x05\xf5\x05O\xa1\xa7\xe0\x89\x9c\xbd\xb4_;-\xb2,\'r\xacA\x17\n\xb1\xac\x81;z\xb7\xb3\t\x9a\x81\xd1\x18\xfc}\xfaZ\x94\xa21\x18\xd5\xe94-\xe0;\x00\xc5T\x9a\xf2\xa5\xf3\xbd#`\x82\x00(\x83^/\x92\x17:\xae~\xb2\xbf\x81^\x83\xef\x02\x1f\xd6\xda^\xe8s\x8a\xdc\x08\x16f\xf2\xea8V]\xe5\xfc\xe5iH\xe4t\xacN\x87w\x03\x86\xc8\xea\xf4\x06\x03\'\x16O?\x9c\xe7Q1\x86f4\xc6"\xd5Gpx\xb5\xe4\xe9\xff\x1d\x87\x0c\xf2\x95\x93\xba\xc8\x8a\x1c\xc7\xb1\xac\xce\x80h\x00\xa6\x07&gt;P\r\xc08\xf1t\xbf\x927\xa1^\x02\xad-\x15\xa3\xaa\xa4:^\xf8\xfa8/UvjE8w\x88\x83\xb4A\x02YU.\xbd\x81\xc0\xc1\x13\xcbq\xa1\xddc,\x91+\x8d5\xc3\xfa\xcaSW^\x83;c\xca\xe777v\xeb\x1c8)\x04F\x82\xbc\x19\x90\x0b\xc1\xf4z\xbd\xce\xa0\xd3c\x80n\xa1W;\x9b\x84KC\x7f\tB\x0b\xe9\xea\xccW\xdfV \x06\xe6\xa5\xcd\xe3\x97\xc5\x10\xab\x03[\x19@\x17\xd6@\x04"t\x04\xc8\xa0r\xc1\xfbP\xadB:k\x8bf\xdd\x0b{\xce/V\x10\x9a\xc1fIUv\x8bD#\x1d\x07i\x03\x9dH\xea\x0c\xe8+$j\xd2\xa9\xac\x1f6\xf2h|A;\xdf\x13\xb1h\xe6\x9bC\xd0\xac(\xe6\xf8\x03\xd8\xca\x00\xd9\x02\xbd\xc0\xe5D3\x03I\xa4\x9a\xc0&amp;\x1d\xfe\x18\xc4\x93c(H\xfeK\xc1h\xb4\xea\x08?+N\x8a\xaf\xd4\xc4\x90\x08\xfa\xc0\xd9Yd3\xe8\x08\x19\xea\x05\xcf\xaa\\M0\xb8\x85N*\xd0\xe2x\xed\x16!4\x96\xc0\xfc\x02\xb4\xf4\xa7\x104\x05\xecT\xac\x9a?\x1d\xc9\x1eI\xa4Z\x87X\x89\xaa\xbf\xf0\xa5\xf8\xae\x82K$\xadi\x87\x10\xbe=\x00e\xb9\x17\n\x89\xa4\xeet\x84\x8d\xc3\xaeE\xde\x124\xb5\x1c\x9br\xa9\\\xc5]\xe8\xf8\xb8Zh\xa3\x17H\xf53\xb1\x18X\xa77NY;\xc7^\x05\xc1\xd25\xb1\xf4\xa4\xab\xea\x9b\xbe\xfa\x12\xe2IEj.\x90Z\xd4"\xaa\xf5Ua\xd2 \x15\xbf\xb9\x8bRqv\x91\xa0q\xfd\xad\xad\x1cg\xee\xb4\xf7\x03\x9a\xae\x1fBm\xf2W\xd6j\xea\x15\xda\xcb\x9b(\x8df/\x10\xfd\xdb\xb2fL\x14\x95\xdf\xafs\xach7\xda\xban\xb6[\xcc\xa2\xd8i\xb4\xb4\xdf\xec\xb2\x19\xcd"\xd7\x0f\x88\xad\xad\xfd\xa0\x97\x8aw\x15\x08v\xb8!\xf1&lt;\xa9\xc5_\x9bI0\x12\xb6\xd4\xaf\x0e\xe0\xd0Pz\x0b~\xbf\xb1\xd2\xdd\xeb\xea\xed\xee\tvML\xdc\x0c:\x06\x06\x1c\x1dmVc\xa7\xd5\xd2\x0ea\xb5X\xadV\x8b\x19\x00\x91PM\xaa\x81\xdb\xcd\xc3\x1aF\x93.-\xfcJ\xb1\xe8o\xb0\x04\x06\xc7\xab}\x18\x19\x8c=\x89\xd1\xd1\xd1\xc4P\xc25\x001\xb3\xb8\xb8\xe8\x9d\x19\x98\xee\n\x92\x98\x80X\x98Xh\x03@\x8b\x91\xd0\x11\xb3\xd5wL\xb8\x98\t-\x9a\x0f\x86\x94I\xcaW\xder\x9cq\xc5\xe5\xf3\r\xf9\x86\xc6\xc6\\33\x04\nbf\xde1\xedp\x0c8\x1c\x8ei\x95\xac\xad\xddj5Bt\xda[\x91\x8b\xdd\xadP\x0cs\r\x13!tR\xd3\xe6N\x9d\xb5O\xcf\xbbc\xee\x98\xd7\xed\x8e-6\x03\xb0\x16\x17g\x06H \x17\x8a\xb6\xd0f\xb5X\xac\x9dF\xab\xd5\xde\x8fUpxN&amp;i\xcd\xc1\xc0\xffT\xa9&amp;rm\x8ey\xef\xa2\xd7\x85\x12y\x89P$\xc6b\x90H\x10O\xe5\x9a\x9e&amp;Xf\xb3\xd9b\xe94\xabr\xfd\x07\xb6E8\xaej\x9cC\x9c\xb2~\x84\xb5080\xe3\xf5\xbab^/\xdebcc\xe1\xb1p\x18\x1f\xc7b\x8bM\xcd\x1c\xd3\xd3\xd3\xc1\x85\x85v\xc4j\xc5{?\xba\xfe\x10\xd6l\x93\xda&amp;4$\xa3a\xee\xca\x9f\x88\x9c\xd91\x83Y\x8by\x81\x08\x80\xc2\xe1\xed\xed\x80\xbc\x8d\xcfc\x00\x19[$z\xa1\xc1\x16\xdaI=\x92\xd0a\xef\xda\xcf\xf3\x04K[k\x01V\xe9\xd0\xce\x19\xa1\xf4P\xa6\xd8Xx[\x0e\xc8W\x11\x0e\x04\xb6\x01\x0e\xb9\x10\x0c\xb1\xdaT\xb9H3\x03w\xb1\xb5\x12RA\xdb\xd1R-\xdc9\xef\xd4E\xce6\x8fT\xa0\x13@\xad\xa7\x9d\xce\xb4\x13\x1e\xfdNY^\x97\x03\x81+.H\xe3\x84\xea.U-l\x12\xba\xfa9\xf4=F\xcb\x91\x10\xb1`\x17\xff\xb9(\x8a\x1d.5}\xdbi\xe7R2\xa9(\xc9H$\xa9&lt;T&lt;\x1e\x7f:\x1a\r \xd6\xe2\xe2\x80\x9aEL\xe3\x17,}\xe8\x8d\xa4\xe5\xd8u\x85%\xe5\xf7\x8a!\xfb\x8a\xcb\x8bP\xeb\xe9l\xea\xe0\xa0\xda8(\xa7\x06\x07\x0b\x85L\xa6\x90S\xd2\xce\xd9\xe8\xf6861\x94KM\xa3\xa5\x89\x85Y\xdc#s\xbd\xa0q!\x9a\x8eO\x8a!c\x8f+66\xbe\x1d\xf5\xbc(T\xcf.?\xfd\xf3\xfb\xcbF\xf5i*W\x18\x1cL\x15"~\x8fs\x9d\x08\x86\\\xc1\xe0\xc2\x17\xd7\xe3\x18f\xd8%\x1bZ\xad\xb1\x98\xcaI\xa8\xf3\xc6\xbc\xcb\x1b\x0e\xa4=\x0f\x7f*\xa7&gt;\x9e}\xfa\xfe\xf2\xf2\xac\xf14\x95\xca!\x96\xe2\xcf\xfag\xd3\xf2\xf8\x90\xdb\x85M\xbf\xe9\xfa\xa6\xe7!j\x95&lt;bi\xc9%\xc0\x00\xb8Y\x0b=\xeahb\xfd\xa3|P\xad~&lt;\xbbl4\xaa\xbf\x05\xa6\xc1xf0\x1e\x89(\x80\x15\x18\xbf\x92\x0b]oQ\xb9\xc8@\xf1\xb6\xb2\x99\x97`w\xa6e\xdb\xc2kW\xb5\xe2\xa3\x15\x97\xcb\x1d\x96\xd7\xb3\x83\xd5j\xa3\x01r\x9d\x9dU\xab Vn0\x93Q\x94\xac\x92\x05\xaap\x0c\xb0\xe6U,\xc8"\xe1"XG\xc7\x92$\xf1\x9an\xfdi)/m\xd6\xdew\xdcv\xb9b\xdb\xf2\xfa\x8b\\\xb5zpp\xd0\xb8&lt;;+\x97\xc1Z\xf72\x83/\xa0.\x93\xd9Yy\x1c\x92\xe8u\x81\\+\xd0\xea\xdb\x9a\\\x04\xeb\xb0\x84\x9b\x7fA\xd3\x0b^P\x89\xa5\xa3\xfa\xfd^w,\x1c\x90\x9d\x85T\xb9\\-\x1f4\x9e7\x0eR)\xcc\xa1R(\xc4\xe3\x99\xac3-\xcb\x01\xe0r\xbb\xe6I\x93\x80\xf9\xc6\xda\t\\\x04\xab\xbe\x81W\xec\xb4\xbd\x80\x03\x9b\x9e\xcaQ\xfd6\xd4!`\xfda9\x054\xa9\xd4\xd3;\xb7\x9e\xde\xba\x13\x8f\xc7\xb3J2^P2\n\xb4U9\x8a\xeer\xcf`\xf3\x9a\xb0\xa9X\xb0Z\xc3\xb6\xad\xb8c"W$4\xc4\x12x\x8a:&gt;\xfa[7P\x8d\x07\xd6#\xcb\xb9\xa7\xf7.\x96\xbf[\x86\xb8\x18\x89/\'\xb3\x11\xbf\x02\xb6\xcf\xf8\xd7\xd7\xe5t\x14\xb0P-G\xcf\x04\x8c\xd6*V?l\x8a\xa0\x9f\xc2\xc6L\xdb$\xe2\x95\xa3\x1a\x11\x8b`\x8d\x8c\x8c,/\x8f\xdc\xb9u\xeb\xce\xbd\xf8\xc5E\xc4\x1fq*\x90\xc5\x0b\xff\x0f\x00\x16\x85U\x1b\xcd5\xe0\x08v\xd9\xa0\xa3\x12,\x1db\xe5\xf3&amp;F\xdb\xcbJ\xbcd\xda\xac=\x06g\x85\xb7\x01K\x01/\x8d\xe4\xaa\x07\xcf\x9f\xff&gt;u/\x1e\xff\x01\x96\xc5x\xee\xdeE&lt;\xeb\xcf:\x9d\xeb\xd0\xba\\\xaey0}\xd0\x86\x1b\x11\xe4B\xac\xe2N^\xd2z\x10\xa4(Jzuw(&lt;\x1e\x0e\x07\x9c\x11\xe7\xec\x9f\xcb\xd5\xc6\xe5\'\xec\xa6\xd5\\!\xebw\xfa\x93\x839X\x84\x94\xb8\xc7\tY\x84\x8e\xda\x0bX]X\x89f3\x99\xb9tl}\x03\x9a\x8c\xb6j\t\xb0i\x94&gt;&lt;\xf1\xe1`%\xa7g\x97V\xd7~\xfa\xd7\xc7\x06\xac\x8a\xd5j\xb9\x9c\x1b\x8c\xfb\xfdq\xec\xf5H\xe6I\x8f\x0e\r\xf7\xc2\xc6h\xa5\xaf\xcbh!94c1rE\x9c\x9b\x19A\xcb6O\xe3\xce\xf5\xe5_\xc6\xc7\xc3\xe3rtt\xea\xc1\xd6\xd6_\xb7\xfe\xbd\xb5\xb5\xb6\xb5\xf6\xa2\x90\xcb\xe52\xd9l&amp;\x95*C\xab(d\xa3\xbe\xe1\xbb\x93\xb7\'o\xdf\xef\xeb\xb2Y\t\x12\xdc\xed\xb0\xcdU\xb1h-\xd3\x88\xdb\xfc\xca\xab\x07\x81@`\\\xf6%\x90\xea\xc9\x93\xc7\x93\x8f\'\'\xef\x8e&gt;S\n#qEyQ\xc0\xf6\xa5\xccF\x87zo\xf7\xbd\x7f\xa4\x86\x11:&lt;\xe6\xd0\x0erq\xa17&lt;\xee~\xb4\\\xac\x19h\x84\xa5\xb7\xafG\x91khnm\xf5\xf5\x83\'w\'\xbb{\'\x1f\xf7\xfeqtV\x01\x9cd6\x9b\x8c\xf8\x9d\xb3\xa3\tWO\xdf\rc\'\x84\xf1\xc6\xa3\xdf\xd8qE\x04*\x90\x8b\x0b\xed\xe0%}F\xd3\x1c\x82\xe5\xcf\x8f^\x8f\xca\x01\x9foimm\xf5\xc1\x83\xb9\xa9\xa9Db8\x91\x98\x9a[\xf2(\xdf%\xb3I\xbf\x1f\xcc.\xfbz\xbbW\xbal\xb6\x8e\x8e\xbe\xbe\xbe\x8e.\xdb\rXyp\x9fA\xb0~d\x18\x8dwc\x0c%m\xbc;\xfd\xfbh40\xe4[]Zz\xf6\xd0\xb34\xe7\x1b\x86u\xdb\x17\x9d\x9d\xf5G\x92\x11\x8f\xc7\xb3\x1e\xc0\xf5p\xbe\'h\xb3\x05{z\xdd\x89a$4\x9aI\x1a\xedv\xf4V\x8b\xa0\xf5\x7f\x0e\xe8\xf3\xad\xee\xf7\x93S\xb0\xe2\xcd=\xf3&lt;\xcc&gt;[Z]\x9d\x82\x95o\xde5\x14\x9du\xc20\x9f\xcd\xfa\xe5\xa1\x98\xdb\xe5\xc0-\xe2D\xd01\xefN$\xa0K\xf4t\x80^f;`\x89\x80\xa5\xf9\xe6\xf5w\xf4g\xf7p\xdf}\x9f,\x83\xc5\xe3I\x7ftn\xf5\xbf\xbc\x9a]LZi\x1a\xc7\x9b\xa0\xa1\x13f\x92\x13\xe8\xdc\x9cp\x01\x0bA\x02\xbd\xf0\xa4$\xdep\x8c\x06\x89\x04JI\x01\xc3t5\x16\x0f:\x81\n"\xf1\x82\x0b\x14\xbf\x12b\x0c\xae\x02\x89\xa2\x89\xc7V\xb8\x81\xc4(\x11\xb3\xada0\xd1^X%;\xd9\xb83\xfd\x80\x9d\x16t7jl\xb5\xad\xc6\xe9\xf6#\xfb\xbc\xf4r\xf7\xf20\xef\x05!\xdc\xf0\xcb\xf3\xfe\xdf\xff\xf3\x7f\xdes\xaczh|\r\x81\x81\x0e\x1bI\x92TW\xd7\xa0Y\xa3\x02cG\xb7\x0f\xa2F)\xb8\x96,\x00.Q\xcb\xe7\xa0-D\xd5z\xb5\xca\xfcP]}\xdc\xa0\x92v\x1b\xcd\xe4 \xe4\x97A\xbd\xc69\x7f\xb1\xdd\x12@3\xa1\xaa-JR9\xdd\x84\xc7\t\xa5\xb2@\xf0\xab\xd9+\x1c\xd8:\x06\xeaz\x08Q\x04\xf4U\x03\xd9\x06\xb0\xae]{p\xf97\xc6\xeb\xc5\xfe\xac\xb9\xa5\x91\x19m\x94\xc3\xe1pu\x06:\x8d\x86\xee\xa7&gt;\x16\xaf\xc7b\xe9Wm\x90\x19:;\xb7\xe4\x94Gz0.kx\xbbp\xb0g\x90I,"&gt;N\x80\xea\xa1-\x8aa\x0f\x15\n\xc5u\xd6\x8bQ\x86\xb9\x16WmJ\xb3\xdc\x18\xcd\xe5L\x83N\x8d\xa6N29\xfc\xe2\xe7\xaa\x07\x93\xdd\x96\xfe\x80\x9e\xcc\x04us\xbdN\x19\x1f\xe3\xb1\x86\xc3-\x9a\xf3g?]\xfb\xf6:\x0b\x17\xb3p&gt;\x9f\x80\x0e\xf4\x15K\xc1}\xba\xcc\xf0Yd?_JG\rF\x97#G\xda\xac\xce\x06\xd9ta\x1f\xfe\xc9\xb7\xd5\x02gn\xca\xd3J\xebF\xe65\xa0+.\x97p\x9f\xaf\xfc\xeb\xd9\x9f\xab\xae=\x18\x16(X\\\x1ci\xad\\-\xe4\x14\x8cc-&gt;R+\x95-N\x17\x05\xd5\x1a\xb4uv({\x0f\xf6}\x9cF\xaf*\xe0]\xf3;\xe8\x9cC\xeb\x1c\xe8\x11\xe2\\\x1e?|\xa1\xfd\xb8\xed\xe3qk\xba\t\x96\x82\xc5\xc3yBLP\xc6\xe2\xe1\xccc\xb1GW\xd2\xa4\xddJf\xa8\\\x17\xa54+\xa9\xae\x87\x85&gt;\r\x9aT\x1b\xbc\x1eG(\xedru\xd6\x8dA_&amp;\x1a\xfb\xd6/f\xbcp&amp;\x1bd\x16\xa0\xe4\xe18\x81\xf1\xb8\x82\xeb,\x1e\x87`\xfd\xc6x\xb5\xbe\xfbGJ\tXT:\x17\xca\xa5\x95\xd1\xdc\xbd_V\xa6: \x84\xf6\xab\xa6n\xe6\xa8t\xda\xd5\x81\xb0\x84\xc2\xdap\xdf\xfa\xbc\xb5\xf3\xd6_\x02\xd2\x08_\xc8\xe5\xe1\x18`\t\x10\x16T\xeb\xb7e\xa6\xfd\xb4\xfamI\xa9\xb7\x92i\xaaU\xa7k\xa7H\xd2\xd3\xe5A.\xd0\xdf\xe0\xa4R\x99t:Cv4\x00\x16\xd6\xd3#m\x01\x1f\x85t\xdao\x11\x11BB\x02G\x11+\xfb\x16\x8a8OV\x99\xc6\x1a}\x13T\x82m\x81C\xe9Z[\'\xfc6\xa7\x11\x1a\x8d|m\x9a\xa2K\xc1L&amp;\x18\xa4\x9c\rc8&gt;f\xe9\xaf\x93k4\x81\xafwI\x84E&amp;\x8b\x88\xf8 9\x81\x80\xcb\xc2\x85&lt;\xe6\xb1\x9e\xcf\xa5\xcd\x08+T\x9f\xad\xaf\x9f\x9d\xabWOl\xfa\xfd7\xdb\xe9D1\x15\x0c\x06S)j\xa3\x01CXu\xd0(\x9dV#\x90\x05\x02r\x15\xec\xa4\x04](A\xb9\x14\xac\x1a\x0e\xf3\'\xf1szC\xe95\xa73\xa1;\xb3\xb3w\x12\x89z\x1d,:qg&lt;YL\xa5\x80\x8avl4\x08q\xe1XO\x9d\xaa\xa3\xa3\r\xfa\x11\xf4\xed\xb6\xb6\x0e\x15$\xe7rD\x15p\xe1(bL\xdb\xe9"\xfbC\xb4-hEX\xba\x85|&lt;Q\xda\xa1i:\x91\x18\x8f\xc7\xe3\xc5\x9d\x14\xacRH9\x80!\xac\x88J\xef\xdc\xd8\xd0\xc2\xa0\xa14\x03V@&amp;!p\xb1\x98\'\xe0!\xb7\xf8\'\xd3\xfe\xc0&gt;V\xb6\x95\x06m\xe9L\x86^\xd8\xdd\xcd7%J%:1\x9eL\x8e\xff\x90\xd8\x01\xae\x9dD(:\xd0\x83\x03\x97%\xd0\t3\xack\xd0\xe5\x82\xc4\xd8\t\xcd\x1aiK\x8cC\x12T(X\xef\x98\xee=\xec3O\xb4\xd4\x1aMg\x82\xf4\x0f\xf9\x93\xddx\x11Uk&lt;\x99M\x8e\x03\x16\xacR0z\xcb\x82v\xb1?\xd0\xe9\x8c\x92.\x92\xb4)\x95m\x1ay#\xca\x10\xb8\x98#\xc0\x85\x8a*\xd6\xafLK\x8b\xfd\xa6=\x98h&amp;\xd3\xe9 \x1d\xdb=9Y\x88\'\xee\xde\x9d\xcd\xde\x1dO.\xc4\x10\x17\x1cG\xb2\xa3\x0e\x1a\rf\t\xe8\xcd&amp;\x93\x0bF\xb4\xa8\x12\x85\xc2\xf2I\xc49b\x0c\xb0\x04\x8f\x19O\x10o\x13\xa9`\xb3\t\x0c*X\xcc\x9f\xbc\x87z\xdd\x86Z\x8dgg\xc7\xef\x96R4]J\x94\xd2m\r\xb0\x8b&lt;\xac_cs\xe4 \x92\x91\xa6\x8d\x0e\x8d\x1c\x8a\x85\xba"\x87\xc3\xc7\xbfQp\x18\xc7\xfa\xfeMl\'\x98\xa0(\xc0\xdai:y\x0f\\\x0b\xc9d\x96\x0e\x85\xdaC\xb9`\x08\xb4\x95pl\x0c\xf4\x83E\xe0\xc2:\xa7\xb67\x94\x03.\xb3\x1e\xb0D\x90 8@%\xe2*x8\xd3\x9b\xc8\xbe\x91\xff1V,\xde4\x81\xe6\x83\xb1\xfb\x88+?\x9em\xa7\xa8\xde\xae\x10\xf8C"QL\xe4\x94\x9a:\xcb\x186&amp;\xc4\xa4CZ\x87#g\x8a\x9aa\x8c\x85\xb0#\xc40\x8c#\xe1\xa3\xf6\xf8w\xa6\xb1\xbe[h\x8a\xc5\x9a\xea\xb5T&amp;\x98*6\x03\xd6n\\\x17\xa2\xc8\xd7\xea\x12(\xab\x18\xcf\xef\xee\xea\xa2\xfa@\xa4gll\x8c\x8bA\xd4qtQQ\xb3\xb1E\n\xc5BT\x1c\x14\xbb0\x0e\xd3XW\xd8_\x8a\xb1\xa6\xfbw\xb4$\x05\xb5i\xba\x7f\xb2\xbb\x9b\xcd\x91Q\x93\xba5\x01\xbf\xe7w\xbf|\xf8\x92%\xad-2\x99\x84O\xb0X=-C.\x90=\xcc\xd7P\xac2U\r|\x12\xfcW\xab\x8cK~\xf4}\xac\xe9\xf6\xc3\x82\xd6\x94\xc9\xec\xc4\x9a\xf3\x0b\xe3\xedQ\x9b\xd2\xaf\xbe\xa7\x8b57\xff\xd8\xd4\x9c\xcf\xd3\xa4\xd5\x10\x81\t\x1fR\x16\xb7\xd6h5\xdblV\xbb\xbc\x96(Sq\x86\xcbX\xcf\xfe\xca\xfc\xecS\xfd\xf9\xed\x9b\xd53-\x88&gt;U\x8c\xdd\x9e\xd5y\xc01\x97\xd4s\xd9b,v\x17i+hVE\xd0\xcc\x8a\xc1\x1c-\x94\xea\xd1\xb2\xcb!D\xa0s\xf8\xec\x90\xe0\x13|\xc9\xe5\xf7\xcc?\xe8\\\\\xbc1z\xf5\xb3\x16\xa9k\xa7Xl]Z\xf2\xbb\xfc\x13#s\xb3#\xbd\xda\xf9!\xbfNG\xe9\xa5"\x8815&lt;H\xc7B\x8b\nfF\x95A*\xc2\xcaX\x97\xab\xdd\x12\x89do\xb9\x12\xafU.\xb2\x17\xd9\xcf?\x9aL\xa0.:\xe4XZZ\xba92\x97\x8c\xcff\xbb\x8c\xf65\xaf\xdfo\x95\x8bj|\xb8\x18\xda2.\xc4z\xa4vM@*EX\xe0\xa5\xbe_\xbf\xbf\xdc?\x7f\xb9z\xa5B\x8b}\xe3\xc8\x04\xa2\x0f\xa6\x1c\x9e.\xf5Hk}2\xbf\x10\x1f\xcf\xeaF\xd4\xf3^\xbbTR\xbe\xca\x12\xe3\x1c\x82\xe0\xf3#\x1a\xbd*\x12\x91\x95\xb1\xc4\x10\xb3\xaa\x1f1\xf8&gt;\xcb\xffr\x1dk\x07I\x14\xfaB\xf5s\xad\x13#\xf1\x85\xf8Brn\xe4\xde\xca\x8c\xd1\xaeiDy\x0ff\x1dN\r`\tez\x8dL$B\x16\xcf\xc1_&lt;*\xbf\x02Q1\xaa\xc5\xc5e\xbf\xcb\x95\x818\xaa\xcb\xb6z\x96\xd4\xf7\x1e&gt;\x9c\xbdwp\xb0\xb9\xee\x95K\xa5k2~\x8d\xf8:\x8b\x8b\x9e\x9c\xfb\x04\\\xb9^\nzB\xbe\x8f\x1f\xde\xa8\x1c\xd2W\xae\x1b\x05\x97\x8d\n\x05\x83\xf5\xf5\xbd\xd3\x17\x9b3\x173\xeb3\xe1\xed\xad\xc9F\x89\xb01\xecF\x17\x0eh\x1c\x84\t\x92\xf5\xad\xc4\xa8\x92\xf0\xcbX\xbewW\xafT\x18\xab\xfa\xad\xcb\x96\x864\x9a\xa8\xf7O\xef\x85\x1b\xdd\x93\xe1-\xc3\xdedc7\x9f/\xf7\x1a\xe0S,@\xfaB7\xcb\x02\xbbF\x04\xe3\x05\x84\xadW\xff\xaep\xb1\xd0]\x84\xd6F\x06\xe9\x14\xdd&gt;\xb3\xd58,i\x99\x99\xde\xda\xeesK\rz\xb0O}\x84\x8f\xc1\x06"O\x17+\xaa\xb8v=\xc2\x82\x1f\x9e\x8eV\x1e\xeb\xf9\xc7A[\xaeD\xb7\xfb\xe7\'}\xa2\xe9\t\xf5\xe6\xfa\xfa\xf4\xdeV\xb8\xc5n\x97G\xd0\xf5_\x8d\xcf7\xcc\xaa\xfa\xa6J!X3\x8a\x882\xd6\xe1\xd5\xcacU\x1fM\xb9L4\xdd\xbe4U\xcb\x15\xb9\xc3[\xdb\xb0\xb6\xc2\x86Iwc\xb7\xdb\xed\xdew\xef\xefw?Q@\xb4\x12\x0f{\x8d\x12\x82\x10\xe2\x1c\xce;v\xc5\xb1\xae\xfc\xe9\xb8\xcf:\xd5^\xa2\xb5}"\xfcU7\x7f\xef\xbcP(\x9c~&lt;:*\\\x9c\x9e\xc2\xb7O\x87\xe7O\x9e(x\xfc\xeenw\x9f]\x82\x81\xe29?W^Z \xfa\xe5\xf5\xa9)\x07Mk\xad\xb2\xda\xf0\xfa\xf6\xf6\xe1\xbb\xe3\xe3\xc7\xc7\x8f?\x1c\xbf;&gt;\xbb|\xf9\xf2\xfc\xf0|\xb8\xb6_$\x9b4\xb8\xbd*\x02\xc5RN\x05\x1a\xf4\xff\xc1\x1a=\x9d\x9e\x9a\x0f\xd17\x87d\xee\xbe\xcd\x83\x99\x8b\x95\xa3\xa3\xe3\xb3\xff|8;;&gt;;\xfdt\xbe\xb5e\x90\xca"2\x99a-&lt;$+\x87\x07\xce\xcb\xab\x95\xa7\xba\xc2\xbez6==\xadmow\x18\xa43#s\xea\x19\xb5\xfa\xf5\xc8\xe6i\xe1\xf4\xf4\xf2e\xe1\xd3\xfa\x10dA\x89\xa4V\x16\xee\x9b\xb6\x8a\xcaX\xbe\xc7\x7f@\xb1\xa0\\\x8f\xb7\xfb\xa6\xa6\xfc\xa5\xd6!\xef\xd2\xdclr\xe4\xa0\xfc$\xb6\xcb\xe3\xf1oz~\xb7\xe9\xe50\xafJD\xd2\xb5\xbe\x99\x16\xa2\x06a=Y\xfe#\xa8\xae\xb0\x97\xb7\xfb\xe6g\xfc\xbaz\xbf\xff\xf5l2\x19\x9fS\xaf\xfc\xf2\xf6C\xf2\xb5\xe7\xf7\xff\xf2n\xfe1i\xa7g\x00\x8f?:zBU:\x0e\xb5u\xca\n\x13&amp;\xcc\xe2\xf5\xeeRw\t\x84\x06d\xb55\xe4K\xc3\xc2\x8f\x1c\x98\x98\xa2\x856\xe0\xd8\x89\x85\xa4\x82\x9d1G\xd2\xe0\xd1\nA1\xd6a="h\xcd5p\xab\x04\x03XmI\xa3\xe7\x8f\xb6Z\xaf\xb6&amp;\xda\xb4\xdd\xad\xbb\xadY{\xae\xb7?\xf6\xbc_\xda\x7f\xb7\xde]\xe5\r\x10\xfe\xfc\xe4\xf3&lt;\xef\xfb&gt;\xcf\xf7\xfb\xbe\xc7[N\x9d\xacgs+*\xe8tv\xb3\xc9\xfd*\x86+W3c\xebjr\xca\xd4\x7f\xc6\xa8Q\xa9&amp;\x1d\x03C\xb0[\x83\xad[:Q\xcbV\xcb\xd6\xa9\x932\x96\x9eK\xa7s\xd9\xcdfI\x05\x13\xbdd!\xaef\x06\x8bp`|j\xca\xdd\x0f\xba\xd4&lt;/*!\x06\x06\xfe2\xae{:\xba\xd5h;\t\x1d\x98@\xa0\xa7\xd3\xcf\xb3\xd8\x92J\xa0\xda\x03X\xb3g3\x83\xb5\xeb\xb6\xc7e\xea\xaeS\xf3\x8c"\xef\x08P\r\x8d\xf4\xeaD\xc6\xba\xad\xf6Fs3\xde\xdd\xd3\xe9\x95,Ve\x05\x93\x88d\x11\xb7\xbd|x\xfd\xb6\xec\x96\xd1d\x02]F\xc0B\\C#\xba\xd1~S8,\x95IX,Aee%\xf7|\xa5@@\x7f\xf5\x9a\xcc:\xb7+3X\x7f~\xa2\x1a\xbd\xb1t\xc3\xdd\x9f\xdc\xd4\xf5N:F\x06\x86\xbc\xa3\xb6p\xb3K&amp;\x03*.\x12U)`qqW\x0c"\x93\xf9\xe0\xdd\xcc\xa4&lt;\xe1\xa1\x8awfi\xcad2y\x92\xbd\xdeI\x00\x1b\xf1&gt;\x1d\xadk\x08\x9bdl\xf0\x85\xde\x07\xb3\x04\xa5\x0c&lt;\x84\x85\x80\xb5#cX\n\x9e\xe7\xc6\x92K\xe2\x9e\x109\x10\xd7\xc0\xc0H\xc7\xe8\x99n\xb7\xcd\xd6mn\x0eK\x04,\xe8\xf1i\x0c\x06\x8d\x06\xb22\x88\xa5V\xc8y\x9e\xa5\xa9\x8d)\xcf\xe6\x10\xb4\x18\x93\xd0i\x8c\x9c;\xde\xd2\xbfUW\xd7h\x83\x0e_&amp;\xe1Z\x11\x15\x83\x99I[\x7fWk\xe4\x9a\x8e\x89%\x97s*y\xfbkh~n\xde\x1c\x18\x99|\xfa\xb4\xe5\xd8V{{c\x83Lbf1i\x1c\x1a$\x16\xf4\xd4\xcc\xef2\x85\xf5O\x95\xc2\x8fiD\x13\x1bz\x81[4p\x13\xc6\xdfn\x0e\xf1\x9e\x8aZN\x1ck?\x05\xab\x84T\xc6\xb5\xd2(\xe0\x8a\t\xeb\xbc5cX\xffPk\xfcB\xa1\xf7\xdc\x8d\xf5u\x97[w\xeb\xe6\xd7\xb7\x1e&gt;\x1c\x17\x8d\x1a\xa1\xd1\x06Y\xf5\xd2f\x83\x9dF!\xd1\xf0\xe7!D\xeb|F\xb1\xb4\xc2^O\xcajp=O\x8e\x8f\x8f\xdf~\xb2y\xc6\xe3\xf1$\xfbmf\t\xac\x13\\\x06\x85D!\x16\x16VWg\x12\xeb\xafj\r\x06X\xc2\x8e\r\xda\xba\xc1ucs\xf3\xde\xbd\xef\xa16\xecwO\x98\x1ad,\x81~\xdd\xca!\xe5r\x88@U\xcdDX;\t\x99\xc1\xfa\x0c\xd9\x12\x8bu&amp;\xab\xd2\x9erM@\xb7h2\xc9\xc2&amp;3\xfc:\xf5t;\x83C"\xe5\xe6\xe0XPC\xac\xcc_;\xbbs\xfb\xaby\x02\xe1\xdfj\x9e\x1c\x13\x8b\xb5\x93&amp;\x83\x1d\xb8\x9c.\x93i*\xcc\x96H\x0c.\t\xac\xeeV\x06\x85\x92K"\xe5\xc0&lt;\xacF\xa5\rM9\xb8\xfcx\xe1\xeev_\xcf%\xec\x82 \xca1\xb0%&lt;\xe3N)\x19\xf6u\x81\xc4\xe92Tr\xb9\\\xbd\xbe\xc2\xca\x80l\xa7\xe4\xe6\xbe\xcf\x01,\x98\x8a\xbf$\xd2v\xd3(\x1c\xda\xea\x95m\xf6uy\xfe[\x95F#\x14\xf7\\\xecQ\x9c\x9b\xb2\xdb9J\xbb!\x95Z\xb7\xdaK\xedVXD\xd3WZH\x14|\x85Gs\x91ASr(\x14\xe5\xe3m-\xbb\x08\xd4\xe9\xe5\xff@\x10q,Le\x12\xd8\x95J\xe5\xba\xdd\xceP\xa2\x9d\x19\xbc\x00\x16\xbaI\xb9\xfb5U!qp\x10\xc2J\xb9\xffl;\x0b\x9c\xb6\xda\xd9\xfb\xffR\x1fQh\x11\x96\x18\x1b\r\xaf\xdb\x95V\xa5\x92\xc6\xe1pp+\x08\t\xb88{`\x85\x87\xad\x07\xcd\xc5A\x1a\x91C\xa2\x0c.\xbe\xdc\xbe\x95\x82@\xfd\xed\xcaW\x13\xc6#\n\xac\xa7\xe7\xe2\xc5\x1e-6\xea\\\xb7Z\xd7\x95@E\xc2\x91(\xc8\x17\r\x95\x0e\x85\xd5h*V\x17Z\xad9\xc4\xdd$\x92rum\xfb\xd2\xebQ\xd9/\x96S\xcf\x8dj\x85\x10\xa8\x80K\xa8\xe8\x0f\x0b\x9c\xe1\x94\x1d\xdd+\xa3\x80-\xf4\xe10\x98\xa5\x10\xc0\xeaR4\xa0\x1a\xdc\xbd\x87\x96\x9bKY\x89\xcd]\xde\xa6\x15\x8c@-\xfb`\xd9\xe91\xaayi\xac\x8b=~yo\xd25\xb5\x01K\x05\xc4\x116B\xd8\xa2i\x0c\x00\x82YXZ\x91\xc6\xa2\xfd|\x0f#\xf7\x9d\xdc\xfb\x8b\xf1\xb9\xbb\x84\xed\xb8\x94Nh\xbb\x94\xfd\xc9\xfd)\xcf\xa8\x8a\x87\x89\xd3\xba\xb4b\xad\xc3\xd3-\xf2\xba\r0\x0f\x89\x0c\xab\xd5jg\xe2\xef\xcd\xd1\x03\xd4R\xf4\xe4\x99\xc8\xd8Cd\xbc\xff3\x84\x15\x9f{\xf9\xe56\x1c\xff\xa1~\x9a\xdd\xf4\xf9\x86\xfb\xb9Q\xa5\xc0\xb4i]bqO\x8fX\xabu$\xddN\x03\x97\x0e\x1ct.\xb7\x82^\x81\x9e\xc2\xa3~\x91\x0e%=\x1a9\xefP\x96\x17\xd7\xe2\xb1\xd8\xda\xc2[n\x84\x08\x8f\xbe\xf9\xf4RI\t`%7\xcf\xe1+\x04\x9e\xf4Z\xc0\x12k5\xbdF\xb3K\x00U\xbc^\xcf\xc5\xcf\xb9\x01\x1a|\xf5\xa9\nh\xad\x0b\x99\x80\xa5\\\x89\x05\xe3\xb1\xc5\xd9\xd5\xf9\x03o\xf5\xd0"\xf9\xd3KM%T\xea\xaf\x97\x00K\xc4\xd3\xc8a\x89\xc0Ei\xd1\xcb\x15\x0c\xe3\x19\xfb\xc3lh|\xa0\xf5A\r,\x1a\xdc\x94!\x85\xc2Y\x8a\xb0\x06W\xe3\xc1\xb5\xd8\xe2\xe2\xca\xec\xc2\xd5\xb7\xc6\xb5\x93z\xb0\xac\x89J\xad\xa9\xa1\xd6&gt;\x86\x8eGtD\x81\xeb\x02QB\x04\x06\xff\xb5&lt;\xa3Y\xc2fA\xf3#@\xfb\x10\xa2\xd2;\x9d\xc8\x19\x90\x11wCj\xadE\x83\x80\xb5:\x1b\x9b[\xb8\xbb\xe3m\xec\xdd\xfb\xda\x0e\xbdWV\x02P5\xe4\xe2\xa2\x07\x9e\xe49Q\x87\x02vE\x80\x02]B!\x149@\xc6;Q/\x918\xd9\xa8U&lt;\x7f\x9e\x0b)\xa6wn\xe0\xdaP\xde\xe7(AV\x1a+\x16\x87\xef\xb3+\x07~2\xd8\xce\xe2\xf2\xa2\x0f\x9b\xa8\xc55d2\xb9\xa6`\xc1\x93\x14u\x00\x96_(F\x03\\i1\xb9\xdc\xa1Q\xb77K$\x12\xd4\x8e\xc18\x0fT\x06\x83&gt;\xad\xad\xa2\x94\x98s?\x16\x8cF!\xb9b\xb3\xf1`lv1\x16\x7fp\xed\xa7m\x92\x90\xeaU\x05\xd9\x1f\x96\xd4\x14\x93\xd1(\xf9\x1cb\xd8\xa1\xe3A\x14\xb5\x88\n\xb8\x84BL\xa1R\xb5\x98eP\x99B\x1c\x05(\x92\x95\xe8\x9c\xee\xab\xfc\xa7W\x10\x07\x17\x81\n\xb0\xe2\xb1x\x10\x9c\xc5\x90\xb9\xb9;g\x7f\xf4\x99~\xc2\xa3C\xfb\xab\x8a\x9a\x8a\x7f\xdf\x84c\xe5\x93kj\xbfM\x8at\xbaI\xaf\x03\xc3u!(Ls\xc4\xd8b3\x9b\xa5a\x19\xd2\xc5f\xb3\xd3]?\xccKDF/\xb5\xaeF\xa7aD\xe3q\x08%\xfa\x8dG\x13\x01\x04\xf6\xe5\x8f*\x10\t\xef\x1e*\xaf*\xdf[VL\x86o1\xb9\xb5\x15\xb8\n\x16\x92\x1d\xba\xde^\x87C\xee\xc7\xb4(\xe1\x11\x96\xeax\x9d\xcd\xd6 \x95",\xb6L\xf6;p\x06\x03\xc0@\x19\x97\xce\\\x9eN\x04\x80*\x1a\x0c\x06\xa3\xd3\xc18\xfa3\x1d\xb1$\x82\x8f\xe7\xee\xdc\xfd\xe1\x97Fv\xe4\xed\xaf\x05\xaa\x83e5\xade{!\xb5\xf2a\xb4R\xdf\xbb\'\xd2\xf5z\xbd\x1a\xb9\x1c\x83t\x17\xa2\xd4\x02[\xe8\x80l\x83T\x06H\xb2\xfaz\x19\x9a\x92,\x1c\r\xb8\xe8_E#\xa1\x00\xce\x15\r\x04\x02\xc1h\x00A\x06,&gt;K`-\x8e\x1b\xfbA\x99\x9e\x07\xa6\xca\xcb\xb3\x8a\x0e\x16\x14\xe7\xd7dQ\xd3X\xf9\xe4\xb2;\xdf#,\x87\x03\xf3\xfb\xfd\x18\x8e\x86)\xd4G\xeb\xda\x81\x0b\x9d\'\xae\x97",\xb6\x93\xcd\x16\xb0\x0c\x80\xc5ME\x87\xc7B\x88\x04X\x12\x10\xbc@ \x12\t\x85\x02\x89\xb1\xbe\x0bc\x81`\xf0\xbbkg\xdf\xfc\xb0\xfa\xce\xd6\xf2\xda\xaa\xaa\xf2\xac\xac\xac\xbd\x05E%m\xf9\x87\xcb\xc8i\xac\xfc\xe2\xf2g:\x14E\x0c&amp;\xa0\x1c\xf3C\x0c1\x8dBu\xfcD\xdd\xb1v\x1b\xba\x14\x0b\x8d\xa2\x8c\xcd\xc6\'\xa5\xc1\x00\x89\x9f\n\xf6\xf9,\x80\x05#\x018\xd3\xd1D"r\xddb\x19\x0b\x85\xc6:;g\xc6\x02s\xd3\x96\xcbo\xf6Tg\xdf\xbeG\xdf\xd4Ve!W{\xb3\x0e\x16\x14d\xe7\xb7\xe5\x1d&amp;\xb7\xa6\xa3\xd8J\xfd\xcd\x93\xde^/d\x17\x0e\xe6\xc7\xe4\nt%\xe3(\xf8\xb2I\xa5\xd2\x06\xb3T*aK \xcb\x0cN\'p\x19\x82_\xf0}`+\x01\xa6"\xc3\x91\xd0t d\x89\xf8|3\xbea@\xeb\xe4w\xceD\xa6\x1f\xcc\xbf|\xa3\xd5bG^\x15\x8a\xdf\xc7@u\xb8\xa8\xa0,;\xbb\x06t\x95\xbc\xd6E\xce~\xf1\x04\xa2\xe8u\x00\x144\x1b~\r\xc2R\x7fv\xf4\xd8\xa9\x86\x86\x06[C\x83\x14\x160Y\xb3\x84\xedDcc\xee\xa3_u\x01V(\x11\nE|\xc3c\x81D(\xe1\x1b\x9e\xe9\xeb\xeb\xbb033s\xbd\xb3\x8b\xdf5\x13\t\xcc[\xae\xfc\xdf\x9a\x9a\xd0\x8a\x92*\x0b\x0f`\xd1\xde\xa2\x82\xec\x92&lt;j[[\xd3a2\xb95\xcdU\x93\xfd\xe2\x16\xccDdK\xe3\xf7\xcb\xc1\x16\xd2u\xe2X{cc{w\xb7\xcd\x0c\t\x16\xc6\xb1$\x92\x8d\x07\x7f\xf8\xe3\xe9\xbe\xe1\xb1H(\x12\xb1\xf8\x80/p\xdd\x12\x18\xee\xbb\xd0\xd5\xc5\xe7wuvu\xfa:;\xf9\xfc\xce\xeb\xa1\xf9\xc8\xcc\xdd\xffYT\x13\x1e\x15\xa0\x9c*\xff\x18\xa8\xb2\x0e\xc2(8\x94WB\xcdo#\x1f\xa6\xbe\xd6\x05i\xff\xe2\xc9\x08\xe6@\xba\xe4~\xb9F\x01\xba\xd2\\\xed(\xef\xcd\xe1\xb0T\xda\x0cT\x1b.\xd7\xfc\xfe?}\xc0\xf7Y\xc6"c\x96\xe1\x0b\xa7\xfb|\xa1a~_(\x01\x8e\xf8\xa7?\xfa\x84\xcf\xff\x02\xd8\xf8\xff\xa5\xdb|B\xdcF\xcf0&gt;\x9f\xa0d\xd1a\x84/\xfa\x83\x90\x04\x05\x1dt\x90&gt;\x10H\xd8\x12\x8c\xc0\x04-\xceLA\xdb\x05\xb1\xc58\xd9\xcb\xd6\xe46(\x923\xf6az\x911F\x14\x92\xc5\x97\xc5\x0e\xd9ClCI}\xf0aJ{\x0b\r3\x0b\xbd4,\x9b\xcb\x16z\xea\xdf\t\xcd\xa6Y\x06\xb2\xa4\x9b&gt;\x9f\x9dMZ\xda}\xb1\xe74\xc6\xbfy\x9e\xe7}\xbf\xf73\x9eu\x7f\r\xb0\x93\xc1\x9f\x7f\xfd\xbd\xb3\xe2\x87?@\xffu6H*!-\x01\x05\x0f9E&gt;\xda\xed\x8e\x1bo\xb0dN{v\xef\xf2&amp;[\x1f\\\x83\x89\x90\xab\x8dfD\xdda\\\x98\xac0\xf2\xe3\xdf~\xfeO\x83B,\x04|\xb0\x98M\xc2\xfelq\xb2\xeeGg\x0f\x16Q\xbf_X^X\x84a\xb8\x8e\xd6\xe0\x8a&amp;\x83\xd5\xea\xf4\xfb\x9c\xbc$\x12J\xdeTG\xe28\x06\xc5\xe3\xb1{\xd4\x18\x8b[\x17{\xbd\xdd^M\x8c\xff~\xf7\xf2{\x97\xd1\x84(F\xb6\xdf&gt;d\xff\xfdpp\xe5\x0e\xe2\x05\xc5&gt;\x06\xd5#\xc9\xc8\xc2\xd1l\xb1X\x9c\xcd\xa6a6Z\x0c\xa2\xca\xbb\x18\x9e&lt;\x98\xae-3\xac\x12\xd3\x0bm\xaf\xcf*\\\x0fO\xcf\xce\x06\x8f\xff\xdfZ}\xe9\xe8|3\x12\x98P\x80"D\xe2\x15\x9eW\x14`q5\xc85\x87Z[\xc1z\xbb5Qz\xf8\xa7{L\xafk{\x8c\x8b9\xb9\xb7\xd7&gt;8\x06\x16\nF~\xfe\xf5\xe3\x96\x91\x99\xa3\xc9\xec\xecl6\x19\x86\xa57\\\xf4\xd7n`A\xaeAd\x06\xa6\x15\xd8Ih\xb9V\xe5\x99P\xad@S\xa29\x1f\xfe\xea\x9d\xff9\xfe\x1c\x87\xa8\x9b"\x1b\x1fU`a\xf3S8\x8c\x08\xb9\x07\xb9\x1a\xbbo\xaaV\x93u\xed\xab\xbbL\xae}\xc6\xc5\xa8XG\x1e\x1e\xdf\xb9u\x0bh7n\xbc|8&amp;\xae\x19Mf\xb3\xd9d:\n\xfdl9Y\xc7\x85f\x94\xc5\xe4\xe4\xfe\xa4\xc8rOs]\xbb\xc0\xd3\xce=\x90\x15\xcbh\x08\xbf\x1f\xfd\xf7\xce\xf3\x8eh\xd0-\x14\x13\xab\x03.U\x1d\x83J\xe69I\xe5dN8\xaa\xe9-\xb9\xf7\x16\xabV\xe3\x8d\xc7_\xfe\xf4\x1a\x86\x03\xfb\xb6\xe7\xdeF\xb2\xfdC$\xec\xf8\xf0\xf8\xd6g//\xe6\xa44\xd7\xd3\xc9\x04PQX\xba\xc5d\xaa\xd9\x81\x95\xa6\xd6hq\x7f\xb1\xf6r\xb7\xca\xcb\xd8\xaa\x8c2s\x93\xbc2\xcd\xa2X\x8e\xa6\xa7\xa7\xabGo\xbf\x9dz\xa9w\x8eMAjm\x952:\xa9\x91vHG\x00\x16/\xb4H]T\xea)\xd0\x88\xda{\xabW\xaf\xd6\x90\x85\x8b\x7f\xdc\xbb\x86\xb4_\xbd}u\x1f\x8b4\xb0\xda\x87\xc7\xc7\x87??\xfe\xcd\x1f\xac1)\xbd\xf5\x08\x03j\x14\xf5=?\x0b\xa7\x93\xbe\xa6U\x95O\xdc\xe2\xec\xfe\xc0\xec\x17n\\e\xbe\xeb\xc5\xc4\xcdl\x17^\x9a&amp;k\x00dl\xf5\xf8\xcd\xa6@\xa9!I\x12\x0b\x95\x91\x1a\x1b\xa9$\xb5\xc5\xcb\xa2X\xef\xa4\x92\xdc\xe5tA\xaa\x83X\xe8\xed\xd6\xfeC0\x99\x8b\xbf\xfa\xe2\'\xfb\xb7\x0f\x0en\xb7\xf7\xe1\xe4^\x1b\x88\x88\xd8/\x9f\x06:\xf1\xab\xfe\x08\xb3i\xdd\x0f\xab\xd4E\xc6"\xd3\xd6l\x88D\xab\xe9j\x91X\x13/vl7\xf6rb\xd8\xaeCm\xdb2\xb7VF\x93\xd5\xeb\xf5\xd3\x89\x1d\xa9\x0e\xaa\xad\x83l\x84\xea\xfa\\\xe0EY\x16|\x1fT\x02f\x96,rR\xab%l\xb6\xc1\xef\xc0\x1ar\x97|\xf3E\x1b\xc6\x1d\\m\xb7\xdb\xec\xfb\xce\x08\xda^\xfbo\xaft\xd5\xaf\xb6\xcd\x1f\x9a9-\x91\xb1Q\xdf\xd3\x82\xdc\xd4\xa8[\xad\xcf\x06\x1e\x99\x0e\xad\xd8\xb0\x02\xab\x8a\xeb\x8e\xeb\x908\xb0&lt;\x0b\\\x17\x17\xd1p\xb2\xf1\x8f\xc41\x11\xea\x12\xd3\x87\xa5\x8a\xad2\x98\x0c\xba\xae\xc85\xc5\xcf\xe0 \xa6\x17/\x83\x8b\xb5\xa4\xa04\x1a\xdf\x81\xf5\xb0Ew\xa5\x8b\xa7h\xbe+\x07\x07\xd7\xaf_m3+\xdf\xfb\xc5\xb3W\xd0*7\x0b4~\xe8Uy\xeazKL\xf3\xd0\xb2\x81e\x91\xa5\xd1*\x00\x00\x06MIDATQ\xc3\x8d\x86\xab\xe8&lt;\x99E9u&lt;\xb3\xca\x8c:\xd6\'\xea\xda\x89\t\x1f\x91\xb1\xf5\x08\xf3\xb3I\xddM\xaaZ\xcc\xc34Mq\xea\x08x{N\x07IM\xca\xd2\x1a\'\xf0\xba\xaa6!\x1d+N\xe2\x1a\xac\xb6d\xd0K\x19[\x7f\xbcy\xf3\xd6\xfbW~v\xfdv\x1bW\x8f\xcb\xef~{\xae\xb7hV!*&amp;\xa0\xb2\xd4\xb7\x968l\xfa\xa6\xa5\xd9\x9ai\xc6D\xb504\\ny\x1aV\xaa\xb343_\x12T\x89\xb8\x81\xb6\xc1\xb2\xcc"\xda\x11iL\x89\xd4\x82P\xa84\xa54\xc5\x91\xa3\x0b8s@\xd5\xab\xa5\xa5"HM\x9e\x17\x88$l\'\x98\xa2\x08:.A\xf2\xeb%\xba\xd6h(c\xf7\xf77&gt;\xbcs\xe7\xfd\x8f\xf6&gt;\xc0e\xfbw/\x9a:\xfe\xf6\xbc\xf2\xbc\nPe\x87n\xa8\x96\xa1\xc7\xb0&lt;S3\x04:&lt;\x1b\xf4)\x19\x0eCML\xa2 6\x04]\xc2K\x92\xa2\x08\x0b/\xf1\xc2\xe5\xce&amp;\xea\xc87&lt;\xect|TZ\xafK\\\x1d!\xe2\xe5\xa3^\x8d\xf8j\x9dM\xd4\xa6\xa4\x9ec\xc3\x01-\'\xca\xddyw\x03\xc6\xcc\x84\\0\x99&gt;\xfa\xec\xe6\x9d\xc3O\xde\xfd\xf4\xc9\x93\'/\x9a\xdc\x18M\x9f\xe7U\x9e\xe7\x99\x9b:Z\x181*\xd3K4M\xb3\xbc$\xaeK\x05;\x8b8\xedt\xd8\'\xcd\xc2\xf3\xe1\x8f\xa0:A\x12E\x85\x99h\x96\x15\xee`\xfb\x94\xd8y\\o\x19\x94\x82\x8a\x12E\'\x84\xfa\x1d\x1d\x03\xf4H\xa4\xbe\x04\x8dx\x9e\x13\xa0(\x1e-\x81y+B0\x91\xddf7\xaa5\xc4\xaen|\xf3\xf5\x8f\x8f?\xf9\xf4\xf9\xf3\xe7/\x9a]\x81\xd02\xcb\xf2\x0c\xe5R\xc36\x97\xd1\x12T\x96e%Z\x02,\x97\x08\xf6\nc\x96p\xfd\xe9\xb0\xe2\x9c"\x80\x15\x82\xe4\xd8\xdet\x88\xfciI\xe2\xed\xa8\x82\xd0\xd4\xf51s\x90i\xe5S\xa1\xc7u\xca\xd2Ou\xf9\xe8/5#U\xeb\x9b#\x11X*\x06\x08\x0enh\x87\xf4scv\xf3G\xb1[\xad\xa8t\xe7$z\xf9\xa3\x8f\xee&gt;\xff\xf6_\xbc\xa2K\x06-\xdd\x12dYI1\xe8\xfb\xa0*L+ab%\x89\xa5\x05F\xdd\x98.\xacE\x9fs\x8b\xe1\x88\xca\xaeG\x05}\\7\x92\xf0tb&amp;6~K\xdb\xc1\xb9\xc2fR\'\x85\x83\x00\xa3\xaar$\xf8eF\tN\xc1\xa3:\x91\x1cC\xe0@\xc271&lt;$\xa1\tB\x14\xae\xb2HX\x17\xc3VyM\xd7\xd5I\xf1\xd7\x9bW\xbf|\xc1\x8b\xf311\xa8\x1f\xfb\x0c\xcbWc\xab\x00T\xbf\xf0\xb4m%\x89k\x1b\xc4\xb1N"saKy&gt;-$.\xb0\x05\x1d!\xb2\xa2\xd9\xa9i\x07A`\xdb;\xba\xce\t\xad\xb4\x84&gt;4US$K\xae\x19%\xba\xa7\xa5\xeb5\x0e\xfd\x81\x81\x06r\xbe\x89^\xa9\xeb\x0c\x89\xc5^\xc7\xa6*\x0buEQ\xba\xdd.\xc7\xc8\x14p%O?|v.v\xe7-\xc2Z\x07XyIh\x12\x82\n]oA\x06\xfb5\x96\xa3R\xedl\xe5F3\x9cv\xda,\xe0\xb8\xdc\xe0`\x855&lt;;\xf5\x02\xd7eXX=y\xbdS\xe6^U\x1a*\x02\xce\xd7\x944\xcf}I\x97:l\xb4\x1a.\x95\x84m\x01Jd9S\xb8f\xb3\xc9\x86\x87 \x01\xaa;\x9f\xcf_s\xb5\xb4G\xaf\x1a]\x04\x820.\x1f\xe12|\xdb\xec//B\xd6\xf6\x9af\xdb\xe0\xb247p\x88\xe3\r\x1f\x8c\xe2A\xa4\x8a|4u8\xce\x11\xa4\xb1\xaaM\x06\x93*\x8bc\x86\xc5\xe3R\x8aQ^\x85aUvZ\xaa\x8e\xc5\xc0\xaf2\x95\x1f\xa7)["\x0c7\xdel\xa8:\xc7o\x90\xf0\xfe&lt;Lor\xbc\x88\x1d\x95\xcc\x19\xd5|\xce1\'\x15\xac\xfc\xb2\xb8\xc52R\x1f\x92\x1bT\xc3\xf9[\x98\xac,\xcbf\xa5%6\xb0\x1c\'\x19\xadVt\x89Y_3f\x9e\n3$\x89T\xb3\x93i\xe0\xd2\xd8\xb5\xb5\x1d\x1e\xfd\xd6\x93\xa5\xcc\xec\x87y\x87\x1d-\x8aT\xe6\x84\xef\xf8FKE\x7f\xaaq\xcc\xe6\x02\xf6y\x11\xaf\xe5\xc5\x9a\x8c\x985Y \x91\xfc\x06\xd7\x91\xe6\xe3\xf1x\x8e\x98\x89\r\xf6\xd1\t,dX\xd0\xaa\xccs#fT\xa6\x873\x05OK\xdbr\x05\x81\x8b\x9bB0\\\xdc7\x85\xc1\xd4\xe6emJ\xeb\x08R\x9d\x98\x8b\x93aLi\x1c\xdb\xc9\xcef:a\x10`I\xac\xd2\x96x\xd4\x13\x05\xdaR:.\x98th\xc2;L-\x9de\xfe\x1c#\xab&amp;\x03Kg\x96rMl\xd2\r\xbe\x93\xb6Z\x12\xc08\x05\x1b5\xa88},\xa9h\xc4\xac\xaaRC\xf3X\xa8X\xb1\x9f\x00\n\x10\xaf\xc0\xc5\xfd\xd3q\x97\x83\xfb\x13=Y\x85\x92\xac\xfc\xbb\xe62\xe6m\x14\x08\xa2p\xd8r\x8bC4\xb0+\x0b\xa8(\xae\xc8ZB\x029vai\x8b\x95\xdcQ\xd1m\xed\xfed#L\xed\x93\x85\xaeuw\xd7\xc6\xbe"JA\x91\x7f\x10\xe7\xa7P\xf0#ro\xd6\xb9-h(\x18\xde\x9b\xf9\xde\xec\xfa\x9a\xb0\x1e\x12d\xdd\xcbi\xae\xd4\xdc,\xe3\x07\x19\xc2\xc4\xa0\xf5w\x87\xa1\xa8Y;\xb6\xad\x90A\x14\xd3\xf81\x7f\xc1\xc5\x94:\x03\x01\x88I#zB\xee&lt;\xd4\x94N\xe4\xe9\xd6\x96\xb5\xb5\x9b\xbegO\x08"\xb2\xb4\xdf\xd82\xc7^\xa7\xbc\xa5S\tH\xc0qj-i\xca\xa8\xacT\x19Hs\xf1\x92\xf5\xe5Q4\xeal\xe43\xf4\xcf\xba\xb7!\xa5w0QB\xaeo\xa1\x90\xc7\xc3\x90\xd9fl\x03T\xc6*\x8d\x16\xd2\x91\x87\xb2$\x92\x87\x03Z^\xa4\xa1\x95\xeb,M-O\x88\xa5\xc2X\xe4hg{\t\x7f\x13"\xa0-\x7f\x14\xabU\xb90`\'\xf8IT \x92V\xb1\x1b}&lt;\xcc\x1c\x9f\xae\xce\xaf\xddR\xaa\xf3\xcd\x13|\xbf\x86\\\t\x8b\xbb\x97}\x8aK\xf3\x91Ld\xdb\xa0}\x92A\xbd\x1a2\x7fl\x9bf\x1c\xc3\xf8\xb3\t\xd9D\xd7|\x8e\x8eBy\xd8\xf0#\x84\x8e\xd3\xea\xd9\x95\xe5\xee\x1dN\xb1mbK\xc4\x83\x07{!U\x04*\xef\xb2\xe1\x94\xfb)\r\xfa\xe3\x17\x15\\Yhv\x88u7\xd1\xc4\xe8\xf9+\xd3\xf9\x9f\x03\x0f\xd4O\x85?\xe2\xe6\xf2w=O\x17^^U\x0fBp.\x9a0\x88\x8aC&amp;\xa0U;\x8e*\x16!\xe8\x89\x1b\x06T\xd1i]c\xed@B~9\x98\xb0\xffjiv\x87+\xf3\xe1"\xfa\x1fT\xde\xd8\xfa\xb8[\x9d~\xffb\x932 \x10\xb6\x02\xa2\x02\xe5\x9cS\x8b\xce\xdd\xc4\xf8\xdau\xb7\x19\x9f\x8a\x9b\xe1|\x9f\x11\x0b\xd5\xc7\xfb\xd9\xcc\xd8,/\xbe\xff\x03c\xa9%\nw\xcc\xc1\n\x00\x00\x00\x00IEND\xaeB`\x82'</t>
        </is>
      </c>
      <c r="M254" s="3" t="n">
        <v>45492.67857638889</v>
      </c>
    </row>
    <row r="255">
      <c r="A255" t="n">
        <v>868076</v>
      </c>
      <c r="B255" t="n">
        <v>1962</v>
      </c>
      <c r="C255" t="inlineStr">
        <is>
          <t>Willean Lepo</t>
        </is>
      </c>
      <c r="D255" t="inlineStr">
        <is>
          <t>W. Lepo</t>
        </is>
      </c>
      <c r="E255" t="inlineStr">
        <is>
          <t>LD</t>
        </is>
      </c>
      <c r="F255" t="inlineStr">
        <is>
          <t>LAT</t>
        </is>
      </c>
      <c r="G255" t="inlineStr">
        <is>
          <t>LD/MD</t>
        </is>
      </c>
      <c r="H255" t="n">
        <v>180</v>
      </c>
      <c r="I255" t="n">
        <v>97</v>
      </c>
      <c r="J255" s="2" t="n">
        <v>35445</v>
      </c>
      <c r="K255" t="inlineStr">
        <is>
          <t>Right</t>
        </is>
      </c>
      <c r="L255" t="inlineStr">
        <is>
          <t>b'\xff\xd8\xff\xe0\x00\x10JFIF\x00\x01\x01\x01\x00`\x00`\x00\x00\xff\xe1\x00\x8cExif\x00\x00MM\x00*\x00\x00\x00\x08\x00\x07\x01\x1a\x00\x05\x00\x00\x00\x01\x00\x00\x00b\x01\x1b\x00\x05\x00\x00\x00\x01\x00\x00\x00j\x01(\x00\x03\x00\x00\x00\x01\x00\x03\x00\x00\x011\x00\x02\x00\x00\x00\x11\x00\x00\x00rQ\x10\x00\x01\x00\x00\x00\x01\x01\x00\x00\x00Q\x11\x00\x04\x00\x00\x00\x01\x00\x00\x0e\xc4Q\x12\x00\x04\x00\x00\x00\x01\x00\x00\x0e\xc4\x00\x00\x00\x00\x00\x00\x93\xa7\x00\x00\x03\xe8\x00\x00\x93\xa7\x00\x00\x03\xe8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8#\x8a1\x9a\x08\xa2\x80\x0cR\x81I\x9c\x9fzp\xe8&gt;\xb4\x00\x95\xe6\x1f\xb5\xb7\xed\x99\xf0\xd7\xf6\x1c\xf8S7\x8c\xfe(x\xa6\xc7\xc3\x1a\x1cm\xe5D\xf3\x06\x92k\xc9\xb6\xb3\x08a\x8dAi$!N\x14\x0f\xcb\xadx\xbf\xfc\x15S\xfe\x0b\x03\xe0?\xf8%g\x82l\xee\xbcE\xa6j&gt;#\xf1\x0e\xafm%\xce\x9b\xa4\xd9\xca\x90\xf9\xca\x8e\x91\x92\xf21\xf9\x14\xb3\xf1\x85bB\xb1\xc7\xcak\xf9\x83\xff\x00\x82\x9e\x7f\xc1T\xfe%\x7f\xc1Q~0\x7f\xc2M\xe3\x89\xa2\xb3\xd2t\xb4htM\x06\xcc\xb2\xd9\xe9\xb1\xb1\xc9\xc6NY\x8e\x06\xe7&lt;\x9c\x01\xc0\x00\r#M\xbdY\xcfS\x10\xa3\xee\xad\xcf\xb5?\xe0\xa9\xdf\xf0s\xa7\xc4\xcf\xda\x7f\xe2\x86\x9fo\xf0\x03\\\xf1G\xc2\xff\x00\x87\xdaJ4RM\xf2E\xa8\xeb31#\xcd\x90\xae\xe3\x1a\x05\x03j\xab\x1e\xa4\x9c\x9c\x01\xf9\xfb\xf1\xdf\xf6\xf5\xf8\xb1\xfbK\xdei\xf0|N\xf8\x8b\xe2\xcf\x19[\xe8\xe8 \xb7\x83P\xbei"\x8dFy\xd9\x9d\xacz\xe5\x88,}k\xc3\xaf\xb5i\x96hU&amp;\x97\xf7\xaa\x15\xc2\x8e\x00=\xbf\x0f\xf0\xaaQj-v\x8e\xca\xbbYz\x17\xe4\xfb\xf3[s%\xa29ye/y\x9d\xcf\x8a\xbe6x\x87\xc6\x11\xc3\xa6\xea\xda\xe7\x885\x0b;vR\x90\xdc\xdfI$(\x00\xc2\xedF%F\x00\xc0\xc0\xe9\xd3\x15\x85q\xe2\xc8~\xdc\xb1\xaa\x18\xf3\xf2\x92\xc4\xed\x06\xb1Vf\xbf\x98\x17\xda\xc8\x9d\n\x1c\xb0\xff\x009\xa8\xafn\xe0\r\xfb\xbf1\x94\x9c\x90\xeb\xd0\xff\x00\xf5\xe8\xe6\xd2\xf7\x1f\xb3[X\xea\xee&amp;\x08\x17\xf7\x93\xc6\xe0\x96!\x0f\xdf\xf4\xc7\xe1^\xb1\xfb-~\xde\x1f\x17?b\xdd{P\xd6&gt;\x12\xf8\xb7Q\xf0\xcd\xd6\xafjl\xef~\xcc\x15\x96\xe6"[\x86V\r\x86\\\xf0\xc3\xe6\x07\x90x\xaf\x18\xd35\xf8o#XJ\xac%\x01(OE8\xe9O\x9f\xc4\xd1\xdaL\xb3[\xdc\xb4e\x98\xa9eS\xb4g\x92\x0f\xa8=q\xda\xabKnBN\xfb\x1f\xb8\x9f\xb0\x97\xfc\x1d\xcf\xe2\xcf\x0e/\x87|?\xf1\xab\xc0\xba^\xa9\xa5\xac\xab\x05\xf6\xbb\xa1\xc9$7\x96\xd1\x13\x81#[\xc8Ye*:\xe1\xd4\x908\x04\xd7\xee\xb7\xc1\x8f\x8d\xde\x12\xfd\xa1~\x1fX\xf8\xab\xc1^ \xd2\xfcI\xa0j(\x1e\x0b\xcb\x19\xd6h\xcf\xfb\'\x1fu\x87u8#\xb8\xaf\xe1\xbfU\xf1\xd4\x96\xb1[\xf9j\r\xc2\xa8f;xq\xd7\x07\xfc}\xfd\xeb\xeb\x0f\xf8$\xdf\xfc\x15G\xc4\xdf\xb0\xbf\xed+\xe1\xcdZ\xd7[\xd5\xad\xfc!y}\x02\xeb\xbaTW\xb2%\xac\xd1\x16\x08\xf2\x18\xb3\xe5\xbb*\x12F\xe5=8 \xe0\x8c\xa5\x04\xdd\x96\xe7D+J+\xde\xd8\xfe\xc2qJk+\xc1\x1e4\xd3~#x;I\xd7\xf4[\xc8u\r\x1f\\\xb3\x8a\xfe\xca\xea#\x98\xee!\x95\x03\xa3\xaf\xb1R\rk\xe6\xb0;\x04\xa0\xf3JM\'J\x003E&amp;\xecQ@\x08A\xa4\xc6E;\xb5\x00b\x80\x1a\x06j\x8f\x89\xfcMa\xe0\xbf\x0e\xdfj\xfa\xa5\xd46:n\x9b\x03\xdc\xdd\\J\xdbc\x864\x05\x99\x89\xf4\x00V\x80&lt;\xd7\xc8\x7f\xf0]?\xda+K\xfd\x99\xff\x00\xe0\x98_\x135\xad[F}v\xdfV\xb2\x1a\x14V\xf8;#\x96\xe8\xf9I+\x11\xd0!;\x81\xfe\xf0Q\xde\xaa*\xee\xc4\xd4\x97,[?\x9b\xcf\xf8._\xfc\x14\x8aO\xf8(\xa7\xed\xc1\xabx\x9a\xca\xdd\xac\xfc1\xa3\xc4\xba\x16\x89n\xf3y\xa0\xc1\x13\xbf\xef\xfb\r\xd23\x16\xc68\x04\x0eq\x9a\xf8\xa1g\x92vh\xc1fP2\xcb\xdf\xb9\xc5h\x8d:\x7f\x15x\x95#X\xd9Z\xe2^\x06I\xdb\x93\xd8\xf2k\xea/\x86?\x00|?\xa3x^\xde9\xadV{\xc2\x03\xc8\xec\x9c\xf4\xe9\x93\x9e3\xf4\xcd\x18\xacU:\n\xf39\xb0x*\xb8\x96\xd47\xea|\x83r$\x9a\xe9]\xa3\xda\x17\xe6\xc7L\xf1\xc7\x14\x9f\xd9\x12\x08\xc34l\x15\xcf\xcapk\xeei\xfe\t\xf8\x7fW\xba\x8d&amp;\xd2\xec\xe4da\xca\xc4\x02\x8f\xa0\xff\x00\x1a\xedt\x0f\xd9\x0f\xc3z\xb4^S\xe9\xd1\xc6\x18\x80\xa9\x10*\x00=\xfd3\xf4\xf4\x1dk\x8a9\xbe\x19\xbfz\xe7\xad\xfd\x83\x8d\xb5\xe0\x97\xde~uZ\xe9\xf7\x9a=\x8c\xd7\t\x1f\xee\xe6\x1bT\x9e\xc4\x10j\x89-*\xec!\xb0\xbc\xe3\xaf"\xbfJ\xfcu\xff\x00\x04\xd1\xb0\xf1\xbe\x8b4\x9a}\xc4\x96\xff\x00g\x88\x98\xed\xca\xae9\xdcx\xc7rO9\x1d\x06\x05x\x8a\xff\x00\xc10uG\xd4V5\xbaQ\x1e\xe2%&amp;?\x99G\xb0\xcf\xf3\xae\xe8\xd7\xa3%x\xcbC\xce\xab\x84\xc4\xd2\x9f-H;\x9f$\x06f\x89\xbfv\xcb\xe6q\xcfN\xdc\xd4\xb1i\x0f:G\x19m\xb1\xb3d\x8cd\xfeU\xf7\x8f\xc3\xff\x00\xf8%e\xa8\xbd\x8emWS\x91c\x8d\xc7\xee\x92%\xdc\xc0{\x93\xdf\x1d\x86z\xd7\xb9\xf83\xfe\t\xa1\xf0\xde\x18\x83\x18\xee.\xae&amp;`\xcc\x92J6\xf7$.\x14\x101\xc7S\xdb\xebZ\xd0\xa9B\xac\xb9#5r\xe5\x97c\x149\xd56\x91\xf9Yi\xa5\x12Wj&lt;\x8a\xb9\xcb\x10y^\x07\xe5R\xc1e\x1d\x9d\xc0]\xa0:\x90r\x0fS_\xacw\x7f\xf0OO\x01\xe9w\x93y\x1aR\xb2\xec#d\xa7r\x11\xc7B9\x1d\x0f\xa63\xed\xcf\xc7\xbf\xb6\xff\x00\xecM\x0f\xc2#\x1e\xb3\xe1\xf8\xee\xbe\xcc\xd20\x9c0\xdd\x1ac\xa608\xce\x0f\x1e\xc6\xba\xdd8\xc5\xf2\xa3\x8a\xa6\x1e\xacc\xcd%\xa1\xfb\xad\xff\x00\x06\xa5~\xd6\xbe;\xfd\xa0?b\x9dC\xc2^$\xd2\xa4\x93\xc3\xbf\rf\x8fL\xd1u\xd6\xe0]\xab\xefsk\xd3\xe60\x82\xbc\x8e\x8b"\n\xfdR\xcf\x15\xfc\xe3\x7f\xc1\xa0_\xb4\x9e\xb3\xe1?\xdb7\xc5\x1f\x0c\xe5\xd5\x9e?\x0e\xf8\xafA\x9bQ\x1al\xf7;S\xed\xb04ed\x8d\x18\xf2\xfe[8;Fv\x8c\x9c\x81\xc7\xf4ry\x15\xc5YZgF\x16W\xa6\x1b\xa8\xcd\x07\x93Frk\x13\xa03\x93E\x19\xa2\x80\x0e\x82\x81@\xe9F8\xa0\x00\x9ek\xf1\x13\xfe\x0f%\xfd\xa1\xfcA\xe1\xff\x00\x87\xff\x00\x0b~\x17\xe9\xfa\x8f\x93\xa0\xf8\xaeK\x9dcT\xb4T\\\xdc=\xb3F\x90no\xbd\xb4\x19\\\xed\xe8J\x83\xd4\x0c~\xdd\xd7\xf3\xfb\xff\x00\x07sh\xeb\xe2_\xdbk\xe1=\xbb\xc8\xcd\x1d\xb7\x83\xa5w\x8cs\x8d\xd7\x92\x7f&lt;~\x95\xad\x1ddr\xe3%jL\xfc\x7f\xf8\x1b\xe1\xaf\xed/\x1c\xda\xab\xae\xd6V\xdcIRX\x01\x9a\xfa\xf3\xc1\xbe\x0e\x93P\xf2c\x8dY[!w\x11\xb4\x01\x9a\xf3?\x80\x1f\rn,\xf5\t/&amp;\xb71\xc6\xd8\x8e&amp;\xc7/\xdc\xf2~\xb8\xc0\xf7\xc9\xe2\xbe\x8e\xf0\xee\x82\xb6\x8d\x1e\xe0\xd0\xb2\x9d\xbc\xfbw\xc5x\x19\xd5^j\xaa+\xa1\xf4\xdc3IF\x93\x9b\xea[\xf8q\xf0z;\xedK\xcc\x99\x98\xab&gt;\xd2Oo\xf3\xfeMz\xcd\x96\x9d\xa5\xe8\xef4I=\x9e\xf8\xc2\x99#\x01pG\xd3\xfaW\r3\xdeAe\xe5\xd8\xc7&amp;\xe6\xdcY\xb0x\xf7\x00\x1a\xe9\xf4/\x84\xf7\xda\x8d\x9a\xdcM}"\x95\x18dU\x1b\x98\x9flg\xb7j\xf2\xf4Q\xb2G\xd9Q\xeet\xbaN\xe3\x1a\xb5\xbc\xe6&gt;\x8b\xb0\x0e?\n\x97P\xd0\x06\xe7\x99\x960\xcd\x90v\xa7\xde5GJ\xf8o&amp;\x917\x9a\xefq\xe6d7,T\x11\xf4\xad\x1b\x8f\x0f&lt;\xa9\xf2\xa3I\x91\xcf\'\x9a\xc3\xde:9S~\xf20n\xa4{u\xc3H\xcb\x1a\xb0\xe8\xbc\xa8\xe7\xaf\xe5\xfa\xd6\xde\x91\xa6\xddiD4,\xb8`Y\t\x07!p8\xf75\x0e\x8b\xe1;][PU\xcc\x92,\'k\xee\x07\xdb\xa9=k\xb3\xbf\xd2\xf4\xf8\x96;Xn\xa6\xf3\x01\xf3\x02g;\x81\xe8y\x1d+\xd7\xcb\xa9\xfb\xdc\xd7\xb5\x8e\x1c\x7f4ck\x1c\xf5\xce\xab\xf6\x8d\xae\xec\xd1\xc9\xd1I#\x1c\xfb\xd7\x9b~\xd0~\x16\x8f\xc6\x9f\x0b5\xeb\x19\x17\xceo\xb3\xb9S\xb3v\x18\x0c\xab\x0f|\xfec\x8e\xf5\xea\xb2\xf8s3\xa4\x8f\xb5\xa3S\xb9\x95\x97\x05\x87\xb7\xe7^k\xf1WRx\xacu\x05^\x04\xc8\xc9\xb3&lt;\x1ct\xc6\x7f\xc9\xaf\xaa\xfa\xd7*S\x91\xf1\xf8\xac/&lt;\\Q\xf9\xfb\xfb\x0c|w\xd4\xbfe\x1f\xdb\x97\xe1\x9f\xc4+YnU\xbc7\xe2[9o\x05\xb3\x18\xe4\xb9\xb63*\\C\xff\x00\x03\x89\xa4B\x0e~\xf5\x7fg\x16wk}g\x14\xc8N\xc9\x90:\xe4v#"\xbf\x8b\xbf\x1c\xf8#\xfb\x03\xc5wR\x18\xde)-g\xf3\xcadp\xdb\xb7\x02\x07\xd3\x1d=k\xfb(\xf8K\xa9.\xb9\xf0\xaf\xc37\x81\xb7\xad\xde\x95k6\xecu\xdd\x12\x9f\xebS\x88\xb3JH\xf9\x9c"qr\x8b:\x0c\xf3Fx\xa3\x1cQ\x8a\xe5;\x80\x1a(\xc6(\xa0\x038\x14\n;w\xa0\n\x00+\xf0\xaf\xfe\x0es\xd0[\xc4_\xb7w\x81I\xda\xa6\xd7\xc1\xe8\x91\x92p\x1b7W\x0cG\x7f\xee\x8a\xfd\xd4"\xbf\x17\x7f\xe0\xe4M6\xe3O\xfd\xae|\x15z#V\x8e\xf3\xc2\xa28\x8e\xcd\xc02]K\x9c\xe7\x83\xc3\x0c\x00\x7f\xa5kG\xe291\x9f\xc3&gt;&amp;\xf0\x1f\x85\xed\xf4/\t[:\xc4\x17\xec\xe9\xb7.9,FK\x1f\xd3\xf2\xa8&lt;O\xe3\x0b\x1f\t\xacw\x1a\x95\xd40\xa9\xcb&amp;\xf7\xdaXw#\xb9\xae\xa3\xc1\xf6\x91\xb7\x85\xb4\xd8|\xbd\xbeb\x8c\xaa\x8f\x97\xae=?\x9dd\xfcQ\xd1|\x0b\xe0\xb1q\xabx\x92\xc6\xdfR\xbe\xdb\xc1\xba\x90\x98\xe2_\xee\xaa\xe7n&gt;\x83\x9a\xf9\xec\\)\xba\xeeU?\x03\xear\xfa\x95!\x86\x8ci[\xe7\xb1\x85\xa5~\xdb~\x02\xf0\x9a-\xd6\xa1\xadF\x16\x16\x08 \x86\xd6Gv\xf7\'\x00\xe0u&lt;\x7fZ\x8a\xc3\xfe\n\xff\x00\xf0\xff\x00J\xd5\xa6\x10i\xfa\xf5\xe4+\xc2\xb7\xd9\xa3\x8dI\xe9\xf2\x8d\xf9\xc7\xeb\xed^3\xe3\xadg\xe1o\x8b\xed.$m\x07I\xd1\x8bFZ1-\xda\xd9I&amp;?\xb9\x1eK\x9c\xe7\xfb\xb9&lt;\xd7\xce\xfe"\xf0\x17\x87um^F\xd2\xee,\xca\xa1\x0cQ.\x0c\x8c\t\xe7\x1c\x90r3\x8e\x95\xe8\xc28u\x0eof\xecy\xf3\xc6c\xb9\xed\x1a\xb1\xbf\x91\xfa\x89\xf0c\xfe\n=\xe1\x1f\x8e\xde!m6\xd6\xc6\xe2\x19\xa3\x04\xfe\xfbn1\x8f\xbc1\x9e\xbd1\xc1\xafP\xd4~(ivw\x0c\x8d$ 6N\x14\x9e\x07a_\x9c\xff\x00\xb2\x17\x86"\xd0\xfcK\n\xc1\x1a\xc5$\xca\x1b\xce^w\x80}}\xb2k\xecMs\xc2\xcb\xa9h\xea\xf0\x89|\xed\xa5\x03\x87\xce\xe22zW\x81\x8di\xd5\xb5\x15d}\x8eMZ\xb4\xe8\xfe\xf5\xf3H\xc7\xf8\xad\xfby\xe8\x7f\t\xe5h&amp;\xb1\x96H\xd7q,\x8c\x01\x18l\x7f\xf5\xf3^K\xa8\xff\x00\xc1d\xfc?\x05\xd9U\xf0\xdd\xd4\xf2g\x0b \xbaU\xc0\xe9\xceV\xbec\xfd\xa6\xb5\x19\xfcQ\xe3Y\xf4\xdf,\xc8U\xcb1f\xda\xa83\xd4\xd75\xe1\xaf\x01h\xfe\x0bU\xbe\xba\xd1\xae\xfc@\xabl/$xl&amp;\x92(\xd3;wn$\r\xa1\xb8\xdd\xd3=;\xd7\xb9\x97\xc6&gt;\xcf\xf8nR&gt;c6\xc7\xe2]v\x95^X\xdf\xfa\xe8}\x9d\xa3\xff\x00\xc1V4\x9b\xf3\xe6\x7f\xc2;\xa9I\xe6rT\xce\xbbO\xd0\xed\xcf\xf2\x1f\xca\xba\xcf\x0f~\xd0\x1e\x1f\xf8\xe3\xf6\x85\xb0\xb7\xb9\xb2\xb8U\xde\xd0\\\x802\x0fu\xeeq\xdf\x81\xf8\xd7\xcb\x9e\x1b\xfd\xab\xfc3\xa2X&amp;\xef\r\xc3\x04&lt;D\x81\xa0\xe5\xc6\x06q\x95\xc1\xc7\xa0$\xfbW\xbd|\x1d\xf8\x99\xa0\xfcJ\xb8\xb4\xba\xb5\xb4\xb52F1\x1c\x8a\x98\x91\x01\x18#\xdb\x8c\x8a\xd3\x11\x8cN&gt;\xce\xad&gt;^\xce\xe688\xd4\xe6\xe7\x8dU.\xea\xc7\x1d\xfbL\xfc&gt;\x88\xaaM\x1c\'\xcc\x90:\xb1\x0b\xf3\x1c\x00C\x1e\xd8\x00\x11\xf8\xd7\xf57\xfb1,\xd1\xfe\xcd\xde\x00[\x86w\x99|9\xa7\x89\x19\xbe\xf1o\xb3G\x9c\xfb\xd7\xf3C\xf1\xfa\xdb\xce\xd2-&lt;\xf5\x1b|\xd6B\x02\x97\xdcpq\x9cs\x81\x8c\xf0\x0f8\xaf\xe9\xbb\xe0n\x9e4\xbf\x82\xbe\x11\xb5\x03\x02\xdfE\xb3\x8f\x18\xdb\x8c@\x83\xa7j\xea\xa6\xdb\xa3\x1b\x9en"*8\xa9\xa5\xe4uTv\xa4\xc5\x06\x80\x0e\xb4R\x1e\x05\x14\x00\x01\x9a?\xad\x07\xa5\x03\xad\x00y\x9f\xedE\xfbX\xf8G\xf6D\xf0$:\xff\x00\x8b\xa6\xbe\xf2n\xa6\xf2-\xad\xacm\xfe\xd1ur\xe0d\x84L\x8e\x00\xe4\x92@\x1f\x88\xaf\xcb?\xf8.\x1f\xedA\xf0\xaf\xf6\xd9\xf8\x0b\xe0\x7f\x17x\x07\xc4\x10\xdfx\x83\xc2\xfa\x8c\xd6\xd7Z]\xd5\xbb[\xdfCo4[\xcb4L\x032+\xc2\xa0\x95\xdc\xa3q\xeb\x9a\xf4\xaf\xf88\xe3\xc3\x12|B\xf1w\xc1\xfd\x16K\xab\x8bk\x1b\x7f\xb7\xdf\x90\x8eTH\xea##\xa7\xf1\r\x83\xf3\xaf\x8c\xfcUa\xa4\xf8C\xe1\xec\xd7BXn\xaf#\xd2\xa4\xba\x942|\xd00R@-\xef\xd7\xd7\x9a\xf2j\xe6S\xa7\x88t\xe2\xb4_\x9b\xff\x00\x87&gt;\x82&lt;?\n\xd9|q\x13\x93\\\xd7\x7f$\xed\xfa\x1c7\xc3\xdf\xf4o\x01h\xf2\xc8\xaa\xac\xd6\xd1\xb9\xdb\xd1r\xa0\xff\x00\\\xfe5\xcb\xfcf\xf8E\xa7|W\x1f\xf2\x12\xd4!\x9b;\x14@\x17p\x07\x8c\x82A\xe4\xd7\xa0Z\xe8Bo\x06i\xf6\xf1\x95\x1e\\\x11\xc6\x0ex\x1f(\xe7\xf0\x02\xba+\x7f\x83\xdfi\xd2#\x96\x02\xad\x91\xcf\xcd\x82O\xbdqb*IWs\xb5\xce\xcc\xbf\n\xaaa\xd4|\x8f\x8c\xe0\xfd\x99n&lt;7\xf0\xb7V\xf0\xfd\xe5\x8czF\xa6\xba\x84z\x9d\xaf\x88\xbc\xd6mAYO\x03\x07\x96P\x01\xc6\x19O9\x1d+\xcf\xfe\x1d|,\xff\x00\x84/M\xd6\xe1\xd4\xbf\xe2\xa2\xd4\xb5\xe5\x11\xbc\xb2FUm\xd3\x92H\x18$\xb6Nwdc\x1f\x9f\xdfw\xfe\x11\x93DfK\x8b{{\xa3\xd9$\x01\xd8\xf5\xe9\x9c\xd6/\xfc*\x8b-Jv\xb9\x9a\xce=\xf8\xfd\xdc0\xa6\xd0\x84\xf4?^\x95\xd3\xfd\xa5Rq\xe4{\x18\xc7\x87iFni\x1f&gt;\xfc+\xf8q?\x84.-\xa4\x92O.\x08c\xc4a\x81\xdc\xa0\xf2wd\x9c\xf6\x19\xaf\xa5&gt;\rJ\xda\xbd\xc4i\xfb\xc9\xa0\x0ev\xfc\xb9\xcf\xe2k\x8d\xb5\xf0M\xc6\xbb\xe3\xd6\xd3\xfc\x86u\x8d\xf1)\x1fwp\xfe\x10{\xe2\xbd\xfb\xc2?\x0e\'\xf0\x80\xb5\x92H\x040\xf0A\xc8\x195\xc6\xa5y\xaa\x93\xee{\xf8\x1a~\xca.\x10\xdb\xf3g\xc1?\xb4\x87\xec\xc5s\xa9x\xee\xf7R\xd3a\xfbD\xab!y\xadv\x7f\xaeP\xd9\x1cw\xfaW\x0b\xf1_M\xd3~2\xf8KG\xb1\xd4\xb4\xeb\x8d7T\xf0\xfcml\x97V\xd1\x98\x1aX\xf7g\xcb\x90d\x8e\x18dp1\x93_\xa1\xdf\x1b&lt;!og\xe2{}V\xc5c\x99\x14y\x93\xac`\x1d\xb8\xe4\xe7\xda\xb8\xddC\xc1^\x1b\xf1\xf6\xa2/$\xb5\x89e\x93\r\xe7\xc2\x02\xb7\xe3\x8e\xbf\x8d{\x12n\x9a\xf7\x1e\xe7\x85[-\x85z\xbc\xd2Z\xa3\xe4?\x87\x7f\x004\xff\x00\x89&gt;\r\xd3&lt;&amp;\xb6Q\xdb\xe9vr\x19$v\xc3\xcb;\x93\xf3;&gt;:\x90N\x00\x03\x18\x15\xf4w\xc0\x7f\xd8\xbbI\xf8q0{Y\xaf\xb6\xc6w"\xbb\xee\x1by\xe3&gt;\x9f^k\xd5&lt;1\xf0\xfe\xd6\xc3l6\xf9\x93o\xcb\xc8\x1b\x87\xe4\x07\xbdzV\x8d\xa5[\xe8\xba4\x923$lb\xdb\x83\xd3\xaf\xf3\xac\x95gQ\xf2T\xb1\xa5,\xae4S\x95=\x0f\x9e\xbe\'\xfc&lt;\x83\\\xf1_\x85,\xa6v\x86\xc5\xf5\xdbt\xbd\x98\x02D6\xe5\xbfz\xe7\x1c\xe0 c\x81\xc9\xc5~\xb4_\x7f\xc1{~\x08\xf8s\xe2\x15\xaf\x87t\xf8\xb5\xfb\xff\x00\x0e\xdb\xb2ZI\xe2\x11\n\xc1f\x8d\xf7@D\x91\x96Y\x00\xeeB\x8c\xf6\r_\x96\x9f\x175\xdf\xf8GS\xed\x83\x01a\x99pKq\xf3\x1d\xbf\xd6\xbc7\xe3\xb7\xc1\x0f\xed\x8f\x86zg\x8a\xae~\xd1op/$\x12D\xc7\x1b\t\xf9\x91\x82\xf4\x1d\x08\xf7\xcd*\x98\xe9S\xa6\x94U\xedv\x18&lt;\x8e\x96/\x11)NM6\xd2\xfc4?\xa9\xdd#V\xb7\xd7\xb4\x9b[\xeb9V\xe2\xd2\xf2%\x9e\x19W\xee\xc8\x8c\x01V\x1fPEX\xaf\t\xff\x00\x82dx\xf1\xbe$~\xc0?\tuI\x0b\xb4\x8f\xe1\xcb[wg\xea\xcd\x12yD\xff\x00\xe3\x95\xee\xd5\xe9B\\\xd1R]O\x97\xadM\xd3\xa9*r\xdd6\xbe\xe0\xa2\x82qEQ\x98\x94\x0e\xb4c\x02\x8a\x00\xfc\xf7\xff\x00\x82\xf8\xf86K\x8f\r|+\xf1\x14q\xee]?U\xbc\xd3&amp;8\xfb\xa9qo\x9c\xfe\x1eQ\xaf\xc8\xff\x00\xda\xb3\xc7W^4\xf0\r\xf3\xe9w3[i\xdadr\x0b\x88b}\xab"\x85(w\xafC\x95$s\xeb_\xbe\xbf\xf0S\x9f\x80\xb7_\x1f\x7fd\x9dn\xd7M\x84\xcf\xacx~D\xd6\xac\xa2\x03&amp;f\x87;\xd0\x7f\xbd\x1bH\x00\x1dN+\xf0{\xe2_\xc0\xdb\xcb\xcf\x85\xde4\xd5\xfc/\x1c\x93\x7fhY\xcb\x14\xfae\xc7 \xbe9\xf2\xc9\xfe.\xe3&lt;g\x15\xe0\xe3)[\x15\x16\xf6m?\xc9\x1fe\x96\xe2\x94\xb2\xb9\xd2\xdd\xa5$\xbewk\xf1l\xee~\x12j\x96\xfe/\xf8[\xa3j\nw\t\xadc/\x95\xe7!Fs]\xfe\x9b\xaayv\xcdj\x8cv\xb1^[\x91\xe8?_\xe5_\x19\xfe\xc0\x1f\x1d\xff\x00\xb4\xbc\x1f\xaaxr\xe2bZ\xd73\xdao\xfe1\xf7v\x8e}\x87\xa5}U\xa1kv\xedo\x0b1e\xe8\xd9\xc66\xb1&lt;~9\xc5g\x9a\xd3\x95*\xdc\xc8\xe3\xc8q\x8a\xa6\x1d\'\xb9\xd1j:,\x01\xe31\x9d\xf7\r\xc6Kz\xf5\xe3\xfa\xd5\x1dfT\xd34\xbf29#i\n\xfc\xae\x1f!\x87\xaf\xff\x00\xaa\x8dw\xc4\xb6\xfad\x12\\,\x91\xc6\xa9\x19g\xdcxE\x03\x93\x9e\xdcW\xca\xbf\xb4_\xfc\x14S\xc3\x9e\x0e\x8f\xc9\xb0g\xd4.\x19\x88\x8e(\x8f\x07\x1e\xa7\xb7\xd2\xb1\xc1\xaa\x95\xbe\x04{X\x8ce\n\n\xf5\xa5ck\xe3g\xedo}\xf0\xee\xc6\x1d\x17\xc2\xfa\x147\x1a\xe4\xd2m\x92{\x99\x0c*\x18\xf7\x1bA$\x9c\xfe\x15K\xc7_\xb4\x7f\xc4o\x03\xfc*\xb6\x93V\xd2o\x16\xf2x\xd5\xb1m1\x99\x03\x11\x90\x01\xc0\xaf\x96\xbe \xfe\xd2\xff\x00\x10\xbe&amp;x\xae\xd6\x1bk\x19l\xd7P` \x86\xd6#$\x8cC\x02\x07\x1c\xe7\xa0\xc5{&amp;\x92\xbf\x12\xd7\xe1\xf3i7\xf6:\xd7\xf6\x85\xfcBtCn\xc7a\xeb\xd7\x07\x9e:W\xa5S/\x8ccy\xb5vx0\xcd\xa5V\xa3t\x14\xac\x97DZ\xfd\x9f?n\xaf\x13]jW\x1an\xa3\xa54\x97\x97L#P&amp;i$\xe7\xb6\xd2\xa3\xa7\xb5}\x05\xf0\xa6\xc7R\xd0\xee\xd8\xcf\x0b\xc3or\xed$Q\x9c\xfc\x80\x9c\x85\xe6\xbe\x1f\xd1\x7fh\x7f\x88\x9f\xb3W\xc4\xe3\x1d\xd6\x94\xea\xad\x97\xfb=\xe5\xa0\xfd\xe2\x13\xd41\x00\x8e\x9d\x8d}9\xf0o\xfe\ni\xe0\xbf\x88\xd1\xc3e\xe2H\x7f\xb0\xf5\t\x08\x8fv\xdf\xddd\x9c\x02\x0fn\x84\xf3\x8c\x0f^\xb5\xd5,\xaeR\xa5\xfb\x99]\xee\x87\x85\xe2\np\x9f&amp;&amp;\xe9\xf9\xa3\xe8\x9b\x0b\xd9\xac.ceV\x8f\'\x19#\xf5\x1f\xe7\xb5h\xf8\xbb\xc7\xfb4\xfd\xa7b\xcd\xb7\xa0=}\xcdq\xfa\x8f\x8ac\x10C=\xb5\xd47\x16\xec\xc3l\xa8C.3\xdb\x9e\xe2\xb8\x9dk\xc5\x0f-\xd4\xbb\x98\x16\xce021\x83\xd3\xe9\xc7J\xf0\xdc\xeaBN2\xd3\xc8\xf7\xaaV\xa6\xe2\xa7\x17\xa1\xcd\xfe\xd4\xfa\xdc\x9a\x9f\xc1\xcb\x8bS\xf2\xbe\xa3?\x96\xa38*\x83\x07\x03\xdf\xb7\xd6\xb9\x0f\x84&gt;%\x9b\xc7\x7f\x0b\xbcI\xe1\xaf\xb4M3%\x80\xb8\x80\xc8K\xect \xaf^\x99\xe9\xf8\xd5\x1f\x8c\xde(mo\xe2\xbf\x82\xb48g\xb7\x8eAt\x8f)\x917\x84,F\t\x1e\xca\t\xaf\xa9\xff\x00c\x1f\xd8*?\x14~\xd5\x1e\x15\xf0n\x8bku6\x93\xe2\t\xe3\x9fW\xd4f\x904\x8dk\x19\xf3&amp;U\xc0\xc2\x8c)\x1c\x0e\xa4We|+j\x92\xf2\xfc\xd9\xc7\x94c\x92\x95j\x8fd\xf7\xf4W?m\xbf\xe0\x9f\xbf\x0c\xdb\xe0\xf7\xecK\xf0\xbb\xc3\xae\xbb&amp;\xd3\xbc9g\xe7)\x1c\x89\x1e0\xef\x9f\xf8\x13\x1a\xf6\x1a\x8a\xca\xca-:\xce\x1bx\x13\xcb\x86\xdd\x04q\xa0\xe8\xaa\x06\x00\xfc\x00\xa91\xc7z\xf6\xa3\x15\x18\xa8\xae\x87\xc7V\xa8\xeaT\x95In\xdb\x7fx\xa7\x8a)1\xeeh\xaa3\x0e\xa2\x81\xcd\x19\xe2\x85&lt;P\x022\x87M\xac\x03+\x0c\x10{\x8a\xfc\xb8\xff\x00\x82\x88\xfe\xc2\xbe!\xf8[\xe3}[S\xf0n\x83w\xa9xO\\\xdft\x89o\t\x95l&amp;c\xf3D\xea\xa3!7\x1c\xa9\xc60q\x9c\x8e\x7fR\x07\x14\x85wu\xfeU\xcf\x89\xc3F\xb4ydu\xe0\xf1\x950\xf3\xe7\x87\xcc\xfe1\xb4\xab]c\xe0?\xed\x1f\xe2\x1d=\x99\xf4\xfb\xed\x17P\x96\x1f&amp;xJy\x91\x97 pG\x00\x82\x08=;\xfb\xd7\xd9\xdf\n\xfe7X\xfcD\xd2\x841\xdcC\x1d\xd4,\x9bW~L\xcf\xd5\x80\xc8\xed\x91\xc7\xbdz\xdf\xfc\x1d\xa9\xfb$/\xc2o\xda\x9b\xc1?\x19\xb4[6\x86\xcb\xe2\x15\x87\xf6N\xb5*\xae\xe5\xfbm\xa6\xd1\x1bz\x02\xf6\xec\xab\x8e\xfeA&gt;\xb5\xf9\x81\xe1\x8f\x1d^\xf8\x1a\xfa\xd7T\xb7\xd4\x1a\x0b\x86d}\xe1\xb7a\x80\xdb\x86\xeb\xc1\xeb\x9fo\xa5i\x8c\xc2\xaa\xf0]\xcf/\x0b\x89\x96\x1e\xab\xb6\xd7&gt;\xda\xfd\xb0,\xb5\xff\x00\x15\xfc#\xd4\xf4\xff\x00\x0f\xda\xdc\xdf\\\xddyk\'\x90\xc3\xcc\xf2\xf7e\x80\xe89\x18=GN\xf5\xf1O\x84?f\x1d[\xc3\x1e?\x8fQ\xf1\x86\x87\xa9\xb5\x82)\x9e;+HZ\xe5\xa4 \x82\x15\xd9A\xda\t\xf5\xe6\xbe\xd1\xfd\x9c\xbe4\xa7\x8e\xfc4\xcdu\x1b,\xcc\x9eio3.\xf9\xceH\xe3#\x9e\x9f\x85z\x1f\x87\xfcIh\xec.,\xa1Em\xec\x8c_\x929\xc6\rxt\xf1\x93\xc3E\xd1\xb1\xf5\x7f\xd9\xd0\xc7Ib[\xbe\x8bC\xe6\x1f\x0b|V\xf8\x80n\x1d\xb4/\x03\xbe\x97b\xac\xaa\x1a\x14\x10\xc9\xb4\xe1Y\x9c\xe4;\x10\xa38\'\'\x15r\xfbX\xf8\x95\xaajW\x16\xe9y\xab[\xc1"\x89v\xa4\x12\xf9nrx$6s\xd0\xfas_B|N\xf1\xf5\xf7\x83\xb4\to,\x1a;{\x88\xd4\x96`\x8a\xc1\xfa\xf2N;\xfaW\xcd\xba\xd7\xed\xd3\xe2;\rBS%\xa6\x8a\xc67\xda\xef\xf6q\x95\xfe\x99\xad(\xd4\x85]Tnzjt(\xaeZ\xb5%\x0f$\x95\xbf#\x96\xf1\x07\xc4\xbf\x89Z\\\xdfe\xd7&lt;\x19\xaa]i\xe7+#=\xb8\xb8\x8c\xa8=q\x92y\x1e\x9c\x8c\xd7\x89x\xb3\xe0v\xa5\xf1\x13\xc5s_\xf8SG\xd4\xf4\xf8\x99\x03\xc9kr\x8f\x1cj\xd9\xe4+\xb0\xef\xd7\x07\xa5}\xb5\xe0?\x8c\x9a\xc7\x8a,\xe3\xb8\xb9\xba\xb7k{\xa4\xdc\xa9\x14c\x00\x7fO\xc2\xba\xc3\xe2\x08\xfc\x89\x1a\xe6\xde\x13\n\xa8\nH\x1c\x0fS\xefU\x1cl)\xff\x00\x06\xe9\xfe\x07&amp;3\x01O\x11\xbb\xe6]\xda\xd7\xf2G\x8c\xfe\xc8\x1a\xcf\x88\xb4\xaf\x84\x97\x1a&amp;\xbd\xe7Gq\r\xd3\xc5\x18\x97?\xbb\xc0\x1d=\x8f\'\xf3\xf5\xe3\xa9\xf1\xcf\x8f-|\x11\xa2\xcd4\x97\x18\x96\xd57`\xe4\xf3\x8c\xe3\xeapEi|L\xf8\x99\xa6\xf8\x7f\xc3\x0fz|\xb9\x16&gt;\x80\x1cc\x9cu\x15\xf1\xff\x00\xc5\x7f\x8c\x97\xde6k\x81%\xd4k\x03J[(p\x0e\x07OBN\xde\xb8\xe9\x81[\xd1\xa2\xf15=\xac\x97\xa9\xe3\xe3+\xac5\x18\xd0\x8b\xbd\x8fM\xfd\x96\xf4\xdd\x7f\xf6\x9b\xfd\xac\xed[H\xd2u\xcdb\xf2&amp;k\xa1\x15\x95\x8c\xb7\xbbq\x80\x81\x960v\xa9\xc9\\\x9e\xf8\xaf\xe9c\xfe\t\x8f\xfb\x0f\xdd~\xcd\xfe\x12\xb8\xf1G\x89\xe1\x10\xf8\xbb\xc4\x10*\xfd\x8c\x90\xdf\xd90\x1c7\x95\x9f\xf9\xe8\xc4\x02\xd8\xe0`\x0e\xc4\x9f\x81\x7f\xe0\xce\xdf\xd9\xb7P\xd1&gt;\x16|V\xf8\xbd\xa8Y\xbd\xbd\x9f\x8bo-t-\x19\x9d\n\xef\x8a\xd7\xcd\x92w\\\x80\n\x97\x9a5\xc8\xc8\xccL8 \xd7\xedH\x19\x15\xe9\xd6\xa7\x1fh\xa4\xba+\x1e~\x17\x15Qa\xdd.\x92w\x7f\xd7\xc8:\xd0E\x1dh\xe9A"QFqE\x00\x19\xe2\x81\xc9\xa0q@\xe9@\x06(\xff\x00=(\xa3\x1c\xfe4\x01\xf0\x07\xfc\x1c\xa5\xf0\xdd&gt;*\xff\x00\xc135-%V\x1f\xb7\xb6\xbdc5\x94\x8e\xa3tR\xa7\x98\xd9S\xfc9\x00\x82Gb}k\xf9\x90x\xd3\xc1R\xcd\xa4k\x8b2]\xda\\m\xb8\xb7\xc0\xca\x80\xdf+!o\xbc\x0f\xe21\xcf\xbd\x7fM\xbf\xf0po\x8b\x1bH\xfd\x9e\xbc\x1b\xa6\xe7\xf7z\x86\xb7$\xcf\xef\xe5\xc0\xc0\x7f\xe8\xc3\xfaW\xe1\xa7\xed\x19\xf0\x17N\xf8\xa5i&amp;\xa1\x1c\x1e^\xac\xb1lK\x85\xe1\x8e3\x80zz\xfe\x95\x9f\xd6\xa3\x1a\x9e\xca{2k`\xe5:~\xde\x1b\xaf\xc8\xf3O\x87_\x1e\xb4\x9f\x86\xba\x05\xed\xed\xa8\x1fh\xf9#\x84\xccwg\x9f\x98m\x188\xec=k\xda\xff\x00go\xda\x16\x1f\x1ej\x02\x1b\x89\xed\xfc\xc7o\x9d\x84\x83ks\xdb\x8fR\x00\xfa\xfd+\xe0/\x89\x1a\x1e\xa5\xe0{\xe8\xedn#e\x88d\xa7\\&gt;\x1b\x04\xfa\x8e@\xa8\xfc\x01\xf1b\xf3\xc1\xd2\xc7\xe4Hch\\H\x08l1=1\xd7\xd3\xfc\xf1W[/\xa5Q;\xee\xcc\xf0\xb9\xa5z-5\xb2\xe8~\xb2\xea\xfaF\x97\xf1KO\x92\xce&amp;\xf3X\x8d\xa5\x14\xe0\xae?\xadyn\xb7\xfb\x15xv\x03\xf6\x15\xb8\x8a;\x89\x9f{\xfe\xf5r\xc4\x8fA\xdf\x9fJ\xf0\x8f\x81\xbf\xf0P\x8f\xf8F|9\xe5\xdd\xb7\xfakm\x8d\xa4g\xcb\xec\x03\x07\x9e\xf9$~U\x14\xdf\xb4\xb6\x93o\xf1Mu\xe7\xd4\xaf\xa7\xdc\xe5\x85\xa4r\xfc\x99\xc7\x04\xe7\xaf=\xbe\x95\xe4G\x05Z\x9c\xf9)\xed\xdc\xfa\xaf\xed\x9c\x15J*uU\xde\xd6&gt;\xa7\xf0\'\xc1}/\xe1\xbe\x89\x1d\x9f\xda\xd6c\x96)\xd8\xe3wLq\x8e{W\x99~\xd3\xdf\x11l\xfc\x0f\xa6\xbd\xa5\x9d\xff\x00\x994\xa5\xbf\xd5\r\xdeH\xdb\xc7\x1d\xfe\xb5\xe2?\x1c?mk\xbb\xf6\x9a\x1d&amp;\xe2Hbb\n\xed\x90\xf1\x909\xfa\xe4\xfe\x04}+\xe7_\x1b|T\xbc\xf1I_:Gf\x88\x9c\r\xe4\x85\xf6\x1f\xe7\xb5wa\xf2\xd8s{Z\x9b\xf6&lt;\xbc\xc3&lt;r\x8f\xb0\xc3\xad;\x9e\xc1\xe3/\xda\x02O\x15\xf8f\xf2\x0b\x99#\x92i\x1dP8\xce\xd9\x15x\xc8\x1d\xba\xe7\xfck\x83\xf0\'\x82\xb5\x0f\x8b\xfe2\xb1\xd1t\x95i\x13z\t\x9f?*)?3\xb1\xe9\x9e\xd8\xaeS\xc2&gt;\x1f\xbc\xf1\xa6\xa0\xb0\xc3\x82\xcb\x9f\x98\xf6\x07\xad}\xab\xfb\x1a|"\xb1\xf0\x0e\x97\xf6\x85\x8d\xcd\xe5\xe1]\xee\xe3\x04\x81\xd3\xfa\x9f\xc6\xbd\tr\xd1WG\x87F\x9dLL\xd4$\x7fK\xdf\xf0I\x9f\x04\xd8\xfc8\xff\x00\x82n\xfc\x1c\xd0\xf4\xf8\xa1\x8e\r/\xc3v\xf0?\x96\xb8\x12J\xb9\x12\xbf\xd5\xa4\xdc\xc7\xdc\xd7\xd18\xcd|\xf5\xff\x00\x04\xae\xd5\xbf\xb5\xbf`\x9f\x87\xcd\xb9X\xc3k4\'\x1d\xb6\xdcJ+\xe8Q\xd2\xb1\xe6\xbe\xa7g//\xbb\xd8\x08\xa0\xd1\xde\x80h\x01\x0f"\x8a\t\xcfJ(\x00\xc7\xcbF\xdc\xd0G\x14/J\x001\xcf\xe1I\x9cR\xe3\x8a\xe0\xff\x00h\x8f\xdak\xc0\xbf\xb2\x87\x80$\xf1?\x8f\xfcGc\xe1\xdd\x1d\x1cD\x92\\1/q!\x19\x11\xc6\x80\x16v\xc0\'\n\t\xc0\'\xa5iF\x8dJ\xd3T\xa9E\xcaOD\x92\xbbo\xc9\x13R\xa4a\x179\xbb%\xd5\x9f\x08\xff\x00\xc1\xc5w\xe8&lt;\x1d\xf0\xd2\xd7w\xef$\xb9\xbe\x93n{\x05\x84f\xbf.`\xd3|\xfbY\x16A\xb9d\xe0.1\x8e\xd5\xef\xdf\xf0P\xef\xf8*\x16\x87\xff\x00\x05(\xf8\xad\x1c\x9e\x11\xd3/,\xfc!\xe0ye\xd3\xac.n\xfeY\xf5F}\x8d$\xc6?\xf9f\xb9\x01UI\'\x0b\x93\x82p&lt;sL\xd3\xd2d\n\xcc\xdd&gt;R;\x1a\xf0\xf3\x8a50\xf8\xc9Q\xaa\xad(\xe8\xd7f\xbaz\xae\xbd\x8f{+\xe4\xad\x85R\x8e\xcfS\xe5\xaf\xda\x0f\xf6|\xb6\xf1D\x13\xa2\xa3\xa8f\xf3\n\xc62K\x13\xdb\xd3\x92k\xe4_\x1a\xfc\x11\xd6\xbc\x1b~\xcb\xe4\xfd\xa1\x15\xb9h~`\xbf_C\xeck\xf4\xf3\xc5\x1e\x1b[\xcb\xf7\xb7Ua#a\x88u\xe1\x878\xc7s\xc8\xfdk\xce\xfcU\xf0V\xd6\xfb\xcd\xf9W\xce\xe1\x8f\x00\x80\xd5\xe8P\xc65\x14\xa4y8\x8c\xb7\x96W\x87S\xf3\x8e\xdb\xc3\x9a\xa4\x97~Z[M\xb9F\xed\xa5qS\\iz\xa5\xbb~\xfa\xd6\xe06\x01\x1b\x94\xf09\xaf\xb2|C\xfb3\xdc\xda\xddIs\r\x9d\xc4\xdfh!T\x8c\xf4\x1c\xe3\x18\xe0W#\xad|;\xbcI&lt;\xb7\xb0\x9a5\xe00\xdb\x91\x9c\xf1\xda\xaax\xf8\xc5\xd9\x1c\xff\x00P\x9b\xf8\x91\xf2\xf1\xd2\xaf\xaf%\xdd$su\xc0\xc8\xe6\xb7\xbc=\xf0\x9a\xfbS\xbbQ6\xd8\xd1\xba\xe7\xbd}\x05\xa6|\x15\xb8\xbb;\xc5\x9bB\xbc\x00\xce\x06k\xac\xd2&gt;\x08J\x15\xbfv\xca\xd1\x80\x1b\x1d\x17\xf1\xef\xf4\xf6\xad#\x8a\xe6^\xe9_Q\x92\xdc\xe3~\x0e|&lt;\xb3\xd0e\x8e\x06\x92\x06\x910\xc5A\xc7\xcb\xea\xdf\xcf\xf1\xaf\xa9~\x1bi_e\xb3\x8eEh\xdb\x80\x06\xde\x95\xc4\xf8+\xe14:M\xccl\xb1\xc8\xdc\x01\'\\~_\xe7\xadz\x8e\x89\xa6\xac\x10\xf9L\xbb&gt;\\\x1c\x0c`z}k\xcf\xaf\x8a\xe6\x95\x8fs/\xc1r\xaek\x1f\xba?\xf0F\x1dH_~\xc1~\x1d\x8c\x1c\xfd\x92\xf6\xf6#\xcf\xfd7c\xfdk\xea\xec\xfb\xd7\xe0W\xc0o\xf8-/\x8e\x7f\xe0\x99\xde\x0b\xb1\xd24\xff\x00\x01i\xbf\x10&lt;\x0fq{%\xde\xa3n\x97om\xaaYec\x05\xa0l22\xe1I\xdaW9\x1dpx\xfdZ\xff\x00\x82v\xff\x00\xc1[\xbe\x0c\xff\x00\xc1M|&amp;\xd7\x9f\x0fu\xc9!\xd7-S}\xf7\x87\xf5E[}N\xcf\xa6N\xc0\xc4:\x82q\xb9\t\x1d3\x83\xc5{T\xb0ugG\xdbA]%\xad\xb5k\xcd\xad\xd2\xf3\xd8\xf1qU#\n\xee\x12\xd1\xb7\xa7\x9f\xa1\xf4\xdd&amp;}\xe9{PMs\x92\x19\xa2\x938\xa2\x80\r\xbf-p?\xb4\xf7\xed\t\xa4\xfe\xca\x7f\x02\xbcE\xe3\xedr\xcfQ\xbf\xd2\xfc7j\xd7S\xdb\xd8\xaa5\xc4\xa0p\x02\x87e^\xa7\xb9\xa2\x8a\xe8\xc2S\x8c\xeb\xc2\x12\xd9\xb4\xbf\x13:\xd2q\xa6\xe4\xbb\x1f\x87\xdf\xb5\x7f\xfc\x1dE\xf1[\xe2\xab\xcd\xa3\xfc*\xf0\xde\x93\xf0\xe2\xc6\xe0\xb2\xae\xa7u\x8dKT\x08\t\xe5w\x01\x0clG\xfb\x0f\x8e\xc6\xbe\n\xf8\xe7\xfbS|E\xfd\xa95\xe8uo\x88&gt;1\xd7|Y{j\x0cp\xbe\xa1t\xd2\x08\x14\x90J\xa2\xfd\xd4\x07\x8e\x14\x0e\x94Q_\xdc\xfc\r\xc2\xb9N\x0b\x0e\xaa\xe1p\xf1\x8c\xbf\x9a\xd7\x96\xcb\xab\xbb\xeb\xdc\xfc\x874\xcc15\xe5j\xb3mv\xe9\xbfm\x8d\x0f\xd8\xfa\xf0\x885Knv\xae\xa5 \xfa\xf3_Ph6\x7f,|\xfe\x1f\x98\xa2\x8a\xfe\x06\xe3el\xef\x14\x97\xfc\xfc\x9f\xfe\x94\xcf\xdf8w\\\x05+\xff\x00*\xfc\x91\xb9\x16\x90\x9fe"O\xde/`{\x1fZ\xe6nt\x18\xe0\xd6$W\xf9\x83\xb6~\xb9\x03\xaf\xe9E\x15\xe0\xd1\x93\xb1\xe8b"\x8d\x9d\x0bH\x82\xff\x00QX\xd9\x17\xcbp\x01\x05s\xfe\x7f\xfdT\xff\x00\x13\xfc\'\xd2\xed\xd9\xa4xU\xb6\xa6A\x03\x91E\x14V\x93\xd0\xbc&lt;W!\xe5\xfe/\xb0\xb3\x86O&amp;(v\x08\xdb \x81\xceA\xf5\xa8\xed\xf4\xf8SGDX\xa3F\x9d\xb7\x02\x07\xe3\xcd\x14WV\x1eM@\xe6\xa8\x93\x92\xb9%\xbc&gt;]\xeb*\x9c\x05\xfb\xf8\'\xe6\xed\xfd+R\xc2\x13\n/9\xday\x14Q\\w|\xe7\xad\r!\xa1\x87\xe3\xd8~\xdd\x0c!\xb9\xf9\xcf\x07\xd3\xa5x\x1d\xc4\x9a\x8f\xec\xcb\xfbP\xe8~*\xf0^\xa9}\xe1\xfb\xeb\xed\xdb\xa4\xb0\x99\xa0\x91\x1f\x07\xe7R\xa4`\xff\x00&lt;\x9a(\xaf\xd1\xf8\x0e\xb4\xe1\xc4\x19z\x8b\xf8\xaaB/\xcdJI4\xfb\xa6\x9bMv&gt;;\x89\xa9BYn!\xb5\xaa\x8bk\xd5-\xcf\xbd&gt;\x07\x7f\xc1|\xbfh/\x81\x9e\\\x97\xba\xdd\x8f\x8e\xf4\xd8T\x19,u\xf8|\xc6u\x1c\x9d\xb3\xc7\xb6Ub8\xc9.\x07\xf7M~\x88\xff\x00\xc14\xbf\xe0\xbe~\x19\xfd\xbf\xbck\xa7\xf8N\xeb\xc0z\xf7\x85\xfcM}\x19th\xaeb\xbc\xb18]\xc7.J:\xf1\xfe\xc3QE\x7fH\xf8\xb7\xc1\xb9&amp;\x1b\t,f\x1b\x0f\x18T\xb3w\x8d\xe2\xb4k\xa2i~\x07\xe4\xbc+\x9b\xe3\'5Ju\x1bWK]\x7f\x17\xa9\xfa\x03\xbb"\x8a(\xaf\xe5\x13\xf5\x13\xff\xd9'</t>
        </is>
      </c>
      <c r="M255" s="3" t="n">
        <v>45492.67866898148</v>
      </c>
    </row>
    <row r="256">
      <c r="A256" t="n">
        <v>868777</v>
      </c>
      <c r="B256" t="n">
        <v>7314</v>
      </c>
      <c r="C256" t="inlineStr">
        <is>
          <t>Jan Hurtado</t>
        </is>
      </c>
      <c r="D256" t="inlineStr">
        <is>
          <t>J. Hurtado</t>
        </is>
      </c>
      <c r="E256" t="inlineStr">
        <is>
          <t>CA</t>
        </is>
      </c>
      <c r="F256" t="inlineStr">
        <is>
          <t>ATA</t>
        </is>
      </c>
      <c r="G256" t="inlineStr">
        <is>
          <t>CA</t>
        </is>
      </c>
      <c r="H256" t="n">
        <v>181</v>
      </c>
      <c r="I256" t="n">
        <v>9</v>
      </c>
      <c r="J256" s="2" t="n">
        <v>36589</v>
      </c>
      <c r="K256" t="inlineStr">
        <is>
          <t>Right</t>
        </is>
      </c>
      <c r="L25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*\x1b\x8b\x88--\xe7\xba\xba\x9e\x1bk[hd\xb8\xb9\xb9\xb8\x91!\x82\xde\x08P\xc94\xd3M!X\xe2\x8a(\xd5\x9eI\x1d\x95\x11\x14\xb3\x10\x014\x015~W\xff\x00\xc1G?\xe0\xa1\x97\xdf\xb3/\xec)\xf1\xf7\xf6\xad\xfd\x94\xf4\xdf\x87\x9f\xb4\xbf\x89~\x06i\xda6\xb9\xe2\x0f\x0e\xe9~3\xb2\xbc\xd14o\r]\xde\xdb\rk\xc4\xba\xcd\xd6\x81%\xf5\xc3Xhz4\xd2kw\x10\xda\x91q6\x9f\x04\xd7\x16\xfeq\x8cC+I\xb0?R\xa7\xb8\x82\xd6\'\x9e\xe6h\xad\xe1\x8dY\xe4\x9ay\x12(\x91\x11K3&lt;\x92\x15UUPY\x89 \x00\t&lt;\n\xff\x00:o\x87\xbf\xf0w\xb7\xc5\xef\x1a\xd8|I\xf0\xa7\xedS\xfb=\xf8)\xbc#\xe2\xfd#\xc5\xf6?\x0f|c\xf0cU\xd4\xdb\xc4\x1f\r/5\xaf\r.\x9f\xe1\xf6\xd7\xb4\x1dwm\xb7\x8e\xadt\xad}\xa6\xba\xba\xd6\xf4\xd94\x8b\xc8\xb4\xcb\xc8`]\x06\xe6\xe3K\x9bP\xd4\xcbj\x95\xd7\xf9i\x7f\xeb\xcc\x0f\xed\xeb\xf6\xc6\xff\x00\x82\x89\xfe\xca\xff\x00\xb0\xd7\x874]\x7f\xe3\xc7\xc4\xef\x0cxe\xfcIp\x96\xfa\x0e\x9fy\xae\xe9:|\x97\xe6K\x8f\xb1\xa4\xedy\xa8]\xdb\xd8\xda\xda\xfd\xac\x88^\xe6\xe6\xe28b\x0b&lt;\xf2\xb2Am&lt;\x89\xfe0\x7f\x14&gt;7\xfcY\xf8\xcd}\xa7\xea\x7f\x17~#\xf8\xbb\xe2^\xad\xa7Gu\r\xae\xa3\xe2}f\xf7T\x87N\xb7\xb8\x96V\x9d4\x0b;\x86\x86\xcbJ\xb2\x9eWy\x8aYX\xd9\xbc\xa8\xc9\x1c\xeb\x88bX\x9e\x8a\xd7\xd7\xd1\xdb\xb7\xae\xbd\xff\x00=\x18\xafw\xd9\'\xaf[\xed\xb7\xdfmO\xf4\xcf\xbb\xff\x00\x83\xac?`=\x1b\xf6\x8c\xf1\x1f\xc2Mo\\\x84|1\xb6\xbe\xd2\xad\xbc-\xf1\xc7D\x92_\x10\xf8\x13VT\xb1\xbc\x7f\x14Gw\xaeh\xe6\xf3O\x89\xb4\xfb\xfbA\x1e\x8f}n\xd2\xe9\xba\xbcw6\xd0C;]\xbc\xc9o\xfe\\z\x94\xc5\xecR\xd9\xccd[&lt;e\x18\xe5\xd5\x93\x05I*Kn\xdc\xa5\x13h\xf3\x07\x97\x1a\xee%@\xc8\xad\xd7\xba\xfc\xd5\xd5\xee\xbf\xab\xec\x17\xd5+7{\xec\xaf\xdb\xa2_3\xfd\xb6\xfcs\xff\x00\x05\x00\xfd\x95|\x0b\'\xc0\xfb]c\xe3\'\x82,5\x1f\xda\n]\x16\x7f\x86\xfaf\xa5\xacEg\xa9\xebZ&amp;\xb3\x05\xbd\xd4Z\xc2i\x845\xfc6\xcbmwo#=\xcc\x10\xc5\x10vi\xe5\x89#c_\xe2\xab\xe2O\x88~6\xf8\x8fu\xa3\\x\xf3\xc4\xfe!\xf1t\x9e\x19\xd0\xed\xbc=\xe1\x88|A\xaej\x9a\xe5\xbf\x874\x8bESe\xa5h\x16\xfa\xa5\xed\xeah\xfa\\\x1bVH\xacl&lt;\x8b8dE\x95R7\x8dB\x9a.\xedy+v\xf5\xbf\xf5\xd0\x13}\xbby\xf6\xed\xea\x7f\xb2o\x86\xbf\xe0\xb0\xbf\xf0NO\x1c\xfcs\xb2\xfd\x9b\xbe\x1e~\xd3\xfe\x01\xf8\x8f\xf1\x92\xf7V\xbf\xd1?\xe1\x0f\xf0\x15\xd4\xbe)\xb8\xb3\xd4\xb4\x8dF]3\\\xb6\xd4n\xf4\xb8\xe6\xb1\xd3\xdfB\x96\t\xe7\xd5\xc5\xd5\xc4f\xce\xd2\t\xee\x18\x15\x86P\x9f\xe3U\xe1/\x1f\xf8\x9b\xc0\x17\xd1]\xf8c[\xd64\tV;\xcbsy\xe1O\x11j\xfe\x13\xbd\x9a\xd6\xfa\xd4\xda\xdd\xda\x8dc\xc3\xf7\x16\x9a\xa5\xac\x17+\xff\x00\x1f\xd6\xf6\xf3\xacW\xb0\xff\x00\xa2\\\xa3B\xec)+=:\xbd\xbb\x7f_\xd5\xc1\xb6\xb5\xb5\xd7\x96\xad\xbd4\xb6\x96\xd5\xef\xb1\xfe\xf01M\x15\xc4I4\x12\xc742(x\xe5\x89\xd6H\xa4S\xd1\x92D%]Ob\xa4\x83\xeb_\xcd\x8f\xfc\x1b\xb9\xfbe\x99\xff\x00\xe0\x89\xdf\r~=~\xd6\x7f\x11t\x8f\x05\xf8/\xe1N\xa7\xf1\'\xc2\xba\x97\xc6\x0f\x89\xde,[]?P\xf0\xcf\x82|Y\xa9\xe9k\xaf\xeb\x9e$\xf1\x0e\xa1-\xc4\xf3\xf9\x90\xbd\xb5\xcd\xcd\xfd\xc2\xde]\xea1]\xacp2,R\xce\x86\x7fJU\xf1\xb7\xeco\xfby~\xce_\xb7\xbf\x86\xfcs\xe3\xaf\xd9\x83\xc4\xfa\xaf\xc4\x0f\x87^\x04\xf1k\xf8\x1e\xe3\xe2\x11\xf0\xee\xaf\xa3xK\xc4~!\xb6\xb4\x8a\xf7Q\x83\xc1\xfa\x9e\xabmj&lt;Ie\xa6Eqk\x1d\xe6\xa5\xa7\xa4\x96Q\xddO\xf6A)\xb8\x86x\xe3\x00\xfb&amp;\x8a\x00(\xa0\x02\x8a\x00(\xa0\x02\x8a\x00(\xa0\x02\x8a\x00(\xa0\x02\x8a\x00(\xa0\x0f\xc1o\xf8(\xef\xfc\x17\xfb\xf6"\xff\x00\x82y|h\xd6\xbffO\x8eV\x1f\x11\xf5\xef\x1bM\xf0\xfa\xc3\xc4\x97\x91x\'\xc1\xf7\x1e$\xd3l\xad\xfcK\xf6\xdbk\x1d+^Y\x85\xacp\xc7\xaa[A+A=\xbb\xdfE,Iy\x14\xab\x0c\xb1D\'\xfe%\xbf\xe0\xea\x9dgR\xd6\xff\x00\xe0\xb0\xdf\x17l5}\x12\x1d\n-\x0f\xe0\x87\xc0\xbd\x1bI\xb9\x85\xb77\x89\xf4\xc8\xb4\xdf\x10\xea\xd0\xeb\xce\x1aB!\x9b\xed\x1a\xbd\xee\x90\xc8:\xff\x00b\xc7(\x00\xb9%\xdbK\xdb\xcd\xeb\xd2\xf6\xdbG\xf8\xbf\x90\x9b\xd5.\xfeO\xcb\xae\xda_\xfa\xb3?\x11\xa5\xfd\xa3\xfcy\xf0\xa7\xe2O\xc7\x89?f\x9f\x88^=\xf8;\xf0\xc3\xe3&amp;\xad\xf1\x0bD\xd4|\x13\xe1\xbd]\xb4}+X\xf8Y\xe2/\x11j\xb3\xf8w\xc1&gt;%\xf0\xfd\x88o\x0f\xddC\xa5xv\xe6\xd7K\x8e;k!&amp;\x91j\xf7Z^\x91\x7f\x1d\x9c\xa6[\x9f\x98\xaf|\xb1y\xbde\xf3\x15\x86\xe06\xee\t\xf3\x10X\xe1\\#\x14\x1b\xd8 s\xbb;\x9f\x04\x00k\xab\xdb\xae\x9auV\xfd\x03K\xdb\xae\xee\xcb\xc9o\xe9\xa7\xe1\xd2\xc3\x15\xed\xd0G"\x96\xb6\xf2\x11c\x84"\x9d\xb2mRX\xb0\xf9\x8a\xa4J\xc8\xa8\xa4\x00G\xddp\xd9\x15\x9d;G\xb0I\x08\x93\xe7U\x0e\xec\xf9&gt;a\xdcB)\xdcp\x81x\x01\xc1\xdc\x00b\x06\xe2)|\xbdF0.]\xc3\x02\x0c\x8d\xb8&gt;C\x05\xc0\xdf\xb7\x01F\xe5c\x8d\x84\x148\xc6\xe0ya-\xbc7w\x11\xec\xb5\x82{\x87\x0e\xc7e\xbc\x13J\xf2 \x0c\x1aE\xd8\xae\x0f\x97\xb9\x83v\xc9Q\xb8\x1cP\xdcw\xba[h\xdf{yu\xfe\xb6\xd4W}\xdf\xc9\xdb\xa7\xcb\xccI\xe7Y\x11\xa3\xf9B\xfc\xbf\xf2\xcf\xe6\x0f\x83\xc1m\xcaUJ\x906\xa8)\xc60[$\xec\x7f\xc21\xe29 \x13\x1d\x1fPXHV\x12\xbd\xab\xc5\x18F\x01F\xef\x909;\xd9J\xfc\xbb\xb7\x10\xa0\x03S\xedi\xeb\x1fi\x04\xdfNh\xebg\xeb\xd2\xe5:s\xdf\x92Zi~F\xed{u\xf3\xd6\xff\x00-\xcc4\xb9e\x88\x14\xd8\x0b$\x88Wi\'\x0e\x08\x92L\xab\x7f\xac\xed\xc8\x07\r\xb8\x11\xd0\xe9O\xe1\xfdz\x08\xcc\xb2\xe9Z\x8a\xc4\xa1\x0f\x9a\xb6\xf3mT\xc8\x00\xb1\xc7\xc8\xb9 !p\x03\xb0\x03\x04\xaa\x90*\x90z)\xc1\xf9)\xa7\xdb\xa5\xefwt\x1e\xce\xa4W3\x84\xd5\xec\xdbq\x92[-\x9b[\x7f\x99\x95\xb0\xb8\xf2#\x91\x03\x97.\x87s\x106\x9c\x12\xe5\x88\n\x00\xdc\xd9&gt;\x80\x9e\xb8\xa7\xa3\x08\x1e_5&amp;\x8e\xe3\x1bJ2m2\x02\x00(\xd99N\x00e`\x8d\xbc\xee$t5w\xd3\xa3\xbf]|\xbfM4\xff\x00\x87\x8bk\xf3O]\xb4]\xbc\xff\x00K\xed\xa3\xfaK]\xfd\xa8\xff\x00h\x8do\xe0\'\xc3\xef\xd93\\\xf8\xc7\xe2-W\xf6m\xf8a\xaak\x9e&amp;\xf0\'\xc1x\x9e\xd2\xcb\xe1\xfe\x9b\xe2\x0f\x14j\xb2\xeb\xda\xfe\xb1\xaa\xd8\xe9vvSx\x9fP\x9fW\xb9\xba\xd5-.\xfcU&gt;\xb3&amp;\x8fwur\xfaP\xb2i\xd9\xeb\xe6\xa0\xca\xf2\x07g1\xaeN\xc0\xaa\xd2yH\xce\xf9C\xbfn\xed\xa0q\x8c\x93\x91\xca\xe0\xe1\\\x7f\xd6\x9aj\x7fQ\xbf\xf0o\xf7\xfc\x17\x83F\xff\x00\x82\\\xf8\x7f\xe2?\xc0\xaf\x8d&gt;\x1e\xf1/\x8d~\x06\xf8\xff\x00\xc6\xb2\xf8\xff\x00Ko\x0f\xdb\xdf\xeb:\xd7\x81&lt;A7\x86d\xb1\xd4c\xd2mR{\x99d\xd2|A\xa9\xe9\x9a)\xb9\xd2\xact\xe1\xf6[\xcb\xbdS]fb\xf7\x9b\xff\x00\x98\xfd=\x1a\xda\xe2\x17\x904e\x11\xa3\xfd\xdc\xd1\x86d\x1b\xc9s\x1a\xaba\x8a\x10\xa1C\x92\xe4\x12\xe5T\x82\xb4\x9e\x8e\xe9?\xc1\xef\xd2\xde\x9f+\x8b]7]m\xf7Z\xf7\xd57\xdb\xe7s\xfd\xc7\xbfd\xff\x00\xda/\xc1\xbf\xb5\xa7\xec\xeb\xf0\x9b\xf6\x8c\xf8\x7fw\r\xef\x84~,\xf8N\xcb\xc5z&lt;\x90\x07\xd9\x1c\x17\x8d"\xb5\xa92\x12\xcd%\xa4\x91\xbd\xb4\xaf\xc0y#gP\xaa\xc1G\xe2\x1f\xfc\x1a\xa9\xf1\x1b\xc7\xbf\x10?\xe0\x91\x7f\n\xed|b\xfaD\x9a?\xc3\xcf\x1d|F\xf8i\xe07\xd3\xed\xef\xe1\xd4G\x85\xfc%\xe2K\xbb8\xe3\xd7^\xe5E\x8d\xcd\xf4wm8\x86}%\xe4\xb5\xfb\x19\x869\xca\xde\xc7p\xa2F\x7fHtP\x01E\x00\x14P\x01E\x00\x14P\x01E\x00\x14P\x01E\x005\xf7\xedm\x9bw\xed;7\xe7n\xec\x1d\xbb\xb1\xce\xdc\xe38\xe7\x19\xc75\x1d\xcc^}\xbc\xf0oh\xbc\xe8e\x8b\xcc^\x1a?1\x197\xa9\xec\xc9\x9d\xc0\xfa\x8a\x00\xff\x00\x1a\xef\xf8,\xa7\xed1\xf1_\xf6\x9a\xff\x00\x82\x8d\xfe\xd5^6\xf8\xcbq\xe1i|O\xe0o\x89^$\xf8\x1d\xa5\xa7\x82e7&gt;\x15\xb4\xf0\x7f\xc2_\x15k\x9e\x1f\xd0\xf4\xeb+\xf5a%\xf4\xe1\x9e\xfa\xe6\xfa\xe2rg\x8fS\xbb\xbc\xd3\xae\xf6I\xa7`|\xdb\xf1\xfb\xc1\xc2\xf7\xf6\xcb\xfd\xa2&lt;&amp;\xda\x99\xd6,\xb4\xef\xdaw\xf6\x85\xb3:\x94\xb7\x06A\xab\xd9\xe9\xdf\x15\xfc_f\xf7\xa2\xe0\xb3I2\xeaM\x10\xb83J\x9b\xd9\xa4\x9aF\x05[$\xabR\x14\xe0\xe6\xd3J:i\xab\x93\xd3e\xa7\x9b\xd7n\xact\xa9\xce\xb5_e\r[\xe9\xb5\xb6\xd6\xfd7\xfcO\x99\xfc?\xe0\x8f\x10x\xaaek+T\x8e\xcd\xa5G7\xef\x1b$+\x1b+nUi\x984\xc1D`b#(.p]\x99\xb0?D\xfc=\xe1\xbb(\xd6\xd2\xda\xce\xd2%\x10\xc7\xe5\x9bx\xed\xc2\xacm\x18UR\xa65\xfd\xe4)\x1a(\xdc6\x87Vrc\x05\x89&gt;U\\\xc2Kd\xa0\xac\xadt\xa5/\xb3\xbb\xd9i\xd3\xd7W\xab&gt;\x83\x0b\x91:\x9c\xbc\xd2\x94\xafg\xcb\x07d\x93q\xb6\xd7\xbd\xfdV\xef]\xd9\xf3\x97\x85\xbe\x03X[O\x14\xb7p\xbe\xac\xc0cm\xc4J-\xfc\xc6 \xc8#\xb6Pd\n\x98(w\xc8U\x97\x1d\xa4$~\x90\xf8+\xc0\xd6\xf7\xeccs\r\xbb}\xef\xb5\xb2\xfe\xec\xb1V\x00G\x14\x8e\x0bml \x91\x06I\xc0V\x19\xcay\x15\xb3Y\xda\xfe\xd2\xf1w\xd3\x9bWnW\xb6\x9fwG\xd0\xfa|\x1f\x0c\xe1\xf9\xa3x.egy\xf9\xf2\xad\xe4\xed\xf3\xd6\xd7g\xca:\'\xc3}\xd2\x08l\xb4\xd8\x93j\xbc9\x8a\x00F\xd6t\x8f\x0c\x90\xc4\x8a\xe1D\x98^P\x12\x0es\x9e\x7fL\xfc7\xe0=\x02\xceB^\xfa8ey\x96$Ki\x15\xb2\xaf\xe5\xee30\x8a2\x10\xb8]\xd1\xcaTn*\xdf~4\xdd\xe4\xcf\x1f\'-\\\x9aV~\xf5\xff\x00\xba\x9aVv\xfc-\xa1\xf4\x98\\\x92\x8cU\x94i\xc7K]J\tI&gt;Uo\x87}\xbe\x1d\xf6G\xc1Q|\x15\xd6&amp;id\xbc\xb3\xbfc*\x9f0&lt;A\xa3]\xbb\x82\xb4AdUB\xb2\xecUp\xa5\xcf\xcd\xf7\xe4\x07w\xea\xf6\x8b\xa0x:\xe9u\x08\xa6\xbe\x828bL\xc9s\x1c\r\xe4\xa9V\x8c0\x99\xfc\xb5\x12\xc8]\xd9\x989\x05\x91\x9b1\xb1D&amp;g\x9aJ\x1c\xb1\x93\x97+\xb5\xbe\x1b\xab\xf2\xe9k.\xbb\xb4\x9fC\xb6\x8f\x0c\xc6\xa3\x9c\xa2\xa1\xcd\x16\xa3\xcb);IYo+\xda\xc9\xdd+\xbd\x17gc\xf1\xc3\xc4\xbf\n/,!`-\xdfa\x8d\xf2\x1dZ7^\x99VV\\;,\x80\xa2\x8d\x89 rX\xef9\xc7\xea\x7f\x8fl\xfc\x07.\x9f&gt;\xc4\x8e\xf8FZ\x19$\xba\x10\xc6\xc0\x95\xf2\xdad\x91$\xcc\x88\xb1\xb0x\x82\x18J\xc60\xe4:\xb3&amp;\x91\xc7JZ\xc7x\xb4\x92sI\xb4\xb9S\xdd-\xaf\xa2\xd6\xfamc\x8f\x15\x92Q\x85\xa3Qr\xb5\x1b\xcb\x962\xd1\xfb\xb6\xbd\xff\x004\xfe{\x1f\x86\xfa\xef\xc3\x9d:i\n\xde\xe9\xb6\xe0\xbf\x98\xe5\xfe\xcd\xe5\x17\xca\x90\x1d_n\xfd\xf1\xe1\x88\t\xb4\x8f\xb9\xb0cm}\x99\xf1\x03\xc3\xdap2\x0bH\x93\xfd{\x18I0\xfc\xe3\x1f(\x93kl\xf4\xdaX\x9d\xca\xa1\x8eX\x05\xafG\x0f\x98I\xbb)=\x15\xda\x8c\xad\xca\xec\x9e\xbc\xbb\xf9\xbbv\xbe\xc7\xce\xe3r\n\x1f\x12\x84u\xd5\xfb\xae\xcf\xe1\xf2\xb2\xbf\xf9\xd9\xf7\xfc\xc4\xf1?\xc2\xc9\xac\xbc\xe9\xf4f\x90(H\xde+9\xc7\xefdV\xca\xb4k#6\xf0\xdbWx\xdc\xbc\x8f0\x9d\x89\xd3\xeb\rKN\xb7\x92c\x1d\xcc2\xa0Em\x8d\x80\xc5ch\xf6\x91\xe6\x12X\xab\xe5\xb0\x80\x16\xd9\x84@\xd9m\xde\xa5\x1ct\xda\xba\x9b\x92N\xcdK_\xe5Ikf\x97K\xf4\xbb\xb2&gt;g\x17\x93*\x7f\r\xa1e\xd9\xc5}\x9e\x8f\x99YkkZ\xfe\xba\x1f\x02Z\x1b\x8b\x0b\x92\x97*\xd1\xcfk3+\xc4\xd1\xe1\xe2uS\xb8yyS\xb4\x05!\xcbeA\xc1Q\x96\x15\xea\xbf\x114X\xa0\xf1\x00\x9a\xde?\x92\xe2\x0f\xb4JP0Ex%e1\xa8`\xc1\x03\x88\xb3\xb0\x82d\xc4\x80c\xee\xaf\xafF\xa2\xab\x14\xec\xd3\xfbJ\xd7\xb3\xd3E\xeb}?\xab\xfc\xf5zS\xa1\'\x07k\xf4\xec\xfe\x1e\xae\xdb^\xdf?C\xfd\x1a\x7f\xe0\xcf\x0f\xdas\xc5?\x15\x7fa\x0f\x8a\x7f\xb3\xd7\x89?\xb3\x9e\xc3\xf6_\xf8\xa6\x9aO\x82.-m-\xado\xa5\xf0\xa7\xc4\xab\t|t\xd6\xfa\xa3B\xe2[\xc9\xb4\xddv\xfbV\xb1\xb6\xbe\x9e\x16\x96{$\xb7\xf3ne\x91Z8\xb2\xbf\xe0\xcc{\x15O\xf8\'\xd7\xed\x1b\xaa\xb6\x87\r\x84\x97\xbf\xb5\xdf\x89,\xe0\xd5\xc5\x8d\xa4W\x1a\xd6\x9f\xa7\xfc3\xf8nbY5\x08c[\x9dB-.\xf2\xea\xfa\xc2\x11v\xccl\xfc\xb7\xb4\xb7T\xb5\x8e\x15\x1a\xbd\xff\x00\xe1\xfai\xd7\xd3n\x86J\xf6\xd7~\xbd\x9b\xea\xd5\xae\xac\xcf\xec\x16\x8aC\n(\x00\xa2\x80\n(\x00\xa2\x80\n(\x00\xa2\x80\n(\x00\xa2\x80?\xc7\x0b\xfe\n\x13\xe0\xad\x0b\xe1o\xfc\x15?\xf6\xe5\xf0\xa7\x87\xad\xd6\xc3B\xd1\xff\x00j\xcf\x8b\xff\x00`\x82\'\x9e\xe3\xec\xff\x00\xf0\x95\xea\xeb\xe2\xd9\xec\xe23\xc5\x1d\xce\xc6\xd4\xb5\xbd@\xc0\x81&lt;\xb8\x11R\xd6\x06{x\xa0-\xfac\xff\x00\x05\xed\xf8\x03k\xe0\xcf\xf8-\x0f\xed7|\xf1Hc\xf8\x98~\x11|a\xb7\xb4k=\xd0\xc9m\xe2_\x86Z7\x85\xe7x\x19bE\xf2[[\xf0\x06\xb5uq2I4\xf1\xde\x1b\x87r\x10\xacT\xb1\x14\x9dL;j\xfa=\x1d\xba\xd9_\xcd\xbb\xbdv\xf5\xd4\xeb\xc0F\xacqT\xea\xc2\x0f\x96R\xe5\x94\xdc[\x85\xd2\\\xca\xeb\xb4\\y\xb4\xdb\x97\xba?,\xbc\x1b~\x91\xea(\xd3\xf9\x8a\x92\xbb)\xdf\x90\xbf;\x00y\x8c\x86B\xca\x01\\\x15\x12\xba\x12\xcb\x9a\xb7\xac\xa4\xff\x00\x0eM\x81\x9a\xc5\xb5\x8d[T\x89\xae4\xfd\x1d\x1d\x12\xe0\xc4\xcd\x84\x9aXV9&amp;[@\x80\xb0\x91b\x95\x88\x01c\x88\x9c\x9a\xf9\x8cM\x19\xb4\x97\xb3\x93\x9e\x9ai\x1d\x1d\xb7\xe6\xb6\xfd7\xb6\xba\x1fy\x84\xafJ\x94\x94\xe78SJ1\xe6|\xb2\x93v\xe5\xd2\x14\xe9\xa7&gt;d\xac\xf4Z\xeb\xe8}\x1f\xa4\xb6\xb3p\x16=*)\x8cL\xbeC\xecbA\xe8\xb2\xac@\x8f\xde0\x04J\xca\x9b~R\\(\xc6_\xc7|1\xfbMx\xbb\xc1\xb6q\xde\xe9\xbf\x08,5\xbb\xc8]\x9amCT\x97\xc4\xc6\xd649\x8d\xd6\xde5\xd1\x96\xd2\x18\xe0\xc0\x94\xcf$\x93,\xd0\x84H\xda&amp;\x91\x99&lt;z\xb8l\\\xdf$iR\x8cU\xb4u\xa9\xa6\xef\xcbn\xad\xdd\'\xb7[\\\xfa\x1c6k\x92\xfb\xb2\xaf\x8a\xc5\xcaN\xc9\xaaX\x1c\\\xb6\xe5\xdd\xca\x9e\xfbkt\xfai\xbb\xfbk\xc2\x9f\x0f|i\xa9Kk=\xa8\xbb\xb9\x81\xda\x16\x94\xc1j\xec\xa2`\x85\x8eR8\x08\xf3S\nS\xcee\x88\xfc\xa0\x86e\xe7\xc8\xfe\x1d\xff\x00\xc1H\xfc\x7f$3Yj\x1e\x05\xd2t\tbQott\xc6\xb8\x8e\xda\xfa\xd2I\x84oi \x9da\x9d\xb1\x17\x94\xcd\xe5~\xf0\x81&amp;B\xb6\x14\xf8\xb8\x9a9\x85\t/iB\x9c\xa9\xcb\xad:\xd1\x94\xba7v\xa4\xad\xa5\xed\xa7F\x96\xa7\xd5e\xb9\x96E\x88\xb7\xd5\xebV\x8c\xe1\xcb\xcc\xaa\xe1\xaa\xd2\\\xcf\x97\x7fiN\xce\xdb\xe9\'\xdc\xfbN\xd7\xc0/e\x01\xb9\xd5\xfc=\xac\xearlc%\xbe\xc3gg!\xb8F\xb7\x8am\xd3\r\xb1\xaa\xb2\xb4\x9ehx~b\xb8\x020\xa5&gt;\xb1\xf8\x1b\xfb`\xa6\xbd\xe0\x9bK\x8dG\xc2\xba=\xd5\xc2\xcbl\xb7\x16\xcc\xb61\xcf\xf6i\xadJ\xab\x0b\x89-\xef\x19\x83[\xb8\xc4\x7fd\x9d\xb9\x11\xab\xc7,\x8d*y\xaa\xad)\xde\xde\xd2\x15\x13\xe6\x92\xfd\xe5X\xa4\xb9v\xe4\x9av\xefuk\xeb}n}*U\x15&gt;j~\xca\xb59\xf2\xf2\xbex\xd1\x96\xb6\xddJ-=\xf5{-\xafs\xf3\x17\xc6?\x0b|Ky\xb9|?\xe1\xff\x00\x13LmC\xfd\xa1\xae\x14\x9bX\xe1\x90&gt;\xcd\xd3\x85t\x119&amp;8\xd5L\x98\x8b\xe5iN\xe5Q\xeb_\xb5\'\xfc\x14?P\xd2u\xbdw\xc2\xbe\x13\xb1\xd24\xdd*(\x8coc\xa7Eo\x1f\xda\x9a&amp;\x8a8\x84\xae#\x8e\xeaC\x14\xd0)o1\xf3\x1ay\x91*2*8\xe9\xa4\xab\xd4\x94}\x8f\xb4\x92\x95\x974\xa9r\xc6\xfe\xeav\xe7\xa9t\x9a\xd1\xb4\xbb[\xcf\xcb\xc6\xd6\xcb\xa8)}vT\xd3\x8e\xae0\x9cg&gt;\x89\xafv)6\xde\x89s_\xf3?=|m\xe1-{G\r\x0c\xfau\xc6\xe6d\x1eY3,FM\xa8\xcaw\\\x00\x08G\x8c\xba\x0f\x90\x9cm&lt;\xe4\xd7\x07\xaa~\xd2_\xb4_\xc4{\xb8\xec|;\xe0=3Q\xb1\x04\x89\xaeG\x87~\xda\xf2\x16\x90\x19\'\x17mw\x1cQ\xf9\n\x01\xf2\xca\xac{\x03\x11,\xc5\xca\xaf\xbb\x87\xc1c`\x95GW\x0b\x16\xa3\x1d*UI5\xee\xddl\xed\xbb\xe8\xbb\xb3\xe21\xb9\xbeS9{:8\\\xd2j\xe9?c\x84\xa9R7\\\xb6\xb4\x9c\xac\xad\x7f5\xe6\xecyW\x89,\xef!c\xe7$\x88\x06K\xc6\xca\xc3w\x00\x962&gt;\xe5\x8b .H\xc8\x1f.\xd6\x8dq\x8c\xff\x00\x19\xea_\x17m\nj&gt;-\xf0\xcd\x95\xae\x94\xb2&lt;:\x9bG\x0c?ig\x1f&lt;l\x966M"C\xb8)E\x91]\xd1\xc4DH\x88\xe32{85+\xb5:\x98Y7e\xfb\x9a\xean\xcb\x95l\xd73\xef\xbe\xf6\xd3S\xe5\xf3\n\xd4d\xf9\xa1O2\xa4\x9b^\xf6+\x058S\x8d\x9cl\xa54\xec\x93\xdbo\x9e\x9a\xf8\x17\xc4-&amp;\xedE\xb5\xfaL\xfe\\\xb2Ih\xb0\xcb\xb8\xc6\xd3\x853\x87g%\xb7\xc2\x036A\xc9;\xbem\xa5\x80\x1e\xe9\xf1\x1fK\xd15_\x85\x9a\x0f\x884\x17K\xabk\xfdf\xda%\xfb3bx/\xad\x0c\xd1jP\xb0\x12\x11\x0c\xc2=\xa0#\xb6\xe6\x8c\xa4\xca\xbbO?G\x83\x8b\x8c9\xafxI\xdd+j\x9e\x97OmV\xb7M\x1f\x1b\x98\xc6\x17R\x85\xb9\x93\xb4\xac\xd4\x93N\xcd5%\xcc\xbc\x95\xd2vv\xdd\x9f\xde7\xfc\x19\xaa\xca\xbf\xf0N\xaf\x8f\xd6\xa7S7S\xda\xfe\xd8&gt;3\x13\xe9LC6\x86n~\x1a\xfc1\xbb\x8a\x0c\xa9\xc0]F\t\xe2\xd5\x82\x14FF\xbc}\xe0\xb9c^\xad\xff\x00\x06\x88\xf8\x07\xfe\x11_\xf8%\xb7\x88\xfcVmV\x03\xf1+\xf6\xa5\xf8\xc9\xad\xc7:\xef\r{o\xe1u\xf0\xe7\xc3\xe8\'ec\x951\xff\x00\xc2)%\xb1\xe0nh\x18\x90\x0f\x03\xad\xdbK;\xe9\xdb\xe6\xff\x00\xad\xbf7\xe6F\xf6\xd7\xf0w^V\xdb\xa5\xba/C\xfa\x97\xa2\x90\xc2\x8a\x00(\xa0\x02\x8a\x00(\xa0\x02\x8a\x00(\xa0\x02\x8a\x00(\xa0\x0f\xe0\xbb\xfe\x0eg\xf8n\xbaO\xfc\x14\xfb\xf6Z\xf1lv\xd9\x93\xe3\x7f\xec\xe8\xde\x183\xc6\x8e\xad3|)\xf8\x87\x7f\x1c\xd1\xcb$`\xf9\xbfd\xb7\xf8\x99\x0c\x89\x1c\x98\xf2\xe3\xb9\x95\x93;\xca\xbf\xc5_\xf0S\xdf\xdb\xf3\xe2/\xed\xbf\xff\x00\x05!\xf1\x9f\x86\xfcW\xa7x\x16\xc7\xc0\xbf\xb0\xf7\xc4o\xda\x0b\xe1\x7f\xc3\x1b\x1d#\xc2\xba\x96\x8f\xe3\xabm*++\x0b/\x10_x\x9b\xc4\xf7\xfa\xfe\xa7c\xe2\xcd7W\xd7|\x15g}h\xdaf\x8d\xe1\xc1\xa5\xcb\x1aA$:\x80E\xba8,U7URS\x95\xe2\xe4\xe5\x15\xf0\xbbr94\xedk\xabr\xb7}\x1d\xd3WG\xb3\x86\xc1bh\xc6\x9diA*u\xbd\x9e\xb1\xb3\x9c\x15D\xe5\x05(\xb6\xb9UX8\xcdh\xee\x9c\x1f4Zq\x7f\x8a\x1f\x18|e\xa4\xf8{\xe2\xa7\x8a|M\xa8\x98\xaf-t\x9dD\xe8Zz\xc9m\x04\xb6\x96\xda\x7f\x87\xddlm"\xb6\x0e\x8d\x14Y6\xa6y\xe5\x95\x965\x96I\xa5g\xc4\xc5k\xa6\xd3~\x15\xd8x\xd8\xdd\rf\x08\xae\x8d\xc4\xf3\xcfq=\xf5\xb3\xcdm\xf6\xa9n^`\xf2\xbb\xeeV$\xb2\x12\xcc9\xc8M\xb9\x1bO\xc8\xe3\xf3\n5q\x15%\x88\xf6\xdc\x9ff\x14\xe5\xc8\xe3\x05k&amp;\xd7\x97\xad\x9bm\xddh~\x81\x80\xca\xb1\x8b\x0f\x05\x97S\xa0\xeb{\xad\xd5\xc4Su=\xf7\xcb\xcd\xaaz[[=\x12];\xb5?l\xa9\xf4-\x0bM\xd5\xa5\xf0\x06\xb9q\xa0\xf8\xc3I\xf1\x15\x8f\x86\xfcAg\xe1x\xf5\xbd\x07Y\xd7\xbc=e#\x9d*\xc7m\xfcW\xc9\xa8\xcb2\xc7\xa7\xab\xb6\x81m\x14F\xe4j\x02I4\xabk\xbb\xdb\x7f\xa2\xfc1\xf0\xb3C\xd1,\xbc;\xe6K\xe1\x884\xff\x00\x07\xbd\xd5\xc6\x9f}s\xa1iv\x13[\xc91y]\xa6\xb8\x10\xbd\xc5\xda\xc6\xcc\xc2\xdf\xedMtb\xc9TX\xc3\x01^},^N\xa5\xcd\xf5)\xd6zrJU\xea]-/y]s?(\xa5\xbe\xabTz\xf5r\x9e-\xf6t\xe3\x1c\xda\x95\x05e\xedU&lt;%(\xc5i\x1br\xdeW\xf5r\x93\xf9\\\xf9c\xe2\x06\x8f\xe3\xcb\x1b\xeb&amp;\xf1\x14^\x0b\xd9}\xa5\xe9\xba\xdaj~\x1e\xd5\xf4\xadimd\xd64\x84\xd6\xa3\xd2g]\x0fQ\xba\xbe\xb7\xd6,-\xe7H\xf5\x9bK\xdd2+k\x1b\x87\xf2\xe3\xd4/\x17\xcd\x91=\xa7\xe2\x9d\x8e\xa9\xafX\xea6^\x18\x91\xdfM\xb8\xb8\xfb\x1d\xd6\xb2,\xe3\xb0\x89\xe42\xf9\xa84\xd8c\xf2\xe5\xda\xcaY\x9a\xe3\xcbH\xd0\x02\xaa\x0f \xf4S\xc5`y\\\x1d*q\xe6m\xb7\x17\xca\xa2\xbd\xdd%\x17\xcf)5\xa6\xad\xa8\xbf\'s\x82\xa6O\x9b\xc5\xc2\xaa\xc5\xd5\xabh\xa5%\xcb\xce\xaaOD\xdf&lt;\x14c\x0b\xb7t\xb5\xb5\x8d\x7f\xd9\x7f\xe3V\xa7\xa4\xf8{W\x8e\x0b\x1b\xadV\xee\x18\xe2\xb7\x8dc\x804\xa9\x1c\xb6\xf2[\x98\x98\x9c\xae#\x96\x18\x8b\x15\xf9\x87\x18pX\xe7W\xf6v\xf0^\x99\xa1\xff\x00ih\x01Q\xe4\xb9\xb6\x8cM#L\xb1\x95\x9a\x14\xf3F\xe7c\xf3(\x92Eb\xb1\xaf\x9cJ\x8c|\xcc\\|\xd6e\x8e\xc3a\xaa\xfbZT\x93N\xcaR\xb2\xbd\xbd\xdd}\xdb\xde\xfdz|\xec~\x81\xc3\xd9F?\x17\x87Xz\xf8\xa7\n\x89{\xb1\x8d\xa5\xb2N\xed\xcb\x9f\x95\xdb}\x16\xfa\x1f\x05\xf8\xb7P\xd4&lt;c\xf1sT\x1a\x9d\x8b\xfd\xa6Y.\xef\xe1\x82\xea\t\xd8\xcc!\x88\xdc,O\x1cQ\x130\x96eu\xd9\x1a\x80P&gt;\xe0\x98\xc8\xf5\x1f\xda7B\xbd\xf0\xdf\xc4{\r[FF\xd3u=6\xe6;\x8b9\x11\xdbs\x9bi&lt;\xc8\xc7\x9b\x10Guf \xa2\x06\x05\x97x\xdc\xccA\xaf\xa0\xcaq\xb8l^\x1dK\x93\x95\xc5\xed\x19o\xb2\xd7D\xd7]m\xe4\xf7h\xf8~%\xca1\xb9v=\xc6U\xa5Z3VJQ\xfe\x1c\x9f-\xe4\x95\xad8\xab\xdf\xa5\x9fMN\x82\xcf\xc6^5\xf8%\xe1\x8f\x0fx\xf3\xc56o\xa8i\xb3\xf8\x83^\xf0\x9f\x88&lt;\x11\xe0MO\xc3&gt;"\xf1\xae\x8dk\xff\x00\x08e\xe6\xb3\xa0x\x82\xe7\xc3\x96m%\xb6\x9d\xe1\xadz\xf8i\xd6\x07Y]|]i\x96\xb2^\xf9\xb6)\xe2(\xa3\xd0n&gt;\x94\xf8k\xe2\x9f\x0cx\xdf\xc3\x13\xdbjo\xad\xf8o\xc4\x1e%\xb3\x10_\x0b=Q\xccz\xcc\xd02(\x92;\xa9\xbc\xfbk\xa7\xba\x9b\xac3\xc6\x93\x14\x8b\xc9\x92I\x90m\xae\x99c\xf0Q\xa9?k\x84\x85U\x14\x94!/w\x95\xdd]\xf3\xc5\xbee-\xec\xd6\x9d48(dy\xb5zt\x95\x0c\xd6\xb5\to)\xc67M6\x9a\xf7\x1a\x8f+\x8e\x8a\xe9\xf6\xbf3g\xe6\x8f\xc4\xaf\x8a~,\x93T\xd2t\xcf\x18i\xf6\xd1G\xabi\xd0kVpC\xa9\xe9\x9a\xc4\xf0X\xeaL\xd2YC\xab\xdd\xe8\xc0\xae\x8d\xae\xb5\xab\xc7sw\xa1_\xad\xd4\x96R\xca\x90MvI\x91\x93\xf4#\xc4\xbf\x02\xbc;*\xa6\xa1\xa8\x0b\xeb\xbf\xb3\xc5\xe5Y\x8b\x84\x86i\xa0\x81\x94\xec&amp;\xce\xd9|\x88\xccb-\xdc\x03$\xa8\xbb\x99\x8608\xff\x00\xb6\xb2\xe8\xcd\xc5\xe0y\'&amp;\x9c=\x8c\xe7e\xacl\xdd\xd2O\xe4\xd3\xbaZ\xbdOB\xa7\tg\xee1\xff\x00\x85uV\tEMW\xa7\t\xf3\xe8\xafe\x19r\xc6\xfei\xf4\xb5\xac\xcf\x88\xbc3ik\xaa\xfc&amp;\xf1\xe4\x16\xf8Yt-GK\xf1B.\x17k\xe9\xe4\xcba\xaa\xca\xca\xb1\xba\xc7-\xbcr\xdb\xcb,\xca0S%\x9blA\x87\xafi\xfe\x08\xd3\x87\x88|S\xe0\xc5\x0f\x16\x95\xe2\xcf\x0e\xf8\x87\xc2\xb7\xc1\x18\xdbI-\xa6\xaf\xa6\\B&amp;\x88\r\xa2\x19U\x84\x862\xea\xdf\xbcd!I\xda\xa3\xea\xb2|}:\xdc\xd0WPm]?\x8d4\xa1w\xb7k\xed\xaf\x9fo\x87\xe2\x0c\x9e\xb6\x1b\x96\x12Q\xf6\x91\x92\\\xf0MS\x9bRI\xb7m4\xd5\xb7\xf6o\xf3_\xe9\xa3\xff\x00\x04\x16\xf8*\xdf\x02\x7f\xe0\x92?\xb17\x85n\xb4\xe3\xa5\xeb~\'\xf8Kg\xf1k\xc4\xf6\x8d\x12\xc1*x\x97\xe3\x0e\xa5\xa8|H\xd5\x8c\xf1(\n\x97\x1ew\x89\x02\xcc\x00\xc0u \x16\x001\xfc\xf0\xff\x00\x83k\x7f\xe0\xa6\x9f\xb4\x07\xed\xd7\xe1\x9f\xda?\xe1/\xc7!\xf0\xcd\xec\xbfe\xebo\x83&gt;\x17\xf8j~\x19\xf8\x16\xeb\xc0zN\x9d\xe1\rC\xc3\x1a\x9e\x91\x1e\x88\xd67\x9e#\xf15\xce\xa6\xbat\x9e\x18H\xd7U\x9e\xf9^K\x8f\xb5B\xb1,q!o^\x9dXUW\x83\xbaV\xbd\xd3MtWR\xb3[&gt;\x96\xed\xb1\xf2\xb5\xf0\xd5\xb0\xcd*\xd1I\xb6\xd2q\x94f\x9f*\x8d\xf5\x84\xa4\xb6\x92\xd1\xbb\xa5\xd2\xd6?\xa8\xaa+C\x9c(\xa0\x02\x8a\x00(\xa0\x02\x8a\x00(\xa0\x02\x8a\x00(\xa0\x02\x8a\x00\xff\x00*\xff\x00\xda\x0f\xc0\xfe/\xf8m\xfbc\xfe\xd4~\x1a\xf1\x0c\x17\x03T\xd7&gt;6~\xd2Z\x96\xb3\xa9\xbc\xac\xb0\\\xdd^k^9\x9fG\x86\x10l\x8c\xd7M\x1e\x97&lt;$\t&amp;\x8a\xde\xde6i]ne\xb8\x12\xa7\xd9\xbf\xf0W\xcf\x84\x1e4\xf8+\xff\x00\x05F\xf8\xbfk}\xe2\x9b\xad[\xc0\xff\x00\x12\xbe%7\x8e\xadt]Q-\xed?\xb0\xb4_\x89~\x12\xb2\x9e+\x8d\x1d\xe0\x8b\xce\xbb\x11x\x85u{Y\xa7\xb8\x9e3$2\xf9)\x8f\xb3\x84\xaf\x8b\xa3Bx~ \xafF\xa4\xbd\xda\xee\xa5L=\xddG%N\xbc\x95I\xbb\xd9\xc6\xde\xd5\xce&lt;\xad\xe9\x18\xd9+$~\xc1_\x1bG\x19\xc1\xf9V*\x8ce\xcdB8z\x18\xe5\x08\xd3\xe5u\xf00\xa7\x85\x84e\x0b\xfbK\xfb\x1at\xeas(\xb8\xcb\xda+\xbeg$\xbe\x08\xfd\x9a|#&amp;\xb1%\xe5\x8c\xf0[\xcc\xceRYR\xe6\'B\x83{I0\x8f|\x8a\x92&lt;\x91\x9f/\x07r\x84c\x8e\xaa\x0f\x93\xd8x\xff\x00T\xf8]\xa9\xdc\xc6Z\xe68\x96\xfaB\x93\xc2\xd3\xa2I\xf6i\x0cq\xaeS\x97\x99\x04i\x1b\xc6\xc3\x12\x05\xd8\xeecBk\xe7\xb3\xac\xb7\x1e\xb1r\x8f$\xa5\xca\xdd\xdc\x1b\xe5\xbbq\xb7e\xb3[\xab\xab\xeds\xea\xf8g8\xca\xa3\x83\xa79\xd5\x84\x1c\x94W,\xdaSZF\xf7\xd1\xab&gt;\xdf\xf0\xcb\xf4\x0bP\xfd\x9f-\xb5[\xfb\xa9\xa5\xd6\x16K\x88\x8cn\x96\x93Ap-"\xb7\xde\xbeL[x\x84\xc3\x02(\t\xb7l-\xb9\x8b\x83\x86\xc7\x96\xf87\xf6\x83\xd4\xfcU\x05\xa7\x99s\xe6\\]B\xd6\xb1\xed\xb9d\xf2\xf7\xee\xda\xb1E\x1c\x8a\x11Qde\x93\x0f\x91\xb8`\x96C\x1dxp\xa5\x8d\xa5&amp;\x9at\xe3\x1d%\xcc\xe2\xa1kEY\xf7\x96\xb6\xbawzn}z\xc5\xe5\x98\x84\x9cyj\xcamr\xe8\xf9\x94\xbd\xd6\xd4m&amp;\xad\xbe\xad+k\xa2\xd8\xa1\xf1[B\xb3\xd3t\xe4\xd0\xfc,\xb6\x0b\xaa_\\\r&amp;\xde\xfa\xeex&gt;\xc7\xa6\x05\xdc\xf7\xfa\x93LWk\x8bh\xe2\x7f\xdf\x12\xd1\x87\x91\x032\xa3\xa9~O\xe3\xae\x8f/\x88|;gm\xa3x\xae\xc3C\xd6`\xf3\xd6k\xb9\xbc\xf9U\xad\xee`\x92\xde\xf5\x14[\x84\x929\xc01\xba^DT\xc4Ws\xc6G\xde\xea\xc38N\xf4\xe9\xcdS\x9bq\xbc\xaa\xd3\x9dH5\xee\xa94\xac\xd3\x92viN\xcbS\x93\x1f9\xd1Q\xa9*N\xa4?\xe7\xd5\x1a\xb4\xa8\xd4\xe8\xd4\\\xa4\xef\x08\xbb\xdaN\x9a\x94\xbaj}\x11\xfb:\xfc\x19\xf8Q&lt;\xa9\xa1\xcd\xf1\x83\xc0\xb3\xeb C&gt;\xab\xa8\xdf\xb6\xa0\xb0\xd8\xc9u\x02\x0b\x89\xd2X\xe0\x8e;\xb8\xac\xe4t\x02\xdd^=\xee\x13\xcb*\xac$\xaf\x80|\x01\xf0\xf3\xc2^\x14\xb0\x97Q\xf8e\xe2\x97\xf0\xb7\x8f/-\x8cz\x8e\x9d\xe2\x0f\x1b\xf8\x8b\xc5~\x1a\xf1\x85\xc2\x1f\xf4\x88!}Zi\xbf\xe1\x1d$\xe6\xe0\xdc[Y\x83\x04\xbbb\xb8\xf3-aH\xd7\x932\xcaj\xd6\x9d9R\xc6V\x93\x8bJQ\xc5a\xe5B\x84\xa2\xb9yR\xa9\x87\xafV\xd1\xbd\xfe/d\xec\xa3f\xb5\xb7FI\xc4T\xb0\x8ak\x11\x97`\xa9FPJ\x9dL\xbf\x1f\x1cn.\x9c\x97/\xbd:8\xcc5\x18\xcaKK\xfb?mwv\xd3I3\xea\xcf\xdb\xaf\xe0\xaf\xc3\r\'T\x92\xc7G\xf8\x91\xe1\xef\x10\xde\xcaKE=\x8cj\x97QK\x0cq\xcfk\xa8!\xb33\xd9\xc2.\x1aSn\xf1I1i\xa3\x12\x18\xf2\x91\x89\xab\xf3\xfb\xe3w\x86\x9e\xfex/\xfcm\xe2k_\x12\xf8\xd3R\xb4D\xb0\x9a\xcb\xc4:\xc5\x86\x81\xe0\xf6\x92@\xac\x96\xfae\x85\xd5\xab\xeb\x17\xb0,K\xb7P\xd4\x04\x8aX\xb8\x8e\xde\xda\x16\x117fQ\x96U\xc2\xf3T\x96.t\x95\xd4\x9c0\xb4gS\x0f\x08\xfb\xbc\xd1\x95J\xf5T\xe5{m\x08\xd5M?\x894y\xbcG\x9f\xd1\xc7F\x9d%\x97a\xebr\xa4\x9d\\~2\x18|mV\xdc\x12\x95:8&lt;&lt;\xe8\xd3\xb7_kR\x83\xd9\xb8\xbb\xb6}a\xf0c\xe0\xf6\x85\xe3/\x87\x8d\xab\xdaK\xe4k^\x1f\x99lux\x83\x8f\xb3\xfd\xba\t0\xf2[\xb3a\xa1K\xb8\xe1\x8a\xe2?(\x85\x8eG]\xcf\xcb\x13\xa7\xfb&lt;\xf8\xa6\xd7\xc0&gt;\x00\x83E\xb4\xbbmrTi\xafu\xdb\xdf\x98=\xec\xf7\x8c\x8fv\xd1!]\x91\xc6#\r\x1c\x1ec\x1c\xc1\x12\x03#1v\x1ds\xa9JU]8\xb96\xac\xd4\x9cgN2\xf8o\xca\xa7f\x92\xd2\xe9\xfc\x92\xd0\xc3\x07FT\xb0\xb0\xab:T\xe3w\xf0F\xa4*\xce*\xcb\x95\xd4\x9d&gt;h\xb7~\xb1M\xddj\x9b\x1f\xabi\xda\xaf\x864\xcb\xebYu\x19.\xed\xd5\x9aT\x06U\xb9kp\xc5\xde@\x1c\xc8&amp;\';\x8a&gt;U^\x12\xcc\xb1\x97P[\x80\xf8\x93\xf19\x04w\xa2\x16\x89\xa1x&amp;\x92Kv\xe1Z(\x1aUhZT`\xd2\xab)`\xaaH8P\xe4.\x0e\xe9xg9\'%\x19\xa5%\xca\xe4\x92\xb2j:-,\xf5W\xb4\xaf\xaf^\xf5S\x1fJ\x94e\xca\xe7\x1fusZW\xf7\x97.\x9a^\xd6z[\xca\xed\x1f8i\xf7\x9b\xfe-\xd8\xb5\xbc\xber\xb5\xd1w\xf2\xa42$c\xcbi\x19\xc3\xecP\x0f\xcc\xdf;\x18\xca\x04$mGRy\xbf\x87\xb3\xf9Z\xde\xb9\xe2Wc\x04\x1a}\x8e\xa9=\xaf\xce\x1d\x9d\xa7GX\xa0\x9bk\x15\xdcb\x93hd\xf2\x98\x05\xe5\xf6\xb9+\xf69.\x12Pjm\xca\xd1\x8b\xbb\xd1j\x94tn\xed[k\xa5\xf7#\xf2\xbe!\xcca\x89\x9c\xa9h\xa4\xe7\x1b\xaeW.\xb1\xd6*\xca\xfa{\xd6\xf9&gt;]O\xeak\xfe\r;]C\xc1_\xb4\xaf\xed\x1b\xa1\xc9eoc\xa6\xfcP\xf8)\xa1k1*\xdf\xf9\xd773|&gt;\xf1\x8a\xc5e;\xd9\xbc\xa6e\x89-|k|\xa2\xe8\xc2\x99\x9eI\xe1w\x90,DT\xff\x00\x83T&gt;\x1e]]\xfe\xd6\xff\x00\x1c\xbe%\xde_\xbd\xfe\xa1\xa6~\xcd\x9aU\x96\xa8Z\xf8\xfd\x9e\xd1|i\xe3\xeb;\xcd&amp;\xdfN\xd2\x83\xb4V\xb6\xe0x\x7fU\x82G\x85W?c\x88\\\x19%*\xf5\xa6B\xe7,V&gt;r\x9cd\xadJ\x1c\xaa2\\\xadJ\xabK\x9aZ\xca7si\xbe\xaeVK[\xf3q\x87\xb1\x86U\x92STg\n\xaex\x8a\xaa\xa74e\n\x91\x95,4f\xdca\xee\xc2\xad\xa1IJ1\xfb*.NZ5\xfd\xe2\xd1_P~x\x14P\x01E\x00\x14P\x01E\x00\x14P\x01E\x00\x14P\x01E\x00\x7f\r\xdf\xf0\\\xff\x00\xd8\xab\xf6\xb6\xf1W\xed\xc7\xe3\x8f\x8dZO\xc2\xaf\x8a?\x13|\x01\xe3\x1d\'\xc0#\xe1^\xa5\xf0\xbf\xc1\xda\xd7\x8e\xc9\x9b\xc2\xde\x1e\xb2\xb2&gt;\n\xd5-\xf4\x18/\xee&lt;9{o\xe2\x18u\x1b\xc6\x97V\xb6\xb4\xd3n\xec\xb5\x88\xa7\xb4\xb9\x9a_\xb6\x08?\xb9\x1a\xf3\xb1\x19l+\xe2\xa9\xe2\xfd\xb5jU!\xca\x9a\x87#\x8c\xa3\x06\xda^\xf4\x1c\x96\xefi[[\xda\xed\xb7\xf48\x1e!\xad\x83\xcb\xaae\xaf\t\x86\xc4P\x9c\xaaN\x13\x9f\xb5\x8dHN\xa2\x8ar|\x95\x159\xf2\xf2.^j|\xebg7\x14\x92\xff\x00\x1f\x7f\x8d\xf1x\x8f\xc3^,\xf1g\x84\xfcI\xa7_\xe8\xfa\x95\x95\xde\xa1\x05\xde\x95\xaa\xdaIm\xaa\xe8\xba\xdd\xad\xc4\x96Z\x86\x95{i7\xef \xbd\xb1\xba\x8e\xe2\xd6\xee\x07\xfd\xed\xac\xf0\xcb\x13\x0f5XW\xec\x8f\xfc\x1c\'\xfb9i\xdf\x0b\x7f\xe0\xa0_\x16\xf5O\x0c(\x1ag\xc4}\'\xc2\x9f\x18.,\xa1\x8a8\xd2\xc3Q\xf1\x9d\xad\xe6\x9d\xaf\xc2\xb8e\x05e\xd7&lt;;\xa8\xebX+\x96\xfe\xd2\x97a&amp;&amp;\x01c\xb0\xd2\x95\xaa\xfcT\xdd\xb5\xea\xa6\xb9n\xa4\xfbI\xf5\xf2\xd2\xd6gnU\x8c\x8c\xe9\xbb&gt;I\xa6\x94\xa3\xcd\xa3\xb3\x8amkx\xdd;\'k}\x96\xf4?\x9f\xcd\x1f\xe2D\xbf\x0c\xf4]WVqu{\xaa\xdd\xb5\xbd\xb6\x8dm\x18c\x15\xac\xb2J"\x96wt\xff\x00S\xba]\x91\xf0Y\xe4(\x11\x01\x91\xf2;?\x03h:&amp;\xb7\xe2K\x1d\'\xc4\x16B}*\xe1^\xde\xe1|\xbd\xf1\xc1q "\xce\xe28z\x89\xa0fvG\xe3\x9f0\xa3\xae\xd0+\xc0\xab\n0~\xd6\xbd\x1ejt\xd4l\xa1m_\xbbyh\x93\x95\xf4M\xec\xbf\x13\xdf\xc3O\x1b^\xd40\x18\xa8\xd2\xadRMs\xceR\xe6K\xdc\xf7c6\xda\xbf\x9d\x9b}\x1d\xecy\xde\x99\xe3\xbbO\x13jD\xf8\x93\xc6\x9e\'\xd6o\xace+}\xa2\xdbMu\xa0\xe9\xf6\x13\xee\x12Kg,\xb3G\xf6\xe9\xf6\xb31d\x1eO\x9f\xf2\x16\x90o\xdb_k\xfc2\xf1G\x8c\x7fgo\x8cV?\x10~\x1ejr\xd9\xeav73&lt;\xda\x87\xd8t\xddL\x96\x96\xc4\xe8\xb7\xda\xa4\x96\x1a\xcc:\x96\x9dx\xfa\xbe\x87+\xd8\xdc-\xdd\x9d\xcc8\x86X\xe4\xdb#@\xe1\xd2\xad\x86\x9558BJ\x17\xf7\x94\\9\xa3g\x1e[B0\x87Mun\xcfV\xd3\xb1\xd5\x0c\xbf\x1e\xaa\xca\x8e/\x19O\xdb^*\x9c\xab\xc3\x13V\x94\xb5\\\xde\xd2\xb3\x9e%\xc1j\xdaj\x8b\x8b\xd3mZo\xc3\xcf\x87\x10jV\x91=\x87\xc0\x8f\x8a\xd3\xe9\xcf\x1f\xda\xe1\xd4t\xaf\tx\xc5\x0c\xd3Mn\x97\xb0\xc9\r\xccV\x93\xccd\xbc\x81\xbc\xd4\x9cl[\x8br\xd7\x05d\x8cI \xfe\xa9\x7fe\x0f\xf8*lO\xa4\xff\x00\xc2+\xf1\xbb\xc1\x88/ \xd3\x05\x89\xf1?\x83|&amp;\xdf\xda-\x0e\x8fc\x15\x88\xb1\xf1W\x82"\x92\t\x9e{xe\x866\xbc\xd0\xa50\x1bw\x85\x13N\x89$\x89\x9b&gt;l\x15_u\xe2\xa5I]&amp;\xabh\xd4\xac\x9d\xaf4\xe2\x95\xfa\xbf\x97s\xd9\x9e[\x9fe\xf0\xa1R\x8eQC3\xa5-e&lt;\xbf\x13N\xb2\xb5\xe3iF\x85(\xc3\x13u\x15ys\xd2\xe5\xba\xb5\xd9\xfc\xb3\xfc]\xf8\r\xe2\r\x03\xc3V\xda\xdf\x8a?f?\x8f:W\x85g\xb3\xd5\xb5\x98\xbcu\xad\xf8\x1f\xc6\x16\xa9\x14v\x0e\xa2\xebV[\xbb\xcbSu\xa6\xd9Z[\xcffo\xaf5KK;o,\x9b\x80\x04r\xc6\x17\xfa\x94\xfd\xaa\xbf\xe0\xae\xbaw\x83|=|\xfe\t\xf8%\x7f\xaehGK\xd44\xd9&lt;A\xf1R\xc1\xbc\'\xa5j\x96w\xf61D-\xb4\xcf\r[\\x\x83S\xbeH\xe6Dk\xab=B;Xn,\x15\x91\xfeUw\x8f\xaa\x95&lt;\r\'N\xf8\xadZ\x8f\xf0\xd7\xb4\xbe\x91\xb7\xbb\x08\xab\xdfUd\xf4&lt;|V\x17\x89q\x10\xabZ\xa6OG\x0fE4\xe1\xf5\xccM\n\x1c\x8a\xe97(\xd6\x9f\xb4\x8c\x92\xb7*Q\x8e\x9a$\xf5\xb7\xf15\xe0\xcf\x89:\xd7\x80\xb59\xef\xfc)\xad^k^\x17\x12\xb2_h\x9a\xba\xac\x97\xb2X`6\xf8.\x01o\xb5\xfc\x8c\x08\x8eP\x93\xc6\xb9\xfb\xca\x02\xb7\xa3\xfcR\xd4\xfc1\xf1o\xc6~:\xf1\xaf\x85|\x0b\xe1\x0f\x02\x1f\x11j\xbf\xda\x11\xc7\xe0\xbf\r\xc3\xe1\xed6\xdd\xee_\xed\xba\xa4:=\x95\xb4\xf2\xae\x9fb\xd7\xa1a\x8a\xda0Dy\xbb.\tp\xc0\xc4Q\xc1K\x95U\xa1\x16\xa4\xf4\xa9R\x9cT\xac\xf9-g~h=\xadw\xd2\xdd\x8f&gt;\x8d\\\xdb\r/\xf6&lt;u\xf9\x12s\x8e\x12\xb5gN\x12i{\x8e\x15#\xecjB?jJ6z\xd9\xdd\x9e=\xe3\x0f\x13\xcd\xe2=n\xee}2\xf3\xfe%\xda\x9c\xd1\xdd\xc0@\t\x17\x96\xe3\xcc\x92\x13\x17\x99"\xf9\x90\xb6F\x15\x81%X\x17#9\xe7ll\xde\xc6\x04\xb6@\xc5\xa1\x90\xa8\xdf\x1a\x16\x8eQ"\xa0%\xd8\x05\xc1\xf9Y\x18`\xa8u\x04\x1e\x05U\x0c-\x18%h\xa9\xc6.\xd1r\x8bvO\x95\xa5\xaaw{k\xd7\xb9\x86+0\xc6VjU+8\xcav\xe7\x856\xd2\xbaQ\xbc\x9e\x96\x8f6\xba|\xaf\xb9\xf6\xf7\xeca\xfb/\xfc\\\xfd\xb4&gt;0\xe8\xbf\xb3\x97\xc0\x8d+\xc3\xba\xd7\xc4-_\xc3\xfe)\xf1\x0c6&gt;/\xd7\'\xf0\xc7\x87\xaf\xad&lt;7e\x16\xa3\xaa&amp;\xab\xe2+M7T\x93G\x13X\x8f\xec\xcb9\xc6\x9dz\x91\xdd\xde\xd9\x86TQ$\x91\xfe\xd0\xff\x00\xc1\xad\xd6\x9a6\x95\xff\x00\x05\x16\xd4mu8\xa2&gt; \xd5\x7ff/\x8aW\xda\x10\x95K\\\xc3\x16\x99\xe2\xbf\x85\xd0\xeb\x13\xa9+\xb6 \xf0\xea\xd6\xb0nF;\xd5\xa4A\x80\x18W\xb9\x86\xa3z\x12M8BI\xc2*&gt;\xeb\xb4\x92\xbc\x96\x89\xa6\xba5}uOM~s\x17\x8a\x8d\x1a\x90\x9cc\n\xb5\xa1V\x13n\xa2\xe7\x8d\x93\xe7\xe4\xa9f\x9bR\xe5\xb5\x93\x8f\xbb\xcc\xaf\xb1\xfbS\xff\x00\x04-\xff\x00\x82&gt;\xfe\xd3\xdf\xb0\xd7\xc7O\x8a?\xb4\x07\xc7\xdb\xff\x00\x0c\xf8\x0fJ\xd7|\x03s\xf0\xcb\xc1\xff\x00\x08\xfc/\xe2\xb3\xe3]GT\xb1\xbb\xd6\xf4\x8d}\xbcI\xe3=n\xce\x0bM\x16\xdch\xb3i\xf3\xe9\xfe\x1d\xd2\xec\xce\xa5s\xb6\xf2\xff\x00S\xbb\xbb\x82K\xf3go\xfdGS\xc2\xe0\xa8a9\x9d.w)\xa4\xa5)\xcd\xc9\xb5\x16\xdaVV\x8e\x97z\xf2\xf3=\x13m%nl\xcb9\xc6fj\x9c+\xaa\x14\xe9\xd2m\xc2\x96\x1e\x92\xa7\x05)$\xa5-\\\xa5w\x18\xc5r\xa9(.[\xa8\xa999\x14WY\xe5\x05\x14\x00Q@\x05\x14\x00Q@\x05\x14\x00Q@\x05\x14\x00Q@\x05bk\xde$\xd0\xfc1d\xd7\xfa\xee\xa7k\xa6\xdb(;L\xf2\x01,\xec\x01&gt;U\xad\xba\xee\x9e\xeac\x8f\x96\x1bx\xe4\x90\xf6\\\x02kJt\xaa\xd5\x92\x8d*s\xa9\'\xb4a\tM\xfd\xd1M\x89\xb4\xb7iz\xe9\xf9\x9f\xc0\xcf\xfc\x1c\x95\xe3\x9bo\x0b\x7f\xc1O\xect\xcdB\x1f\xb5\xe8\xba\xdf\xec\xb3\xf0\x86=^\xcd\x80\x08$\x1e1\xf8\xbb\r\x95\xf2\xc8\xd1\xc8\xb1M\x02\xcbp\x0e\xd5-,Hc\xdc\x98\x06\xbc\x0b\xfe\x0e6\xf1B\xfcI\xff\x00\x82\x97k:\xc5\xb4\x12\xd9X\xe8\xff\x00\x02~\x12x\x7fO[\xb4\xf2\xe6\x9e\xce\x0b\xaf\x18\xeb-q*\x00\xc69\xae&amp;\xd7d\xf2\xe2;\x8cq\xa0B\xc1\x8b\x91\xcd\x8dx\x9c\xbf\x11N\x15a*nt\xa3RT\xa7oz.R\xb5\xe3\xbceh\xbd\x1e\xb6\xdd\x1e\xeeW\x87\x86\'\x0c\xe7\x19\xb55\x88\x9a\x8c\xa2\xdd\xd5\xa1E\xfb\xcbK\xc7\xde\xbd\xafk]\xfa\xfe4\xea\x9a|:\x0e\xb9\x15\xce\x98\xe2\xe2\xc6\xeaQ,7\xf1\xb0H\xd2?.9\xa1\xc3\r\xb8i#\xb9\x88&gt;7\xba)`X\xe0c\x80MR]3J\x97F\xd5d\x9c\xaa\xdc\xab\xe8\xda\x98\xd8\x91\xe9\xb2\x08%W\xb2\xbb\xdc\x1cMg32\x10dx\xd2\x02\xc7i\x95\x18*p\xd5\xa1\x87\xc6\xa6\xa8\xc9S\x94\xb7\xa5&amp;\xedwmb\xf4O\xfa\xb7K\xfa\x14\xf1\xb8\x9c\x04\xd4\xaa\xd3|\x90i\xfbX{\xca\xca\xdd7\x8bo\xaai\xa6\xfb#\xea]G}\xf5\x95\x9e\xb3\xa7\xdc\xc8\x92\xc3\x0c&amp;7\x87g\xda\x032\xaaK\x851\xbf\x9f\x13\x15]\xc9"I\x1b\x04dh\xd9:\xfcc\xe0_\xda&gt;\xde\xd6\xf8\xe8\xba\xc4\x88&lt;\xab\xa7\xb6\x9ehd\x82%KU.\x8dwj\x8f\x18C\x1cq\x80\xc1UK\xe1\xd9\x912\xac[\xe6\xebeX\xdc$\xa7(FR\x8f\xf7v\xfb?&amp;\xed\xa5\xba.\x96\xb9\xf5\xb8n%\xca1\xd4\xe9\xc2\xbc\xe3N\xaa\xe5|\xd2Mt\x8d\xfd\xeb\xdb\xa5\xb9\xae\x9f}u_oh\x9f\xb4\x07\xc6\xdf\x01\xda\xdc6\x83k\x04\xfa}\xec)\x15\xfd\xd6\x81\x7f}\xe1\xfb\xb9\xcc/\x98$\xba\xb2\x92\xdfQ\xd3ex6\x0f2D[\x18\x19y\xf2\x93\x01M\xcf\x0b\xfc_\xf8m7\x86\xa6\xbb\x96\xfa\x0f\xb2\x9f&amp;#us\x1a\xb2\xf9\xe1P\x87\x829X\xcf":\x88\xd7\xcd\x8e4\x00\x97\xd8w\x155\xe7\xba\x95\xa3&gt;Y\xe1\xae\xda\x8d\x</t>
        </is>
      </c>
      <c r="M256" s="3" t="n">
        <v>45492.67662037037</v>
      </c>
    </row>
    <row r="257">
      <c r="A257" t="n">
        <v>869643</v>
      </c>
      <c r="B257" t="n">
        <v>5981</v>
      </c>
      <c r="C257" t="inlineStr">
        <is>
          <t>Léo Ortiz</t>
        </is>
      </c>
      <c r="D257" t="inlineStr">
        <is>
          <t>L. Ortiz</t>
        </is>
      </c>
      <c r="E257" t="inlineStr">
        <is>
          <t>ZAG</t>
        </is>
      </c>
      <c r="F257" t="inlineStr">
        <is>
          <t>ZAG</t>
        </is>
      </c>
      <c r="G257" t="inlineStr">
        <is>
          <t>ZAG</t>
        </is>
      </c>
      <c r="H257" t="n">
        <v>185</v>
      </c>
      <c r="I257" t="n">
        <v>3</v>
      </c>
      <c r="J257" s="2" t="n">
        <v>35066</v>
      </c>
      <c r="K257" t="inlineStr">
        <is>
          <t>Right</t>
        </is>
      </c>
      <c r="L2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b63f2c7-48ad-4e6f-b6c1-ea883c9a26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T\xce\x1a\xfc\x00\x00\x00&gt;tEXtComment\x00xr:d:DAEewil2SDw:3664,j:6824501819979111889,t:24032215\x0e~\x85"\x00\x00\x00\tpHYs\x00\x00\x0e\xc4\x00\x00\x0e\xc4\x01\x95+\x0e\x1b\x00\x00\x03\x00PLTE\xfd\xfd\xfd\x12\x0b\x13\x1c\x16\x1e\x1c\x11\x1d\x15\r\x16\x1c\x0f\x1a\x1e\x11\x1d\xff\xfe\xfe\xff\xff\xff\x17\x0e\x18\x19\x10\x1a!\x14!\x1a\x14\x1d\x1f\x13\x1f#\x17$\x18\x0e\x1b\x1f\x18"\x19\x11\x1e\x1d\x13!\xad_H\xa9]E\xa3VA\xd2\x88l7\x1d\x1b\xbeiN\xcc\x8b{\xc3{b\xe0\x9d~\xbcoX\xbfmP\xd4\x8ev\xbbfK\xbfu^"\x0f\x1b\xe1\xa2\x85\xc3lN\xaep\\\xc9\x84n\xd6\x8cq\xbaxc\xafcN\xc6\x80i\xfa\xf7\xf7\xa9bO\xd1\x8aq\xc9xZ\xdb\x99~k=1\xcd\x87o\x92M9\xfc\xfa\xfb\x9a^M\xb3aJ\xb5lX\xcfy`\xce\x84k\xfa\xf1\xf1\xb5t^\xcb\x87vQ56\xdc\x9d\x84\xbf{g\xb9jS&gt;#!\xb6dH1\x16\x14*\x12\x11H+*\xa1cR\xb0jS\xc4pR\xd0\x90}\xda\x8em\xc5qX\xd6\x95\x81\xa5ZDpE&lt;\x9aS=\xcarT\xd7\x91y\xc8|b\xb3vd\xb8}k\xdf\xa6\x9dJ02\xdd\x99x\xaahX\xc1\x85y\xcd\x94\x89\xd7\x8bj\x8bK;?\x1f\x18\xb7eO\xcc\x80f\x98dU\xa2]Jt@3\xe2\xa5\x8b`3(\xe1\xaa\xa5\xa2kY5\x0e\x1b\xa6pa\x8d]P\x8fTD\x9dWF\xda\x95zX0&amp;\xc1\x80o\xcesZzI=\x9bK&gt;A\'(Y;;\xd2~`\xce\x8dt\xd3\x85e\xf1\x02\x14)\x14\x1f\xdf\xa2\x94\x95YG\x90d^\xc8\x8c\x81\xd8\x85jO\x1e\x11\xc6\x84t\xf4\xf0\xf2(\x1c)\x82F7\xc9\x8bq\xabtf\x89RC\xe7\xdf\xe1\xe4\x05 \x84WN\xde\x9f\x8ck4&amp;\xcf\x9a\x97O/+G&amp; a91\xc4\x95\x91\x8f\x0b\x19\xf4\xd5\xd7\xb2\n\x1f\x9aj^yPH\x82PC\x8aD3R)!\xc6qd\xb6\x81y\xdb\x8dtE\x10\x1e\xc4\x86m\xda\x07\x1e\xa1so\xcd\x08 d\x0c\x1c\xe7\x00\x01\xbd\x81n\xee\x05!\xbe\x05\x19[%\x17S\x11!\xbf_S\xc7\x1c4#\r\x0e\xc9\xb2\xb8\xc9jRw8&amp;\x82&gt;.\xb5dY\x9f\n \xf7\xe5\xe7\xafyn\xd5\x98\x8dc,\x1d\xf6\x02\x1fbHN\xd3|j\xb4YP\x7f\x1d-\x80\n\x1auY]\xee\xe8\xea\xd7\xa2\x9d\xc6\x9b\x99\xa7\x1f2?\n\x0ft\x0f\x1f\xcd\xc1\xc5\xc7{p\xb0TG\xd5\x82u\xaa{waA@\xa6\x92\x97\xda\x95r\x9d75\xde\x96\x86\xdb\x12/\xbeka\x98mi\xb1\x84\x81\x85]Z\xbb\xaa\xaf\xd8\x9c\x94E\x17\x0b\xbakI\xbc\x8e\x8a\xb0\x9e\xa4\xdc\xd2\xd6e\x19)X\x08\x14\xe4\xb3\xb0\xbb\x88\x83\xb7!8\xd1\x01\x06nPR\x9e\x87\x8a0\x0b\x06\xe0\x00\x07\x92\x1e0\x1c\t\x0b\xe5\xab\x96\xcf\xa1\xa4\xf1\xcb\xcc\x8bqu7#+\xa8\x05\x0c~di\xd7\xcb\xcd\xaa@@\xe06I\x94|\x83\xc1QK\xe8\xc2\xbe\xdd$8\xcf8M\xbbCE\x97\'\x1e\xef\x9d\xac\xe4r\x86\xeb\xb4\xa1\xf2\xb4\xbfR&lt;G\xd6\x85\x8f\xa7L&gt;\xcfNc\xca]\\\xeb\x85\x97\xe2Kd\xe3Zp\xd1mh\xbc5&amp;\xe5!\x0b\xec\x00\x00 \x00IDATx\xda\xc4\x99Ol\x1aW\x1e\xc7\xb9=\xee\xc6\x19\x1c\x81\xb0d7&amp;P\xc4\x1aL\xa2\xf5\xc8\x8ca\x80,\x0b\x8eH\x8a\xdc\xae\xc1\x01\x91\xa8\xc1\xb2eATE\x8ev\x8d\xac\x82"w\x86=\xc4\xae\xd3\x1ez\xb7W\x1b\xa9\x95\xb8@.T*\x9c\xb2&amp;\xdb5\x87J\xf8\x90\x03\x11\x96\xb8\xe7\xbc\xbf\xdf\x9ba`\x82\xbd\x1b\'\xf1\xee\x8f\x7f\xc3\x1bx\xf3\xe1\xf7\xfb\xbd\xef{\xbf\x87F\xd33\x82w\xa2\x19\xb2S\x9a\x06&gt;H\xd4\x9f$\xeaFr\xda\x97O\xe9\x95\xa8\xbe.}S\xe2!x)\xa2\xa5\x17\xa4m\xb4Ox`\x93|^n\xe9\xb7\xe2\x17hW\x8e\\.gQ\xfa\xd7J\xbd)?\x81~\x95(\xc8\x84(w\xa2\xbc\x1d\x00\xc4\x87V+u\xa2\xc5KIo\xa4\x17\xda;\xb6j\xe5#\xf9,= \xbdV8t\xe4*\'\x07G\xf5\xa3\xc6I\xa1B\xd1\xb4\xd8\xaa\xe9_\xb1\xff]\xc9h\xa7\xd8\t}h\xb4R\xef\xbds\xd2/\xd0R\xeb]v\xc0\xa4\xf7\x84h\x87\xce\xa8\xce[*\xd5F\xbd\xdb)\xb7\xca\x9dv\xf7\xb8\xd1,\xe4\x1c\xd2\t\xa5Sr\xc6W\x87\x8f\xfb\xa6!\x1fd\x8eJ\xb5\xde.\xb7JY\x96\xcd\xbey\xc3\xbei\xb5\xbbG\'\x15\x0b\xf9P\xd3\xbc\xa79\x1c\x0eK\xa5\xd0\xac\x1e\xb5\xdfD\xa3l\x94\xcfd\xa2\x19\xfe\xf5\xebL\x94-\xb5\x8f\xaa4\xcf\xfe\x1f\x06L\'\x18\xbc\x12\x9bA"\x8e\x8bF_g^3\x14\xecM\xa7Q-X\x1c\x1f~\x11e,\x9c!\x10Cr`)4 x\xb5l-\x9b\xe1\xc0Y@\xc6\xb2\xd1h\x86y\x08X`l\xe9\xb8Y\xf900\x1c4ZE\x1a\xb4\x922\x90&gt;\x90\xb67\xe85\xf2\x071\x82\x85\xa3r\xabV\x83\x8cby\x81\x8dr\x0c\xc7\x0b\x10\xc7L\x86a\x18.\xc3\xc3!{|\xd0\xac@\xf6\x0f)[\xff\x87\xca\x83uP\xaf\x88"u\xc3c@\x1e!=\xd8~\x93&lt;D\x1c\x96\\\xa5Q\xae\xd5\x8a\x02/\x08&lt;\xc3\x88\x9c\xc7\xcbp1\xcf\xfe\xfe&gt;\xc3x\xf7\xbd\x1e\x06\xc0\xb8l\xa7[\xafV\x1c\xd2\xaf\x1e\xec]\xfa\x85\xfd\x91(}\x82\xa8A\x86\xb0\xc8[\x07o\x8dp\x82Y\xd5l\x94\xb3E1\xc6\x89\x1c\xc7\x00\x05\xe3\xf52\x8cg\xff\xd5\xab}\x8f\x17\x9f\x11,\xc3gK\xa5\xceQ\xc1BN\xeb\x9d\xa8\x9b\x865B\xa3=\xa7Y\n\xa0SeV\xe0\xd1E\x1c\xe00\x19xp1\xc6\x8b@^\xef+p\xda\xfeC\x88*M\xb1n\xd3A\xb4\xefa\xe7N\xc5\\\xf3\xa8[fy&gt;&amp;c=\x84\x901&lt;\x0f\x91|\xf5\xca\xeb\x05$\xfa\xe4\xe10\xd5\xf8h\xa9\x9e\xfb\xdf(C\xa5z\xdcbA\x10\x18\xc4\x82\'\xaf\xd7#B\xc2\x8b\x1c\x03\xc1\xf3\xc0{\xda\x04\xac\x1c\xe5\xea4a\xb2t|\x88F\x9cuB}\xa6p\xd0\x06Q\x80\xe0y t\x90U\x90\xe3LL\x84D\xa3Y\xc6P4\x0f\xc3\xa3\x9c!W\xa9Q)T\xde\x07\x8bP\x05 \xbd\x85\x82\x9a\x83N\x9a\xfd&amp;x-\xd4[Q\x8e\xc3\xf0q2\x85\'\x16\x8b1L\x0c@\x19J\xebA*\x96\x8f\xf2 g|\xad]mB\xde\x0fi\x04Q)\xd4@\x93J z\x8b\x04\xd2W\x83\xfe\xdc\xafh\x06\x98\xa5\xd9\x05gQ\x13\x041\x16\xfb\xe7_\xf6\xc0\xe0@\x8c1\x14\x0f\xf9\x18\xf4\x13\x8b2\x1b\xcd\xb6\xba0\x17)\xf3\xbd\xb2\x18!}!\xd2*MC#\xb1?\x8f\x13\xf2\x96\x80\xa9\xd4\x01u\x94\xe7\xa8|\xb2\xc5b1\x95\xda\xdeN&amp;\x93\xdb\xa9\xd4\xea\xde\xde\xea\xea\x1e\x04\x13\xee\xd4m\x9c\x00.\x03\x8f\xb1 \x13\xcd\xdcPgd\xb8{\x15\xd6\xf9\x16\x0c\xb9\xa3\xb2\xc01\xbc(\x14\xc3\xe1\xf5\xf5\xdd\xfc\xf4\xf4\xf4\xc2\xc2\xc2\xd2\xd6V\xd2\xbem\xb7\xdbS)\x04\x14\xd1m1\x91\xcf\xd6\xa28)\xd5\xca\xc70Ej.n\x05\xe1\xc8U;,\xcf\x89\x02\x1b\xde\xdd\xd8p&amp;\x12:\xd9B\x0b\xd3K`@\x87\x06\x84\x00\xb7\xba\'\x08\x10D\x98\xa0j-\xea\xb0\x8b[64\xdb\x10\x17^X]\xbf3\xe9\xf7\xfb\xcd33###3\xf3p\x1b\xd1\x85FC\xa1\x15\xa4\xdb\xda\x82\xfb\xd6\xd6z\xd2\xbe*\x8a\x18\xc8(\x9b\xad\x95\xeb\xcd\xf7\x94\x06r\x86X\x10e\x06uT\xea%\x80\x12\x84\xb0\xf3\xf7\xe3\x06\xb7;&gt;\x03\\33\xf3\xf3\xa6\xf9y\x04\xd4\xe9F!\xa2\x10\xd7\xe94\xb5\xddT\x8c\xc1\x05\x058\xac\xd4\xadZ\xce\xba\xda\x19\xb2$\xad\rH\xbf\xf2!\xfd\xf9]^aH\xf7\xdc\x01\xca\xbbH\xa9\x00\x0b\xa8\xe2\xf3`&amp;\x93\xde\x04`\xe82\x1d\xb8,\xb4\x82\xe6L\xf8|\xce\xdd\xa2(\n\xb0\xf8a\xb3\xd9r#\'\xaf\xeb\xfb\xb5\x13Q\x97\x18D\xbe\xf5J\x0c\xb9\x9e\xc0\x87V\xaa{\xb4D^\xc2\x10\xa5\xc4\x00m8ig\xa3\x10\xc1\xa4\xd35&gt;\x1et\xeb\xe3q \x02\xfbUo4\xe2\xeb&lt;`\xe9 \x9a\x00\x96\x00\xa8\xc5\xc5E_\xde\xbe\x87\x99\x0f\xb7R\xbd@\x88\xd2\x95\\\xf6\xc85\x8b\xd2\xaaUJ\x8d\xa1\x12C\x11\x08\xa2\xd4;r1\x81\xce\x12\xf8=\xfb\nR\x19\x8dz\xc5\x8c\xd2\x1b\xc0\x1aAC\xb0\x84\x15\xa8&amp;\x91K\xe4\x04\xf0\x16\xac\x0b\x0bD]\xb7\x9cZ\xcd\x9c\x7f\x05\xa1A,1\x96J\xbb\xc6\r\x06\n21\x11\x98\x98@\xaa\x80\x11\xcd\x84\x896\x83\xa1\x84\xf4\xa7\\_.\xfa\xd2I\x91c\xb3Q\x98\xb3\x0b\xe7Y\xac\xbc\xbb\x9c\x00V\x89c\xc4%\xbfA\xa2\x9a\x00\xaa@`\x02\xa9\x02\xc6\thA,\xb8\xa1\xb7FGCV3\x80MN.:\xed11\x9b\xa5X\x17\xa3[\x95:\xcb\xc4\xecV\xa0rC\x96So\xa1\xb3$o\xe9\x8d\xfa\xf8\x8cN\x8a\xe1(X(d\x05{vk\xea\x96\xcf.\xb2%6{\\\xb8 \xd1:\xe9\x08\\j\xc5\x05Tq\x9a\xea\x14Mo\x9a7\x19\xa5\xe4\x02,*\xad\x00\xb50:\n\xc9\x8f\\skS\xce\xa2\x00Ql7\xcf-[\xca\x8e\x83\xfaH\x11\x08\xfa\xb6\xd2(\xf1\xabi\xa4\xd2S\xa8y\nf\x02\x95p#\x96\xc9\x14\x97\xd2\n&lt;\x85\x0f\xc0\xd2!\xd6\xe6\xda\xe4\xae\x00sc\xa7:\xb8\xfb\xd1[5h\x07V,g\xac 4D5Ckz;\x13\xb4\tV4\xdd\xec\xea.&amp;\x16R\xe9\x7f\x95\x14\xcb\x84\x92\x1a\x8f\xbb\xdd\xe86)\xaf$(\xc0\xb2ZGF\xfc\xe3?o\xce\xf9\xc2\x02\xcb\x96\x1b\x1a\xb9pR\xaf\x15P\x16h\xff\xf2\x1e\x8a\xd4\xa4\xe9\xaf\xf9\xc9\xdb%\x06!\x03\x15\x80\xa6Z\xce\x86\x9d\x06\xd9Y\xfa\t\xbd\x14CP\xaf\xb8\x82E\xc7\xa1\x84\x85i\xa6K\x8c\x98]?o\xae\xdd\xca\x17QO\x1dD\xe9M]b\xf4\xe4\x81\xf4\x19\xdey\xd4\xe6\x1a\xb5\xe2\xba\xcf\x05s\x0ebI\xc9\xfe\xb7@ \x180\xc2,\x04fB\xba8\x04r$\x84\x89e\x1e1C\x9eY\xcd\xae\xab\xb3\x9bS\xbep\xb6\xd6\xaa\xe7\xc8\x05\x94\x18\x85z\xcd\x9e\x87aH\x1d\x83c\x10\xe4!h\x0b\xdal\xc1\xa0\xd1\x8d\tf2a\xe2\xc7\xe3T\xeb\xcd`\x10C\xb3\xd9uyvsnq\xb7\x98-u/b(:N\xda5\xfb\x86\x1f\xa8\xe0\xe2\x12\xd4M\xdb54\x003\xc6g\xe2F\xf4\\\xc0\xa8w\xc7\x11\xe9\x99\xdb\xed7\x9b)\xd6&amp;$}\xde\x9e\xadu\xaa\x8ew)\x1d\xce)\x0f\xd5N6\x0cX(\x06\x94\xcaF\xa1"\x14,\xa8\x8f\x9b\xc0o6$\xa4X\xcf\\.\x17bAn\xcdm\xce\xaeM\xde\x87(\x96\x1b\x96\xf3c\xfd7a\xb5\x1c\x94\x8b2\x16\xa5BW-_\x8bD"@\x060&amp;\xbdm\xf9\x01:\xce\x80X\xcf\x10\x0b\xa9 \xb7\xe6f)V\xadV&gt;\xca\x9d\xb2\xd9r\xb6l\xf5\xc6Ao\xed\xd0S\x8a\x9e\xc4\xd0!mi\xb4\x8a\xeb\x1b~\x98\xa3\x03h7\xc19\x91\xc8\xd3\xa7\xe3O\x01\xec\x9a\rD&gt;r\xe9\xcf\x0f(\x16$\x15L\x88\xa8\xf1V\xc81\xc3\xd5\xd9\xb1\xb5\xc9;;\xe1Z\xeb8\xa7\xec\xabJ\n&amp;\xef\x8f\xf6\xe4\x89(;#\x83#\xf1\xad\xcd\t\xadj\xef\x14\x06b\xab\xb6\x0e\xeb\xac`\x102(\x00\xcfA\x83\xc1\x85v\xf9rd\xf9\x1a\xc0._\x01,\xa4J\xacl\xc0\x12pc\xc5g\xb5&amp;B0\x12\xc7nl\xde\xba\xf3x\'\xdc\xea\xe64\xda\xde\xc6\xeai%\xc6\xfb\xecA\xe4\x8eJ\xe1\xdd;S\x11\x1bPM\x04\xdc\x90\xd1\xd6D:\x9f\xdepNN]\xbe\xbel\x0b\x04"W.-\xdb\x82.\xeb\xc6\x12\xac\xe5S\xf6\xe4V\x1a\x17\xfbV\xc0\xfa\xe3\x17\x9f?y\xbc\xd3\x02o\x91\x8f\xbe\x82\x80 \x86\x1f\xdf\x9b\xbb\nq\nP\x8f\xe4\xd7SP\x83\xa5\x92i\xdf\xd4\xf5K\x91`0\xf2\xe9\x95e\x9b\xc1\x9a\xdeJ\xed\xc5\xb0\xa4\xddK%\xd7\xf3N\x8a\xf5\xd3\x17?\x1c\x02\x17\x04\xf1\xa3\xaf \x1c\x07\xe5\xf0\xe3\xaf7?\x01\x99r\xaf$S)\xa8\xba\x18(\xa7\xe1\xe2\xf9\xc5\xab\x9f\x82\x9f\xc6\xaf_Y\x1e\xf7\xe7\x93\xdb@EwH&lt;1q\xd5\xbe197{\xe3\xe5\xf3\xef^\x1c\xeeH\xb9\xf5\xb1u\xeb\xa0\xbc\xf3\xe8\xf6\xec\xf5\x88\xcd\xb0aG&amp;\xdc\x00\x01,{2\x0f\xeeB\xac\xe5K\x91q\xebRr{\x15\xeaW\xba5\x01\xe7\xf7\xecwno\x8e\xbd\xbc\xfb\xcd?^\x1c\x96\xcf\x8fuJ\x89\xa1\x9a\xd2\xe1^\xed\xec&lt;\xf9|\xecw\x91qg\x12kT0\x08a*\xb9\x95\xdfH\x18"\x98V\x91\x074\x86\x98Y\xabp\xa6H?S\x0c\xdf\xdb\xbc\xf1\xf2\xee\xf3\xdf~xt(a\r.\x17\x88\xeaO\x15\xd2\xdf\xbd\xd4\xc8\xe1\x1e\xf8[\x85(2A\x94\x12\x03^\x00\xeb\xcb\xb1\x1b\xb3W\'\xd7\xed\xf60\xd4\xd3i:\xde\x12V\xab\xd9\x0cX\x90]6\xdb\xb89D\xcb\xb1\xe9%,f\xf3\xf9]\xa8\x15\xc3\xf7\xbf\xfb\xe9\xb3\xcf\x9e\xff\xeb\x97\x17\x87\xc7\x96\xde\xbf,\xfd\xff[\xc8\xc0\xff4\xf2\x91\xf4\xc7L\xbf\x9e\xd0\xa8\xffQP\x97\x18\xa4\xda\xde\xf9z\xec\xc6\xd8\'N\xa8\xf1\xd3N\x1fV\xaf0\xfb\x99\xfd\xee\xb8;`\xfb\xd3\xf7_\xc1\xf4h\xd0A\x99\xb8\x10\xa2\xb6\xb0\x00EY:\xbf{\xff\t`\xdd}\xfe\xd7_\x1e\x1d\xd6-\xe4\x94\x12\x83\x90\xa1j\x86\xa8t\xeb?\x0e_r"a\xad9a\xe0\xfb\xfcX\xbe\xc2\xa4\x0cK\x98\x11\xb3\xdbh\xfb\xea\xfb?&lt;\xb8\x19p\x8f.\xe0\x96\xc4JH\'\xa1\xc1xu\xde\xfb\xf1\xb7o\xee\x02\x16$W\xdd\xf2\xf1K\x0cM\xb5\xfd\xf8\xc7\xd9\xd9\xd9\xdb\xf7|&gt;\xab\x1f\xd6\xa8.\xbfna\xfa\xdb\xbf\x7f;\x9d\xf0\xff\x9bV\xf3\x8fI\xfbN\xe38\xfb\x0b\xffGXq\xd4\x9a\xf0KPs`\x05\x81\x05\x8f^@\xa5VN0\x01\xea\xa44\xd2Xi\xf9\x1e\x895\xa9"\xf4\x98g:\xe8\xd5\x99\xae\xdfRr\xe9\x1f&amp;\x84L~\xc4B\x82]\xca\xd6\x1c\xb0k4\xb4\x1d\xea5\xe7\xfe\xa8\xb9\xc5\xde\x96\x9aaR\x93K\xc6\xf5\x8f\xf6\x9e\xcf\x17Dqnk;\xf7Q\xa3b\x0c\xaf\xbc?\x9f\xef\xf3y\xde\xcf\xf30\x9a\x86\xc7\xc7\x875\x87\xeb\xc1\xeb\xbb#x\x9f\xb0X0\x81l^\xa9d\x19\xbcI\x8b\xc52\xf5\xf0\xd6\xd8}\xfeo`1\x08\xb5d\xf4\x19-K\xaf\x82k\x18\x85MO \x10\x88\x87\x85\rm\xed\x9a\xe1a\x8c\xd9O\x11\xe2\xee\xb0\'\xee\xf1\xfc\xce\x03\xcb\xddmF^\xd1\x00bY\xe0l\xdd\xfa\xcf?\x7f\x8b\x8e\xcb\xb3\xef?\xb9\xe6\xa2\xcbl\\\x91J\xd5\xd0\xedF\x85\x8fck\xf7\x9c\x01\x0f\xde\xd5\xb2\xdc\xae\xd1\x84\xc0U\x0b#\xa7\xe3\x81\xc0\xc0\xd5\xf3\x7f}\x17b\x03DS\x84eDX\x0fo=\xa8\xc4"\xbf\xa6\xc3\xa8"\xef\xfc\\y\x93\x17_}\xfc\xe4\x931\x17\x9d\xce\xae\x13\xa9\xbap\xcf\xf9\xf3\xef\xff\xfe\xcf\xef|\xf3\xc1\xc0@XH\xadV05\x1a&amp;`\xe1\xe1p&lt;\xe0\x1c\xf8\xc7\xfb\xdf\xbe\xf3\x87cW\xce\x9f\xb8&gt;\xaad\xe9\x1c\xbd\x96\xde\x1c`\xdd\xfa\xaa\xf9g\xda7{\xffR\xbc\xc5\xb7\xb1\x88\xbaC\xf16\xdd\xd3\xc5\x98\xbc\x0fj\xc9\xe8l\x86\xaaZ\x18\x8e\x0f\\\xbe|\xe5\xdbO\xd7\x9c\x08\xabZ\xb1\xcc\xd4\x84\x98\nE\x8b\x10\xb0\x9c\xce\x1bW\xaf\x1c\xfb\xe6\xdd\x0fN\x9c\x18\xf0\xb8\x87\xf4Z\x03\xc4\x87\xdc\x97\x0f\x1e|?\xdb\\\xeez\x96:\xb7\xa5\xb2\xe0nQ\xc8;iC\xb9;Z\xb5\xab\xa7Yz\x88\xcbX\x97\xbe\xba&lt;f\x93\xc9\xd8\x0c\x05\x1cua\xdf\xd0\xf5\x13W\xcf\x07\xe2qO\xa4\x9b\xa2@\x9b\xc8\x04\x17\xd4\x1d\x01\xb5\xe0\xc58q[\xba!x\r\x99\xf5\xb6\x1cp}96\xf6\xe4Y)\x04\x96{\xa0\x95V\x86\\\x02x\xbd\x0cb;\xc4\xf0g\x1f!,\xde\xe1e\x05\xa5\xba^\x04\t\xc4h_$\x1c\x0e\x0b\xbb\x14\xcb\x874\x18\x9c\xad \xa3\x1a\x0f\x03S&lt;\x1c\xc1\xe1q\xb4\xea\xb5,\xe5\xa8\xd5\xcc\x05,/\xc2zL\xda\xaf\x8d\xf2+-F\xf3\xb31\xc0\x12\xf4\x1c^\x86\xd5\x86\xacF=U\x08\xf1\xa1\xab\xe5\x08\xb3]&lt;\x8c\x85\x98!\x93\x08\xe4\xf2x\xc2\x80%\xec\xa66\x88\xa4z\xa5\x19\xb0b\x08\xeb\xd1\xa3\'\x93\xa4_\xd1V\xfd\xc9\xf5\xf8\xd6\x98\x8d\xdd\xda\x04j)\x96\x97\x91f\x10\xc9\xbb\xad\x14\xc5\x11f\x08\xc5\x87P\xc8\xd7\xea\xeb\x82H\x16\x8e\xb8q\x1c\xb8\xacf\xb3\x19}1\x8c\xc9$\xc2\xba\x7f\xf7\xee\xdfg\xa7\x0f2HH\xa67\'\xf9\x93\x0fO!\xacv\x84u\x184S \xe3\x05\xa7\x9d\x19\nab\xb1\xe6\xd0!_\xca\x07\x01\x15\xc7\x89x\x8a\xae!p\xb1pe2\xe8\xb9\\\xee\xe6\xd8\xa3\x87\xb3+\xb7\r\x96\xb7\xe3\xdaWe\xc9\xa6\xd1e\xdc\xdc,a\x01\x12Q\xceB\xbb\tvC\x13\n\x854Mj\xa6\xa2%\x9b\xf2E\xbb\xecva)\xc8S\t\x17\xab\x12I]\xb1\\\xee\xebkg\x95\x83\xd4\xa8\xcfg\x99\xdb\xaf\xcf\xba_\xf7\xb5\xaa\\\xb3-\xb56w*\x02\xe8_\xaa\x9a\'\x8fc\xa1C\\\x83V\xc9\x13\x98\x9a4MM\x1a\r$\xce\xa8\xa2\x05\x06\x08\x1dv\xf0\x8c\xa1`:\ro\x9a\xad\xa7\x16\xb9\x08*j5\xa2\xaac\xc7.\xe6\x1c\x13V{\xa1?\x13\xfc\xe2\xe5\xd3\xe6]3\x1f\xc4;\x15\x9b\x9fE\x96\xf2hGE\x06A"Wt1\x8a\xaf\xf27\x13\x98\x18k?\xcc\xd0\xf3\x04\x90\x06"\xc3\nd\x1ap\xfb\x80\x85a\x1a\xb0g\xa1\xd0\x91tz&gt;\x9a\xcd"\xb9`u\xdb\x11\x16\\\xe3*\x95T\xee\x8a\xf5\xe6\x1c:=\x85\x91\xf9c\xfe\xbbW\xab|r\x85\xc5\xd8\x99\xff\xd8]\x98y\r\x8b!\xb1\xe4\xf3&amp;\x0em\xa4G\xca\x96\tL\xc3\xa6a\xb4\x00\x0bN\x95\x86\xc0\xd2\x88\xb1Pp\x1eQ\xc9\xb3\r\x08\xa9@\xa5\x16\x88\xea\x08RKN\xcf\xf5\xe6\x8c\x06yM&amp;#~\xf1\xdd+\x8b\xe4\x802\x08\xc9\xc5\xe7\xf9\xf1\xf7\xde;\'\xe0\xca\xe8\x82V\x93idddX\x0c8\xc4B\xdf\x13\t\x0c\x03\xac\xac/%K\xa9\xbaA,*5M\x14\x06\xeb\xfbU"\xae\xcd\x88n\x1f\x87\xad5\x13\x0c\x86\xbex\xd5+9\xa0\x0c\x02\xb0B\xe3\xfes\xe7ju\xf4\x8e\xdaF\x1a\xa2B\x0b\xc3\x10\x12&amp;\xd6\xa8\xc5\x00\trE\xb3\xa9TJo\x05\xaaB5%\x8d\xaaJ\xfdm\xa2:\xb9\x0c\xd2@K\xd2\x912\xf9\xd2\xf3\xc1W\x80uP\xe1\x01a\x8d\x8fs\x00\xebxG-\x8d\xd6\n`\xe3\xc0%F`\xe2a\xb5Z\x9c\x10\xbf\xc4\x82\xc4\xd1\x8a6X\x91Z\xa0\x15\x82jc\xd4\xc9y\x1d\xb9^\xcbj\xd2\xe12\x81\xb9d\xe6a\x13\xdf\xb8\xb9\xb2\xff\xfc\x16\xff\xbfyP\xcb\xefgk\r\x1d\x1d\xb5\x1c\x1a\x8d6\x02i\x1f\x01&amp;\x86\x88%N\xf83\xfe\x0c\x1c/_j\x1b\xabPM\x94\x08\x19uu\xf2\x14\x1d\xf6pu5iL\xcd\xdb\xa3Y5\x96_\xe5\xef\xcd\x1a\xc8\xfb\x95%J~bg\xa8j\xfb\xb4\x95\xf3~\xfe&amp;6|n\x91\xa3\xa6\x9c\xb9m\xa0\xd7\xd6\x16\xd5B+\x81\x04Kd\xfc\x8b\x8b\x8b\xfe\x848\xd1\x11KA\x88\xb0\n\x85v*\xa5H%\xb7\xd9d\x1d1\x84\xe5ud\xb7\xb6\n\xf3\xc1Dh\xb3ygx\xab8)\xb6\xdd\xdd-\xbb\x0e\x12iO\x17cW\xabu\'\xefo\x9e\xf6\x8f/.f\x8e\x14\x94\xd7\x10W#\xc85~\xb2\xb3\x13q\x89C\xeaL"\x9bMe\x12\x80%3\xc0\x0f?\x98q\xdc\x8e\xc4\x02*\x1e\xdb%s\x18cI\xcb\xaae\x05\xb0&gt;^H\xcf\x8b3\xd3\xa4\x9d\xeek\xd9^\x94\x9a*\xe5w&amp;\x93~n\xb6\xaa\xf4\xb0J&gt;\xf2\x13X\xac\xb3\x833\x80\xd5\x08`\x9d\x9d~\x00K`Lu\xa2\r\xc7Q eD\x95\xee\x889\xf5\xc3\xd1\x08n\xa7\x10T5l\x19\xddA\'\xb0\xd6\x1f:|\x80U(\xa8\x17\xa7\xf76q\xde\xb64B\xe6\xaf\xfa3\x99\x04S!?;\x88\xd4j\xe4\xc0\xf2#\xaca\xac]\xedKG\xf0\xaeh4:o\xf78\xff\x15NG\xed\xb8\x10\xed!P\xf1dt:\x9dP\xcb\xe2\xbdIO-lm-,\x04/\xce\x1d\x98\xf3\xe1of0\x9f/\xa4v\x9d\x9a0\xd0/ ,?\x12\xab\x13U\x8e\x9a\xd4-\xe0V\xedf\xbd5\x1cp:\x03\x110&gt;\xdd]\x04V\x1d\x0f\x89\x05\\\xc9drj\xc6\x96\xdd\xd8\xfa\xf8\xb3\xad\xa0e\xee\xc0\x9cO\xf3S\x7f\x10b\x8e\x98}j\x102.\xd8\xc2F?!\xd68Q\xff\xa3\x86!!==\xd4\x17w.\xdd\xbb\xe7\xf4D\x10V}Q-\x07\xdd\xe5r\xc4rI\xef\x8aMT\xd8BX\xfb]\xd5o]7\x9d[\x0cnl\xa41\xd3\xe0\xa0\x8e\xde(h\xa5\xd18\xc4\xd1\x1aAu6J$\xb0\xb4\xb4\x04\x99r`imm\xed^&lt;\xec\xee\xeb\xb6B\xfa\n\x8f\xa1L\xe6\xb2\xd9\xe8F\xa3\xd7\xfb\xb5A\xb4\xb0\x00\xbb\xb8\x91X\x9d\xfb\x91\xcb \xff\xd4\x10ii\xb4\x93D\xdeI%H\xbb[\xaf\x92^,\x9dVc=\xdaA\x9dL\xc0n\xa5\xa1]\xec&lt;9b\xaa\xeb\xef\xea\x8e\x04@\xa5%\',\x84\xb5\x06\x80\x9e\xd3n\xa1\xb5\x1e\xaeh\xa0\xd2\xc9\xe9\x0e\x87q\xea\xa6\xbc\xbe\x90\xf6\xf9\xd2\xbe\xccS\xfe\xee\xeeM1\x16\x90*\x9a\xbe\xc5je\xb9\xd5J\xde=\x8eI\xbcTJl\xaa\xc8\xcd\x9b\x8b\x10\x9e\xfc\x1c\xee\x19\xad\x8d\xc7\x13\xa0#\xdfy\x92\xd6S/\x84\x1c\x19\xa8\x96\x08\xaa\x1b\x80\xf5)\xe8\x05\xbf\xc4=n+\x8b+w\xd9\xb8\\\xed\x0c\xc2\xba\xad\xef\xef\x0f\x8a\x8f\xfb|\x10\x1fvB$\xb9\x14\x0bv\x95F\xb6\xe3\x14\xa9\xd2\xe7T8\x92r\t\x83&lt;\x17Kd\xce\xf9\xfd5g&amp;l\x02Ak#\xad\x95vr\xa4\xc7\x1c\x01S\x08P\x00\x02(7\x02H\xae{K\xc4r\x06\xc2\xa3,\x9dM.\x95rm@5u\xbb\x81\x92N\x07\x13\xf3A\x8b\xa4\x18\xb0*\xe7\xc4\xc8?j\xc8\xbeV\xed\x94\xcc\xb7\xb4&amp;2\xe34\x13`\xb1\xe1R\x84CO\xeb\xe9B\x8f\x9e3\x80\x0c\xff\xe9\xbe&gt;\xbc\xaf\x0f|~\xdc\x03\x86\x0cI\x07\x82\x1d\xd5\xca\xb5,\xa9\xdc\xe0\xc8y\x01\xab\x05\xb0|\x99\xd8t\xf3/\x04\xac7s&gt;\xd3\x173\t\xf1\x88I9hc\xc3\x93\xc8\xe14\xd2\xea\xf08\x1c\xa3\xb0\x1b\x15n\xe7\xa3QHl\nv\xbb\xd5j\x1d\xeas\x9f\x06\xb8\x01\xcfu\x16W\x0bb\x19\x0c\xde\xa4w\x822\x0f\x89\xcf\xf1\xd5\xe9\x03.CH\x9e^L@Z\xaa\x9cp\xc9 n\xd56\nx\xd5\x11T\tT\xb2\xe4\xf2l0\x18|\x11\xcc\xa7!?\x85\\0\xaaW\x1e\x054\xf7\x9f\xfe2\xa8\xd5ju6\x83\x03\xb0nJ\xdb\xb2\xa9\xd8\xe6\xdc[P\x91\x7f\x81\xcb\xf2Q,\xb7r\xd3 \xbb\xd0\xc8i\x14\xb0k\xccCG\x95g\xf4,Qt&gt;\xbd\x81\xd6\x02Z\xf6\x05B\xb1\xa3h\x9d\x9a\x00\xac\x19\x83\x03\xe2\x83w\xddb\xb1lNK\xdeh\x8e\xabj\x97\xe7\xd9\x1b_K\xf3[(\xbd\x91LN\xde}\xb6B\x84y\x01\x9bWc\x1e\xd5\xeb\xcdV\xc8E\x17\x10\x13P\xfd\x1b}\xe0w\xee\xdc\x01\xf3jm\xd0\xeb\'t%\xb1\xbc\xeb\x9f?\xbbTY.\xad\x10\xa1j?\xf7\xb5\xdbL\x94\x9dOi\xc8t\xcf\x048\xb9yr\xc5 C\xb7"\x8f\xc7\x18\x1de\xa9\xac}\xb8\xdd\xbe\x91\x0f\xbe\xc8\xe7\x9f?\xdf\x80\xcf\x8d\r;\x1eAV\xdb\xac\x92\xeatZ\x9dn\xc6\xe0\xf5&amp;\xd7\xa7\x1e\xf3w\xda(\xa4\xfd-Fy\x12\x84pCo2\x9c@&amp;_\xfa\xdc\x01\xd7\xdc\x058Z\\)K*U\xa9\xea|\xbe\x17h\xfd\x0f\xb8`\xa1\xc3\x85:\x89`[\xa5\xdc\x19X\x06\xa3w}}}\n\x1e\xc0\xd7+\x86\x96\x9d\xcf\x1b\x8dU\xf1g\x8d\x06\xd8\xc6\x0f?\x14\xfc\x8d-\x97rkZ9\x1cH\xb5^\xc2\xfa?-g\x1b\xd3d\x96\xc5q\x12\xc6-\xb3\xc4\x8a~\xc0PISH_\xa6\xd0\x85\x0e\x84\xb4e\xa9\x1f\x94\xa6\x9b\x86M\xa1\x8c\x94\x9a\xb4\xe0XZD\xc2\x87\x05)e\xc2\xb2-ZVC\x85\xd2\xec\xb2\xbc\x06\x08\xc1O\x142npU\xc4I\xc8\x12X`Mp@\xf0\x83$\x1a\xddYv\xc4\x8d\x84\x99\xb8j\xb2\xff\xf3\x94\xbe\x813.\xcery\xc9\xc3Kx~\xfc\xcf\xb9\xe79\xe7\xdes\x0b\xc1\xbe\xfd\xf6?\xa82\xbe\x12%f\xa9RSSU\nL\xc2\x8eb\x12\xeb\xb1\xfbb\xd4\xbev\x80\xa7|\xe3\xd6\xd7\xd7\xab\xb3\xbb\x1cR\x87X\xc41\x1a\xfe$\xfc\xe2\xcf2\x80\xfd\x11\x01\x02\x05\xec\xdfDJ\xa5\x92\xc7\x03Wn\xaa\xa2_\xaf_\xa9\xbfu\x0br\xdd\xde\xa7\x1e\x88`.q\xd1\xad\xd7\xd7\'TV:\x1c]"\x05\xcf\x88\xd0*\x8b\x97q\x12?9GMe\xa7\xcf\x9dK\xcdBFCXE\xa9|\x1d\xb0\xdc\xb7o\xe3\xfd\xb1o\x9f\xb1n.vt\xe8\xf5pe\x9dB\xa4P\xf0\xf2\x8dF\xa0\xe5\xf3T%\x9fR;\xd9\xb9\x92O\x8e\x1f\xcf\xca\xca\xe2\xa7\xe6\xe6\x16\x99\x9d\xa3\x1d\x1d+n\x02{\xe0\xdbs\xa8\n+&amp;"J\x8c`\xd3FX\xd5\xc1\x8a\xba\xe9\xc6\xbd\xfa1\xf5\xf9\xf0x&gt;\x1f\xca\xf0d\xb2|Nb*\xa2\xfb\xe9OA\x95\x98\x98\x05\xa6\xdc\xcc\\\xc4-\x06k\x91\xb0\xe4Qa\xf7\x08o$e\x85n\x1b\xcc\x1f\x02k\x10\xac\xe0*i\xf8"eX\x06\x11Z\x97\xf0\x8d\x8d\x8ev\x8c\x8e:-|\x80\xf1\xf9*\xbeJ\xc1A\x10K,\xa1\xc0~\xbaD\x95\xc8KTe\xd6\xd5\x81*\xd3\x84\xdf\xec\x98_\\t/^~.g\x02LT\xd8\xad\x02\xa9K @D\x05\x92\x17VD{\xc6;\x8f\x88\xec\xfan\x94\xcf\xa6s\x8e:\x9dN&lt;X \x16\xdfl\xc6\xc3X \xe61b!\xff\x03\x97*\xb7\xae\x9c6:L\x96\xd1\x8e\x95\x8e\xa9\x95\xc5\xc5\x95[\xcf\xe5a\x91!\xa2)l\xe7\xe6J\xe0[{\xec\x00\xf7\xd9\x04\xce\xb99\x8f\xc7ba\xb0\xf8f\x8bS\xa9\x14e\x95\xd08\xf7\xeb\xd3\xa7\xebJ23\xeb\xca\x9b\x9a2Mfg\xc7\xca\xca\xfc\xd4\xfc\xe2\xbc\xfb\xec\x13y\xcc\x1e\xc7\x1e\xdbA\xe56n\xa5\xc7n\xb7\x9a-\x05\xfc\xa2\\\xb3\xc5L\x17\xb8*\xca\xe2\xab&gt;\x81%ic\xcc\xd5\xd4\xd4d2yz\x80\xb52??\xbfx\x0bX\xfb{r%\xe3\xb76\xae\xa3\xc0\xee\xb2z,N\xbe\xc5l\xc2\x00\x1a\x1f\xc2a\xfa\xa9`\xcarH\xe5\x85V&amp;\x8f\xa5g\n\xae\x05\xb9.\x13\xd6&gt;\xb7\xa5C-I\xbfea\xc1j\xf5xL\x1eh\x05\xbd\xf8\x05\x05\x08\x16"\x85\xaa(\x15\x06,\xb7\xba\xac\x0c\x14\xb0\xa6\xa6\xa6\xe6\xdd\xf7\xee\x15~\x00\x16kg\x89\x11\xdc\x13\x8d\xdc\x12e&gt;g\x00K\xda\xa5\xf3,X].\xab\x954\xb3X,H\x15D"\xc6\xd3\x90j\xd5Y\x81\xe5\xe9\x99\xeb\xe9\x99\xc3G\xcf\xfc\xe2\xe5\xb1{\x85\xad\xf2\xc8\xf3!\x91\xcdZ;\xfa\xb7\x02\x0b\xaa\xa1s\x1b\xc1\x05MV\xa0\xc4\x08\xec\xf9\x04\xce~\xc9\x0b\xab\xa5]\xfdN\xbb\xcb\xd5\x8e7\xab\xc9\xec\xb1x,\xba\xfeJf\x02\x14!^e2T\x04e\xb7\xcf\x81\xca]\\&lt;V\xd8\x9a\x12\xdc\xd2\r\x9c\xa2\xdb^\x07\x89\tl\xef\x06\xcf\xc0\x85\xd6NY?\\bD\xec\xb7\xe0\x8a\xb0\x1c\x0epY\xab\xf2\xda\x89\xcb\xe24\x99\x0bt\x050%Q\x81\xcbdu\x91X\xa0\xf2\xf8\xa9\xfcX1;\x97`v\x95\x18\xa1\xfe\xad=\x07\x08`q%\x8ej\x87\xcecw\xb5\xb7\xe7\xb5\x03\xcb\x02\xaf\xcf\xf5\x0f\xcaI\x19\x1b\xce\xd9Ae\xef\x99b\xb0\xd4\x84\xb5\xcfGD\x08\xab\xba\x1af\xf4x\xac\xae\xbc&lt;\xd2\x0b\x1c\x14?33\xcb\x11\xaf\xca\xbd.\x97kaa\x01Ts\x08\xa5nw\xb1Z=v\xb6u\xbf\x8f\x941X\x8e.\x9d\xd3\xe2\xb1[\xdb\xf3\x00V\xe5\x1f\xde\xdfU\x95\x96\x96\xe2\xa2\xdd\xdb\x0e\xeb\x92cM\xad\xb8/\x17\xd7\'\xa8\xef\xed?VJ!W\x08\xae~\x1d\xe42Y\xbd\xe0\xcakiiI\xff\xfc\xf7L\x03\xffy\\\xa6\xa7\xc3\xe9\x16\xe0XN`\x15#\x99\xd5\xd8\xce\xb6\xca?\xac\xe0a\x857x\xee\xa8\x01B\x86\xc6\x8f\xa1\x96\x90\xb8\x1c:\xa7\xd9\xec\xe7Jo\xf1wbP\xbf\x06\x03\x06\xcbZ\xed\x16\x0b\xa2|\xbd^\xdf\x10\xc2b\xbd\xa71}\xc7\xeekL n\xed*1\xc2;\xc0\xfd\xb9\x84\xbcP+4\xc4W\x13\x97\xd9BzUy\x9b\xc0\x96\xee\x1f\xa4\x15\xc4\x82\tM\x84\x85\xcc\x0c\x15\t\xb0\xf0\xf0\t\x1e\x87\r\xbb\xd5\xf6\xee\xca\x8f\x94\x18\xbb\x0f\x97\xbd\xb3\x1a`\xb0\x84\xc2x\x07\x82D\x01\xa2\x82\xc9[\x95GTy\xe4^\xa5\xa5`*\xc5u\xbb\x0b\x0f\xea\xd1Qd\x8b\xfa\x86l\xf56V\xf0`\xc8\x8e?\x1ayvn\x0f\x9b+\x11X6RKF\xb1K\xa7\x83!\xc9\x8c\xb0b\xba\xff\x0c\x06#V\x9e\x17\x0f\x1fJ\x01u\x16g?l8f\xfb\x90\x0cbo\xbf\x8d\x87\x0f\xb0\xe2%\x12$\xf3(\x04\xe9im\xb5V\x95\x92\xfd\xe0a\x9f3\xed7\x14c\x89J\xc7/PV2X\xcf\xe5\xfb\x1c\xb7|6\xa1\xd0`0\xc4S\x94 \xbd\xf0\x94\xd6!\x194\x9b\xf1\x90\xf6z\xbd\xe5\xde&amp;k&amp;\x85}x{\x7f\x81B\xa1lPkfl\x85\xcf\x7fZ\x06\xf1\xde4\'\xc3\xd7LX\xf15\xf1\x02G\x17\x8d~]\x7f\x83R\x87:U)\xe2\x17\x11].e`:=B\x83\xae@!R\xc2\xb5\x9am\x85\x0f\xf6^\xf9\xb0B\xddZa\xc7\xc1w\x94\x18\x01\xe6\x94\x8bc\xc0\xaa\xa9\xa9!\xa7wtA\xb1\xfe.\x87 \x1b\x856\xcaF\x85\x82I#\xf8\xa0\xaa/\x1e\xd3\xa36\xe2q\xa4\\R\xeb,\xadA\x84N\xc0\xb0\xdey\x19\x15q\xe9oD\x08\xb6O\xc5\xf8\xd3\x85\x88\x12#X\xfcd\xdc|\xac\x16\xd2\xaaiM&lt;\x17A\x82\xd1\xcbQ\xadV\xab\xe9\x0b\xb1R\xa4T(\n\x14\x05\xba\x86\x84\xfa\xe2\xe2J\x11\xa8\xc4R\xf5\x0c\xd4*\x9c\xbf\x7f1t\x83`\xb2\x12\xb3\x9dAl\x9fg\xf1\xffp;\xc3\x8a\xd9\x91\xf7\xbf\xf3\x88\x082\xad\x8c(V\xc6\xc5\xfb=\x02`\x81+^\xc8\xe5\x12\x97\xc3\x01(u\x02\xc0\xba\x04\x04\x06.\x11\xa6\x9f\xba\xb8\x1ef\ra\xd9\x99\x83+\xbb;\xb5\xc2J\x8c\xc0Z\xea\xff\x9cA\xb02|\xad[g\x1f\xdf\xfd\xfa\xee_\xaf\xbb\xc4\x84\xf5+L\xc6i\xad\x16`~\xad\x124\x1a5\xae\x81\x85\x84PW\t,uB\xa5\x92\x03,\x89\x96\xb0l\xa3\xbf\xfc\xee\xfe^\x1a\xc0\xdf_bd\xc8[\xb7^\xbf]\x1f\x1e\xbf\xfe\x8f\xebO\x1b\xab8\x06\x03a\x19\x0c\xd3\x15\x15\x15\xe0\xaaVk\x006\x96\xa3\xa1\x15B\xa5H\x04KV6\xc0\xd9\xb2\x19,\x19\\\xab\xd9f\xb3%\xb44\xfe\xe5\xef\xf4B\x03\xff\x9f\x12#C\xee{\xf2\xf2\xedFwo\xef\xb3\xe5\xc6\xa7\x8d\x8d\xb5U\x9c/\x88\x0b\x1f\xd3\xa7\x8e\xa5UTWs\x81\x05\xb5r\xd2\xb8R1\x07\x19=\xad\x8dt5P\x13!\xa8\x8c\x12?\xd6Lv^\xed\xd3\xeb\xff\xba\x7f\xf7\x9b\xaf\xe9\xa5\x06~b\xb6 \x87\xf16\xd7g\xbb\x87\xd7&amp;\xfb:\xcb\x1a\x1b\xd9\xec\xdaR^\x8d\x81\xd1\x8b\xb0\x8e\xa5\xa5U\xc0\x92j\x18R\xa3\x95\x18\xf3y\xf0&amp;`\x89ij\n\x94&lt;N\xbe\x8c\xab\x05Vs\xf3\x8c\xb4\xf4h\xe3\xd3\xcf\xbe\xc3\xf0\xf6&lt;n\xdd\xd3\x89~Vx\xe4\xca\x90\x93N\x9b\xeb\x1b\xb3\xc3\x13kK}\xcbwN\xfc\xac\x91\x1d{\xa4\xb6%\xd1\x8f5=\r\xac\xe4\xe4\x9c4\xc2R\xab\xb5\x9a4\xad\x0c\xfa\x10\x96X,\x80\r\xc5\x1c\x8eX&amp;\xf5c\xcdh\xbeJ\xafe7\xd2(\x1b\x99\xddx\xf5\xfd\x13_\xca\x8e\x8cbW^\xb1\xfd\x1a\x16ak\x14\x19)\x84\xf4\xfa\xcd\xfa\xc6\xc6\xf0\xc4\xf8R\xdf\xd5\xc1\x87\x0f\xaf\xde\x89f\x03\x8b}\xfe8a\x19\x88j\xfaX\xf2\x993\xe0\xd2`\xa8\xb9Z\xa11\x9f\x03\x14\x0cF,\x81Xl42j\xcd\xcch\xb4\xca\x96\xa48v\x1c\x9b\xcdN\x1a\x1f\x9e\x9d\xddX\xdf\xdc\xf2\xd1\xfa\xee\xf6Kv\x04\x03Dh\x87#*\x86\x15\xb9\x8b\x11%o}\xb9\xf9f}}\x83\x91i\xf2j\xdb\xc3G\x17.&lt;\x02V\\\x1c\xb0\xae\x1c\xffMM\r\xe3Y\xa7H\xae3\xd0+\'\'M\xa3\xd1\x92\x119\x1c\x01\x864\x1bC,\xe6\x18e\xb2x.\x03\xad\xe5\x8a\xce\x1f8\x12w\x04\xe3\xa3\xb2\xce\xa55\x90\xad\xbf\xf9\xfe\x81\xcf?\x03\xa2B%F\xa0\xf2\xd9\x15 X\xf2\xad\xcd7/\xfe=\xb16&gt;9y\xe3\xeaH[/\x98\x06z\xdb\xae.\x9f8\xc8f\xc7\x1da\x9fT\x05\xb1\x88\xea\x0c\xec\x98\x93\xd3\x0c\xb2\n\x89L\x06$`\x11\x15\xb4\xca7\xd2f\x07W\x8b\xc1\x95(\xae\x1c\x00Stt\xf4\xb5\xe5\xbe\xa1\xce\xa1\xf1U\x92\xec\xcd\xe6\x16\xb2\xe9\xc8\x96\xaew\xb5\x95!@m\xbd~\xf5\xcf\xb5\xf1\x1b\xe3k#mm\x83\xa4Sw\xdb\xc8\xe4Pg\xd9\xb5\x8fc\t+\xf6h\xc9/"\xb0\xce4\'7\xe74\x83\xab\x826\x8b\xab\xab\x89K\x90-0\nd\xd0J\x1a/\x95p\xb9\x88\x1c\xd2\xa2\x93\xd1\xa0:|\xf8\xc0\x9dg\x83\xf8\x83}KKk\x13\xc3 {\xbb\xf9\x12\x99\xeb\x8f\xc6-\xc6z\xafV\'FFF\xfcD\x03\xdd\x90ir\xa8,\xe9\xda\x89\xb2\xb2$\x06\xeb`m\x15\x0fOD\xc6\xb7\x8e1X\xd0+\xb9\x99l\x89\xf4\x90\xbb\x8d\x85OR)\xedW\x01M"\x85\x8cb\xef\xd3\xe8#\x87\x0f\x1d:\x94\xd4\xd7{\xe1KR\x7friii|mbu\xf5\xc5\xdb\xd7[ \xfb\xa1\xb8\x95B\x13\xef\xc5\xf0j\xdb`\xef\xa5\x81\x81K\xdd\xbd\x83mk\xe3K\x9deew\x96\xfb`\xcd\x1b\x9d\xb1qq\xf0\x8e\xd8+\xa9\xb0"&amp;\xe2)\x06+\x99\xecHl\xb0"\xb0\xb8\xd9R\xe2\x92\xca\xa4R)\x980\x8c\xf0{c\xbe\xe2|Rt4\xa8\x0e\x1d\x18\x82H\x03\x03\xf0\x8b\x91\x1b}\xcbC\x0c\xdb\xea\xab\xcd\x97[\xef\xdc\xe1`"\xf9+@\rv_\xba\xd4\xdb\xdb\x06\xd7Z\xfaCg\xd9\x1dBz6\x08\xe1.\x0c.G\xc7\x12\xd6\xc1Z/\xa7\xc6\x10\xc0b\x06#\x19\xac($\xb9\x00%\x86TR\x18\x8e\x90\xc4\xf9\x18\x1c^\xd3\xd1\x8f~\x0e\xa8\xc3\x87&gt;\xae=\xd92&gt;1\x8c\xff\xfc\xcb\x81\xee\xc1\x91\x1b\x93\xcbCCK\xe3\x13D\xf6\xc4\'\xdf\xb9\xe7\xdb\xca\x08\xb5\xda;\xdb;&lt;\xb1\xad\x11\x11\x8d\x0cv_`\xc6\xa3\x87\xcf\x961\x95\x80\x15}\xf0J\xae\x8c\x89[\xa7N\xf9\xa9rH\xafdF.r#\xc6\x88\x92\xff\x96i\xbe\xa1q\xe4e\x1c\x9f\xcc?\x9c\xdf\xccofv^Tl\xa48\xc56\x9c\x84PN\x8eC\x92r\xd0\nB)\xf4\x8e\xbbH\xde\x18\x10o\xaf\xc7*b9:QA\x16_\xacA\xb11\xfa\xea\xb6i\xf7hXV\xdf\x84+9h^\\\xb2/\xf4\x0c\x17\x04\xdf\xc8\x15S\xcf4A\xec\x8b\n\x8d\xe0\x9dRZ\xc1\xef\xf7\xf9\xcd\xecn\xe3\xb3\xbb\xb3\x93M:\xf3\x99\xef\xf3}\x9e\xe77K\'E\xa9\x97\xd92\xd0\xcc\xbe\xfe3\xcf\r\x02\x05\xc7{y\xee\xb9\xc5y\x80\xdc\\\x01\xda\xfa\xad\x16\xd9:$;\xfc\xd7\xa7\xc3\xfb6:\xea\xd3\'O\x0fww{\xd28\xbb\xedv\xfbn\x9f%X\x12]\xdd\xdb\x83\x15:[\xbf\x0et\x86\x1a\x8f\xb2\xe2\xe2\xc4\xe4\xe9mc.\xea5sR\xa8\x80\xc5\x92;\xc3\x98&lt;\rc}C\xa8\xf8\x9d\xef\x0b\xdf-\\\xd7M\x12\xc7\xc9\xbb\xbc\xe6s\xe7\xf2\xbc\xfe\x11E\x03\x1aCt\xbb\xb3y\xf8_\xf8\xff\xf9\xf2\xbbS\x8ea@\xed\xde\xbf\xd3\xed\xa2M=\x80\xb7Z\xc2\xd3z\xa7\xb5\xb2\ns\xde\xdd\xaa\x17y\xee\xba\xa8%\xe8\x95\x86\x7f\xff\xc9\xf5\x13\x97\xb6\xb7\x1b\xdb\xe3\xc2\x85\x061C*\xce!\xd0\x9c\x99|\x0b\xc5w\x9aR\xbd,R}\xe1\xf3\xdf\x7f)p\xdd\x00T^}\xb9\x85c\xae\xc9!\xeb\xf5zW\xeaq\xeaSz\x1f\x00\x00\x06\xf8IDAT\xa7\xc5\xd8\xb9\xb9|\x7f\xf3\x9f\x15\xd8g\xac\x87\xbb\x9b\xbbh\xe6l\x9c\xa0\x17":~y\r@\xc8&amp;\x90\xbc\xc0\xf3&lt;\xd7\x8d\xd8\x0e\xd1S\xc3\xd7\xe6\xdf\xba\xd4h\xb0C0f\xc6A\x85\xe98%\r\nM\x02\xad\xeamb\x1d?nR\xf8\xfa\xb7qM\xc0\xaa\xd5\x92\xad\xd5[\xeb\xb8^\x1e~\xa9\xd3\xad3\xda]V$\xe1vvvz\xbb\x87O\r\x98\xb5\xd9\xebm\xf6\xfb\xb0\x91\x08J\x1e\x1a\xd1\x00\xe5\xb9\xefy\xb9\xe3y\xca\x837\xe8,\xfa+\x9e~\xe3\x020f\xb7K\xb0\xf1\x93\xa4b\x0e\xd1!\x00\xd5h\xbc\x8d\x1c\x1e/\xb1^\xb8X\xb8c\xcca\xad\xe6\xeew7\x96a\x8eu\x9a\x8a\xb5\xbe\xd47pm\x81\x83\x8f@v\xf8\xf4\xc9/\xbe\xf4\xbc\x05\xa5\xfak7[W\xd7W\xe4\xaf\xdam\x11\xc8\xf3|\xed\xcb\x06P\x0e\x1e*\x08\xd8\xa6)\x98n^y\x17\\\rb\xcdR.\xc4T\x039d\\j\xe07\xc0\xa2X|M\xbc\xc9\x14\x1a\xb1\xc6\x82\xbc\xde\xbe\xcbJ\x82\xdb\r\x1b\xe1\xd6\xccy\x85m\xb3\xf7\xe8\xd1\xe1\xe3\'\x7f\xb3\xee\xf4\x97V[W[P\xb5\r\x1e\x1f\xc28\x0e\x89\x1c\x1dj\xf0\x180!Kj*Q5\xe41m~\xf0.VX\x10\x8cX\xa2\xd9l\xe3\xc41,\xa4\xa1\x94\x08wL\xfc\x8e\xb1}v\x1eUh\xa8\xd0\x1epl\x0fd\xf40\x8a\xaae\xe0\x8cr\xa4\xdb\xe8H\xbb\xe8\xf5\x0e\x1f[K\x90uey\x03\xcd\xdc\xf7\x1d\xd6p\xa5\x94\xa7\x85\x0e\x9f\xf2\x07\xcf\t\xc6\x124\x1f\xe5di\x1c\x92\x0b\x13G\x98J,\xf4\xadKX\xdf`r\xa3\xe3\x1f\xa3\xb5\x9e;u\xea;\xaf\xff&lt;wM\x06\x81\xc5\xcbtp@?/\x84M\x86\xeeJE\xb7\xcej\xd8\xe8pb\xf6z\x96@\xb5\x8b0\xf4\t\xc3\x7f$\x1a\xe1\x10\x14\n?C7\'@\xdf\t\xc6\xc6\x02\xa4R\xf4\xd2\xe0\xba\xbd\x88\xa13n\xb0fg\x1bHc\x83P\xb2\x08\x9b|\x91\xeb\xad3\xd7\xdf\xb8\xf8\xd9J\xabZ\xa2 \xbf\xc3c\xe2zy\xae!\x1c\xa6]\x89\xd7ZE-|t\x7f\xd7\x12(`\xd8Qd\xf3\xef\xb1\x0b\xdd\x90A\x11O\xa7!\xb65\xd7U*p\xc1\xc5R\x87\xf7\xd1\xed?\xb81\xb7\x88NJ_q\xf9\xcc\xe4M]\x98Z\xe44\x1ao\x9c\x06\x16\xc4z\xe5W/\xa9\x01U\x00\x1c"9~\x18\x8b7|F\x18\xe6\x06\xcfH\x87\xee\x7f\x93`\x96(\xa5\xa34\xb5\x11\xf8\x9b\xbc@\x05jb9tx\x9a\x99c\xd6jJ\xac\xcb\x17\x12\x99\xe9\xf0\xca\x8d\xb9\x85\x03t\xd2q\xa9C\xbc&gt;\x9c\xfapf\x91\xa3h|\xf6\xc4\x8b\xf0\xd5\xf5\x89\xcb\xe7Q\xc1\x86\xaa\xc6v\xca\x14j\xa2\xf0\x82e_\x87\xb1\xf6C\xbe\xe3\xd4\xf5\x0e\x9aT\x0b`k\x1d\xab\xd0\xd0H\xd7\x84\xcb\xcf%\xe0|\xd6\x1f\xa9\xa2H\x8e\xa9T\x14\xf1\t(h\xe6\x06\xe4\xd2\xaf\xfd\x12\\\x07\xdf\x94\x0e\xdf\xb8@S\xcd,\x1e\x1c\xf0\x13\xdeo&lt;w\xf6\x95\xf9\xe9pH\x85=\x99?4\x06\x90\x1c\xa0\xe9\x98@"\xa1\x96\xbd\xb0\xa8w\xd6\xb8T\xd8\xb1\xe2\x10b!\x83\x08Ub\xc1\xf3\x9e`\xc9\x01\x1d\xe4O\x91\x0bjF\x0eS\t0\x85\xab\xf5\xcf\xff`N(Nr}J\xa8\xc5\x85\x83O&gt;)\xb1&amp;\xbe8\x7f\xa5PI\x85\x15T\xa1\xc8A,\xb2\x84L#8\xb1 \'\x19&gt;(\xea\xdd\x8d\xd5\xd6-\x8b\xfb\xa1\x0f-\xf0\xf0\x08\xe5\x93\x8bT\xf8\xf7\xd0\xca1&lt;\x0c\xdb\xcelUr\x05\xc0\xf5\xbfw\x19\\X\n\x1a,C\x05.b\x9d\x15*@\x19cQ,\x8eke$\x93LHQ\xc2i\x99\xc1\n)PH\xc5\xda\xfde+$"\x9b\x03\x1dO*:\x9e\x82\xeaL\x03\xc7.\x03\xdd\x8ad\xf0\xadr\x05\x0c\x877\\\xc4\xe2\x8a\xfd\xc2\xcc\xe2\xc2\xb7\x88E\xb5N}\xe5\xcb%U\xf2\x0c\x15\xaeJ\x1achj\xd2!\x16\xf2\x07,\x9fX\x9ahq\\o3\x890yQ\x84b\xbb\x90=\x14\x1eLCb\x18\x1c\xd6h*\xef8\xaac\xe3\xd8\xa5`X\x12\x9c\xbf&lt;w{n\xee\x87\x9f\xfb\x11\xbf\xbc\xfd\xda\xed\x85W_=X\x00\xe5\x8f\'\xe6\xa7A\x95\x94ZI\xb5\xb8n\x95FE\x1c%\x19\xa1\x02B\xc3\xa4\xc5D\xe2+\x8e\xad\xb8\x19\x17\xf2\x13~\x9f\xfbaA\x072\xef\xd21\x06X\x12\x91\xf8\xdeN3\x15\x18.d}\xfa\xc6\xfb\x8ck\x8c\xf7\xcb\xb8v\xed\xcf\x7f\x98.\xbcD\x82R\x89\xbe\x03,\x8a\x861+[\xcf\xf4"\x94gF\xac\x98$ \x8a-\x81\x8b\xd9LY\xba\x06;\xb5\xe9\xab*y\x06\xa82X\x84\x1b\xbe\x9a8\x8c\xcdL\xc5\xef\xfd\xfe7G\xe3\x8f\x7f\xfa\xc7\xbfcUQ\x19(\xc1\x92\x0ec\xb8T\x89\xc5\xce--V\x9ce\xa4\xc2\xfd\xbb%P\xa1/\x1a\x85\xa6"\xd2\xcaN\x95\xb1\xec\x01\x15\xde2\xe8Y\x13\xbd\xe4\xfa\x9b\x7f\xf9\xddo\xffc\xe2\xa7\xfc\xbfG\x8c\x8f\xdfk:\xa6\x00E\xab\xb1\xb1\x92\xcb\xadrI\xa6\xa0\xe42\rC\xf3\xeex\x14\x0b\xfb\x99\xaea\xa9\x1e\xe2\xb67tF&lt;^"\xd9\xc3\xe0&gt;\xac\xa135\xe0r\xcf\xf5\x97w\x1e1\x1e&gt;|x\x88\xc7\xe3\xc7_\x05\x95\xaa\xa8\xfe\x0f\xabL\xa3l\x9cA\xe8\xb89t\x16\x92\xa8Y\xb15;n\x8a\xab\xd3\xa8&lt;}\x9a\x8e\x88U\n\'.\xc3\x93\xf4*q\xab3m-\xdd\xdb{\xa7\x8a=\xac\xfb;E\x86\x06\\v\x86\xb2\xa3\x0c\xb42X%\xdb\x90K\x90\xc4Y\x06K\xb9\x89P5Sq\x90\x01x\x06+\x95\xe7\x10\x8eY\x8f#s:v\xfd\xfd\xad\x07#\\\xa0\xcaM\x1f&amp;\x15!\xdc\xa3)\x14,\xe3.A\xf2\x9c\xaa\x95\r\xb8,\x17g\x8bR\xa43\x1aR\x99\x1c\x96\x14e\x94\xbb\xdch\\E\xe8$n\x95\x9d\xfd\xbb\x03.\xde#\xe5N\x85%\x13\xc7u\x07\xba\xbaU92\x87\x92D\xc3&amp;7E\x0e\xdc\x96\x89\xb5\x88\x15\xa0\xb2l`\xd9\x81\x8a\xect\x14k\x84n\xc8\x85\xad(\x1e;C\xd3\xec\xefw\x0c\xd7^Iu\x14\xcb}V\xaba)\x1a\xb5\xaa\\b\xae\xeb*\x89X\x9bc\xb9\xd9L#W\x99\xd3F\xcc\xd9\xa8V\xf8(\x05{\x9a\xb1\x0c1\x16\xb5\xd8 \xd5*\x18\xe8\xf5\xd7\x8d\xd5{{\x80\xba\xb7\xb4\x95KJJ*\x032b+\xd6\x1fz\x84a*\xdd5\x00D3s\xb54\x86\xd8\xb2\xf9\xc5\x13\xc4\xc20\xb6\xe5N\x90o&amp;\xb4\xb9\xd7\x89jN&amp;w\xfa\xe8\r\x99\xa6\xb5R\xad\x8f\xe8E\xdb\xef\xdd[\xdd\xd8\xcaiu\x01s8\r\x84\x84o#R\xb9U)\x0e\xf2(|\\\x98c%`\xe6\x8f\x95\xf1\xeb\xb0f\x1a\x04\x9c\x89\x189Z"\x93\x87\xac\x838\x1c\xd9\xe8R)^\xbed\x99\x14s!\x90\x8c\xda\x8bT\x9eJ\xaa\x95\x95\x8c\x1cLEr\x0c;\xfc\xa0\xd3\x8fdS\xde\x12\xceJ\xf8\xcb\x95\xa2\xe4\xf0\xc1\x93v3,\xa2\x92\xec\xa0\x9fa\xa33\xa1A\x9b\xcd\xca\x81`;\x1cc\xb2\x903k\xc32\x8d\x0f\xfau/Q\xaa\x14kHU\xb5O#\xd5\x11@\xf3\x0b\x19\xea\x1e\xd7\xc3X\x08\xd0$\xff\x03[\xb3S\xee\xb2[\x1aE\x00\x00\x00\x00IEND\xaeB`\x82'</t>
        </is>
      </c>
      <c r="M257" s="3" t="n">
        <v>45492.67792824074</v>
      </c>
    </row>
    <row r="258">
      <c r="A258" t="n">
        <v>869644</v>
      </c>
      <c r="B258" t="n">
        <v>1955</v>
      </c>
      <c r="C258" t="inlineStr">
        <is>
          <t>Iago Borduchi</t>
        </is>
      </c>
      <c r="D258" t="inlineStr">
        <is>
          <t>Iago Borduchi</t>
        </is>
      </c>
      <c r="E258" t="inlineStr">
        <is>
          <t>LE</t>
        </is>
      </c>
      <c r="F258" t="inlineStr">
        <is>
          <t>LAT</t>
        </is>
      </c>
      <c r="G258" t="inlineStr">
        <is>
          <t>LE/ME</t>
        </is>
      </c>
      <c r="H258" t="n">
        <v>181</v>
      </c>
      <c r="I258" t="n">
        <v>25</v>
      </c>
      <c r="J258" s="2" t="n">
        <v>35511</v>
      </c>
      <c r="K258" t="inlineStr">
        <is>
          <t>Left</t>
        </is>
      </c>
      <c r="L25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8f80d91d-0bf7-4003-a2a3-fbf1fcfadb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t\xe4;\x00\x00\x02\xfaPLTE\xff\xff\xff\xef\xf2\xf6\r\x0c\n\n\t\x08\xf6\xf7\xf9\x07\x07\x05\xf3\xf5\xf8\xfe\xfe\xfe\xf1\xf3\xf6\xf2\xf4\xf7\xf4\xf6\xf8\xed\xf1\xf4\xe7\xeb\xf0\xe4\xe8\xee\xd0\xd7\xden[K\xdb\xe0\xe7iVH\xd8\xdd\xe4\xce\xd5\xdd\xe2\xe6\xeciUFI8-\xdd\xe2\xe8\xe9\xec\xf1q]O\xcd\xd3\xdb\xcb\xd1\xda\x04\x05\x03\xec\xef\xf3bOBlXH\xc7\xac\x94\xe6\xe9\xef\xc2\xa6\x8f\xca\xb0\x99eRC\xe0\xe5\xeb\xcb\xb2\x9e\xbb\xa0\x8faM?\xea\xee\xf2M:.F4)\x11\x10\r\\H:\x7fi]wbT\xb2\x98\x88P&lt;1UB7[B9{eY`I&lt;\xc7\xce\xd7s_S\xd5\xdb\xe2kWKcTH\xc5\xcc\xd5\xc3\xa9\x93\xd3\xd9\xe1zcTnYN\x14\x14\x11\xca\xae\x96\xb6\x9c\x8c"\x19\x13\'\x1f\x19\xbb\xc4\xce@/%\xc9\xa8\x90\xb1\x8fuv^P\xc9\xcf\xd8\xcd\xb5\xa4\x9b\x84s\xbe\xa4\x95\xa1\x88x\x1c\x1e\x19H1#\xb7\xc0\xcahRD\xc8\xad\x9aU?2\\M@UH;\x99\x7fm\xbe\xc7\xd0\x84m_\x8apb\xd1\xb3\xa5\xb5\x97}\xce\xaf\xa2\x19\x18\x15\xd2\xb9\xac\xcd\xa9\x94\xc1\x9d\x83\x94}m9%\x1b\xb6\x93z\xfb\xfc\xfc\xa9\x91|\xb6\x9a\x82R=7\x94wg8,#\xce\xb2\x9c\xa4{a\xa2\x87rgM?n]SmRDB,\x1f\xc4\xa0\x88\xc2\xca\xd31(!\xb8\x90s\xa5\x8d}\xaf\x8e|N6&amp;\xad\x92\x82ZH?\x1b\x14\x10\'&amp;#\xba\x9b\x82\xaf\x95\x86\xb0\x93x\x85gX\xae\xb9\xc3=4(\x1f%\x1e\xbc\x95z\xb2\xbc\xc7\xc0\xc9\xd2\xbb\x9e\x86M@7\xcd\xab\x9d\x8dtf\xf8\xfa\xfa0#\x1b\x8ek[\xa9\xb4\xbf\x7f^L\xc8\xa2\x8bT;,\xce\xb5\xa0\x94pX\x8fyk_QF\x80cU\xbe\xa3\x8a\x85cMuUB\xbf\x98\x7fgWNfOG\xab\x85l\x9cth\xa6\x8dv\x9csZ\xc0\x9b\x8f\xa3\xaf\xb9\xa9\x89t\xd6\xbd\xb2\x94na\xf3\xf4\xf2\xcd\xb8\xa8\x9f\x80p\xc9\xa6\x9a@50\x9b\xaa\xb3\xaf\x89pvXK\xe8\xea\xe8}ZF\xd4\xb9\xa4\xa9\x8c|eG@\xe4\xe5\xe3\x99u_\xd6\xc0\xb8\xc7\xaf\xa1oN=\xca\xa4\x92\xa9\x91\x85\xaf\x96\x7f\xb8\x8e\x84\xe7\xf0\xf1[&lt;/\xc4\xa9\x9ccH8\x8bhR\xc5\xa0\x97\xee\xef\xed\x94\xa0\xa8`B2\xcf\xbe\xb1\xd5\xc6\xba\x85rg$3%\xa5\x81k\xdf\xde\xdb.\x1b\x1207/\xab\x80f\xbd\xae\xa0\x9a\xa0\x99\xd5\xcc\xc4\x9dxatf\\\xaa\xa1\x99\xc9\xcf\xc8}wl\xd5\xda\xd5\xc6\xc5\xc1\xaf\xb6\xaf\xb2\x82z\x91\x96\x8c\xbf\xc3\xba\xdb\xd5\xcc\xc7\xbb\xaf\xaa\xae\xa5\x8bZPy\x82{\xb2\x93\x81MXK\xdb\xe3\xf1\xd0\xd5\xceScTlslAL@\x8c\x80x\xb4\x81ibYV\xa9yr&gt;B9\x99\x89z\x85\x8d\x85\xd1\xdb\xef\x87\x95\x9a`la\xa0\x8e\x84\x95fVkib\xc9\xd5\xedz\x96\xb9\xa8\x97\x80\xbb\xcb\xebTy\xa2[b^\x1eN\x95\xa6\xbb\xe7\xa7\xbd\xe8\x84F\xf3\x83\x00\x00\x1f\xeeIDATx\xda\xcc\xd9\x7fH\x93\xfb\x1e\x07\xf0\xd8\x1c\x0f\xf4O\x9c?\x1a\x08R\x97\x92\x94\xf9h9\x1ba\x84M\xf7\xb0M\xb4&amp;9\x15\x9b\x9bN\xe7)\x9f6\xcf\x1c\x8f\xf9c\xf3\x1c\xd9\x06N]\xcc\xda\xcd\xe3v\xaf$\x8c\xb3&lt;cj\xa2h\x1d(E:\xb7Y3\xb1\xcc$\xc1c\x92z\xee\xc1+X\x07\x82\xf3\xd7\xfd|\x9e\xc7\xba\xff_x\xac\x8f\x1b\xdb\xf0\x0f_\xbc?\x9f\xe7\xf3}\xd4\x03\x07\xfe\xff"\x88\xee\xe1\xe1Z\xe2\xc0\xd7UD\xed\xbb7\xbb\xbb\xaba\xe2k\x82\x11Dxy+\x16s\xc5\xd7\x96\xc2\xe1p\xf7\xd7b#f\xd6\\r\x8d\xcb\xa0\x89m,\xaf,\x8f\x85\xbbkkk\xbf\xbc\x8d\x18^\x8b\xb94.|\xc4\xb6\xd7wW\xc7f\xc2\xc3Ogf@F\x1c\xf8r8"&lt;\x1f\x8f9\xb0\\\x1a\x8d\xc6\x15\xdfZ\x9b\xdf\xdc\xd8\xde\xf8kyq\x0ceX_b\xae\x88\xb1\x8dX\xcc\x01a\x19\xe4P\x06\x909\xd8\xb7\xae\xf8\xfa\xfc\xe2\xe2\xd2\xd8LB\xf7\xfe\xcb\x88\xe1\xf9\rW\xcc\x05\x149I\n\x04\xe0\x82\x07\xbc\x03\x17Ij\xe2\xf1\xad\xf5\xbf\xd6vV\x97\x12\xf6\x15F\x10\xc3\xbb\x10\x93F\x03\x1a\x01[$\xe2\xf0\xd5\xa0\x91\x0b\x84\x02Rn0\xb8\x0c\xae\xf8\xe6\xeb\x83\xfb7g\xa0Z\x83\xeeqmc5B\xa1P \x10q\x1e9\t\x1f\xc1\t\xdf!\xe5\xb1\xb5\xb1\xfdb\x11\xdd\x8b\xbb1\x17;\xed\xe0B\x84P(\x02\x93H\x848\x92Ur\xf1\t\x85\xa4awi\x7fN\x01\xa2{y\xcb\xc5\xaa\xe2\x0e\xb8\x06\xe5\x88J\x02\x12\xbaD\xec\x93\x0b\x0fy\xf0^\xbe\xb1/y\x11\xc4"\xa8\xa8\xbd\xcd`\x80\xb4\x04\xa8\xc2\xb8\xd8\xd4\x10%\xe2X\xac\x91\xd4\xbc\xd9\x8f\xb8\x88\xda\x9d\x98\x8328\x18P\xe1v \xa1m\x98\x14\x8b\x11\x89\x92\x840c8\xfb\xa8c\x8b\x8c/\xedG\\\xef\xd6c\x1a\r\x85\xd7\xa1\x01J \x12\t&gt;\r\x14\xc7\x80\x17\xbc@\xd9\x8f\x18\xa3@\xbe\x96\xc0\xbf\xab\xf6\xf5z\xcc\x00";\xa2H\x12\xe7J\xc8\xc2H\xc1\x9e+)I(\xff\x1f\x0b\xfa\x19\x7f\xba\x0f\xac\xc5\x8d\x18\xe6\x04\x81\xe1V\x17\x88D\xdcu\xb87K,+\x89\xfb\x90\x84\x05\xdf&amp;w\x12xgu\xafl\xc0H\x19(\xaf\xc2\x8e\xa7\x8e\x9c[\x10\xec\xb4\x8b\xb8\x97=\x0c\xcc\x1a\xe7\x12\x89b\x8b\xbc\xc7up\tX\x14\xa5P\xd8\x81e\xb7k\x0c\x90\x0b7\xe2\xecX\xb1\x9c\xcf\xcf$D\xc2\xac\xed\x1c\xe4\xdb\x95\xf0n\x8ba\x1c\x94\x9d$\xed\n\x85\x02|v\xdc\x9b\x82\xcf\x85k\x14\x8d\xc2\xbd~"K\x18\xe7=\xae\xe1\xcdX\x84a\x14\xa4\x1cH\x0c\r\xef\xec \x04\xa3]\x01\t\xb2\x05o\xc1\xca\xb1\xb8\xb4D\xc2M\x9e\xa7\x0b\x96)\xc30\x94\xddN1\x0c\xad\xa4ie\x8d\x97\xae\xf1z\xbd\xb4\x92+\x9a\xa6\x99\x1a,\x05)\xe2L\xd0\xce\xa4\xa4\x18\xcf\xbb\xabve\xcb\xc1P\x14\xe5\x15+\x95ii\xca4\xa9\xf4\xe8P\xaaT+\xbdd\xb5\xd6\xa7\xca\xa6\xa6\xa6\xb47o6\x17\x15544\xd4(p\xfd\'q\x9d\x94\xcf\xf3\xba\xea\x89\xee\x95mh\x9e3"\xb9*\xc9\xcc\xd4fY}7\xc6\xfd\xd3&gt;\xdf\xb4\xdf\x7fcz$\x10\x08LNN=~\xfc\x10eE\r\x9f\x12\xc3\xda\xe2\xf5d$j\x17\xe3\n\x86\x16\xcb\xa6\xb4\x8f\xeb\'G|#\xe0\xf1\xfb\x07\xe01\xe0\xff0\xdd\xd772\xc2\xc1 \xb2\xe6\xe6\xa2\x06\xaf]\xb0\xe7"\xe7\xf9\xbc#$\x88y\rE\x8b\xad\x81\xfa\xc0\xc8\x88\xcf\xe7\xeb\x03\xcf\x80\xd9&lt;\xb0`\x86W\xbf\xff\x03\xc0 \xb1\xa9)\x08\x8c\xed%\x04&amp;\xe4\x16\xd9\xfa0\x9fq\x85w\rtf\xa0/0\xd27\x8d\xa0\xb9\xb99\xf6\t5\x80\xe5\x9f\xfe\x14\xd8\'\xd73\x08\x0cY\xaee&gt;Y+q\xca\x93\x0f?zz\xc0\xfc\xef\xc6O\x15\xed\x9f\xebG\xd9\x02\xeb\xf2!\x0c]l\x1fk\xbc0a0\xfa\xe4N7\x8fM\\\x8d;\x0f\x8d\xfb\xfb\xfc\x80r\xbb\x83F\x9b\xcd\x18t\x83\x0b`f\x0cm\x01:\xd9\x070\x8e\x05y\xc1%\xe9\xa5\x04&lt;w\x91\xa8\x9d\x8fxn\x98\x07\xcc\xfd\x8d\x8d\x80Ru\x16\xab\x8e\xd9XW?\xd6,\xb8\xc6\xc7\xb1\x91\x81\xc9\xc7\x0f1.d\xc1\x80\xe1\xe9\x18\x7f\xca\xe3~x\x13I6/\xccA\xe3\xdc\xc6\x9eb\xbd^_\xac\xb2\x19\xdd&amp;\x93:\n\xd5?;k\x1e\x1f_\x800\xd9.j\xd95\x81;\xcc\x8b\x8bB\xf3\x9a\xe0\x91\xb5\xddn67\xba!\xab\x1eUg\xa7^\xdf\xf97\x9b-XaRCE1.\x965\xbd7\\\x9cK\xd9@+\xe0r\x14\xac\xf2\xc7\n\xaf\xdd\x9e5G\x8d0P\xc6\x9e\xaaN}\x81\xbe\xf3\xbe\xcd\xd6\x86\xac\x8a\nS\xf43\xcb\x17\x98\xac\xe7\xe2\xe2`\x14\xac/\xd1\x1a\x7f\xac\xe1?3\xa2Q\x93\x11\x06\x9de\xe9t\xc5\xf7mF\x13T\xb4\xa2\xad\x11\xa6\xcb\xbc\xb0\xb0\xc0\x0e\x97\xb5\x1e\xcf!\xbc\x16\x9b\x8b\x94\xca\x1a;\x9c\xdc\x1b\xdd\x04o\xac\xcd:\xb5\xda\xcd\xb2T\xc7O\xe8\x0bt\x9d=\x90\\0\xd8\xe6v\xbb\x1b\xb9&amp;\x8e\xc31\xd4\xe7\x0b\x80+\x8bs\xa5A\x1b\xe1|\x14m\xcf\xf0\xc6z\xfa\xcab\x82i\x87\xb2\xa9r\x8f\x1f\xd7\xeb\x7f\xb6\xa1\xcadks\x9b\xd4\xc0\x9a]\xf0\xb3*\xdf\x90\xb5^\x96\x8e\xc7\xb6\xa4\x19Nt%\x05\xcb&gt;\xc6\xdb\xb1H,f\x84\x90e\xb3\xf5\xf4\xa8\xaa\xae]\xd3\xdf\xea\xec\t\x06q\x81\x05\x81\x85\x97b\xd98\xa8\xfa|CCV\x99L\x06q\xdd\x94H\xc4\xc0\xf2\xc2M\x7f\x9c\xb7\xc5E,g\xa8\x81e\xebQ\xa9TU\xb9\xc0\xd2\xeb\xabln\xb7\xb1\xc3\x08iE\xa3\xb30[\xe3\xd3\x10\xd6P\x00\x9a\xc8\xc6\xa5\xbd\t\xac\xb4"Z!\x10n\x85yc\xbd\xecR\xabMn\x1b\xaa\x90uM\xa7\xcb\xb5\x05\xb1\xa78\xf50\xf2\x16\xe8\xe2t;\xec-k\x00\xef\xbf\xd2\xb5\x1c+\r\xbb\xb8\xce\xdf\r\xfd\xcbj\xb5\x1a\x9a\xa8b\xd3\xba\x05,\xfd\xfd\x9fUx\x00\xe1F\xed\xc7\x8d\xba\xc0M|\x80\xbd-d]b\xb6\x8bv\xe1.\x7f\x0bb\xb5L\xdd\x88MdG\xeb\x96NwK\xdfy"\xf7\x981\xd8\xd6\xc6\xb1B\xfdf\xf6\xb6p(`\x9d\xac\xaf\x07X\x96T+A\x97W!\xd8\xe4\x915\xa8\x8e\xe2\xb9\x83i]\xd3\xdd\xd3\xe9t\x05\x05\xfas\xb6\x8e\xb6\xb6\xb6\x8a\xa6\xa6\x90Z\x1d\x9a\x85\x05\x813\x8fia\x1b\xb38\x16M\x01\x8b\xbf&amp;Z\xb0\x896U\x15|\x9d(\xb8\x07\xa8\x82\x82\x89\xe2c\x1dW\xae\\y\xdb\x84\xa5\x9e\x1d\xff\xe9F{\xafo\xe8\xa8\xd5\x9a*K\xc5\xb82\x81\x95F{\xc9\x1d\xdeX\xc4\x9bA\xb6\x89U\xb9\xb9\xc7\x8b\x0b\xee\xde\x85\xa8\xf4\'&amp;\x1e]H\xc9{\x8b*x\x86\x06\xeb\xea\x80\xd5\x9b?t\x88\x1d.Y\xba43\x13w\x04#\x7f\xc3\x1b\xab{m\x10\x16D\x10\x1b\xa8\xabD\xd5\x04\xd4\xa3s)y\xa7\x9a\x9aFC\xc0\n\xcd\x96\xd5u\x95\xb7\xf7\xe6\xe4\xe7\xe7[/qM\xd4z\x80E3\x06\xde\xee\xe6\x89\xf0+L\xcb\x08\xaa\xca\xca\xca_\xef\x16L&lt;z\xf4\xe8\x02du\xaa\xa5\x05X\xa3\xa3\xa3\x16P\xed\xb1N&amp;\x1e\x86\x99\xcf\xd2z\xb4\x90\x96\xd8\xc9hxK\x8b\x98yU\xa8n4\xd9Tw++\'\x9e\xe7=xp\xfd\xfa\xf5\xd1\xd1\x96\x96\x96\xef[@d\xb9s\x07U\x97\xcb\xcb3N\xe7\xe4\xe4\x9f\xcc?d=\\\x9f\xae\xcd\xbc\xea\x81\xe9r\xd2&lt;\xb2\x86_\x95\xc1:\x85\xfb\xbf\x89\xbc\xdf_\x9c\xbd]\xd2\xdaZ\x9a}\xba\xeb\xef\x85\x00\xbcc\x19\xb4\x14\x96ue\x9cL&lt;\x9fx\xf2\xcc\x99\xc4\xc43\xf9\x89G\x8f\x1e\x01\x16\x14\x0c=\x9f\xac\xf0\x7f\x80U\xa1:w\xaa\xfa\xc5\x1f\xad\x11\xdaA9(Z\xfa\x8f\x17O.^\xbfx\x91M\xea\xcc?[=\x11(\xb1\xc7\xe3)=\x92\x9d}I\x06-\x84cQ,\xa6]\xfc\xcd\xd6Ad\xb5\xa5\x14f\xfc\x01\xe5qz\x15\n\x8a\xf6\x94d\x9f\xae.,\x84\x06^\xee=s\xc4\x13a(\xfc\x0b\x93\x82\xf2\xc2o\xb9\xe9\xc9\xa9Y\xc8\x82\x99w:x\x1c\xf9\xf7\xd5jSEu\xc6\x93\xdf\xdf\xbf|_\x9dq&gt;]\x92V\x94\x99\x95\x9c\xdfU6\xfa6T\xd7~(Y\n\xb3M\xe1\x9f\x96\x04@\xa3\x00V\x9a.\x95\x88Y\x16\xb3\xca\x0f\x8b \x88\x99\x8f\xd5!\xd3\xe0\xe9\'\x0f\x9eC\xe5Y.\xfb\xac\xe9pW\xfc\xd0ZnI\xb9p\xa5\xac\xf7\xb0\x0cX\xb4\x97\x82\x10\x19g\xc4\xc98(&amp;"\x85u*\xc9\xe4\x91\x95\x10\xae\x9d\xf9X\x16\xfa\xa1\xac\xfaA^J\xca\xa9\xd1\xb2\xde\xfa\x87\xf8\xfbiM\xc3T{Sq\xc1\xb1\xd9\xdeoR\xb5i5\xcf\x9ey\x95\x92\xd6\xe4\xf3\x89\xe7\xcfz\x9c\x0c\x1d)\xc5\xb8\xc4N\'\xbd\xcc\x07\x8b\x18\xbb[\xfc\xafw\x1f\x0bCM\xdf&gt;h\xf9%\xe4\xef}\xf2$[\x9a)AF\x8d\xf6\xf2\x95[\xf7zf!-1\xa7*MN\xcc\xe9\xcd\xc9\xc9.\xf1\xd0\xb4X\x8a\xb3\xe5t:\xf9`\x11\xe1\xe7\xc1*cu\xa1E\xddq\xea\xfa\xb7\xe3\x93\xb2#\x12ZAj\xbc\xca\x86\x9ag\r\xb2\xf2\xb6k:\xdb\x9c/9\x0b\xee\x14\x14\no\xa4\xb4$\xb5\xfe\xd2\xe1\xa3\x97\x8e\x94\x94F\x9cb&lt;|\x80\xb5\xc2G\x0f\x9f\xce\xfd\xd6Q\x15T[\xd4?\xa6|oyX\xe4\x8c8\xe4B\xa1#r\xdb\xfb\xac!\xb5\xbc\xce\xa8\xd7\x07\xfb\xfbd\xda\x06\xaf]\xe1\xf5\x94\xdc.)\x95J\xaf\x8a3[a\xb3y"8Y\xce\xc8\xf6;\x1e\xfe\xedI\xfc\xfa\xe1\xb7\xa6\x9e*c\xe8\x87\x1f;~\xe9kn\xfd\xee\xd5\x9f\x0e9Iy\xce\xd25\xb2\xaePS\x8f\xee\xbf\xbc\x9b\xefOZi\x16\xc7\x93i\'\xbc$\xbc\xe0&amp;\xbe\xb94\x8cY\x08\xb7\x97\xf5r\xbdi FV4(\x19q\r\x02\x8d\xfc\x18p\xa0\x05Z\xe5\x87q\xabK\x97B\x9aI\x00\xab\xd1N\n\xb6\xe5\x86J\xd0F\x9aaj\xe9XQ\xa2\x13\x8c\xb5I\xdd:;ul\xc6\x8e\xd6\xecdw\xa3\xe3\xb8/\xda&amp;\x9b\xec\xab=\x0f\xb3\x7f\x02\xf4\x89\xbe\xff\xe4\x9c\xf3\x9c\xf3\xfd&gt;\xf7`\xbd\xfb\xe26#\x01\xa7\xba\xe9p&lt;\xf8\xf5\xaf\x7f8\x0b\xbd\xe3\x92\x9a\x82\x86+\x8bU\xb0~~~\xe1~\xd5e\xf3i\xd1\xc1\\\x06\xd4L\x07`u\xcc\x9a\xce/mo\x1f\xbeL\xf1t\xcc\x8a\xce\xf3\xc8u\xb7h3\x7f\xd1\x7f\xdb+\t8\xc66[\x1f\xec\xfc\xf7\xb3\x8fO}v\xb6\xadul\x0c3B\xc4\x10\x16\xf6\xfe\xf1\x9b\xf7;UN$\xe7k\xe7\xc1\xf0\xe5\xf9\x96\x16\x8bE8\x05\xa2/;\x97\xed\x9a\x1bM\xdeY\\\xbf\xe95=\x8a\x0e\xdaglw\xfb\'\xbcz\x90\xc7\x0euP\xfa\xcb\x1fO}\xf4\xd1_~m\x83\xd0I\x8c\x06\x03\x05\x15\x8f\xfd\xf3_\xean}\xea\xa7\x0b\xd55\x88_\x1d\x94\xe6g&gt;i\x8fZ\xda[\xda\'\x07]s\xb3\xe3\x13\x8b\xeb+\xdd#\x85\xde.\xd1\xe4d\xd16\xd3\x07X4\x08&gt;L&amp;\xafS\x06a\x00\xc5b\x84\xc3\xe1PS\xa4A\x8f]\'(u`\x84\x94a;\xd5\xf5\xb0{/\x0e2\x0b\x1b_N\x86B\xc2\x96\xf63Ea(;&gt;\xe1\xf7\xea\x9aG;\xff.*\x02\x96\xd5\xd6\xd7\x7f\xa7@\xeb\xd1\x034\xc5\xe8\xbc\x0c\x83\xe3A7\x11P\x13\x12\x19\xd0\\\x876\xa1gx\x06\xc2\xf8\x8f\xaaFk\xefE:\xbe1s\xb9\xcf\x19m\xff\xe4\xb25n\x9f\xccDU\xd7\xfe\xdc\xd0\xe0\x12\x15\xe3\xf6b\xb1h\xb7\rN\xdf\x01\xd1GA\xb8\xb0\xee\xee\x91\x9bz=\x0c\xe9\xeenBBU\xb0$\xc0\xa9\x94\xb3\x98z\xbb\x9a\xd7\x91\xb3wtl\x9eowv8\xfb\xc0\xe4\x9b\xcd\xd6x&lt;\x97+g2\xc2\\\xdc\x8a\xb0&amp;\xed\xb6\xbei?I\xd3\xb4\x84\xa2\xc5b\x19\xa1\x0et\x13\x84D\x82T\r\xc2"\xa8z&gt;\xff\x1cK\x13\x8e\xc3jR\x01\xd6\xaey\xf0\x8b\xfe\xe9\x8e\xbev{\x1ciS0=\xf1\\9\x97{b\xcd\x15\xed\x80e\xee\x9b^\xa4+\x87\xf5\xe75\x9a\xbc\x0e\xf7z\xfd:\x1c,\x06\x9a\xd6\x84\x8c\xa7\xd4y\x0b\x14\xb1\xe9\xabj\x93\xd8;*]\xfe\xd3\x8b\xe9\xe9\xf0\xa0\x1dI\xe6\x1986+\x8a\xd7\x13s\xce\x0eXq\xabszqE_\xc1\xca\'#\x91\xdb\x118\xe3\x11\x8d\\\'\x0e\x82\xcb dr\xae\x8ea$\xc4f\xaa\x9a5\xcfy^\xba\x1b?z\xf1}4\x04XV\xf3\xcc\xc2\xc2\xc2\x0c\x8aV\xa6l5\xc7\xed\xf6\xc9\xc9x\xae\xf4\xfd\x9du=\ty\xf4\xe6#\xe3\xe3\xe3\xb3\xb3\xf0?\x9e\xd4\xc8Ar\x81\x88 \xf9b\x1d\xcdH\xd4\xd5\x8d\x16\xe7qf\xd0~\xd4\xef\x9c\x1fDX\xb6\n\x965\x9e\xcbT\xb0\xa0\xb4r\xb6r)\xfd\xf0[=\x89\x8b\x19\x7f&gt;\tP\xe9of\x81,\xa2\xe1\xe1bR\xe6\x96\x88\x19\tI\xb3z\xc7\xe6N5\x1f\xdf8\xf7{\x8a\x93G\xfd\x83\xf3B!T|\x05\xeb\xb7\x1cf\xca\xc2L\xa6\x98\x9bY\xc8\x95\xd2\xd0\xb7h1\xee\xf5k"\x08\x0b\x8e\x07E\x8b%I\xa3\x8c\nR#z\x19\x1bt\x04\xbe\xabj\xdf\xba\xb0\x10\xb7W\xb0\xda[\x90\x1b\x03*\xb3\xb5\x9c)\x95:\xbe*e\xca9\xf3\xc6\xc2*\xc2\xfa\x96\x96\xd14S\x89\x16py&lt;&amp;(.\x05\x8ck\x92\x92\xc9\x08J\xc2\x88\x03T\x95\xdf\x9b\xf7\xe2\xe6\xc9\xa3\xbb\xbfa\xa1\x92\x87`e\x86\x8f\xd3\xb3\xe9\x86r1n^Xx\xb2[\xc1\xa2(7ECq\xa1h\xcd\xce\x9az\x9b\x95\x90E1I\x91H_\xd3L\xe0e\x95\xdf\xde\xd6l\xa8\xb4\xe7\xcf\x0c\x9e\xf9\x9d\x155\x08\x88\xd5p\xfa\xf6\x9d\xe4\\\x06J,g\x8e\x87\x8e\xd3I\xbf\xae\x00\\\x12\xaa\x80\xb8&lt;i\xe4\x19\x1b\xcf\xc9\x15\xb8\xd8 \xd3\xd5K\x02\x01==\xf2\xba\xba;\x11\x9c\xd3\x1b6\xf3\xbc\xdd~\x06u\xf9x\xdcj\xceev\xd3\x0fW\n\xb7\x96\xca\xd6\\6\x1b*e\xd3\x9e\xa4\x92\xc7\xa2\xa7\x10\xb7\xac\x92G\xcf\xec(\x18\xd9s&gt;\xe02\xc4\xeax\x12\x87C\xaf\xa7\xab\xad\x059\xcf\xa1U\xcd\xdb\x850\x13{\x8a9\x94\xc1o\x1e\xae\x8c4.i\xb5\x99\x92\xc74\x07\xa3;\xe9gYV\xce2n\xb7\x8cb\xa0\xec\xc7M&amp;i\x12\x9c\xac\x8f\'&amp;\x8dud`\xd3A\xeb\xab\x9dC\xb8\x8bO\x11W\x9fe\xaa\xa9\xbdX,\xab\x86\xd3\x13\xeb\x81`\xa7hu\xb5k\xd1\xe1\x90~\xfe\xfb:\r\x1b\xc4\xdc8K\x03\x96\x1b+4G\x92I0\xfd\x15,\x83\xd1\xc8\x07+r\x93\x91mW_\x9f\xee\xcd,\xd8\xbe\x14Z\xa2B\xa10\xa3\xca\xa6\x93\xdenB\xba\xa4]]U5\xba)\\\xaa\x94+\rn\xec\x01\xe6\x06*\x19\xb8\n\xafF\xd3\xdc\x08P\x08\x0b\x8f\x05%\x0eL\xc62\xbe\xea\x7f\x8e\x02\xeb3c\xb3\xf5\xb8\xa2\xd1\xa9\xa8kx.\xe2\xbf\xe9H\x9d\xa8\xb4Z\xadj\xa9\x975\xb0\xac\x01t\x8cZ\xe2\xfe\xff\xc1\xf40\x19\x9b\xd1SD\x9d\x92g\x88\x05\xbb\xbbi\x16\xc7\xdfT\xffC\x06\xe7\xfe\xc6\xa7\x9f\xf6&lt;q\x85\\@\x95\xf5$\x19\xc2\xfdlI\xa5R]\xe9\xfa\\\x9a\n\x06\xa1\x93\xab\xc7\xc0G\xab\t,\x86\xb8\x08\x9a\x07VQ\x89\xb0\x14\x86\x18iP\xe0$\xb3S\x8b\xef\x18\x9c\xb5}\x91\xa8\xc9\x15\xb2\xb8\x96\x07\xe6&lt;\xf9\x9bn\xdf\xe1\xdb\xae\xae\xf3\xbd\x8d)_*\x08F\x87\xb8\xd4\x86V3\xda\xc6.\xa1Tb\x04#WBf\x95u\xf2zc\x8c\xc4y\nq\xaa6\x9f\xee\x80K\xfb\x1fW(\x8c\xb0L~}\xea\x99\xb4\xf7\xd9-\xe9\xcbT"\xa8\x08\xd2d\x81&amp;\xd0\n\t\x9c\xd6\xb1!\x88\x18&amp;\x11\xf3\xe4\x02\x9e\x9c\xcb\xc3\x8d1\x83A!\xf7m\xd7\xeaa\xfe\xc2\xda\x0f\r\xd1\xf0rx`\xc0\xe4g\x1b}\x89T\xa3\x14Z\x93T::j\x8a$\x9b\xf3\x0c\x8167\xae^mk\x1b\xbb\x0eJ\x9e\xe1\xf1\xf8:\x1eO\x81\x1b\x8d\x89`\xcaw\xb8V\xbb\x17\xf0\xd3[QK\xd8\x92\xcd\x9e\xcf+\x95\xc6\xe0\xcb\xd1\xce\x06\x15\x88\xe7\xe1\xdd\xdd]\x18D\x13\xa8\xc9cjH\xe3\xd0\xd8\xd0\x03\x89X \xd0\xd5\xd7\xf3\xc0\xcb\x1a\x15\t\xdfN-\xd7\x7f8\xfb!K\x87+\x1c\xceF\xb8lBz\x05\xa0J\x00\x04\xe3\xef\xdd\xbb\x89\xc5\x02R\x81A\x9a\xc0\xdc\xd8P\xdb\x90D\'\xe0\xeb\xf0zE"a\xfc9\xe5{\xfd\xeaF-\xb16\\\xae\xb0\xc5\xd2\xd1\xe1\x81N\xd9;:\x1e\x99\xc8/..\x16\n\x85\xf5\x95\x95\x157\x1a\x880{\xe8\xa0,\xa6V\xeb\x05\x02&gt;\x1fW\x00V\xe2\xc7W\xcf\xef\xd7v\xf7g\xcf\xe5\xb2X\\Ng6\xd2\xdb\xebw\xb4n\x06\x80\xc7_\x90J\x0b+\xeb\xde\x02$q\xa4\xdb\xb1\t&gt;\x1f\xc3(1W\xc0\x87\x1c*\x14\x86_^\xd5|!\xfc\xb1\xcae\x010g\x87g\xb4\xeb\x96\xfal+\xef\xa4\xabK\xfbv\x7f\xab\xd3tr\xd2\xa8\x91\xb2\xe7\x04X\xeb\xc7\xa7\xda0\t)\xe0\n\x04x\x05\xeb\xfdZ\xad\xb7\xca8\xf7\xb5\xaeP\xd4e\t;\x07\xce/\xab\x1e\x15\x86v\xb6\xb6\xb6\xf6\x9fn\xeck\xb7\xb7\xb6;\x0fO\x1a\x9f\xf9\x8cmW/\xc9\x8c\xb2\xfa:Hb\xbd\x1cn\xa2q\xa7\xe6\x1b\x9e\x9c\x1b[\xcb\xae(\x94\xbd%&lt;\xb0,\xd2\x96&lt;\xa3oU\xdb[[O\xf7\xb7\x00\xeb\xe4\xf0P\xf9\x12&lt;"\x15\xc4\x83\x06\x01\x97+\xc0\xf9\xdc\n\xd6\x8d\x9ac]\xd8\xbf\xb8\x0c\x9d\xdei\xb1\xdc[\x165\x95\x91p\xd6\xaa\xd0`\xec\xba\xd2\xf9L)w\x17V@\xd0\x83\xc2\xe2s\xb9\\\xbe\x98\x07X\t\xe3\xbfk\xbfw\xca\xf9\xdb\xc5{a(\xae\xb0%\x1c\x8e6\xad\x82\xc7\x00\xb2\x8cH{mi\xc9c\xca\x1f\x1c&lt;,\x14X\x184b\xa0\xe2\xeat\\.hy\xe3\xeb\x9ao\xf3\x83\xbf^\xbew\xd1\xe2\x0c\xa3.\x11j\xea\xc9\x95J\xa5r\xbc\\\xda\xdd-\x95\x8e\xd3\xef\xde\x1d\xe4\x0b\xacR\xce\x1ap\xa0\x12\xf0\xeb\xb8\\\x05t\xd3\xefj\xff#\x03\xce\xf3\xa9\x81{(Ta\x973$\xecy\x82\x88P\x8f?Fm\xfe \x0f\xcd_)\xe7\xd73|\xb8\x86|(\xafJ\x8f\xdf\xfe\x10X\xc2{\xc0\x15\xee@\x99\x9cj\xeaY\xd5^;\x9e}w\x00\xe7!\xfa@-\xf7\xf9\x94r0;\xd0\x1d\xf8P^\xfc\xfa\x84\xd1H\xbe\xf9\x00X\x8f\x9b\x96;\x81\x0b\xb0B\xa1\xa8p\xb5I\xd4\xd05\xaa\xf1\xb3\x05t\xd8\x94\xd2\xe7\x93\xf3t\x0c.\xe0\xf2\xf9\x02\x01\x0fF\x0f`\xfd\xf8A\xb0\xa6:;\x07: \x89 S\x85MZm\xc3\x15\xd0\\l\xc2\x18L\xe0l\xcaw\xce\xa7\xe4\xe3\xd0\x18P\n\xf9\xe8\x1a\xc6H\xf2\xa7\x0fp\x13\xbfnj\xbfx\x1e\xc2\xe5D\xaa~J\xa8\xd5\x8a\x1a\xaet\xde\x92\xfa\x14)\x1f\x1c\x90\xeer\x1d\x8e\xa3\x0e\x0f\x7f&lt;\xb8\x86F\xd2\xf0\xc3\x07\xc0Z;\xd3\x1e\xed\x1c\x18\x08[BSM-\xff\xe3\xe5\xfcB\xda\xca\xb38\xde@Hnr\x93h\xa2\xc1\xc4\x10\x8dIL\xf4\xc1\x98-i\xcc_%\x01W41\xa0\xc1I\x94Y\x84\x80)Y)}\x08X|hF\x17\x8cE\x99&lt;\x04w|pY\xc1-\xb5K@*RA\t&gt;\x8c\xa8P\x86\xad8\xb3m\x99ia:\x96\xee0\xec\xee\xc8\xb0\xed\xce\xd0}\xd8\xef\xf9\xdd\x94)\xcb\xfe\x9b\x99\x9a\xa37\xb9\x89\x0f~\xf8\x9e\xef9\xf7\xfcn\xee\x8d)\x10\x18\xb4\x87\xa7c\xa9\x05\x17!\x01\xaaG=Lb\x81\xa9Y\xab\xd6b\xd4\x1a\xe9\x18yV\x85\xdb\x0bnY\xfa\xcci\xb8\x0bXf\x8b\xc5d2\xdb\xed\xb9\xcd\xe8\xd2\x98\xc3E\xcb/\xa4\x10\xc3\x0cux\xad\xd6\xaa\xd5\x8e\xbc3\xd2vi\xe4\xc1\xf9S]\x90[\xfaL\x97WW\xd1$\xe6\xcd\x96\xe2d(\x84&lt;:7c\x89D*36\xd3\xd9\xd3\xdcl\x1dnfM\x0b\xcf\xda\x91\x91\xb66\xa8u\xfeT\xd2E`\x99w\x81\xf5\xde\xf5eS\xb1X\x9c\xb4\xd8\xf6\xe0\xaf\xa7\xd7~w\xfb\xb73\x1f\xf4\xf7\xd7P\xbb\x82\xb3\xb4\xa0jBT\x0b\xcb\xd6g2\xcd\xa7W\xd1\xeb\xaf/[\xc0U\xfcE|\xcf\x1efX\xef\xcf\xcc\xcc\xf4\xd7\xe8\xf55j\x1a\x01\x9b\xadMZ+\xc3\xaa\x82\xb7&amp;"}!\xd3\xf2\xdf\xd3\x00{\xf7z\xc0f\x8b\xd8\xe2q\xb3\xd3y\x8d]\x9a\xf1~f\xac\xbb\x9f&gt;;Wcy\x01*\x08\xd6\xd1\xd1\xf1I5\xb0\xd6\xfbL\xa1\xbe\xcb\x84\x95~\xefr \x0e\xaa\xdf\xdb\x9f&gt;\xddt\x86\xaf\xdd\xced2\x0e,\xf016\x00\xcc\xdb\xd4\xa4\x06\xd6\xa5\x8e\x8e\x87\xd5\xb8\xd1\xe7\xa0\xcfd\t\x99w\xd3\xe9X,\x9d\xce\xd9\x07\xedv;\x16\xff\xb77s\x9b\xb7\x13\x99\xd1\xce\xabW\xf5^/;\x1c\xfa\xd44\xdb\xb4U\x07Kzh6\x99\x90\xc6\xdd\xf4jl5\x16\x9d\xdaI\xafb\x91=\x96\x89\xc6\xf0\xe8\xe8ZY\xb9\xea\xf3\xa9\x9b1;\xa8\xb1t\xf5j\x9b\xda.U\xa3\xcb3,r\xd7\xe5\xdd\xf4\xd4T4\xba\x84\x18\x1b\xc3"v,3\xe6\xd2\xf7\xac\xac`\xa9\xe3k\x86\xeba/\xa0i\xa9\x14\xab\x82ul\x86X\xa1\x00\xe3\xfa\xcb\xd2\xd1\xc9\xc9\x89\xc3\xe1\xa0\xe5uW\x0f\x88V\xb0y\xf5\xc0\xaa\xd1S\xf3\x1a\xb6"\x8b\x8f\xaa\x85\x85\xa3\x8ey\x9e\xb8\xa2G\'WW07\xe8\xd9\x81g\xe5\xd7\xa4\x95\xb7\x0b\xc5XCzi\xa9A\xb4Uc\xb0\xb9pAP\xcb\x14X^\x9e\xcf\xa5ctn\x84V\xa8&gt;\x1f\x11\xf9|\xde\x15}\'\x02XzP\r\x83\xaa\xe9R\x15\xa6\xd3\x0b\xd2\xc7\xcbP+d2c~\x98\xbf,p\x91\xa3~\x03\xa7\xabW\xf4\xfa\xae\xee\xee~=\xeb\xa8Z\xb5\x15)\x84^\x9fV\x07\x0br\xe1 \x1d\xc0X\xb3&lt;\xbf\x1bK9\x90&gt;:\x93\x85\xe8\xea\xefFt\x92\xad\x86\x87\xadV+\x0e&gt;\xc0\xfa\xb2*X\xe6\x00a\x85\x80\x15\xc0\xe6L\xa7\x1cz\xaf\xda\xa7\x1d\x1eV\xd7\xf4w\nT\xf0:a\x01\xca\n\xd3\x9f|(\xad\x8a\xe5M&amp;\x0b\xe32\xe3\xd7l\xdfM\x8cu\xeb\xf1\xdf\x9b\x9a\xf5\x9d\xdd\xf8\xe9B\x17%\xa9\x10\xc3j\xec5\xf9&gt;;\x7f\xb9&amp;\x0e\xa8\x9dZ\xa0\x17\xf2\x180\x07\x02\x01;\x129\xe6\xa0\xcb\x01;+)T[\xe1uP\xd1\x91\x11\\\x1d\x7f\xdc8\xefS#\xd2\r\x13a\x85\xe8\xd2a\x1a\x02I1\x9a\x03S\x0b\xa3\xa3\xae\xcen\x90\xe1H\xcdl\x85\x81K\xcb\xc2\x8a\x05\xec\'\x0f\xce\xf7\xc6\xef[\x87\x81\x80\x89\xb2HX\x16\xd2\nT\xce\xf4\x95(\x86@\xca $\xebGk \xa9\xbc^/\xc4\xc2\xe8\xdcv\xf1\xc6\x9f\xbf\xb8\x7f\x8e\xf7\x1f-\xf2\xcfL,B\xc0\xc2/\xa5\x11\xb3\xfc\xee\xe6\x15\xba\xd8\r\x19\xc4\xe0\xdc\xd9\x85\n\xb0Z\xb5\xc0\xa2s\xba\x98%\x9a:.\xfe\xf2\xa3\xcfK\xf5\xe7v\x11\x9e\xf2\xc1:l%8\x1ed\x16\xea\xf6\xf60\xa8\x12)\x88\xd5M\xder\xa1\x97\x02\x08P\xd45\xe8T\x84\xba\xe9\xd2\xc5\x9f\xff\xe9l\x7f\xb6\xfd\x9c\xdc^\xde\xf8C\x80,E~\xb7X&amp;m\x16\xb6\xf2A\n\x13\x0b3\xdd\xd4\xb2\\.\x17\xa9\x85\xbe\xd5\xd3\x83&gt;\x8fN\x86}\xaf\xb5\xed\xe2\xaf\x9e\xef\x97Js\xbc\xf4\xc29\\\x95\xc4\xf3[\xdb\x93\xc5IJ\xa1\xcd\x86Z$\xacx\x80\xad\x13G\x85BdX\x04F\x8d\xbe\x12^`\xfd\xec\x8b\xb3\xd2Z\xa9\xb4f\xf8\x90\x9fx\xeb),\xcb6\xc6\xef\xdc\x99\x0cYL\x96\xa2-n\x89\xd3z\xcc\x04\xac4\xfc\xfe\x01a\xb9\x84 0\x04{ \xe9\xd4\x1d7&gt;\xdf_[[+\xed\xef\xef\x9f\r\xbc\xd5\x1b(\'\xc4|Y$\xd3\x1d\xde\xb9S,\xda,6\xdal\x16K\x9c\xd6\x89H"\xda\x83\x8b\xa5\xd0\xe1`S\x0e\xd3\x8c\x05\xb8z\x9an&lt;\'*\xc8\x05\xac}\xd5[\xd4k\xb1\xacl\x17\x89d\xfc\xf1\x1d\xe2\x02V\xd1\x86\x88#\x96\xc3\xcet,\x91\xc1$\x88\x18\x15\x02dL4\x17\xfb\xe8\xce\xfb\xceW\xfbk\x85BA\xe0*\x95\xdc\xb7\xde\xd6\x97\xa4,\x96u2\t\'\xe2\xb8\xad\x08q\xd9l\x8c\nz\xc5\xe1\xadpn*\x16M,--,\x1c\x8d\t1\xca\x18\x85t\xeakF\x04\xaa\x02\xd3\x0bq\xb6\x9fo\x7f+\x99\x9c(\x8bDr\xb9\x8c\xe3d\xfca\xe05V\\\xc0\xda\xa6\x93\x10S\x00\x8bFSKB,,\xbc\x01\xa6\xf7}\xb5_\x98\x9d\x9d\xad\x80\xad\x15\xd6\xce\xce\xce\xd6\xdc\xf5?\xf1;o\xa4\x13\xf2\xb2B\xc4U\xb0\xb8\xad\xc1\xf8:\x98"\x11\x82\xb2\x10\x17\xb0r\x18\xebc\xb1X4\x95ZJ!\x96\x16H0\xba\x12\xdc\xe1\xea\xf2\xfd\x8dQU\xc0\n\x85\xd9\xd2&gt;\xa5\xb2\x90m\xfd)_\x90\xb2(*+\x8c2\xb1\x0cX\x12\x19\'\x93\x89\x9e\xd9\xb1b\x05\x16q\x85\xe2q\x13]\xc4?\x8d\xc5\x19\xa8\x12\xa9T\x02\xa2%\x18\xd7\x11\xe3r\xf5&lt;/\xcd\r\xcd\xcd\xcd10&lt;\xcd\x15J,\x99k\x85\xd9\xa4F\xfe\xe3\xc0\xa4\x8b\xbc\xa2\x9d\xe7d\x12\xb1\x98a\x11\x97\xf1\xe1 ,_\xe1\x8a\x9b\xccdy,\xcc\x12\x88L*\x1a#\xd9\x88\x0bF;:\x1au]\xfd\xeb\xec\x10bN\x88!\xfc \x8d\x05A\xb9\xd9\xb9\xa4\x86\xfb\x11&amp;\x13\x97\x15:\xd8\x9c\x93\xc9\xe5bN"&amp;.\x84\xe2\xc9^\x91A\xd1/uS,\x14\xa1S&amp;\x95H\x80*M\xcb4\xbc\x84\xc5\x8e\x8e\x1c\'\xf7{\x93\xc9\xde\xde!!\xe8\xb9\xb0&amp;\xc8F\xfa\xe1\x8d\xbcG\xf4\xc3f\x9e\t@\x19E\x90\x87\xb0$\x8brN.\x17\xb8\xb8\x96\'\xec\xf6\x10\xba\x17\xc3\xc6\xb0\xa0U\x06T\xb7cS\xd3\xce\\\x0e\x19\x8d\n\x0e;\xfa\xf2\x91\xdf\x9f\xcd\x83\x0b1\xd4K|@"\xed\x86^\x83\xf6&amp;\xb3\x9e\xf6\x1f`2\x82\x02\x93L"\x93H$r\x99\x98\xe4\xaa\xe8\xc5m&lt;\x89\x8c\x8f\xaf\x13V1n\x0e\xe7\xa6\xa9?$\xa2W\xa6\xa6s\xce09\x8d\xca\x92\xb8\xee\'\x1b\rnp\xe5\x93\xc9d&gt;\x9b\xcd\xf7\xf6\xbe\x06\x02"\xde#\xde$\xfe\xe8\xae\xe5\xfe\xafN&amp;],+`)"b!\x96\xc8\xc4\x12\xb8\xeb\xb5^[O\xd6\x0f\x0e\xc6\xd7m\xeb\x11\xd4!0\xc8PSiP\xd9\xe9\x02\x04\xe7\x0e^F\xa3\xdf&lt;jT\xd5\x11\x17"\xebw\x1b\xfcyP1\xe1\x18\x128\x11\xf9&lt;\xf1&amp;\x93u\xba\xff\xfd\x05^r\x1e\xc5GPr\xe8#\xa7\'1\'\x16\xdc%\x81z(\xc7\xad\x83\x83\xbb\x00\x1b\x8f@-gnzg\x07P\xab\xd3a\xbb}p\x8f\xb8\xa6w\xa6\xbe\xf9\xd8_\xeb\t\x12\x17\x85\xbb\xd1\x9d\xf5#\x8f\xa0\xc8\x03\x88\xf4c;~\x81\xd9\xefO\xf6\xba[\xe5\xff\xc5e\xd4\xa6p\xf0cP\xc0\xa1\x8d\x02rqo\xc8\xc5o\x1d\xdf\xbd{\xf3\xe6\xf8\xb8\xcdLw\xd3\xe4r;\xd3\xcep8\x0c\xaa\xed\xed\xbd\xc1pn\xe7\xe3\x87\x9a\x86Z\r\xb8Tu*l\x86\x81\x01d,\x9b\xf5\x0f \xf0b\xc0\xedw\x13N\x96\x90\xb0\xefvC\xcb\xbc\x87\xffOu9\xc1\x95\xcb\\%sbB"\x14z\x86\xbfx\x8e\x94#.\x8e\x13)\x1f\x1f\x12W$\xc0\xb0\xe0t\'\x83\xa2B\xd8\x0b\x87?\xab\xad\x07\x95F\xe3\xf1\x04\x83\x1e\x8f\x07\\\x00Jf\x01`hll\xac\xa3hl44\x1a\x88\x11Ln\xf6\x90\xedM\xaa\x14\xff\xe6\xeb\xb1\xa4\x13|\x99\x97T8\xc4\x15&amp;"\x04\x8b\x04\x1d\x95\xe7$\xec5\x81\x89t\x0f\x0e\x0f\x0fo\xae\xc7\xed\x84\x94\xcb\x85)\x83\xa0\x1a?X\xdf~rO\xa9lm\xa8Eh(j5A\x95\xc1\xefW\x19\x06T\x03~p4\x92\x80B\xd4\xa9*\x88\x94kH\x98\xcf\x1b\x1a\x8c\xff\xf2\xe9#\x94\xe2E\xdfCI\x846\x85\x8c\x199\x10\x89p\x00\x12\tE@rq\xa2\xf6{\xc7\x87\x87\xe36`9)\x80\x15\xd8F%\xdc=\xbe\xa7S\x80\xaa\x12\xb5\r\x1a\xfa\xf7\x03\xc0\n\x065\xac\x06\xa0\x18\xde\n2, 1*\x16\xf0\xa0;\x9b|Y*\xbf\xc1%\x15\x97\xdbE/\xbeV\x90\x1e,M\x148\x08rF\x9dN\xd7n4\xb6\xebx\xb9\\D\x96\x17\xec\xc5\x89\x8c[\xc7\x87w#\xcbO\xa7\xa7\t\x8b\xec\x1e\x01\xd4\x96\xce\xa8P\xd6\xd7\xb7\n\xd1P[_\xef1 ]~CP\xe3Q\x05k[\x1b\x98\xe3\x82L(A\xb0\x8ab\xb4C\x85[x\xf5\x9dJ\xfa\xfd\x9aF\xa9x\xf1\xe2\xebo_\x10\x0f\xcfc\x03\x13\xcaO\xa73\x1ay\xde\xd8\xd2\xda\xaa\x00\x13\'\x92T\x92Hz\x19\xeb\x8f\x0f"\xf6\xa7\x9b\x02\xd6``\xfb\xe0\xf8^;\xdf\xaekQ\x82KI\xd1\xaa\xa9m\xd5)=Pa\xa0N\x83\x9c\x06=\x1ap2\xb0J1\xbc\xd6\xaa\x0eb\x06\xa96\xfc\xd9\x97\xaf\xbe\xe3\xa4\x95y\xeaT\xf1\xed\xe9\xe9)O0T\x85\xd4\xdb\xf1`\xa4\xe1Odl\xa9o\xa5\x1d@\xc9`\xafJn\x91Yp\xad\x9b\xafm\x92\xe5\x81\xb5}\xf0x\x837\xea\x14--\xe0jQ(\x14-\xca\x86\xa0\xa7\xa1E\xa1\xac\r\xd6\xc1\xea*\x96\xba:\x0f\xf4R13QI\xb2h\xacCa\xc0\x85A\x15\xc9\x95|\xf9\xaawBh\xe9\xc6\x7f\x9c\x9e*$\xe2\x7f\x16]\xc6\xacm\x03q\x14\xb7\xc0\x88\x8b\xef$\x0e\xe9@\x87\x84\x06\rG\xb9\xad\x931\x18\x8d^\x0c)x\xf3\'\xe8\x96)C\xc9R\xc8\xd0,\xfd"\x85B!\x14\n\xfd\n\x1dJ6O\x9d\xfc\x01&lt;\xb5\xa4C\xa1\xef\xfdOv\xb4\x84DH\xfe\xe5\xbd\xf7\x7f\xff\xf3\xf9\xc2!\x86\x92\x15\x0303\xef\xdc\xd03Y\xbd\x9cn\xf2\x0b\x16\xb8\x8a\xa7\xebw7o\xdf#\xf5\xd7\xdf\x9e\xbejX\r\x1a"\x19\x0f\xd5\\\xd5\xb6U\x01O\x83\xb4\xc5(]\xb1l\x1b\xcb\x18m9~\x18\xc5\xae\xabG\xcc\x05\xe7C\xe4\xc2D\xfe\xf9[\x92\xca\x9c~\x9fN\x84b\xae`\x8e\x87\tn\xd0\xb2\xa8\xb5q&amp;K\x9e\xa1\xf8\x17\xf3\\]\x9dM$\x97;\xdc}zD\xba^\xfd\x82\x7fB\x95.\xc4\xd1\x17a\xd5m\xc7@\xf5\x04\xacZA\'\xa4\xbf\xb5\xa5\xf4\xc2z\xb9\xedh^ee8\x805J\xba\xc8\xc5/\xa5\xa7\xe3s\xfeQV\x9e\xd2:\xf2\xbf\x0b\xce\xab\xd8\xe3\xb3\xf5\xe0\xa2\xack%iC\xe3\xe7\xd9\x95\xba`\xe9X\x1c\xde\xdc\xdc\xbd\xbe~2\x19\xa0.T&amp;f\xda\x14MUo\xcb\xa6\x80\xafg\xae\x15\xec\\\xef\xdb\x11e\x00(\x9aG\xa1B\x10\xac\x15\xd7\x02r\xb8\xbe\xdd\x7f\x9ee\xc7\xe3\xbfl\xf2o\x91\xd3&lt;\x04\x1eg\x19\xad\xa9\x10\xb4\xba\x92\xf1S\xa0\xe2\x9a$\x97@%,\xed\xc3\xe1\xfb\xe3\xcf\x1f=\xa4z\xc1\xc2\x9c\xf4\xda\x0f(\x87\xae\xad\xc2`8\x04\x89\x0bz,7\xeb\x15\x8b\x15Ba\x02l\x93F\x16=W\xc9\xb6\x12\xac\xdd,\x9c\x8e\xc7\xab\xf9K\xac@\x08\xe5\xe6Z#\xf1x\xe1@\xcd\x14g@\xf1\x14\x88l\xa1X\xcfZ\x91\xcb\x84\xc3\x01R\x81*\x05\x0bq\xf7\xec\x13\x84+\xd8\xb1mG\xeb\xf8\x9a\xc2\xa5mTw\xddfS\xd7]\xc9\x94\xd3=\'m\xc2\xf6M\xb7Q\xaa\xd8\xe4\xb3\xe7c\xbcT\xfa\x85\r\xf1V*\x16\x0e\x13\xa5U\x9aJ\xb1\x12^\x82\x8bzM=\x82xy\xafu\x82\xe2\x87\xa3\x1a&lt;\xe7\x11&gt;F\xb8X\xb6\x18\xbd\x82c)ra\xd6\xb6\xdd\xc3\xaeK\x1b\x80B\xb9B\xb8\xd0\xbb\xd6\x8a\xc7\\\x8f\x9b\xcd\xec4Q\xe5\xd2\x0c\xb9\xac\xe3\xde#@\xda\x13+fR\x18\xa2\x103\x85\x9f\xe4\xca\xc4m\xb90\xa2\t\x8aN\x85\xc6\xb1\xba\xf0$$\x1bD\xae\x92r\x19#r\x8d\xd0i{\xbb[Z\x07\x06\xebR\xbd9\x12\xdb\x94\xae\xba\xa5\x85\xbb\xddl.\xb9Z\xcc%A&lt;[-2\x1f\xa1\x8b\x8e\x03_\xaeesS%\x11K\xae|\xca \xbcB\x02\xa9\x97I\xa9\xe6\xdb\xa9\x15\x9f4=fq\x92\xcb\r\x1e\x7f\x0b\x96\x85\xd5v\xfb\xdd\x1a\xab\x1cZ\x91I\x04n*\xa1\x02\x17\xa9q.\xfb0KZI\xa6\xe4D\xa5U\xafiV\x1c\\\x13\x0c\xd73\xb0h\x9a\x9a&amp;PL](:\x87\x1d\x90!\xda/\x89^YqP\xb0"\xee@\xae\xba-\x91z\x90\x0f\x8e\xbf@\xae\xcdnY\x05\xe3]\xa2\xc2\xb3(\xd8\x8aXM\x83F\xe9\x80u?a\xe1b\'!\xcd}\x96#\xe0\xb9&amp;\x95\r\x91\x07\xf9EZ\xceS+\xa8)eHU4\xa6\x8f\x12\x1a+3\xd6\xb5+P\xf5\xc9\xcf"\xe2\xfe$\x97\xa5\\\x06\xc6\xa1\xedKD\xbe\x03V\x04g!\x1b!\xac\xea\x12jaQ5\xe3z\xdb\x12\xeb~v\x16K\xa1\xdb!U6\x97o\x84\xa4\xaa\xec\x90M\'\x99\x17\xaaL]\xae,F\xfdE\x02\x93\xce\xec\xfb\x87\x16\xce\xc1Yb\x15\x08W\xf4S\xba\xaaP\x18\xefe\t\xd5\xe3vs\xdbV\x0e\x93j\x12\x15v\x01J\x97\x1fW\x84r\xdf\x95\x0f\xf8~t\xff\x1f0=Q\xe3\x13n\xb6\x8b\x00\x00\x00\x00IEND\xaeB`\x82'</t>
        </is>
      </c>
      <c r="M258" s="3" t="n">
        <v>45492.67793981481</v>
      </c>
    </row>
    <row r="259">
      <c r="A259" t="n">
        <v>870556</v>
      </c>
      <c r="B259" t="n">
        <v>1999</v>
      </c>
      <c r="C259" t="inlineStr">
        <is>
          <t>Juninho Capixaba</t>
        </is>
      </c>
      <c r="D259" t="inlineStr">
        <is>
          <t>Juninho Capixaba</t>
        </is>
      </c>
      <c r="E259" t="inlineStr">
        <is>
          <t>LE</t>
        </is>
      </c>
      <c r="F259" t="inlineStr">
        <is>
          <t>LAT</t>
        </is>
      </c>
      <c r="G259" t="inlineStr">
        <is>
          <t>LE</t>
        </is>
      </c>
      <c r="H259" t="n">
        <v>176</v>
      </c>
      <c r="I259" t="n">
        <v>29</v>
      </c>
      <c r="J259" s="2" t="n">
        <v>35616</v>
      </c>
      <c r="K259" t="inlineStr">
        <is>
          <t>Left</t>
        </is>
      </c>
      <c r="L25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6b5f4dab-9f1d-407f-80a4-5dfd4f8b99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sEjs\x00\x00\x00&gt;tEXtComment\x00xr:d:DAEewil2SDw:3129,j:9030118292309124670,t:23082714\xb3\xea\x8f\xec\x00\x00\x00\tpHYs\x00\x00\x0e\xc4\x00\x00\x0e\xc4\x01\x95+\x0e\x1b\x00\x00\x03\x00PLTE\xff\xff\xff\x15\x11\x11\n\x04\x02\x11\r\x0e\x07\x05\x05\x0e\n\n\x1f\x18\x17\xff\xfe\xff\x0b\x07\x07\x04\x01\x01\xfe\xfe\xfe\x13\x0b\t(  D\'\x1c+##M-!&amp;\x1c\x1a\xdc\xe1\xf9\xe2\xb3\x99\xd9\xe1\xf7\x1d\x13\x0f\xeb\xbe\xaf3)(\x18\x0f\x0c; \x16\x1a\x15\x15H+\x1fP3&amp;/\'\']&lt;1\xdf\xb0\x98\xee\xbd\xa94\x1f\x15T7+L(\x1c\xec\xc3\xb3f=,C!\x18\xef\xc1\xae \x1b\x1c\xdb\xae\x95\xfc\xfc\xfc\xeb\xb9\xa35-,1$!\xef8B\x0f\x06\x03,\x1f\x1a&lt;&amp;\x1cZ5\'1\x1a\x10S- &lt;0.\xe4\xb7\xa2\xe3\xb0\x94vD2V1#\xda\xab\x90\xdb\xde\xf4\xbf\xc5\xde\xef\xc7\xb8\xe8\xbb\xa8\xd9\xe4\xfa\xf6\xf4\xf4\xd7\xdf\xf9\xf9\xf9\xf9\xda\xa5\x8d-\x15\x0b\xe7\xc1\xad\xba\xc1\xdb\xe0\xac\x93\xd2\xa4\x8d\xe8\xb5\x9cmB1(\x19\x13a\x02\x08yJ8\xe8\xeb\xf9\xc3\xca\xe4 \r\x04\xe4\xb1\x9f_9)\xd3\xa1\x89\xd7\xa8\x8c\'\x11\x07\x83R?\xd6\xdc\xf6\xb4\xbc\xd5\xc9\xcf\xe7\xa7\xae\xc7#\x14\x0e\xd7\xda\xf0\xae\xb5\xcf\xf0\xc2\xb4jNDt[SZC;K0%\x94\\G\xd5\xaa\x93aIA\xf3\xef\xef\xd7\xb6\xcf\xdc\xb1\x9eR&lt;4\xdd\xd7\xee\xca\x9e\x87\x9efQC-#\xe83&gt;\xdb\xa8\x94\x8dU?I5-fA8:\x1a\x10\xc8\x93}\xcb\xa2\x8d\x17\x07\x02\x96cP\xe0\xaa\x8c\x82J7a4%;)%kTM\xcf\x98\x81\x89`N\xd6\xae\x99\xc7\x99\x83\xaar]\xb0\x81m\xa1\xa8\xc0\xdf\xe5\xfa\xbd\x8fy\xea\xe9\xebpH9\x81YG\xcf\xa8\x94\xbd\x84kwPC\xd9\xc4\xdb\xdd\xb6\xa1\xa7lU\xc2\x89s\xdb\xda\xda\xdc\xa7\xbc|b\\\xb7\x89s\xe2\xba\xa9\xd8\xcd\xe5\xe3\xef\xfb\xe2\xdf\xf4\xb2xb&gt;54\xd8\x9a\xb0\xdc+7\x98lZ\xd5\x9b\x85\x8ck\\\xe4\xde\xe1\xdc\xd3\xe7\xcb\xc9\xc9ZTSp=,\x95\x99\xaf\xc6\x8fwKCB\x9dub\xdb\xca\xe0\x9b\xa3\xba\xefBM\xa9ze\x91\x8d\x8fokjD&lt;;\xe3\xe8\xf5\x9f\x9b\x9d\xbe\x96\x82PKK\xb8}f\xe1\xbe\xd2\xd2\xd5\xeb\xaa\xa6\xa6\x8d\x90\xa2\xd5\xd0\xd0\xa3\x80n\xdc\xeb\xfb\xec\xae\xa6\xaf\x8bx\xf2\xc9\xc1u\x03\x0e\xc4\xbc\xbc\xe2\xe1\xec\xe8\xae\xbb\xb7\x90~\xe5\xb5\xca\xee\xf0\xf7\x90HL\xb4\x12%\xe3\x9e\xb4\xc3\x9b\x89\xe5\xc8\xda\xc9\x1d-\x9f\x07\x1c\xde\x8c\xa1\xf3\xb8\xaa\xe5\xd0\xe2\x88\x04\x16\xe5k\x80\xe3\x9d\x8f\xa2~\x95\x80{{\xed\xc0\xcc\xe5\x98\xa8\xa2^J\x90tm\xe2Yie``\xb9\xb1\xc7\xd7\xc5\xc3\xa3\x90\x8d\xdc\x84\x98P\x1a\x19\xfa\xe8\xe5\xca\x8c\xa2\xf3\x8a\x91\xb3\x92\xa8\x9e\x9f\xb2\xd5\x8c|\x95y\x82\xc7\x9d\xb4\xc4\xbc\xd0\xb9\xb5\xb5O\x0b\x0ci\x10\x18\xaf\xad\xb5\xb1Pg\xa6m\x82\xeb\xa6\x99\xe7\x7f\x89\xb7\x9f\xb6\xc4EO\xb8|\x92\xcc\xaa\xbc\xf1\xd8\xd5\xa4ab\xcf\xaf\xa8\xc4r]\xcd\x81\x8c\x800:\xd1\x7fl\xbbs~\xbf^s\xba\x9c\x9f\xa6EX\xdb\xbb\xb8\x85\x15\x1e\x87\x931\xd7\x00\x00 \x00IDATx\xda\xcc\x98\xdfK\x1b\xe9\x1e\xc6;If\xce$3\x8e\x83\xcc\xce\x18\x9d\xc6jcc\xcc0\xa3uZ\xdb\x0b\x91\xe8\xc1\x1fA\xd0\xbaz\x13\xd8\xad?*\nJ\x94\x8a\xb6\xa6vk\xe1\xa4\xc5e\xabt{a\xa0=%\x11\xd3\x8b\x9a\xe0Z\x08\xde\t\xe7j\xef\x03\x07\xfc\x0f\x84\xfd+\xce\xf3\x9d\xd8\xb3\xe7\xc0\xb9:\x8c\xee~c\x93i,\xcc\x87\xe7y\xde\xe7}\xa7\xd7\xae\xfd\xff\x13\x08\xe0\'\x10\xa5?\xf4\x16\xb8\xf6\xe7\x18B\x01Q\xbcw\xee\xe3\xc9I&amp;\n\xac@\xf4O\x00\x15\xed\x8dG\xe3\x99\xdc\xe9oG\x87\xc5|\xa5|\x9a\x89\xc7\xffh\xc5\x02q\x00\x95OO\x0f+\xc5\xfcq\xa1\x90Uc%\x87l\x0e\xa8\x7f\xf9c\xe0\x1c\xe3v\xcf\xcb\x87\x95\xcaY\xc1\x8e\xa91U\x97b\xba\x0e\xb2B\xb1rt\xbe;\xd7{\xf5Q\xa34\xf5~&lt;=?*\xe6\xf3\x85R\xc9VuU\xd5uI\x94E\x99\xe3\x82\x11\xc9\xce\xe6\x0f\xcb\xbbs\xf1h4\x1a\xb8\xc2\x8cG)N\xe5\xe2q\xe1\xb8\x14\x83L1z\xc3\xbb\x18\x91e%\xc8(A\x8e\xe3d\xfd\xec0\x97\x01\xd8\xd5\xb9\x07\xa5r\x08x!\x1b+\x95`\x9f.I\x84\xa5\xaa\x92(\x8a\x00\xc2\x8fl\xc9\x9c\x04\xc9Nw\xc9\xcb\xab\xc0"\xa6r\xf1\xac\x90\xcdfm\xc8D\xceE\xb8HD\x960\xa2(\xe1J\x8e\x80K\xd18C\xb6\xf3gG\x99\xf8\x95D,\xb0{T\x84N\xb1l\xc9F\xc4u\x90H\x11\x86\xf12b\x95\xcb\x91+H\xa3i$\\\xec\xac\x9c\xb9\x02\xad\xe6N\x90)\x9b\x02\x05\xb5t\t\\\xba*\x02\x82\x8bH\xc8\xbc\x14\xe1\x82\x0c11A\x8e\x114\x05\xc3\xc5\x8aG\xb9\xdeK\x8d\x18\x92~^\xc9\x97\xb2\xb6*I\xe8\x82\x98$\xcb\xb2\x08\x1b\x1d\xb9"\x11\xf2\x10\x17^\x96aXV\xf3\n\x9a (\x8a&amp;pR\xe9p7~y`\x81^20&amp;:L:R\x0e\xc7\xb8\x88\x18\x89D\x82\xa0\xe18\x11_h&lt;\xcf\xf2\xac\x97\xe5y\x0f\xab\t&amp;\xa1\x99,\xcb\xe5O/mQ\x06\x02s\xb9J\t\x11\x97\xe0 \xd2\x0e\xd38\x8d#\xaa\x88c\x1a\xc3\xe9\x92\xa2\xf9\xfc&gt;\x9eey\x9f\xdf\xe3!@`\t\x02\xef\xf1\xe6O\xe2\x97\xd4a\xd8\xff\xce\xf3\xb2\xa8\xc7\xd0\x9d\x10,\xa6c\xd5i,\x80@\xc5p\x12\x17\xf4r\x06\'\xf8\xfd~\x1f\xa8|&gt;\x96\x00y^\x80`\xe0\x0c\x9e\x9d\xf6^\x0eW\xb4\xf7\xa4(\xa1\xc1\xd1\xe9\x10\nE%Ed\x8e\xf1z\xd1\x9e\x0c\'\xaa"\xe7eE\x03j\xf9\t\x07\\\xf8\xf4\xf9&lt;\xe4\xa3\xc92,s|~9\\\xd1\xccQ\xc1\x90\xe0\x9eM+\x11\x92\x89\x1c\xb8X&amp;\x12\x84\x8d"J\x9e\xf1i\x96b\xf2\x0e\x17\xd1\xd1\x9b\xcfoj\x9a\xc6z\xbdl\xf0R\xb8\x02\x81x\xae\x98UeT\x13\x02o\xd3V\x03\x18\x99\xd3\x18\x11\xdb \xd4\xd2\xf5\x08\xcb+\x86"\xf8.\xb0.\xd8XM\xe1Lp1\xc1\xfc\x89\xebX\xd8s\xe6\x0e\x0bh*\xb4\x00\xf6?\x08&amp;E\x82AQ\xe2\x14E\xc6\x05\xf5\x84\xae\x07y\x16\x9c\xac\x1f\x91B\xb2\xb0\x1e\xc1\xc5\xa3(\xd0\x12\xc0b\x83\xf9\x9c\xdb\x87\xb1@4\x9e;\xa3V\x10a\xa3J\xe7\x18]\x02ML5P]\x9c\xc2\x89\x06v\xc1\x88\x97\xe7A\x80\x98\x9b\x1a\xebae\x85\xa7\xd8\x9bh/\x81e\xf0;\xa6\xf81\xea\xb2\x85\xd1\xddJ\x96\x14\x11u\xdb\xae\x9e\xaf\xc4\xa0\x97\x81l*\x9c\xc4K5pr\xf0\xfa\x10(\x1e\xed.\x00\xcb\x14%\x81|\xf4\x00\xcb\xa4\x8a\xc5?/\xc7\xdd\xee\xacrA\x15i\xd7#,UE\xb8(K\x9c\x9a\xb5e\xa8&amp;\x1b\xaa\x11\x84k~\xca;\x9a5\x994=\xa6b)\x94\x7f\x8fGS\x04\x81\xa1\xca\r\x163.{\x88\xbc\x1b2%K\xa5*\x8d\x19\x86!F\x18\x9e\xe5\x0c\x03%!(8\xca0\xd5V\xf0\xfbY.a%L?\x8bP\t\x0e\x96@k\x11\x1b\x14\xef=\xce\xb9z\x9e\x88\xce\x1d\x15$\n\x90,\xaad\xa1\x0e}$\x8eq\x1cC/\xa1\xd15\xcdYx4|P\x91\x15\x13aG\xc7{\xa0\x9e\xc74iK\xa2\xf6\x17+s\xee\xa5+\x1a\x88\x9e\x9c\x89\n\x05\\\xd7\x8d\x18vj\xdd@\xbad\r\x1e\xe1\x9e\xa6\x89\x9b{x\x8f\xff\xeb\xb0&amp;BO\xdf`\xdfq\xe4\xc2&gt;\x84\xd8\xf9|\x90+\x13u3YG\xba&amp;Q\xa6\xb0\xf2tU\x96q\xacQ%N`\t\xc5\x87\xdb\xfa\xffk\xf0\x05P\x1d\xd6\xaa\x84\x1e\x81\xa9b\x05\x8f?\xbag"\x9a\xf4X\xc1Z3P\xedF\x02gO1[\xcaZ\tr\xcf\xb9\xa9\xff\x7fp\xe1K\xe7\x02q\xc3\xb6\x8d\x96\xf7\xd1&gt;\xc9\x94r\xee=vD\xe3\xe7\xb6dXr\xbad\x1b\x86\x9c\xe4\xe4X)\xab&amp;\x92\x9a\xf9\x15\xa7\xaa\x97\xe7\xabl\xa4\x15^\x003/\xc0Y:N@-V:\x9csM\xae@\xef\x91\xad[\xb2\x95-a\x05\xaa\x86e\xc0N+9\xbaF\xa9\xaa\x8e\xe9Dlmm\r_\xe0c\x94\xaeL\xc7\xcb*\xa7\xc0\n,Q\xa1\xe9O\xdc\xc2\n\x042E\xcb0,\xcbP-\xcbB\xbebi\xd5H\x8c\xd2\xbd\x7f\x9f\xd1\x7f\xcfD\x7f\x7f\xff\x04\xfd\xf6b18X\xb4P\xf1\xf22\xa5S\xb7L\xc4:&lt;6 W\x02P\x89\x84\x855\x08\xc6\xc4\x04n=\xe1\x0c&gt;\xfa\x1f\xb7\xb6\xb6\xb4\xd2\xd4\xb4\xd0\xd4?\xbe\xdd?z\xa1\x19\xcc5\xabX\xb4 c\xbf\xb9uL\x8dFs%\x1bez\x81\x85\xe0\x03\xeb\xf6\x8d\xc74\xad\xadx\xab\xaf\xe9\n\x0f\x8f`\xba\xab3\xbc\xbf\xd1\xd5R\xf3\xb8\x1f\xc4d+D\xa3\xb3 \xd2\xc5\xf3^\xe9\xc8\xad\xe3\r\xa2\x15\xb3\xd3x&amp;\x85\x8d\xa4V:m\x18\x1d\x1d\xb5\xf76\xc2\xe1\xfdpxcc#\xfcjrfqkko\xeb\xcd\xe2\xe2\xe2\xfa\xe2\xfa\xcc\xf2dw\xb8\xb3\xa5\xfev\xffD\x95\xcc\xa4"s\x1a\xd5\x1b\xa9d\xdc\xc1Bk\x15\x8dX\xda\xa2\xa1\x80\xd9v\xba\xa3c\xa99\xdc\xbd\xbc\xbe\xf5\x19$\xeb\xeb\x8b\x8b[{\xdb\x07\xab\xab\x07;\xdb\xdb_0[o\xd6\x97G\xf67Z\xa0\xe4\xedj\xcc\xd6\xd6\x80\xe5d\xde{\xb6\xeb"V:-\'\x12\xe4`\xda^ZJ\xd7,5\x86\'g\xb6v6\xc777W\x0f\x0evv\x0eV7\xc7\xfb\x06/\xfe\xb6\r\xae\x99\xe5\x91\xe1\x8d\xae\x9a\xd6\xfa\xc7\xc8\xd8(Q!d&gt;\x16s|\xe2\x9a\x89\x87:2\xeeL\xda^Y\x99\xaeml\xec\x1cY\xfc\xb2\x99\x9a\x0f\x85B\xa9\xbe\xbe\xbeq0\xa5p\xf5a\x93\xc0v\xb6\xf7\xde,\xce\xc0G$\xac\xb5\xde\xd1\x0be\x82\xbd\x08jy\x99\xfc\xae[X\xf1rLN$\xa1\x95e,\xad477\xdf{\xb0\xb1\xbf\xbe\xd37\xf6\xae\xa7\xa7\xe7\x0ef\x8c\xf0Bc!\xe0\x8dW\xb1 \x17\xb0\x1et\xdek\xa9\xa9\xbfA`\x1a\x15,qq\xc5\x8c\x8bX\n\x97H&amp;-\xa3cia\xeazgx\xb8{f;\xd5\xde\xf4\x8d3\x0e\xda\x18\r\t\xf7\x01\\\x84\xf5\xcf\xe5\xee}paE\xb6\x02lb\xd4\xa4c\x042\x1f9\xecu\xab\xb7\xe2eU\xa1\xff\x84I\xa4W\xa6\x1b\xaf?\x18\x9e|\xba\xbc7\xde~\xeb\xd6w\xb7~\xe7"\xb0\xd0\x00\xf4\xfa\xb0y\xb0\xf3e\x0fXO\xf7\xf7\xc3\xc0jh\xad\xe9\xb8\xd1\x9f\xa4\xe7k\x94\x04\xcfU2\x01\xd7\xd4\xd25`)\xc94\xa4z0&lt;29\xb3\xf7a\xe8\x963MMMU*`\xd5\xa5 \x97\x83\xb5\xfd\x85\xb0 \xd7\xc6\xbd\xae\xda\x86\x1ap%5\xc2B\xe2\xbd\xeee+zn\xe3\xb8\xae)\x89\x8e\xeb?\xbe~=\xb9\xbc\xb8\xdd7\xd4\xde\xd4\xe4@5\xf5\xb4\xb7\x03j\xa8\xae\xae\xee"\xfd\x0e\xd7^5\xf3\x9d]]\xb5\xb5\rKK\x1d\t\xc5\xe1\xf2\xba\xb8\x12\xaf\xc5sYN\xd6\x08k\xea\xf9\xe7\x9f\xb7w6\x07\x86\xda\t\x8b\xa8n\xb5\x83\xab}h,TW70\xf0\xa4\xef&gt;|\xdc$\x1bQ\x11\xdd$\x16\xd4j\x98^Y\xba\x91t\xb8\\-\x88h\xce\xa6\x87\x19%\xb1\xf4\xfd\xdf_\xbe\xf8\xf6\xc9]P\x11\x17M;\xc9\xd5\xd3~\xa7\x8e\xb0\x06B\x03\xf7\xefS\xea\t\x8b\x96"&lt;lii\x98n^X1p\xb8f\xb1\xfdx]\xc3\x8a:Xx86\x16~\xfc\xf4\xcb\xb7O\x1c,G\xaf\x1e`\xb5;&amp;"\xee\xa1\x10\xb0Bm\xa8\tZ\x8cof\x9e\xee\x13VKC\xcb\xd2\xf4\xca\xa3G\x0b\x96BXl\x10\xcf\x8an\xa9\xb5[P\xf0\xf4l\xa5\xa7^\xbf\x1c\xbc\x0f\xac\xbbC\x18p\x91b\x80\x1a\xc3\x0f\xa4\x1a\xe8K\x85\xeaB\x0e\xd6\xeaK`u\x0fS\xa16\xc0\xc4\xe6G\xcf\xf2Y\x8e&lt;\xe4i\xabv\xed\xbcu\xa6\t\x8ae\xacL=\xff54\xf0\x1fX\xd4\x11\xd5v\x08\r\xa4\x06R})\x94D\x1ba\xed|~\xbf\xbe&lt;I\x1b6e\xabqa\xea\xd9\xc3cK\x80\x87\xac\xea\xda\xc1\x06\x8fc\x95\xa0\xa6X\xe9\x85\xef?\xcd\xd6\xdd}B.\xdeu\xa8n\xde\xfc\xee\xe67\xc45\x1fj#\xaaTh\xbemvv\xfc\xc5\xdf^~~\xff\xfe\xf9\xeb\xc9\x91\xe1\x07\x9d\x8dPk\xe1\xd1\xb3\xb7\x0fm\rO@^\xbd\xec\xdeY\xbe\xf7\x90\xd34ye\xea\xe1?Bw\xabX\x10\x0b%\xff\xd7\x9b(\xd3ww~\xfai\xbe\xad\r\xed\x90J\xb5\xfd0;8\xfeb\xf5\xe7\xcf\x9f\x08\xeb\xd5\xab\xf0\xf5\xeb\xcd\xb5\xd3\xc8\xd6\xb3\xb7o\x0b\x1c\x8f\'Y\xf7\xce[\xc0:\x129\xc5Zx\xf4\xf6\xd7:xX\xc5\xbas\xa7\xe7\x1d\r\x98\xe6\xe7\x7f\x98\x9d\x9d\x1d\x1c\x1c\xecK\xcd\xfe\x8bV\xf3\xfbIk\xcb\xe2x{gn\xb9c\xef\x11cznO\xe1\x1e~\x1d\xe0"5-\x07\xa4`\x021U"\xd0\x90x\xa0\xf2b\xc2O1\x10!*?\x06\xad\xa8`\xe2P j\x83&lt;\xd8D\xb8\x19\x1b\xf5\xa13\xcd\xa5\xbe\\\x03\xa4\x89O\xbc\xf8`&amp;\xa9\x99\xb4\xa9/6\xb9\xc9$&gt;\x99k\xd2d2\x99\xb5\x8f\x9d\xf9\x07z\xba\xd5\x07\xf5\x81O\xd6\xfa\xee\xb5\xbek\xefm\x9d\xcc\xae\xac,\xef\x01T).\x95\n\xe1;\x10\x10J\x11\xd6\xeb\xae\x9b\xdf|\x83f\x0c\xce\\3`uu\xfd\xe0\xf7^Ikv\xd6\xa6\x17\x8d\xa7R\xedv;\xd5.,\x15\xc6\x0b\x08\xc9\xea\xb2B\xa7\xb6\xba\x92\x00U{\xea\x8dG\x02\x1a\r\xa1A+&amp;\x8c\x84\xbc\xbe\xf2v\xe7\xcd?\xfd\xf1\xbb\xef\xff\xf1\xdb3\x8e\x8e\x93P\xb4\xba:\xfb\xfc\x99ZJ4;[\x9d}\xd0=&gt;\x89&gt;|q\xb1\xb6\xb8u\xd0&lt;lOf\'aA\x1d]\x98\x84\x04\xa6K\xa40\xa6\x91H\xb4Z\xad\x04-M\xc0\x1f\xcad|\xdb?\xfe\x01\x8c\xe0\xd8\x8c\xff\xe4\x1dG\\\x03\xbftv\xce\x83\xb4j)\x08VuP4^o.\xef\xa5\x9f\x96\x1cv{\xbe\xb4\xb8\xf5rc%\x99\xcdN\xba\xb2;;+\xc5-\xb7\\\xc82I\x08B\x83a1\x8c b\xfe\x8c\xd7\x9b\t\xfdp\xfd\xbbo\xee\x8d*h\xf2\x84\x9b\xd1\xbag\xe2o\xdfw\xf5EB\xbeZ{pv\x16\x94\x9d\xaa\x1f\xd6\x91\x82\xd2n\x83\xc1\xe1v\xa7\xa3\xb9\x8d$\x04,Y\xdc\xdf\xdcr;\x05\xe0\x18`i\tL \xc0\x04\x01\x01\x16\xf3{\xbdP\xb9\xee\xde\xb9yo$!\xd3)\xe2o8\x08\x17\x8f7\xf1\xee \xa0EX{\x93\x83\xd0\xf6DS\xa9B!\x95\xdd\xc8!O\xf5\xe4\xc5\xdct0\xba\xb6\xbf\x93u\xb9\x92\xd0r\x1cN\x0c\x19\xd2\xa1\x04\xc6\x17J\x85\x18B\x8bA\x81\xf0f Z7n\x8fheF"\xa1\xfb\xc8\x85\xb9\xe9\xb9\x08\x0fn\xc6\x03\xfeL\xf9`\xb2\x7f\xb6\xbf\x1f6\xde\x92k%\x07SN4\x08\xae\xca0\x17\\\xdb,&amp;]*\x91\xab\x98\x06*4V\x0c\x11\x01\xd2\x8f\x8a\x03\x06\x93\xa3@J\x02\x15`u\x8d\r)\x8c4\x91\xf8P\xfe\xf2,\xf2x\x03\x95\xb3cf9\xef\xf5\xd5\x0eRS\xc3\xc3\xaa\xa5\xf0\x92u=\x9a\xde\xb0\x8eC\xc4\x00lnz\xad\x98u\xa9\xcc\x16\xd5zP\xfe\x99*633\x7f_\x02\xf2\x82%\x10\x92H\xf2\xa1\xbb\xbd\x92\x84\x8c\xcf\xe7\x13\x1fJ\xef:\xbe\xbc\xf5\x9cN]\x9e\x89\x99\x95\xad\xdaI35\x88\xb0\x96\xc6\x93k\xd1\xa4*\xd5\xac\x95\xecr\x03\x8beU\xd9,\x94~\'\xf8\x042\x08\xaa\x92\xcc\xef\xbez\xfe\xd3\xb7\xf7\xc6\x1eiA\xf7\x01\x12\x92\xe8\x0b\xf5=\xd7`:\x85\x82/\xfb\x10\x7f\xd3\xf3\xe5\xd2:=\xbe&lt;c\x8el\xae\xe6\x01\xc2\x12A\x83q\xado\xee$s\xa5\xed\xd7]#\x9a8\x0c\x8c\xd1\xe2c\xbdZi\xd2/DY\xac\x84V\xe2\xff\xfb\xeeO\xd7o\xfe\xf9\x11\xecH\x02\x0bD\xa0B\xf8B\xcf#3B&gt;\xa1\xe0\xf39\xc3\xaa\x9e7l6k\xb3Y\x7f&lt;,\n\x87E\x8f\xc1\xb9DO\xfe\xb9{\xf7\xd6\xed\xf9r\xe9\xc5\\.\xa9\x82\x0ei2Ws/\x00\x0b\xc6\x7fA\xe6\xe3\xf6\xd8\xc8\xa8v&amp;\x12#\x12\x04\x88\x0b\xeai&amp;\xe2\x8f\x80\xd80\x9d\x91\x0b\xack\xd7N\xcf/\xab\r5c\xd3\xa7\x9a\xf5~\x91huuUU]/\xae\xfc\xfe^\ne\x80\xdcZ\x9c\x8b\xae\xf7\xeb\xd5b\n\xb0\xf6\x1d\xb2\x04\x84GG\x96j5/\x19\xcf\xe7I\xa9\x14vc\x80\xc5\xf2\xfb#\xd0\xb7\xf9|\xf2C\xe9\xd7/\xdf\x88\x1d(Zj\x8fR\xadV\xaddU\x80U\xd1\x8b\xac\x0b\xd5\xf0\x7f~?\x89;\xf3\xb5\x97\xb9\\q\x01\x0c\x85\xd8\x84\xb0\xa6\x8d\x89\x04!\xa3\r\xee4\x94\xdb\xa7%;-\x84\x82\x0f\x86\xcb\x0fX!\xbfT\xa1\xc5\x04:R\xc7\xc5NDX\xc7G\xad\x96\xda&amp;Z\xc9\xf6\xf7\x8b\xf4\x15\xb3\x1e\x9c;4\xe8\xd4\xe1\xf2\xcb\xfd\xfd\xcd\xcd\xfd$\x98{\xa5\xc9\xa4\x1e,\x06\x9f@IP\x18\xe5\x06w0\xe8v\xc8\x8dPP1\xec\xffX\x01\xed\x10\x84\xf2\t\xf9~\x82\xc7A\xb4\xce?\x01\x96I\xdd\xadJNN\xa9\xba\xf5\x16\x0b\x9a\xa6\xc3\xa2)\xd7\x02\x9a\xeb\xdf\xae\xb1\x83\x90\x07a\xad\xaf\xd9e2L\xa6\x83\x01\xd7``\x8f\x930\xc8\x9aP\x08\x95\xcb\xe7\xf3G\x04\x10J\x05\xdf\xe8\xe5\xa0\xca\xf3@[\x9f\xce\x8f&lt;\xe2\xc1\xea`6\xdb\xdfm\xd3[(\xa5\x92\xb2\xe8U.h6\xb9\xb7os\xeb\x83\xc8\x12\x9a(\x93\xfax\'g\x90\xc9d:\x9d3\x0f\x83\x9b\xdb\x0ev\x8b$\x9d\xa4SJ\x92H\xf21\x987\x14\n\x19]\xe6`\xca\x80\xdestv~\xd48\xbe\xbc\\\xb0N\xaa\xba!Z`JM&amp;\xca\x12\xb6&amp;\xd7\x8b\xebI+\xa3V\x8a\x95\x1e\x8a25\x8e\xcf\x00\x0b\x83\x0f\xd7\xc9\xdd\xc1t:\xb8\xb8\x08\xfa\xca\xdb\x81\xcc\x8f\xa2\xa5\xe1\xd3F\xf8\x1f\xcdE\xab\xee\xe0=l\x1d\x9f\xc3\'^\xae%\x01K\xd4\xad\xc7)\x13\xbb\xa8J%&lt;\x15\xd6\xc3\xf8\x03\x96\xdeCyZ8\xc2\xd2\xb1\xc7\x94\xb4a:\x1dMG\xa3\x80\xe6F\x1e5\x9ea\xb1\x9c\xb4L\xa1#?N\xf0\xb8h\xd5\xa7G\xe7\x8d\xb3O\x97\xfb\xc3\xab\x80\xc5\x98=&amp;\x96\xabe\xa2(\xbcb\xf6x`\xd0\xa0p\xd0V\xcb\xc3T7\xdd4\xe8\t\x93\x19\xed\x8e\xe9 \xc2J/\x82\xa3G9\xfc\x8c\x85)\x8cq.\x14\x0f\\\x13\xad\x06`\x15]\x16K{\xbc\xbb\xdb\xacD\xe1Bd\xe0\xe4q\x8f\xc7\xe4Q\xe2b1\x8e\xb0\x1a\x80\xe5\x84\x8a\xa9\xc0\x8cv\x038\x8b4$\xd2\xed\xc8\xcb\xe98\xb8S\xc0\x92\xd2\xd0{\x84\xf4\xfb\t.L \xaf\xe7\xc2\x03Xg\x0c\x05X\xa2n5\x8e_%\xd1\x83\x8ek\x94\x10;\x1c\xf2\x08\x80\x14\xceT\xf7\x83v\xa1\x80 \x00\xcb\xe1pO\x07\x83\xd3n\x07Le4\xe4\xb0\xec\xdb\xd5\x04\x14\xd0\xb7e\xf4\xbf\xb99K\xe2Mx\x1a\xc7\x9f\xce\xcc\xcaJ\xbd\x00\xda2\x7f\xce!\x8b\x05\xea\xa7\xcch\xc2F\xbf4\x10\x96\x14&gt;\\\xa1\x93;\xe6\xa6\xa7\xa7\xdds\x0e\x18\xca\x8ct\x08aE4\x8a\x04&amp;\x15*\xbc\x1c\x99f\xde\x00\xde8?\xab\x8a\xc5\xfaz\x1ba]i\x9e\xf2x \x85(\x87\xe8\x14\xc2,\xc6M\xac\xb6\x9c\xa4T !\x00\xcb\xed\x86A\xd1\x90\xb7\xcb\xe9\xab\xc9\xc77#Q\xc8\x84d@\x065\xfe\x1a7X\xa6\xc6\xd1\xf0\x14\xa3f\xeau\xd8\x8a,\x16\x05U\xc2\x83~&lt;\xb8X\xcd\xb0\xd1j\xb5\x98d\xd4NK\xc9\x00A\xf0\x11\x16\xaa\\r\xb9\xd3\x08\x93\x8f\xaf\\\xce\xf4i\x152\xbeQ\x005\x9e\xabA\xf1\xa2\xd1\x10\xab\x87\x8f\x87\xeb\xcdq\x84\x85S\xf0\xe5AX\xb0\x19\xcdj\x86a\x0f,[\xad\xc6N\xd0\tXq\x1a\x939\xf3\xe8\xfe\xe0\x85S\xeet\n\xc1\x06"i\xf5j\xd1]\x07\xdf\xc7\xd5\xe0\x03m\xb1q\xdeP\x8a\xd5\xb6\xfaAJ\x15\xd6\xe3f\xdc\x02h\x14\xaeD\xa7\x94f\xdb\x03=H\x1faU\x92A\xa7Q\xee(\xe5\xe9+,;@\xd1\xd0\xadQ\xb42\xaf\xee\xb3X\xf4G\xae\xcet!\x8bP"\xa0@\xa9\xb3\xb5fA\xa4\x07&amp;\x8b\x85=\x7f@\x8b\x19~\x80\xa3\xaa\x8f\xb7.\xf4\xc9\xa0\xdc\x99/9\xf2^\x92\x96\xe7\rv;P\xa1\xd1\x1a\xb0|\xbbw\x1fA\x12uF\xdf\x1b\xee\x1eC&lt;&lt;\xc5\x8f\xc4b\xdb\xf9T\xad\xd6^Z\xb5P\x16\x84\x05\xe1\x02@33\xacWV*\x94\x89j\x99\xa6\xd6\xd3\xf9x&lt;\x0e\xd5\xd3k\x84n\r\xc1\xa2i)4\xea\x88?\x13\xea\xeb\x1a#d:\xb2\xfcf\x80\xbb;t\xde\xc3\x0b\xa5\xf8\xe8\xe8\x889)7S\xab\x15\xa0B\xf1\xc2\x11\x16(\x8bY\xc8\xa5\x0f\xe1\xaf\xe1\xe4\xcb\xc5|&lt;\x12\xd3\x82\x1f\xe5\xd3r;\xc2BT\x80\x15\x8a\xf4\xde\xe8\ry\xcb\xef\x7f\xe5\xf2%\x04\xaf\xe7\xb4\xa5\x84x1\xb5\xd0I}\ta!.\x04\x867\x18\x1bS\x9c6\x04\x0f\x0b\x85\xf6f\xba\x14\x17jGF%`\x94uH\xed\xb4\x11\xb0@[\xfe\xc8|\xd7\x9d\xd7\xbf\xfd\xf5\xd9\x00\xc7\xafY\x1e^P\x80\xd5\xd8\xf3g\x0eR\xab\x16v\xa14\x8a\xcd`\x97\xc5S\xeb\xfb+\xedT{9]"\xb1\xa1\x11\xb0\xd2\t\x85@ft^)K(\x9c\x99\x99\xe9\xeb\xbcqg\xfb\xd9WxS9pa23S{\xbb\xbb\xe5C6\x8b,\x15\xc2\x12+\x95JF\xb4\x14.\x1c\xee\x95hbht\x94\x9d\xf3\x91\x81\x01e\x01\x97t&amp;6?\xdf{\xe3\xce\x9d\xd7\xcf\xbe\xc6\x03\xae\x9e\x89\x8b\x8bw\'\xcf_e\x0e\x96\xfe\x87\x85N\xe6\xcd\xc8\xd6(\xf1\xd5\xa5\xf6\xf2\xd6S\x12C7&lt;Z\x02\xca\x93NG\xd3\xac\xe0\x031Mo/z\x80\xb6\xfdU\xb0::z\x1e\xfe\xe5\x97W\xaf"\'\x85U\x14/\x84eA\'\xf3\xe82\x83\xb1\xb6\x9b[\xa5|\\\x8aI\x1e\xc1P\rV\xd9\x88\x16\x82\x8ai\xee?\xba\x01X\xdfn\xff\xfcu\x9e\xe1ut\x0c\xfck\xf7\xc7&gt;\xdfaa\xe9\x8a\xcbbfoX\xa0Hd\x977\x0e\x9eJc\x81H\x0c\xb0F\xb5\x9f\xb1@W\x02\xa0\x1a\xbbu\xfb\xd6\xf5\xaf\x15\xad\xab\xfb\x8c\xd7\x9d}\xb0\x19\xdb\x05V\xf6b3b\xaa\xac\x86]\x1b\xff\xa5\xe5lc\xda\xbc\xae8\x1e\xe7\xb1\x8dgl\xec:\x1e\xf8]\x18\x81l\n*\x0fo\x8e\x1d-P \xc2\x81\xa4\xa2\xc1\xe4\x8b+\x19\xbb\xc6\xbc8\x88\xd9\xc4\xca\x8b\x13\x9bX1\xd82\x04\x86\xe9R&amp;\xc7@\xa3\xc5\x91\x9c7\xba\x94\xe1\x04-\x89\x15\xa4 M\x95\xa6\xae\x8d\xa2\xa4d\x9a4\xadI\xb6\x0fSKD\x94\xa5\xd3\xce\xb9f\xdf\xf6aky\xee\x07\xbe\xf2\xd39\xe7\x9e{\xees\xff\x7f\xa7\xd3\xa9\x98\xa8\x86\xf6(d5]$\\\n\x91R\xa4\x10)\x84t1&gt;\xacP\x14\x8b\xf5)cX\xe5\x0b\x9f\xaa*\xfa\xa73\x0f|\xd1\x89\x99\xbd\x80\xb5w\xa6&gt;\x18u\x8f\x84\xd3\x893\xe9\xd4\x98Pd\xf3\x1a\xcbj\xba\xa0\xe6i\x19-\xa4i!\xa1\xc2\xc7\x9e|\x0e\xc5\x18\x16\xbf|\xe1Q\xa1\xc0\xdf\xf3\x10\xae\xfd\xbe`\xfd\xdbo\xd7\xf7\x05\x1fd\xc3\xa1P&lt;\x94\x88\x9b}\xf1c\xc7B\xe9\x88W$#\xdf&amp;\xf1\x0b%\rTV|=\x07,\xce\xa5\x05\xc6\xb0\xe6\xbe\x98\x15T\xf6O\xa7\x1efB\x0f\xe0\xca\x18\xf4eS\xa9t:\xee6\x8f\x8c\x9c\xfe\xf5\xe4\xe4d(q\xf8\xa0W\xadT\x00OM{{;\xc0Y\xf1=\x18\x1f\xa99\x057\x1a\x99\xaa\xad;W\xafU\x14zN%\xa7\x93\xa9\xb0Y\xa3\x19YI\x05\x02\xe9\xb0;84\xf9\xf1\x99s\x1b\x1b_\xed&gt;y\xb2\xda\x08\xcd\xca\x01\\-\x1d\x1d\xd6\x9a\xf6\x0eTw\x11.\xdd\x15\x17cX\x9f\xcc\xceV\xf8\xed\xd36[ \xe4\xd6\xfb2\xc9H$\x12r\x8f\x84\x8e\xac\x92u\x02_\xcdaA\x1aiY\x8d\xb5\xa3\xa3\x9d\x04\x8bH3(.SX\xfc\xf2\xa9G\xaa\n\x15l\xc6Sv[j\xb13\x9b\x8c\x8c\xb5\xb5\x05\x12\x87O\x9c\x00\xa6W\xb0\x9e\xaf\xaf\x97\r\x0f\xb7@\xd1\x17\xcb\xa0\xac:\xac\xd2|\x82\x05`\x94\x809,h\x10\x05\x05\x82\xc2k\x97\xfa\xed\xdd\x99p\x08\xa8\xaa\x01kc\xe3\xf5\xe6\xe6\xe6\xeb\xbf}\xff=\xd2U\x8b\xe0FF\xd3\n\xe8\xacV\x08\x16\x1b\xc55\x98F\xc1\r\x17S*\xf0\xe5O\nt:AA\xdd\xb5Y\x8f=\x90\xceD\xc6\x0e\x95\x06\xc2\xd1\xa1/o\xdf\x83\xf5\xfb\xcd\xaf7_o\xac\xc2\xc8\xa5\x15\t\x15J\xe8\xacV\x14-\xa2\x14\x89\xcdfS\xaa\x1b.\xa6\xb6\xe2\xdc\xd5\xc2\x02\xc0R\xcd\xd6\xd5\xd9m\x018\x04k\xc7B\xce\x89\xfa\x99\x99{?\xbdw\xefW_\xff\t\xb1`V6*\x84"\xed`\x154\xd2wrX\xc0\xc5\xba\xb6\xc4\xd4N\x04,\x95@\'P\x15\x14VTx\xec\xb6HLi\x8c\x85\xf5\x13\xf5\x13}\xef\xdf\xbe}\xfb\x0f\x9b\x84\xcaK\x1e\x11E"Z,\xcdI)!\x8d\xec\x9d&lt;\xf9\xa5%\xa6j\x8b\xef\xba\xa2\xe2Bu\xa9\x04\x82\xca:O\x7fO\x8fV\x1d\x8b\x9b\xea%\x9a!\xf3P\xf3\xe9\xdfl`\xa8\x08\x94\x10N\x1f\xba\xbd\x08_6\x91\n\xb1\xb8\x8f\x16\x9a\x18\n\x16\xbfq\xa9B,\xd0\xe9TP`\x85u\x9eA\x8fG\x1dK\xb95\x1a\x93\xf9h8\x9e\x8a\x8cy\xab\x95"\x82$\x84c\x07_\xa7w\xb2)"\n\x04\xb2m\x93H\xfd\xb7C\xf1\x9bk\x02T\xed\xa3*]U\x81\x9a\x1bud\xc5\xe7\xb4t\x86C\x89\x98\xd6\xe3\xf1\xc3Q\x08\xc1\x82\x13\x1a%\x19\x1c\xdeN\xa8,\x8a\x87\xdaN\x0ec\xfd\x01\xb1\xa6\x1eqY,b\x9a\xd1\xe9\n\x04(\x06\xf2&amp;W\xdcfKg&lt;1\xa6\x1c\xf4C\x1b\x15A\xc4D\xc2\xe2\xaa*\x98\xfcx\xa8\xef$\x1e\x08\x1e\x076"s&gt;\xa4\xd1\xab:\n\xa7\x14\x8a\xc3\x92\xeb\xb8\xdcvq\x15\xad\r\xc4\xcd\x1a\xfdH:\xa0v\xd05B\xb8\xf2\xc0\x08?X,\xe6\xca)T\xc3\xb2s\x8b\xc7\xba\xf4\xa2\x911,\xa8\xf9\x8a"\x8a\x95O\xe1b\xc9\xb9\x02\x81\xb4\x9d\xf6\xa6\xcc\xf5}nh\xae^\xa5\xc8x\xa8\rn\xd3j%*\xb0\xa9\x9c\xed!\x87%\xbf:\xc5\xa0\xff\xaei\xe1\xaa\x98\xc5\xcaG\x9b\x11\x8f\xc5\x95\x0bt\xdc*\xba?\x99\r\xce\x04}\xf1\x04\xd4|[\xdbX$\x12S\x0f\xb6\xc3\x94\xcccou\x07(x(\xadQ&amp;m\x81MK\x1e\xf8\x8f,\xa23\x97\xeb\xa0\xb7\n\xfc\xfd\xb6L\xb4/\xea[\xcc$\x02\x87#c\xa58\xd2\xfb\xc5:\x1d\x8b\x83\xe6\x1a,-\x0e\x87G\xcd\xbehd\x10\x8b\xcf_N\xd6\xc9)T\xe5sXP\xf4\x80U\xe8\xb1\'W\xb2\x8b+\x19|\xcf\x8f\xd8\xd4Z(\xfdJ\x1dl\n\n\x8f\x1c6\x87\xc2sZ\xf7h\x99Q\x0f%\x7fn\xb1\xbb\x02\xfa\x03\xf1\x8d\t\xf0\x80\xc4pu\'3\xc9@ \xe6\xf5z\xed\x1e\x87\xbfJ,\x06l"\xaf\xa6\xd88\xd4p\xa0\xc5\x8f2k\x08\xfc\xce\x979U\xa8\xe3\xa2\xad\x0e\x9a\x04z\x13\xa1{\xd9O\x9d\xb2A\xcf\xf7x\xb4\x1e\xbc\xabJ1\x98\x10#\x1e\x9b\xe2\x11oT\xc1\x17\xa3\x8c\xba\xee\xf2\xf8O\xfbF\x1e\xda\x05r\x1df\x12S\x85i\xac\xf4\xf7\xc3\x02"X\xe4\xaaJ\xa1\xbb-\xa7\xaeF\x1d\x12w\xf6\n\xb36\xd8\xbc&lt;\xd7\x8c%\x9b\xb2W\x91xm9\x00\x0b\n*\xe1(\x9a\xad\xac\xc2\x06+&amp;\xa1\xc2\x1eJd\xb9\x80\x95\xcf\xf5\xf7_a\xd6\x05\x0b\xc7\xe2&gt;\x8b\x0f\xf2\xe8\x17\xe8\xb0|X\\\xe0\xc3L\n\x04*\x81X\xcc\xe5r\xa5\xb0\x1d8\xbc\x9c\xb1\r\xc6\x19\x8a\x93o\xad\xf4\xd8\x9f0\x8b\x95\x97\x07XN\xbd3k\xab\x13c\xb0\xe4h\x94\x01\x10\x96\xbc\x08\xe0\xb8\xb8C1\x83lb\xbc\xe3@s\xa7\xf2\xa5U\xb4\xa7\xe7\t\xe3\xd1\x9a\xb1\x98\xf4\x9a\xe8J\xb7\x9f\x8bYd\x11\x0e\xd2\xf4\xf1H\xa2(r\xf9"6E,,V\x91\xb4\xbd\x18\xb1\xf8LGk\xa6\x19\xb8\xf4\xbel\xb7_L\xb8\x90\x05gu,s2_\xe1\x90Lr\x08{\xb1\xa8\xc8\nX\xda\x9e\';\x98\x8e\xd6\xde\xe3\x16\x93\xd9l\x8ef\xa7=UR\xd8u,\x0ev\x02b\xe2\xe4a\xafB\xb2\x9fla\xe5\x17\xc1]\x91\x1e\xecg&lt;Z|\xd7\xbef\x8bE\xeft:\xe1Fm\x83\x1e\xc5\xe5\x92\xc4\x11\xc7+\xf2\x113H.\x89\xef\xe4K\xad]]52\xc4b\xb8\xb6v\xb8\xf6\x1d\xb7\x00\x97\xde\x19\xf5\xb9W\x92v\x0f\xb4V\xee\x7fj\x0c=\xc2\x1c^\xce\x03\x95_\x04\xcbjmi)\xa6\x1d\xfd6\xc6k\xcb\xb5\xaf\xd5\x04i4\xa1\xe0\xce\xbd\x98I\xf6\xd4A\x03\xc5\xad\x88[\x92\x8c3X\xea\xf9PSVb\x18\xa9)\x16:\xd4\xb6\'M\xccb\xedx\xba\x85\xe5\xc4ev\xc7\x01\xcc\x83\x9bR\xce*\x82I,\xb7)!LU\xa8\xfb\xeeB*Z\xa1T{\xff\xe2b\xd8#\xfft/`\x19L\x90H\x9f\xd9\xa9q\xbaG\xb2\x99d\xac\xdf\x81\x9f\x8c\xacR\xa9\x14\xffXa\xf7\xc9\x8a\xd1\x89\xd1\x05)\x1cth\xd5\xde\x87S\x0cb\xe5\x95\xbb\xbe\xfb\x99\xa6\xf5x+b\x99:;\x9d\xce`\xd47\x12\x8e\xa7\x130=h\x1d\x834\xd1\xdd\x11M\x19~\x15\x84X\xd5\xc8\xe8A\x11`M/0\x88U\xfe\xf4\xcb\x7f|u\xa1\xd5`0\x10\xa10d2\n;rq1\xbb\x92N\x05b\xb115\xde\xc7d\xc8\x06\xc1j\xa9!J&lt;\xa1\x03\xa3\xd5\xfd\x98\xfc~\x0b3\xc1j\xfc\xe3?\x7fw\xe2\x82I\x02\\\x06\x80\xd2\xeb5(\x9b\x82\xc14\x1b\x0f\xa5\x8e\x05`4\xd5\x02WY\x99L\x96\x13\x07\xa2&lt;P!"Xw\xca\x9b\x1aa&gt;\xcd\xdb\xfe=\xc8w\xcd}\xbb\xfa\xecps+b\xc1M\xba\xd3\xa2G\xd9T\x1f\x01\x8b\xa7\xd3\x89H\xac\xedP\xb5\x11\xdf\xd0e[\x8b\xc6o\xbb\x0e\x94g&lt;Y\xfe\xe6\xcd\x9b\xe5m\xff\xdd\x16&gt;P\xad=~\xb8\xbe~\xae\xf9\xb8Ab\x90H\xf6k\x9aMz\x08X\xdfD0\x18\x85\x1e\x16OC\xbcbc\xa5pM\x84;\xb5\xb0\x8c\x16\x96\xe1\x1b?\x8aY\x00\x0b\x1f\xcd\xd6\xd7c\xdf6no"\xf9\xfcr\xd7\xda\xdaR\xf5\xc5sGM\x98B\xc0\xda/\x91h4\x12\xc9\xc4D_0\x184\xfbF\xe2D\x9c;\xd6v\xc8(*!@\xe4\xd2O\xb0\x90K)\x1bn\x19~\xf5f\x9b\x1bE\xde\xe8\xe5\xf9\x0f\xfe|\xf1\xe3\xa3\x17\x8e#\x14.H\xa4DR__?11\x11\xf4\xf9\x88\xc0:\x10A\xd9\x03\xe1\x02\x1e\x05\xde\xfbKD\x0e\x12.\xadC8\xdc\xf5\xec\xd5\x9b\xc6\xed\xab/&gt;\xbfi\xf4\xee\x07\xbbv\xddIL\x9e\xbe\xd0\xfa&gt;\x84\n\xb14\x12\xbd\x1e\xfe \x17v\xfcp&lt;\x94\x86\xb2?\xd8VZ][[R[k\xac-))\xc1/J"\xe8\x10\x00\xa6\x1cT\x0c\x0f\x1fX\xfdW\xd36q\xe1c\xcf\xe7\x03\xef6\x9c\xbd\xb5\x1c\x9f&lt;\xddl T\xfbsd\x1a=\xe1\xea\x0bF\xe1$\n\x87\x12\x01\x14\xaf\x1c2\xd6\x02U\xb5\x91\x18DD[R)\xb5\xd2\xa1({v\xe0\xf9\xc6Z\x13\xe41\xef\xc7\xb7P\x80\xba&lt;\xffnCC\xc3\xc0\xcd\x97#\x9dP\xe8\x90;\x12/\x8dD\xa3\x87\xa5A\x8d\x19VW8t\x86hj \x8dF#\xbe\xdb\xa1\x17\x03\xb1H\xd5{\x08\x16p=v\xfd\xe8\x1f+\x82H\xdd\x9f\x1f\xbf\xbc\xa7\xa1\xe1\xad=\xf37\xd7\xe6_\x9a\xd1]\x90\xabx \xc2\xde54\xa4\xd7\x07\xfb\x9c\xd1\x1c\xd6\x87\x87\x0f\xa2\xbf\x07\xa8J\xd1\x15%"K\x89O\xc3\xcaA\xa4\x82\xb5\xfaf\xd9\xd5D~\x8b\x8a\xffC\x03\xd5x\xff\xee\xfc\xe5\xcfv5\xbc50~\xf3\xe6\xe7\xe7\xcf_~\xe9l5\xb4\x1a\xb6\x8a\x0bO\xc6!\x0c\x98\xdei&amp;\x87\xd0\xb9#\x1f\x9e\xd8}\xf1$\xae\xd2\x1cV\x89\xa8\x84\x80\x01\x96\xf0\xd9\xb3\x03\x08\xf6\xfc\xf9\xea\xdf\xef\x8c\xfe@0\xc2t\xfd\xfa\xf9\xf1\xf1\x81\x81\x8f&gt;\x1a\xef\xfd\xc5\xda\x9e[\xe7\xef^\x9fz\xa97\x184\x18,&lt;},\x9d\x9d8\xe3h48\xe4\xc4Cg\x8e\x1c\xfby\x0e\xab\xb4\xad\xad\r\x15#\xc6\\\xbc\x94\x0e\xa8\xac\xf5\\\xb0\x08Xliaj\x14c\xb6\xe3\xff"\xe375\xdd\x07\xa8\x86\xcfz{\xc7\xc7{{{o\xae\r4\xfc\xf2\xfa\x9e=\xb7n\xcd=\xee\x83hawhm5Y\x9a\xa1\xd6LN\x8c\x96\xfb\xe8$\x1a\x00\x01k\xf7\xc5\xd2\xd2\x8b\xbb\xd1\xb8r\x12\xcb\xbe\x04\xeb^\xa9T\xe4R\x98C{&gt;}\xe5\xb77^\xbc\xf8\xeb\xd4]\xec\xaf\xff\x1bX\x1e\x16\xd4\xfd\xf7\xde;{\xf6\xdf\x85\x9cOh\x1b\xe9\x19\xc6u+\x14\xca2;\xb7\x1ez(\x14\xb2\x07\x9fzH3\xa2\x8a\x02UE\xd9\xd8\x87\x84\x954\x8c\xa0\xd4\xa5\x13f\x83\x9bCr\xf0\xc26N\xa4\xf5n\xcc\xac\xd7\x833\x92\x19\x1f4%2\x8c\xd4\x85\xd9\x92Q\xbd\xb8`$\x94\xb5\xaaD\xc8\x8aVr\x85\x82\x8a-\xd56$v%\xcbm\xd8\xec\x9ad\xfb\xbc\xdf(\xcdB\x97\xf6\xb553\x92e\xcf\xcf\xcf\xf3\xbc\xdf\xf7\xf9\xcf\xc8\xafk\x9a,[fNB\xb8\xd6\xe2I3\xbe\xb6\x96\xc8?\xba\xfd\x03&amp;\xd7\xeb?\x87\x87\x17/`-\x81|\x05/\xbc\xbb2\xb74\x0f\xb5\xa6\xa1\xd7\xe9\xd3\xe7\x111\xc8\xf5\xce\x8f\xd90\xf1\xab\xef\x7f\xef\x95V\xa0\xfa\xe5\xc7\xab\xabx_M\xff\xa9\xfd\xfb\x85\xb3o\xfc\xffWR\xa2\xbf\xfd\x9e\x85P\xa0\xf2\x87\xe4JSV\x15\xc1\xef\xf3\xa3\x11\xd7\x92V2Ae/&lt;\xfa\xf0\x12\xcd&gt;g\x18\x16\xa6\xc63g\x80uue\xee\xee\x8d\xcb\xae^\xd3\xe7\xc1v\xe7\xce/(\xfc\xec\x82\xad\x1f\xbd\x82Z\x7f\xf3\xf1\xb3\xdd\xd5Q\xa5\xd3\xbdX{?5\xfb\xbf_\xe3\t\x81:w/\x9f\xcf+J\x92\x0bE\xe4\xce\xb6\xaa\x84\xfc~\x7f(\x14\xf2\x0b\x8a\xa5\xd8k\x8ck&lt;\xff\xe9\xed\xd7ip8\x83\xba\x18\xa4\x9f\xcfN\x05/\xcc\xac,\xde\\\xbaAX\xd3\xa7\x99d\xd0\x0cr\xbd\xf3\x93\xd7^\xfb\xe1\xdf\x1e\xaf\xa3\xde\\w\xeb\xd9\xe7\xc0I\xbf\xe4Jgz\xb1\' \x9b={\xee\xdb_\xec\x86\xcc\x1b\xcf\xabE\xad\xe0XRN6\x0cK\x08\x01\x89\xb0$\xa4^\x8f\xc7\x13011\x9eH\xa4\x1a/n_z\x89\x85\xd4_D\xb6\xde\x9ey\x8f]^z\x85|\xbcB\x9a\xd1\xff\xb3\x90\x91\x8f\xbf\xde\xdc\x1c\x11\xado\xaeo&gt;\xdb\x05K\xba\x97\xc9\xf4h\x9f\x89ep\x84[\xdb\xab/\xe4\xef\xfd\xd7/\xe7\x08j\xb6Z\xd4J\xa5\xa2\x9a\xd3e\xcd\x90%\x92I\xc0-\xa4#\xf9J\x88C\xb4\x88+a7\x1a\xf9\xd4\xa3\xa7\xd7o\xfd\xfa\x14\x19\x19\x0c^\x0b"\xf2\xef-\xce\xc1\xc4-p]\x99\xa4\x81\x82\x02v\xfe\xfd;w\xbe~\xf0`\x93\xb86\xdd\xfa\xacNR\x81##\x8a \xcb\xc4DV\xb4\x8b\x86\x03\x91\xfc\xbds\xb4`\x1cM\x03o\x9c\xfd\xcd\xac].\xed\xd4:\x055\x17\xb24C\xb3\x88\xc7OZIhE]\xc2=\x1e3\x90om\xcd\xae6R,bOo]\xbft\x1dd\xc1\xa0;\'\xba\x97Vom\xcd/\xcdO\xbe5=\xfd\xd6\x07\xbf\xbb\xf2\xd9\xc6\xc6\x06\xc3\xda|\xe0\xd6\xf3:\x80\x80%\xc6\x00\x14\xc5\x96v\xd1h8\xeaV8\xe0\xcd\xe5\xef\xb9\xeb\xc5\xef~\x07\x89J\x96K\xfd~\xb3\xa9\xc9\xba\t\xffT`\x08&lt;\xc7!Y\x92|\xac\x83I\xe2}T\xd0Kq\xaa\x89\xb5\xb8\x9d\xcf/\xbc\xc0*\x90.\xd0\n^\x83\x85\x98\xaa\xffp\xe3\xc6\xfc\xfc\xd2\xdc\xcaGKt\r\xd9\xe4\xe5\xad\xa3\xfb\xf7\tkT\x1b\x0f6\xfe\xd5\x8d\xa1\xd2\xabi\xb0\xc42\xd8\x88\xb8\x8b]\x98*\x10`\xdb\xb0wa\xf6\x9c\x1b\xa9\xa4R\xa8\xf4KUE\x92$\xf2/G\xa1\xe2\xfc&gt;\xde\x17\x17d\xcd\xe4\x112\x1eN\xb2QL+i\x8e\\,\x16\n\xc5F\xa1\xd9\xa4+\xa3Na\x198s\xf5\xa3\xc5\x9b7\x97\xee\xce\xad\xbc\x1b\xbc\xb0\xb2tyrr\xeb\xe8hy\x99\xb0X\xdd\xc7\xdb\xc6\xf3\xe1\x13\xd8\x05\xa5")\x87\xda\x00\x00\x04\x1dIDAT\x90)1\x1c\x163\x84\x13\x85{\xd16\x98\xbc^pE\x07\xf5\xc3\xc3\xc3\xe1\xb1\x87\xc6\xa8d\xb9\xb9S\xb0\x04\x18\xa6\x02\xca\x14\x80\xe4\xe7\x08+\x1ewJ\xd58\xa7\xe8\xf2\x9ea\x18\xda\xb1\x86\r\x1dh\xc5b\xb9\x8aJ\xa5\x1a\x0f\x1fb\xd9|\xebm\xfc\xa4\xb1\xb8\xb82\x13\x84~\xbf\xbdzw\x9e\x98\x96\t\xebU\x1d}5\x80:"B\x15\xcd SQ\xafW\x8c\x81\x86I\x14fX\xde\xc0\xe0\xf0\xe09\xb0\xea\x03\xcf\xb8\x9d\xaf\x16\x9a%G\xe1\x91m\x84J\x95\x04`q\x1c\xef\x83\x89\x9c\x89\x0f\xa09\x8d\x92&amp;\x9bJ\xceRUS\x92\x14\x05\xaa\n&gt;|\xd4\x97/7k\x7f\xfe\xf4\xc5S\xcc\xd4\x7f\xfc\xcb\xcc\xb5\xeb\x1f\xfe\xec\xa7\xffx\xd8o\xb5\xa6\xb2cS#\xace\x97\xef\xe8\xa4\xdbf\x96\xa5cQ\x91\x12\x1f\rL\x04D\x91iD\x05(o{xp0\x1c\xec#ha\x8f-\x95K\x952\x06*4\\\xa5\xe3\x08\xbc\xc0\xf3p\r\xfeq\\\\Acj\x9dNC\x11\xe2\\\x9c7\xab\n\xcfS\xdeP\x82\xc0\xfb%\xb5T\xab\x15\xf2\xb6\x9d\x7f\xf4\xf4\xef_~\xd9\xef?\xdc\xd9\xe9\xb7@\x04\xa4)\x865\xb5\xccv\xcb\xad\x93\x93a\xb7^O\xf7\xd0{"R\x05\xbc\xa87\x12\t`;A@D\xd7\xee\x1e&lt;\x1f\xee{\xe9\x81p\xd4S-\x96\x8a\n\x0f\rd\xa3c\x98\x1c\x960\x02\xe7\'\xa9\xe2&lt;o\x96:%\xadh&amp;\xb98\xeep\xa6\x0e*\x9e\x13X\x8b\x86\x04I5j\xb5\xa6\x9a\x94\x84x\xdcvZ\xd9lv\x0c@c\xa8)\xec_\xd5r\xb6\xb5-G\xa0\x05R\xb3\xbb\xbb\x8a\xd6c]\x18\x06V$,\x86\'"\x13D\xb6\xdf=&lt;\xf8j\xcf\x8b\xe3\t\xba\xef):&amp;\\\x93L\xad\xe6JE\xe6\x08\x9c\x0f\xe3\xba\xaaj\x15\x04\x8d\xcc\xf2\x91\x82\xbaIB\xa2B\x90\x0c\xe3\xc6\x17\xad\x8e\xa3\x08d\xb9\x10rZ\x0chy\x8aQ}\x93,\xdb\xaa\xc8\x91\xc8\x04"\x14\x8d\xf6\xea\x87\xbb\xf5Oz\x19\x92,\xe0\x9d\x88\xe4\xbcQ1\x00\xba\t\xf2\xef\x04P.\x16@=\x96\x00\xa9\x04\xabR+Uy\x1f\xac\x812&gt;^W\x11#\xd9\xa8\xa8\xbc\x1b1\x1f\xe7\x13\x14P\x01\x02X \xf7+F\xab\x86\x1e\xc5xK\x9c!-;\xc6trw\xa4\x9a\xab[\xabV\x91\xf5\x1cN\xe6&amp;[|\x02+\xeb\xbb\x1f\xf7bP\x0b\xb2D(^\xc0\xe8"TP4\x10\x1e\xc9\x15\xf1\x08\x82\xa4HN\xbfVT \x12\xce\xab\x98\x98i\x1cY5MP!\xf9D\xe5bA7\x9ea\xf1\x82d6[}\x04\xd2\x1d\xda|\xfe\x90\xc1&lt;tY\xc6FLc\xd9Z\xa7$[9R\x03\xe9q\x9b\x0e\x83\xc1\xa0\xfe\xd7\xddO\xc8=\xf2n\xd0\x13\x03\xfb\xdbG\x90\x8a\x9e\x16\x0eS\x0b\x00\xcc#H\x82\xa2\xd5\xfaN\x12g\xa3%\x9f\xae[\x96\x05o\x88\x8a\xc7\xf2\x810\x80E\xa1\xa2#t\x03\xbe\x11\xab\xd2\xea\x98&lt;\x97d\x0f\xa0u\x05\x17k\x94,\x97\xa9\xd514Y\xcd\x11\x15\x8b\x8b\xcbEhb\x0f\x92u\x07{{\xdb\xa8n\xb7~r\xf4\xc5&gt;\xd5\xf1` \xba\xcf\xf3z\x84\xa4i\xd4*&amp;u\x16\x9d\x90\xce\x01\'\xfd\x8aV)\xb3A\x80\xe7\xfdtrv\xc3\x13\x10&lt;\xcc\xdc\x95\x16}F\xc8\x87\xe6@\xf6%\x89\x99\x98\xa5\x1as\x0fZ\xb5\xa6Sv\x1c\x8b\xa8\x18\x96\xdbp\xac\xa0\x18\xcc\x1c\x0e\xb7\r\x8c\xcfr\xe7\xe0\xe0\xe0\x84\xf8\x0cP\x0e\xeb\xdd\xbd\xbd\xbdv\xbb\xeda\xb1R|\xc8:\xcf\xa4!\xa78\x9fn4u\x9eZ\x92\xe3G%0e\x18\x97\xde9\xaa\xc9$*)\xab\xa2,}\x1bi\xca\x8e\xaa\x05\xef\x9c\xaa\x89 H9`MD\xfeC\x06\x19\x02^\x16~\xc8\xe6\x8d`\x86\x93\x8c\x9a\xd1n\x0f\xa0\xdc\xb1\xacG"\xed\xee\xde1\xde\xb6\xbb\x9e\xd9F\xb31&gt;\x8e\x85\xdf7*1\xde(\xa4h\xf7-e\xdbvy\xa7_h\x14\x8b\xc5F\xa3Q,h\x1a\xa6!G\xeb\xef\xbc\xac\xc2?S\xb3\x98:\xaae\x0ch\xb6\x8d\xd1CH\x92\x03\x12\xa9J\x95\xcb1\tsB&lt;a\xdb\xa9f\xd1\x16r9Ho\xd3\x97\x96"\xf9d\x12\x0b&gt;\xf3\xdf\xb8#\xe0\x9e\xac\x87\xfdh\x00\x00\x00\x00IEND\xaeB`\x82'</t>
        </is>
      </c>
      <c r="M259" s="3" t="n">
        <v>45492.6761574074</v>
      </c>
    </row>
    <row r="260">
      <c r="A260" t="n">
        <v>870691</v>
      </c>
      <c r="B260" t="n">
        <v>2020</v>
      </c>
      <c r="C260" t="inlineStr">
        <is>
          <t>Bruno Pacheco</t>
        </is>
      </c>
      <c r="D260" t="inlineStr">
        <is>
          <t>Bruno Pacheco</t>
        </is>
      </c>
      <c r="E260" t="inlineStr">
        <is>
          <t>LE</t>
        </is>
      </c>
      <c r="F260" t="inlineStr">
        <is>
          <t>LAT</t>
        </is>
      </c>
      <c r="G260" t="inlineStr">
        <is>
          <t>LE</t>
        </is>
      </c>
      <c r="H260" t="n">
        <v>174</v>
      </c>
      <c r="I260" t="n">
        <v>6</v>
      </c>
      <c r="J260" s="2" t="n">
        <v>33579</v>
      </c>
      <c r="K260" t="inlineStr">
        <is>
          <t>Left</t>
        </is>
      </c>
      <c r="L260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194b918-45fd-44e5-8d15-e3e6b229a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8\x0f_q\x00\x00\x00&gt;tEXtComment\x00xr:d:DAEewil2SDw:3048,j:4010854548617000738,t:23080814\x1a&amp;b^\x00\x00\x00\tpHYs\x00\x00\x0e\xc4\x00\x00\x0e\xc4\x01\x95+\x0e\x1b\x00\x00\x03\x00PLTE\xff\xff\xff\x03&lt;\x8e|=-\xb0dO\x0c\n\x05\x11\x12\x0c\xcb\xc7\xcd\xfe\xfe\xfe\x0f\x10\n\x0e\x0c\x08\xce\xc9\xd0\x9eQ?\xb2hSv;,r9)\x11\x0c\t\xc1\x15\x1a\xab\x10\x13\xbbvc\x80A0R( \xbb\x14\x19\xc1\x1b!\xaf\x0f\x12\xadbN\x029\x8d\x8aI7\x86E4\xfd\xfd\xfd\x15\x0f\x0b2\x16\x0fX)\x1ehA;\xc7\x1b!\x15\x14\x0f\xb7kWU%\x18\x03&lt;\x93\xa7ZFk8)\xa7\x0b\r\'\x10\nl4%g1$c.!\x90L:\x81;)d4(\x92H5\x96K9{8\'\xd1\xcb\xd2\\2*&amp;\x17\x12\xa0TA\xa0\t\x0bv5$W.&amp;P!\x15\x92P&gt;\xa4WC\xc3\xbe\xc5\x1d\x13\x0f\x99\x06\x08b&lt;6\x97SA\xab]H\x87?-\xae_K\xbe{gK$\x1b\x91\x03\x04\\&amp;\x19\xc4\xc1\xc7A\x1b\x12\x8bN?C"\x1ae8/\xa2^Kq5%\xb6r_\xb5gR\xb3n[\xaefS\xb6\x11\x13^/$I\x1e\x12\x85J&gt;\xa8_L7\x1d\x16l/ N.\'\xb0kX\x9aWDm&lt;18#\x1e\xb2\x14\x17\xb8o[\x9fZG\x9aO&lt;\xbbr_\x81E7\xc3\xb9\xbf\xb1\xa7\xac\x8fF4.\x1d\x17\x87\x03\x04\x027\x89\xd3*1\x02-r\xcb!\'\x8bC0\x01\'h\x1c\r\tT60\xef\xee\xee\xc1\x81n\xc7\xc4\xcb\x08\x04\x01\xbd\xb7\xbc\xb2\xae\xb2sRO=\x16\x0czC7^+\x1e\x022zr@6\xc7\xc2\xc8\xa8dQ\x04G\x9d\x90SE\xf4\xf4\xf5Y&gt;:\xb8\xb1\xb7\xa2\x9a\x9eI)"\xa6\xa1\xa6r/!p5,e(\x1b^60\x9a\x94\x99\x03B\x98\x1b\x1a\x14\x024\x83^D@\x9cJ8\xa2`S?)%\xc6\x8ax\xaahY\xc0\xbd\xc2mGB\xe3\xde\xdejMI\xaf\x9f\xa51\n\x04{J?\xb8\x17\x1b\xf9\xf9\xf9\x05C\x91pKHgGC\x9aZL\xa2\x10\x12\xe5\xe7\xea\x93\x8d\x8f}\x03\x04\xd3"(\xc1\xb0\xb2\x8fXK\x05\'Z)W\x92\xce\xb1\xb5\xa4\x8c\x93\xce\xc4\xc9\x83RH\x11K\x8e\xd5\xd4\xd5\xb4\x95\x97\x1f!\x1e\xc2\x9e\xa5s\x02\x01G30\xb7 (ydc|\x8f\xabQOM\x81~\x81wuu\x8a\x86\x8b\xce\xbc\xc1\xc2\x88\x8f\xb5.8\xaerc\x99`S\x9dh_\x08\x1fJ01,\xb4}q\x118h\xba=D&amp;("\x9f\x7f\x84]YYBEC=h\xa0H\x11\t\xc7y\x84\xb1\xb8\xc7\x93DH9&lt;6O@@\xa66B\xb4\x88\x86D^\x7f\'Cg\x9e\xb0\xc8\x8fe_\x8brs\xb0]h\xca\x95\x98\x9bNT\xc1+3\x897?\xa0\xa3\xb7Z{\xa8\xa3?Pn\x83\xa0\xb2NR\xb7w|ffi\x10B\x85\xdbPcRq\x9a\xa4+1\x8e\x9e\xb8\x91\x1d#\x8a]S\xd3\xd9\xe3\x9avslZa\xa9\x1b!\xa1")\xd5h{\x9ddw\xc1jr\xe6au\xdb\xc3\xc2\xc2U^\xa4Lg\x92--\x8c\x10\x13\xbf\xcb\xda\xdeZn`\x01\x02\xa9\xa3\x06\xce\x00\x00 \x00IDATx\xda\xcc\x98\xdfKb\xeb\x1e\xc6\x07w\xce\xd2it\xc1\xd4\x85\x98k\x15\x8bP\xfc\x95?N\x8a\x99G2\x0f\xe2V\xcbH*\xb5_\x9cD&amp;\xaf"ef\x1a\x95\x90r\xb2\xa6\ti&amp;l;g\x87\x9cb\x82\xd3\xd5 \xc2\xb01\xbb\xa8\xc1\r\x92W\xee\xab\xf9\x07\xba\x1b8\xff\xc1\xf9\xbe\xef\xb2\xa6?\xe0\xac\xf6~\xd2EE\xd0\x87\xe7\xfb|\x9f\xf7\xadG\x8f\xfe\xcf"\x08\xf4Fz\xf4\xd7\x90\xacD\x10%Y)\xb1I\xfc\x85\xb0d\xe5\xb57\xe5\xf2\xdey\xadv\xbe\xbdv\xf8\xf7\xc7\x8f\x8b\x9b\xb2?\x93\x07\xf9B\x10\xb2\xe2\xc5\xf9\xd6^\xad\xc1\xe7\xe7A\x95F\xbd^\xdd*\x96\xfe\x04\x9av\x82\x80\x08is\xbbvs\xdd\x04*\x01\x12&lt;\xf9L\xf3\xf4I\xe9\xa1\x99J\x89b9\x91Hln~*\xbfx~\xba}xXk\xd6\x19FpO\xc0\xb5W~P."Q\xfc\xb9V\xbd\x86\x1c]\x9c\xdf4\x9b\x8d|\xa5\xdel\xe5\xf9X\xf7\xb8\xf2\xd7o6\x89\x07\x0cSqk\xbb\xd6j5[\x15&amp;\x9fg\x18x!!$\xfe\xdd\x03\xab\xf5\xfc!\xb1J{\xd7\xdb\x17\xd5z\xbd\xc1`\x7f\x18\x16\xa5m\x11\xff\x9ei\xf9\xeb\xa2\xec\xa1\xb8\x12O\xd6\xaa\xad\xad\xbdk\xa0bi\xf8\xf7\x03\xc5g\x98\x1f\\\xfc\xfcM\x99x \xab\xb6[\xf5J\xf3\xb4\xd6\xca3\x82;,\xa1\x00\xbf\x91s\x08\x0b\xbd\xdb\xb1\xaf\x16\x89\x87i\xcdf\x1e%\xbc\x9e\xe7\xe3"`\x7f\xbf\x10\t (\x86j\xb31\xaccL~\xef!\xc6X*\x9fW\xd8|\xdf\xef\x02\xa1\x90$\xf9|\x8a\x01(\x8ajG\x9e\x9d$\x9f9/q\x8f%;\xac\xb2\x8dyGE\n;@B\x92\x8f\x17\x92O\x92\x14E\xb1\xcc\xacc\xf9\x0b\xee\xb1\x88D-\xff\xc3#\x92\x04:!\xc6\xea\x10\xb0\x1d\x81\xbe\tX\x0c\t#eM\xad\xecq\x8fU:l\xf1\xefc\x91h~\x02\x00\x13\n)\x8a\xc4\x82o\x0bH\x8a\xc4QC!k&lt;\xe7\xde\xac\xe2M\xfe.MBd\x14\x89l\x11\xa0!Rm\x01\x99\xb0\x03[\x08^\x82_\x8d5\xaeo8D\xe9U\x95\xff\x03\x8b\x14b\x9b\x84\x08\x8d\xa4\xec\x14\xb5\xda\x16\xb2\xea\xe5K@%\x01\xabr\xbe\xc91\x97\xac\xf8s\x95eB/\xdc\t(\xed\xf0\xeb)\xbb\xdd\xae4)\x95J\x9a\x86\x87\xdd\xbeJ\x91w\x89k\xd4\x9e\x94\xb8\x04#6\x0f\x1fW\xdb\x15\xc5\x9aD\xb2\xb1"WM!\x9aN\x82\xe8\x90\xc7\xe3I\x86B\xb4\t&lt;{\t\x8e\x91\x10\x7f\xa6\xb5\x97\xe0\xb0\xbb\x88\xcd7{u\xc0\xea@\xe3\xc3\x19GQ\x02\xa3\x94t\xd23=m\xb5Z\xe1\xd1\x8f\x04\x9fy\x92\xf4j\x07\x06\x83u\xac\x9c\'\x08.\xf7\xb0\xca\xb0\xfe\xa0\x9c\xa3\xc1\x99L4\x184\xdd\xefv\xef"\x85Ajxk4i\xb7\xbb\xdf\xc3\x82Qy\xe0\xba\xe0\xee&amp;A\x94\xb6*\x02\xbcb(\xe2\x14b\xf2\x80=@\x14\xdei\xcb\xc2j\xc7\xe2\x87/4n+M\x01\x98\x00\xda\xab~\xc8]{\xc9\xde\xdcb\x91\xd4\xaa\x12Ca\x9b\xc2w&lt;F\xac\x01\xa3\xc5\x88\xe9\xc2\xee\xa4\x12\xb8\xd0B\xde$8sK\xf6\xaa!h\xaf\xde*\xce\x13P\xb9\xb1Y\x16\xe3\xc0\x9d\x9c\xf8\tlF\xe0J\xbbh\x88\xbe\x10\xec\xfa\x1bg\xdbXZ\xab\xb4\x0f\xc06\x15\xc2\xd2\xb0TN\xa7s\x05&gt;n\x85\xc0\x80\xcb\x12\xd6\xb8i\xf0\xabCPy\xc5\x15\x16q\x8bEa*\x9c\xab\xb4Z\x85F7\xe0\\YYY\x86\x0f\x90\x93\xa5[q\x0e\xf0\x8c\x16\x7fX\x93N\x82_\x1d\xf95.\xddBC$\xefQi\xc2\x08\x8a\x07X\xcb\xfa;-//c&lt;p\x0c\xb8\xc2i\xe4\x17\xb3-\xe3.[\x18\x8bb\xa9P\xb24\x08\x0b\xe2\x04f\xe9\xf5\x06\xbd\x01\xe9\xfd{x\xe8\x11\x19\x80\x01\xd7N\xd8e\xefx\xc9\xbf.s\xc5%\xfb\xb9\xc1\x07\xb3n\xa9p5\xf8Y*=F\x8a u\xc2\xcb\x10\x81\xaf\x00\x0c\xf9\x05\xb9\x0f\xd9;:*\xa7\x1cU\x17r\x8b\x8f\xe2\x0eT\xed\xc2\xda\xdd\xb1\xa0\xb0;\xa5z-\x0b\xf5\xde\x10\xe9\xec4g\x82\xe6\xceN\xe0\x02\xbbx\xd0\x13\xean\x13_P\xd9.q\x85\x85z\x8b\xb4\xd3\xc8\xab\xdb\x1eew\x10\x05\x0b\x80\xc0#\xa0\x8at.\x05\xe5\xe6H\xc4\xa0_\xc1\xf1\xdaQ\xa5c\x8c\xa0\xb2&amp;\xe3*[\x10y\x922\x85\xd8\x11\x02V8\xdc\xae\x06XB\x83\xa1\x13\x88\xde\xc3\x04;m63\xfa\x1c\x02\x86\xe3\xe5WiBv2\xbf\xc7\x99[ky8\tM!\x1f2\xeb\x87[\xb8\x1d\xf4xz\x9dH\x11\x9b\xdc\x06f9p\xee\xc1\xae\x1d\x95\xdag\xa7\x047\x1c\x1d\xd7D\xe9\x94\x01,\xda\xe7\xc3T\xd8-\xc8\xd6\x00n\x07H\x96\xd9\xccba\xba\x08\x1a"t\x05\xb8\xb5\x13V\xb9bv\xaaZ\xe4\xea\xef\x8b\x1b\xb8\xcd\xd8c&gt;\x97\xcb\x8a\xb1\xdc\xedc\x87\xc5\xea\xbc\xc5\x8a\x00\xa2Ak\x186\xa0\x06[q"\xac\xfe\x90\xc9\xde*sS\xa8D\xb1%\x84\xdb\x0c\x8b\x05\xb7\xaa\xf4\xedq\xe8\\\x86\xc8\xa3\x19\x02\x97\x19L2h\xb5\xb0\x98P\x19\xa8W\x9d\x03\x16\xbf\xaa\xd7C#,n\xfeOSn\x08\x19\x88V.\xe7B^\xe1KV\x18\xa7kY\x0bX\x10v\x1b\x1a\xe0{C\xa7\xc3\xe1\x18\xd6\x03\xea2\n=d^\rX\xa6:wX`\x16`\xcd\xe6\x90Y\xf8\xf2\xb0\xbb\xe37vI\x97\x87#m\xb3\x00+b^\x02\xcd;p\xb4\xb4\x08K\xacr\x03V\xe3\x05G7\xe7b\x1d\xddG\x17s\xb3\xdd\xdd,Vz7\xac\x12\xf3\xa4\xdaa\x87\x19\xc9\x86\xa7h\x93K\x02\x81@p\x1c\xc6\x89+\x02.\x12\xfe\xb4+d\xca\xafq\x84\xf5\xa9\x05T\xb1;,8\xa9w\xfd"^\x17P\xcd\xdblr\x84\x05\xdd\x10\x0cJ\xe6&amp;\'\'\x03O%P\xa9\xec\x10\x8d\x16\x9d\xcb\x17\xb3oq\x83E|j\x9ab\xb1\xd0\xc1l|\x96u\x0b\xee\x0fb^\x8ftx~I.\x1f\x85\xae\xb2\xd9\x10U`n\xe2\xd9\xc4\xc4\xe4\\@"_\x8a\xb0XF\xb5\xcb\x172\x9d\x96\xb8\xc2\x8a\x01V.\x1e\xc7v\xf5\xf6j\xd4*Q\x17\xa2\x1a\x0fJ$\x92`0\x98\t\xc0+P(&lt;{\xf6;\x06\x1b_\xd2J{\x10\x96\xaa\x9b;\xacG\x9f\xaa\x80\xb58\x1b\xcf\xc6\x11UzJ\xadx+\x8az\x87O2\xc027\'\x99\x9b+\x14\x02\x99\xb9\xcb\xcb\xdfY]\x162K\xf3\xc3=\x03&lt;\x1eO4\xe5Z\x8cq\x84%K\xdc\xc4\x16\x0f\x0e\xe2\xd9,\xb2\xab\xb7wJ\xa7\x10\xf3\xa23\x1b\'\x99\xc2\xe4\xe4\xc4\x1c\x90!\xb0\x02\xa6\xba\xfc\xfa\xf5\xeb\xb7\xab\xab\r\xef\x86\x94\xc73\xf2x\x8a\x9c/\xb6\xc7\x15V-v\xf0%\xbb\xbf\xbf\x9f\x9duu\xf7\xa6ucc\x8a\x85\xf5\xa3\x99\x8d\xab\xc2\xe5%\xccl\x92\xc5*|\xfd\xfa\xf9\xf5\xbf\xf7\xb3\xf0\x83}#c\xeb3)\xb1\x91\xd7%\x82)r\x14y\xd9\xe69`\xed\x7f\xfc\x88\xb0\\&gt;_.\x97;8\xc8\xc5G\xfa\x8e\xbe_\x81_H\x85B\xa6pu\xf5\xfd\x97\xf8\xec\x97\x83\x03\xd8\x8d\xf8\xe0\xd0\xd8\xba\xd8\xc2N\x91\xabM,m\xc5\xbe\xc4\xb3\xc7\x08\xcbG+i:\x16S\xdaM\x90\xb5\xbe\xa3\xb3\xab\x0f\xe3\x81\x00\x84&lt;P\xf8pv\xf6y}$\x8e\x88a9\x06\x07\xd1\xa8\x8d&lt;\x91n\xc8\xc7\x15\x96\xecM\x1df\x08n\xc5}\xf8?3\xca\xd5U\xf8+6\x94\xd3\xad\xcf\x9c\x9d\xc0:\x06\xe62\xe3\x85\xc2\xd5\xd9\xd9\xcc\xfa\xfa\xc2\xd1g\xa4\xd4\xc2\xfa\x82\x02\xcaM\xa4\x18\xca\xfd\x8b\xa3:%^\xb4\x10\xd6\xf1\xfe\xac\x87\xa6i\x8f\x0f\x94\xf3A\xcat\x0b\xa9\x19\xafc\xde\x1c\x0c\x042\xc1\x0f\x90s\xa9\xd4\xbb\xf1\xa1\x00;Y\xc8|\xf8\xb0!RYDb\x85n\xf69WX\xe5?\xe2\xd9\xfd\xe3\xfdl\xce\x17\xf2\r-\xa4R\xd1\x99hJ\xf4V3\xa5\xd1\x89E\xbc\x9e\x88\xfc\xe9d\xc0\xe6\xf0\xf6tuA\xc7\x9ed`\x07\x02\x19\xd0\x86\xd8/\x16)tC\\\x1d&gt;D\xf1\x1a\xed!DkhhJ!JE\xa5^\xef\x86\xb7K\x95v[\xfb\xd3j\x9e!81\x11\xb0\xb1E%\x16E\xc1\xafB&amp;8\x1a\x1c?\x89\xaa\xfc\xe0\xd6\xe0\x7f\xb8\xc2\xfa\xf4_\x8c\x15\x8f\x8f\xe8tpFwE{zz\xbaxb\x8d\xdb:=\xdd\xafZ\x96&lt;\x9bx*\xd7\x82W]\xe2\xb0\x1f\x8avc\xc31\xbfd^\x9a\xf7\x8a\xc5h\x8a\\a\xc9\x12\xbf\xb1X\xc7}:\x9dZ!V\xa9\xc3\xe2\xe8gX\xbc\xb4u:9\xadq\xca\xff\tX\xc3\xd2\x9e\xa88\x1cV\xbfM}&gt;\xf3F\xe1lr\xcc{Eb\xb1X1\xc6\x99[\x18+\x9b\xcd\xbe\xee\x9b\x9aJ\xf7Z\xadC\x83c\xbf\xbc\xfe\xfe\xed\xfbz\xbf\'\x99t\x0fDF\x7f\x92\xd8\x96N\xa4\xa2\xdd\xfe\xe9$\xbd\xf8\xe5\xdd\xd1\x0c\xcf\xd8\xa3uxS\xdcbm\xd6p\xc7\xef\x03V\xaf\x1561\xa4\\\xad\x1f\xc4\xd7\x8f\x8e\xa6&lt;\xbf&amp;\xdd\x16\xbd\xfc\x1f\xa3\xe6\xf9q\xa9\xc6j}\xb7\xb8\xdah\x9a|:\xd8\x04\xc3\xb07\x053T(8\xc3*] \xaa\xec\xf1\xeb\x91\xeei\xdf,\r\xbdEV\x9b\xbf}\xd3\xf5[\x11\x96\xd1\x10\x94\x8c\x9a\xb5\xc3Q\x8d;\xbd\x9e\xfbU\xa9\\&lt;\xf6y4]\x06\xc7p\x14aq\xe7\x96\xec\x14Q\xc5?~\x1cty|\xca\x83?\x16WI\xfb\xc1\xb7\xefc\x10\xad\xa4\xc7m\xd4\xcb\x03?\xc9\xf5RoJ\xad\xf6\xab\xd3C\xef\xfaRc\xfd\xee\x01\xbd\xc3!\xe5q\xe9\xd6#b\x0bQ\xc5?\x1e\x0f\xa2\xff$\xc3\xa1\x18\xa2}#G\xa9\x851k29\x9d6\xea\xcd\x12\xc9hD\xeb\x9dI\xfd\x8fw\xf3{M#]\xe3\xf8\xa2\x17\xc2\xd1\xf1\x803\x172cU\xce\x04\xc5_\xc7\xa4L\xa4\x13%\x8c\xeeTJ\xc6\xd1\x1a\xd1\xd1\x1a\'h\xb4M\xaeJM9\x87\xa8\xcc\x11\x13V\xd6\x15\x0e\x8d\xd9\x90\xe4(\xa1J\x16*\xa4\x1bZ\x0e%W=\xd0\xc2^\xecE!\x17\xbd\xd8\xd0\xd2\xbf`9\x97\x81\xbd9\xcf;\xd9\xb3\x7f\x81\xf1Q\x08\xe4B&gt;&lt;\xcf\xf3&gt;\xef\xf7;\xef;\x9d\x0e\x86K\xe3w\xa3Q\x90|\x0c\xe6c\x16\xc7\xae\xb1n\xc6\x92Y\x1e=\x03Q\x03\x0b\x91Y\xc8\xc0t\xb7\xd9\x1a^\xac"\r\x14\x7f\xa6\xb6d\xf3\xde\x99\r\x99\xb5\x91P0(H\x15\\C\x05G\xbd^/\x1eR\x9d#\x05X\xe2\xe9\xcd`\xc1\x8f\xbe\x80\x99\x95g\xbb\x0cK\x10i\xbf\xc7\xe3N\xdc\xd1\xe0\x12\x94\nlv\xba\x91x\x1c\x88@\x04\xf4\x850\x92\xf7\xf1^\x13\xc6\xa9#\x80\x9c?\x85\xb9\x9d\xce\x87\xc7\x87/\xae&amp;\xae\xb9\xd0-\x8c\xbf?\xab\xe6\xf3U&amp;\xcd\xda\xd2\x8c:Qa\xa4JJz!\xb3\x00\x99\xfb\xf6\xb1\x1e\xd4|$\x1b\n\xc5\x0b\x85Bs\x1f\xe9fs\xd6\x81\xb0H\xcc\xedq\xff|\xfa\xfek\xe1j\xc2\r\xa6\xdb\xfe\xf1O\xdb/\x10\x16\xcb\xa4Q\xf8\xfdh\xceKR\xc5\t\x13\x0c\x94}\x03[\x0f8\x1c\x81P6\xe2\x88\xf0\xd9x\xb6\xb9\x02\\\x06\xc4\x15X\xf3i\x12\x0f\xdc8\xd8\xec\xbf\xfe4\xd9\x87o\xba\xe3G;o\xce\xcf\xa1\xb5\xf2y\x10Q\x00\xe5\x9458\x05T\x98W\xc5jx02\x04\xfe\x07lb$\xc2k\xc1p\xa4\x96\xef\xdf\xa7\x93Z\xde\x11Z\xf3\xe1\xc6Db6\xa4\xdf}\x1c\x9c\xec\x89\xba\xee\xf0\x9c#\x96\xda;j\x11\x19\xb4\xf78\xc1""*\xb7\x8a\xd5\xf0v\xf09 \x02[\xc6\xf3\x80\xc5\x83\x172\x14M\xe5\xa2A\xeb(\x05\xe6(,qG\x1f\xd9\xe5\x1d\xfa\xc3I\xb6\xbdN\xf7\x88\x882\x0c\xcbU\x91\x12F}\x05\xf6\x02\xa7*@\xf5\x00\xb02\xb6\xb4[\xb3\x1eJ\xd2I\xde\xb1\xa6\x07"\x1e\xf6!\xad6YDX\x11G`\x8e\xd4$4\xd0\xfcI&gt;t5\xd1\xd5h\xb9\xac\xf5\x978\xfb\xb0Z\xedv\x81\xca\xe9vbx\x05\xc7o\'\x10V\xe6\x83M\xech\xd6\xcc\xa6\xef\xef\xd2I\xc7\x9c\x836hQ$i\xbaX\x842fKA\x12K\xdc^\x0bE\xca\xbc\xfej\xa2E\xdc&gt;\xef\xf7k\xccp\xc8\xedp\xdd\xae\x1f\x86\xa3\x11\xc3q\\sG\xc5\xfa\x90\x11\x95\x81\x10\xa2\x9f~zJ\x17\xcb\xe6\x80\xa1h\xa0\xe9d\x12\xb8\x8a\xe8OV-\xa2f\xd6\xe10iwO\'\x89\xa5\xdb\xdc\x02\xac\x05\x91\xb3?\xe3\xc0f\xf9\x9d\x1d\xd0\xa3\xe0\x00o\x83\x86\xf1\xced\xfc\x8a(\x9f\x95\x96Mw\x97\xb3\x85}\xd3\n_4\x99\x10\x10\x14U\x0bX\xe6\xd2\x1ceL\xf8\xe6"|9\xb2;\xd1"\xea6\x8f\x10\x96\x8d\xb1\x0f\x87C\xbb(;A\xd9a\xe0\xe21\x10\xc4\xde\xcc\xbd\x8a\x12\xcb\xb1\x02\x08\xe4\x11km\x94\xee\xf3\xc9\xb2\xc9T\xa6\x93(UZ\x83\xc1\x1c\xf0\xe1nc&lt;\x1b\xa1\x93\xbb\xfa\xc3\xc9g\x8b\x9d!\xb8\xe1\xd1\xd1\x81]v:\x13\x88\x0b\xc6\xa9\x06k|\x90%\xd9\xf57\x97W\xaaHB\xb4\xdf\xff.\x0b\xd53!.\xc0\xa2\xa1\xc5\xf8\x10`a\xcde\xfe\xae\xe3\xb7\x9f\xb6\'{\xdes\xd9\xefG\x89\x05\xb6{t\xb4\xf5\x1ca\xa1t\x01\x15Ii\x1a\x1f\x94\x96bu\xd5f\x9c\x8a\xd0\xeb\t\xf8\xb7!&gt;IC\xbaL\xcdl\x12\xa5K\x0bjG\xe3\xd64\x97\xcdO\xf9\xdfN\'\xba\xfb\xc0\x80X\xeaG36\x96\x1b\x0e\xb7\x9e\x1f\xfc\x81E\xfa|\xa4\xe7\xc3w\x82\xd0\x98ae0\xb1\xefz\xfb)\xd8\x80\x0c\x08\xab\xbc\x92\x82t\x19\xb4\xe6\x88\xde\x87\xb9\xf1\xd4\x8a\xf6\xae!&gt;\xe1\xfb\\\x16\xa8b\xac\xc62P\xc4-5]2\x06M\xafJu\xcd\xbd\x85\x07\xd8L,\xc6\x9e\xfd:\xb0s\x83\xc2Z\x807\xc0\x82\x84P\xd7!\x1f\t\xad\x91F7\xb5\x02#\x9f\x9f\xf0\xde\x836\x9fZ\xad\x1f\xed\xfe\x1f\x0b\x9a\x1e\xb2U!\xc3\xa3\x12e\x84\xb5\x08\xe6?\xb7s\x04::\'\x8e\xccf-M#,\x9a\xa6\xb5|\xd6\x01\xc2&amp;\xf1\x80\\\xbe\xef\xd8\xdd\xfd\xcf\xc4\x15\xc4\xe1\xb0\xd6\xef\xb3\xf6!j\xae\x03E\x96\x01\x0b\xc3\xc9p)\x08N&gt;\x1ds=qY\xdf\xecXs1WLn\xc5y\xe8u\x98\xa4\xd0\xf3PB\x87\x1e\xe6\x83\xdbWL\xcd\xed\xce~\x9c4\x96n\xfbr\xa9\xdfWW\xe2\x96\xca\xd5\x01,\x10{a\x12\xeb\xf8\x11U\xce\xbaW\xb5\xd6\xa2\xb1\xa5\x18S/dS+\xea:L\xc2\xd6\xe3\xd0\xa3\x9d\xbaeJF\x92\xbe\x89c}u\xfcC~\xa9F\xb0\xc3\xe1\xefX\x90/\xb4-R\x1a\'\x0bTO2~\x91\xcdG;\x82\xe0\x8f\xc6X\xa5\xdej\xa6\x0ch\x94F\x90\xae\x81\x1d\xd1\x18,\xd3\xbc6&lt;y,\xcb\x0fy\x91 2\xdcu\xb6\x0e\x80\n\xb80\r\xe6\x8fZ].+\x81I-\xa9.\x81P\x1eI\xe9LZ\xec\x9e5\xd1\xae\x08"\xda\x11\x9a\xa34\xc6_&gt;\xd2e\x9e\xef\x9dN\xfe\xf4\xee\x9b\xaa\x9d!j\xed\xebl\xa1t9;\x1d\xa31\rf\xd1\x15c yJ\xa7.I\x920\xda\x7f7\xa8\x8bQ\xa6e\xe6y-\xa8-Gi\x8d\xc2\xb1\xd3\xcd\xef\xcbI\xfa\xd3\xe4O\xc9to\x8f\xec,Q\xdb9\x07,\xe0\x82\xc5\x08\xd3\xcb\tT.k[T\xc3\xaf\x0c\xea\xf5\x81\xd4\xea\xed\xbf\x1f\x10QV\x00=hFE\xf4Q\xf8\xd9\xa1\xe5\xf0\xd3\xa7\xab\x1b8\x17\xb6l\xbf|\xce\xb1K\xff\xfaq\xeb\x1a\xcb.\x03\x08\x13s\xb9b\xf9\xae\x98N3b\xd7\xaf\xd4\x95\xc1\x99T\xa9\xb4\xde\xbf\x1ft\xf3L\t9\x0eG(\x0cX\xbf\x9cX,\xdb\xdb\x96\x1b1&gt;\x9b\xaf\xcf\x87\x97\'\x9b\x97\xcf!\xae\xb1\x986P\x01\x10\x0b\xd1mx\x01\xeb\xeclPW\xe4\xfax|\xc6\xc5\x06fDU@X\xff\xdd\xb4\xe8,7tp\xa7;&gt;9\xdc\xd4\x1d\x7f\x03\xd9:xn?\xb0\x8b"\x9b{\x92\xeb\xdaE6J\x10\x0b3\x0b\xf7&lt;\x1d5d1-\x0f\xc6\x83\x98\xa8\xda\x9e0\xc2\xfax\x93\xf7\x16\xc1\x93\xe9\xbe\xd2=DX\x90-\xd0]yk\xae\n9\x8b\xc6\xa2Q\x9b\x17\xac\xb4\xe6\x0b\x04\xcc1\xf4\xd8r@\xc8Mt\xe4\x12\x0e\n$\xf5\xfa\xe6\xef\x9e\xbe:\xdf\x82"\x02\x18\'\xb67\xf6P\x83\x11\xd1(\xe1\xd1|\xb9\xb8\xf8r\xf1\xf9\xf3EEQ\xa41T\x91\xf5\xf7xG\xa0\x10\x0c\xfaH\xe9\xdfS\xb8{z\tXC;JW;\xb7\xd7\x15\xfdi\x96%\xd2\x9d\xfa\x05\xc4\xe7\xfd^K\x90Z\xa3x/.0\xfeB\x16:\x0b\xa8H\xe1\xf4\xc6_\xcb\xd0\xe9^\xa2\x96W\xab\x98\xcf\xc5\x18\xa7\xdb\xe3\xf1\xfae\xa5~\xd1\x1a}\xee\xed\xf7F\xf1\xac9e0\x18F~y\xd4\x04\xaa\xa0O [WS\xc0zx\x04\xd9\x02\xac\x03.o\x05,p\xa6\t\xac\xae\xc0,m\t\xad\x11d\xca\x0c\xbb\x8e\x81N\xd5\x95^\x0fa\t\x029~u\xf3/\xb1\x80\x93U\x07\x04*\xa25\xea\x07\xac;\xe06:i\x96 \xc0A\x1a\xc3\x0e381\x9a^n9Gq\xb5\xb3Hj|8\x05\xac\xed\x97\x07\x07\xc3?\xb0\xdcn\xa4\x07)\xdc\x13\xb5Zs\xd1\x06\x06J&gt;\xb9\xbcL\x1bR#\xb7P\n\xfb`\x1d\x92\xf8x\n\x97\xe6u\x96\xb7[C\xfbP\xc5\x8a\x11i\x0f\x08B\xcd\xd7\xeb&gt;\x9c\xc8\xe5r6&lt;\x08\xca\x14\xe5\xca\xa0\x1d\xb9)\x18\xa5PB\n\x1foN\xe1\xce&lt;T\xd1\xae&amp;\x8b\xcb\xc7\xf2~\x15\x8bZ\x0f\x92\x1e\x1ba\x93\x0bq\xd5I\xd3\x06C\xaa\xe0\xac\xa0e(\x81\xf9~7\x15\xac\xedK\xf0\xb0(\xf2\xabm\xf5\x0cVC\xf9\xc2aA\x08\x86G\xcd\x15$\xe1\xa1\x84\xcdx\xcb#\x81\x01\xa1\x80\n\x7f?\x95\x17X,/\xb9\xeb\x80\x01\xc1\xa6=H\r\x92A!\x08v\xa3\xd4\\)\xde/\x96\xe9\x95T|$4\xea@\x85\x83k{&lt;\x15,pg\xf6n\x97\xe3\xba\x80\x95#\x10\x16\xb8X\x8a\x02s\x16\x0c\x97@-\xa3\xe74\xcd\xde\xb8\xce:I\xb2R\xc70j}:E\xb4\xfc\xe3\xa8\xab\xc6\x9b\x8d\x8d\x98\xcd\xebT\xdd\x06z2(\x08B&lt;\xb5\\,/\xef\xc7\xe3BuO\xac\xd7\x15\xa3\x11_\x07\xac\xa9\xbc|\xf7\xea\x88c\x18\xa6[]\x9d_\xdc \xd0\x93A\x18\x12\x18\xe8S\x18\xaa\xe3\x1e:\xafn\x8e[J{&gt;\xaf(\xb2S\xb3&gt;7;:\x99J\x11\x0f\xb78Uc\xad.&gt;\x99_e\xd3\xe9\xb4\xd7\x0f;6\xcb\x88~q0\xfeu&lt;~7\x1e\x88\xf9\x8d\xc5=\x11l.\xb967\xdb:\x9cF\xb6t\x9b\xe7\\\x17\xb8\xf2\xb9\xc5[\xb7\xe6WA\xd7\x10\x04\xd1n\xb7\xf3\xf9v\xbb\x0bB\xcc&gt;\x18p\xf9\x8d\xf9\xc5\x98(\xcb\x955\xfd\xdan\xf8\xd5T\xde\xd9:\xbeDEd\x89\xd5\'\xb7\xd0%\xa5\xf9ytoc5\x87\xbe\xe8&lt;\xffM5_]\x85\xff\xb7\x9dr\x05\xddd\xdc\r\xbe\xb5L\xe1\xa5S\xdd\xf1\xcf\\\x97\xe92ln\xf1\xcf\xe82\xff_\x16\x17\x7f\x87\x83\xef\xea\x1e|VW\xff\ty\xac\xca\xf5\xa0&gt;\x14\xd2\xef\x92\xaf7ON\xfeG\xcb\xd9\xc04}\xa7q&lt;\x05\xaf\xe4\x10\xf0\x8a\x08\xb4\x05\nh\x85)=\xc6\x01\x12@AP\xf1\xcaK\xe1x\x13\x14\x8eQ)U\t\xae\x1b6e@\xaf"Gm\x16[\xbb\xd8\x85(q4\x17\xa8r-`e\x0cy\x11_nd\x108D\xc2\x04|\x01e\x88\x84\x81\x80\xe6\xcc\x110\xbb\xe7\xf9\xfdq^\x96\xdb\xdd\xb6\x83\'\xb44!!\x1f\xbe\xcf\xcb\xef\xff\xfb\xfd\x9e\x87\x82\xaa5\xc7\xaa\xdf\rT\x01\x1f\xea\x02\xc9\x10\rN\xac\xbcE\x03\xb2\xa3\x81\x9f{\x02V@1k\x07&lt;7\xaf\xf7\xdb\xf3\\\xa5R\x8b\xad\xd7\xaeLPS\xa5U\x95\xbb!\xc0!\xb8\x8e\xe2d\x0f5\xdf\xe3\x1a\xe6\x1a\x16x6\x0c\x07_\xe1\x05Ta\xe9\xbe\xec\xc3;\xf1q\xdeo\xcf\x15\xa5\xe1Y\xbbXZ\xb0f%\xcb\xa5\xaa\xac\xa0\xe6|\x0ff\xa2\x83\xc3\xa1,\xd7u8\xebC)\x16v\x16\x04;\x1b\x86\xa3\x94\xe0B\xd7\xc0\xd3\xc5\x11;qK\xb6\xde\xef\xfd+\x86\xebm\x0bj\x19}\x8d\xaa\xbdK\x8d\xac\xa3\xa5\xb7\xad\xed\x93\xddx\x1f\xc5q8\x1dH\x98(,\xf0#~\x01\x96\xab\xa7\xa7g\x98\xce\x8b%L\xdb\xbb\x17\xb0\x0e\x1f\xb9\xd8\xfe\xac\xb9\xad\xa3\xbc\xe2\xea\x9a\xec\x80\\\xfc\xdb{\x9b!\xa0u\x1f\xba\xef\xc6k2\x87(\x08\xfa\r\x1b\xc8\xc0\x01\x86\xbe\'\xbe\xa8\xf7\xc0\xf48\x11&lt;\x11:\xc3v\x7f\x07`]\xefm\x1e\xbc.\xae\xe0\xd7\xacA\xa5p\xb9jX\x18l\x864\xcbj\x06\xac\x14\x0e`EE\xbb\x05\xbaR#68\xd3\x86#6\xc8\xe8\x19\x18\xe5[\x1c#\x8c\xb4\xb4\xb4t\x8e\xdc\xb9\xfe\x88h\xa1M\xd7\xdc"\xce\xe5\xd3\xd7\xe0\x14\xa2@\xf5`aPw\x94`\xb9\x9f\tF\xac\xd4\xa8\xa8\xd80\x1c\xd7\xc2y\xb2\rd\x80l\xdd\xba_C\xc9\xfa\x98\xcd\x8a\x10:\xdb\x10\xac\x1d\xef\x8a.\x0cf\xe9&gt;\xaa\xcc\xe5\xf3\xe7\xaaV\xbd,\xd0\r\xed\xbd\x88u4]\xf7\x17\xf7\xb8\x00\xc0r\x08\t\tq\xc8\n\x0c\x0cs\xc5\x99\xb2_!\x1c\xd6\xd7\xd3\xbeq\xc5,\xbf\xcc\xf5\xce66xC\xb6\xfe]\xb6\xbb.=\xebB\xa5\x8c\xcf_}7\x16\xa8\x0c\xed\xa8\x16TM\x1dl\xf5\x03\x02\x1c(\x0bv8t\x1a\x16m\xacZ\x81n\xb1Q\xc1\xc1\x01\xc5"\x11&lt;\x18\n\xb7\xe2\xcd\x0f\x1e\xe9\xfa\xb1l\x83\xd3\xd3/\xa0Z|\xe9\xea\xba\xd1\xcaJj0t,\x0cf\xe1\x08[:\xec\x13}1\xb8\x90\n\xd7\xa1\xa8\xd8\xf4X\xd8\xf2;\xa4\xfc\xd1\x96\x9cr\xb1X\xa1\x99i\x94\x0f\xc9y\xe0F[\x87tt\xa2\x82/\xab]U.\xab2\xb1Amx\xd66\xd8\x8c\x93ux2\x92\xc2!\\\x1c\\\x86@\xb2\xa8\x90-\x9c\x94\x8f-D1\xa7\xe0\xb1\x0b\x1eU\xb7:\x03\x14`EF\xe2Y\x12\xdb.\xbaE,\xe3+\x14\xfc\xc9G\xabY%\\\xce+\xd5j\xf5\xf5\xc1f\x1db\xedF,\xe0BK9\x13\x80\x9f\xb6\x00\x95/\xe9\xf89\x85M?@e\x83j\xed\x8dL\xc3\xee)\x1e\x9b\xf3\xa0\xb0\x82/\x95Jo&gt;&lt;\xbfz\x0b\xb7\x95\x0b\x1f\xa8\x94\x06p\xe2\x07\x1f\xbc\xe3v\x08\xb0|}JJJ\x10\xcb\xd77\xa5\x04\xcdg\xbbW\xb1\x88\x1ds*33S(\x88\xb4\xb4IJB\'F\xa6E\xee\x08}\x9fw\xc4\xb7\x87\xc2j\xea\xce\x9d+[\xad\x7fcaU \x06,\x95\xb2\xf7(\xb6\xdf\xb9\xc5\xc6\xb9\xc7\x01\x17\x1a^\\\xfb\xa6\xa4\x94\xf8\x00\x95-/\x86\x15\x93)\x10lMs\x86,\xa4\xd4\x02\x13\x86\xb2BY\x7f\xaa/\xafP \xd6\xad\xa6\x99\xf1\x91\xb9\xb2\xd5\x18\xa6\x84=k\x8f\xba^\xa9R\xb5\x13\xac\xa2h\x87\xb8\xb8\xb8\xedh@\xe3\x8b\xb6\x9d\\}\xf2x\xa72\xcfaD\x81V\x14\x16\xf6\xef\xc2\xee:\x82}EY\x8eT\xd2\xa6\xb1\xfe\'&amp;\xb3\t\xc9\xfeOgZ\xb9X\x15&lt;\xfc\xb2^\xadT\x89\x95\x83n\xd8E\x19\x1d\xc5\x01\x12\xb4m\xd4;^^\xe3\xee\'T(8\xe9\x9c\x84\xd7\x88\x7f X\x04L\x90\x19\x1aaq\xbfR\xa6\xa0\xd3\xa5\xf4\xa6\xb1W\x15\xd3\xfa\xbc\xbc&lt;\xd3\xf4H\xcd/\x07\xc3\x07\x99\x1a\xbe\xea\xf1\x00\xc1\x12\xb7g!Vj\x14\x04\xf8\xf6\xed\x07\xb7\x01\x10\xbe\xe2\xed\x80\xea\x08v\x8b\xa4a\x83s\x12`!\x17\x06\xd7^Kg\x01\xc8e7_XAG\xacG\x8e\xaf\x14\xadf=\x8dIcN\x99\xc6_\xd7\xfc2g\x02\xd4\xd5\xd6\xa1\xe1\xf6\xa5\xa5\x1e\xc4*T\r\xa6c\x1f%\x99 C\x95\xe2\xe3\x01l\x9b-^\x97\xf9ED@\r\x8d\xc4~yKK\xf0!l\xf9\x9d\x89^i\x82\xcc=\xc5\x8d2)\xc1\xeaw\xec\x97\x02\x16\x97K\xa3\xd1\x98yS}D\xb2\x9f-U\xd9\xeb\x89\xe1\xce\xce\xe1\x8e\xc7\xcb\xf3\x04\xab\xb0]\x97N\xb00\xf3\x0e\xa2L\xb6v\xf0n\x01\x0e\x84\xfc\xc3fp\x88\xaa$\x90jsvv\x06~D\xc5\xd22m\xef\x97\xf3\xe9\xd6\xc0\xa5Xt|$\x9d@,&amp;\x1a\x8df\xee\x9b\xa9\xa9\xfa9+\x12\xf8\xbdjn\xa2\xcbh4\x02\xd6\xe8\xb1\xbf)\x11\xab\\\xdc\x9b^\x84\xb1\x85\xa9w\x90\x9cmY\xd8\xc5\xc7[\x90\xb0\x02(l\x80@\x0fb\xb7A\xf6\xe6\x0c\xf8\x88\xc3\x06\xbc\x8b\xca\n\xba5b\xd5u\x8f\xd5\xf1\xa7\x11\x8bKaqiz\xa2\xd8\xcf\xa0\x9ak\x1d6\x1a%\x12\xc4\xfa\xc7\xf2R=\xc1\x92\x19\x9a\xa3\x8b\x8a\xa28)\xe8C;[\x8b\xdfb7\xa5\x1d^\x96\t\x85\x80\x85\t\xb8\x990\xe5\x90\xbb\xbb\xc4D\xd0L`1\x0f\xf1N\xb0\x9a\xc6\x16o\xdc5\x99\x01\x88K\xa3\xb8\xc0\x97\x00\xf6\x13\xa7\xc2\xf1\x18~\x06\xa1\xf2\xe5rI\xa7\xb1\xbdgvy\x9e\xc2*o\x89-*\xda\xc2\xf1A\xacx\xd8\xe5c\x9b\xe7\xef6\xb2\xa9~~B\x05&lt;\xe4\xfa5\x07\xc8\xb2\xb3\x13m\x92B\xaf\x88\x91\xca\xda\xba\xa1\xa1\xdf\xf1\x95\xf5\x8c\xd9,\x97k\x99\x14\x17\x80\xa1+\xc7_\xff\x84\x7f\xc7\x03\xe9Wpw\x08\x98\xb4\x90\xc9rcg\xe73\xc3\xe3c\x03\x14\x96L\xfcItQ\x08\x87\x94\x05\xc0b\xb3X,\xf6F\x1c3\x10\x9c\xcc\xc8\xb0ILLH@&amp;{\xbcE\'d\x89\x9b\x05\xc5\xf5\xbb\xe8\xd6\xfe\x80E\xbf\xb18\xd6\xe4?15%\x91\xc8\xb54.\x91\x8a\x08\xc6\xa5\x99[\xe7\xfeW\xec\x83Tw\x87\xba$\xf2&lt;\xbdF\x9f\'\x97H:;\x87\x0c\xf7\x97g\xeb+\x11+7\xb7\xe3PQ*\x07k\x15\x85\xc5\xe3\xf1\x00\x8d\x87X\x00\x95\x98\x00\xfe\x03\xa4}\xfb\xec\x89\xe5$d\x1c\xb8\x9fK\xf7\xf7\xb7\x86/z\xddX\xf7\ri\x9f&gt;O"\x81?\x99""l\x00\x06\x9e\xfc\xaf\xe3\xea$\xfd\xba\xf2\xb5\\\x8dF\xa3\xd7\xe6\xe7k\xe5\x98\x8a=\xb3\xfb\xbf\xa4\xb0*d-\xb1\xa9[|\xbc\xec\xec\xec\xc8=:\x8f\x17\x1a\x1a\xca\x0b\xa5\xb0\x90\n\xb0\xf6\xa1\xd9\xef#t\x82\xfb\xb5\xb2\xda\xda\xdc\x06\xd0\xab\xa1\xdfc\xd1z\x04\x02^\x0bX\xf2\xbc&lt;\xe6\x8a\x1b).\xf0\xe4\x8fV1\x92~\xc3\x12\x80*-\x05\xa9\xf2\xe54=`\x19\xdb\xd5\x03\xfb\x97\x1a\t\xd6\xae]\x85\x17RS}\xf0Z\x18{!\xd8\xbc\xd0\xc3\x99P\xb2\x08VBbFv\x82=EE\xd9\x89\xdb\xf3\xb5\xfe\x8a\xda\xca\xd1\xd1\xc9\xa6\x86\x1b\x8b\x1e7\xad\xa1ji\x98\xf2\xfc|\x12!h\x84\n\xb8\xb8\\\xd3\xcc\x8f\x08f\xe5R\xd3\x8aP\xa5`(\x15\xb3\xb4\x94\x96\x0fX\xcf\x94\xf3\xcb\xfb\xcfQX|\x85\xea\xcf\xa9\xbf\xf7\xc26\x1b\x0b\xec\xf7\x8e\x10\n\x84\x99BXv\xd0\x85\x89\x899\xa8\x13\x02\xe1\xeb\xc4\xed\x1e\x85\xbf\xbf\x7f\xc3\xcdk\x9b\x18\xb3\x03\xa3\xd7\xba\xeb\xa4\xd3f\xb3\x99\xcb\xcc\xd3\xca\xb5\xc8\x85o\x18\xf6L.\x16\r=\n\xf6\x1f\xa0\xca \xa8\x90\xa5\xb4TCC\xa9\xe0;3\xdf\xd8i\x1cV+\x07\xc2_\xde#X\n)]\x1d\x1cRb\xb7Q\x84\'\xa3l\xa8\xa3ii\x02\xc1\xc9\x93\xd8\xe0\x06F&lt;\xb7"\xd5\n\x95\xff?\x17=._N\xde\x7f\xe9\xd8\xd3\xba\x11\x93ybf\xdcd\x86\x1aO\xa8\x80\xebm\x90qi\xa6\x91\x82\x1f8\x12*UMk\x97D\xaby#U\x9eF\x03tS\xa6\xa1\xbf\x1b\xbb:*{f\x83\xbei"X\x8a]\xb9\x1d\x0e\x1c\xaf\x8d"&lt;GfS9\x08v\x9b0%`\xa0#\xd7\t\xb0\xdb\xf3\xbb\x90\xca\xff\xe6\xd8\xf1\xcb\x97=\x18\xfb\x83\x18\x03\xbdf\xf3\xe3\xa7\x93\xe5H\x06`\xda&lt;-\x15a@\x84\x99\xa9\x87Z1g\xf5\x83J\x05R\xc9\x99@\xa5y#U\xa9\xc64=\xa3j\xd1uv\r\xa9*G\x83\xaa\'ke\xb2rq%\xc4\xfe\xc2!/\xd1\x81\x98\x03"\\u\x04\xdf\xeb\x84P9\xd99\t\xdfS\xc9\xfc1\x07\xeb\xba\x1d\tV\xb8\xf7&amp;\xefK\xc1g\xc2\xbd\x19\xdd\x93\xb5\xe5OZ\xa7\xfbLSS\x80\xc5%F\xe9\x85)\xf9\xef\x95\xaa\xe6\xeet\x97\x9c\xa6Yq\xa0D\xab\x87\x8f\xa6\xf1\'M\x93_\x7fq\xe7sIW\x87\xb8q)\xe8\xdb{\xf7\x1a+\xc5\xe5\xe5P\xbe\x1e\xb8\x8b\xf0\xb4\x14jC\x84 \x89Hd\x8fsZ\xf6\x14\x1e0}z\xe2\xf6s1\xd1\xaaa\xf2\x9a\xc7\xf1\xcb\xc77\x05\x01V\xb2wPx\xb8\xb7\x93\xb7\xf7\xb7\x0f\xfb\x1f5U\x8aU\xea\xd6\xf1&gt;3\xd0h4dABGN\xbd\r\xaa\x82\x91\xa1\x95\xa2\x00?g\xca%r\x8d\xc6\xdc\xd7Z\xd8x\xee\x9aS\xf5\xa5;\xef\x18A.q\xcfK\xc6\x8b\xeaojsss1\x1f\r\x17\xe1\xc1=\x06\xeb\x83\xf0d\x02\x15K_AT\x11B\x80\xfa\xf4D\xc2_\x95P\xdbA\xad\x15\xb1\x9c\xc2\xc3\x19\x9f9!V\x10\x83\xe1\xed\xed\x94\xfc\xde\x8b\x17\xb7nu?\xbc\'\x06\xdd\xcc\x10/+\x8aqio+\xd54\x96\xcf\x95\xc0\x83\xca.\xd7\x83\xf7\xc47Gg\x9d&lt;\x1c\x19\x97\xbe\xbb\xd3\xd9%\x9fV5~\xed\x94\xecT\xfd\xb0\x0e\xb8 \x1f\xf9\xca\xe7\xa7"\xa0`\xc1j\xe8\x9cM|\xf6\x15d\x9f=\x89y\xa4\xdaw\xaeG\x81T\x98\x86+b\x051\xdes\xf2\xae\x0e\x0f\xaff\x80\xc1\xef\x02\xd1\x92\x7f\x93\xccx\xf9t\xb2\xe9\xc9\xb8\xa9t\x05\x8c\xcb}\xe3?(\n\xf9r\x92\xaa\xe0:\xbd\x1e\xc2|\xe2I\xd3\xab\xee\xe5c\xde\x1e\xc7?\x0b\xbf\xf4\xc5wnF\xf9\xf0GKA\xc9\xff\xaa\xda|B\xdb6\xc30\x9e\\20;H\x01}\xba\xec\xa2C@\xf7\x1ct\x12:\r\xe1K)\xad\x8e-|\x83\x113\xd5\x13;\xcc\xd8;\x04\x13\x86\x8d\xcbH\x19\x14\xea\x83A\x14*\xea\x84%\xf6Xp\xf0\xc26[kGg\n%)8Y\xdb\xa4I\xe6&amp;4s\xb3\xb5\xfe\x93\xacY\xc9\xf6\xbc\x9fR\xe8\xbe\x10\x82\x1c\xff\xf9\xf9y\x9e\xf7\xf9$\x12;x\xda\xfd\xa9\xa9\xe2\x14%\xbf\xf4\xf8\xd6\xad\xcb\x11\x168@\x825\xfe\x11U\x04\x1d\xde@\xb9\x13\xd5dc\x0fby\xben\x18\x81\xc0\n\xf0\x83sY\xc52\x80%9\xba.w\x8f\xe6_&lt;\x98\x99\x81\x97pr"\xfa_\x02*\x05\xa2\x1a\xbdI\xc1\x9a\xb8\x02\xa8B\xf3\xf5\xb6o\xb8\x96\xef\xb1\xc0v!\xd7\'\xbf|\xe5\xda\x06\x07\x96\xd1_\'\xb5L\xf4W\xe2\xee\xb9s\x97\xe9\xaf\x17\xe7\x05\xd6=\x12\xeb\xc2\xfb\x97&gt;\xa6\xa3\xf1?Kcb\x7f\x9el\xd6A\xc5uC\x0ft\x95\xabB\'\xc5\xf7\xb9\xca\xb9#\x1b\xb2\x83\xb8\x91\x8ca3\xb7\xb2p-\x8a\x18\xa5\n\xe7T\xa8\xdciX\x88-\xf0\xe6\xe8\x95\xaf\x17\x9e\x95\xf6[L\xd3\x0c\xd7\xe5\x9a\xe6X\xb6m\xbb\xcb\xff.\xdb\xb6e\xa8\\\xb6l\xab\xdb\x14X\xa6\x99-\xdd=G\x1f*\x15XM\x92\xeb\xc3\xf1\x0b\x17/\xd1\xd1\xe7w*\xf1\x14a\x91XD\xa5\x93q\x90IWA"I\x8a\xcf9\xd8\xa0\x9c\xa2\xa8\x96MI\xdbk\x96~\x9f\x11N\x8e|\xf0\xde\xda\x061\xa1r\xa9;\xc8\xbe\x95\xcaf\x08\xd55\xddu\x03\xa61\xd5\x88\xb8\x96-\x8a\xaa\n,#\xe8.\x89xA/pa]\x8cL\x84^\xe3\xe7o\xdc\x11\x1f\xbb{\xfcd*\x12+FbI\xaa\xca}\x05\x11\x909\xd8@E\\\x8e\xe3\xe3\x06\xd9\x97\x1c\xd8\xa2\xe2\x97N\xab\xb6\xb2 \xb0\xbe|\x84T\x11\x17\xcav\xf4\x1ar\xbeR\xb9\xde\xe7Z2\xe9\xc9n\xd9\xf2\x99$\xc9\x02\xab\xbc\\\x06\x95\x81\xb7j\xd8\xa8\x9dv\rXE\xc4&gt;\xbe\x04\xae\xeb\xd7\x7f\xbe\xb7\x8e\xea\x10\x0b\xa56\x9f\x9b\x9f\xcfg\x04\x15%KC\xdc\x15BQ\x10r\x84\x8a\xb0\x18\xf3\xa1\x15Y\tG\x15(`p\xae*Z\xab\x86\x84]\x9b\x18\xd9\xfd\x95\xa8D\xb0Fo.&lt;\xcb\xaf?=\xd4%/\xa2re\tXB-\x88\xe5\xc2CdV\xd6Q;\\\xed\xcc\x93VX\xf1\xa5\x97/\xefWJ\xb9t\x113@W\x82Y\xf1\x95\xce\xa4D9LNn\xa1\xe050\xe1\xa9`\x97J\xe9\x82\x89\x8c8\x15\x07N\x12\x96j\x97m\x95\xacu\xc2\xad\xb5\x073\x13#\xbf}\x13a\x81jaei\xb3\x8bjas\x82j\xd95|z\x87\xe8\x19d\x1eX\xa02\x02$\x04\xd9\xe5\x0e\xdf\x9c"\xaa*0\xd2\xe9b\x91\x10\xe3q\x9173\x8e\x03S\\~\xc5\xc4\x18j\x9e\x07&amp;\x86%\xe4r|UU \x96\x84\xf4JN\x84\x05\x17]\xcc$\x82\x8c\xe4\x83k\x04\xa7\xea\x91Z\xcf\xff\xa8l\xf6\x11g\x99%\x93IFZY"\x03\x8an\x91\x85\xcbe\xc2\nDn\x91^\xee\xf4\xf6\x1b\xa9*^\x1a\xdfg8\xa6Y\x04\x1fq\xc5\xb3\xb9\x1cQ\x11\xd6\x16:\xcb\xd3",\xe6\xf3\x1eR\xef\xab\x0eqj\x9a\xa7\xf9\\\x0c\xa6#C.`1@\xd6\xc1EX\x9fQ\xb4\x16f\xf7\xbb\x94\xa1\x80\xa8\xea\x01Q\xe9\\:\xc3"\xb1\xca\xb6\xa1\x83G\x15\xf3$\xab\x1c\x0f\xaf\xa6\xc6\xaa1\xba\xcc\xca\x9a\xef.\xd3\xa5I\x1e\x00\x00\x02\x81IDATP\xa53\xd9\xb1(Z\xd5\xd7\x92\xc0\n\xdbX\x9d\xa7\'X\x9d&gt;\xc9EX\x9a\x84\x01\xc5\x82\xb1\x96k;\x9a\xc6t\x9dk\xdb\xab\xc5H\xad\xe9\xe9\x8d\xd9\xbd\x00//\xa8&lt;f\xb9\xae\x05a\x1c\xc2r\xde\xc1\x92\x83~\xbf\xa7\x8a1\xe7\x8a\xdf\xaae\x85X8E?\xd3\xabh\x16\x05Vd\xa1\x90\xab\x16j\xf4\xf2\xf5\xe1z\xa5\x94\xc16\xbf58\x1dl\xf6UEP1_\xf5\x19\r\xa8\xef\x07pQ\xf2$\x9d#\xd7\xc9f\xa4\xd6\xf4F\xa5m\xd3B{&amp;\x93\xd4\xa2\xaa\xc2\xcf\xe6\x98\x1b\xef`u+\x95\xae\xdc\xeba\x82|X\xb2\xb78v\xb6R\xe0*\xe2\xa2(\x91H\'\n\x193\x9dK\xe1\xfa\x99t\xac\x1e!Q\xac\xde&gt;i.6\xfenT\xc7b\x8b\xa7\x07\x07\x83N\x0f\x0f\xd7(l\x18\xf9$\xb4\xd44\xc5v-\xc5s\x0c\x96\xf4\x80\x10a-TB\xc4\x19\xc1Rq\x133l\xc3\xf7&lt;\xf4\xaf\x88\x96\xfc\x16\xeb\xcd\xe1a\xefa~v\xa73\xbc\xdf\x8d\xb0\xeaG\r\x92\x0b&gt;\xc6R\xa6Y\xc8g\n\xb3\x85\xccl:m\xe6\x8ag\xb8\xb4I3\x16n\xae\x0e\x8e\x07\x83\xc1V*\xb68888x\xdd\xd9\xeb\xd4\x85\x87D\x15\xad\xfa\x1b\xd7V\xe6\x14\x1dS\xabi\x11\xd6\xf3\x9f\xda\xcc7\x02\xcb\x05k\x92\xe9\x06R\xef\xf9\x86\xf5?\xac\xf2\xd5\'\xf9\xfc\xf0\xd5\xee\xee\x8f\x99b\xa5\xcb\x98\x02\xf1\xfd\xb0Y\x1dK\xc5\x84\x8d\xd9x\xe1v\xa2p\xbb\x90\xc9\xa73\xe9\\v\x0cMAX\xabD\xbf98&gt;&gt;==m6"\xaa\x83\x93^\xbb\xb4t\x12\x86a\x1dp\xde\x9c\xc0\x1a\x0e\x0f]y\xce\xe1\xd0Na\x02\xeb\xd3g\x9b\x01c*\xb7]Y\xec]d$\xc36\x1fa\xa9:\x92V.\x97\x7f\xa8\xdcO\xa4V\xd6\xd6v\xe3\x10K\xa36\xc4\xbe\xd6\xaa\x9de\x08\xf1\xca\xe4\x8b9\xa8\x95)\x14r\xe6[s\x1b-\xdc3\\=&amp;\xacf\xf5-\xd5?r\'\xf7W\xae\x92HT\x86Pm\xbb\xd5\n\xbd\xf6nag\xe7\xa1\xa7*I\x9c\xb0\x00\x0bbm\x0c\x03$\x9d[e\x17\xde\xd5{\xf5\xed0lw:\x9d\xf6!\x17X\x86\xed^\xfd\xf6\x8bW\xb3;\xc10\xb5\x0b\xac\xe2\t\x19\x88~\xe6\x8a\xe2S\xbcb\x91^\xc5\xb4i\xe2\x94\xba\xd1\x98\xaf\xd5P\xf6\xb5\xda\xfc\xe2\xe2\x11\x86\xd0\x0b\x8f\x80u\xbcU\x8dM5WW\x07G\x9d\xbe\xae\xee-\xbex\xf4\xdd\xda\x8b\x95\xdd\xa9\xe1\xc9R"W\xda\x7fZ\x98\xfd&gt;?\xf4\x1c\x96\xd4\x1c=\x99\xfc\x0f\x1b\x88\x03\x93\xea\\\xe5\x16\x00\x00\x00\x00IEND\xaeB`\x82'</t>
        </is>
      </c>
      <c r="M260" s="3" t="n">
        <v>45492.67638888889</v>
      </c>
    </row>
    <row r="261">
      <c r="A261" t="n">
        <v>870748</v>
      </c>
      <c r="B261" t="n">
        <v>1977</v>
      </c>
      <c r="C261" t="inlineStr">
        <is>
          <t>Éverson</t>
        </is>
      </c>
      <c r="D261" t="inlineStr">
        <is>
          <t>Éverson</t>
        </is>
      </c>
      <c r="E261" t="inlineStr">
        <is>
          <t>GOL</t>
        </is>
      </c>
      <c r="F261" t="inlineStr">
        <is>
          <t>GOL</t>
        </is>
      </c>
      <c r="G261" t="inlineStr">
        <is>
          <t>GOL</t>
        </is>
      </c>
      <c r="H261" t="n">
        <v>192</v>
      </c>
      <c r="I261" t="n">
        <v>22</v>
      </c>
      <c r="J261" s="2" t="n">
        <v>33075</v>
      </c>
      <c r="K261" t="inlineStr">
        <is>
          <t>Right</t>
        </is>
      </c>
      <c r="L26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2c49cc0-2d4e-4297-b451-4fc1dd834b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9d\xcc%\x00\x00\x00&gt;tEXtComment\x00xr:d:DAEewil2SDw:3759,j:3325205453230688475,t:24032721W\xbf\x04\xf4\x00\x00\x00\tpHYs\x00\x00\x0e\xc4\x00\x00\x0e\xc4\x01\x95+\x0e\x1b\x00\x00\x03\x00PLTE\xff\xff\xff\x0c\n\x0c\x07\x0e\x17\x0b\x07\x08\xff\xfe\xfe\x02\x03\n\x03\x05\r\x01\x02\x07\x01\x00\x03\x06\x05\x07\x0b\x12\x1c\x06\x08\x10\x13\x19&amp;\x15\x1b)\x10\x15 \x08\x11\x1a\x0b\x10\x18\x10\x17#\x06\x0b\x14\x11\x0e\x10\x08\x07\n\xd9\xa5\x91\xfd\xfd\xfd\x10\x0b\x0b\xdd\xaa\x96\xe2\xb4\xa2\x0c\x14\x1e\xaddR\xde\xac\x98\x17\x0e\r/""\x1f\x15\x16\xbcr_\xdb\xa8\x94\xe0\xaf\x9a\xc1wd\xb7qb\xde\xaf\x9c.\x1b\x18!!&amp;&amp;\x19\x19\xd7\xa0\x8d\xb8n\\\xc7\x89u\xca\x83p$%+\xfb\xfb\xfb\xb5kY\xa9`N\xa8oa\xce\x88w$)3\xaasd\xb1gU\xc7}l\xd9\x9a\x87\x0b\r\x13\x9coh\xc2{h\xc9\x8cz\x9frl\xe4\xb8\xa7\xe2\xb2\x9e\xb5wg\x16\x12\x15\x1b\x11\x11\xcf\x8f{\xa4\\L\xbcvd\xd1\x9a\x86\xd9\xac\x9b\xc9\x97\x88\xbc\x83s\xb0td\x8dL?\xb1hY\xc7\x93\x82\xa0YK\x91QE\xf9\xf8\xf8\xa9l[\xba\x85y\xc2\x8az\xc0\x92\x88\xbc\x7foE1/\x95ni\xd5\x95\x81O53\x98jb\xd2\x9c\x8c\xb7\x80r\x99XI\xa6_R\xba{i\xc1\x85v\xcf\x94\x80;)(\xc2\x7fm\x95TF\xe5\xbd\xac\xacwk\x9f^M\xdb\x9f\x93\xa7dU\x9cTF\xe0\xb1\x9fd4/\xab{s7\x1f\x1c\xa3xs\x89PE\x96aT\x9fdV\x96O?\xc2\xcd\xe1\xc2\x8e\x7f\xc3\x84plLI\xba\x8c\x81\xa2iX\xb1o^\x8eWLwJA\x81[U\xd3\xa3\x91&gt;#\x1fE)$\xb1zj\xb4zo%\x13\x0f\x82KAp;3\x95d\\\x88H&lt;\x96\\OY&lt;9\xd2\x92\x88)/;\xcb\x8f\x82\x7fQG\xaf\xb8\xcb\xa5uj\xb2\x84{\xe6\xe4\xe6\xec\xea\xecyC9\xb1i_\x89fa\xe0\xa6\x9bdFC\xd8\xa5\x99\xc1\xc1\xc5\xbc\xc6\xd9\x81E;c&gt;7\x8b\\S\xf4\xf3\xf4\xb0~o\xd1\xa8\x99sz\x87\x9fna\xcc\x9e\x8d\x8amk\x90h`\xabdZ\x7fb_tWVQVb\x8daY\xd2\x8d\x80\xd2\xd2\xd6\xd7\x99\x8e\xdc\xb3\x9e\x8a\x92\xa3\xdc\xb4\xa6;68\xf1\xee\xefH=?\x83WN\xe7\xc2\xb5\xbcwoO.(9=I\x9f^S\x9eg_\xcc\xa2\x96\xd8\x8c\x94\x1e\x1b\x1emC=\xdc\xdb\xdeem}\xd0\x8b\x8f\xa9\xb1\xc3Y3,\x1c!.tmq\xca\xca\xce\xcc\x81y/5C\x94\x9b\xac@GV~\x86\x96xSM\xdd\x9f\x8dt``\xa1\x9f\xa3\x95uqY`prRL\xd1\x81\x86\xa3\xab\xbc\xcf\x95\x92\xca\xd5\xe9\xc4\xa3\x9e\xbcri\xb6\xbf\xd1hVV]OOYCB\x96\x95\x99\xc2\x9c\x91\xdc\x96\x9b\xe6\xad\xa3\xc2\x82}hcg\xaebi\xc6\x87\x85\x9d\xa4\xb5\xa5\x88\x83\xa5\xa6\xad4+,\x8d\x8b\x8e\xec\xb5\xac\x82\x7f\x84NIM\xb6\xb6\xba\xcf\xae\xa8\xbdhq|xz\xe0\x9f\xa5\xd3\x98\x9b\xbdz|\xb1\xac\xaf\xe9\xd9\xd9\xa8Y^\xc6sm\xbc[`\xd3\xbd\xbb\xb6]U\xda\xb8\xb1\xe3\xcd\xcc\xaf\x98\x93\xc8r|\xde\xc3\xc1\xa9MJ)\xfbl\x1f\x00\x00 \x00IDATx\xda\xcc\x98\xdbO\xdai\x1e\xc6;\x91n\xc7\xeb\xba4\x13\xb6\xac\xdd\xb2NK-\xa8\x0b\xb6P\x9aN\x84\x16E\x01\x0f\x05K\x85i\x95\x95\xc3hAL\x8b\n\xb4\x1e8h#\xf1@\x11\r\xa2D\xb1\x10\xaa\x93"$v4\xeaEC\xaf\\$&amp;\xa6\x1bOi\xbc\xb0\xbaj\xe3\x85w\xbd\xda\xef\xfb\xc3\xec_\x00\xba\xdf\xf4\xf8\xbb\xfa\xe4y\x9e\xf7y\xbf\xaf\xe7\xce%ep0\xe7p\x14\xa1\x90\x82O\xfc\x07w\xee\xcc\x07\x87\xc7\xe3p\xc2\xfe\xc5\xa1\xaf\x9b\xcb\xcb\x87C\x93\x8b\xfd\x94\xff\x030 \xa0\xf4\x0f\xedm\x1f\x84n\xce\xcf\xff\xfc\x8f\xd0\x87\x83\xe8\xd7E\xe1\x19\x83\xe1(\x94\xfeO\xcb\xdb\xa1\xf9\xdb?\xa4\xa7_\xb8p!##\xe3O\x17o\x1e\xec\r\x8dP\xf0\xb83\xa4\x9a\x1e\x8a\x86~\xbe\x9d\x91\x8eA\xfd\x08\xbf/\xc0?\x7f\x98\x0f\xed\x0fMS\xce\x8a\x0b72\xb9\xf7\xe1b\xfa\xff\xe6G\xc4\x96~!=##\xfd\x97\x0f\x9b}\x94\xb3\xa1\xa2\xf4m\x86\x7f\xc9\xc8HKK\xbbt\x19\x9bK\x97\xd2\xd2\xd23\xd22\xd2\xcf\x9f?\x9f1\x1f\x9d\x14\xe2\xce \xea#C\xd1\xddk\xd7::\xb2\xb2^\xb5\xce|D33\xd3\xfa\xea\xd9\xb3\xac\x8e\xcb@w\xfe\xfc\xed\x83\xe3\xe9\xd3?\x7f\xfd\xcb\xeb\xd5\xad\xad33\x1f\xeb\xea\x1cf\xb3V+\x90J\x05\x06\xad\xddl7\x0e\xcf\xbc\xca\xba\x0c\xc2]\x0c\xed\xf5\x9f\xc3\x9d2\xd5~\xb8\xab\xeb\xe3\xc7:\x8b\xc5\xedFPr9_\xc1W\xc0\xfc\xd1i\xd0"\xb2\x8e\x8e\x8e\xbf\x12\x8f\xfap\xa7x"q\x94\xc5\xfd\r\x97\xab\x0e\xc6\xb2\xe0\x00*\x84%\x95J1,\x05\xc8\xa65[\xeafZ\x9fe\x11\x8f\x16\xf1\xa7\xd6`8\xca\xe4\xfeZ@\x8f\xa8\x86-\t\x07\x05\x88\n\xc3R\x00\x96\\\xa0\xb5\xb9-u\x1fgZw\xa3\x8b\xa7V\x14\xc2O\xd1\x98\x7f\x01Q\xd59\x1cf\x1e0\xa9\xd5|\xb6\x8c\xcf\xc7\x98\xa4\'X\x0e\x8b\xa5n\xb8KttZE!\xfc\xb4\xbd\xed;\xa1\x02(5[\xf6\x96\x90\x18:A\xc5\xe6K\xe5r\x81\\\xc0CrY,\x0bz\xd1^?\xfet\x1c\x8cn\xfb0\x07-\x0e\x9b@\xce\x97\x15\xa3\xa1\xd3\x8b\xa9d2\x99J\'\xc80\xcd\x04\x023\x92ka%\xb0\xb19}\x1a\x87\xb0o/\xea[\x19\xc6\xa4\x12H\xf9`\x1e\xa6\x13\x95J%g\xc2\x90\xc8\xc5\x04\x82J\xa6\xe0\xcb\x05\x98\x8d\x0b\x81\xd8\xfa\xb20\xf5T\x94\xe5\xa8/\xa0\xb7\x00\x15\xf8\xc7g\xb3\xd99\x00\x05Td\xa0\xba\x8a~\x81`\xf0A\xa5\x90\xf3\xb0|-\xf8c\xeb\xc7\x94\x94[8\x14\xf3\x07\xf4\xfaa\x8b\x9b\'oT#&amp;\x028\x88)u\x15\r\xfcM\xa5\xd3\xe9\x84\x9c\x1c\xbe\x9c\xc7\xb39,\x0bK\xfe\xd8\xf6\xa7\xd4\xb6\x17X\xb8\x1f\xf3\x1b\x8dFD\x05Z!\xf3H\x99dDu\x95\xc9\xcc\xcf\xceg"0\x88X1d\x8c\xafn\xe4\xb9\x1d\x0e\xbb\xc9\xbf\x96\xda\xd8\xc3\x1az\xbc\xed39\x8cF\xb7\xadQ\xcd\x97\x11\x8a\xa9\x10&amp;\x94\xaa\x04T6p1\xaff\x9212:=\x87\xaf\xe6\xc1\x1d\x101\x05\xd6\x86R\xd9^8\xfcb4\xe63:\xdcf\x1b\xaf\xf1\xe4\x08\xc2P3\xaf\xe6\xe7\x03Sbj8\x1c\x0e\xb2\x92L\xa6\xe7\xb0\x81\xcbl7\x99\xf4G})\xb4\x117\xb2y\xe0sbX\x90+\x99\x8c\xcdG\x89/\xc6\xe2~\x82\x96\x07\\5H1\xf8\x86\xeaBj3\xdb#\x1e\xd3\xfa\xa10u6R&gt;\x1d\xac\xc7\x01\xcbf\xe3\xa9\xd5jyc#\xd6\xee\xd0X\'\x91g\xe6\xa3a2A.\x88\x17\x15\xec\xa5\xb3\xe5&lt;\xb3\xc1\x13t\xa5R\xae\xe9\xfd\xddX&lt;hv\xdbx\x02y#\x8f\xc7kT\xa3\xe2\xca\xa1\x17\x9339\'TX\xb6\xd0Y\x84\x9a\x80\xe3\x086\nx\x02Cpe#ur\t\x0fw\xc3\xbe\xb8\xc7\xed\x06\xb5x\x90.)H\xc5\xe6\xa3\xde\xa2\x92I\x1cNB,&amp;\x87D\xa5#\x1e\xd4i|\xd0\x14\xaeL\x83\xc7\xf4(\xda\x97\xa2U\x02\xdf\xbfM\\\x8b\x8b\r\x08\xcbf\x03(\x85B\xa6\x92\xc9\x08T\xec,\x02\x16\x9cEh\x08\x84E \xb0\xd5\xc8`\xd4\x11pA\x1a&lt;\xce\xae\xd0a\x8a\x0e#\xe5pW\xe4\x8fO\x18l\t*\x85L\xc1V\xa9\x8a[\xc8$\xb8r2\x91\x8bL\x04\xc5!\x91\xa8P\xb0\xe0\x9e\x9a\xcfGX&lt;\x81V\xebq\xea\x89\xd1\xfe\xd4\xc85\x12\xcd\xda\xf0\x89\'\x0c&lt;\xa0\x02\r\xe4l\xd5\xdb7-\xf7~\x85\x84\'\x9a\n\xd2\x85\xaa\x81\x04\x83\xce`\x8e\x0c\xc8\xa4P\xf5&lt;\x9e\xd63\xb1\xf4j\xf7\x10\x97\x92*]\x0cW\x07\xc4b\x89A\x0bT\x88\x8b]L\xfa\xf7\xaf5/nd\xa3B\x80\x9c\x93\xc0H$V&amp;\t\xfd\tG\x11\x8a\x1eV\t\x88\xa1\xd6\x13\x8ct\x11\xa3#\xa9H\x16n\x99(\xf2\x03V\xa7\xd6\xed\x06g\xa4\xb2\xb7$f\xcd\xc3\x1b\xef\xee\xe4\xdd\xc8\xcb\xc6\x14\xe3\xc0ad\xa2\x8b1?\xbf\x06}\xa0\x12r\xf8\n\xe0\x02,kPO\x0cO\xa6\xe4\xde\x89^\xdbp\x8a\x19\x92\x06\xc0\xb2\t\xa4\xaab\x0e\xa2\xea~\r\xf3\x0e\xb8\x128\xe8\xfa\xc9\xcf\xce\x83\x0fp$\xc9\xb0G(\x90\x8d\x80e5\x89n.SRp\xefL\x86\x89+\x13\x0c\x84e\xb6\t:u\xa5-\xf7\xaa\xaa\xca\x9e?\xe7\xae\xae&amp;\xc0\xb2\xb1\x92\xcf\xcb\x03\xa8\xcaJ\xf8\xf0\xa2\x86\xd3R\x0c\xfb\r\xc2\nJ$\xa6\xae\xf9\xed\xfe\xe4{H9\x06\x0f1,\x83V\xdb\xd9\xd9\xd0&lt;&amp;\x91L\xb0z5\xbd\x15\xbdM\xab\x83\xca\xa9J \xcb\xcb{\x07S\xf0\xfa\xf1k\xee\xeb\xee\'O\x1erH-*X\xec\x05\x06\xabD\x02.\x1e$\xdfE&lt;~\x93\xb8\xe1\x940$\xd6\x06\x83\xa1\xd3`\xb7/-\xe9\xf5\x01\xbf&amp;\x1e\xd7\xb0\xea+\xe6\x06\x07\x06\x94\xaf\x0b\n\xde\xddR*\x1fs\xb9\x15\x15\x15M\xbd\x9a\xfa\xf6\xf6\xa2\xd2R\xe0\x92\x1b\xac\x0c\xc6\x84\xa9z\xf70\x05\xd1:"\xae\x89A,\xe0j\xf0\x18\x87]]].\x97~\xc5\x1f\xf7\xc5Y\xac\xfa\xa6\xc1\xbb\xff\xf92Uy\xeb\x96\xf2\xb7\xf7\x83\xe3\xbd\x0c\xb1f\'\xee_2Y\xad\r\xbaf]g\xa7\xc7\xca`I\x82\x8f\x88\xcb\xf8\xa4G\xabom7\x06\x81G\x03T]\xf0zu\xad\xeb]KN\xb1FS_[6\xf8\xe5\xcb\xc0\xd4\xd4\xbf\x94\x83w\xff\xf9\xa0\xa2&gt;h\xf2\xf9b\x81\x80&gt;\x100E\xec\r\xba\x86\x06\t\x8b%qn\x10\xf7\x84I\x8f\xd6d\x18\xeaA\xc2\x80\xb1\xda\x87\x87]\x01\xbf\xdf\xefs\x02To\x13\x0c\x17\x9985\xa5T\x0e\xfc\xf4\xd3`E\xaf\x86\x15\xf7\xf9\x03\x815\xd8\xafW\x8c\xf6\xe0\xac\x15aM\xe8\x89G\xd3I\xc7\x1a\n\x851,\x16\xc3\xbe\xb0`\x8a\xefl}\xfe\xfcy\x0b2\xd4\xd4T\xc1\x9d\xf3\x0e\x0e*\x95S\xca\x01\xe0\x1a\x18\\]\xc5\xa2\xe5Dj\xe9W\x96\xec\x11\xeb\xac\x84\xc5\x18\x9bX\x81\xfb\'\xe9O\x8b\xe3\xd0\x06`I\x18\x1a\xab\xd1\xa3\xa9\x98\xfb\xf6\xfe\xee\x83\xf1\x92\xb2\xf6Z\x1a\xad\xaa\x9c;\xfeR\x89\xa4\x1a@\\\xca\xc7\xab\xab\xab\xdc\xad\xad\x8a\x9d\x9d\x1dM\xdc7\xe1\xb1G\xc6\x90\xc8\x92\x001\xe9\r\x81\xc3}\r\xad\xf9\xc4\x90e\x96\'\xd8\xbb5\xe7\xfd\xed\xef\xe3\xe5\x0f\x8bh\xa5\xcd\xcd\xa5\xb4\xf6\xe7\xdc\xc7S\xd7\xaf+\x07\xfe\xf6\x17\xe5u\xe5\xe3\xee\xee\xee\x12.w|\xce\xfb\xed\xdb\xf7o\x9f\xb74v\xa3\x95%f\x8c1\xfc\xd5)\xc0ZFX,\xb1\x86aET/K\n\xdbFGG\xdb\xda\x8a\x8a\xdajs\xdb\xbb\x9f&gt;\xad\xac\xbcu\xfd\xca\x95\xeb\xd7\xa7\x9e\xdey\xf2\xa4\xbc\xbc\xa4\xe4\xfe\xcb\xdf\xdf\x7f\xff\xfe\xcd\xbb\xc5\x8ax4H.\xa7(:\x9d\xec\x83H\xd9\x0c\x05\x90Z\xac\xb1\x9e\xad\xb9\xb9\xf1\xaa\\Z\x8f\xd8o\x8aX\xc7j\xab\xaars\x1f\xdex\xf1"\xfbFAe\xe5\xfd[O\xbb\x0b\xdb\x804\xb7\xe8\xe1\x9d\xfb\xde\xdf\xef\xbe\xf7\xcem\xf5xX\x88\xcb\x19\xde\x1fI6\x96p3\x14\xf3\x89\xc5\x0cV\x0f\x88\xc5-j\x1e3\xb9\xc2\xc4P\xf5\x9a\xc9Z[;\xab\xbbWC\x82\xfd\x14]=\x05\x05Oh\xb9\xb9\xcd:\xdd\xec\x9b{\x85e\\\xef\x03\xaf\xd7[!\x01\xefY,g8\xd9\x05\x81\xb0\xc21\'`\xf5\x8c6qKh:\xab^t-|\xf3Cx\xdf\xe90\xe8\x04\xd2\x16\x12,\xa4T\x0e\x13\xbd\xcaH\xaaR\xd5[]0\xb2\x14\t\xf6\x8c\x16\x96\\y\xe0\x9d\xebe\xb1\x18\x08k3\xe9X#{\x07\t\xac\xaa\x92\x92\xd1\x06m\xdd\xccz\x97\xa8\xfa\x91\xcb\xe9q8\x04\x8d\x8dl\xd8\xf8\xe0iF%\xc3\x86\xfa\x86\xaf\xf8\xc3`\xd4\x8bvwE.+\x8dV\xfeg\xef\\S=R\xcb\x1fN\xf6\n\x81\xc3O\xef#\xb5$c\xb5e%\xe5m\r\x96:\xa3\'\x12\tZ%\xb3\xb3\xbaNx\x98\xc1\xc0#;\'\x07=6\xde\xa8\xf8\xb6\xba\x85\xc0\xa3\xf0\x87\x83\x90h\x89\x95[\xfer\x0e\n\x16\n\xcf\x7fp\x8cK:\xd6Q(\x80\xb0\xda\x9e\x03\x96N\xaa\xa3\xd5B\xbd\x97\xb5\x17\xa9\xe4\x82\xc6\x13,\xf4\xd3\x1b\xf4\x0c\x82\xadA\xa0\xb5\x1b\xf5\x8f\xc2\xe15\x91\xde:V2\xceEX\xf1\xd8\xfaP\xd2\xaf\xc4\x91\xfd\xd0\x1a\x86UX\xd8F+-\xa5U5\xc1\x9aP\x96\xab\x80\x9d8A\xa5\x86G6\xbc\xc3\xe0m\x08\xd9R\x95\xd2j{\x18&amp;\xd3\x8e\xfe\x95\xe3\xbf\xb4\x9a\xefOZi\x16\xc7w\x12^\xef\x1b\x13\xdf4\xc5&amp;e\xbbD\x8c\xf5\xb2\xa8\xd1\xcb\x04\x8b\xee\x02\x05[/?\x04{\xe5^\xa1\xb9\xcadY*\x13(\\\xb5#dj\x84`\xb0]\xc4&amp;\xd5\xd2\xd0\xca\xccJHfm\xc3\x0e\xd4vc\x9a\x1d\xde\xe8vbc$\xb5\xa92\x92\x9d\x99\xcd\xa6\x8e\xba\xfe\xa8\xd3Q\xf7&lt;8\xf3\x1f\xdc}\x12$QL&gt;9\xe7p\xce\xf7{\x9e\xdbK*4\xa3v\xa9\xf4\xebW+_q\x8f\xf5\xfd\xa3\xcf\xa7:\xe2^\x0ck\xf3\xda\x9c^,F\x10\x04\xc9\xda\xba;\xc1,~\xf418\xec\xabhU\x89\xb0\x9a\xd1\xb2\xb9\x1b#A \xea\xec\x8e\xc77\x9dz\x8d\x86(a\xbd\xe2\\o\xf1\xaa_&lt;\xfagG\x87\xd3\x99\xc9tvwc~\x82\xf0C\'\x05\xf5iF\xc6\x19\xa2u\xf1\xaaY\xad.-P!\x97\xe6\xee\x9a6\x15\xa1Q&lt;x\xa0#$*Z\xa3\xf1\xd8\xc3\xd2\xafW\xb8\xc6\x82nZ\xfd\xed\xa3\xcf\x1a\xa0\xbeA\xd4u\xb7\xa9\xfc\xa4_%\x93\xc9\x04\x08\xa4\x06\xcc \x98TsD\x101\x97\x92\x88Vq\xa7X\x99\x1e:\xbd\xc6\x13\x93Q\x94V\xa3e\x1a\xa4\xed+\xdf\xdc\xe2\xbak]\xae\xfe\xf6?cR\xcc\xd9y\t\xa8X\x16\x98(=uB\xd5\xdc\n\xf6\xa6\xdb\x16\x11\x08"\xea\x93\xe2:U\xab\xaee)\xbdR\xebr\xb9\x08\x1f|\x98\xf2I\xa4\r\x0fW~\xe0v$\x96\xdfZ\xfe\xe9\xdd\x8b\xd7ca\x0c\xa2\x95I\xb0j\x96e\x052\x96\x05\x8b\n\xb1j6\x9b\xcd\xb6D\x02\x82\xa5\x864&amp;\xd4\xf0\xcbZ0\x89\x02\x8a\xd6\xba4\n\x97R\xc6\xc27\x00\x93H\x1f\xae|\xcf\xed\xec\x99Y\xcev\x0e\xcfOL\x85\xd1Pic\x05%\xdf\xcc\xaakQ\x897\xb7&amp;l\xad\x80\x15I[\xd3l\xcd)p\xb4\x95\xb5\xa8{\xd5\xd6\xb2zZ\x0bJ\x02\xb0\xba\xbb\x81\xcb\xf1p\x85\xe3n\xbaC\xa4k[\xaf\xf5O\x85A\xc7\x00\x95\xac\x05\xf9\xfb\x13\xac\xe6\xe6D\xa25\x93\x88\xe4s\xc1T\xbd\xb8\xc5\x86rY\xa9&gt;u\x1emGX\xca\xad\xd5j\x95\x14[\xd3\x0c\r\xc3\xf1\xf0\x15\xc7n\xff(\x9d\xdb&gt;\xd5|\xad#\x0cCX\x00%l\xb5Z\xcf\xb6\xa05\x03p%T\xde\x8c \x97\x0bF\xd7@\xcd/\xe0,d\xb4\xf2\xec\xc9\xae\x19\x86\xa4\xd5m\xa5Z\x04j\x9b\x17\x03\xaco\xbe\xba|\x8f\xcb\xad\xcd\x91&gt;\x14\x12\xd4\\\xcb2\x8cD\x05Ln\xb7\xb5\x11m\xd7\xce\xd7\xaa#\xe7\x05\x91D:\x19L\xddY\xfb7:\xd1P:\xf1\x91\xb9\xb1\x11\xed\x01\xa1\xfcax\x97V\x83\xd0~\x19\xc7\xc3\x7f\xfc\x17J\xf4\x1egk\x9b\xf2\x1f\x0b\xc1\xb9=u_\x07\xe3S\xc9\xf4\xd6\x12\x17\xc4\xeb\xec\x99\x96&lt;\xaa\xb2t\x10\x8c\xc5\x87\xc0\x84^\xd1\xa05b\xa6\xe4\xd6\x96\xd2\xaa\xb9\x16\xad\xa0\xd1nI\xa2\xf2\xd9\xdb\x07\xa6{\x87\xec\xef\xab\xb92e\xd5os\xc9\x82U\xf2\xb8\x81\xf1\xf9\xfcz\xb7\xd5-\x12\x976\xdd\xa0b\xac\x025\x95Z\xfb\xcd\xd6\x16\xe40\x1a\x85\x88\x81-K\xe6\xd3I\xb9\xb5\xb1\xb4\xc5\xa9D\x8b\xde\xb3-\x94\xcc\xe7\xb7K{k\xce\xe7\xad?r\xb6\xab\xbc\xb7\x95\xcb\xa5\xf1\xf0|\x03\xc3\xf8I\xa5\xdb-\x92\xcb\x81\xab\xaaN,OV\t\xd4\xa2\xb5\xa8\xffn\x1f\x91\x02C\xd6sg\t\xe1\x05i&lt;\x89\x8b\xab\xea\xd0\x9d\xc6\xd9Fk\x95\xdb\xed\xd6\x93\xa4=\x8c\x9di\xcc\xed=\xe1\xec^}f)WGuI\x17\xa5\x08K\xaf\xff\x05K\x0c&amp;Z\x9cO\xe4\xa2\xa9\xf5\x9b\xd7\nA0d7&lt;\xd3\x93\xf1+k\xd1P.\x192&amp;\xc5\xe8J\xa3\xae\xce-\x12\x89\xdc4\x01X\x8c\x15_\xdd\xbb\xcf\x11\x16\x8f\xb7S\xd8\xcbG\x88\xa9q)\x13\x8b\x01\x96\x15a\x81:6\xd6/,\xd4WE\xf2\xc1\x9eT\xba\xd0\x83\x9c\xd8\x9d\xa5\x86\xbbwU=\xd1d\x0e\x0f\xd6\xd7\x1b\xc5h\x87#\x16\xe3"\x11\xad\xa5I\xbb\x94L\xa66s\x7f\xe0\x0c\xeb}\xfeL%\xeb\x9f\xfe\x19\x0b\x92\x88#\xc9\x8e\xa8\x00K`\x8b\x14\x92\xc5b(\x14L\xa5\x82Ks\xdb9q0i\xb5\x8a\xd1\x1f\x81\x0b&gt;\'\x97C\xb8h\xc0r\xb8\x16z\xd6\x92_p\x85U~Typ\xa6\x8a\x9e\x9c\xe8\xb0\xdbc~\xa5H\x84\xcb\xbb~\xa1\x12\xb7Dl\x9d\xc3\x19\x89\xdf\xaf\x042-Q(\x14\xea\xf2\xf9|#`\xf5,\xd4\x1b\xe1cI9\x8e\x8bh%M\xd8\x1d\xba\x85+\xd1 gX\xbc\xa3\xf3\x07-r\xed\xf4\xc4\xb4\xe3g\xac.#P\xa1#\x16\xd8l\xdd\x99\xcc\xb0\x13\x93\xf8\x0b!\x17\x11\x8b\xf9\xdb2f\x18@\x8d88\x7f\xe0\x82\x03\xc1\xc2\xddJ\x02\xb0\x14\xc6\xe0\xeaK\xce\xb0~u\x149\xd0w\xb9\xc6\x02\x03R{\x8cT\xe2\x80\xd5\x85\xa8\x8c!Z\x06P\x9dW\x87{\x9d\x98\xca_ HeL"\x918\xcdhlS8\xaa\xbczc\xbd\xb1\x0b\xb0h%\x01\xb2Y[%\x0e\xee\xdd\xe1\xae\xb6"\x07\xf4\x15\xc5\x94\xe1z;DK\xaf\x15\x89\xe4\x08\xcb\x88\xd3\xb26P\x85\xc3\xc3\xbd\x19\x98\xdfiHT\x81\x06m\xe8\xcdd\xcc\x89\x08KA\x1eK\x11\xed\xc2q\\K\x13\xa3\xed\x93\xfe\xba\xaa\xe4^\x8a\xb3h\xed\xe4\x0fB\xbf/NY\x02Sa\xc6\xaf\xa4i(.DE\xa9\x90\xa0\xf0&amp;\x12\xa0vZ[\xcd\xc0\x12I\xd8\x12^\xaf3\xe3\xf4\xda\xdaX\xea$\xcf\x08\xcb\x85\xa25\xf6X+\xcf\xe5\xf6\xb9\x8b\xd6\xed\xed|\xc8*\x18\xb2X\x06\x00\x8b\x16\xa1~j4\xe22\xf0\xceq\x0cTN\x04dC&gt;\xbf\xbf{|\xdc\xba\x9bH\x98!t \xf7\xdb\xdaX7\xaa,\xc0\xea\xc2\xb5J\x92\xb0\x7f&gt;\xa0\x08\xe6\xf6\xf6\xb9\xea\xf2&lt;\xdeL!\x9f;8\x8e\x1b\xf8\xf3%\xe3\xa3\xd4\xbb\xf1.9\x85a\x98\xc4\xe7\xa3d0\x14\x0bsp^\xc2\x81\x1f\x87\x89\x0c\x0b\xa9\x84\xbf\xaa\xa0\xbf\x01\x97Q\x0e9$\t\xc7\xf5\xa9;=\xb9\xfd\xbd\x9dr\x8e\x86\x0fo\xa6\x98\xde;&gt;\xc6L\xc2\xf1\xe98C*\xf5\x14t.Z\x85\xc5\xc3\x84K\xe9O\xa7\x0b\xc5\xb9\xa5\xad-\x00\x9bE\xaf\xd9\xa2L\xa5W\x921\x9f\x04\xd3\xd3\xa8\n\x8d!\x10]\xe4\xe8\xd8\xb8#\x1a\x15\x1f\xcc\xcd\x94s\x95\xc4{\xbat\xfe\xf8\xe3a\xd3\x85\xc0g\xd2\xb0=\xe6\x03q\xe3\xa6$afT\xa1\xd0n\x97\xa0677Wg\xd1Y\x05\xbe\xe2v\x1aT\xbc\x87\x94\xf8h\x11\xcc\x02\x84E\xc4\x1c\x8b\x01&amp;Y/&gt;\xf8\x82\xbb[\xc5\xeae}:\xb1\xbbk\xba`XD\x1b\x1b\x0c\xa3\xacz\x9f\xc4&gt;\xaa\xbb\xffDW,\x16!FK[\xab\xb3s\xab\xab\xab\xb3\xab\x9b\x9b\xc0U@b\xd9\xc50\xb4\xdb-7vA?#\x99\xf6\xd7\xa6\xcc\x9e8\x97~\xcf\x99\x0e\xe4\xf1\xde\x11\xa1`\xd1n:m\x19_\x9c\x9fj\xc8zez\n\xbc\xbe\xee\xcd}\xdd\xa8\x7f{{{c}}}c\xe3\xf0\x10\x15\x17dqi\xaeX\xd4(n&lt;\x18e\x94"7.\x0f\xb9\xb4\x04\x13\x1e3\r^\xda\xcf\xe5\x8a\xb78\\\x81\xefx\xd2\x8a\x07\x0e\xc3i\xbe\xc9\x14\x18\x18\x98\xec\xf5b\xce\xde\xb0\xe7\xcd\x1b]\xf6\xd3O{\xd7Kg\xbftv\xe1\xac\x03\xe8\xb6Gq\xe3\xbe\xceC@\x8f\xc3qp\xdfL\xc7\xbce\xf0\xe2A\x1d\xfdd\x86C\xd1\\\xfd\x96!5\xf1\xc1\xd3B&gt;\xdf\x14\x18\x9fG\x97\x18\x8f\x87F\xdf\xe8\x88\xbe\x9b7\xaf\xedn\xa00\xbd&lt;&lt;\xdc89\x082\x9b\xb5+\x9e\xbc\xf1x\\\xb4H\xab\x8c\xc5\x18\xe9@\x80\x8f\xb0\xc8w\\&gt;\xc5\xc8\xbb\xbd\xec!\xb2\x83eM\x15B\xcb`\xe0z\x7f\xff\xb3g\xfd#v\x9d\x86\xc4\xa0u\xae\x03\x16\xd4\xfa\xea\xec\xcb\xd2\xfb\xec\xdc\xe1\xc6\xee\xdd?\xf71:\xc0&amp;H\xd2\x17n\xe8\x98\x9e\x1e\xb74Y\x86\xf6\xea\n;\\z\x1f^\xf5\xad\xb7\x9e\xb0\xa9\xec\x83\xb2\x8a\xef,\x86\xd7\x13\x81\xe7\xcf\xc7\xfb\xa5:p\xa6\x94^_( \x1a\xf4U\x9cCo\x9b\xb3/7v/^\xca\xfa]\x0f\x14$\x16\x8f\x0f\r,\x0e\xcc_7\t\xcb,\x8ePzk\x86SK\xc6\xab\xdey\xeb0\x94}\xd0\xf4\x94\xcf?g\x80\n3\x8d\xcfK=\x04IQJ-\x12Z\xa9R\xe3\n\x96\xe8\xe6\n\xe9HDF\x96\xbe\x8cq\xf4\xc0\x88\xe9u\xc0d\xa9\xa80\xb5\xdb\xedG\x1c\xdf\xf9\xf0.\xdf\xfa\xe9\xafM\x90E&gt;\x9fo1|b0\x98\xc6\xc7\xa4\x8c\x049!&lt;\xa4\xd1\xfa\xc3\r\xd9\xa1l\x96!\x8bK\xa9`0\xa4\xa5\xf5\xa4\x12d\x8eG\xfa|b&lt;`\xb0X\xf8O\x9b\x84\xa6\x81\xd1e\xce\x9f/\xe3U\xff\xfd\x87\xdf5\x95]\x00\xac\xef\xf8P\xfa\x16\xd3\xe2\x00\x80x\xbd\x98\x9f\x91\x0c\x8d\x8c@\xb9\xfdqbdRBj\xae\\Qh\x94*\x95\xcf\x87\xc5\xed\xed\xa6A\x83\x01\xfeE\xd8\xd4$\x0cL-\xefp\xfe\x80\x06\xaf\xfc\xf6\x8b/\x7f]\xd6$\xe4\x0b/T\x08\x85\xe7\xce}bz62\xd9\xdb\x07\xb2\xa6\xb7\xaf\x7f\x02=\xa2\xfb\xa7\xc1\x89\xfe\xc9l\xcc\x05}\xca\x17\xf7:;\xa6\xa7\xda\x17\r\x16`\xaa\xa8\xa8h*\x13\x8e\xff\xeb\xfd\xff\xe1N\x987\xf3\xe2/\xbf\x85,&gt;\x85T6\x01\x19\xdf\xf2\xb7\x89g#\xfd\xff\xa3\xe5lc\x9aJ\xb38\xee\xed%\xd1V\xa4uo\xdb[\x08\x97\xa6Fj\t3$H\x13\xeb4Zj\xe4\xa5\x89\x19\x10\xc5TL\x90\x92\xb0\x1f\x90"\x06\xad\xc8K\xab\xb0\x06\x82\xbc\x1ac!\xd8\xa1C\xc8XB\x065d Nx\tT\x022YGBvC"\x93\x89\ta\x8c\xba\xf1\x83\xf3\xc1d6\x9b\xfd\x9f\xa7\xf8ig\'\xb3;\xdcC[\xa4-\xde_\xff\xffs\xce\xf3\xdc\xf6y\xe8hi\xe8h\x18\x08\xf8\xfd~\x90\xceC\xaf\x1a+\xce\xbd3o\xde\x1b\xffne\xc5\xf7\xc2\x03i\xa7\xa6$A\xb0\x1dx\xf2A\x8e\x0f\xf6w\x14\xbc\x8d\x1c\xb0\x01I@\x88\x12\x92\xcc\x1bp\xcf\xb7MO\xcf_\xb80\xe1\xa5\x95\xcc\xcd\xde\xc0\xc4@G\xfd\xa5/o\xd6\xdc\x1c\x9f\x1e@]\x14\x17{~\xb2\x90T\x9c\xed\xd3H_H\x9ee\x10=\xb3Y\x9a\xdd\x02\xc7B\x14\x9d\xcd\x16\xb3\x1f \x14~\xaf\x19T\xcdf\x7f 0\xdf\xd01&gt;\xde1&gt;=?\xe1/v\x17\x9b\x8d\x16\xa7\x94-\nBv\xfbkyV$\xc5\xe9C\xeb\x93\xf1Z\x9e\x139-\'\x88\xa2\x04,\xd0\x04\xe0_\xc0\x0b&amp;Ij6{\xfd\xfe\x89\xf9\x0b\xe8\xb5\xd3\xeeb\x8f9\xc5\x93b4J`\xe2l6\xdb\xa7\xaf\xe4Z\xf9\x13Zxw\x80\x94\xe29!\x9b\x93\x90\xf7\xcdf\xb3\xc5\x1f\xf0\x07&amp;\x08\xabYj\xf6{\xbd\xd0\x0b\x02\xba\x03x\xc4\xe9$\xfb\xa0..\xccC\xb9\xd6I\xf50,\xad\x92\'\x17\x9dFI2:\x9dfZ-\xef\'\x0f\t\x0bT\xb8 \xcf\x9c\x92S\x12E\xe0\xb3\xd0\xda\xb2^\x8f\xca\xb68\xb0w=K\xab$.-\xb0\x04\x1cV\x92$\'2\xca\x0f\x99,\x94[\x84\xe8\x85\xb5l\xa3\x81\xc8\xf3$\x94V\x8bKR{X\xbe\x15\xd7\x05}o\xb8\xd8\xa6\x0b-/"\xbd \x07\x143S\x19\x9a)\xcf\xcc\xb0\xd5c\x06\x1d\x83\xda\xa5\x04\x8fV\x8b\'km\t\xed\xe1\x1e\xd9\x96\x06\xea\x17"\x84\xa5U\xee"0\x1e\x87\x86^N\xf4\xd6\x14\xb3\xc5BW\xa3\x11\xa6Z,\x16Id\xfbE\xf0L\xb6a\x84#\xac\x19\xd9\x96\x06\xea\xfb\x1e\n\x1c\x1d\x0cGB\x86I"/0,pY\xd0/\x80\xe5t\xb2\x1b\x91g\x9226\x08\xc6\xd9\xb2\x9fn&gt;\x92M\xad\x0c\xc2\xc2\xeb\xdf\xa9e\xf6\xa0UPgE\xc1\xc5F$#\x8d2\x10LbbAN\x88\x05,Rk\xea\xe5\x82|\xbbX\xf43o\x04-\xd3\x81v\xd1\xe0V\x10x%/R\'\xa0+!9\xd9\xbe\x1a\x9e\xf4\xa4\n\xa4mRx\xde\xee\x04YW\xc3\xf6\xbe\x14\xb4\x1c9\x88\x83\x92O\x1c,\xa5\x1c\x13%J\xb2\x98P\xd4&gt;\t\x9d\xca\x10\xc2\x92ZZ\xae\xfdYH\xc6\xb5\xc3\xbdO\xa8\xe2\xa9\xe8\xa1\x13\xf4\xe2\x00\x05\x06T%\xed@2\x12\x14\r\x02\xa4&amp;\xe0\x05\x8eR^\xb9\x93\xe3\xa6\x9e\xcc\xc8\xb9\x00\xbc\xf7I6\x8d\x89\xd4\xb9i\xff\x13/\x90(\xbc\x92y\t.\xba\x8f\xc1PE(\x19\xbe\x92}\x7f\xf8&gt;$#\xd5\x8eGO0\xad\xb1\tl\x0e!B&amp;\x0eb\xd1\x15=\x8ag\xb1\x8b5\xab\x98Z\xb1\xec\xc27!;2*\xebn\x8c\xd0\xba\xc7\x92\x1d\xc3B\xf01C\x95\xa4\x1b\xd0(\x94\xbbv\xc6\x0c\xa4\xd1\x80\x8d\x9f&lt;am\xf3\xe7\x88\xff1\xa1\xff\xb0\xe2\xa1\xd9\x13\x06;\xc1\xc6m\xe5=\xa57\x05\'\xf2\xac\xf4X)\x90V\xf0\x9a\x17\x95Z\x9b\xd3\xf2NV\x0fw\x14|8\xeb\xf3g\x0b"M\x06\xa9\nQ\x96J\xf8Fz)\x99^\x1c\xfdD\xf7\xa3\x1c\xb7\\\xe4\x04o\xdb?\x0bd\xc6\xb2\x8eL\xd0t\x13!hy\xd6 \xd0\xc8)\xed\xe1\xa8\x18K.\xe5\xc7\xa6\x85[\xe5n\x1bg\x1c\x18\xf9\xbb\xdcX\x995\rn\xcc\xeeh\xea\xcc\x1c\xe4c5\xc7\x93qT\x88\xca-\xb1\xb8-\xa9l\x9c3\xd0\xf1\xa5\xfcX\x99\x8fG\x06\x88K .\x1e-\x8b\xbc\x13\xb8\xad\xfc"[1\xe0\xd0\x83\xb1\x8c\x17\xa5@\xc3%\xab\xccX\x19\xff\xb2\xba\xac\x99\xe3w\xdd\x98\rO\x11\x19/r4\x8b\xe6b}\x1d?i\xa1\x130I-&lt;,9\xbd\xf3\r\x8f\xf7;\xe4V\x0bX.\xe8\xe5+fg\x7f\x94\xfc\x1c#\x13\xd0\x15va\x0e\x86\xf2\xa3\xd6@biQ\x17\xc6\xe2\xc6\x9b\x99\x85\xc7o\xfc \xb3Z\xbft\x81\xcb\xda5\xb2\x82\x04\x03\x19\x86e\xea\xab&lt;\xb5W\x0c\x8d\x92S\xa0\x11\x12&lt;\xb8\x9f\xbd\xbds\xf7l\x85\xeb\xda\xf1oN\x15\xc8\xba\xcd\x1aX\x99\x99.\xc7\x8d\xae\xc3w|/\xdc\x1e\x0f&amp;W\x12M\x1b0\x7f\xa0\xc9;\xcd\x1f0f\xd3\xe9-N\xc3,\xe6b\xdf\xd9\nz\'\xdaq\xeaQA\x86^\xbe)\x84\xfe\x97\n\xa8u\xe3\xc6\xf5/\xbe8&lt;\xbc\xd2\x86\xf3S\xaf\xc7C\xd3Q\xf2\x14\xae\xb29\xa03\x9b\xcem=)\x1e\xb7\xef\xec\xf5\xd2\xd2\xd2\xe3\xfb]U\xef\xdf/\xcc\xf4\x84\xe4\xdaH\x96\xf1s\x95\x0bX\xe7\xce\xe5\x9f\xbbQqx\xf8\xce\x99\x15\xf7\xdd\x17\x01\xbf\x07\'\xaad*X\xcc,\xe9\xbc\xee\x17\xbe\xbb\xbe\xe1\xaes\xf9\xe5\xe5WJ\x1d\xae\xcc\xbb?=|\xf3r\xbd\xafW\x16\xb08\xfd\xcfU\xa4V~Q\xd1\xd5\x93\'\xbb\xbb\xbb\xab\x87\x1b\x1b\xbf\xba\xef\xbb\xef\xf3\xad\xd0\x99}\xdb\x0bw\xb1\x1b\x976_\xe3Huu\xd7\xb9\xa2\xa2\xf4\xf4+W&gt;+uYW\x02\xcd\x98h\xb4\xbf\xc3Y\xd9\xb6/,\x8b#\xack\xb4\xb8\xe6\xe4e\x8a\xab\xdd\xddU]UU\xd5\xdfW\x7f?&lt;&lt;2\xde\xd8x\xe6\xccW\xdf\xad4\xde\x19&gt;S]E\xef\xdb\x14\xd9\xd3\xed\xf6\xf4+\xe5\x9f\xed\xcf\x1c\x9f\x1e \xb0\xa4\xc8\xc26\xff\x91\x01\xa2*\x98\xf9G\xd75z_2\xff\xf2\t\x8a\xcb\x97O\xd1\xda2v\xbdz\xf5\xd4\xd5\x1fp\xdbMK\x9c\xc1\x8c\x87\x8f\x95\x1d++KO\xff\xa4\xdcQx\xf1vKC\x9b_\xd2~\xe4\xda\xb6\xa5\x10\xfaG\x0b\xcf^\xff\xf5N\x85\xcbUz:\xff\xfc\xe5\x13yC%yyyC\xb4\x18\xf7[\\\x06s\x11\x83\xdf\xe2\xdfC\xb8//\xaf\xac,\xa7\x8c\xc5\xb1\x83\x9f\x94\x97\x12V\xfd\xc5\x86\t\xa7-\xe1\xe9\xab\xb73\xa1\xed*\xcb\xb8\x82\xd1w\x0fS\x02m\xe3\x15.\xc77\xa7\xf3\xe9}\xd1\x12DN\xde\xd0P\xd3`pp0\x98\xfb\xf5\x83#G\x1e|\x9d;\x18\x0c6\xd1\x03\x14e\xc4v\x0cj\x1dgX\xad\xf5-~N\x95\x10m\x8f\xac\xf7\xf5\x14l\xc3n\xeb8}\xa8/"H\x81\xe9\xe9{V&amp;\x96\x1d\x07\xc5\xc1\x87r\xf2J\x9a\x10\xa4T\xe2\x11\xc4\x83\xd4\xdc\xdc`\x13q\x95\x94\x1c\xca9Dh1\xac\xfa\x06`\xfd\xb9u^\xb4%%\xecM\x88N\xbe\xee\xeb\t\xfdQ\xc1\xf4\xa1\x99\xcd\x88\x8d\xf7O\xdf\xbe}\xcf\xeap\xe4\x17\x11VI\x1a\x93k\x88Q\x81&amp;5\xf1\x08\xbe*S\x93\x93\t+--\x8d\xae\x87r\xca\xec\xe9db}\x0b\xb0.\xd5\x0cH\x9a$\x95&amp;I\x11\r/-\xbd\x1d}\x94\xf1\xc7\xfc[\x8f\xb4\'i\x9b/\xdc\xbe\xddP\x93\xe9(\xcd/J\xb7\x97\x01+M\xa7\xd3\x01a\x08X\xc1`0\x97\xb0*+\x8fV\x1atM\x0c)\'\xed\xd0!`\xa5\x1f$\xb5Z[.\xd6\xd7\xd4\xd5\xb4\t\x1a\xb5J\xa5P\xc7/wvn\x8c=\x83\x97\xff\x97b(\x99\xd0\xc2z$\xba7I\xcd\x9b\xff\xb2\x85u\xden\xb7\xdf\x02\x96Ng2\x99\xc8\xc3 \x99\x98\x9b\xfac\xe2\x8f\x89\x90+7\xa8K\x8b\x05\xa5\xd81{\xcc\xc4\x18V\xb1\xa0Rk\x80\xa5Z|\x0e\xb0\xa5\xe5\xe5M&amp;\xd9\xff\x96f\xe8\t\x193\x9b\xcf\xa3\tI{\x13\x18VC\x07\xb0N\x9fO\xb7\xdf\x8aa\x01L\xc7\xa8R+S\r&amp;Ce"\xb0\x92\x83&amp;\x1d\x13R\x1731\x96[\xad\x17[.\xd6\xd4\x8d\xa7\xd8T\xea?\xa9\xd5\n\x85B\x1d\x8d\x8cu\xae\xad.\x87\x97\xdf\xb2\xbf\x97\xf2\xbb\x13-N\xaf\xcf\xe8\xe9\xdb\xd8\x08G\x15I\xaa$\xb5\xe8\xfd\x88u\xe5\xbc\xfd\x16\x99\xd8\xa43\x19LA\x1di\x95ZIIU\t\xadRS\x93\r:\xa22\x99\x88\x0cr\x1d\xa4\xbe\xd5Z_\xdfZW\xe73j`\xa1F\xad\xd8\x1by&gt;\x19\x9f\x15Y\x9e\xeb\xef\x1c\x0b\x87af(#\xeew\xf5\x8c\xb8\xb8\x8c\x82\x9e\xbeg\x1bkk\xb3\x80\x82\xf4\x82\xf9B\x0b^1a\xa53\x0f\x9bphC\xb2\xc1dbT\x88\xa3\xc8\xadT\xe2b2\x1a\x0c&amp;\x12\xec\x10\xe4*w\xd4\xd5\xd4\xd4\x15f&gt;v\xdbT\x14\nM\xfbFmgx1&gt;J`\xfdsc\xaf_m.\xf4\x84X\xcf\x88\xfbm(=\xa0\x96\x96:\xfbW\xc3\x8b\x1a\x95F\xa3R\x0b\xcd\xf3\x94\x1f\x84e\xff\x88\x85\x83\xe7\x02\x0b(\xe0!\xacD\x08\x96l"\xa9\x0c\x0cK\x97V\x82\xa4?\xed($,kc\n\xb2J\x83\xa4WL\xce\xd5\xd6\xd6\xce\xcd.&amp;\xecy:;\xd6Y\xdb\xbf:\xb6&lt;\xc6\xc8~\xdb\xcc\xb8\x8c\xde\x85\xf5\xb1\xd5\xfe\xb9\xf0\xe4\x1e\xbc&lt;\x80\xa95\xce@\xcb\xe7\xad\x97\x18\x16y\xd8\xc4\xd42\x04\x93\r$\xd6Q`%\xb2H\x05\x0f\x05s\x11i\x86\x16q\xe5zf\xdd\xa5:\xebaw\xb6Z\xadA\xa84\xed\xe1\xd5~\x02\x0bON%d\x11Y\xff\xda\xea\xd2\xd2\xe6\xdbQr\xf3\xbf\x82\xe9{\x176\x976:Wg\'\xf1;\x93\xf0PE\\\xe6i`Y\x1d\xe5\xe7\xede[bA\x12Cr2\x01U\x92X\x14\x95\xfb\xf6!\xb9t\xb1\xe4B\xee\x11Wz\xa9\xab\xae\xae\xf0\xfa\xfd)\x05{\x89I\x1a\x8d"~qv\xa3\xbf\xf6o\xb5sc\xcf\'\xa3{\xa2\x93\xcf\x97W;\xd7:;W\xe7\xfaF{z\x7f\xfdCv\x8c~\x9bK\xabk\xab\xb3\x8b\xd1\xc9\xf0\xdcZ8^\xcd\xc0\x92\xb2\':Z\xeb\xac\xb4$8\'\x07I\x9dFX\xc9\xc9\x06\x86\x95x\x14T\x95H\xae\xa3\x95\xfb\xc8E\xea\x1dd$\xe5\x7f\x8e\xfd\x1c\xb0\xac\xc3\xc5\x94Y\xf8\x9f\xd4\x1a\x05\x8a\x08`Kk\x00Cj\xcd&gt;\xcd\x8a\x8f.&gt;\x9d]\xde\xe8\\[[\xeb_\x18\x9d\xf9\xb5E\x0f\x0c\x8a\xeck\x9f\xddX\xab\xad\x1d\xcbR\xc4\xb0T\xc6\x81\xd6B\x97\xe3\xbc\xfd\x04u\x07&amp;\x97\xee\xdfu\x9cOH\x1cg\x18\xc6\x97\x81\x99Mw\xfe\x8f\x06\xe2\xb0X\\X\xd2\x8b\xbd\xac\x87\xb9\xc4\xee%&amp;\x87@h\xc5\x10\xc8\xa1\x17\xa1 \x14\n\x06z\x89\x90c\x99"T\xe8!\x1eZ7Z\xd2\x85\xb0\xae\x95\x05!,\t\xcb6\xacZ\xac[D\xd1\xa49\x14\xb4\xf6\x9f\xa7\xde\x82\x94&gt;\xcf\xfb\xcd\xae\x1bl\xdf\x84\xcd\xce\xb2\xfb\xcdo\x9e\xf7y\x9fo\x16\x83r\xea\xfc@\xa7F\x81\x97\x13\xb1\x86&gt;\xba\xd4\xc5\xbaq\xfd\xfe\xc8\xc8\xc3\xcf\x8a\x10*\x14\xcbk\xa1\x83\xb2\x11^;\xd3B\xb6^*\xc76\xd0\xcaD\x03\xd7\xb9\xf1\x9b{\xbes\xd8\x98\xdd)m\x14\xe2\xf6\xfa\xfe\xfctcs\xc3r\x91\xcc\xae\x1b\x86\xd1\xc7?&lt;\x84X\x9f_E\x84\x12kH\r\xdc\xa5\x1c\xfb\'\xa1\x05\xf3w\xc4\x82\xc3\xa0e6;4s\xf5\xee\xf5\xfb\xef\x8d\xfc\xf4\x0e2K\r\xa2\xe6:&gt;\xca\xf1m\xe5+\xb8l\x1e\xd9\xfal\xa3\xd5l\x16Z\x1b\xed\xd2\xf2\x9b\x89~s\xeeqc\xa71{X\xda\x88\xe36\xdf?\xbb\\.\xd8!W#VX\x9c\xb8w\xffCh53\xc4mG\xa4RXI!\xbb\xb2\x14\x8b\rdtd\x91\x16\x82u\xe7\xeb{\x83^\x88\xcb\xe3\x05\x06Z\xe8\xfb\x96\xe58\xbe\xe5[\xcd\x18d;\xfb\n\xed\x10hq\xc1\xb6\x0b\xbd\xe9y\xf3\xbb\xa7\x0fv\x1ah\xf5Z\xa1\x95@\xb5c\xdb\xb7-0a\x842\xe4\xba\xfd\xc9\xfb\xd7\x16g\x86\xb22\xfe&lt;7+\x07C\xa1y,p)\xacl.\x9f\x1d\xc3\xc1\xd8\xc5\x99kw?\xb8\xf3\xe5\x84\x17\x86\xae\xac\x13\x04\x9e/e\x11\xce\xb2\xa0\x19\x1c\x0f\xbb\xec\xa2\xa6\x81\xd6^+\xbc\x01\xf5|\xbfq\xb8Yn\t\x14\xd8\x01\xe5+\xb5]\x8d\x13\x04.\xb7x\xfb\xd68\xf6\xe6&lt;\xfedq\xee\xac\xa8\x95\x05M.\xa1\x12\x95\xf0j^\xfa\x89\xe73\x8b\xd7n\xdc\xbd5Qt):\xf3\xc14\xa2\xb0\x83\x84\xb2m\x0b\xb25[B\x96\xa0-w\xef\x12\xe6\x9e&gt;~\xf0\x17f"n\x95KH\xd1\xf9\x9d\xcdrl9\xb8\x16\xd1\x9b\xa6\xf7&lt;\xc6}qbi|A\xe5\xfaX\x96a0\xa4\xc6\x91\xed\xe3\xc1P\x12\x1a\x10\x0f\xbb6jf\xf1\xea\xf8\xad\xdbE\x88\x85\xbd\x02X\x81\xa1\x1b\x81\x96q\xfc\x84\x89\x0f6)\x9bk\xe5\xd2rc\x9e`\xbb*\x11\x04\xea\xd7? \xd4\xda30M\xef\xafsf}\xcb\x96\xeb\xf1}\xba\x14\xb6\x90&amp;\xf8\xc7[G\x0b\x08\xf6\n\xa3j4Gy:\xbd\xe43\x9a\x8bT\xc0\xaaT*\xa0\x82Z\xdfL\xf0\x92\xe8OO#\x15\xca\x0c&lt;\x01S\\\x82\xc6G1\xda\xec\xf4n\x17\xea\xe7_Z\x85\xb8\xbc\xc9\xf0\xdd_o\xb7\xac0L:O\xa8\xc00\xa1W\x88\x8d\x1f\xddt\xea/\xb7\x9f\x8cUd\xf4\x06\xb8E\xe7rB\xa5\xfa\x98\xcd\x01(O\xac|~\x0c\\\x17g\xc6\x1f\r\xf6a^2\x0ev\x1dt\x10H\x86\x9eNC2\xcf\x11\xa1\x12"&gt;8h\x0f\x02\xac\xb4\x9ez\xf7\xab9\x08\x85&lt;\x80\xef(\x14\xd2\xad\x8d\xee\xd1Q\x08\x17\xdfA\xbc\x07\xb2\x96K\xcbjh\x02l6|p\xb405U\xadV\xb9\xd9\xe4\xf3\xa3\xcaV9\xfa\x9e\xd9\n\x99\x18\x15S\x03\x95\xb1\xca\xd8\xa7/\xea\x1e\xc7\x05\xae\xd2\xbc(\x81\xba\x90\xa6f\x81\xb4\xb2\xab\x97\x88 \xfd,\xa4\xbex\xfc\xf7o\xe5\xb8\xa9\x84BzH\xf7p\t\xca\x93~\x18\x99I\x05\x12:Lht\xd29\x06\x98`ao\x1ee\xc2\x0f\x8cNIFTpO\x0f\xacJ~\nl\xd5\xea\xc9\xd1j\xd1%\x14\xdd\xee\xa2\x83(\xfe\xaa5\xc34U/3\x8e:\x93\x92L\x8d\x98e\xa5~\xfc~\xedrs\x83\x1b\x14b\xa3T.\xf8!\xb9\xed&amp;\xdf\xe5;\x10]\xd7\x8d\x84\x0b\xfe\x12\xc1\x98\xf8\xae\x07\xb0\'T:y\x91\xb6\x00\x00\x03\x7fIDAT\x0b_,\xf2\xbca\xe6S\xa4\xfc\xc0\x95I~\xd7\xa8T\xa0Y\xb5\xba\xf7h0\n\x99,\xbc\xa4 PJQ*Y\x91\x8cF\x80\xb1\xect\x11b8"`*nJ\x1c\xec\xee#\xff[~\xc6\x01\x90\xd0;N\x88\xa1\xc1\x1a\xa84\xac\x80\x82`\x9cG\xb9\x07\xc0\xf5\xf7\r\xbe\xd8\xde\xabN\x82ba\x91\xf7\xf1\xaa&amp;\xa5\xf0\xd5\x8cP\xdb\xab}\x01\x98\x9c\x0c]\xe9\x05\x80\x90\x05u \xd1\xf9\xa42i[_\x0c\xd6\x85\xb2\xadT{\xb9\xc1\x8d\x9cq\x00=\x9bjX\xe1+-0u\x05\xd5-J\x1fE\xb0\x08\xbb\xe2\x90\xbb\xbe\xba\xf4\n`\x89D\xbfw\xa0j\x93\xd5+\x93\xd5\xd3\xa5\xd5\xb7#\xec\xc9\x90V\x83P&amp;.2-+\xb2\x83\xa6\xb4\x13\xf6\x12@\xd3\xf3qb\x81R\x03\x90B\x80!\x0epW\x95hI(?\x13\x9dcJT\xeb\x8f"\x15\x16\x00\xe3\x1b\xeb+\xdf\x1e\x9d\xd4jJ\xa2+$\x12\xae\xda\xc9\xd1\xd6J1\xd2\x98)\x19\x8f\xddC\xcb\x14\x95\x98\x1d\x85\x8b\x84\xb5\x82\xc0\x90\xc4\xc0X&amp;P2\xfe)\x89(\x9b\xdbSR\x98&gt;\xcd0\x925\xceW?4w\x99\x13h\x0e\xc3:t\x86\xff\\\xda\xfb\x07d\x02U#Smo\xe9\xe5`\x1f\xee\x13\x18\xea\x90\xca\x84&amp;f\xe2\x07]\x9a\xc7\x13\xa0\x95Q\xa4\xba)\xfd4\x95\xcb\xe8i?\xb5\x11\xdb\x8e\xe4\x87\xaf\x84\n%\xf1t\xf5\xab\t\xb1\xccy\xc9p\x89\x08C\xaa\xc0\x04\xc1\'\x9c\xcb\xab[\xa7\xafk\xaa&amp;k\xafO\xb7V\xea\x11}(\x96B\xf5\xf8!-k\x0b\x15\x04\x8cd\xa2\x02\xa5$^\x0e2H\x08Z,\xa5DS\xed\xc3I2B\x95\x961\xfe\xbf\xe2\xe7\x91A\xb8_\xf52\x80\xc2\x95x\xc5\xe3\x17\xdb\xaf\x84\xec\xe4\xe8\xe0\xb8\x180D\xa0T\x00$\xf8\xca8[KV6\xcc\xb4\x1a\xc6H\x17\xbfBJUj.\x05+\xc9Xq\x95\xc3\xbb!\x99[\x85\x9fV\x86\xeaT\x0f\x99A\xef{\x91\xcc$\xe7\xdf\xf3\xea+\x07\xdb\xa7\xaf\x8e\x0e\x06a)f\x1b\x076\xd1J\t\xdfY\x8b6S\xb6\'\x8e\x11\xb0\x91iq\x1c\xa4\xd0MnJ~JmG\x9d\xf9\x0c3\xa2\x95\xa1\xcc\x95\\\x82b\x94\x7fx\xb9\x1d0\x13P\x84c\x8ca\x17\xd6\xa2\xbe\xfa\xf11\xa0\x84\xc6\x13\xac\x08r\x81\x01oVW\xa5\x141\xe5\x0c\xa6\xb4N7\x15\x95d+\xf8ur\t\x96\x95l\x99\xb8\xc1\xc8\xb8\xa6\xae\x06\xa5\xa3\x97\x9e&gt;{\xd6Y\xba+\x19\xc62\x8a\x8a\x9e\xdcrb\xe64\xb3\x9f\x99\xeb\x8aF\x80\x8b\xa2 \x12\xa9\xa8J\xe72\xfbi.\t.C4\x8b\x94\x0e*\xb6\xd9_\xccT\xe8\xa4,\xab{\xdf\xc3\xfc\xecT\xb7\x8d]\xb5\x92\x83\x0b\xfcU\x98gN\xa1d\xfc\x86\xc5\x89\x83\x8b\xa0\x0eCJ\xca\xe4\xf8\x8bT\\\x8e\xdb\xa0\xce\x9f\\\xf7\xebiQF^\xc1[\xd46\xa2RL\x97\x96\x9a\xa6\x96\x92\x1b*\xd1*\x13\x9cQ%X\xc9C\x0f\x17u\xd7\xf9\x83\xf1\xb7\xba.\x0b\xb4\xc8\xd3z*\xd0\x14\x14b\xc1\xa0\xabtCr\x94\xffO!\xad\x93J\x97\x84\x97\xa16\x95J\x89\xb7\x88\xab\x863\xe5\'1f\xc9\x96\xd5\xcb\xd5\x8b\xf5\x86\xd3\xe4\xa8\xcb\xc5N\x882B\xa4\xa0\x92\xdd]6eI\x03\xc1\xe3\xb9\xfbue/Ce\r\x80ty\x1f\x1ee\x08\xa2\xa8\x9f\xd1\x96j\xb5Zq\xcc\x87B!.\x0c\x0f7\x87\xf1\xc0\xba|V\xff}\xd8y\xb1^\xc7\xf3\x02?\xddS\xdd%\x86\xe5/\xdfq\xf6\x99au\xa0\x0e\xcf^B\xc9Gy\xf0/\xf3\x14\x1b\xf2mA\x1fI\x00\x00\x00\x00IEND\xaeB`\x82'</t>
        </is>
      </c>
      <c r="M261" s="3" t="n">
        <v>45492.67649305556</v>
      </c>
    </row>
    <row r="262">
      <c r="A262" t="n">
        <v>870760</v>
      </c>
      <c r="B262" t="n">
        <v>1999</v>
      </c>
      <c r="C262" t="inlineStr">
        <is>
          <t>Raul</t>
        </is>
      </c>
      <c r="D262" t="inlineStr">
        <is>
          <t>Raul</t>
        </is>
      </c>
      <c r="E262" t="inlineStr">
        <is>
          <t>VOL</t>
        </is>
      </c>
      <c r="F262" t="inlineStr">
        <is>
          <t>VOL</t>
        </is>
      </c>
      <c r="G262" t="inlineStr">
        <is>
          <t>VOL/MC</t>
        </is>
      </c>
      <c r="H262" t="n">
        <v>180</v>
      </c>
      <c r="I262" t="n">
        <v>23</v>
      </c>
      <c r="J262" s="2" t="n">
        <v>35256</v>
      </c>
      <c r="K262" t="inlineStr">
        <is>
          <t>Right</t>
        </is>
      </c>
      <c r="L26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fde803d-5065-4e5c-acdb-64907de317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aa+\x14\xb5\x00\x00\x00&gt;tEXtComment\x00xr:d:DAEewil2SDw:3129,j:9030118292309124670,t:23082714\xb3\xea\x8f\xec\x00\x00\x00\tpHYs\x00\x00\x0e\xc4\x00\x00\x0e\xc4\x01\x95+\x0e\x1b\x00\x00\x03\x00PLTE\xff\xff\xff\xd1\xd7\xee\x0c\t\t\xd9\xde\xf6\xd5\xda\xf1\xfe\xfd\xfd\xd0\xd5\xed\x02\x02\x02\xff\xfe\xff\x07\x06\x06\xd4\xd8\xef:"\x19H-"\xdb\xa5\x8e\xdf\xa7\x91\xde\xb4\xa3\xdd\xe3\xfa\xd3\xac\x99\xe1\xac\x95\xe1\xe7\xfaB(\x1fM0%\xda\xe1\xf8R/$I1+\xd7\x9f\x89\xd6\xdc\xf5\x0f\r\x0e\xde\xe1\xf7\xda\xa1\x8c\xde\xaf\x9b^7*O4,\xd2\xd9\xf1\xe6\xb0\x9d\'\x14\x0eW3\'\xde\xb2\x9f\xc7\xce\xe7\xc4\xca\xe3B-)\xdb\xb2\xa1\xd5\x9c\x85\xea\xb6\xa7.\x1b\x15\x82SC_JEZC&gt;A"\x19gSN\xc5\x92\x81\xe2\xb1\x9f\xdb\xab\x97H(\x1e\xd7\xaf\x9d\xe4\xb8\xa7\xd0\xa8\x94\xfb\xfa\xfb\xe83?5\x1e\x15\x1e\r\t\x14\x13\x14\xb8\x8awR72\xda\xe5\xf7\xbe\x8f}\xe3\xad\x99}M&lt;\x87YH&lt;\'!n@0\xaf}k\xc6\x98\x84uG7N&amp;\x1e\xcc\xa2\x90\x9eeQqXRY8-\xcb\xd2\xea\xb4xa\x19\x17\x19Q;6\xc0\xc6\xdf\xae\x88y\xda\xa9\x92!\x1d\x1e\xe8\xb4\xa0\xca\x9c\x89\xb5\x83q\xdc\xe7\xfbW=6\xe0\xb6\xa6\xdc\xd9\xec\xd5\xa4\x8c\xe4\xb2\xa4\xce\x9d\x87\xd2\x99\x81\xe9\xaa\x9e\xd9\xdd\xf1\x96cP\xe3\xee\xfc\xbb\x7fijIB\x9bjZ\xdb\xca\xde\x90`Of?1\xbb\xc2\xdb\xde\xec\xfb\xc1\x89yT@;I \x18\xce\x94}{ZS\x90[HbC&lt;^=3\xdf\xd2\xe8\xe2-;\xe7\xbb\xabd:,\xbc\x94\x83\xf0\xbd\xae\xd5\xd1\xe7lE8=\x18\x11\xa9xf\x9c{t\xadr[\xb5\xbb\xd4\xa6r`\xd7\xe1\xf4\xde\xdd\xf2tNE\xe3\xe5\xf3\xe1\xba\xceI74\xf2\xee\xef\xd5\xa4\x9a\xac\xb1\xc8\xeb\xe9\xeb1!\x1e\xf5\xf2\xf3\xd4\x9b\x8f\xe3\x9f\xb3\xcb\x8bw\xd8$5\xe4\x83\x99\xb0\x8b\x84\xee8D\xa6kT&lt;77\xef\xb4\xa7\x9csf\xbf|s\xc3\x9c\x8a\xf7\xf7\xf8\xc3\x87n\xce\xa0\xb6\xbf\x10&amp;\xdc\xda\xdc\xdb\xc2\xd6a\x02\x06\xcd\xa7\xbe\'$&amp;\x91tmX+!0+,\xe1\xa5\x9b\x9b\x05\x18\xca\xa0\x9c\x8dic\xd1\xae\xc3\xcd\x1a-\xea\xb9\xb1\xfa\xf4\xf3\xad\n\x1f\xcc\xce\xe4\xd5\xd0\xd0\xe2\x94\xa7\xe7\xc4\xd3\xd5\xb8\xcd\xc1\xbc\xbd\xc8\x92\xad\xa5k]\xa5\x80s\xce\x92\x87\x8cT@\xb7vl\x88aVHDE\xe4\xaa\xbe\xdfi}\x8b\x02\x11n\x01\x08\xdb\x9f\x9bXUV\xcd\xc3\xc2\xb8\x8f\x90\xe6\xce\xde\xf0\xc3\xb7\xde\xb2\xc5\xeb\xed\xf7\xb0\xab\xae\xb4g]\xdb\xa6\xbd\xe8w\x89\xe4\xe0\xe1\xc0\x9c\x94\xe9JU\xc2\xaf\xad\xd9\xba\xb3\xe0\xc4\xbd\x80~\x7f\xce\x86\x87spp\xe6\xdf\xeb\xe7\xd5\xe4\xe5[k{\x02\r\xa1\xa6\xbc\xc5\\w\x82d]haa\xca\xc8\xd1\xf4\xe2\xe0\xa3[W\x87ED\xd7\x91\x9c\xde\x91\x82f/,\xd0u\x8c\xf0\xd2\xcd\xa2\x86\x83\xc1\x95\x9b{?8\xd8\xa5\xa6\xcf\x85\x9e{hd\xac\x9e\x9b\x98\x9c\xb0\x90\x8d\x90\x9aSQ\x9c?B\xd3OZ\xee\xb6\xc6\x9d\x9b\x9ds\x0f\x1a\xb3r\x84M\n\t\xc8sf\xbf\xb7\xcc\xc1;K\x81$,\xb7"3\xb3\x92\xee\xc9\x00\x00 \x00IDATx\xda\xcc\x98_H\xa2k\x1e\xc7\x87\x17\xc4#j\xcb\x88\xa2\xf2bI\xb6\xe01\xffe\xb5\xad\xd8\xab\xa8\x955\xe4\xd0\x1b\xf9N\xd1\xe0\xe8\x10%\x05\xb5Z\xc1\x18L\x1aA`\x87L\x06\x86q\xdbu\xa0\x0b\xcb\xc3\xe9\xae\x0b\xe9\xcf\xd1+\xcf\xde\xb8\xd0\xb9\x11\xef\xc6`aa\x19\x98C7\xdd\xee\xef\xf7h\xd3\xce\xf5\xce\xdb\x99G\xde\x02o\xde\x0f\xdf\xef\xf7\xf9\xfe\x9e\xc7G\x8f\xfe\xcf%\x80e\xcf\xd9w\xf7\xf6\xf7\x0f\xf7\x05\x82G\xdf\xca\xda\xbd.Vonj\xf5\x9bj\xadh\xffF\xb8\x04\xbb\xc5z\xb6\x90\xcf\xe7\x0by\xaePhT\xf7\xbe\x05,\x81`\xef\xb6\xccRB\x8a\xa2\x18\x1a&gt;\\\xf9\xe60\x87`\x82\xdf\x97j\xbfZaiJ(\xa2EB\x91\x08\xe0h\xa6R\xdc\x15\x90\xf5\xe8w\xf2\x13\x92~X\xad\x14X\x06\x98(\x1a\xa0\x00\x8d\x12\xd1\xd9\x9b\xeb\xd3\xab\xbd\xdd\\\x93\xed\xa1\x91p\xff\x9d6\xf2,\x87X"\x8a\xa6D"\x91\x10\xb8h\x9a\xcd\x96+\xf5\xdaM\x11\xf7\xa5\xe0\xe1\xb1 \xec,E\x01\x17%D\x1e\n\xb1P/\x11\xdaI\xb3\x85r\xed4g\x7fX\xa8\xdc\xf5u\xb1^\xcer\x1c\xc3\x10\x13\x85B\xf4\x90\xac&amp;\x1d\xda\xc9\x96\x8b\x0fZd\xf6\xfd_\x1a\xc8\x94G\x07\x9b*\x81y-0\xd1\xdd_\x91\x88\xc9\xde\xee\xd9\x1f\x8ck\xff\xf4\xb6\x92\xcd\xb34\xc3\xc2.lj$\xa2\xa1\x1fh\xea\x1eK\x88XB\x8a\xab_\xef\n\x1e\xc6\xc0\xddj%K\xe3bY\x8c\x15\xa6\x1c\xa5bH\xb0\xee\xa8Zz\xe1\xc6|\x10.\x81\xbdZ\xaed\xf1\x8d\x0c\xc7\xe4\x19\xdc}\xa0Z3_B\xc4\x12~\xb1DT\xbe\x9a{\x90^\xaf\x15\x00\x0blc\x18\x00\xa3H+0\x1cG7\x15\xfa\x9c\xfc{\xae\xf2\xa1\xe0\x01\xb0\xae*l\x9e\x83bg\x81\t\xfc#\xef\x06.\xa6\x99t\x88\xdb\x97\\\xa0\xeam\xee\x01\xb0\x0e+\x90*P\x89\xcd\xb3"!\xcda\xa4\x88v$\xefT\x9e\xa3E_\x80A\xbc*\xfc\xcfo0\xb1A\x8b\x18\xd8v \x0b\xc0d\x0b\xa4\xdc\x01\xa8)\x1b\xcb\x80&lt;_pQT\xa1\xca{{\t\x04\xa7eh\xca\x16\x15\xcb\x16\xf2Tk\xec|\xde\x82\xc2V\x95\x11Z\xac\x7f\xa6r\xc87\x97 W-@\xd8\x81\x08\xdeM\xe79\xa8S\x9aFL\x1c\x8c\xa2{\xe7&gt;sbIp5\x9e\xdb^\xb0{\xda\x80\x1d\x08L \t\xc5\x1682\xa2\x01\nl\xc5\x1a\x13\xddO\xa0\xcf\xfd\x05\x82e\xaf\xf9\xc5\xb2\x9f\xd6\xf2X\x9f\xf8\xb0\\\x1e\xa6\x0f\x8b\xedNq\x1c\x97\x86\x87\x9c&amp;H\xd2p\xdd\x8b\xc7\xd6\xf6\xf8\xe4"\x16\x9272\\\xba\x80\x87e8+\xa7a\xa9fg\'U*\xbd~8\xad\xd3\r\x92\x85\xff\xef\xc7w\xb6h\xe7\x15\xeb78\xcb@}2F\xd5\xec\xfa\x9ae\xd2\xe2\xf7\xfbc\xfeX\xactp\x10Y,\x95J\xa6\x9d\xd7\xeb]\xfdVXb\x87\xc3\x08d-.\xf6v\x9fO\xac\xbd\x1a\x073\x90\xe5\xc4K\x8b\x91\xed\xed\x83\x03\x9f\xf3\xef\xd3\xd3\xd36[(\x14]~\xff~~bk\xeb\xdd\xf8\xaaw$\xde\xd1\xa5\x94\xc8\x01M\xd7\xe2\xa2\xea&lt;\xba\x08]Z\xa6\x91Je\xda~\xff&amp;\x1a\x0e\xab\x83\xd2@\x1b|\x02\x01\x8d!\x1c}\x03`\xf3\x13\x13[\xe3\x97\xde\xb1\x91x\x97B\xd2/\x17\x1b\x9b\\\xa2\xf2)\x7f.\xc2\x98\xe6\xa0\x1a8}i9\x1aVK\xdb\xda&lt;2\x99\xac\xad\xad\r\x1ei\x8b\x0b\x14\x9b@\xc1\x90K\xa9TH\xe4-.\x98@\xfc\xb9\xd8\xc4J\xc7\xdeG\r\x9a6\x99\xcc\xd3\xe9\x01\xb06\x82&amp;U\x7f\xe6\x02#Q/0R\xa1\x90\x0c\x1bI\xe7\x8b\xea&lt;N\xa0\xdc\r\x07S\xd92\x13\rk@\xa3/V\x9b\x86p\xbdir\xcd]zG::\x88^\xc3:r\xca\xc8\x9e\xf2\x17\xae+\x18\xd3\xdcp\xc9\x16&amp;X\xf8\x91\xa1fM\xd14\xeap\x14\xf4\x9ao\xc9\x05\xb9\xef@,\x89q\x10\xe7%[\xe5-\\\x82b\x1e\x925\x99\x88\x1a\xc0C\xe0\xf2t&gt;{\xd6\x89\xab\xb7\x17\xc0\x88\x8dQ\xb4\xf1n;\xb6\xe4"\\\xa2\xda&gt;o&amp;\xde\xb0\x0cW\xf0;!Y\x90wYggw7ry&lt;\x1e\x92}\xb5:L\xe2\x0551\xbez\t\xa1o\xa6^\x9f\xd6\r\xc2T*_\xf1\x96\xf8\x06\xc3\xe6S\'\xb6\xb0\x1a\xb0d \xd5\xb3\xee\x01\xe0\xf2\xc8\xd0C\x8fL\xa3!raG\xbc[\xc5\xd0c\xea%\x12\xf9\xb0\x11\xb9\xf2\xa7\xbcE\xabLsY\xf3\x01\x88\x05\x1eB\xa4\x00\x0b\xe5j\x89u\xb7\x1b\x01\x8b\x84\xfe\x0e\x0b&amp;\x92QGSl\x91\xaf2-\x16\x98|96\xd3\x12\xab\x89\xf5\x02]\xec\xf4\x00\x94F#\x95\x92\x92 r\x8d#V\\\xf9D\x02\xdd%6\xeat4s#\xe0\t\xeb\x86\xe3\xb2=\'N\x83ZC\x92\x05PD,"\x94\x14v\xa2\x14\xe5\xba\xc3\x82\xd0\x8f\xa0X\n\x95d\xd8a4\x0e\xd2\x15\x9en\xfe\x82\x1aW0\x7fH\xd8\xd4D-\xdc\x86$\xf0\xe0\x9fT\x03\xdf\xe1\xd7P^-\xb9\xc6WMc\x04\x0b\xe4\xd2\xcb\xc1G\xba\x9c\xe3I\xadZ&gt;\xe5?\xf0\x01\x16P\x91\xc4wb?x&lt;$U\x1a\xa4\x02\xae\xf0\x1d\x16\x16=\x8e\x1f\x95J\xa1R\r\x0f\xb3\xd9=\xbe\xb0\n+\x1f\x92S!\x90\x05\xc5\xea$\xad\x85z\x11,uF\x83\x8b`\xcdO4+\x02\xb1$*-\xac\x94&gt;]\xe0i+\xdakY\xf3\xd1\xb93\xa4A\x0f\xa1\xdd!\xf1\xe8c\xaf\x07\x075\xac\x8c&amp;\x98\xd1d\xee\xb0\xe6\xc0\xc5%\x12.\xc4\x9a\\)\xe4o\xf9Qk\xbf\x8e\x1e\xba!\xd9X\xa6\x04\xab\xbb{`\xe0E{\x1f`]\x18\xc2\xe1` \x931\\\xa0\x89[\xdb\xe3s\x8b\xab&amp;\x94K\xa1\xd0\xba\xb4.\x8b9U\xa8\tx\xf1p\xafn9I8\xa7\x83\x10!)\x19=\x00\xf5\xea\xd5\xab\x81\xde\xbeLFm0\\DC\xd2L\xe8\xc2\xb6\xec\xdb\x8e\xcc\xcd-\x0e\x99L;KO\x9fj\x15\xdaI\x82\xb5\xa2o\xf0q\x88\x80k~\xa3\'\xe9\x0e\x05\x83\xe0!\x80\xc9d\xbd \xd5\xf3\xe7\x7f\xf8\xfe\x87\xcc\xf4E(\x04@\xb6L\x06\xa8f"\xa6\xd7\xaf\xd7\xd6g]\xb3.\x95\\\xa2P\xb8f\'\xb5\xb3\x16\x90\xab\\\xe4\xe1\x10\x01G\xd3F\xcf\x14P\xc1\x8eC\x1b\x03}\xbd\xcf\xbf\xffac\xea\xed\xd4\xc6\x86\xdb=}a\x03\xa2\x8b\x90\xed\xe7Dd\xa7\x0b\nA\x87\xb7\x0c\x1d&lt;i\x95\xcb\xa5\x9d]\x03\xb9\xb2|\x1c\x05\xbf\x03\xac\x983H*\nC\x1f\xfc\xf3\xe3_\xdf\x9e\xc4b\x0b\x0b\xb1\x83\xf3)\xe7\xf2\xf2\x85mf\xf9\xe2o\x11\xef\x92R\xacc\x18\x8a\xdc\xb6\xf1\x12\xa9\x1bV\xa5V,\x96\x1e\xb3\xbe~\xf5\xf5\xe5\xfaNpU\xff0\n:\xa9\x83\x00\x96q\x9f\'\x8f&gt;\x99S\xc3z\xbd\\\xb5P:\x88$|6\x9b\xcf\xb7\xbcm\xea\x1av\xc0\x04\xc4\xdb\xad\x88\xa0Q\x14\x9bV\xadX\xcc==\xa9\xf25\x0fg.\xc0:\x99\x06\x035PR\xb6\xa4\xbf\xa7R\xce\x168\x16\xae\x89\xc3\x92\xb5\x92i\xf1\xcc\xb9\x9c8K,.\x91\xf3\x02E\xd1\x83:#,\xdd M1i=b\xf9W\xca&lt;\xdc\x16![\xf5\x83Ps\xc0\xb8O\xcce\x02\x05\xefF\xac\xa7;c\xa6\x88\xd3\x9d\x18\x1a\x1aS6\xaf\xaf:\xa3X\xae\x80}(\x11C\xbe\xd2Y\x82e\xceVs&lt;`\x9d\xd6\x93\x88%5\xd8Jf\\++\xb3.\xb8u\xf5+\xba\xe2\xf1\x11o\xc4iKx\xe3\xcaM\x92u\xa3X\xbb\xbe\xfe\x14\'"\x1cN\xd3\xfa\xd4\nx\xe8\xef\xe1\xe3wT\x81\xe0\x97O\xe7\xd3\xd8\xa5\xa1\x04\xbc\xe3C\xf2\xfc\xfc 2\xe4\x8dwuu\xc4GF\xc6.\xb7\xdd\xd33\xa6c+n&gt;\xdd\xa6\xab\xc7\xbf\xe0\xd2j\xe5b\x87X,\xd6\xa7\xca\x96&amp;V\xfd\xeb\xff\x1e\x0e\xc7-\xc4\x02\xb5\xdc\xa5\x05\xff\xd1\xdb\rw\x02Ks,\xdeu|&lt;\xf2\xf1r|&gt;\xd4g\x9b\x8bo"\x96\xc3eYI\x15\xc0J\xc8\x16\x08\x87b\x99\xc1\xc4\x9eT\xe3\x8a\x07\xb5\x9aX\x1a\xb5og\xe1\xc3\xd4\x8632\x94\x98J\xc6v\x96\xe2\x1d\xc7q\xef\xf8|\xb4} 0\xe3}\x82Z\xf5K\\\xfez\x99\xa5\xa8A\x1a!\xc5\xfaI\x8b\x85`U\x0e\xf90\xf1\xe8|\x14\xa8\x0c\x89\x9d\xd8\x94{fn\xf1&lt;\xe9_I\x1b\x1d\xfd\xc7\xf1\x91K_4\xd8\xfb\xaa7:\xd7\xb5\t\x18Ve,Y\xe1P-\x0c\x9aC,\x07.\xc4\xca\xf2\x86\xa5\x86\xe1\xe7+%\xdd\xce\xb9\xa1\x83X*[\xc9s:W\xc7\xbf?\x8e\xdb\xfad\xcf^u\x86\xb7F6\x8d\x0e\xabr\xe7$iv86\xfb\xb5r#\xaae\x95\xab0\xf3&lt;b\x19\x0c\xa1\xb0\xdb7\xe3\x9c\xb84\xbd^o\x94\x0bF\x9dc\xc1\xf4\xf1r"\xd8\xee\xf9k\xf7\x8f\xe1\t\xef\x93M\xabrl\xf1\xe0\xfc(\xb6\xb3\xb0\xb0\xa4\x94[\xadb\xc0\x92\xa0\\f\xde\xb06Bpu\x1e\rM\x8f\xce\xbf3\xed\x1c\xbd\xfd$\x17[\x97\xe6\xc6#\t[{\xaf\xe7\xe5\x8b\x1f\xa3\xff\xfc\xd7\xf1\xe6_\xba\xbc\x91\xc4\x8c/\x01\xdbt$\xbe\xb4\xae\xec\x97\x03\x96\xd6b6[\xb2\x8dC;\xac\xaf:\x81\x10+\xe9\x1c%\xc7\xaa@0\xba\xec\x9cy\xfb\xeb?\x92\'\xa5\xc8\xf6\xd9\xc4r\xb0\xb3\xf3\xe5\xcb\x97m\xd1\xad\x8f\xc7V\xeb\x93\x91\xd53\x9f\xcf\x97\x80\xf3\xcd\xe2\x10\x1cn$\xf2~\x89b\r\xb1j{\xf6\xfd\xfd\xfd\xdc\xd7l\t\x8255\x1a6\x84\x83}\x81@@\x1ax\xfc\xf8\xf1O?m8g&amp;&amp;\x963\xedH\xd5\xc4\xea\xb7\xf6\xc7\xbds\xdb\xdbggg\x885d\x1a\xeb\x80\x93\xb3v\xcdl\x81\x13W\xb1\xf8\x9f\xa3\xa3\xdf\xae\xbe"\xd7\xff`\xb5\xb7\xcb\x02}\x7f|&gt;\xf0\xfcO\xff\xe5\xdd\xfc^\x12\xdd\xd68~n\x82 mS(\xaf^\xa4\xd26pt\xcc\x9f\xef\xb6a6\x89\xbfR_KD\xf2\x8c\xe1\xf0\xbe*\xa2b`Z\t\x9a\xf4\x8b (\xd9\x1dO a:\x03\xe7fD\x0c\x0c\xe6b\xb0\xc6\xae\xa4\xf0B\xd8\x83u\xba\x9cC5E3\xc5\x04\xcd\xcd\xa1\x9b\xf3,\xcf9\xff\x81\xce\xaa\xe6\xfa\xc3\xb3\x9e\xf7\xfb|\xbfk\xad\x19q\x86s\xb9\xed\xb4\x82ja\xd5\x0e\xabW\x80%\xe5\x9b\xe7vVm\xb6\xe5\xb5\xca\xb8\xcf\xe7\xd3#.\xb4\x893\x06\x83\xcbE\x10\x04\xef]\x1b\x9d\x04\x0c\x9f\x95\xdd\x03\xb9\xc7\xe3\xa1\x0fr\x1c\x0e\xe5/C\xbf)\x1di\x8f&lt;\xeaV*D"\x84U\xac\x1d\xe6\x1eo\x08\x1c\xed\xe28p\xf9\xa7\xfcF\xe3Z\xc5\'\x9e\x06\x8b\xea\x1a\x96Izzp\xa0""\xb16\x9e\xdetw\xfd\xf1uwR\xe3\x11\n\x1d\x10\r9C*\xd5\x10G\t\x8b\xa3\xa0(\x14c\xff\x8bu\x99\xc0\x00+\xf1qg\r\xb0`\xd9\x8c\xab\xe3\xe2\x04\x06\xce\x19\xbeD\x86\x14\x98\x96\x96\x96\x88w\x9bm*W7`\xbdh\x1eLjL\xc2(\xbd\xdf1(\x8a\x83aFdP)Q6\x0b\\\xa8\\\x805\x06X\xf0-\x8eW\x96\x8d\xfe)\x9b\x11\xf2uH&lt;\xcd\xa7\xf1\xec \xa74\x1c\xc3\x81*\x12\t\x1c\xb7\t\xabk\xff\xe2\xe2\xcfShp\x13;J\x07\xbf\x1cW\xfd\xa2\x82p\x01\xa5\x12\x89\xca@FA\xde\xa0\xa8t\xee\xf2\x0e\xa4*\x82\x99}\x15[\x15U\xcb\x88r\xec4Fc\xba\x00\x8bIcJ#\xd2\xa5\x08\xc1m\xb6\x07\xab\xeb\xe26I\xa9T\xa4iJ.\xf4 \x1b\xafR\x01\x15E\xa1H&amp;\xf2\xd6\x8a\xb0(Q\xb9\x0cX:&gt;\x0e\r\x94\x98\xdb\xb1U\xab\xb9\xf0[\xff\xaaOlN\x00\x8fD61\xc1\xc4a\x83#K\x91\xc2b\x9b\xaa\xf5\xa2\x9e\xf5fa\xaf\x1c\xa3a\xa1\x90N:\x86\x00J\x85z\n2\x99\xf6z;],z\xa9r\xb9\x9c\nW\xc4\t&amp;\xc6\'\n\xba\xf1\xd5\xaa?\x17\x0e\xfbW\xe7tc\xf0%\xb2$\x13\xb0\x89R)\x0eXD\xe1s{&gt;\xc5\xae\x0b\xefS\xe3\xbc\xf8*\x99\xb4h\xdc\x10~\x94\x1c\xa8\x96(\x1e\x17%Ee\xad\xf0\xe9i\xc0\x0bT\xf5z9%_\x13s\t\x02\xc3"\t\xf1N5\x07\x0b\xaa\xa5\x03Ae\xf2$\x13\xdf\x87\x19KR\x02#\xa4Da\xaf=7f]\xb7\xdb?~\xe4\x1c\nQ]\xe56\x99H\x87\x92\xf3Z\x15/\'a\x89\xbc\xc2\\#W\xa3\xb2\x14T\x8bJ\x87+:\x0c\xf6\xb0\xa5\x11k~\x7f\xd5o\xdb\x01,&gt;\x04\xeb\xe1\x89\t\tc\t\'\nX\x84(\xac\xbci\x13\xd6\xd3\x8fF\xb1^W\x89Dd\x14\x86\x0fG\xf1ZU\xae\xc3\x0f\x90\xf8\x1b\xb6\xc3\xa2\x17uW-\x1d\xae\xfanh0\x9d\xa1\xad\x0bf\x9f\xcd\xb6\xda:\xb9\x99\xe6\xf3\xd4\xae\xe1\t\x99\x84\x89d\x0bJYxh\x8f\xa7\xef\xbe\xddn\x1cf\xeb\xf5\xa4b\xb0?\n\xd5rp\xa8x\x1caQ\xe9\xb7\x8d\xcb\xedbm\xbb\xa2\xdf\xd5\x1c\xe6*&gt;\x1d\xed9\n\x18\xb0[\\\x10\x89\xd5\xd6ae\x02\xc4T\x82\xaae\xc5"\x11$\xa7\xdcv%\xa0\x8b\xeb\xa7b6Y\xaf\x0f\n\xe9n9\x1b4~\x88\x8a\'\x81\xaa7\xdc\xb8\xac\xd6D\xb5\xea]\x84?\xbb\x0b)\x1f\xfb\x15\xc2\xd8\xef\xbf\xbf\x94\x829\x14\xfbvvv\xa0\xe3A\xb5\x10\x96L\x12+\x00\x16\xa0\x05\xdauI\xbc\xef\xdd\x06\xacdR\xe8g;5n\x07R\x88x&lt;N\xf5Fm;\xd54U\xa6J\xbb\xb3{{\xeb\xf3V)\xbaEl9R)\xc6\x1d\x03\xae\xd6\x1e2\xd5.\x941\x86\xadD$\x02\xbd\x15\xf9\xdc\xae3\x92\x17\xe5k\x84\xa5\xdd~\xea5\x8d\xb6\xb0@\x1c(\xa5\xa7\xda\xf0\x1f\x0e\x95_\xdf\x97\xbee2_\'\xd4\xe80\x12\xfc(\x04Wp\xca\xbc\xd8\xb4\xce\x87\xf6\x10c\xaa\xd5\x08\xcb\x85\x83\x92B\xc1\xf8\xcdv\xc5\xc5\xee\xfa\xf5@6\x99\xd5\n\xa3\xfd\xeeQ7Iwh\xb5\nE/\xdb\xbf\x1aN\xa7\x9e!\xaa\x93\x93\x93\x95Y5k~\xde\xc52 6\xf0\xf8\x06\x81:f\x9e\xfbh\xe6\xa2\x89\x08\x9b8L\x83\xb9\x03\x9dE\xbck\xdb\x81R\xd7E\xef5`y\x07&lt;\x80e"I\xb2\xb7\x9f\xd3\xcf\xde\xb6\x85S\xa9R\t\xa8\x10\xd6\xbf\x8f\x02\x81\xa3\xbd\xa3\xf5y\xb5`k\x0b\x05\xfd\xad\r\x1e_7\xd7\xc2jU\x8b&amp;\x8dD\xf0\x08\x118n\x97\x7f\xe8\x86\xe6\xba\xf6&amp;\xbd\xd7\xd7\xd1~\x12\xb0\xe8\xec\x81~\x07=\xea\x9f\xb2\x94NN\xbe\xc1*}+\xa5\x0e\x8d\xc1\xbd\x83I\xe3Z\xc8l\xa5\xa1\x1b\x82\xbfn\t\x04\x0c\xae^\xc7\xc5i,\x16\xf8\x9aa&amp;\x93\t\x16"\xf1\xd0\xc6\xcb\x9f\xfd2`e\xaf\xb7\xaf_)\xe5r\x92\x14\x92tR\xf8\xd6\xe6,\x9dd2\x00VJ\xdd\xa7j\xe9\xc30L\x9b\\\xe3\xf2j\x8c\x8b\xa3\x1b\x82\xe7[\x06\x03\xae\x9fK\xfc\x1f\x8bFc\x12\x04w\xe5\x8fvZ\xd3[/\x0cE\xef\xf5@Rd\xd2\xb8I\xb6\x90N\xf7\xbc\x9d\xb2\x9c|\x85uR\xba/\xa6\xcf\xcf\xcf\xd1\xb0\xb9\xbc\xba\xba\x1b\xbb)\x10\xd2\x97\xcf\xa1\xf1\xb7\x0cR\xb1o\x0c6\xb1\x85\xc5\xc0\xf9\x98\xf5\xf3?\xdaj\xe47\xcbhVk\x07\xb2"\xcb\x82\x89\x84\xc1Hg\xbf\x8d\xe63+\xefV2\xf9\xf4\xe1y\xaeZm\\&gt;&gt;^\xdd\xc0*\xc08F\xf7\xfa(\xe8\xd3\xf4\xe3f&gt;\xcf\x8e\xb0$8\xce\xe7\xcf\x1e\xb79\xf7\\\x94\xb3\xd0\xf4"Q\xb2o!\x0fXP\xad\xa8{t\xf7h\xfdhR^m4.\x11\xd3\xc7\xe0\xd5\xcd:\xb48x\xbd\xd6s\x88__20\xdf\x8e\x19\xe3m\xb0fd\xb2\x19\x1c\xb3N4\xdf\xb4\x15\x0b\xbc\xe9m2\x8b\x14\xb5N\xe5\x9d\x16\x0b\xb4\xbdP\xe8Y\xd6s\xb1\xc5\xd0\xe3\xd5\xe3c\xb0b\\X;if\x0e2_\x8f\x8e\x02,t\xe5\x8aD\x95\xb6\xb86&gt;\xcd\xdb\x10\x08 Uo\xe0\xd6\xd9\xe6f\x9b\x8f)\xbb\xbb\xf6\xff\xc7\x15\xb7\xe4-#N79\xc0\xf6\xac\xea\xc7\x12\x05b)\xb6\xf2\xa9yz|v\xfa\xfe\xfd\xf1\x87\x0f\xcd\xcc\xc3\x9e\xc4%\x80\x90\xcf`0\xf8\xfa\xe5\xb9i\xd7\x86A0#\x1b\xb6\xc7\xde\x1d\xb7\xff\tP\x8bK\x94\x04;3\x92\xcf\x8fX\xa0\xed\xe9\x1e[0\xb8\xbc\xbb^8*\x9d\x9e\x1d\x9f\x01\xd6\xd9q\xb3\t\x15\xdb[\\\xb4\x82\xe3c\xd2pnhY\x17\xb3\x0bz\x00\xeb_\x0f\xef;\xf4\xda\x13q\xc1\xc0\xee\x03,(\x17\x9b\xce\xf6\x1b5\xa42\x9d\x0b\xa7k\xf7\xb5\xfb/\x87\xb5T\xea\x10\xba\xbfryuw\x13a01\x0c\xe3\x86\x82cV\x96\xa1\x87%\x91\xfds\xb3\xab\xbb\xab\xbb#\xf7+\x9b\xb7e\xd8F\xa5\xd3\xd2\xd7gq\xbb\x85\xc2p\x98Tj\xb5\xc5\xf4\x97Z\x11\xb0@#\xbe\xc0?\xd5\xca\xd5\x18(\x04`\xf1\xf9\t_(\xc1\x13\xbc4\xf0$\xb2\x877\x1d{q\x00\xf9\xe7,NYL\xce\x91&gt;(\x97P\x18\x8d\xd2a6*\xb4\xc5\xe2\xbd\xf7\xef\xb5/\xe7_\xe0\xafzy\x07\x12\x813pT\xad\xc5\x90\xd8\xca\xeay\xc9\x00\xacf\x07\xdf7w\xbf\xf8\xdb\xc5\xedY3o\xe9\x83\x9c/d\x0b\xa3\x03\xda\xc1A\x14\xcb\x8a\xb5\x1a\xaa\xd6y\xae\x81\xb4\x8b\xcf\xc4\xa1Z|\xc0\x12/\xba\x04==,\xfb\xf0\xc4qG\x9f\x11wu\xbd\xd8\xff\xd3bQr\x94\xee(p\x01\x96\xd7\xcb\xe1\x0c\xa5\xd2\xa0\xa8\x8d\xca\xe5\xe3\xd5]"ae\x82q\xc61\x8c\xc9\x8c-\xc6h\x86\x1e\xda\xc6\xcc\xf0\xf7\xf7\x9d}\xf0\xd6\r\x8aoq\x8e(\x1d\xa0\xa9\x03l\xb6C\xeb\x85r\xf5Y\x16\xa6\xd6Bb\xb3yq:\x16\x8b\xf1ZT\xe8\xfc\x9bo\xe5\xf5\xf40X\xf6\xcec\xa1\x07\x82\x9f\xf2N0\xf4l7\x1bTB\xab\x1d|\xc5I\xe5\'A\xf0\xe7\x01i~&gt;fe\xb6\xce\xea\xad\x10Z\x99&lt;Z\x0f\x83\x86\xec\xd6\xf7\x8e\xbf\xa6\xfc\xcb\xe6\'\x93\xd3IG\\$\xc9\xee\x1f\x1c\xf4R\x8a\x94|*\xa8__\x0f\x04\x02\xeb\xebP\xb2\xc4\x98\x19\xec\rX\x06\xb5\x00l*\x14K\xf6\x13\xb0\xf6K\x0b&amp;\xb9\xdb\xd1\xafD\\\x0e\xed\xa0vP1\xa4Lk\x8c\xbb\xbb{{\xc1`e-8\xf7q\xce\xa7\xb3\xa2{j\xbb\xc0\xc0R\xbb\x10\xd6\xfb\xcec=\xcb\xcb\xe5\x90\xcb\xfaI7\xa9t(\xd1\xb3\x11\x054\xbd\\3:9j\\F\xa7m\xe3;\xe3\xba\x18O P\xdb\xe1O\x82N\xe5\xbf\x1fw\xfcA\xff\xfe\xa9Sn2\xb9\xd1\x19*\xd9\x07q\x03\tW*\x9dr\xca\xe5\x1a\xf9\xa81\x18\n\xf9\xc6\x83\xa1E\x845cg\xa1\x9bW\xe0\xfa\xfc\xa1\xe3\xff/c\xff4-_@\\\xbd\x0e\xc7H_\x9fRQT\xa6,\xa5\x92EnZ\xd0\x00\x96^\xac\x0f\xe9\xd7c`\x1cXv\xfb\x86]2c\x9f\x91\xc8f\x9b?\x01\x8bn\xd2,,\xa0x=2\xd2\xf7[\xeaY*\x85\xa2\xc6\xa7O\xf9L\x06\xbeH\xc0\x12\xa3Z\xb166\x10\xd1\xcc\x8c\xdd&gt;\x1c\x90u\xfe5\xff\xfeY\xaf[3\n\\n\xd2b\x19I\x95\xee\xe1\xf7\x1e\xb0\x16\x80\xea`\xf7h6\xb08o\xe5A\xaf\xdbaI$.\x97\x1a\x04"\xf0\xf03\xb0\x1cnM\x06\xb8\x9c\xff\xe1\xe5\xdcc\xda\xbc\xce0&gt;\xc9q\x85\x02\xad\x01\x83\xf1\x90e\xdc\tc,\x95Bmc`H\xd8\x84KH\x013q\xd10\xe0\xb9\x92A\\\x9dL\xe6\x92\x80\xc2e$`n)E\x90V\x8a@\x05\x121\x89\x126\x9c\x98\x94\xa8\x8b\x80L-\x8a\x93\x944\xe4\x0f3 J\x9aiQ7e\xcbF"\xc8\x02\xd9\xf3\x9e\x8f\xa4]\xd7mm\x87\xf7\x9a\xef\xb3\xfd\xdfO\xcf\xfb\x9c\xf7\xbc\xe7\xf8|\xa4\x0f\xde\xb8q\x03D\x1f|\x80\xd5F\xee\xc9\xdc\x96\x89\t[im\xa1L\x1c\x9e\x12\xdey\x88"22\xbb\x13\xfe*\xfd\xa2\xeb\xff\x80\xa5\xc9K\xcb\xcd\x85\xbf\x06\x07\x1bn\xb0\xc0\x12\xa8\xa5%\xf7\xe2\x84\r\xebD1G\xd5\x99\x9d}\xe8Paa\xb6N,\xd6E\x96\x8e\x9d\xf0&lt;\x96\xbf\xbf\x7f^\x03\xb8\x10\'\xb1$\x03\xd5\xc5\xb1\xb1S\x13c\x90*R\'\x0e\x07\x15R\xd8\x99\xcdB,\x16\xfb\xc8\nK\xff\xecy\xac#\x1a\x7f\x7fizBn\xee\xc9\x04P\xe5\xe2\xba8v\xfb\xd2%\x9b-\xf3\xf5H\x14\xd0p\n\x88\x05\xb3\xa3B\xa4\x04\x04x\x8b\x81\xb5\xe8i\xac!`\xed\x93\xfb\r\xe6r\xd1\xd2\xd22\x06\x9d23\xdf(}\xfd\xd0\xa1\xce\x94\xb79,\x9d\x0e\xa3\x10T\xde\xde\xf1\xde\xa4\xd6\x88\xc7\xd5*\xd2\xf8k\xa4\xda\xe7\\\xa0\xba}\xdb\x06\xa6H`t\x8a\x9fCe\x17\xd2i\xf5\x94xD\x00\xb0n\x9f\xf34V\xaf@\xb3O*\x97jc\x07s/rX\xd0\xaa4\x92\xdc\xad\xd3u\xc2Kb\x99\xaeP\xa7#\xb3\xbf\xfdZ|\xbc7m*\x95\xdanzyZ-%a\xc9\xb5~~\xb0}\x02J\xd5\xa9\xb1\xdb\xe0BOS\x1b\t\x1c\x9dL\'\x93\xe1\xadP\x17\x9eB;]\xf4\xebka\xa9\xed/\x1eol\xb4\xe8\x1e\xb4Z`\xa574\xc0\xf8\x17[NM\\\xb2\xb5\xa3\xaf\xa9\xa91\x18\x18\x98\x18d\xa8\xa8\xf1\x10kG\xad\xcc/&lt;=\xfb\xf4j\xf3\xa4R\x8dF\xa9\xf5KG\xddj\x18L`\xb5\xdd\x86f\xab\x06L2\x99\x98\x8bp\xef\xf8\xd7H-\xda\x19\xac\x01\x96\xa7\xcb|\x97\x14XR?\xc8\x15\x1b\x1b\x8b56\xd0\x1a0\x176\x1a\xe8\x14Y@@8\xbdP\xba8\xaa\xe7X\xb6\x96^O{K\xae\xd1h\xc8Z\x08pQ\x80.\xe1\xd4%\xcc\xd0X^\x04\xa4\x04\xa4\xa4\xb0\xad\xcaxf-\xef(\x1f\xb2\xbc\xa7\xb1\xf8]r\x14\x08\xb2\xbcV\x1b\xcb\xc0\xb0l\xc4\xdb`Bs154&gt;\x01 #\xad\xe2\xe39*t\xf35\x99\xc0\xf2\xf0\xda\xa7KMj\t\xa4$\x96\x1f\x1c\x86\xe6\x86\xf0\x06\xd16\x17\xb7W\xcad\x81&gt;TCYi\xf0\xe6\xb0\x0c\x84\xd5\xe5\xd9G\x9a\xf9w\xd5\xf0\x96\\.W\xfa!\x91J\xa5VI\x83\x12X\r\xb9\xcde\xc9\x8d\x86\x1d,\x0e\nSO@@\xa0\xa1\xa6\xdd6qud\xb1\xd7\x83\x9d3\xb04\xb0\xbc\xbcH\xa9\x94#wZV*\x80\x95\x9f\x86\xd6\xf4R{\xa5!0\x90\xcc\x05$\xef\x94(\xa2\x8a&amp;\xacL\xdb\x1b\x99\xed\x9fx\xf0\xb9\x1a\xaf\xbbj\x7f\xa9V#\x87LJ\xce\xf5lP\xa6\xe7\xabX\xc7\xdcH\\\xe4/.\xa2\xa2}\xe0x\xa8e+\rl\xda\xf8\xa3\xe7\x0c\xc6\xbf\xbb\xcf\x1fuK+\x87LJ\x81RK\x96G\t\xcb\'\xb5hi\r.\xe41\x80\x96\x89X\x93E\xe3\x1e\xca\xb0j\xa2\x9b6\xd6oz\xe8\x7f3\xf0\xbb\x9cKR\x8dT\xad\x86\xb7\xc0%\x80b\xb1L\xb3\xc14\xac/0\x16\x93\x88+40\x1aKjY \x17\xa1\x06\x94S[M\xd4\x93\xd3\x1b\xebg\xc1\xb5\xeb\xb3#\x9f\xbf\xb8\xf97U\x9e\xf4Gj2=\xb2\x08\xb9\x94\xac\xae\xfa\xe5\xab\x12\x8d\xcd\xc7\xca*\x92\x93\x1a++CB\x83B\r\x86\xd0\xa0\xa0P\n\x03\xb0l\x99\x85\xdeON_\xdeX\x7f\xbfk\xf7\x05\xe3\xf3\xcf\xfdi\xfd\xad\xbc}R\xa9Z\xaaQ\x03\x89\xc0\x04\xa8`\xf0V\x9a\xca\xc8\x0e\xd6\xb0\x1d\x92\x90\x90\x90\xfa\xfa\xfa\x90P\x03\xa0B\r\xb5P\xab=\xb0\xe9\xc9\xe9\xd3\xa77\xb6ON\x9f\x18\xda\xddR\xc1\xefu]h\xdf\xff\xb3W\xd0@\xa8\xd5\x90\x8b\xb8\x04EE\x02\x1a\x8b\x18\x89\x89\tt\x12\xa9"\x82\xf2X__Y\x99Jt\x10\xcd\x10RS\xdaN9d\xb1\xb1\xddr\x87\x14\xdb\xbd\x03-]\x0b\xf6\x9b\xc6\x1f\xbe\x8c\xfa`\xfe)\xdce6\xcb\x05\xa0R\xd2\xc9f2=\xb8\x12\x8c\xc7\x8a\x93\xc1\x05\xa6\xc6\x03\x8d\xa9\x95\xf5\xb5\xe02\xd4\xd6\xd64\xca\x9av\xb0.o\xdc{\xf8t\x84J\xd8.\x81u-\x98\xf4\x17\xdey9\x8f\xb0\xccjsLLL\x91\x80\tFp\x02%\xe5Qup\x7fq2\xec\x05\xa8\xa4\xa4\x03\xa9p\x99!$\xa46\xa4\xb6\xb26\xaai\x87\xea\xf2\xc6\xc4\xc3\x87\xabOGvi\x8f\xde\x0bT\x05\x92\x8fc_\xc9\xa3\x81\x08\xadb\xcct\x04\\\t\xc5\x04 \xe3\xf4R\x1dl.\xab\x8e\x00QRDD\xc4\x81T2Y-\x12\x19j\xe0\x9cu\x99b\xfb\xaf\x0f\x11\xab=w\xdcC\xbb`\xf6\xdeeSA\x81p\xc4\x8fJ&lt;\xb0\xd41f:\xd0\x02\xbd\xcc\x10\x0bh\xdd\xddP\x0b\xa3\x11\xe6\x02WD\x04\xe5\x12Y\x84\xbdBdA\x81\x10\xeb2Q\xad\xac\xac\xdc[]]\xdd\x01\x83\xf9\xff\xa7j\xc1\xff\xf5\tS\x9bo\x81\xd0\xea^\xc20\x94\xab\xe5\xc8\xa1\xb9\x88\x9dh1\xb3\x14\xca\xa5\xdd0=\xb0\xf6\x97\xd1\x11\xfe\x88\xe4\xe4jp!\x8b\xf5\xd0*4\xc8\xa7\x89)\xb5\xb22\xbf\xb2\xfdIO\x0f\xb8\xc0\xb6\xda\xd3\x93\xe3\xfe\xfe\x1b\xe3^\xfc\xb8\xbb\xcer\x89\xdeWo\x15.\xf4\xd1|\x88q(\x05\xd8\x11`\t\x88K\xa9\xd4tw\xbf\x03k\xd1\x96\r\x9dqK\xae\xae\xa8\xe0\xe4\x02\x17\xb0\xa2\x9epT+\xf3\xf3\xeb=\xc0\xa2?z\x01\xccN\xe5\xe2{h\xe6\x157\xe4\x9cu\xb6\x89 V\x9d\xd3\xb9pK\x89\no\x96J\x05G\xe8\x91\x87"H\x05\xbb\xa3\xb6v\xa7\xe7\'\x1eL&lt;\xc8\xa9\x05\xaa\xea\x08V)j\xe9I\xd8\xe8\'+,\xe6\xe7\xc7\xc77{Z{\xbe\x1a\xad\x0eJ\xe5w\x93\xcc\x8b\xa0N8\xfb\x9c\xbe\x05V}]G\xdfcw\xc9\xf2\x92\xdc,\x00\x1a\xa5\xb0\x88\x1e{\x80\xb3\xd0L\xc0\xf1\xe9\xaa\xc4D\xf4\x82\xd5\xb4\xc3UQA\xee:\x90J\xee\n}\xf3\xe7H\x1eA\x81j\xfdj+\x8b\x9e\xd6\x9dw\x06\xf6\x1d+\xbfW\x9c\xcbe/\xbf^\xae?^\xde1;{e\xd9^b\xb7/.\t\x04rr\x14{\x16\x03L\x02\x9a\x1d\xa9\x9e\xaaX\xddB\x12\xab)\x87\xc9\x94\xc5\x03\xa9\xf5!Aon\x8c\xcf\xcf3\xa8\xf1\xa9\xcd\xd6*\xc0T\xb5\xbe\x08\xf6\xd5\xe4\xe2\xff\xe0[\'\x92\x1f\xe7\x12J\xf4\xe5\x1du\x16SG_\x9f\xd3m\x17Z\xadnw\xc9\xc8\x92\x92\xd5Q\x0e\x0b}\x97\x92\xaa&lt;\xe5\xd0H\x87\x01\xab\x11\xc5\xec\x14e\x12\x025\xe2\x97\x1b\xe0!\xaa\xa9\xa9\xa9\xad3U9UU\xadU_\tb\xcbq\x98\xbem\x8f\xc8\x8f\x1br\xf1^\xdd;\xda\xd7Q&gt;=\xeb\\6\x81\xc9j\xb5C0\xe2\xa2I\'\x86l\x85\xd0rT*\x9a{f\xca\xca**\xca2\xb8\xc3\x9d\x11d\xaf\xd4?lOM=\xa7z\xb6\t*p\xe1\xf6\xe5_\x0ea\xe6\xe4\x98\xba\xe2\xbe\xd5\x04\xe8n\x93\xec\x9d\xee\x1b\xe8\xbb\xde\xe7\xac\xb3[Q\x1d\xac%\xc2\xba\x05{\x89\xd5\xb5\x0c\xbd8W\xc9\x95r%\x87E\x8d\r\xe6\xeacee\xc7\xd8Q\xd8\x8a\xea\x8f8\xac\xedg\xc3\xe3,\x7fS\xc3\xc3[gr\x14\n\xa0(\xf0b\xa1\xd8\xf9\x04\xae\xa77;\xfe\xfbO\x8eq]\xce\xb3GMW\x06\x06\xae\xd7\xb5\x99$\xbeB\xa1\xb0\xa0\xc0Zb_\xa0DZ]\x8b\x1f\xa3\xb0\xcb\x01\x86\x9e\x9e\x19\x0bj5\x00\x8b\x8b\xe6\xe6\x99\xe2bX?\x19d\xf7\xd6\x9fMN\x11\x16\xa0\x86\x9f=\x00E\x98\x82\xc1\x84\xb1K\x11F\x17\xbe\xb7^\xdd\\\xdb\xbc0\xf2\x9f\xc1\xf8C\xae\xb6\xf2\xd1\xd1\xf3\x03\xb3\xa66\xe1\xf1W\xa98X}\xf5\x05\xd6\xe5e(\x06\xd5J\xdc\xe7\x8a\xe4T\xb1\xb8AH9\xa4\x06\xc2h\x84\xe9\x8d\x00\xfb\xc5{\x19\xd0\xab\xa2\xb8\xfa\xa3\xad~P\x8dsT\xc3kw\x14\\\x84\xd1\xf5e(\x14O7?_\xfb\xf0)\xcc\x7f\xd4\x15\xe7\xe5\xf5o\xc7\x9f\xdd\xd46\xfa\xfb\xb9\x81\x8e6\x91^\xc2\x0b\xe6\x89|\x85%\x05"I]\x87\xbb\x84\x02\\v\xe7o\xd1\xd9\x80\n\x82ii\x11\xcb\xb0\x12\xd0D$$\x1c46\xcfdd\x14gdd|\xbeu\xb8\x7fx\x8aK\xe0\xf0\xf0\xa33\x0eN "\xa1[\x16\xfb\x98\xe5p\xbc\xbf\x06(\x05\xe5\xb7*\x07`\xdfX\xd3\x87\x00e*\xbf&gt;\xf7\xbb\xf3u\x12_\x89D$\xb2X\x08K()\xbf\xb2\x00"+#\xb3;\x1f;\x97\x04\x1c\x9966??\x1f\xf3\x0e\xb4JDP\x1fq\x0cL3\xef]{t\x18bM\x11\xd4\xe4\xe4\xe4\xd6\xf9\xa3\x0c\'\x8b\xd1d\xbd\x88\xb0\x9c\x0f\xd7\xd6\xce:\x1ca\xcchU\xad9\xa6o\x98\x92\x01\x05\xaa+\x03\x9f\x0eL[x"\xbd^\xe4\xcb\xb3XH.\xab\xe9\xca\xa8\x04\x06\xb32.\xf7\xe3\x13\xae\xc5[K\xac\xb3\x01VZ\xdas,UZ~\xba\xca\x08,@}vxrx\x98\x83\xea\xef\xef\xbf?\x9a\xc5\xf4\xd9\xb9\xef\xc4K\x8e;\x0f\x1e\xdd\x1f}\x89\xc1r`U\xff:\xcf\xb8\xec\x12\x91e\xf4\xfc\xdc\xc0\xa8\x89p$\xbe\x05\xd0\xcb\x12,\xd2\xfb\n;\x9cz\x91\xbe\x80\x81Y]\xce\x05\x97P\xe8v.Q\xb7\x05,\x155\x0fF\xa2\xca\x8f\xd5t\xab~33s\xed\xef\x9f\xbdKT\xc3L)P\xcd\x8df9X\xee\xb2\xc2^\xa4\x11\x84Yw\xeeo=p\x849\x90J\xca"\x1b\x96_\x1b}C.\xc9q\x0b\xaf\xaeo\xee\xd3\xebu\xbc\xbd{,&lt;\xa8\xa4\x17Ix\x96`\x9e\xc4^\xde\xe1\xb6\n\xf5\xbe\x98\xb0\xa1\xd7\xb2\xd3\xbd\xdc1\xfb\xf8q\xdf\xafn-A\xad\xb7\xa8\xc0\xef7&amp;\xaa\x1a\xd2b\x95\x02\x8d\xea\'\xd7 \xd5\x8f\xfb\'\x19\xd6d\xff\xe4aPM\x879\x14_\x0f\x87\xc21\xbd\xf6\xe8\x011Q0\xae\xaa\x7f\xc6B\xfa$\xa2\xe3\xc7-\x1d\x03s\xe7\xeb\x82y\x96\xbd{\xe0u\x9eD\xa2\xe7\x05\x07\xef\xe1\xf1\xca\xff\xd1t\xd5\x83\xc8m\x84\xd1\x13\x1aTL%\x10\xa8\x10j\xa6\x0c\xe9M\xb2EP\x19H\xe1&amp;\x85#\x10\x84\x88\x04T\xa4\x9d\xbdB\xe5\x88\x15\x86\x90\xc8V\xae\x15^\xb6q\xb1).Zq\xe5\xaaI\x0e\x19$\xd8$\x85Op\xe0\xe2\xccB\xf0\x91\xc6\xd7\xc4\x81\xbco$_\xf2q;\xfa[No\xde{\xdf\x9b\xd9~\xbd\n\x91\x12a\x10`y\xdc\x17\xfb\xa2\xb8\xdb]^\xadV\xcf\xfex\xf0\xc3\xa3\xa9\r\xa1\xe0g\x1f\x9c\x9e&gt;\x7f\xf2\xf7\xdb\xc3\xd9\xe2\xe9\xd3\x9f&amp;\xa2\x96\xcb\xe5\xe2\xedMu\xa1\xeb\xcf\xe9PU\x1b\xd4\xf6\xd5\xbb\xeb\x7f\x8e\x9bM\x85\xba\xbf\xbf}w\x0f\x89\x16\x9a\x95\xe3\x98YT\xa0\xff"\xb8\x9cq\xe6\xc5\x1e\xa9g\xba\x1eK6E\x9e\xf96\x1c\x16\xc42\xef\xea\x1a\xb9\xbfzAi\xe18\xbb\xa1\xfe\xfd\xd3O\xbe\xf8\x86`}\xf9\xe0\xf4\xf4\xc3\xd7#@-\xe0v-\x1e\xa1:\x94]\xd3l7\xdb-\x90\xd0P\xbd\xaf\r\xb8\xaa6UO\xb7\xbb\xad~\x86\xa7\xb3\xa5\xb0\xa3\xfa~\xe5;\xb6\x8ae\xdd\x162\x069\x9e\xe0\x8c1D\x83k\xdb\xa6l\xaaj\x1d+\x1f+v\xd2\xf4E\xbf\xef^\xae\x02D\xd9\xd7\xdf\x86\xab\xd5e9\\\xaa\x9f\x7f\xfb\xf5s\x88\xf8\xe8\xa3\xe7_\r\x00u\xb6XB7\x8d\nL-\xc6"\xe5\x06\xd9[{\xdc\xb2p\x82\xd1J\xd3\xed\xf5u\x83\x83e\xe0\x8a\xa3p\xe48}\xdf~\x8f_"\xc9m7\xc6+\xf2\xccT\n\x04\x11*\xe0\x12P1\xeeon4\xe7\x9b\x1e\x88\xd6\xc9\xa5\xc4\x14\xc2\xd0v\x82\xc0\t\x9e\x95\xc3N\xd9\xa1z\xf6\xcb_?&gt;y\xdd\x12&amp;P\x05X\xcb\x99\xa9\xc5a\xe8"nMH,\r\xcb2\xa8\xac\xf3\xed\xf5\xb1\xc1\x85%\x04\xee\ta\xd0\x11\xf7\xad9\xa8\x1e\xcb\xc8\x0e]\x15\'\xf5\xb0\x0b\xe1p\xd3\xcf\xd2\xa9\xce\xd3\x94\xcb\xfeX\xf7}O\xa0\x1ai\xda*M\xb0\x7f\x86\xf7\xe1\xb2 \x90\xe5p\xe7\x04\xc0\xee8\xf1\x9b\xf1\x8cjA\\\x11]\x84iq6\xd6\t\xe3b\x023\x8f\x1a\x95\x01\xae\x10\x0c\xa0\xc7\xe01]s|\x04}\xacyM\x96\x99M\\\xad\xcbr\xe7\xb8Y\x16I)\x13\xaa\xf5\xba\x81%\xea\x9b\x1c\xb9\xea\xba\x10\x14\xe2Fi\nf\x01+\x0c]W\xa5@\xe5\x83h;\xb4\x83\xa0#K\xbd\xaf\xa5\xae\xc5X\xe6\\\x18D\t\xe8\xd2\xa4Xt\x89\xc3\xc3\xcd\xf5m\xc2-\x08\x07\xf5\x180\x91\x88\x1a\x17\xc1\xfa\xf8\xbb+I\x022B\x95 \xd5\xe3(\x8a\xb2L\x814\x06^\x9b\xea\xf6"\xa1\xe7.5$c\x1c\xa8L\x04\x07\x826p\xdcu\xd9\xde\xf9\x8e\xef8\xc8\r\xdf\xed\xc6\x85\x16p\xa1\x070\xa5\xf5c\x9a\xa3\xff\xb1ER=\x14\x84\xea\x1c\xf04I\xdaX\xdc\xd0:b\xd0TI\xfcO\x04C3\xd4\x97\xb6\x93\xf9(\xac\xcaA`\xfb\xae\x97\xdc\x1e/\x9a\xd4\xa3E\xd1&amp;\xaa\x18f\x17\x9b\xcc\xf3&lt;\xf8\xcf\x8c\xd7C\x9b\xfb\xf4]\xe4,\x18\xeb\x0e\x1a\xd3D\xd9\x12\'\xe3^2aL\xb6\x82\xa9\x8c\xc9UB\x80\xb7\xb4\xba\xbeH\r&lt;\x00\xac\x89)Ly\xf23\x17\'/2\x99\xb9\xa1\xed\xab\xa8\x1b\n\x19\x06Y\xe0\xa2 R\x08\xbf\xd8\xeb\xf2\xd8I.&lt;A\xb8\\\xd2\x10\xc1\xefM\x85.m\xdav\x8do\x012y`\x12\xf1^\xc6\xb3\x03\x92\x86\t\xa83\xdb\\C\xa2\x01\xa6\xd1\x1dc\x00\x00\x01\xbfIDATt@\xc1c\x95\x92\xcd\xe1, \xe3\x1a\xd7\x0c\x8b\x89\x93,\x02*\x08(\x8ba\x9fa\x95q\x81\x902\x01]\x86__e\x9d(D\x05\xc4\xd4I\x01\xed|\x1f\xd4\xd1\x96\xc2dF\xd3\x0ey\xec\x83(\xa5\xfc\x8cj\xaf\xbb\x90\xc4[\x1c\xda\xba.\x12\x9a:\xbf\xef&lt;\r\xc8\x10d\xb5\xb4\x02*a\x19\x9e \xff\xf3\xb9\x98\x86\xe51\xeb\x84\x99d+\x96\xd4e\xe7\xa0\x153e\xe2\xcfSd\x15\'\xaa\xcb+\'P.L\xe6\xe9\x04#\xbc\xd0\x0b\x9c\xc1}q7\x8e=\x9a\x02\xa5\xdb\xe3R\xca\xe2@=\x88D\x18\x87"\xcf\xbbD\xc13\xc4\xd6\xd4}\xf0\r\xe6\'\xe0 \xf4\xe0\xb1\x8ap\xc29\xae\'\xf9\xf8D\x95\x1e\xac\x13h\x83\xb76\xa0\xc5\xa5}\x15\xc4q]\x0f\xc1\xe9\x02_1\xec\x883\xd8\xd9$\x93\x07*\x08\xfcH&amp;\xbb\xae/\xeaNv\xedX\xf6]\x9ek\\RR\x9b\x14\x07\x84\xc2\xdb\xb6\xdc\xe7i\xb2\xcf#\x13/%\xdfL\xb0\xf8\x14\x01\x8c\x14\xdb\xden9\xb5\x1c.\xe0=\xce&amp;\\\x93\x82x\x9c\x9e\xd8\xaeb\xe9\xbe,$\x0c\xa5\x08\x16\xf9:\x83X*z\xd3\xdea\xab\x8c\xbd\xa8C\xf9\x14\x03P\xde\x17E\x8d*\xf6\xfbu\xd7\xb69\xa1\x89\xd1,\x99\xaf\xb3CU\xe3x\xbc\xe9\x12,]M\x91\xc7\x98.y\xc6\xe0\xb3\x88\x94\xe3\x06\xf7\x0c\x9e\x02Uj\xcc\x91\xf0\x9f\xddi\x8c=f -OB\xc5\x12${lkO\x11+\xa6\x82\xadM\x15\xdd\x8cE\x80m\x0c\x80a\xff\x85_\x89uY\xd6\xfb\x1c\x8b3x\x89b\xa0\xda\xe9\x1d\x0f\xcd\x83\n\x81f\xbdj\xd6\x92\xc1l*\xaf\xf3\xcc\x13\xe6\xcc\x02\xc1\xd2\x0b\x8b\x8e\x00A\\\xa5\x91\xd0\xec\xcd\xf4\xccG\xecYb\xa0:O\xfe\x05,\xcf\xdda\x7f/4)\x00\x00\x00\x00IEND\xaeB`\x82'</t>
        </is>
      </c>
      <c r="M262" s="3" t="n">
        <v>45492.6765162037</v>
      </c>
    </row>
    <row r="263">
      <c r="A263" t="n">
        <v>870787</v>
      </c>
      <c r="B263" t="n">
        <v>1954</v>
      </c>
      <c r="C263" t="inlineStr">
        <is>
          <t>Marlon</t>
        </is>
      </c>
      <c r="D263" t="inlineStr">
        <is>
          <t>Marlon</t>
        </is>
      </c>
      <c r="E263" t="inlineStr">
        <is>
          <t>LE</t>
        </is>
      </c>
      <c r="F263" t="inlineStr">
        <is>
          <t>LAT</t>
        </is>
      </c>
      <c r="G263" t="inlineStr">
        <is>
          <t>LE</t>
        </is>
      </c>
      <c r="H263" t="n">
        <v>178</v>
      </c>
      <c r="I263" t="n">
        <v>3</v>
      </c>
      <c r="J263" s="2" t="n">
        <v>35569</v>
      </c>
      <c r="K263" t="inlineStr">
        <is>
          <t>Left</t>
        </is>
      </c>
      <c r="L26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276fa54-bd89-407c-9238-d0ff1baf9a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r\xe0Q\x00\x00\x00&gt;tEXtComment\x00xr:d:DAEewil2SDw:3796,j:1497870925631122622,t:24040619\x85uW\x81\x00\x00\x00\tpHYs\x00\x00\x0e\xc4\x00\x00\x0e\xc4\x01\x95+\x0e\x1b\x00\x00\x03\x00PLTE\xff\xff\xff\xfc\xfd\xfd\x00(\xa7\x00%\xaa\x03\x04\x04\x00)\xaa\x00*\xae\x00\x00\x00\xfe\xff\xff\x01\x02\x02\x00\'\xad\x00-\xaf\x04\x07\x08\x00%\xa2\x00+\xb2\x00F\xd5\x00#\xa6\xa0`N\xadaL\x00C\xd1\xaeeP\x01\x1d\x9b\xa1\\I\x9aYJ\xb3kT\xa7^H\xc2kT\x00@\xcd\xa5`N\x000\xb1\x02\x1f\x97\xb2mZ\xa8nZ\x99TC\x86J9\xc9\x80o\xb3wo\x01\x1f\xa1\xb7^I\xc6oW\x9aO;\xa2eR\xa8eQ\x009\xc1k8-\x95SH\x8dL&lt;\xb3eO\xbacM\xc9t\\\xc9\x88y\x00=\xc8\xc3\x82p\x00\x1a\x91\xaeiV\xc3~k\t\x0c\r\xa0YE\xbfhR\xc1yd\x8eTF\xa2P8\xbd}g\x92ZK\xc2\x84x\xce\x84s\xa7iU\x92P@\xad\\I\xcawd\xce\x8a\x7fa1&amp;\xadzd\x14\x08\x05\x03$\x9d\x96K2\xb1\x87p\x01\x16\x89\xb9jV\x004\xbc\x002\xb6\xb9}r\xa8t_\x98_O\xce\x92\x86\x00P\xdb\xa1TA\xbbya\xc1wj\xa7WE\xb8sb\xc7\x8e\x82\xa2iW\x84&gt;%\xb9t[\xafs_\xb4xe\xaaS={?,\x8eC*\xbf}q\x00J\xd8\xb3ZCxB51\x11\n\xc9|h\xcf{m\xc2s\\\x81E2\xbb\x82{\xba\x84k{H="\x0f\t\x0b\x05\x03\xc2\x8b|\xb0\x81k\x83YQ\x88RE`*\x19\xc0sd\xcb\x97\x8e\xf8\xf9\xfa\x00\x11}\xa2o_&lt;\x16\x10\x90H1\xb9~hr=/k3 \xbfo^\xc6\x86\x82\xd2\xd9\xdbG\x1b\t\xd0\x89ypA9\xb3dUt2\x16\x9bfV\xa7cZ\x88D0R(\x1fI\x1f\x17\xabvk\xbf\xd6\xe4\x12\x13\x14\x83MB\xcc\x9d\x99\xbfcM\xbc\x8a\x86\xbatlu:!\x00_\xe8\xb9o]\xael_\xb4ni\xcc\x80x\xd1\xe1\xeb\xf1\xf5\xf8\xb0\x7fx\x00V\xe1\x03;\xb7\xd9\xe7\xf1\xaeWC\xc7\xcf\xd2\xc6ob\x00d\xee\xe8\xee\xf2\xc3\x94\x8a\xd5\x99\x8d\x99&lt;B\x8f`V\x9dI2\xb4\xd0\xe1\xc0\xc4\xc7\x802\x1f\xb8O]27;\x1c5\xa3\x97i_uQH\xa6oj\x1a\x1e \xa7\xc0\xda\xb9\xa4\xa0\xe5\xe4\xe4\xf2\xf0\xef\xc3b^V#\x0f(7\x95m\x85\xbfby\xb8\x84e^\xb7\x8c{\xbf\x8bq\x0f*\xa9\xca\xda\xe9%,-\xb0\x84\x84\xc3\x8e\x92\xd6\xa4\x9b\xd8\xae\xa8\x97un\xabFL\xb4aa\x03K\xcc\x91\xa7\xce\xaf\xb9\xbe\xb6\\S\xce\x8d\x8f1\x1e\x1beLF\x9e\xa7\xae.@\xa1\x9c\xb4\xd3r\x1f\x19\xbb\xc8\xdec\x1d\r-K\xb2&gt;S\xa7\x9eZ[X4/\x897&lt;\x9f\x82z\xe4\xd6\xd4JN\x868CG\xc5\xb7\xb6\xd9\xc5\xc1Rk\xac\x88kp\xb0\xad\xb0Uaeuz\x7f\xc1u~EKO\xa0\x91\x98\x07\x11Y\x8d\x98\x9cw\x92\xc5aosLTY\x9fFCB)*\xb9\x99\x98To\xbc\x82\x99\xc7\x1b!vCa\xb7\x83\x86\x8d_?9lc\x83"\x18?n\x9c\xd9gYo0z\xe127_+,\xf4\xc2\x00\x00 \x00IDATx\xda\xc4\x99MH[k\x1a\xc7=p\xc0\x1c8\x9b\x86`\xaa\x08\xd6D4-\x8d\xf9@\xf4\xa8qbn\x12mp\x10l\xc5kLE\x13\xc5&amp;\x9a\xb6\x89\x8d\xc9\x04\xeb\x18I\xbcZ\xac\xe1\x88m\xb0\x0b\xbbH\xc0\x82b\tj\xc0\x92\x85\xb7\xe0\xa6\x1b\x87\xeab\xee\xe22\xe0b\xaa\x08A\x97v7\xcf\xf3\x9eh\x9d/\x06\x86c\xfb4=\xf9j\x9b\x9f\xff\xff\xffy\xde\xf7M\x0b\n\xfe\xaf\x92\x14H\x84Z\x89F\xb7\xc3\xcb+a\tEQ\xf8\x9c\x92\x14\xfc\xb8\x82\xcf_\x8e\x1e\x1cDWR\xc7\'\'g\xc7\xc7G\xe7_\xbe|9X\xdf\x06:\x89\xe4\xc7A\x85\xa3\xb9\xd3t&amp;\x93&gt;Is,Ms\x1c\xcdg\xa0v\x0fOs\xa9e\xea\x07\t&amp;\t\xaf\x1c\x1cf8\x06\x8af\n\x85b\x18\xb81\x85\x1c\x9f&gt;M-\xff\x08\xc1$T8u\x9a\xa1\x05\xa0\x0b\xaa\xc2K:\x9aK\xe7\xa2\xcb\xdf\xdbJ\xc8\xf4\x87\x83CP\xaa\xf0\xbf\x14\xbc\xc3\x1e\xe6\xb61\xfe\xdf\x95j\xfb&lt;\xf3\x9f\xa1\xae\xbc\xca\x9d\xed}\xf8\x8e\\@\x95:\xe2\xc1\xc0\xff\xc1\xc5\xf8w\x8f\xa3\xe1\xef\xe5\xa4\x84Z\xc9\xa5Y\xfa[\xd0\xff\x05\x8b\xbc.\xbc\xc7\xf0\xe9\xe3(\xf5]\xa6\x98\x84\x8a\x1eghl\xc0\x7f\x03bi\xc4a\xe8\xab\x8c\xfc\xe1\xc1J\xf8\xfa\xb9$\xe1\xd4\x11L)a.\xfc3\x1b\xc3\xb2\xc2\x8bW\xedd\xe8\xcc\xd1\xde\xca\xb5;\x19^?a\xd1\'\x9a.\xe4\x08\xde\x95\xa9\x00j\x15^r1t~|\x14\xd2\x99\xe3\xf5\xe5k\x15\x0c\x1c&lt;\x83\xcf\xa5\xf1\xf3\x19\x96\xbb\xfcd\x9c\xa24\xcb\xe6\xc7\x18#\x8c.&gt;\xff\x02\xfc\xc9tn\xfb\x1a{RB-\x1fs\xcc\xa5\x0eWL\xa4\xb1\x07\x04\xc9\xe0\tB\xd2,\xcf\xa3\x9axc\xb9\xcci\xf4\xfa\x92/\xa1r\x19dB\x9c+!\x12\xb4\xa2YT\t\x9ce\x90\x1a\xb9@-\xb8\xe2z\xc9\xd2\xdcY\xea\xba\x96I\x98W0\x19\xf2\xbe1B]\xf4\xa0\xf0\x0c\xee \xf7dH\x08pd\t\'\xa4\xdc\xe1\xfa\xf5t$l\xabN9\xfa\xa2\xfdi\xa6\xf0\x92\x8b\x11\x94\xbaX\xb5\x85\xfb\x0b|\x10\x8d%\xa6\xa6\xf7\xae%\xf8\x14\xb5\xb7K_n\x18\x84\xd8\xe7E\xca\xc3\xe2#\x86\xb6a\xf9\x89\xc9\xf9\x95\x9c\xfc\x04,\x97\xde\xa3\xa8k\xc0Z9f\xaf\x0c+ZH6\x89\x0f\xccQ\xbf\x9f\xe0\xd8|\xee\xe71\xa8\xe7n\x1f\xb0A}\xf3\x9c\xe3N\xa2\xe2\xb7#\x15\xde\xdb\xc5\xd1\xc0\\\x0eO\x1a\xa9\xfc6\xbf\xcd\xe7s\xbbc\xf31\xbc\xc5\xb2\xc1YR\xbf\x05\xb3\xc0\x06\xe5\xb3\xe1\xdf@#\x19\xfeh[l\x1b%\x92\xed#\xf6j\xca9\x0ex\xdc\xa0M\x16I\x12\xbd\xbd\x89\xc4lbv\xb6\x17*\x91\'\x83\xcaf\xb31\xb7M\xe8\x06X#\xcf\xc5\x8e\x17\x05mH\x7f\xdb\x892~\x9f\x1b\x94\x89$\x12.W\xef\xc0\xc4\xc4\xc0E\xf5\x0e \xd8\xfb\xf7\xefg\xf3\x15\x9c\r\xc6|\xf9Fa\xd2{aJl\xac]\x86\xbdXOl\xeeX\x10h\x06\x00\x08.m\xa4&amp;\xe0W[\x1bA\x13\n\xa1\x12\xb3\x91\xd9H$\xe8\xcek\xcc\x1dB;\x8a\x1b\xad\x03\x1e[\x1d\xffu\xdbs`jS\xa9\xda\xdaTk\x08\xd4\x84\xb5\xb6\x06\x8f\xe1"(\xd7KT{\x8f\xc6&amp;\x12\x93\x93Y[~G\xc1\x1d\x1e,\x8b\x1b\xad3\x9a%\xcb\x8e\xdf\x1d\xf4\x82H\xc0\xa4R\x11\x9e\xa6&amp;\xa7\x13\x1f8\xbb\x08\x1fQL\xc0\xc2\x9c\x81\xcd\x8f\x9eN\xc6\xfc\xf9\x86\xe4\x8f\xc4lG\x18Z\x192\x96\x18[,a6\xb7\rL\xa0Z\xaa&amp;B\xe2t\xda\x9d\xdf\nt\xcbG\r\xa8\xbc\xbd.\xa8\xa7O\x83\xbe\x8b\x06\xde\xcd\xad\x88\xc6\x05\x87B\x98\xf0\x98x\xbf;bV\x97\xabH\x8c\x00\x0b\x85r&amp;\x87*++\x87\xf2\x95L\x02X\x13\xe6\x0c\xe0\xe6\xe6\xe6z{]\xde\xa7\x0b\x97r\xd1\x99\xd3\xbf\x8a\xd6\x8d\xb0w8\x83\xbc\xb3~\xda\x96u\x19\xd4\xaa\xb5\xa6\xb5\xb6\x81\xb5\xb5&amp;gS\x12x\x00J\xab\xad\xd4\x02\x1a\xe2!\x97\xd3\xb9\x86h\x13\x13ss\xde9\xafB\xb1\x00r\t#\x9f\x83t\x89\xb6+\x94H\xa20\x1eh\xd6o\x83`\x19\xcaU\x17\x91\xb2\x10\xa0J\xad\xa6aq\x11n\x8b\xda\xc5E\x94\r\xf4\x1br6u\xa9\xda\x90\xabw\x0e\xb1\xee\xc6\xc8\xf4by.s.\xde\xd1V\x92\xe3q\x9d\xb1\xf9b\xb3^3`\xada\x8a\x92C\xda\x92\x86\x92\x12\xad\xb6\x01\xefJ\x10J\xbb\xa8\x15\xfc\xd4h\x8a\xed\xc0\x05V\xce\xa1\\\x8f\xeef\xdd~\xdc\xecp,\xccz\xd1\xd4\x82hq\x1c,\xc3\xee`BQ\x8d\x1d\xe8\x1c\xc2D\x95\x8c\x8c\x8cT\x9544\x8c\x94\x94\xc0\xdd")p\x13|\x1d\x92Z\xec\xf6\xae\xae.U\xb9\xb9\xba\x1a\xb0"\xc1\x18\xac\xdf\xb8^qgbe\x1e=\x84\x1f\x14\x16\xc0X\xd0\xa50\x97\x83\x87\x08\xa5\x9dj\xf4XG\xaa\xa0\x1aP-\xb8\x10.-\xa9J\x8b\xb3K\xe0\x020\x85\x17\xb0P.\xf4\xf1D&lt;\xac\x83\x0cn\xd6\xfd\xbeX$1\xa7\x82\xa9\xe0L\x82uSu5J\x8f\xc7\xaa\xab\xaa\x02\xa8\x12r!^j\xc1J\xadFc\xb1\'\x91\x0b\xb1\xaa\xbd\x89H\xd6\xed\xf3\x93\xadW:%\x16V8\xc7\xe3v\xc1\xe6\xceF\\\x13h!\x885\x15\xea\xae\xa9\xd1\xeb\xf5\x1e\x9dNWU\x82hU\x84\xaf\x81P!V\xd2\xf2\rk2\x12|\xee#r1\x99/"M\x08\xd8\xc4\xf3\x82X\xd9\x88\xb7Z\x05-\x98\xacl\x0f5\xd6!\x95Ri\x05,\xa1P\xb7\x86|i,P\xf6z{}=I\x97\x0b]\xb4\xf9\xb1\x1b\xb9sq&amp;\x04\x9c\xefO!Z\xbc\r\xb1\x14\x13*g2i\x99\xe9\xe9\xae\xab\xabS\xc2M\xa9\x13\xb0tU\xe4\x1e3\x06\x82i*\x93\x96bKiQ}Q\x11\t\x17`\xcd\x83\x8b8e\xd8\xa3\x15J\x1c\xac\xe8\t\xf66\xef\x9e\x0f&amp;\xbc\x13]\xf6dR\xda\x0e\xc1\x02\xae\xc6\x11\xab\x07]\x14\x8aPA\xfeqJT\x82V\xf6\xd2\xe2\xa2\xa2"\xb5\xbc\xdc\xacpM\xb6\xce\xa3\x8b8"\x0e\xa3"a\xa5\x0e!\xac,\xff9\x06Xm*{\xd2\xa2i\x9f\xea\xee\x0e56zF\xacV4\xb1\x11\x90\x08\x17\xe9H\x94\xabR\n#\xa2\xb8\xb4\xe8F\x91\x1c\xe4Rx]\xad/\x9f\xfblxL\xe3v\xd7\x0bD\xc1\x92\xac\xc3\xe1\xa2\x90\xcb \xd6\x84\xaa\xcb.\x95\xb5/M\x85B\xa1\xee\xc6\x90\x87`\xe9t\xd6\xbcZ$]$\xf8\x1a\xd9\x8c\xf4\xce\x9dR\xa0R\x9b\xcb\xaba\xa0"\x16ljiV$\xac\x02\n\xb1\x184\xb1\xd5kV\xd5Ke7\x97zB\x90\xad\xc1\xba:\x0f\x16\xe1"`\xe0!\x0cX\xdd\xc8\xc8\xd4T{\xd9\xcd\x99\xda\xda"\xb9Zm\xaeV\xab\xa1\x17[\xe7}&lt;\x07\\l\xe6@\xa4VD,\x9a\xb5}F\xacz\xa9\xb4}i)\xd4=X38XSc2\x99\x94\xc3\xc3V\x1c_B\xbct\xf0\xd0cml\x0c-\x95\x95\x95\xd5\xde\xa9\x07\xacr3\xa0)\x00\xcb\xcd\xc3A\x13\xc8\x8e?\x88\x82%Y\xc7\x85\xda\xcf\x7f\x9e\x8fx\xcbKA\xab2\xc0\x82\xaai\xd6\xb7\xe8\xf5\x08f2\r[u\xd6ap\xd4\xaa\xc4\xaa\xa9k\xec\xe9\xe9{S[\x8a}\xa8\xc62(Z_~\x06\x17\xf1\\\x0e\xab\xa2X\xd9"\xdb\x87\x97\x93\x8a\xf2;\xb5eK7\x97\xda\xcb\x96\xa6\x10K\xdf2\xdd2=m2\xc1o\xcf\xf0\xf0\xb0\xc7\xa3\x84\xc7&amp;\xbd\xbe\xb9y\xb0\xa3"\xfe\xe6\xe1\r9\xba\xa86\xca\xd5f/\xba\x88\x9d\xc8\xc0\x81Q\x94N\x04\xb5`\xcb\x0cX\x89\xea\xe2\xda\xda\xf6\x19\x99\xd4b\x99i\x0f\r67\xeb;[\x00kz\x1a\xae\xa6a\xe5\xb0R\xa9w\xb4\xb4\xb4\xe8G\x9b?&gt;~\xfb6\x1e\xdfZ\r\x18\xe5r\xa3Z\rpjo\x10\'\x17\x84~7E\x893\xb7\x0eq[\xe3w\xdf\x9d\xa8\x9f\xa9-\xc3\xe5\xceb\x91\xcd\xf4\x0c6\xeb\x1d\x0eG\x8b\x1e@:;\x81\x0b\xb0\xa6\x1d\x9d\x0e\xc7hsE|\xfc\xef;\xa4\x02\x9b\x0bc\x06\xc3\x98\x01\x8dt\xcd\xa3\x8b\x1c\x9dY\x17\t\xeb\x04\xf6\xa6~\xdb\xbcW%-k/\x93Y,\xd2R\xf9\x8b\x87\x0f\xc7\xe3\xf1\xb7\x1d\x1d \x19`\xfd\xa9\x13\xac4\xe9[\x00j\xf4q||#\xf0\xfb\xfe\xd7\xfd\xfd\xcd&lt;\xd8\x18\xa0A\xbe\xee\xbam\x1cL.\xfeKX"\x96Z\xb8\x8do\xb3\xffef\xa6V&amp;\x93\x95\x1a\x02\xab\x81@`\'\xb0\xba\xb3\xb1U\xf1zP\xef\xe8\x14\xb0@\xbd\xd1\x8e\xf88\xbc\xb9\xff\xf5\xeb\xfef`g\xe3\xd3\xa7\x9d\xc0\xc2\x02\xc1R+^\xfa\x10\x8b;\x10\t\x0b\xbf1\xb5\xcd\xcfu\xd95332\x99\xb4h,\xb0\xf1i\x87\xc8\x11\x08\xacn\x8cW\x0c\xea\xf3X \x15D\n\xb06\xf7777\xe1\xad\r\xe0\xda\x08l\x8e\x8d\x01\x95\xdc\xd0\xea\xc3/\x96\xb8\xdc\xb2(X\xdbp\xc0\xa0}\xc1j\xbbE\x03Tw\xcc\x06\xf8\xac\xbf}\n\xfc\xf2\x0bR=\xd8\x18\xef{\xdd\xec\x80\xdd\xc4\xb4\x1e\xb0\xa0\x01\xe3\xf7\x1f\xbeX}1~\xffYG\x07\xc9\xfd\xd6\xc6*\xb8\xa8\x86\xec?r\xe3\x97\x84\xfc\x1e%\n\xd6\xca\x11$\xde\x17QY,\x1ai\xb1L\xae0nlmm\xc5A\x15\xac\xfb}\xf1\xfe\xd7\x83\xb0\xc9\x81\x19\xe6p4\x03\xd6\xbd\xbe\xfb\xb7\xee\xf7?\xf98::\xfa\xee\xd5\xab\xc7\x15\xc0e4\x1a\xd5\xf2\x07\xc6\x85y\xfcvP,\xac\xe5ST+\xd1%\xd5h4\xd2\xda\xb11\xe3\xadx\xc5\xe3\xd1Q\xfd\xc7\x8fO\xfe\xdc\xffs\x7f\x7f\x7fOc\x1d\x8c\x06\xbd\t\x9a\xb0\xa3\xbf\xbf\xefV\x9e\xca\xf1\xee\xdd\xbb__\xa1\xad\xf1\x17\x0f\x0cF\xb9\xd1\xf0\x92c\t\x968\xff\xcbs\x0e+\xac\xdb\x85X2\xe9\r\x83\xf1\xc6\x9b?4w\xe2$\x18\x1d\xfd\xf8\xe4\xe7\x1e\xa8\x10b\x99\x940F_\xf7\xbc\xf9\xe9\xe1\xed\xdb?\xdd\xbau\xef^\xc5\xb3?\xfe\n\xf5\xf6\xd9\xb3\x8a\xbe\xdb\x0f\x8c\x0f\x8c\x86V\x9c\xf3\xbb)\x91\x8e&gt;x\x1e\xf3\tX\xa5\xb7\xffA\xab\xf9\xfc\xa4\xb1\xaeq\\\x93.\xce\x16B\xe4GHF\x1c\x82@\xe4\x87\x86\x0c\x85Q\xf0\x07\xa0\xc6\x93I,\x04\x01QP\t\x15\x91\xd6\xdaV4UOG\xe3A\x06m\x14\xc50z\xe3\xc2\x92\xa3\xd5\x946\xd6\xc4J\x17=MzZo]P\xcf\x82\x98Xc\xae&amp;\xf7\xc6{W\xea\xea\xee\xee3\xba\xb8\xff\xc0\x9c\'a\x01!\xe1\xc3\xf3\xcc\xfb\xbc\xcf\xf7\xfb\xbe\xa5\xf5\x98G7\xb8\xbe&gt;X\xab{0&gt;\xee\xf7\xc1\xe6\x87\xa4q\x06+\x14\n\x04&lt;H\xbd\xc2\\\xd6\xdf\xffts;\xfe\xec\xd9\xf6\xa6y\xfb\xf1\xea\xe3&amp;H\xa1\xd7n\xb7\xf3+\xa0C\xdc\xf9\xc7$;{\xe2O\x8c\x138\xf0\x8b\xd3\x025\x14\xd3~\x8f\xc7\xf4i\xf0\xe7gq\xef3\x85\xdd\xbei\xe6\x1b\xc4X\x9a\x0c\xd5U\xa1V\xdc\xe5\x11`\ns\xf7\xd2/\x0f\xdf\xfd\xc9\xc4\xc7\x8f\xef*\x1e\xc6\x81\xca\xdf\xf4\xcc\xce\xb7\xdb\x7f\x85\xa5x\x87\x9d=\xf1VT\xdf\x19\xa8pry&lt;\xcc\xa3\xd7\x99\xdat\xe3\xf1yX\x8e\x1f\xa1\t||\xf701\xe6\xf5\x87+C\xa8\xb5\x1c7!&lt;%\xa7l\xfa\xf9\xd0\xcc\xdb\xb7sw\xde\xce5\x1f^\xcd\xce\x0eu\xf3K}M\xa5q\xc0\xba\x0fX\xacM\x10\xc5\xbfA\x87\x98k4\xdcR\xe1\x9d\x1e\xe5/3?~\\}\xfe&lt;7\xf7\xf6\xf3\x15\xfc\xac\xc4#\x02)+Z \xd21\x9eX\xd2?4\xda{\xf5\xaf\xcfw\x1f\x1d\xc2(43;\xfba:\xd1`\xb6\x97p8\x9c\xf8\xc3\x01\xf8\x7f\xef\xceGX\xe2\x82\x87\xab\xb9\xb1$\xc6\xc5\xfc\xba\x07m\x88|\t\xe4\x15\xc4a3d\xe3\xc7h\xef\x87-\x8b\x96\x91\xfd\x16\x1e\xf4\x0f\xc3Xb\xe8\xc3\xd1PEc\xe3\xfd\xa7\xde\xa6{\xe6\xfe\xa5n\t\x1f\xa2\x84\xcf\xb7{\xe7\x0f\xe7\x1e\xcd\x8c\xed\xb2\xe4\t\x16_\x1f2X&lt;\x9e\x00\xe9D\x84\xf21Ff\x95\xf5\x83\x84g\xec\xd3\xa5\xe7\xdd\xce\x9a \xe8Y\x19\xe8U\xb7X\xa2Vwww$Z\x9cB\x1e\xe2\xc3@\xfb\x18\x84\xcaz\xc8\x14`\xf19O\x0f\xef\x1e\xaa{v\xd9\xc9VQ\xf1\xfa\xec\xa3\xe6\x19\xc0\xe2\t45n\x9e\xa0\xb3\x137\xe9t\xe3\x08\xd7\xcd\xe0-\xf5\x1b\xdc\xc1\x1b\x0f\xa9F.7H\xe4\xea\xee\xe9lGOK\x8dS\xc8\xc5&lt;mmm\x9di\x84\xaeg\xb8T\x1c\xf3\xd5\xa3+\xe7\xd69[\x06\xea\xf9|\xf3\xdc\x0cL\xf1\xd0O\t\x92\x90Y\x08\x93\xde\x84\xa7\t\x8d\xbb!\x01\x0c\x12\xae\xe5\xd6y\xeb\xda\x92\xdf\x9a\x0ee\x8c\x83\x02K\x04Iw\xe2z&lt;\xea\x1a\xf7\xd3\n\x18\t\xf9\xf6\x99\xe6\x19\xe7\xda)K\xc9*\xda[=\xbc{\x83E\xa4\xc3d:L\xdc\xf81\xf2\x96\x9e\x8el\xb6C\x82x&lt;\x84L\xa6e\xec\x1a\xb7\\.\xe7\x88\r\x06\x8eX\xa9\xe4\ta\xbe\xee\x0c\x87q\x97\xcb\x94\xf2\x03\x17_\xc5\x8f\xff\x18\xb8/s\xbdg\xcd&lt;\xdd\x7f\xd8&lt;\xcb\xd7\x00\x16\xfc{=j\rk\xb9\\%G\xe24(\x91\x94+\xda\xea\x01\xc1\xba\x00\xcaU+4\xc8[\xe4|{\x89X\t\xabV\x80\x10\x84Q\x14\x0e\x81FJy|&gt;\x8cS\xad\x8a\xffw\xa6Df\xdbc\r\xeb\x94;0\xcb\x8fi\x88\xa8I\xf7\tEC\x95 T\xc9p\x14\x10M\xe9X\x8c\xb6\x04eZ#hD\x99Php\xb6\x8c\xa9\x1b\x0c%B\x18\x16\x99\x14\x1a\xc9\x10\x1a\x80\x9d\xd2\xe7\xf3\xd5\x9bU\xf1?\xfb-]\x0e\xd6\xb0\x8a\xf6\xaa\x1a\x0f\xf9\x18/\xad\xd7AT\xd5\xf5\xdd\x8a\xd5L\xc6(c,\x905\xd9\x8d1\x08E,\x11By\xe5j\x89\xc4\xcdx#y\x866\x13\xd2\x07~f\xb80\xbby\xf3\t\x87\xbb6\xcc\x1e\xd6\xc8~\xc3a5\xc6#\x19\xac*\x9bc\n\xc4ae\xa6&lt;c\xd4\xca``\x85\xe6PNj\x17\x18,\x83Pl\xb1`Xi=WhY[\x83t\x81\xa2\xb5\xa2\xba\xc8\r\x96\xc2\xbc\xb9\xa9Db\xfb#\xacY\xf3\xc5\xe7\xb1_\x9f`\x18TM7\xd8\xee\xd8p\xd4\x01\x975\x93\xc9\x89\xc8\x9c+\xa0\x17\x89pR+\xaa,7Z\x0c%b\xb9\x1c[F@S\xc7\xf2y\xa31\'\xca\x84\xd0\x95\xaa\xc1\x08`\x95za\x07\xb5\x90\x9es\x16-\xf0\xd3\xa8;N\tp\xc6\xd5r\x00\x16\x08\xc3&gt;\x86\xcc\x9a!\xc9tt\x81 E\xb9\x0c\xbc\x89\xb9\x9dc\xd9l\x0b\xc5\xb3p\x05D\x8e\xc8\xc0g(\xcc\x870\x02A\xbah\xc0\xb2k\xc2(km\x8b\xc1\xca\xc8(\xaf \x0cX6\xc7\x06\x13SS\x8c^\xcd\x18\xd7\xbab\xf0\xb2\x10\x19P\xaeV2&amp;\x99\x9e\xce\xf68i\xb1\xd3\x9d\xcf\x91\x19k\xdfJ\x95cxxx\x1d\x94\x87\xbf\xd4k~R\x9a6\xa2\xe7#,f\xabO\xa4\xf0\xa6q\x1c\x92\xb5\xf1\x15\xe2\x86+\x94\xc9\xd7\x8c\xb9=\xf9\xae\xad\xad\x18\xca\xa8\x8c\xda\x94\xb8\'\xdb#wS\x94\xa4g\xcb\x92\xcfXW@\xab%\x93\xc3\xc3\xcc4}OQ\xfd\x84\xd6\xc9\xc8\xf3\x11\x16\xb3e\xebC\xbc\x9d8^\xd5&gt;\x9c\xdc\xdf\xdf\x07.[\x9d5\x93\xdf\xca\xb6\xd0\xa41\xb8UC\x0e\x9f%\xa7l\xc9/\xb4\xfbR\x9cFb\x14\'\x91\xed\xf9\x96\xcf\xac\xd8\x86\x93_\xbf&amp;\x19,?\r\xd9\xc2\xd0`\xec\x94\xbd\xc3\xbb\xe2\xf7\x0e+^\xda\x19\xd63\xc9\xdag\xb86l}\xb9|O!\xcbA\xa2VRft\xb5\'\x1d++\xc3\x8b\xcb\x07\xa9H$\xb5\xbc\xbcc\xcf\x16:\x9cDf\x05\xb0\x92I\x18\xf2anU\x98\x9f \xae-\x8cE\xac\xa2\xbd\xf6\x85P\xa9 \x8c\xfe\x1f\xab.\x93\xef9*\xf0\x97S\xae\x95v\xd4E\xde\x988\xd1e\x8a\xde1\xf3\xe9\xe5T\xab\xd4\xfb\xfc\xa8CH\xb8\xda\x99G\xab\xaa\xf6S\xc0\xcf`\xf9\x0cY\x1f\x9bG\xd6#\xfb]"Z\x10\x0e\xd5M\xddrm\xd8B\x84\xbcpT\xddZ;\x81\x92\x18Ea4}\x10\x8b\x1dC\x9c\x14N\xa8Tk$\x12\x89??Jp\xc9\xda\xf6\x89\xf6\t\x9d\xae\xd6\xe4A\xc4\xd5\xe6\x17c=\xeb{\xeca\x15\x17\x9fj\x82\x18`\xa1u\xb6\r\xe6\x99w\xd4E-\xd9#u\xeb\xc4D\x15\x9a\xbe,\x14\xd4\xc7*\xf5\xbc\xba\xfaxg\x87\xa2n\x92\xd5\xda*\x8d/\x15\xc6b.Pn\x01\x13\x08\x00\x84WR\xbd\xe9\xddBN\xd9&lt;G\xffio8\xe8\xe6\xc1\xbe\x8b\xd6M\xd9\x98\xfe`\x8d%\ne\xa9\x89\x89\xda\x80+Jr\x9d\xd4\x8b\x1du\xf7}\xd5\xce\xea\xaa\x94\xc6\xe8\xe5e)\x13T\xf7t\x03\x1d\xa8\xd5\xb9&lt;\x08\x81\x08\xb8%O7\x15\xc1u\xf6\xb6\x9e\x9b*\x9e\x97s\xc5D\x18\x0f\x85\xd0)\x9b\xc3\xe6\xca\xcb\xa7\x134\x94\xf0\x06\x8b\xc4\x07\xd7\xdbS\x90\xa7T\xeb\xef\xab\xbeR%\x931\xa9\xf4\x05m\xef^\x92 \xf0\x05\x8f\x00\xb4\x9cPX\xbd\x89\x90\xfb,\x1f\xee\x9fN\x91b\r(\x89Jk\xa8\xce\xa6#\xe4\xd9,\x1f2\xc1P\x01V`pP\xa7\xd7\xe9]QS\xa0U\xea\xa3\x14\x1c\x8e\x98\x06.E\xd9\xd2\x988\xed\xf1\xa4\x05&lt;\x98\xf3\x85\xd5\xe6\xb4\xeb\x9c\xe5\xbb#\xef\x1dQ\xb1\xc6h\\0\x8a\xcaq\x14\xb7tL7P\xd2\x00\xb3\xfa\xd2$i\xaa\xd5\xc1T\x15\x00(}\xd4\xd5*\xa5)\x8aS\x02\\\xab/\x9e.%\xc4\xdc\x98@\xc0`q\xb9fs,u\xce\xf2}\x96S\x1b`i\xb5\xcch\x15\x0e\x13\xcel\x82/\x8d0\xf5a|g\x17s\xfa\xe3\xca\x90\xd1\xa85\x1a\x88\xacB\xf9(J\x0c\\\x7fl\x97\xa9K\xdc2\r&lt;Y \x04\x84\xe68"=e=[\xb8Rc\xd4\x06\x832F|\xb5$\x0cT\x04*\xc8X\x10)\x88\x8b\xdaL.\x97\xcb\xe7\x0f\x0e\x0e\x96a5\x1e\x1fS\x10/VW\xb7\xed\xf5\\\x98i=\x88\x00\xc3\xc4\xe68\xcdf{\xb8\xbd\xa1\xb1\xafSj\xcaE\xc1\xae\xa0v\xa1\xdc(\xb7Std1\xe0\xf2\xd3\xfcW\xafT\xaac\xea \xff\xe6\xdb\xb7o\x97\x97*\x95j\xfe\xe4\xa4;\xdb=og\xcc\xa6{\xf1&amp;\x84\xc0\xa1i!\x08\xc6Um.\x9e\xb2}\xfd\xa7xo\x97\xd2\x84\xc3Z\x06\xcb\x1a\x16\xd6\xfb\xfc~i\xabO]8*\x9c\xbcb\xe2\x12\xa8^\xdd\xc6\xe5\xab\x93l\xe1hh~{\xd3\x1c\x8f\xfb\xdb\xc2z\x9d\x07\xc1\x10Ll?\xdbc\xfdnYq\xf1\xde\xef\xda0\x1e\x0e\x06\tQe(\xfa\xb8\xe9\x1e\xc7l\xaf\xe8\x1d-|\xcb\xf5\xad\\\\\xa4\x96\xffX~\x93\x8b\\_\\\\\xef^\\/\xbeQ\r\xf5\x0e\x8c\xce6\x9a\xbd~\xdc\xaa\xd3\xa51\x0c\xda\xe9\xf6\xe9_p\xe3\xad\xb8\xf8Z\x13\x0e\x85:5\xa4545U5\xae\xa8\x98\x1d}\xd4\x0bT\xdf\x93\xdf\xcf^\x7fON\xbeL~\x7f9y\xf6\xe5\xe5\xeb\xc5\xb3\xd7\x8b\xbb\xff\xf9w\xf3@\xefss\xe9\x03\x13Z\x15\xc0\x94\x08`\xfd\xfd}Q\xd1_\x80\xb5\x0bm\x1e\xd5w\xe2(:\xe5p\x0c\xd6\x0f577\x8f\x1eG.\xce^~y=\xf9\xe5\xf5\xdf&amp;\xcfv\'\'_^ON\xfe\xf3\x7f\xb4\xdb}LSY\x16\x00pk\x02ib4\xbe\xa6\xbe\xb6\x93B?7i\xbbm\xd90\xb5\xa4C\xd3\xd6W\x85\x8d\x1b\x18j+\xc5\xb6\xa9\x84\xd4t\x1d\xe9t\xd3\xa5P,R,\xda\xa4|9\x90\x92\x95\x16\xb0\r\x86.\x86\xae_\x8c\xe8\xb8*\xc6\x85\x8d\x91\xb88\x8e\xc3\xba|\xcc\x04\xc5\x84\x81LFq\x1c\x8dfv\xcf}\x8c\x9b\xdd?g\xe4\x1dK"\xfe\xd3_\xce=\xef\xf6\\{nf\xe0n\xe6\xeew\xc7\xbe\xac6\x9b{T\xaa\xa2\xfcJ\x02\xd6P\xcd\x9a\xa7\x82E\xa7=b~\xb0K\xb4C\xa5S\xc1\xe7uW\xba\xb2\xea\xea?\x8f=\xbb\x9fY\xc84/4\xa3W\xf3@f\xa0\xb99\xd3\xdb\x9b\x19\x98\xce\xdc}\x19\x81\xcf\xec\x11\x05\xcf\x90oW\xed\'\xd8&lt;\xb5L\xbf|\x85N\x05\xeb+\xe2\xbd\xc2\x83;D\x05\x05;\xa0\x8d\xe82)XO\xff\xf2\xe5"\xa4f s\xe2\xd6@so\xf3\x00\x8a\'\x99\xe9\x97\xcb\xf7\x17\x17\xe7\xe6\xe6Z\xc4\x1d\x8a\xfd7\xf3\r6\xa9\x8c\xcd\x86\xe3\xebh\x1f%\xc3\xa7\x97\xf7\xfc\xe6\x10\x1c\xaf\x80u\xfc\xcf\x7f\x0f\xd8[\xe2\xdd\xf0\xec=\x1dY\x1d]|\xf2d~\xf9\xee\xdd\xfb\xcb\xf0Z\xf4v\xce\r)\x0057#\x16\xef1\x9b|\xf9:\x19&amp;S\xabe\xac\x9a\x85zJXW\xfa\x19\xa5P]\xaa\x82\x83\x90\xae@\xc0e3\x98\xb8O\x87\x86`c\x00\xde\xcc\xed\xe5\xe5\x97\xcb#33C\xa0\x1a\x9a\x9b\x1b\x02U\xdc\xd1\xe2\xf2\xa9\xd48W\r\x9b\xa9\xa2&amp;C\xc9H,\xad~\x15\x87\x1ebWa\xa1\xf3 ::\xd8]\x86\xb0\xe9\x1fO\x81u\xf6\xffbddF1\xa4h\xe9\x00VK\xdcg\xaf\xd4h\x98(Y\xfe\x1b_Q\x92,Z\xfd\x82\x86Y\x8a&amp;kJ\x9d\x07\x8f\x07\xba\x02a\x83\xc1c\xba\x03\xaa\xf8\xc4\xc4\xd2gg\xcf\xae\xf1\x96V\xc7\xc533#\xe2\x8ex\xbc\xa7\xc7\x93\xf6\x11\x02\xaeL&amp;\xc5\xb4\x9d\xb7/S\x93-\xda#3\x87\xc9.u~P\x9aW*\xb2t\x05\xd2&gt;py\xc4\xf1\xf8\xff\xb0\xee\xdcY\x1a\x1f\x1f\xef\x87v\x10z\xc1\xb88\x96\x1ec\xe12.\x86+\xfc\x9d\xcbW(\x9ak\xbe\x1c\xd4p\x19ylv\x1e\x83\xe1\xb4\x93\xc7?`yb1O,\xbct\xfa\xb3;(\x003N\xba\xa0;\x8d\xc7=\xe9t\x07\x8b\xcb\xc5Yz\xad\xbff\x81\xaa)\xf0+\xab\x02\r\x87\xc1\xc8\xcbc\xecd\xe8`\x15\xd3\xf6\xb0gi)\x16\x9b\x00\x19\xb4\x11q\x14\xfd\xfd\xe3\xa4K\x0c}\x97\xd8\x17\x88\x051\xc4\xd2\xfaa\r\xa9\x1a\xe6\xa7=\xd2\x0b4\x08\xb6\x93\xc3a\xa3tY\xc0\x15\x8eAxLd\xf7\x8eV\x8ed\xc5\xd0\xe2\xdaL\xf6t\x7f\x14X\xa0\xf2\xd7\x8cRw\xf7\xe1\xf2\xbcQ\x80\x12\xc6\xd9\xc7\x91\xe9\xe0a\x0c\xd8\xc3\xe1\x89\xff\xb2P\xc2\xba\xc5&amp;\xf2_\x80\x05\xc7\xb2X\xac#\x8aAa!\xd6\x02e7\x1f\xe8\xf5\x0bz\x81@P\xbe\x8f\x03\xc1T\xc1\xd1\xd4\x12\x0e\xa7\'&amp;&amp;\xec\xd0\x11\x02\xaa\xae\xae\xc2\xe5\xaaHL\xa0E5uw\xbb&lt;\xb1\xb1`\x14\xc3Y\xc6\xceN\xef\xc5\'\xd4]\xc8\xa0\r\xce\xfb\xb5FA\xb9\x86\x03+Y\xe9\xb3 \xd6\x04\xb8\x02\xe1DB$\x12\xed:\x98\x80\x98Zc\xb9\\.8\x07E\xa3R\x96V\xe8\xf5F\xa8dm\xa0\x8d\xfa\xfdFX\xc8r\x0e\x93\xc93@\xb6\x8a\xc2pj\x9e\xea\nL\x15\x15\x15!SQ\xa2h\xaa\xabk\x02Th\x18\xa2\x7f\xc4\x8c\xe1F\xa4\x02\xd6\x86\rT\xb2:\x95J\xa3Q\xa2\xe10\xd5\xa6\xb4\xc5\x82\\\xc0\xea\x9a\x9a\x9a*J|\xf4\x11\xb8\xd0o(Y&gt;\xd8k;\x82f\x96B\x08(y\x88j\x96\xd7+T*%\xe58\x83\xb9\xdfg/\xb2X\x10\xeb\'\x14\x8aD"\xec\xf1\xb8\xbaM\x06`\x89G\xcczm\'R\xc9\xdd\xdeQ\nYt`E\xbc\xe8[\x8ar\\\xa66\xf9\xec\x96\x00J\x17$\xe9-K\x94\x1f6u\xdbl\x15&gt;;,a\x14\xf6+R\x15rGV\xe9TfK+tG\x00\x06\xf5\x85s\xf9\x1e\x9f\xa5\xcb\x12\x16\x9d\xae\x08C\xb6\x12h\n(!\xcaO\xc7\\=\'\x0b\xec\x1e\xb18\xa8\x87G\x10P\xa0r\xbb\x97iT\xb2\x8cFa\x95&lt;\xe2^su\x8c\xc1\xa6*:\xfd^\x05\x14}\x02L\x89\xe3;\x80\xe5\xb3\x95\xda\n|\x9e\xfe\x913\x9d\xde\xb7\xaa\xaa\x10\x95,\xfa\xa8R"Q\x86\xe0\x9d\xaa\x95F\x01\xcb\xdc1\x96\x0e\x88\x0e\xd5\x89\x12\x81\xae|Q"?\x91\x8fX1\x93\xcd\xe6\x19\xeb\x1f\xb9P\xe3u\xaf\xa9\x84\xd5U\xa1\xf9z\no\x92\xad*\xcb\xcb\x05\xca*\xf2\xbd\x94F\x05r\xa5}"C\x1a\xb2%\x12\xa9\x0c\x06\xd8\xbd|\xe0\xea\x1f\x9f\xbf\r*TVP\xee\xd5\xc0r\xdf\xee\xa3\x92%\x94h\xf6\x95#\x17&lt;\\B\xa5V?\xe2\x89\xf9|\xb0EU\x1c\xad\xabs5\xea\n\x8f\x1e\xed\xf6\x8c\x8d\xf7\xa3\x19\x16\xb4\x80\xc5\xa4\xaa\xb5\xb5\xda\xbd8H\xdd\xa7\x0fm\xb5\xf5w\xfb\x182\x8d\xb1Z\xde\x04\t\xab\x16z;\xcf\x04\xc5\x1e\x83\xc9d+\xe5\xf1z\xd0\xf8\x01\xe1\x08^\xb8p\xa3\xe6b\x84T\x15\xa3\xac\n\x85\xc0\xbaq\x99\xcal\xb5\x1e)g\xf0\xd48\xe9"\x9f\xb0\x88\xd7\x7f&amp;\xea\xe0\xb7H\xa5\x18\xc1\x97I\xcd\xfa\x1a?\x98\xe4rX\xc0\xe2\xe2b\xb9\x1bv\x13\xa5\x12V\xb1\xa6\x99\xc2l\x8d\n\x8fHv\xe6\xd9\xf6\x83+\xd4\xd4\xd4\x14\n\xb9\xd1BE\xbc^4\x0e\x05"\xb4M\xbd\x9a\x9d\x9d\x95#T-\xa8:\xfdJ\x14\x88E\xe1%\xc5Q\xe5\x11\xc9&gt;\x06\xcfZ\xc9\x15\x08\x91K\x1e\n\xc9\x8b\xdb\xda\xda\xdb\x80\xf2\ny\xda P\x96\x00E\xaa\xb4Z\xa3\xd1\xa8\x80lE\xeeSt\xdb\x94N\xa7\r.C\xb6\xcaw\xb2\x9d\xbaF\x02\\\xf2\xa6Z\x10\x00\xa1\xad\xbd\xe1m\xb4\xb5\xcd\x16\xcf\x02\xaa\rT^r\xa0\x8c\xa5@\x83\xba\x91\x7f_KQ\xe0\x02T\xfd\xad\xe7\xdf\xb5J\x8eH\xa0\x9f?\xa9\xbb\xc9W\x08\xdd!\xf4\xf6@\x83$\x01\xec\xf7\xa0z\xd6FF\xfb\xd5Zy\xc8K\xcem\xe1,\x81RXU\x15\xb9\xf7\xfa\xf1\xad\xf5w\xd1h\xa9\x07?\xbc\x98m\x95H\xd0\xb4M\xa9\xad\xf1f\x07\xcb\x88`W\xdb\x7f\x8a\x86{\xf0\xa7\xa1\x81\xfc{-&lt;\x82\xb0\x80z\x16\x06\xc7\x1e\xc4rG\x9e}\xba\xf2|\x9d\xf3E\xa7\xd1\xfb.=On~-G\x93\x17\x1c`\x9d\xb4\xea\x0cb\xa9\x00\x1aOwSm\xfb\xb1\x06\xf2\xe2\x1f\x04r\xb5\x15\x87\xc8G@\xab7K\t\x19\xc9\xaav\x87^\x9d\xfbd\xfb\x9bu\xbdf\r\xaa\xd4\x9b\x87e\xc9\xdc{Uh\x08\x1c\xce&gt;\xec\x93N\xdd\xc7*\x13\x81\xb1\x14\n\xbf\xd0\x0be\x7f\xf5\x18\xd8\x8e\xb5_\x85\x8a\xea\xd4\xea\xf5z\xadV\xcb\xc2\x88\x1e&gt;\x97\\Dh\xba\x8a\xbf\xf9d%\xf9\xa6w\xddn\xe7BU\xf5\r\xff\x98\xccI\x96\x95&lt;\xab\xaa\x86\x92g\xa0lA\xba&gt;V\xb9~KHY,\x0c\xda*eku\x15\xba3&amp;\xd4\xea\xa3\x10f\x80\xe9\xa5==|\x82\x8b\x93\x13\x1b\xc0\xfa\xfc\xd3\x95\x9c\xe4\x0f\xc3\xebt;\x97N\xaf\xbf\xf5\xe6\xc7\xc9\x8dee$\x0bZ-N\x1e\x9b\xe7\xb4\xd6\x15\xeat\x8d\x8d\x7f\xe4\xb7\x10P?R\x19\xa6\xd1\xc0\xf1\x83\x859\x82\xc1`\xd4l\xd6\x9b\xcdR&gt;\x9f\x80s&gt;\xb0\xc0\xe5\x0e\xd5\x02+;\x99\x9c\xbc4\xb8N3\x8b\xc3\x8f\'\xff\x94\x04V\xce\xf6g\xad\xd0\x01j8yN\xa7\xb3\xae\xce\xaa\xd3\x15\xda*\x1b+{\x08.\x97+\x83\xe0\xc0\x0fA8\xa2\x98\xd9\x1c5G\x1d\x0e\xf4\xab\x0cM\xd7h\xd1\xc8|\xed\xc5\xbf\xadd%\x93\xbb\'\xdf\xa4\xde\xbd\xc0@u\xe9\xc4\xe3\xc9S\xc0\xca\xd9\x94\xfb\x1a\xf53pPd[\xad\x85\x85\xe4\x8f\xd3\xd9H\xc2d\\\x19\x13\x18\\\x0c\x03\x14\x06\xa6\xa8\x03#\x08\xc8\x16\x1a\xae\x01\x16\x94\xdf\r`\x95%w\'O]\x9bN\xbdk\x97C\xa3\r\xa6\xfa\x1eO\xee\xcd\xd9\xbceK\xf6\xafVBFc9\xcea\xe4\x9d\xd4\x15\x14\x14B8\x9d&lt;^ec\xe3~5\x8088\x17\xd7\xb0p0\xc1::0\x0cM.\x12\x04\x1a\xfa\xd1BG\x1fjZ$Y\x1bw\xefM~\xfd\xfdt\xdf\xbb\\\xe4\x87-\x94\xd67}\xed\x8b\x03{\x93\x88\xb5\xf5\xf0,$\x0b\xe7\xc8\xd8\xa5VtG\xa4\xf0\x90\xd3\xc9fC\xdb\xe0\xac\xe4\xa9e8\x04`\xf8\xc1=|@!\x16\x84T*5\xb3\xf4$\xeb\xc6\xb9\xc3\xd99\x1fn\xca\x9d\x9c||\xe2\xd2\xf0/\xdf*h$\xea\xfa\xf9\x92\x92\xbdk\xac\x8d\xdb_\x1b\xe1\xbd\xb926\x0f\nK\x05.\'\xfa\xf6\x8b\xcdc\xab\xd9l&amp;\x07\xd7\xe0\\\x8c+uH\x81$%\x93\xc5\'a\xe4\xf9\xc7-\xff\xfc\x9b\xc3\xd9[\xcar\x10k\xb0/5\xdc[\xffK\x12\x06\xdb\x02\xad~\x102\x95\x9b[\xf2b\xf2\xd4\xfb\xbb\xb3\xb7dgm}\x11!\xab\x1b\xf2c\xd5\xa9T\x05V\xab\x93\x9d\x87\xe6\xcd\xc8o\xe64\x1a\r\x9a\x01D\xf5\x052\xa4\x82p8\x1c\x98\x1eN@\xeeP\xc3\xeb\xdc\xacM\xc0z\x7f\xef\xf9\xaf\xa1\xbcz\x87S?\xfb?S\x11j\xb0\xf7\xc1\xf3\xf3\xdbr\xff\xfa\xaf\xef\x1f&lt;&lt;p`sVvvv\xd6\xf6s\xb8\x8cP\xabyN\x9b\xd5Z\x00.\xa8y6\x93\xc1\x80\x17g\x8d\x85cR.z\xc1b\xa2 \x82A\xbe\x14\xedk~\xaf\xfc\x0f+\x9b\xb36m\xc9\x06V\xc9J\xc9\xf9\xeb\xd3\xa9[?\xcf\x05\x9b:\xad&gt;5\xfd\xed\xc3m\xdbv\x7fq\xfdRo*\xf5\xed\xafO\x95mD\xac\xad+\xff\xa9\xe4\x8cA\xe3\xc8\xee0\xae\xcc\xf0\x1ea\x8673w\xeb\xb9\xd8Lf\xac+\xa6\x90_\xe1b2Nq\xa0\x80\x9a\x88A{on\xcd\xa0Fh\xddL\xbb)\xe4\x14^\x83 e\x8ads\x95R\xc8\xec\x8a`W*\xb2$l\xb5\xbbg\xedV\x06ms\xac0\xbb\x04\xa3B\x81\x14\x87*K\x06\x07C\xbe\xff\x1b9\x84p\\\xc8C+-\xd2h\xde\xef}\xff\xef\xfb\xbf\'\xd9\xda\xafo\xaf6\x9bM\x88\xb5\xbf\xbe\xbe\xfe\xf3\xf5\xed\xdd/\xef\x7fz\xe7S\x8dEd\xe0B\xbb@)\xb5X\x8dF\xe3\xe9\x0e\xaa\xf8\xf0\x17\xbf\xfe\xfa\x97\x7fh\x1b\xdcv\x0c\x14q~&gt;\xcc\xfc\xf9\xd5\xe1\x8b\xff\xe7\x85\x8b\xa8\xabOg$\xd4\xfcb\xf6\xa7\xa3\xa3\xe9\xf4p\xb0\xe8\x9ez\xa6e\x99\xcc\xff\xf3Z\xb3\xf9\xa8\xf9\x08\xf1k\xfdl\xfd\x8b/\xd6\xf7w\xab\x7f\xc4\xfcH\xf5\xd9\x9d\x9f\x12\x17a\x01\xaaAED\xb7\x00\xd7\xef\xbe\xcbL`\tQ\xf4\xc6\xc7g\x97\xef\x86\xe9r6}V\xbd\x0c\xcf\xffd\xfb\xd1\xb3\'\xe8T\xa3\x05\x98\xc6\xb3\xd7\xd3C\x8c\xe9\xe0\xea\xa2_t\x95g\x99\xa6i\xd5\xbf\xdd\x05\xd4\xa3\xedGP\xab\x854no\xaf\xef\xde\xbd}\x9f~\x15Gl\x9f}r\x87~\x85\xbb\xb6\xb3\xda\xd8l\x10\x184C\xbb\xf8\xed\xc3_\xfd\xb3n\x98\x10&lt;\xea\x15\x8bY\xe7\xf8\xf8x6\x9eg\xf3\x11:\x05\xbd@\xd6\x0f\x83\xe1\x92g\x87\xb3w\xfd\t1\x01\x88\x98.\xdf\xf5\xb3(U\xdd\xd2\xf0&lt;\x0f\\\xd7\x7f\xd9\xde\xdb\xdb\xc7@\r[\xeb\xba\xab\xa2\xa9\xde%\x8b\xdd\xbf\xf5)\xb9jmcg\xe7)I\xd5h6\x1bO\x81\xd7\x00\xd6\xdf\xda\xa6\xc1\x187\xa3\xd3\xa2?&gt;;\xee\x80lp\xb5\x8c\x86\xe3\xd7\xa8\xe4\xb3\x1f0\x19\xbd\xb0\xd7\xb3\xce\xe5\xa2?\x1f\x9fu\x0e5\xd4\xe0\nL~\x1cgQ\xe4v\xa5O\\\x96y\xfd\xf8\xd1\xde~\xabE\\\x18\xdb\x90k\x9b\x062\x89Tn\x10\x13\xf4!\xa5\x9a\x9bz\xfc~\x13X\xdf~g2\xc6L.\xc2\xb2H\xaf\x87\xcb\xd1\x19\x04\xeb\x1c\x03\xac\xffv\xf0\xe2\xc5\xd1\x93\xefw\x19\xbd\xce\x18l&gt;Z,5\x13\x90:\x9a)\x8e\x85\x10Y\xec\xa7\xaa(\xec\x18\\\x9ee]\x7f\xd3\xfa\xaa\x05\xb0\x8a\n\xfb\xe3\xee\x1fw\xf1\xe17h\xad\xb7+\x9f#\x82\xab\x9aj\x0fc\xb3\xf1\xf4\xe9\xe3\xeb\x983\x06s\x8a\xa4P\xedv=\x8d\xfa\x9a\xacs&lt;\xbb\x18\x0e/\x06p\xff\xf7\xfd\xe7]\x82:\x1c\x8c\x97\x17\xb3\xe9\xd1\xd1\xe1t\xda\xa1\xda\xc5q\x8c\xc2\x01K\xc4\x99\xef\'eM\x08/\x8e=\xcb\x19\xfe\xbd\xb5\xf5\x15\xf4\xc2\tb\x9d\xb0nC\xa8/oW\x03@\xab;\x1b\xa0\xaa\x98@\x05\xb5\x1e_{\x9a\xca\xf2\xec\xb2\x96\x12\x95\xefG\xd0\x89\xc0:\x83\xd1r\xbe\xbc|}\xf4\xdf\xfb\xd1\x8f\xc9\xe9\x9d\xd9x|\xf9\x1a\xcd\x00:\xcd\xc6\xcb\t\xe6\xf7\x98\xe1\x91\xa1\x08LdF\xad\x901\xb0|\xdfs\xfa\x1f\xf6NZT\xc7}-\xd7]\xe0&lt;\xa08\xea\xddz\r\x1dw\x83\xa8\xb6\xf4\x00\xd8\x87k\x93\x9b&amp;Cb\x84,\x19\xa8\x80\x95e\xa8A\xff\xed\x0c\\\xd3\xce\xd9hI\x8a\xfc\xe7\x06N)x1\xb8\x1c]\r:\x80:\xc2%\x0bb2\r\x10\x99\xf0\xb8a\x08&lt;5"\x9f\xd7\n\xc7\xf3\x80\x05\xae\xc9\xf9_ON\xa8\x8c \x03\xd8\xdd\x07\xb7n\xe9\x0e\x81\x06\xf1\xf0\'\x9f\xdc#\xb1**\xbc\x7fu\x9eqf2\x03T\x9e\xed\xaa\x8a\x8a\xb0P\x85\xb8\xff\xee\x92\xfc\x8fb\x8e.\x96\xa3\xd7OV&gt;Z\x0c\xa7\xbc\xd9\xf8\xf2\xac3%\xa6\xd9x\xd1\x17\x84d0\x83\xeeCT\x8c\x96\x19eJ9e\xcd05W\xcc9\nyBy\x04\xdb\xf6n\x13ZaK\xc4\xf8\x1c\x87\xd5\xb5\r\xd8j\xafUQ\xed}3d\x1c73\xe8~\x9eL\xa8\x84&gt;Q\x89\xaa\x08\xbe\x00\xd9\x80\x92\x89`\x0e\xc7\x1d\xe4R\x9b\xacs9\xbe\x1cL\x0f\x89\xe9\xedb\xa2\xe5\xc1\xc3d\xe8R\x16=L/\xf2\xf19\x19\x04R\x169c\xc4\x95Fv\x9e\x01\xc7\x00\x00\x04\xefIDAT\x82O\xce_\xb5\xaa\xb1\xbf\xddl&gt;\xd8\xb8\x87c\xcd\xe7\x9a\n=as\x7f\xabR\xeb\xd5y\xdf\t\xb9^\x19\x96\xc4\x12\xaf\xdd&amp;\xc7\xfb7T\x18(\xc5\xa4\xbf|{\x05\xd1\x06\xa3\xe1p\xd4\xa9Z\xffx\x86\xe2\x1dv\xce\xc6\x8b\x89iq\xd8\x12\xfd\x85\xfa99\x14L~Z\xf7\xb1ZYK\x82\xc4\xcc\x13fi\xae\xc8\x8fM\xde?\x87b\xdac\xf4\x07+\x0f\xee\xad\xd1\x1e\xbdsc\xf6-R\xeb\xd5\x87!wlP\xd10X\x1c:\xa6\x99\xa5u\x90\xa5\xbe0&gt;b1\xbd\xd6\xfe\x12\xa2\x9d\x8d\x87h\xb1/\xd0\xc6\xa6\xc4\x04?!ah\xc2\x96\x85\x07\xc1\xe1\xb9)\xa2z=\x05Q-\xc0Hr\x1e\xa59\xaea\xb8\x1f\x05)\xe3\x16\xc0\xb6N\xf4_\xd64W\x9b\xab\xe8Y\x1b\xa4\x14\xa8\xb4Ro\xde\x0f\xad&lt;\xb7q?\xf4Q`\x19\x990\xf1\x13\x81\x94\xb9\xa8\xe3\xc6\x11%\xbc\xa2\xa2/\x9a\xb1?\x1f\r:g\x17Ct\xb2\xa3\x15\xf2\x13\x98\xb0*K\xf3\x10\x10\xceV\x022\xb5\xebB\x05\xae[\xa3\x11\xd8\xcc\x11Q&amp;l\x9b\xc0&lt;\x8f\x1c\x86\xe6:\x99\xbf\x7f\xf3\x12\\\x9bh\xe8\r\xeaY\x15\xd4\xcb\x97/\x015\xc1\xf1*\xa4o\xb0\xb9mC\x91z\x94$I.\x83D\x1a"\x17\xd4\'D\x05\xa5\xcd\xccY\xec/F\xa4\xd8r~\xb1\x02&amp;@\xe1{\xb5Txs\x1cK\xa4\xe4\x80,\x0f\xdc\xb2\x82\x82^L\xa9(\x8aR\x81\xb3\t&amp;\xe1\x16C\x8e\x04\x9a\xebDK\xd6\xd2\r\xbdQ\x05PC\xcd+(,\x02\x97\xdb\xa4q\xbb-\x92\xae\xcb\xa20\x91\x92\xe5\x8a\xaaYO\x05\x1dLL\xda\x98h\xb1qL\x8aa\xbf\\\xa1\xb8Y\xff\x1e\xdc\xb1\xe2\x94L)zAY\x94\xee\x8dV\x18\xb90\xe2\x94B\x04n\'\xc4\x84\x98\x08=\r\xd9\xe0\x93\xe1{\xd8\x9fZ\'Q\xbd&lt;\xf9\x08e\xdb\x95V!Q\xc5\x80\x88\x0c\xb7\x909\\\x9aH\xa5$\xce\xf5\x86_\xc7\'m\xaeEC\x1b\x02\x19\xf6c\x80\xadP\xdcn\x06\x9eVL\xf0SY`\x10\x96b\x92\xe0\x12\x11\xf9\x02V\xc0\x82\xcc\n\x0bu\xd1\xb9\x87\xfc\x00\x83dU\x9b\xdaz\xf3\x8f\xf3\xfe\x84.\xc1\x15!\x96@\xef\xb8\xa6B\xc7b5\x97\xa4\x07V\x9e\xb8\xa7\xbd\xa2\xdb\xd3uA\xb3\xbd\xb9\x19\xf2:Y\x8c\xceV\xb4H\x15\x96G!\xa9\xfb\x8et\xcb\x8f\xc3\x95Y\xa6H\xb2\x10\x15\x8c\x04HL\x03\xb3\xd8\x8emcF^\xb5$\xdc\x93[\xd9\xf0\xfd\x1b\xcd4\x9c\xf0\xd0v\xf0\x062\'\xaf\xf0\x8c\x08H\xe4\xf34L\x82\x80"$cl\x8f\x18\t\xbeD\xc1\x8c\x85^ae5\xb3\xbfR\xa5\x8f\xb6,S\x18\xb9\xd4\xf2J\x95\t\x04\x10*\xb9\x92K\xfa(q\x88\x88|\x0f]\x96\'n\xe2pJ-\xd7\xa6\xb1t\x8e\x18\x9e\xc4\xc3s0\x114!\x91H\xe0\xc2s\xb8\x1d\x1d%\xd2\x19J3\xa6\x02m\n\xa3\xed\x07E\xd1\xed\x9e\xf6\x0cX\xb9\x0ew\x08\xcf \xd58\xb3mK\xab\x85\x1d\xcb\x91IP&lt;\x7f\xfe\xfc\xa0[\x06R\xf9\xedH\xd2\xb2\x80\xa6\xe1j\x06m\xae\xd4\x03CP!K\x0e\xab\xf2es\x93\x04#\xcd\x04\xf4\xb7n\x8aG\xb1\x08u\x051&lt;\x8f+\xa9\x0c\x9c\xda \x97\xad\xec\x04\xb7\xc5\xcd\xcd\xba\x13\x14\x07\x98\xb1Hz"\xf5-\xbf\x9d\xd2\xc6\xc2\xa8\x04\xf6\n9\xca\xc3\x05\xa5&amp;\xe8j\xb0\x9aT\x12Y\xd6T\x1aKe\x19\xa80;\x96\x9ap\x1b\xbb\xb6I\x02i\x95\xe9\xc1\x04\xf68F\x12a\x90\xd7m2:\x95\x9a\x1b\x1e&lt;N&amp;\xb7\xb3,MS\x11\xa2\x8c5\x95\xa9\x9at,Y+\x0e\x0e\x0e0c!\x85\xefd\xf5zl1\xdd|9\xb0\xe2X\x15\x04]\xcb\xd3Lu\xb5b \xa3\x16\xaa\x91\\\xb7\x0c\x04\t\x95+\xf8\x14X!\xbc\'\xf3\x90yDdj.lm\x16\xc1\xd8\x15\x94C\t\xd4\x1d\xce\x8b3\x89\xe0\x9c\x82+Q\x0c\x82\xa1\xc7p\xc4:3\x92@Y\x8e\xe6\xc2\x84\x98R\xda\x8a\x8a\xc4\xab=a\xc5\x8cM\xc8B*\x152CR\x0e\x88\x0b\xfc\x81\xd45\xd4#\x04\x15L\x91(Y\x15\xb6tU\xaf\xd7\x03\x98\xc1L\x8fN\x151cvEU\xd9\x89&gt;r\xeal\x86\x1d&amp;\x05L@z\x05\x8a\x11V\x14\xc9\x1a|\x82p;\x96J\xdc\xee\xe9\xe9i\x173B\x96@z\xf5\xd4\xab\xd4\xf2\xd3\x1c\n\x04\x07\x95^\xb2\xecj\xaeB\xda\xd2\xbd\x19\xa5$\xb1\xb8\x9dSU\t\xb4,\x83\xbcG\xc1\xc8\xc3\xdc\xc1\xb6\x99Y\xb0\xb5\xee\x9a\x15\x99\xce(\xd1\xb2\x1c\xf0\x12y\xae\x01\ndJd:\xd0\x88S\r\x9f\x94~\xac\x92$\xb4\xf3\x82\xb0 \x85+Ml\xc1\x04\xb6\x92F\xa9\x07\x85+\xf3\xb9A\r\\0\xa1\ne\x17\xe2\xc3c\x90\xc6\xa0S`\xa8jeYa"\x14AO\xa9\x9e\x94\xa7P5\x0f\xb9E\t\xb2\xc8\xe6z\x07\xa0\xb3\x95\xe5\x89\xb0\xa7zy\x1e\xf6\x08+\xb4%\xe9%\x8d(\x8b2\x86\x05\xe2.n\xe0\xd4}\xec\x90v@\x0e\xeb\xd2\xa3L\x9c\x98\x0ch\xfd\x0b\xd1\x92\x91\xd683\xff\xca\x00\x00\x00\x00IEND\xaeB`\x82'</t>
        </is>
      </c>
      <c r="M263" s="3" t="n">
        <v>45492.67653935185</v>
      </c>
    </row>
    <row r="264">
      <c r="A264" t="n">
        <v>870804</v>
      </c>
      <c r="B264" t="n">
        <v>5926</v>
      </c>
      <c r="C264" t="inlineStr">
        <is>
          <t>Dodi</t>
        </is>
      </c>
      <c r="D264" t="inlineStr">
        <is>
          <t>Dodi</t>
        </is>
      </c>
      <c r="E264" t="inlineStr">
        <is>
          <t>VOL</t>
        </is>
      </c>
      <c r="F264" t="inlineStr">
        <is>
          <t>VOL</t>
        </is>
      </c>
      <c r="G264" t="inlineStr">
        <is>
          <t>VOL/MC</t>
        </is>
      </c>
      <c r="H264" t="n">
        <v>169</v>
      </c>
      <c r="I264" t="n">
        <v>17</v>
      </c>
      <c r="J264" s="2" t="n">
        <v>35171</v>
      </c>
      <c r="K264" t="inlineStr">
        <is>
          <t>Right</t>
        </is>
      </c>
      <c r="L264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8ce64056-636b-4dd9-8918-6237320bc9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\\\x01^\x00\x00\x03\x00PLTE\xff\xff\xff\xfd\xfd\xfd&amp;\x1d\x15\xbd\x86^\x0f\x0f\x16\xca\xca\xce\xff\xc5\x9d\n\t\x0f\xff\xfe\xfe\x0c\x0c\x12\xfa\xfa\xfa\x06\x06\n\xfe\xc1\x974+"\x1e\x18\x12\xabz\\\x14\x14\x1b\xc3\x8aa\xb5\x83d\xa4uY\xa8wZ\xb9\x82[\xcc\xcd\xd2\xd3\x96n\xc5\x8ep\xaf~^\xa5uS)\x92\xd1\xff\xc9\xa3\x9dnR\xa0rU/\'\x1e\x03\x02\x01\xfe\xbd\x91&amp;\x19\r-\x95\xd5\xf4\xf2\xf1\x12\n\x05\x98jL\xabyU\xdb\x9bk \x13\n\xf8\xf6\xf5\x91fK\x1a\x0f\x08\xff\xbb\x8b\x14\x10\n\n\x05\x03\xfe\xb6\x87\xcf\x96t/!\x14\xa8tN\x98gF\xb1{T\xce\x92j\x8a^B+"\x1a\xc5\x8eg\xb5~W\x1a\x1a!\xf9\xacw:2*\xf0\xa9\x85\xa1qO\xbc\x8ak\xc9\x96v\xff\xd3\xb3\x95fM\xd0\xcf\xce\xf4\xa5r\xc1\xc4\xcc\xbc\x88dB90\xff\xce\xab\xea\xa5\x815&amp;\x18\xd1\x89g\xfd\xb1{\x94`AD1 \x8d`H\xa7nT|V&gt;\x8edGkC(\xd4\x9bw\x86[?\xf3\xb0\x8c$\x8a\xcd\xfd\xb2\x82\xd6\x94e=*\x1a\xf6\xc1\xa4\x9flK\xb0tZ&amp;!\x1a\x83U8\xda\x91p\xca\xc8\xc7\xafuNX=+L3 \xc2\xbf\xbe\xab\x81c\xef\xed\xec\xde\xa3\x80\xf4\xb7\x94pL2\xc3\x85]\xf6\xbd\x9b\x98mS\x9anL\xe5\xa5x\xe9\xab\x86ego\xaa\xa9\xac\xd1\xd1\xd8P:(\xdd\x99s\xdc\x99zK@7`C/\xc4\xcb\xd4\xe5\x9cyH(\x11\xde\xa0r\xf9\xb4\x85\xa0fOi9\x1d\xcd\x8d`VME\xbd\x81gG\x96\xcdU/\x17;/#\xc2}W\xd1\x9e\x81xR7\\^f!!(\xf2\xa9z\xf5\xaf\x7f=&gt;E\xed\xb3\x92\xb3{`\xe0\x94c\x8fX9\xe2\x9ak\xec\xb0\x89pR=hI3ST\\0\x1a\x0b\xe9\xe8\xe8CEN^7\x1c&gt;!\ruw\x7f\xcc\x82[\xb7\xb9\xc0\xec\xa4s\xd9\x8f`\xbc\xb7\xb4~\x80\x87\xfb\xb8\x8e\xa3z_\xe2\xe1\xe1now\xc8\x85h{rk\x82K-\x9efC_UM\xfd\xd4\xbb\x1f\x83\xc9\x85\x88\x8f\xcf\x8coPF&gt;\xeb\x9em\xca\xcf\xdb\xba{]\xa5\x9e\x99g]UZ\x9d\xcc\xdf\xa9\x88\xfe\xb5\x80\xd6\xa4\x89\xb8qQpf_\xb0\xb2\xb9\x9d\x9f\xa6&amp;&amp;-\x85aKKKS\xdb\xda\xd9\x8cM046=\x90\x91\x97w?#\xb5\xac\xa7\xd5\xd3\xd3p\xa3\xc9\xf0\xe3\xdc\xee\xb9\x99\xbbzR\x9as[\xa9jI\x85{t\x92\x87\x81**2\x88\xae\xce\x98\xb6\xd06\x91\xcd\x9d\\;\xb0hZ\xcc\x92\x82\x96\x97\x9f\xf9\xc9\xb1{[H/07\xa5^E\xdd\xc2\xb2\xaf\x86l\x9b\x93\x8e\xb3eF\xd1\xbe\xb0\xed\xd8\xcd\xc1\x9d{\xb7\x93w\xc9\xa4\x87\xde\xb4\x9f\xc7tR\xcf\xb2\x9a\xe5\xcc\xbf\xa6\xbe\xd2yI,\x83h[\x97P&gt;n\x83\x94\xb9pf\xc2}s\xb5\xc5\xd6\x1e\x7f\xc1\x8fk[\x85\x9e\xb53\x87\xc0]p\x81\xabS+\xc2gCw\x94\xac9\x80\xafAm\x8eT\x81\x9c&lt;x\xa1\x988\x11\x1de\x94y\xbf\xccu\x00\x00 \x00IDATx\xda\xcc\x97\xdfk\x1a{\x1a\xc6\xeb\x14\\W\x9cY\xba\x10z(a\xa7\x0e3\xdb\x8cg\xfc\x81=M\xa7]\xa7\xddS\x94\x9d\xec\xe0\x11\xda\xd0b\xe50!MD\x9av\x9bE\x84\t\xb4\xb2\xf1b\x0e\x01\xddC6m\x88\x10\x8a\x11\x11&lt;\xc7^((\xb8x\xe5M\x84=\xa0\xd7\xe7\xc6?`/\xf7\x1f\xd8\xe7;c\xbb\xec\xfd\x98\x9e\x97t\xfc\x950\x9f&gt;\xcf\xf3\xbe\xef\xd7K\x97\x1c-\x8f\xc7s\xe9\x97W\x1e/\x1fp\xfdRX.\x11\x89&lt;\x1e\x17~r\xe3\xaa\xeb\xf3\xea\xe5qy\x01Bp\x02|\x8e\x0fx].o \xb7\x99\x1f\xe1]\x97\xeb\xf3y\xe9\xad\x8e\x9b\xbc\x0b0\xfc([\xafg\xc7\xcd\xd1f6;k\xd5y\x9e\x0f\x04\xbc\xde\xcfC\xe6\xf1\xf0\x9b\xbd\xdef\xce\xcbW\xc7\xe7\xb3\xc9d2\x9b\xb5\x86\xad\xe9d\x98\x1f\xc57G\xb9\\\x95\xe7\xbd\x9e\x8b\x87\x02\xce\xa8&gt;\xeb\xc5\xab\xa3l\x0f0\xa5N\xbbm\xa8\xa5\xe1p\xd2\xcb\x9eOgP/\x1b\xcfy\xe1\xec\x05w\\\x13\xf7\x8d\xf7\xa6\xbd\xf3\xfc\xa4\xd4\xe9\x18\xaaQ\xc2C\xa7\xd3&amp;\x8a\x95JD\xb8l\xb39\x8a_h\x03 O\xd9ik2\x9b\xb6\xfa\xfd~\x87V\x14\xa3\xdd\xc63\xe8\x05\xbc~I\xa6h\x08\xd7\xdb\xac\xe7\xf3\xf1\x1c\x14\xbb 2\x17\xcf\xe7\xea\x93\x8ejt:\xaa\xaa*\xa6atJ\x9dR\xa9\xddV\x15\x85VT\x85\x12%\xd6\xe8\x83zz^\x8f\x8f\x9b\xde\x8br\xb0\x9a\x0b4\xf3}Z\xd2AeX?&amp;K\xd3,\xad3\x8cLS(&lt;\x18\xd0\xaf5\xeb\xf5\xf2\xd9\xea\xc5\x04\xcc\x95\x1b5s\xe3\xa9\xc1\x08:M+F\x07\x12\xb1\x14\xa33\xe1\xeb\xe1\xeb\xd7\x7f\xcdH\xa1PH\x10\x04\x86U\x8d~k\x08/\x9b\x17\xd1\x92\x1e\x17?\xae\xd77{m9\x14\x16\x84\x10E\x13&amp;Q\n\t\xd7\xe7\x15\xb6\xafa!\xc4\xd0\n\xdd\xae\xe70)&lt;\x8bO{\xae\x19\x9f"\xdd\xa0\n\x87C\x8c,\x8b!!\x1cf\xf4OXs*|\xa8S!\xa1\x93\x1f7\x03\x8b\x0f\xbd\x8bo\x8e\xf3m\x99\x92\xc0r\x1d\x8a\xc8\xb4\x1e\xc2\x13]a\xc2\xff\x87%\x84\xc2!\x96\r\x85\xe9\xd6,K\xb6\xc1\x82\x1dt\xe56{}\x19\x9e\x91\x04Yz1\xf0/\xc4\xaaJ\x88\xd0\xfc*$0:@\xe1/$d\xc0\xa6 ]\xf1\xc5\xc6\xcb\xc5\xe7\xbc\xa3Y\xdbd`\x0fC\x80B!\x12p"\x8c\xaa\xca\x0c\xf3\x07 \xc94i\x01\x19\xb0\xf8\x05\xc2\xa5\xb6\xf2H\xfd\xe2\xe4\xc2\xc6i\xc6\xe1 K\xb1\n\rIBd\x1c\x90\xc03\x0c\t\xbe\xae\xb3\n)\x9a\x96)\xb4(\xde\xd6e\x16\xc21\x9d\xd6\xac^]\x1c\x17N2\xcd\xf3\xe9\x90\x96\xd0a\x16\x8c\x8eaEp0BU\x1a\xfa\xe94&amp;\xacJ#m!J&amp;\xb3K1T&amp;,Pjgx^]\x94\x8d\xa0\xe2\x9b\xbd~I!j\xb1\x94\xcc\xb2\xa0\x92e\x1dX\xea\xdf\x15V\x87\xab\x90\x0b\x03\x16v\xea2%2*Vd[\x01\xbd\xa2\xb6\xa7Y~Az\xe1\xe8\x19?o)\xac\xa9\xd22\x8bY.\xcb2k\xb2:dC\xb0\x88@\x04\x0c\x9f\xa8*\xcbP2#0*\xd9G\x1d\x95UJ\x9d\xfed\xba\x19X\x8c^\xaej}RBd(d\x87\xa2Y2\xc9%\xdc\x1e\xb1&amp;\xa6\xe2\xaa\xebV\x9cT\x83\x02\x92BI\x92\x0cS\r\x85\x92U\x9c+Z\xd3\xd1Bv\xb6\x87\xb7\xa8\x88q\x8c$1\x94`\x8f\'\x81\x0c0\xc9vM&amp;Y\xc3\xe2\x8eJ\x1468%\x84\x05N\x8b\x8a\x82D\x93=\xde\x9f-\x84\xcb\x85C\x83\xc1"Q\x94Hf\x82\xf0qjbz\t\x8cl\xd22\xc7p\x94\xc6\xb22\x00\x051\x9a1e\ti\xd7\xa2\x1a\xcbqZ\x06\xb0\xfd\x1e\xc6\xbd\xe3\xf9\xf2\x8ez-\x15\x89\xe2 \x8f\xbd]\x08\x95\x14b0\xf09\x8d\xe6\xa0`\x94\xc3\x98\x95P\x82\xc4i\x1a\xc6\xbe \x89"GQ\xd1h\x946\x08\xd7\xc8\xf1\xd8\xbb\xf8\xec\xa4\xcdb\x05R!k\xcb\xe0\xce"\x17\x8d2!\x91\xe2\x04\x8e\x13m\x008\xa6\xa5\n\xdb\'\\T\x8bJ\x96\x9ax\x9f\x92E\x0e\x8d\xa0tZ\xf5\xaa\xc3ry0\xdd\x87\x06\xba\x8fB\xa8\xa0\x14lJ\x15vn?&gt;.\xa4R\x9a\x08}\x04\x91\xb0I\xe2\xeb\xe3\x83\x9d\xf5\xd7\'\x1c^\x91u\r\xe9D\x91\xa8Gk\xb4:\x84\\\x0e\x1f&amp;r\xf5V\xdf\x94u\xd2\x7fD\x02\x89\xdb~\xf7jiue\xf5\xca\xd2\xb3\xafv\xb63Z\x94\x13\xa1Wf\xfd`cc\xe3\xdf\x7f{}\xfaz{\xfb\x14\xda\x91\xb7%b,\x15\xa5\xe4\xce\xa4\x9es\x16\xcb;\x9a\x92A\xca\x10\x9d8X\xa4m?\xbe\xbb\xba\x1bK\xa6+\xe5\xda\xca\xfe\xad\x1f\xbf\xf9\xc7\x0f\xeb\xeb\x07\x8f\xae-]\xf9\xe2\xeb/\xfet\xe3\xfe\xb5k7~w{\xfd\xf4$\x95\xca\x9c\x88\x04+j\x9a\x94\xe2x7\x06\xea\xc3\x92A\xa3\xb9\xd0\xf4\xd1La\xeb\xf8\xcb+\xbb\x95A$\x18\x8cD\x8a\xc5\xca\x9f\xdf\xac\xee\xdf\xb9\xf3\xf5?\xbf\xff\xd7KR\xcf\xbf\x7f\x8b\xda]\xbd\xb9\xb1\x8e\xda\xcap\x92\xc8\xa1\x15M\xb3\xd3\xca:z\xf6\xf2\xe4z%\xb2_HTN2{;\x8fo&gt;-\xa7\x07\x04+\xe8\xf7\xfb|n\x1f\xa1q\xaf=x\xf0\xe1\xc1\x9aU\xcbn_\xa3\xb2\xb2\x7f\xf9\xee\xad\x1b\xafvRh\x81T\xa1\xa0\x9aj\xbb\xe7\xec7\xb4\xe6D\xc1|G\xefi\xa9\xbd\x83\xdb\xdf.\xbd\xa9D\x1a\xfe\x88\x85\x05\xaae\x00Y\xf5\xe1\xc3\x07r\xc5?\x805b\xb5Zm\xf7\xcd\xd5k\xeb\x19\xfc\xd9vAeYu\x12\xf7:\xb9\x0e7\x87\xd8\xce\x14\xfe\xcf{\x07\xf7/\xef\xaf\xd4*\xe9\xe0\xbc,\xac\xe5\xb55\xc8d\xa3\xadYx\xe0\xf2G\x92\xb1$\xb2\xb7\xfah;\x9aI\x15\x0cSf\x95a\x96wP-o}h\xa8l\xd4\xdc{\xf7\xf8\xda\xd5Z9\x96L~\xc4\x8a\x80\xcb\xed\x86^k\xcb\x04\xce*B\xf5`\xcd\xed\x8f\x0c\x06\xc9d\xac\xb6{y\'\x93\xd9\xde*\xd0,\xab\xf4\xebNb\x05\xce\xdb&amp;m\xa6\n\xc7\x0f_\xdd\xd9%T\xc9t\x84\xc4\x8aD&gt;H\xb0 \xd8\xb2u!h\x0fl\x13\xfd\x83\x81\xc5\x15\xeb\xde\xd8K\xa122m\x96\xf2\x0eci\x9aY(\x1c?ZZ\xa9%b\xb1\xe4 \x89\xbc\xfb\xc1\x15\xb1\xb8|6\x16D[v\xdb\xa2!\xf3\xc1\x81\xc5\x05#W\xbe\xda\xd6\xb4h\x14\xe7\xc5\xce\xac\xea\xa4\x89\xd9!\xce\x06\xa9\xad\x87\xbf\xd9?\x02Vr\x90N\xa7#~\xbf\xc55\x88\x90x\x81\xc6\xed\xfbHG\xca\x87O\x92\xc0\'U~\xb1s\x8a\xb9\x8a3\x911m:9 \xc6-$\xc3\xdc\xfbr\tqO$\xe6&amp;\x06\xfd\xc1F0\x92\x1eX\xf1\x9a\xf3X\x0f&gt;?\xba4\x9d\xb4\x0b\x96\xc7V^mi\'\x1c\xc5q\x8a\xa3X\x97F-Z\xd3R\xc7\xbf\xbf{e\xa5F\xe4JB-\xb8\xd8\xc0\xdd\xd3V\xcc|VY\xf1\'X\x80\x8a\xa1l\xaeX\xacv\xf9\xe1VJ\x93\xe5\xa8\xd2\x1a;\xb8\xac]\xf1\x96\xc9jX\x837^\xac\x1cu\xbb\x89X\xda\xc2\nZT\xb0j@\xf2O\xd0 \x17\xd1*8\xc7"d\xe4R\xbe\xfa\xea\xdd^\n\x87D\xa5\x9fulpy&lt;\x81z\x9f\xc6H|\xf7\xe8\xe6\x8b\xc3\xa3\xa3\xae-W\x11q\x8f\x10\xaa\xe4\\/\xc8d;\x18\xb4h\x81\x93\x88\xcd/o~\xfb\x9f\x9f\r\x13Ap\x14\x8b\xcf\x97X,\x90\xe3\xdb\xf7\xbf;;&lt;\xec\x92\x1b\x01\xabH\xee\x8e\x1dd5\xa5\xcf\xfd1\xeb\xf0\x924h\x1a@\x89\xc4\xfc\xb2\xfb\xc7\xbf\xfc\\0\xf1\x1d\xb2\xed \x96\xab:+\xd1"\xa7mm\x10,\xa8\x95([X\xc54\x02O2f\xd9gO/\xab\x88fi\x02dW\xac\\\xbbba)J\xbb\x1ep.Z\xa3)\xb0\xc4h\xe1\xe0\xdb\x9f&gt;bU\x08\x16\xf11\x18\xfc$\x94\xfb\xd3v\\[\xf6\x05+\t\xa4\xd0\xae\xda\xd1\xd2\xa3w[&amp;\xad(\x98\xa7\xcea\x8d\'\x86,\x8a\'\xdb;?\xfed\x99hc\x91tY\xf6Y\x13\x94H\xe4\xb3N\x11\x1f\xac\x95\x18L\xdbH\xf8\xedn\xf7\xe9\xad\x03l\x1f\xdat\x16+\xdeRtF\xe4Rs\xacZ\xa2\\\xaeT*s*\xdf\xb2\xa5\x91\xcd\xb5lQ\x11,_$fSu\xbb\xdd\xa3\xb3g;\xa9\x14\xcd:\x8dE\x0e\x10\xc0Z\xff\xe6\xbb\xc39\x16\xc0\x8a6\x95{\xbeol\x1bm\x17!\x9e\xcf?@\xdeq\xb6!X\xfb7\xd73\xf8\xd2F/\x00\x8b\x03\xd6\x8f\xef\x0f\tW\xa2\\)\x13\xb5\x1av\xd8\xe7[\xc7\x9a\xa8\xf6\x9c\'\xaf\xfc\xc1b\xa5\x92\xa8%j\xdd\xa3C`E\xf1\xdd\x9b\xa5K\xe7\x0ebm\xf6i\x9d\xa2\xa8\xcc\xce\xb33\x82u\xd4%P\xc5F\xc3\x1e\xee\x18\xf6xf=\'C\x15\xe7\x8a\xc6\xfcE\xa3\x88\xf3V\xed\xe8\xe8\xe9\xfe\xad\xf5\x13\xca4Y\xd6\xe8\xf1\x0en\xea&gt;\xcbP\x14w\xfa\xc3\x0bBuv\x08\xacb#HP^\xbe\xf4\x91\x9b\x93\x9c\x91\x95\xedo4\x8a\xc5\'\xc5\xca\xff\x90\x8b\xe5Zw\xe5\xe9\xfe\xd2\xce\x89\xc8\xd2,m\xccr\x0eb\xb5e\x06_\xfdN7\xde\x13\xa8\xb3\xa3\x1a\xb9o\xc3\xdfxn\xd5\x93{\xe5\xf2=tf\xc4\x92\xa7R\xb9G\xea\xed\x93\'\xcf\x9f\xbft\xbb\xc1\xb5K\xb0\x0eN$\x8a\xd2\xe9R\xcf1,\x0f\xb0\xa0\x15\'\x9el\xbc?;;{z\x08\xac\'o\xff\xfa_\xd6\xcc\xf7\'\x8d&lt;\x8f\xe3\xd5&amp;\xc6\x98K\x1b&lt;\rj\xdc\xdd\xa4\xb1\x8a\xd6d3\xa8x\xfa\x00\xb5\xb7\xc9^\xc7\xc9\xe8 \x03\t"\x9dY\xd6\xcb\x8e\xc0\x16\x1e8\x9c\x01\x04J\xb8\x81\xa4\x17\xec@\x8d\tdR\x9b&gt;`a7\xa1\x1bnC\xca=hB\xc2&amp;Jx\xc6ml\xf4\xc2qw\x10\xe3\xf5\xd1=\xd0G\x9b\xfb|\xe1\xf6\xfe\x82\xf9&lt;\x93!\xe1\xe5\xe7\xd7\xf7\xfd\xfe\x8e\xcbU\xe0\xb8B\xc1\x85{ p-\x1a\xcd\xfd} |\x86;\x9d&gt;\x1f\xcf\xbb\xdd\\\xc1\x95H\xec\xff\ta)\x0cG\xd3\xa0l&gt;\x91\xb3\xe5\xa7^\xbdA\xef&amp;\xee\xa5\xc4\xe01$\xeby\xdc\xe7\xa3\x87\x96\xfb\xfb\xfb\x87\x07\x06\x86C\xa14\xc1\xf2\x1e\xe7\xcb\x97h&lt;a\xf2&lt;&lt;2\xb5\xd5\xad\xf1\'K#w\x87\x15\xb4\xb3\x8d5\xafFX\xbfy\xf3\xe7\xafdS6c?\xfe\xe1^\xb7Z}\xe4\xcd\x1e\x9b [&amp;\x8db\xee\xe3\xaf\x1f\xac\xbf{\xa7;\xd4\x1f\xda\x18r\xcb\x92V\xf2\x1e8\xc3\xbf\x8f\xc7\xe3,a\x9f!\xa3\xfad8\x9c\xdc\xb3\xe9\xdem,\xddV\xfa\x94\xa6\xe0l\nt\xe0\x9d\xc7 OeS6S?\xbe\xe9X\xe9\x19\xc02\x99\xec3\xf3Q\xdd{\xdd\x8b\xc3/\xb7\xbd\x10\xdbI\xf0\x8d\x02aBqLH\x825\x1b\r\x84\xbd\xa9\xa3T\xca\xbb{\x18\xd5\xe9\x0cK\x0b*\x95fi\x1b\x9a\xf3\xcec\xe8\xad.\xb9\x04D\xdf\xab\xa7\x08kso\x11\xa0L\x0b\xe0\x96\x0f_\xe8\xa2\xb6\xbd\xa4\xd7\x0b\xbf\xed\r\'\xafH\xab=(\x05\x83\x92 T\xaa$\xa3\x0f\xa3\x07\xe8\xc9\x9e-\x1a\xb51sJ\x95inO\r}\xf0X\xbe\xbd\xd5\xdb\xd5\xf7\xc5\x0fj\x84\x15\x1d\x04,\x95b\xcb\xa03l&lt;x0\xaf\xd3E\xf5\x81@2\x99\xd4gH\xab\x80\xa2R,Z\xb3b&amp;\x00\x15\x0c\'\x0fm6\x80\x8a\xbe\xb0E\x97\x94&gt;\x15\xb82\xb5\xba\xfb\xceS\x19\x1d\xd9\xd4g\x7fQ\xdf[\xdd\xdcf\xec\xc7&amp;\x95I172pw\xe0\xd7\x1f\x8f\xcf3\x80\x95L\x06\xca\x192k\xad\x00T\xc5Z\xadfkb\x06\x1a+\x19\xb8b\x0c\x1b\x1b\x1b\xf0\x1d\xa8\xa2\xc6\xe7SD\xd7V\xd5w\xba\xbf\xfd\xfd\x94\\X]c\x9f}\xf3\t\x18\xe3m\x83\x1d\x92\xa5R*\x06\x07\xe7(T\xaa\xd4\xd1\x11\xea\xa0\xf0U\r\xa8$I\x02,DU\x0e\xb7[.\x9c\xd4G\r\xf3\x06\xc3\xc6\x93a\xcc\xa7R\xe8\xd66W\xbb\x1f\xff\xf0\x85\\\x17\xce\xbd}\'\x7f\xff\xf7\x1f\x11\x16\xd3\xc6B7\x1e3b9\x1c^Sw\xdf\xffT\rm\x9f,U\x05)\xa8R\x99\xecU\xb1\x04T\xa9\xa3U\xf5\xe4\xf4\xe4Q\xca\x9b\xd43\xf3\xe3\x13\n\xba\x83\xb5\xb9\xaa\xfe\xf6\x95\\\xaf\xa5z\xbfj\x86\x98\xdd\xcd\xd4ZX\xfc\x05\xcbZ\xcb\x04\x02\xba\xf7k\xdd\xf7\xef\xaf\xee\xe9\xc3\x81L\xb6\x12T\xe1\xfbF\xd7B\xad\x94\t\xa4\x8ev\x9f\xfe\xae\xfb\xd3\xe9U\x98\xd4p\x80!g\x14\xd0[\x0b\x86m\xc0Z\xd3\xfd\xa3!\x93j\xeejpRQLnn&amp;\xc9\x0e\x96Ia\xad\x89\xa2\xe8\xff\xcf\xde\x11\x92\x86\xfad\xb9\x04X\xbe\xfd_\x8d\xf6\x14\xac\xa5\xb2w\xf2\xe8\xf0\xfd\xf6\xe4\xfd\xc9\xb5\x17{0\xa5zf\xeb6\xc2\xda\xd8]\xdd\xdc\xb5U\x89\xa6L\x1b\xa2\xef2\'\x1d\x0bbr[\x9f\xb5#*XB\xb7\x07\x07\x07\x0f,\xd4\xba\x1e\xa6\x10\xda\xbe,V+A\xe7\xeb\x9eG\xa3;\x9aZ 5\x99\xd2\xbf\xdf\x83\xbd\xf5\xa5\xee\x85^\xff\x7f\xac\xf1\xdd\xd55\xdb\x93\xe2M\xae\xd1%\xcf~\xb8\x14n\x9e?_d\xf4\x8c5hR\xc5U*\x1f\xadTbX\x8e\x08Y\xfc"\x93\xb9*\x97\xaf\xc8\x99\xca\xf13\xc0z\xe4\xf0U\x03\xdeTX??o\xd0\xe9\xd6\xbf\xfe\x08\xa6\x95\x99]\\\x00,\xcd\xd2\xde\xf6\xe1\x83\xb9\xfau\xf1R\x9e\xa6\xefkH7\xc7q\xd3\x1c\xb9eGXp\x08\xab\x94\x10\xb9\xb4=o9\x87\xb9+\x97\x19\xbfUx\x0eX\xa3\x8f\x1c\xb8]\x84%\x1b\xc8\x90~\x8a\x825211\xb1\xa8\xd0\xd0&gt;\xc0\x1a\xd6\xe9\xe7\x87\x8b\xd7?\xd7/\xa6d\xc2"\x00+\xae\x99[\x0c\x9a\x94\xa8\x86&lt;\x82"\xd2v\xa1X\x85upu\xc5\x90T\x9e\xf8\xbe\x93--_\x11\x03a\x18\x021\x0bA\r.`\xc0\x04\x8aB\xa5\xfc|v~\xe6v\xe5\xfa\xe7\xeb\xa6&lt;\x96\xac\xeb\x84m\x01\x96J\xa1\x08j\x00+\xce\xf3&lt;\xab$\xd2m\xacj\x96\x14k~8\xa9\xe3\xcf\xb4\xaf{\x1e~\xe7\xd0\xe2l~6\x03\xed\x96)\x89\xe4\xd6\xc1\x10\xcd9\xdb\xe1S.L\x8c\x0c*\x04\xf9\xb0zO8\xc0z\xae\n\x065\xa6\xffa\xf1l\x1b\xabR)Z,\x96|\x9a\x05\xb9\xa5\xd5\xbe6?\xfc\xce\xac\xc5\x9dl\xfa\x80\xfa-If\xa9\xc5\x05\x0c\x14\x97\xcb\x85\xf4\x17M\xc3\x9c\xd8%I&gt;\xac[c\xcdcP\x06\xa0g4J\x98\xc4x\x1c\x8a\xe2a\t\xc2n\x17\x84\xbc`\xcf\xb1\x1e\x8f\xd6\x88\xb0z\xdaX\xb8\xc7MGV\x86\x86V"\\\xe2\xf4\xd4\xe1\xd8Ih\xdbX\xd8\x82B\x10\xa4\xd6\xb5LX\xbd\xbdS\x17\xfcq\xeb&amp;\xa8\xd4@O\xb1\xd0\xf3N\xdc\x05?\xce\xb3&amp;\x02\xa2\x93)\xe3\xbeQ\xfb\x1a&lt;\xa2\xd9\x05\xcf&lt;\xb8+\x06qj6\x9f\x9d\x9d\x99{v\x8c.\'\x07X+\x0b\xd5\xf3\x96t]\x97\xab\x88}\r\x8e\xb8\xa9\x07\xd1\xf8i`=8\x9d \x85\x13P\x1a\x8f\xbb#\x97\x11\x96\xb1\x8d\xf5\xd0\xecBE\xc3\x11\x120\x81\x8f\x05.\x07\x08l\xc0\xa2W\xe0\x08\xa8K7\xc2\xa5&lt;k\xbe\xb7\x17\xd6\xfcMKI+1\xa5\x92\x07,&lt;a\xdc\x89\x19\x13Z\x17\xf0\xe0\xb8\x16oS\x81\xa3\x18\x05\x06# \xbb\x12\x80\x05Pgm\x7fm\x862\xb6\xb10\xc0:\x97\xa4\xb7\']r\x9d&gt;\xeeV\x8b\xf0\xf9P\xbaT\xbc\x0f\x92\xb5s\n~\x07\x85V\x0b\xb9\xe9dk\xc71:zf\x8e\x81\xf5\xc0\xb5\xc6N\x01\x11\x1adk\'\x96(pt\x04\x1b:/\xd5Z\xec\x85L\x82\xab\xb7\xef\x92\xbdi\xf1N\'\x8d\xb8`\x0bA2~\xc1B`\xed\x94!\xf7e6\x8f\x9aOc.\x8e\x87\x8e\xc3c\xf0\'\xaa$P\xbdF\xe9\x8a\xc0,\x16k\xe7\x12\'\xd7Q}k\xea\x92\x00,\x1cw\xb7\xab\x08\xcd\x14\x83l\xc5:D\xc0\xf4\xd2\x033\x00\xc92\xf78\xccg\x0e\x94\x99\\\xb1^$\xe0{\xc8*"\xfc\x04|\x18\xa11\xcc\x0e\x1f\xc7\xe4\xaaa/`\xd5\xeb\x04\x0e\r\x82\xb2\x05\x10\x89D\x0c\x99V\xb4\x0c&lt;,\x1bG\x00;P6\x07$\xc8q\n#\xe8JC\x17\xb5$\xd8\x1cx;\xa0\xdf\x00\x8b\xa6\xd3E;\x7f*\x9bh\xeek\xd0\xad"\xc1\x01\x16\x86A\xb6\x80\x0bm\x80\x04\xda\x11\x84\xd4j\xb1\xa8\x82\x1d,\xe0:\x85]\x15\xa3\xfd\xe5\xcc\x87zK"\x90\x83\xf4\xb89\xdcU\x88`\x1c\xa7\x94r\xbe\xa6|\x16\xa3Q\x80\xed\xe9\xe1\x00K\x89\xb9\xf9\xf6Vp\xb98\xc4T\xac\xd7%V\x8b\x1c\xbf\xa3\x93\xad\x0e\x96\xdb\x0f\x07x\xe9\xbc\xdej\x93\xb1,\xf8\xeb\x08\xacW\xb7\x9b\xe7/d\xbb\xa4\xec:ir\xbc\x89\xe787\x86a4:{\xc0\xc8\xbbsR\xb1~^\xab\xd5\x05\x167v\xb0\xda\\\xa7\xb1D,\x16\xa1@\xbd\x963\xb5z\xb1(\x08\xe9t\x0e\xa3\xdfFV0\x9a\xe6\xdc\xdc\xa5|w\xa7\'\xcd\x02\xd7FAUT\xc2\x7f\x0f\x19 \x84b\xbd\xf6\xe1\xc3yQ &lt;.\xb4\xaa\x1cf\x07\xda\xed\xb1B\xc1U\xa0\x0f\xc42p\x95ju\x00\xcb\xe7C\x0b+\x91\xc8\xd02F\x17\xb8\xe6\x89|\xaf\x0b\xc6.\x0b\x9c\x1bJ\x81\xb0h\xc0B\xa7\x0e\xe4\xeaC\xa9\x04T\x12\xdb\xb9\x05\x89\x9d\xc6p\xae\x9dQ8\x10C$`\x01\xd7y\xd5j\xa1,\x07\xfd\xcb++\xcb\xa1\x1cW(\\\xc8w\x05qk\xaaQ\xe0&lt;\xee\x0e\x16\xa4\x0b\xa0\xd2\x92P\xaf\x95J\xb5*$\x8be\xd3\xf9|\x1as\xbb\xb1\\:\x97\x0bMl\xcd\xfa\x0fB~\xa8b\x12\xa9\xae*EQ\x13\xc3\x9f\x03i\x08\xf4\xc4[\x19k\x08\xd2\xa6\xc9!*7j.M\x8e\xd0\x04Ak\x81\xc7\x11\xab\xc5\x8a\x9d`siK\x95\n\xa5\xd3\xa1|&gt;\x7f0~\x15\xd03T\xff\x00\x83.G@\xa5fA\xa6\x8e\x0c\xf4\x0f\r\ra\xb4\x9bk6\xe4|)&lt;uY\x00&amp;\x96\xc5\x10\x96&amp;\x08\xa2\xa6\x92\xcd\x94E?e\xcd\xa7Ay\xa5C\x16\x8a\xb2\xe4A{Q\xa4&gt;\x1c\xd63\xe3\xc3w\xd7\xd1ED8P"g\xa9\x81\x91\xa5\xe1\xe5\xe5!\xfa\'\xfam\xf3D\xce\x17d\xbd\'\x17\x00E\xe4\xa0o0\r\xa1!\x82v0^\x0c9\x9b\x9d\xa5\xf2(\xfa-T\x96$gId\xb5\xc3\x01\x1b3~w`\xdd\xe6\x05\xcf\xed-\x83F\x1dY\xda\x9a\xeb?\xc8\xe7h\xb7\xac5l\x1b\xeb\x8b\x08\xf6S\xf3\xb2\tX\x88K\xa8\x95\xaf\xa26\x1b\xc3\xcc\xfb)\x8b\xe5\x00\xcc\xd9\xac\x98\x81\xb8\n\x04l:\xc3\xfaG\x13\x03\xe36\xef\xbd\xe9\xe9\xa3pF\x9c\xa5\x96\xb6\xfa\xff\xf9\xb7\xbf\xb6\xd299\xe7\xb0\xc35\xd6h\x9c\x8cM5\xfe\xb5\xa2\x81*\x06\x8b\xa5\x80mo\x1b\xddlm\x01T\xa8\xff\xc0\xe2\'K\x10\xe2\x7fy9\xdf\x90\xb6\xce=\x8e\xd7%\xa3\xda\xbe8z\xce\x89\xcd\xb1\x9c\xf3\xa2\xd7\x9e03\x18U\xa3M\xf2\xc2\x13ri^\x08\x9a?](\x84\x88\xcc\xd8\x08J\x04k^X\n\xe9\xb0\x1djAB!i\xad\xed\xf5\x85\xa4n\xbb0\x05\x1d\x1d\xd2j\xea,\xace)\xb4+Z\\\x15l\xe2p[/mWZ\xb8\xed\xca\xee\xf7\xf7\xc4\xdew\xf7\xdem\xb7\xf1\'I\xfc\x83\xc7O\xbe\xbf\xdf\xf3}~O|\x9e\x9cm\xaa\x908\x89\xe7y\xc5\x1b=\xbf\x7f\xff\xfb\x17\x7f\x86\\A%\xb7\xfa\xe3\x86qy\xf3\xe1[\x15\x8b\x1d\x94)***.\xba\xb5\xe9\xa8\x9b\xfa\xf8\xe3\xbf\xb5}~\xb8/\xb0\xef\xe2\xe9N\xb7\xd8od\xd1\xdfr\xfb\x01b\xa9e\xc6\xd5\xdf\xafi&lt;gN6\xef\xdb\xbf\x1fX\xf5\xb5\xaa\xb8qkW\xe5\xad[\x1d\x05\xda\xb7X\\\xb9\x9auLYQZ\x9f\x9f&lt;\xb1\x0f\xabg\x7f\x907b%k\x9c\x02\xd6\xd2\xed\x07 \x8b5\xd5:\x11n\x7fk\xe7\xe8\x89\xf3\xef\x9dh\xadoR\xd5\xf0z%=\xb1B\xed\x89E\xeb\xb5\xe10Z\xad\xa8\xf8Q\xac\xe6G\x07\xfd\xeeX\xcb\xcc\xcc\xe3\x96\x96\xa5\xa5\x07\x0f\xfeA\xf1u\xeb\xd7\xad\xad\x87\xdb\x1b\xab/\x9e\x1e\x1dm?1\xeaor\x06\xe5\x1ck\x94\x0b\xb7Sw\xd7C\xc2*\xebbk\xd4\xd1\x93\'O_l\xf7\xca\x9e\x18\xbc)\x16\xcbc\xb5\x9e\x85P\xa1\xf7&gt;\xf8\xe0\xfc\xe9\xc3\x9d\x87\x93\x83&gt;U\r\n\x1b\xb7\n\xbb\xa9\x99\x8a\x8b\xb0\x0c\x7f\xff\x99\xa2\xf3\xf4\xf9\xf3}\x19\x14x6\xc7k\x1a\xe7\x89\xf3\x9c\x92\nG\xfc\xed\xfb\xdf\x0f\xf4\r\xfa[\xfdn\x9f\x1aT\x83\xe1\xcd\x8e\x02c\x8d0\xac\xb2.\x1b|\xca\xdf\x14\xac\x1d\x0c\x1dvj\xb9\xec\xe6\xe6\xc6\xe6F6\xbb\xb1\x91\xcde\xb3\xa9t4\xd0\xf7L\xf0\x04kke9(\xcbBn\xbd\xb2\xb0[\xd3\x8b;\x08\x8bq\xb5\xd54\xd4\xd8t\xbc\xc7\x1d\xc3L\xbcA\x91\xa5\xc8\xe5r)s\xfa\xd9\x9a\xd1\xa8I\r\r\x1eY\x96\x95pn\xbdjGa\xb1*\xd7\xd1\x1f\x00\x0b\xe5e\xd0\xe9\xca\xacF\xe3\x93\'O\x1e/\xc5\x05\x81\xd7x\x89\x0fsBj-\xbc\x96[F\xd7\x97\xd5$\xd1\x03\xb5Rk\xdb\x80\xb5\x9a5j\x84U\x06&amp;8k\xdd\x81\x0f\x97\x97\xc1\x85\xce+\x16\x8b--=~\xb2\x8c\x98\x9d\x1d\x18p8\x8c\xa84\x12k\x1b\xb0\xaaV\xb3\x9afu\xe9\xba\x00\x06\xa8)`\r\x0c0\xb0%b"\xa8\xd9\x01P9\x1c\x0c\x0b9L\xadm\x03\xd6\xae\x1f\xb3.\xcd\xe5*\xd3!\x83uX\xfc\xd7\xed\xf9p\x808\x08\xec\xf1cp1\xb5\x18\x95C\xe3\x05\xd4{\x18I-4\xd6\x0e\xc2B\x94\xb9\xa8\xb0\x08k\x8a\xe4z\xa3\x17\xa1a2\xcaa2",I\x89\xc0/\xc2\xdb\x81\xf5p\xc3J\\\xba&lt;\xd6\x1e\xaa\xae|\x9b\x1c\xa74.\xa1\xe7\x8a\xf3|\xbfft\x0c84N\xce\x10\x15\xb7=X(-\x1dqY\x91\xc5)\xd2\x0bf@M\x84\x88\xfe\xd8\x13\xf3\x88\x1c\x1c\xc3\x88\x9a\xe7\x159EX\xd26`\xdd\xcac\xe9\xca\xf2X{P\xf5u\x8c\x8a\x13=1\x19\xa31\xe8!,\xc7\xec\x801\xac0\xb1\xc2\x92\xb6Zh\xac"\xc2\x82;\xb8t\x18\x8a\xc4Ug\x85wY\xfb\xd1\x08\xc6\xd0\x9d\x82*\xe6\x91\x88j6\xcb\x0bTX|X\xb2m\x07\xd6&amp;\xb9\x16\xcb\xa2\xcb\n{\xa8\xb3\xc2S\xf3XMg\xcf\xd6\xc6bb\x9cGa\xcd\x0eh)\x85aI\xdb\x81ULX\xd62*z\x17\xe3:`-\xfb\x94j\x8b\xb0\x9a\xd0A\x83\tR}\x85\x14f(\x85k\xe1mQ\x0b\x93"\xf3xW&gt;\xac\x8e\x03{(\x8b4\x12\xe9Eg\xa3c\x19&amp;\xf6\xd5\x0f\xb3\x8ep\xc4\xcc*K\x92\xb6\x13\xab\xccE\xff\xd8\xc7\xb2\xd4\x01{p\x90A &gt;\x9d:\x00(F\xb5\x96I\xa7\x81%I\x16\x0b\xb0\xd6\xb7\t\xab\xcb\xe5\xe2%.\x85\xc5\x04\x1c\x8a\xc4z\x02(\xac\xa9\x0f\x80\xeb+L=k\xa9tr%\x93\xe2\x10&amp;\x93Tx\xac\x1d\x1d\x9b\x1aa\xe9t\x98\x87#\x19A\x10\xd19\xf0Z\x7f?\x16\xaf3\x84f\xa4\xb90\x15I\'B\t\xa8ET&amp;\xa8U\xb9-X]\xc02H\x8a\xdb\x9b6G\x14\xd0\xa5D\x11%\xef\xa1e\xb5\xc8q\x19sz%\x11m\',\xc9T\x93\xc7*\xf4\t\xc5\xcaMM\xa7\xeb\xd2!\x8b:)\xb2\x92H\xac\xa4\x11n\xb33\x16\xa3\x05O\xccY\xebt\xe3\xbb\xc9h\xa09AI4\xd5\xd4\x00k\xb3\xe0X\x1d\xebk\x9c\xc9b3\xc0\xe6y\xce\x97\x0c\xf5%\x00\x91\xf0b)\xed\xae\xf7\xd3]\xeb`2\x14\x8a6\x06BiE\xe4\xc4\x8a\x8a\n\xc2\xea(\xb8Z\xeb\xe1n\xb5[\x96+`\xa7|$\xd9\x1ch\x8f\x86B}\xc9\xceN\xaf\xd7;8\x88[2\xd4\xde\xfcIcus""\x88D\x05\xb5\xf8B\xaf|\x08k\xadB1\xa7\xd3\x11I\xe7rI\xe9Pcc\xe0\x93\xe6h\xa8\xaf/\x99\xe8L&amp;i\x83K\xa0\xb1\xfa\xe0\xc1@_\x9aQ\xd1a\x11\x1b\x9f\xfb\xb1\xd0C\xb1j\xd5h\xb05\x98\xd3f\x13\xdc\x94\x17\xbc\xd1@\xf5\xc1\xc6@ss{\xa8\x0f\xaaA)@\xbds\xb01\xba"\x8b[b\x99$~\xed\xcbo\n|\x8a\xb9r\xd5\x88Qh\xe1L6\xa8\xd5/E\x12\xa1\x00m\x9e\xa9\xae\x86h\xcd\xed\xb4a\x05_4F\x91BA\x14*\xa8\xb4L\x16\x83\xf4h\xfcia\x8f\xe5V\xad:0S\x1b\x0cX\xf7Puq\xe6\x04\xf4\xda\xc7\xcejU\x07\x02\x8d\xef\xec\xc3\xe3\'!\xafY\x81X\x02\xa32I\x06ie\xf1\xd7\x9f\nZ\xf6y,\x1da\xe1\xc6\xf3\xa2\xaf3\xd4|\x9e\x8eDU7\x06\x00\xc8\x0e\xb7x}\x11\x81\xe3\xb6\xb0,X\xa7=Z\xfc\xedTA\xf5\xaaZ\xcd\xb9\xf2r\x19\x0c6\x83\x81\xe7\xb9\x88{0\xd4\x8e\x88F\xa3\xcd\x18\x00(2\xb8\xac"pL\xad\x86\n\x13f()\x93\xb8\xf0\xf2\xe6tG\xc1\xdeT\xa3hd=\xa7\xcbc\xd9\xbe\xb5\x01\x0c\xb3\x10\xfc\xcb\xeb]\xf1\xc3!:\x93}\xc9d\xa7\xd7m\x96\x05\xb6i\xa9\xa1\x01X\x92\x84y\xcay\xee\xb7\xe7w\xa7\x17\x16.w\x14\xe6\xf0\xe4\xa1/\xf9.\x96D \xcd\x18l(|\xab\xe6\xc2Z\x1ak/\xd5\tGm\xf5z\xeb\x9d\xb2\xc0I\xc0j\x08v\x07\xf3X\x1e\xcf\xd5\xdf\x8e\\yzhl\xee\xc6\xb5\x05\xb2\xfc\xb7\x87VLg\x85\x9f\xfes&lt;\xcc\x1ay`\xcd\xcc\xcc\xa0\xbc\\Vpi|X\x14\x04Ev\xba\xfd\xfez\x9f\xaaP\xef@X\xc1 \xac^\xe2\xe3\xa2\xe7\xd1\xab\xbd\xa7\xbe\x9b.\xbf\xd63&lt;t\xff\x1bz\x11\xee\xad\xed\x97\x1a\xb9|y\xfa\xe6\xf3\x17a\x1a\x83\xa0bA\\hN5\xb6\xabRP"\x10\x8cR\x98B\x0eE\xa5\xa1\xbb\xbb\x9b\xb2HX\xcf^\x1d\xb9w\xf7x\xef\xf4\xfd\xe1\xd2\xf9s7\xde\xed\xd8\xf5v\xc0\x8aF\xc6\xe6\x0eM?\xbd\xf2\xcb\x0b\xf1\r\x96\xc5BX\x06\x97\xa6\x11\x16\xcf1\xbdT\xa7S\x95\x15E\x10\xd8\x17\xaaLX\xf1x\x8b\x00\xac/\x80\xd5;6d\xd7\x97\xce_\xb84\xf6\xff\x1fr\xa37b\xe9\xbd\xd13w|\xfa\xa7S\xbf\xbc\x10\xc8\xb2\x0c\x80\xb2\x10\x97\x8dq\xf1L.\x90\x00E\xa6P\x10r\xb7\xaa2\xb5\xe2(4`\x1d!\xacC\x13gJ\x11g\x86\'\x8e-\xd0{\xca\x14\xff\xe9\x8a*\xaa\x1ayw\xaeg\xb8gl\x9aaElL.\x8b\xa5\xad\x8d\xc0\x0c&lt;\\\x02\x9d 2ET\xb2\xdc\x1d\x91\xd5H\x04\x9f\xa8\xaa\x9a\xdf\x12+\xc59\x01\xb5u\x8fa]\x9a/\xd5\xeb\xf5%\xa5\xf6\xc5\xa1\xc9\xa3\x97\xff\xe4\xe1\xf4\xe2\xa2\xaa\x8e\x85k\xe3\xe7\xbe\xb7\xcf_:4MI|\xf5\xc8\xc2L\xeb[K\x1b\x03\xb3\x19\xe2XF\xc4\xf9x\x9c,A\x96#*\xf2\xe8$\xa4\xda\xda\xda-,\x8e\x13\xae\xbeF\xc9\x973\xb5\xf4[Q:?&lt;q\x7fl\xe1\x0f\xba,\r\xbc\x8e\xcb\x7f=691l/-\xd9yg\xf28\xb0n\x1ey}\xb5\x86Y\xa9\rP\x08\xcc-\xf4g)Z\x08+\xe2\xfcw\xf8|\xb5*:\x08\x91~\x96\xeay\xb9\xf7\xcaO\xbd\xc0\xea\xb1\xebK\xf4%%%PL\xaf\xb7\x9fY\xec9\xf6\x07\xde-\x82\xcai\xe1\xe8\xdc\xe4\x04t\x02\xd3\xce\x9d%w\xc6\xa1\xd6\xf1\xbb\xf7^\xf6t\xdbh\x18ZH-j&gt;M\xcc\x0c\xc4\x161Oe6\xa3Wu:\xcd\xe8\x08\x9bj!\x16\xb8\x04!\x95y\xf1\xc5_(\x87\xbd\xd7P\xf2;K\xe8\xa3$\xaf\x99}x\xfc\xe8\xc8\xef\xda\xd2ULn\xf0\xd1\xdc\xc4\xf5;\xf6R=1\x11\xd6\x99\t`M\x7fw\xea\xf9\x0b_\x1b\xa3\x02T[M\r\xe3\x02\x91@7\x18\x84\xd9\xe76\x9b\x89\xaa\xde_\xdf\xa4\x92\xcdW\xc0\xed\x85\xcf^C\xaci`\xcd]/}sE=+\xb2\x92\xd2\xc5s\xe3\xd7.\xff\x0e\xb0\xa2]#G\xc7\x89\t\x17\x80\xdc;w\xef\xc6\xa3\xfd\xdc\xb5i*\xae{\xaf\xae6X\x18\x96e\x0b\x8b\xd4\x12\xc9\x11\x04Y\x85Hn\xa8\x85G\xf8*\xc4\x02\x95\xa2x\x94\xcc\x8b\xe7y\xb1\xcao,\xd2Uw\x13\xd6\x96\\\xf3=\x13\xd7/L\xfc\xafT\xa2\xa4F&gt;\x9a\x1c\xb6\xb3\xec\xb3\xbb\xfc\x93\xd3\x0f\xc3 z\x8f\xdf=\xf5\xb2G51w\xb0\xb4\x98jn\x13\x96D3M\xde\xa8 V\xbd\xdb\xe7\x8c8}\xf5\xc8\xa1L9Td%s\xe9\xe5\xde\x9bO{{\xbf\xc9\x0f\xc4\xad+\xee\xcc_\xde\xdesl\xf2{\xfb\xe2\x04)V\xfc\x9fkj\xe4\xe8\xe4u;+H\x1a-z&amp;4]h~\xfcP9,\xe2\xca\xf3W\xe9\x06F\xc5YLy\xb5\xa4&lt;WF\xc9D\x08\xab\xde\xec\x8c\x80\xcfG\x95%\xd2\x14\x94\xf9\xec\xd7{\xf9\x14b\xf2!\x7f(y\x03\xc6\xc8\x16o\x1c\x1b*\xd5\xff70J\xdf\x8dKC\x17\xe8w\xf1\xacJ\xde !\x8f\xbbK\x87\xc6\xca\xcb\xcb!\xd7\xeb\xab\xea\xbf\xda8\x9f\x90\xc6\xd10\x8cw \xa1t=l`\x96\x1e,#\x03..\xac\xb0\x17\x0b\x1er\xf0Rrt\x16]\xa4\x17a(NY\x18PH\xf4`\xcf\xbdL\x02\xb9i\x98@\x08\x18f\x83\x0c\x98\xc30\xf4\xd4\xd4,\r\xda\xc3\xae\xc6\xf6\x10\x0c\xcc\\\xf6$\xa5\xe0\x9f\x19ppa\x9f\xf7K\xea\xfca\xbfJ\xb1h\x92_\x9e\xf7y\x9f\xf7k\x05\xd3l\x00\xd6\xdf\x0bs\x93L\xae\xef_=d\x8e\x07\xd6!\xb0\xc8\xfa3\x8f&amp;i\xe3&lt;\xf5\xe8\xfa\xe3\x07\xccCh\xb5\xf9\xc6\x8e\xd1\xd7\xdc\xfd9\x81\x05{\xa8m/)\x08\x82\xa8#\xfb\xff\xaf\x94\x0f^J\xa1+\xbbN\xe8t;\xe4,f\xac\xec\x0c\x13B\xe07\xc0u\x89\xb1x\xb8\nW!\x1b~\x9a[X]\x98K3\x02\xbb+\xcax\x98k\xf93\xd6\xe4C\xa2r?5a\xac\xe2\xf1f\xd1\x8eC?vM\x8d\x9d\x9bq\xe1\xfc\x85\xc4ST-2\xdd\xd0\x91\xd1\x95\xdf}S\xbe\xdc\x8f|\xec\xc8AW\xd3\x8c\xd8q,U\x17Sc\xd1\xf1\x05Q\x97\xe3\xb6\x04,\x94\x11\xee\x9ac\xe5\x9b\x9b\xa3M\x02mAa{\xe6y\xc85K5DG\xce"K\x17\x1e1c\x81\xea\xf8\xb8R\xd9\xb4\xad\xae\x96\x18\x9e\xe2\xa9\x11\x97\xf6\x12\xad&lt;g(\xbe\x13\xb7\xedvhDP\xec\xeb\xffA\xf5\xe0\xa5/\xcbFG\xc8s\xa2\x11[\xaa\xec\x90\xc5\x08\xaa\x80\t\xa6:\xb1\xefY\n\xe4j\xf0\xfd\xe6\xbf\xfb\x0bs\xac\x0bA\xf5zu\x01oo~`\xf9\x00\xb9\xa0\x12\xbe\xe0,X\x0bk\xa6\xbc\xb1\xff\xa9u\xd6\x80T\x88R\xa7+\xe4\'\x04Y\x92\xecX\xd6\xb5\xc2\x04\xab\x03\xf4\x8a\x9c\xb6\xad8\xaa\x19\x89\x9an\xb8a\xfd\xe5\x17\x7f\x088vtC\x8e\xf2\x13\x85\xc40 3\xe41a/NL\x027Tp\x83z\xa7#\xb7\x81E\xf6\xba\xdb\x9fbz\x81\xaa\\^\xa5~cP,N\x97\x11\x11\xe8C\xa85\xb313;\xbb\x7f\xd7\xea\xe3n\xa8\x0b\xd1\xdf\xc0\x10\\\xa9Q\xe4\xed\x9b\x8f\xa6\xc6e\xc6\xe7\xa2\x00~FHrz\xa8\xf8a\xd8\xbeO\x85\xdf\xdbjGT\x1d#\xe2:\xae\xdc\xe1&amp;\xf2B\x17lB\'\xb0P\xbbFC1\x04\xdcW\x82f,\xbe)^\x9e\xb5\xeeN\x1e\xa6Za\xf0\x11\xd7\xd4$\x1b\xd33,\xdd\xe7\xf1E\xf9P.\xcf.3\xaaM\x0c\xc3\x8a\x14\x9aba\x82a\xe1\xe6.z\xbd\xdb\x11FH\xdaR\x88V\x81\xf5~\xe2\xd9\x8a\xe7x\x99\xad~\xfe34\x85\x82`z\xb1e\xc8ah\x88y.\xd1#12\x9c\x9b\xb3\x0b2\xbabf\xae\xe7y\x80I\xfd\xd6\xe8\x04\t\xbeJ\xe3\xf85\xaa\xb50\xb5\x00\xaa\x8d\x8cj~\x9e\xf6\xa8(\xe3\xe2\xf2\xf0\xaeGZU*EP\xb1\xb2\x8d\xb1\x9a\x83f\xab7B-\xb3\xd0\x86\xd9~A\xe4\xab\x8a\xe2\xaanZ\xbf?\x14\x08\x94/tU5\x08\x0c3p\xbcH\xec\x9aI\x14\x8cnz\xad\xe6\x19@x\xdf\xa4\x96,h\xaa\x82W\xecfG\'\xeb\xab\x1bL,\xac\r\xb6fX\x9a\x12\x14a\x95\x17\xe7\x97\x87\xa3\xdeE\x03f?\xae\xf0q\xc0\xb4\x9a\x98\x10-\xc2\xea7\xa7\xa7\xa7\x01v;R\xbb\x9a\x90E$\xe0"K\xf1L\x93&gt;jGT\xa9\t\xca\xdcQ\r\rj\x164+T\x033\xd1?\xde\xf6\xe8\xd8\xdee\xa3a[\x1d6_\xb9\xc8m\x13\x16n\xfe\xcc\x1b\xce\x94\x19\xd6"\x1e\xb4\x91!\xaf\xd3\xc76K+KO\x99Z\xf3\xc3\xd1\xd9\x05\x94\xc2\xaa\xf98w\x9a4\xc0\xe2\xf9\x14\xabZ\x02\xd9\xcd\xedH6L$R:\x8b\x12\xcb\xf7\x0c\xf4_=\x8e}\xdf\xd3\x0b\x05\xddQ# k\x81e\xe8I\'\x18\x11T\xa94\xc0\x1b\x96F\x1b1\xccQ\xc6\xe0(\xbb\xc8\x04\x93\xda\xe1uy\x16\x9dV^\\\x84.\xd4~\xb3\xb3\xec\xd3\xa4\x95\xa5\x17;/\xe0\xf9\xf9\xa1\xd7\x97\x88\xaaX\x1cS}\x83U*\xd1\x05\xa0Y\x8f\xd8t\xb4\x00\x0c\xa6\x05N\x9cC\xa8[\x9eo\xdb.T\n\x10\x10\xbai\x18]\x8c\x02s\xd4\x1a\xd0\x81\xd5j\xebB\x92h\xa4x\xca\x1d\x00\x00\x02AIDAT;\x92\x96\x80\xebZm\x1ej\xa1\x0e\xf6\xdb\xd3u\x14\x0e\xc5\x9a\x7f\xb1s\x8e\xb7\x89K\x87x~\xfe|gwmkwe\xfe\xd7\xeb\xd0\xe6+\x15\xbeR\xacH1\xa8\x98X\xf9\x0cK\xea7!\xd54C+U\x07\x84vvca{@\xc6\xd7\xcc\x9cJ\xfa\x99&gt;\xb0\xd0\x0eb\xa4\xeb]\x0c\x1e\x84\xc3msP"\xa8ju\xd0\x97\x1a\xb6*0\xa8\xc7\xb0}"+5\xe8U\xc1\xb9\xf7\xde\xbfZ\'\xac\xa7\xdb[\xf4y\xcd\xf6\xee\xf6\xda\xf6\xda\xd6\xda\xb3\'\xcf\xb6\x0f\xafO\x8f\xa4"\xab _\x0f\x03m&lt;\x9fS\xac\x06aU\xc1\x94\x81A\xb6A\x13`\xb7n\x90\x10Y\xce\xec\xe0Y\xf7\x95\x80\x05\'\xa5\x1b\x87P\xb8\xe9\r\xaa$p\xb5zp\xf0\xe1L\xe2S\xac\xc7\x8fi\x8a\t\x91\xea\xe3\x82&lt;\x1e\x95\xfa\xd1\xdbw\xaf\xd6\x97W~#,\x00m=Y#\xb2\xdd\x9d\xe1\xe9Q\x9dgL\x15\xbe\xed\x98\xe2\xfdt\xfeB\xadji\xacW\x86G\x9a\xf5}\x17\xbf\x9d\x83\xb8b\xd7\x8aU\x91\x9a\x14\x9d\xa0a\xe7\x7f\xd3k^\x1d\x8c\xa9\xae2,6)\xd2\x88\x11M\xcf\xe6\xd9\xaa\x14y\x90\xfd\xf3\xee\xaf\xe1\xf0\xf0\xfc|\xe7\xfc\xfc|8\x1c\x9e\x9c\xbe?\xda\xab\xb3\xfaAVI\x91\xbbb6\xf1\xd9\xc0aX\x18\x15\xd5\x03\xd2+[DH\xd7k\xf6\x1b\x12n#\xa7ut\xd5\x02 \xbaL\xd0\x12S\xa5L\xf8pup\xaf\xd5\xc1U\xeb\x82\xe7mY`Br4\x8a\xb0\x12\xd9\xafC.,&lt;\xd5j\xf5\xfa\xdeQ\xb6\xf6\xf6\xf6\xea\xb5Z\x8d\xfd\xb0R\x83T\x9e\x11\t\xdcWX\xae-\xa5X\xe0*eT\xe4\x18*e\xeb\xa2V\x93l?\xe7x\x0e\xb5\x00\xb6;\x86;\xba\xbd\x81P\xd5\x03\xa2*eZ\xa1\x86\r\x86ET\xec\xfc\xd8\x81\x90+\x9d6Q\x01\x80\xad\x1aO,\xf4\xa2Vd/\t\x8a\xaf\xd5i\xf6\xa5{\xe3B\x9a\x9a\x85\xbc \x03KbX\x07\xecBc{\xe1\x8a\xa5\xd6%\x8el{9G\xed\x8a,\x14\xfc\xf6\x05\xb2sP\xcdnb\xac\xd5U\x13b\xd5\x08\x0bT\x98\x10\xec\x19K\xecz\x12\xcf\x8f\x99R\xa0\xcf\xdf\x8e\x7f\x10\xb3\xb7\x03\xf7;\xc9&lt;e9aI\x19\xd6U\x959\x0cb\xb1\xc7`\xbaE\'U\x8c\xff\x00\xb0\x18\x16\x88\xf7yk\xe1\x00\x00\x00\x00IEND\xaeB`\x82'</t>
        </is>
      </c>
      <c r="M264" s="3" t="n">
        <v>45492.67658564815</v>
      </c>
    </row>
    <row r="265">
      <c r="A265" t="n">
        <v>870898</v>
      </c>
      <c r="B265" t="n">
        <v>7314</v>
      </c>
      <c r="C265" t="inlineStr">
        <is>
          <t>Janderson</t>
        </is>
      </c>
      <c r="D265" t="inlineStr">
        <is>
          <t>Janderson</t>
        </is>
      </c>
      <c r="E265" t="inlineStr">
        <is>
          <t>PD</t>
        </is>
      </c>
      <c r="F265" t="inlineStr">
        <is>
          <t>ATA</t>
        </is>
      </c>
      <c r="G265" t="inlineStr">
        <is>
          <t>PD/PE</t>
        </is>
      </c>
      <c r="H265" t="n">
        <v>161</v>
      </c>
      <c r="I265" t="n">
        <v>7</v>
      </c>
      <c r="J265" s="2" t="n">
        <v>36216</v>
      </c>
      <c r="K265" t="inlineStr">
        <is>
          <t>Right</t>
        </is>
      </c>
      <c r="L265" t="inlineStr">
        <is>
          <t>b'\x89PNG\r\n\x1a\n\x00\x00\x00\rIHDR\x00\x00\x00\x96\x00\x00\x00\x96\x08\x03\x00\x00\x00\x0b\xdf\x81\xd0\x00\x00\x006tEXtComment\x00xr:d:DAEewil2SDw:1911,j:28102326185,t:22060723wd\xb7\xe9\x00\x00\x00\tpHYs\x00\x00\x0e\xc4\x00\x00\x0e\xc4\x01\x95+\x0e\x1b\x00\x00\x03\x00PLTE\xff\xff\xff\xa7\xa5\xa8\xa4\xa1\xa4`z\x94d}\x97\xb8\xb5\xb8l\x85\x9f\x00\x00\x00\x06\x04\x05\xff\xfe\xfe\x9f\x9e\xa2p\x89\xa2\xb1\xae\xb0s\x8d\xa7\x9b\x9a\x9e\x12\x04\x01\x86\x9f\xb8\xac\xab\xb0\xac\xa8\xaav\x90\xaa\xbf\xb9\xb9\xb4\xb1\xb5\x0b\x0b\x0eh\x81\x9b\xb8\x92{pC1\x83\x9a\xb2\xc1\xbd\xbf\xa5{d\xbfqY\x14\x14\x16\xbf\x94z\xbe\x97\x7f\xb3\x8ct\xc8\xc4\xc5}\x95\xad\x8a\x9d\xb4\x97\x96\x9a\xbaoWs:0\xaex]\x94QF\x87\x98\xab\x85\\J\xc4tY\x7f\x91\xa5\xb0\x89o\xdd\x86^\xc0\x85m\xb7\x86ntI:\x7fVE\x96\xad\xc3\xba\x8ct\x1a\x0c\x06\xc3\xc1\xc3\xce\xca\xca\xb0zg\xb0\xc3\xd5\xe0\x8ce\xcb\x88x\x9f\xb6\xcd\xbfw`\x89I&lt;\x85bR\xba\xba\xbe\x9apZ\xca\x8do\x9ew`\xee\xb1\x98\xc1\x8fu\xd6\x8cr\xf6\xf4\xf4\xdd\x96z\xf4\xb7\x9d\xc7\x82s\xa8\xbc\xd0{P=\xae\x82j\xc7\x9a\x7f\xc1\x9b\x87\x8c\xa5\xbe\xe0\x9a\x83\xfc\xfa\xfb\xd3\x95tj5*\xe2\xa8\x93\xdb\xa3\x8f\xa8\x83k$\x14\r\xd6\x9a~b,\x1f\xc4~i"\x06\x03\x95wh\xd3\xd0\xcf_5*\xe2\xa3\x87\xa9lS~\x9a\xb6\xb8\x80e\xd1\x91\x7f\x89OD~F;\xbelQ\xb9\xb2\xb1\xec\xb6\xa4\xb2cH\x7f?3\x8dob\xef\xab\x91B\x1f\x18\xd0\x83k\xc7y_\xa4\x9c\x9b\xae{s\xd7\x83]\xb8hM&gt;\x12\n\xb6y]\x93kU\xa4la\xd5\x8ciy\x8c\xa1\x85hZ\xae\x92\x82\xcc\x80b\x8fcO\xcf\xa0\x86\xc6\x97\x8e\xd3|Z\x1d\x1e"\xa3\xa8\xb0433\xad\xb3\xbc\xb1qSP$\x1b\xa5sZ\xe0\x93r\x94\xa6\xb8\xd1\x97\x8a\x9a[R\xdc\xa6\x9c\xc0\x83c\xea\xa6\x8c\xbawj\xe2\xde\xdd\xc2\x89\x7f\xcb\x88ck\x89\xa6jik\xc5\x81X\xcdzW\x92\x9c\xa8\xe7\x9d}\xed\xbb\xac\xa6_N\xc8\x90\x85\xcd\x8ey\x95\xa1\xb0\xb9\xca\xd8\xb6\x85~(\'(\x88\x94\xa31\x14\r\xe6\xb1\x9dU-%\x9eYG\x9f\xab\xb9\xd2\xa1\x97F0\'\xab\\?\xda\x9c\x8a`^`\xb2o]urs\xee\xa2\x852\t\x05\xa3\xb3\xc2\xe8\xad\x91\xbb\x7fv\xf1\xed\xec\xa8\x89y\x9ciRXVW\x9c\xa2\xabw\x95\xb2\xbc\x9f\x8c;&lt;@\xf6\xc6\xb5\xe9\xe7\xe8\xc8pOT=2\x83\x81\x83\xf0\xe1\xde\x91\\J\xa1c[\xf6\xbf\xa76( Qs\x90R\x19\x0f\x9d\x81r\x9eR:+\x1c\x15\x807*a\x84\xa2\x8d}xLKM8\x1d\x16\xb7\x9a\x85\x91G2\xea\xc3\xba\x8b\x88\x89_!\x15\xa5um\x82rk\xc4\xa3\x94\xe0\xd0\xcc\xb2\xa9\xa7}z{\xb3fU\xa3gHKEC\xe2\xb3\xa7\xba\xc0\xc8pTJ\xd9\xd6\xd7m\x8e\xac\x96aYpbZ\xcc\xa9\x9e\xe6\xab\x9c\x91\x8f\x91\x80\x8b\x99gF;#-8\xadie\x9akf\xd0\xb2\xaa&gt;LZ\xbc\x8f\x87t1"aTHaw\x8cl}\x90\xf3\xd0\xc8Zn\x80\x9d\x90\x8bv\x84\x94Obu\xd8\xbf\xb7\xec\x97s\x95\x88\x82\xbd|O\xc5\xd3\xddsw\x81$\xebJ\x95\x00\x00 \x00IDATx\xda\xcc\x99\xffO\x1ay\x1a\xc7{\x97\\\x94\x9f\xf8\xc5lj\xf6\xd8KM\x0e5%\xa7\xbbM\x89\x06\x82\x9bX\nh.w\x19\x04\x8a\xc0\nf\xa9\x14\xbb|Q\xc0s\xd2LW\x93FK\xac\xa0%\x07\x015\xe9\x05$\x0e\x9c\xc5X\xaeM6*[\x0f\xe2\x89\xf1(\x9eu\xdb\x8a\xc6F\xca\x85Ds\x9a\\\x9al\xdd\xe4\x9e\xcf\xe8]\xee\x0f\xe8\xd0\xbe3\xcc`\x9c\xe4\xf3\xf2\xfd\xbc\x9fgf\x9cs\xe7\xde\x97\x18\x8cs\x1f\xa1\xc4\xe3U\x9fV-~TH\x0c\xf1x\xc5\xf7\x7f\xcc\x1fou|L\x8e\x89\x7f\xf1*O*S\x89\xe3\xad\x97\xe3b\xe9\xc7@$\x95\x8a\xc5\x8b/\x9f\xa4\x94\\&amp;\x17\x81\x1do\xbd\xad\x1a\x1f\x7f\xbd\xf8A\xe1\x18\xf1\x8e\x8e\xaa\x8a\x9e\xfcN\x8a\xcbU*\xb9\xdct&amp;\x9d&amp;\xf3\xeb\xeb\x0f\xd7\xab\x16?\x98mR\xf1\xeb\x9f\x9f&lt;\xcc\x1f\xdfI\xa7?c\x82Y\x08\x0cm\xa9Tj\'\x7f\xd2S\x11\xff0\x89\xea\xa8zx\'u\'\xcd,/+++g"\xa4\xf2r&amp;\x93Y\x8e\x10I\xa8\xe7\xfa\xb8\xb8\xe4\x1d\xc0\x906\xf4\x9c\xa4\xca\xcb\xca\x01\n\xf6Lf*\xcde\xa2\x1f\x81\x8f\xc9\xd5\x04\xc9b1\x91?\xb9\x11/q\xa8\xe2\xe2\xd7oI\n\x04\xbca\x02\r\x99\xc9h\x90q\xc80\xa0"\xcdd\xa2\x988\xae(i\xc2\x16{:\xe2\x9fn\x91`\x10\xaa\x18\x17\x15\x8e4\'\x82\\.\xaa\'\x80\xa6I2\x13$\x8f\xf7\xf2\r\xa5\xc4b\xfc\xfa\xfb\xf1\x8a\x9dT\x1a\x80\xd0\xa6DtJn*\x9dV"\xac2\xc8W\x1a\x90\x83\x89[\xeb\r\xf1\x12\xc6\xeb\xf5\x9f_.V\xec(\xd3JD\xa3L\xa7H%\x13p\xa0\x05?+\x87\xac\xa1\x16`~\xc2L\xa7Rh\x8a\x95\xce.i\xcf\xceq~+\x91Hd4\xca\x94R\x99&amp;S\\&amp;\xd4\x8e\x9bV\xa2V\x84\x0f\xd5\x9b\xe9D:\x93\xd8\xe9\x11\x97.Y\xff8\x86\xd9\x04\xf9Qj2\x90\xf4\xa0\xd9\xecP\xa2\x90i\xa0\x98\x1aT\xd5\xd3\xa6\x84\xd1\xaf\xe4\xbe*\x19\x96t\xb1\xe1\xc6N\x8a\xcch4\x9a\xa0yxZ&amp;S\xc9T*\x07\x12\xf0\xcd92\x9a\xcc^By6)\x98OJ\x16.\xe9xEE&gt;A\x06\xe7\xe6\x1c\xaa\xealSvu5\x9b\xbd\t\xaa\x06:\xd5\xe6\x8a\xc31gN\x98a\xba\xa2&amp;\xfd\xe4I\xa9\xeeu\x18\x8b/\xb7n\xed\x91\x8e\xe1\xcd\xa3l$\xd2\x1d\x89DVA\x11\xea\x98EZS\x81g\xc1\xa0\xc3\xa1\xe1\xa6\xff\xf4\xf7\x8eR]tn\xe4\x13\t\xad\xb6\xb2+;a\xef\xee\xeeF\x1f\x8a\x8e:\x9ej\xf5heexS&amp;\x1b\x0e\x9awn\x94\xa8\x15\x17\xdf\x9e\x14\xa7+\x97;\x87X\x9c\xa5%\x83\xdd\x8e\xb8\xced\xb7/Q2t\xaff\xd7\xd6\xb2\xd9p\xf5&amp;\xb9^\xa2*\xc6O\x8e\xb5\xb2\x9c\x80\xf0\r\xfa|\xff\xe5\xb2\xdb\x87\xa8\xbda\xe9\x7f2\xd8#\x11;{U[\xac\x90\x96"\xf4\x0c\xf1\xdb\x84*\xe7\xf5\xf9\x06m\x88\x8bc0P\xa5d\xb3\x81\xcf\x80\x0cD\x1a\xa4\x04\xa7x\xefj\xf3\xe3\xe7J\xc0%\xee!\x87\xb3^\xdf\xe9\xba\xbe%\x8a\xcang\xb3\xd8l\x83\x81\xc3\xf1Y\xad&gt;\x0e\xfae\x9d\xcd\x06\x1bn\xf3\xd4\\z[\x82\xd1%\xfeg\xda\\i\xb7!\r\xfaP\xad\xa0\x8a\x066\x9b\xc5bqX\x1c\x0e\xe7\x14w\x10\x98@\xb0\xe7\xd5yn\xef\xfd\x8c~\xae\x86T\xb0r\x08\x19q\xea\x16\xc1\x01*\x0e@\xb1\x11\x14g\x89\xc2\xaa\xa3\xc4\xab\x83\xd3\xeax\xb6\xa1K\xc7\xb4w#\xa3G\xa9\x1a\xb2\x9d-\x89\xb88\x06;\xcb\x00T\x06\x03\xc5e\xa5\xbc:\xc3\xa2\xf6&lt;"W\t\xf1\xa29\xef\xaf\x82\xcb8\x8fZ\x8e\xc7\xab\x1b\xf4\x19@,\x03\xaa!T\x11\\CU\xb4\x9d\xe2\xbcCg\xd4\xe1&lt;\x9b\xf7b\xe2%\xbdv1\xc6\x8f+]\x88\xca\x86\xb0p\x84\x05\x16\xb1\xa8l\xb18Vp\x0b\xba\x0fE\x8a\xf7\x0e\t\x81\xf1\xea|9\xed\xd6"\xad\xcd\xc8\xa8(&gt;\xc6\xd1R&lt;\xa7\xd3\xc9\xc3m\x04\xca\xb9@p\xe6\x15\xc7\n}H\x10\x80\xec\x04\xa6\x98\xff\x1d\x9c\x03\x7f\xc3`w\xd3^\x03\x9dX\x0ci\xcfo\xfbp\xf0\xc0\xe9\x07\xb5\x89D\x16\x00\xb1r\x04l\xaa\r\xd1w+1h\xc1\x9d\xcew1\xa4w\x00\x06\\6{\xf8R\x0f\x9d\x0fA\x8c\xf8\xdfn\xbb\x00\xcb\xe9\x8c\xc5t:L"\x01.\xb5U\x00E\x14@\xec\xad\x04\xc2\xb2X\x809\x163\xb5\x98L\xb1\x98?\x86\xc0\x96"\xcb_\xc5i\x8d\xd6W5\x1e\x1c\xbc\xc2L\xeeyaH\x08d\x16B\xc0f\xb3g\xd9vH\x99\x15\xe5\x8b\x10I\xfc1\x93I(\x14\xba\xdd:\x00\xf3;\x9d\xb6\xee\xdc\xed\x17\xf4\x8dz\x06\xa3\xe3\xca\xd7\xe0\x96\x13\x9b\x87e\x93F\xa3\xbc]D \xaff\x81\xcc\xce6PS\x82\xb0\x88\x9c\x12\xbf\xbb\x05\x94l1\xb9c1I\x1b\xeec\xe5\xde\xd0\x88%=\xacq\x118,Z\x10\x16\x8c\xc9\x80B\x0fE\x04\xaa&gt;v\x1fXf@\x97E6*#pItB\x84\x85\xb8\xc0/\x9c\xe8\xfc\x8b\x94\xc6\xc4\xbf\xf9\xda\x83\x8b0(\xa0\xd1\x182\x86\x14\x98\x08Z\x11\xb9\x85\xb0N\xc5\xa1\xb0\x9c\x12\xcc\xd4"D\x8e!.\x89\xd33t\xe5)}v\x89\x9f\xd5\xb7I0(\x901i,\xec\x1aCQ\x91\x85\xb5\xcdb\t\xa8\xb9\x05L,\x18\x15\x04a\xc1q\\$q\x9bL\x08k~\x1e\xa2\xef\x97\xb8\x1e\xffH\x1fV\xfc|s{\xbb[\x98\x84X\x05\x02\xc6\x80Qh\xc2\xd4\xdb\x80\xc4\x86\x11\x81\xa6\x97@ \xb0\x02\x16\x8c\x08?PQXB!|qc\xa2\x9a\x1f\xe8\xab\xe2\xd3\xf3\xed:\x9d0\xb9\x90\x04\xa4\xdd\xdd\x90\xd1X(\xe8\xc7\x04c\x82\xff\x13\xaa\xe1i/\x9a\xa82\x86\x84\xc2y\x84\xe5:O\xd7m\x04\xe3\xdc\x8b\xcb\xed\x88ja\xc1\x08\n\x8c\x16\n\xf2Bt\xaa\xb5U\r\x1aS\xd7\xa3\x83\xba\x95\x0fT:7t*l`\xd6\xfc\xfc)\x96\xe7\xf3\xa7\xb4a\x1d~\xde&gt;o\\\xf8\xf7B\x00\xa8B\x059\xa8\xa0\x18\xe1\xf3[\xf9\xadg\xe2\xf3\xa7\xda1Lg\xa2\xd2\xde\x82\xca\xa7\xc3\xdc\xa6y\xb7\xce\xe9\xe9{A\x1f\xd6\xd5h\xe8\x14+\xa4P(\xc0\xab\x82\\\x11\x1d\xd1\xf3\xf5S\xc0\x83\xf0\xa6\xa6\xf4Q\x85\xbc lI&amp;\x93-B7&amp;\x11\x81w0V\xfd\x12\xdc\xf5#m\xd9z\xd3\x8c\xdc\x02*y[s[\x14\xc0\xc01\xc5\xc8\x88\x1e\xb0\xc0(D\xa6\xd7G\x01\xd6\x08\'-,$\x85:\tN\x10\x84\xc8\x0f#\x02w\x1d\xd2\xf5\xa8\xc1\xf8\xa1\x19\xc6d2\x19\x92\xeb\x9b\xdb\xf4##3\x94\x06&amp;G\x00\xeb*\x9f\x92~\x04X\x0b\xa1\xdd\xc0\xc6F`\xf7[\xbd\x1e\x06.A\xe0\xe8v\xc3\xf5\x8c\xae\xab\xb5\xf4\xbbfL\xe7\x16\xca\xe5\xd1\xf6\xa9\xc6\xfe\xfd\x8b\x17/}\xf9\xcd\x97\xb7\x0e\x9e\xf7&gt;zT_\x8f\xa2\xa5V\xeb\'gFg\x06\x06\x1e\xf4\x1e\x1c\x1c|s\xf1\xf6\xfer\xa7\xc0b!p\xb8\xbc{.\xd0u\xcf%\xfd}\x9b\xdf\xaf\xd3\xb5GG\xea\x81\xe9\x8b\xe9a\xb3\xd9\x9c1k\xbf\xb8\xbd\xdf_3\x06R\x8f\x8d\xf1\'\'g\x06z\x9f\x1f\\\xd2j\xb5\xd3{\x07\xcf\x0f\xf6\x1b[E./\xdc\xa3z~3\xce\xa0\xe9\xda\xf3\xac\x19b\xd2\xa6\x8fN6\xf6&gt;\x80\xb5\x01l\xdal\x9e\x96u5\x85;ggg\xb7g\x81\xec\xfe\xfd\xc9\xfb\xbd\xfd\xfb\xd7\xaf\xef\xf7?\x18\x98\x19\xdd\x1d\x1d\x1d\xc1\x9a\xbd\x84\xcd\xe6\xfd\xe5k\x9a\xdc\x12\x9fw9\x9d\xa2\xe6v\xc5\xe4\xcc\xee\xee\xe4\xa3\xc6{\xd7\xbb\xaaU\xaa\xea\xae\xeb\xe1pxbb\xa2\x93\xe2B\xb5\x9c\xed\xbc\x17\xde\xae\xe7\x8f\x8c\x06\x166\x02\x05\x9d\x88\x80\xe7\xca\x9f\xae\xd05!\xe2\x17\\N\x1co\x8eFG76\x00kvb\xa2\xf6\xe6\x91J%\xeb\xaa\r\xd7Rd\xdbj\xb5Um\x11t\xd66\xdd\xcc\xaen\x8f\xf1\x15\x81\x85@H\xae\x93\xd0\x8cu\xcd\x85{&lt;\x12yhwc\xe3p\x00\xb0\xc2\xb5MM\xd5\x9b\x8e\x95\xa3\xa6Z\x80\x82M\r\xa9\x17\x84\xd7\x8e\x8e\x8enf\'f\xc7\xf4\xa3\x81\x80\x1c\xc3\xfc8\xe1\xf3\x01\x16Mo\x1c\xe3\xd7\xfa&lt;\x1e\x8f\xce\x08\xfd\x7f8\xf3\xaf\xc6{\xb5Mk\xd5\xd5]]\xaa\xb9\xb9\xcd\xa6Y\xf5\xd8\xb6@\x1d\x8d\xf2\x05\xe1\xa3\xcd\x95M\x95LV\xdd\xb4\xfc\xd7\xfe\xcf\x15rL\xe2\x94\xe0^o\xee\n=\x0f\x8b\x0cF\xfcZ\x8d\xc7\xd3&amp;\x0c\x85\x8c\x8a\xfb\x8d\xd0m\x952\x99L5\xac\x9a\x9e\xd3h\xa6\x1f)tj\xc1T\xa8\xa0\x9fX[YY\x19v\xcc\x05\x87\x8b\x07\x0f\xee?\xea\x1fC\x83\x1e\xf7\xfe\x94\xcb}w\xb8\xf1\xfe/\xd7\xd2\xf8\x8b\xc3\xbbC^O\xdb&lt;L\xf7\xcb\xfb\xcf{o\x153\xc1\xa0y\xda\xa1A2_\x08\xc9\xd5\x02\x8b[\x88\x857WV\x1cs\x1a\xf4.\x83,\xee?\xef\x0fw\xbaDN\xc0\x8a\xac\xe6\xfaD\xbb\xef\xfd\xeeF\x1c\xb8\xfc8\xd7\x8d\xb0\xe4\xf2_ui\xb5$\x99`\x96\x9515\x1a\xf4\nCc\xfe\xc3\xb7Q\x8b\xd5\x82\xb9u\x9d\xaaM\xa0B\xefY\xca\x950\xd6\x86\x8f\xb29B\x04E\x8cD\xbc\xce\xa5\xd9\xf7\xfd\x0f^\xc6S\x11\xe6\x1a\xea\x04\xac\xf6\xdf]\xbd[YY\x84q\x99\t\x9aI3\xf8\xa2\xd1\x04\x87\x97\xf5\x98\x85\xb0`\x98^\x1d\xaeF%\x0c\x063\xe6\xe9b\xf1?\xbc\x9a\xdfk\x1ak\x1a\xc7{\xd7\xf5*7\xbdhiJN\xcfE\x1ciY\xb4\xc5\xd2\x01\xd1Cg\xd5\xaa\x9cV\xecD\x97\xd1n\xa3\xe8\xd8\x1a\xdb\x983D\xd7\xb0\xcd:{c\xb2\xf8#f\x84@\xa3\xc2@Mp+R\xd16\x17\xdd@1\xe6\xe0q\xe5p6\xa2\xab%A\nb\xa1\x181\x17\xb9\x11\x02\xfb\x8c=\x7f\x82\xe6\xbd\xf0v&gt;&lt;\xef\xe3\xf3|\xbf\xcf\xfb\xdc\xde\xdb;\xf2K\x97\x97!ZO\xff\xf9\xea\x1f\xd7\n\xa3\xce\xfa\xc2\xc2\xab5\xdcr\xb6\x11\xc5\x14"\x94\x81:\x19\xf7\x92v;\x7f\x1e"\x93\xcd\xce\xb65:\x9d\xd2\x04\xbd\xc9\x96H\x90\xb5\x95\x15n0\xbeW\x8f\xb7v\x1di\xa1\xc7\xa4\xe4r+\xba\xf6\xe2\xadf\xc4X\xbc\x0b\xa7\xcbk\xfb\xf2\xf0\xd9\x06f6\xc0\xa7\x99x\x1c\x15Tj%\x80z\x9cu\x1b\x8bybM\'\xd1`\xba\x9cYi\xca8Knw\xa9d\x94\x05#\xb6\x80M\x13\x0eG\xf1\xa5\xe8\x99\x1f\xcf\xc9_\x8c\x01\xebfn\x7f\x9f8\xdb\xc0\xcdzC"\x82\xd6wd\'5\xb7;\x9bu\xcf\xcf\xfe\xe8\x8dH\xf4rBcr\x81\xb6RI\xa5\x99m\xa7\xb1V\xab\x9dT\x04\\S2\xe1\x04\x81G\xcf\xcep\xb9z\xf4X\xbc\xcd\xa7\xb9\xdd]\xf3\xc6\x06\x9es\xe8%\x1eoP\x00\x8dg\x05\xce\xec\xad\x1b\xde|"\x9d4\xd8\xa0\xeb(\xcdo_)].\x93\x05\n\xedA\xe5\xe0@\x00\x02Be6\xeb\xf0\xe8\xc6\xd9+\xd0\xcf\x9a\xe6\xa8\x8b\xd6\x97\xb95\xf5&gt;`\xa9r\x8edba:\x06\rf\x06\x1a\x0f\xdf)\x13x@\xfb\x99\t\x10\xf5\x12\x10\xccoUKK.\xe9al{\xbb\\\x9e[\xbc\xb6\xac\xd4\xe5rf\x15`\xbdU\'_(OG]LS\x8bk9\xb5\x1czOns\xd3\x80I\x0f\xb7e\xdcc\xca\x0cP\xc5\x84\x84/M\xfc\x8e\xa5\xd3\xa9\x96 \\\xd0\x98\xb6cs\xd3\x0b.\xf0\x1b\xf2\xa4\x99+\xf3.\xdd\xbeZw:\xea\x02\x11XP\xabU\xe6\xa5(\xa1\xdf\xdc\xd5\x13\xf0]\x99\x93\x0f\x1d\xc6.#-\x18\xe1\xf3\xa5\xd36\x10\xce\xe94`)1L\xe3\x89\xc5\xde\xcc\x1dNK]J\x9d&gt;)\xcf\xe9\x00k\xd1\xa5\xde\xd5UG\x8dE\xdb\xf6uo\xa6\xa1\xf9\x188,M&amp;\x06\xc9\xc5\xbf\x05T\x82\x8cA\x0f\xba&gt;\x1d\x90hl\x06\xfd\x1a\xf8\n\x95\xce&amp;\x9c&gt;\x84sMjJ\x18@\xd9\xcb\xcd\x805\xf7T\xb7/\x1f9VJ\xafv\x95\xcba\x0c\xd7\xefV[\x01!`9\x9d|\xc8,\x99 \x92N$\x0c!\x03\x87\xa5\xff\xb2fV\xb9\\\xc0e\x1ar\x99$\t\x83c\x7fSn\xc6\x97\xa3\x0bs7\xdf:NG\xdb}x\x8fZ/Ts\x07&amp;\x1c#\x92\xbb\xa7\x9b\xdf\xb0\xb8Kt:\x05\x1aM$\x0f\x12\x1e\x0cc \x14\x1a\xde\xa5-\x9d\x90\x02\xd6\xf4\xb4)\x11\xe0\x9cR\x92\xcby\xd5\xe2\x1b\x97|\xe4\x05\xa2\xaa;\xac\xbcQ\x13\xb89Y=\xad\xa6\x14\x99a\xcao\x19\x8d\xceH\x1c\x842\xc8\xd5\x80&amp;os8Z_\x0ci86\xff0\xb7L\xb6P\x15le\xce\x8c/\x85\x89\xa7\xe5\xa7\xfa\x91c\x15\x94\xe5\x13\xe9\xae\x8f\xc8\x01\xd6i\x8b\x81\x92yb\\\x99/\x19\xdbth\xb3\xd5jUw\xd3\x91.\xe3\x00\'\xb6\xb9\xe9\x08\xa5\x03\x99\xf2A9\x96\xe1\xb0\x86\x02\x15\xb0\xf0\xc5\xf2M\xfd\xa8\x1d?\xaf`+W\x0e9\xac\x1cx\xc0\xaa\xd6+p\x1a\xb9\'`\xbe7n`\xbc\xc7\x14\x1d\xca\x07\x05\x91@ \x9e\xa7\xf2\xf1@ \x10\x11T* P%\xa1\x16@\xe9\xcc\x04\x16&amp;\x16\xae\xa9\x1c\xa3\x1e\xa1\xf2\xee\'\x17\x0f\x0eB\x06\xe8=\xfadu\xa0\xed\nN\xa0!fK\xb2b7B\xd6JF\x92\xe9V*E\x86\xe9\x92N~1\x1e\n\xc5\x8b\'\xb5\x8a\xc0b\x82\x9c\xb3)U*\x02\x8b\x12\xc4\x9a\xba:j\xbd\xc5{T\xd5)\xa5\x06\xc3C\xc2L\xf8\xc0J{\x9d5\xd0zY~\x11|\x98\xa5\x1b\xf1\n\xba]g%\x16\xc9C\xd6\x87B`\xacCq\x81\xbb\xe6\xdc\x86\xf8I\\\xcbQ\xa5\n\x0b\x9b\xe5\xea\xe4\xc8\xa76&lt;\xde\xa9CM\xe8\r\x04\xf4]\xa1B!n\xcf\xb8\x1fO\xdcYi\xa3\x11\x8d&amp;\x1f)\x16I(\xf7`\x7f\x82]f\x08\x16\n\xa5\xe2vw\xc9\x9e\x89+L\xd2\x9b7\xa38\x1e6\x833\x19\xc3\xe8\xed]k_\x9d\xf4\xf9@\rH\xadV\xf4\xc6\n\xe8\xbf\xd7\xb7)\x86\xa6\xe3L\x91s\x8cN\'W\xc4\x80\x0bR+\xc5q1|wi\x8fI\x98\xa4\x8b\x8b\x80\x05\xed\xa15\x86\xe1&lt;\xef\xfe\xa9c_\xef3\x98\xf1\x8dk\xd3~\x8b\xdd\r\xaa\xf43\xdbO\xd1,\xd8\xeb+|&gt;\xff\x84\x7fRq\x92\xc1n\x9ea)*\x1e\xa0\x0345\x9b5f\x12\xd8\xf2\xe2\xe2\x02\xdc"\xe6k\x8eeNYh%\r\x80\x85\x9d\x01\xd5\x10\xebc\x9d\xea\xb3\xd4q\xbb}\x03\xa8\xf8N\x88\x17\xf8E/\x05f\xdf\xeb\x15\xe6\xd9&gt;}&lt;\x9f%\x13\x84rznAI`\x0f\x07\xe3\x19S\xde\x1f\x18\xd2&gt;\xbd\x19\xf3\xfb-G\x19\xf2\xf5\xc4\x9d\xcf\xf5\xba\xd7\xcbR\xf0\x13$e2\xe8\x8e`b-h&gt;\xce\xa2hD(\xe4\xe6\x14\xb3\x8f\xf9\x1a\x02\xf7\xf8A\nNU\xc75&lt;-\xf4 Z\x06\xcc?w4\xc4z\xfd\xf9\xb8^\x7f\xa9\xa5\xe3C\x7f\r\'\xc8\xf9\xfd\x88\x84\x1b%1\x12\t\xc3\xb0\xed\xad\xecL\xc4f\x0b{0\xe2agl/\xc3\x8f\n=\xc0\x92\xf8\xdf\xccY&lt;{\xf3\x8f_\x7f\xfc\x1b\x057\xc5\xa2E\x90\x84\x95\x93\n\xbfRq\x1e\x08b\xdd|&lt;\xce\xe4\xf3\x11\x14m\xdf*\xb9\x9dB[Bh\xc5\x08\xc5\xf8f\x94\x17x\xef\x06\xbe4\xe6\xdf&gt;\xf2{V\x8d`\xba\xe6o\xd9\xe1/\x08~\xff\xca\x0c\x98V\xb0\xf85n~C\x92\xed \xc9\xe76\x82\xc0k\xecIl\x98P\x88\xe1\x8a\xb1\xbeE5}&gt;|\xba\\\xb6\x84\xad?\x82\x9d\x06\xeb|\xf1\x0f\xff\xf9\xdc\xe8\xfd\xf2\xf2\x87\xaf\xcf\x7f\xf8\xbar\x83\xa2\xda4\xf5\x9e\xee\xff\xf2\xdb\xc4\x84[&amp;(\xd5\x90D\x02\x03*|\xaa0\xcem\x88B\x83PJc\xe5m\xabp\xc7\xc8y\xe7\x8b\x17/\xfe\xfb\xd2z\xf3\xd3\xe0\xd3\xaf\xcd\xe6\xb3\xff\xf5N\xab\x9dB\xb3\xb9\xbe~\xf5_\x13\xf3\xc1\xae\xa0\xe6\x14J\x80+\x81\'\xb4\xef\xc6\x89\xf5\xae\x83/yb\xdbe\xbf\x10\xb5CO\xfc\xed\xe7;\x13?\x7fZ_\xff\xbey\xf5\xd3\x93\xef\xbf\xff\xe9\xee\x93\xe6\xdd\xc2\xfaz\xb3\xf9\xeb\xd6\xecq\x1e%\x8dA\x8e\n\x82\x85u\xc6\xfa\x88\xce\x1b`Q\x8f\xe5\xa8l\x11B\xb8\xdc\xd9\x8f\xf5\xf6\xad\xaf\xcf_\x0e~\xea]zv\xf7\xd2\xd5gw\x9bO.5\x07\x1d\x9a=&gt;\xa6\x18\x05J\xdaQ\x85"\x81)0L8\x18\xefFK\x13[\x96\xaeZ\x8e\x8ePaF\xb6\xe2\xfe\xfa\xb2A\xf7Y\x16(\xda\xb7\x8f\x8f\x9f?\x7f\xcfRm\x96a@\xafjl\x01\xc5\xe4^0\x0f\xe9\xceQ)\n\x17\xc6z\xde=\x0cK\xa1\x9c\x1e\xadZ\xad\x96++_\xff\xf2\xa1\xd3\xeb\r:\xfd|\xb7\x18\x14\x90d\x11d\xce\xb0&gt;H\x02\xe9\xb8\xe2\xc1\x0e"\x84\x83\x85\xc3\xd6\xc6\x98\xf7Yx\x03\x11`\xc1A\xac\xc8\x1e\x9f\xffWm\xa7\xd7,4\x1bTwx\xf2\x91H\x9e\t\xb5R4\xf7\x8c\xc0\xa0\x88\x95\xc32\x85\xc3\xe2\xe6\xb8\xb7\xa5\n\x97=\x1e?\x07\x86\xa2;\xa4\xfd\xefl\x03\xa2\xd5\xeb\x83\xf9\xe7\xca&lt;\x08\x88\x08KwR\x9dP*\x15\x10\xa3@\x15\xe6\x8e\xb51\xf6\xdd\xe6G=+`\xf9\x87\xe1\xda\x11\xec\xa1\xfdT\xa7\xd1`\xbd\xdb\xb2o\xad\xba\xd8\xcd\xf7\xe9N\xaf\x93\xa2i\xb1\x08Be\xb5z&lt;\x9e\x07\x83\xb1\xef\xfe@\xb8\x10\xc0B,\x88\x07\xb1\x1c\xedxEL_\xcbz\x8b\x02;\xb8F\xce\xfa{\xeb\xec7\xac8\x87e\r{\x10\x04\xb9^\x18\xfbb\x19\xefQo\x12\xb02\x08D\x01\xb1\xec\xec\x80P`\xeb\x9c\x0c\x9c\x99\x9d\xdd\x9a\x010\xb2M\xf5\xe9\x06\x88\xc3\xdf\xb1&lt;\xc8\xea\x87sX\x9c\xe7\xads\xe1\x82\x18 (\x8a\xac\xde\xf3\xa2\xd4\x9f\xebE\x92?\xbb\xc5M\x95f\xa0\'\x1eS,\xad\xed\xf7\x19\xb1X\x18\x86;DVW\x1b\xe7\xb0\xef\xc6\xbb\xdf{\xe0\x01,\xf8\x9f\xa1(J\xa1\x93\x93\x93 \xb8\xb8hm\x19g\xf8d\xd0\x9bg\xd98K\xb1\x8cB\xa1\xb0\x0e\xb1\x90\xceyl\x10\xf3\x9a\x7fD\xbe\x05K$\x16\xb1\xe2\xeb\xd4\x9f\xee\x15A\xcd\x93v\xbb\x1dR\xbe\xceB\xa0\x98\xc9\xc9\xebS\xc0e\xe5\xae\x10\xb1v\xcec\xf7\x94\xb7\xfe\x12\x81\x8f\x01\x16%\xbe|\xb9\xff\xdf\xf7\xf5z\xbb\xe8-\x06\x83\xc16\x94S\x8a\xa6\xfb\x8cH,\x9e\x9a\x9aR\x88\xac\x88\x7f\xf5\x9eH\xd88\x17\xacBC\x04\t\xb3\x8a&gt;\x10\x89\xbf\xfbN\xab\xed\xb3 \x9b9,\x01\x90\x15)\xfaC\x9f\x15\x89/OM\x89\xc4(\x82XV\'\x15\xc2\xc6\xb9\\b\xa1\xf3\x90\xe3\x9a\x04\xae)\xad\x96n\xf4)\x80\xda\x83\xde\x03j\x1e\xb0h\xea\xff\xbc\x9c}hZY\x1a\xc6\xdb\xc0]MW2\xc6\x9a\xbb\xda+W\xbd$$\x13\x19\x19\xbfro\x02\xd2\xea\x8a\xe4\x8f\xf8E\x08XJ\xab4!\xa1\xd0%\xd0\xc0\xd60\rf\x113-aXp\xe1B\xfe\xaac\x07\x91\x82\x08\xb21\x92H\xa8\x93\xa5\x10\xca\xc6\x06\xa4-\x95\x15q\xbb\x83mX\xbat\xa0\x9d\xc2\x92\xee\xfb\x1eM\xe9.\xfb1\xb33\xed\x11\x12\x82^\xfd\xdd\xe7y\xde\xf7\x9c\xab\x9e,x\xf5*\x95~\xd4\x0b%qq\xc8\xf6\xcb\x99\xad\x0f\xf2\xed\xf4\xc47\xcb&gt;\x93\x06\xb9@.Tk\x01\x9b\xfc\xec\xc7\xb3p\x95\xf1\xc5\xe2o\xfe\xb6\xb0\x00T_:\xa3\x1a\x8d\xf3\xc6\x90\xc9\x8dX\x1f\xe2\x8b\xba_?Z^\xd6!\xd7\x90\xd7k\xd4\xab\n\x0f\x16\x9f\xec\xcc\xe2\xb5\x0f^\xbe.~\tK\x08\xbf\x7f\xe9\xafa\x8f\xcb\xb9q\xc3\xe4\xd6~:\xe3\xff X\xeb\xdf,/\xfb\x80K\xe3\xd2\x8c\x06\x83\x0bAgtg\xf6\xf4\xdc\xe5\xb9\xb9\xcb\x97\xe7&gt;~\xb2\xf8\xe0\xf7\xbf\xd3\x05\x1f\x98\xd3Q\xa0\x1au\xfb\xdc\x9f^\xdd\xff`j-\xfb\xb4&amp;/\xb4,\x8d\xcb\x19\xb5Xf\xe7\xd4\x83Sx\r;xzg\xe7\x8b?,F\xceX\xc2\x9e6\x95\x0f\xd4Z\xda\xfe\x10\xdfj\xe6\xb6\x00\xcb\xef\xd3\xda\x90\xcb\x15\xb1\x98\xd5fr\xa1C\xde\xa7\x9f;\r\x1dLm\xb6\x18\xa2\x18,\x9f\x0f\xd5\xd2&lt;N\xbc\xf7\x16\xb1\xbe\x92+\xf8P.\x1d\xea\xe5r=\xb1\x84\xc3w\xc2\xe9p\x1ag\x9f\xeb\xe9\xb0\xda\x0c\xb3\xa39\x1a\xdd\xc0\xb8\x83X\xb6\xdf^\xddx\xf1\xa6\xb1&gt;\x89WN\xefM\xb5\xed\xe4\xebR\xc1\x8d\\~\x1d\xea\xe5r\x9ey\x96N\xdf\xbe\x9d\x9e\xbfO&gt;\xad\x9b\x07\xbct\xd8B\xa8\xb4(\x96m\xe6\xea\xc6]\xfa \xd3\xd9\xe8\xf6~\xc8\xb6\x0f\x87\x0f\xee\xee"\x96\x1f\xe2\xa5\xb5\xe9\x83\xae\x88\xe1Yz~\xfe\xfe\xbd\xb3##\xe7\xcf"\xd8u\xa0\x8a\xdc\x18E\xad\x08\xd6\xe7\x1b\xe9\x8f\xe8\xe1\xe4\xd8J\xafCH\x8c\xbf\x87k\x8d\xc9\xed\xc3\x95\xe7\xf4]\x17\xbc\xa0\x1fn:\x9dV\x0b\\Q\x8b:}\xfb\xfe\xd9\x91\xf3##g\xbf\x02(\xb5%\xea\xd4@\xab\x05\xb1tn\x98\x81\xae\xfe)\xfc\xd1\x815\x99\x1c\xcb\xe4J\x95\x9a21\t\x8a\xfd\x94\xa2\x01URd\xbfz\xa6!:\xf8t\xfe#.\xcf\xd4\x91\x87\x90-\xcf\xce\xc6\xd0\xa8\xd7\xa6\x85;}0/\x9a\xbc\x805R\x9cH\xc2\xc8\xbff\xe9TQ\xd1\\\x07\xae\x9f\x84\x0c\x9eb|\xbbyx\xb8\x16;\x1f\x8e\x8e\xbaQ\x08\x9b\x1f\xb0t~\x95&gt;\xe84\x98\xc3\xd7\xe7\x7f=\x8f\x81\'\xa9\x9a1iu*dv\xbbm0_o\xa4\xef}766\x96\x1c\x9b\xf8\xec@*as\x94\x92R\x92\x9e\xf1#\xc9\xba\x8fM&amp;\x1c\x8d\xe4\xe1a\xf2\xcd\xc8\xfc\xec\xc5\x19\xc4\xf2\xe14\xbd\x0ch*\xa3fcV}\xee\xdc\xf5sSs\xb3;\x00\x05S\xb8V\x077\\D\xd8l\x18\xf9\xdb\xa5U\x80\x02\xacS%\xa9DRb\x9aL\xab^\xac\n\xeb\x93?\xa26\xe1\xd0\xf1\xc4\xf1\xec\x1aP\x01\xd6\xd9\xf0\xc5\xcfg\xc8K\xeaP+\x18:\x9b\xf7\xc6\x8e\x87|\\\x86T\x1a\xafQ\x85w\xe9T*\x1b\x0e\xc8\x96\xf3\xceK\xfb\x18\x8e\x89\xe9\xe7\xb4DB\xe7\x84&amp;_\x91J\xd9z\x99\x81\xfa\xec\xfe\x7f\x8a\xa0\xfb\xd8zSV\xab\x1c\xbc\x1c\x83l\x1c&amp;\xbf\xbb\xe7\x99\x19\xf2"\x95V\xa5U\xa9\x90\x0b\xe5rF=j5R9oh\x82z\x15q\x10\xa8L&amp;=x8\xb4X\xfcd\x02\xa9\xecv\x82%\x89\xf75Ce\xdc4\xc8\xc6+e*\xf1C\xc1\xe0\xc1\x93\xcd\x13\xd9x\x8a\x8d\x1d\xac%\xc9xz7b\x1a\xf5\xba\x11\x0b\x94\x00.\xdd&gt;b\xb9";\x9e9\xcfN4\xb2\x015\xa8G\xb5\x00Mo\xea`9sV\xa2\x15`\x95\xc8&amp;\xc1Z3\xa4HI\xa4\xa5j+\x1b\x8f\xd5\xab\xa1\xc9\x1f\x902L9#\xa6h\x1cl)\xdf\xc6Z\xbb\xedr\x9b\xdaj\xd9\xf4z=\x82\xed\xab\x82\x80\x15\x9d5{\x0c\xd0\xdb\t\x160\xc1\x82\xcb\xa6\'X\xde\xd1\x0b\xd5\x89\xb1\t\x14\xcb~\xf2\x00\xf7\xf0J\xe2\xe0b]R\xe4\x9b\xa1&amp;W\x8eIc\xe2\xf7\xde]\xd9=9\xde\x1c\xa8\xd3R)@\x81\xda\xcf\xe1i\x1b\x80\x95\xa9\xffJ\xdb\xc6R\xd9\xf4F#r\xa9\x88Z\x86\xb9A5L\x84\x11\x17\x9a\x88X\xe4^\xb0\xd1hZ\xd8\xbb91A\xc4\xb2\xbf\x8cI\xc8(7\x85\x9c(\x84B!\xa6\xa7U\x13\xb3Y\xf1J\xe2{\xbd\x1d0\x9e`@`\xf0\x1f\x98\xe0\x04\t\x16\xd6x\xberMk2\x11\x97\x00\xcbd\x84\xd7V\x91lY\xcc\x83\x83d\x82\x06,\\\x9b\xea\x8d\xb0\x18\x030x\xc4n9\xdf\xc1\x92\x97h\t\xd9\x84\x1a\xe7C\x8c\x10\x12\x98j\xa9\xca\x01\x1c\xc7+\xb9\xe6\xf6\xf8\xffrr2\xc1+\xae(.ueY\x16\xf7\xb2"\x96\x1d\xe5\x82\x1a\x17_@\x94\t\x16\xea\xe1\xc5\x85 \x99\x80&lt;\xea\xa9\xf0\x94\xd9\xd2\xc6B!\xbdp3\x9a\x00K\xbfwk\x02\xb0P\xac\xe1"\xdb\xc6\x92f\xfbB\x82 \x83\xe7\x97\x85\x84\x10\xdf\xca\x89U&amp;\xd4L\x8c\xff\xb7Hu\x87j\xf5\\\x1fH,\x0c\xb4Z\x15&lt;?)[\xb2\xe2S\x03\xd8\xadz\xc1\xad%\x1d@\x85\x82h\x82A\xa31\xa8icA\x87G,#\xc1\r\xa2X\x00\xa8/\xe4V;X\xd6\x9b\xbd\x03E\x9a\xb8H\xd7e\xcd^\xc8\xbf\xf4\n\xe0q|W\xae\x94U\n\x02\xf5\x1f6&lt;c\xad&amp;j\x18\x80\x94\x0c\xb0\xd0\xfd\x1a\x8dX\x07\xfd\x13v\xe4\x1a\xb3\x17/\xf8\xb4\xaa}?\xbah\xf4j\x864\x00\x16\xd48\r\xb0\xea\x82\xe11D\\\xf0\xb7Ws\x84\xa57\xea/\xbc\x81#a\xd8\xad\xa7\x1a\x0c#\x0c\xc4\xa5\x04,^N\xe1/Q\x10 f\x8aPS\xc1p\x02UTl\xff\xbbF\xd6=\xde\xac\x92\xc3\xa4E\xbeZ\xbd\xc4\xc1\x99\xe4\xd0D\xfa\xe03\xf0\x80\x08\x96\xbb\x06H\xfe-\xe4\x02\x99\\.\xc881\xf1\x08\xcb\xe9\xd2\xb4G\x87\xab\x90\x1b&amp;Xv{ \xc3)\x19^\xe8\x13Sm02R=\x9c\xd0\x13g\xe3\xe2@\x1f/p\xe2\t\x81\x13\xfe\xf5\xff6L\xae\x0b\xe58\x88\xc3\xc6\xe8\xf8q\xa6\xc4V\x14\xe0\x7f\x89l\xca?\xf8\xd6j\xb5\xdb!\xba\x13\xb7\xfe\xb2\x04\xab\x07\xbf\x1f+\x10\xb0\x9c\x00\x06\x0bg0\x91`\xc1\x94\x08\\\x80\xe9$\\`\xe2\xde\x1b+\x9e\x10X\xd8\xdf\x00\xb5x\x8ec\x06\xa0\x98\xda\x19\x83\x9f%\xe0:\x9e\xab\xa7b\xa5lu G\x81\x10\x0c\x13z\xb7I\xad\'\xb8.\xb4&gt;\x96\xeb)\xb78\xae\x15\x8b?\x16\x84*K:M\xec\xb5\x15\x06re\xc4\xdd-\xff#\xff\x16v&amp;\xe8\x0cN\x1c\x91\xa8\xa5\xad\xd6\x1c\xf4\xae\x88\xd3\xe92x\x00\x8e\x94C\xe1\xe1\xd3&lt;\xa1\xb2[\x03\xf9\x95\x06\x0fX\x1c\xe78^\xaetZ\x85\x84N\xd5(\x81\xa3\xba\xca\xc5x,U\x85\xe4p\xe5b\xf1\x9dEK\x82\x84\xaf\x88\'PUr|\xa8\xc6\xe6\x04\xae\x9a\x92\x90\x8c\x96\x9ef\x08\x17(V~\xb8\xb5\xf5hk\x7f\xbf\x83\x15\x81\x115 \xd6\x94Z\x8d-5\x12q"\x99F\x83&amp;.\xed\xber \x13Pm\xca\x03\xfd\xab+\x0e\xe4\xe2\x19\x86:\x91e\xdf\x82\x89`\x8b\xc0\xc9\xc4XQ\x14\xc5\n\xf4\xa4\xb7P\x82l\xa0\xc7\xc1\xf3B\x0b\xb5a\x07xN\x99J\xd5DH%\xf4\xd3T\xb1\xaal\x10,\x00\xb3\xde\x12_mmA\xb8\x80\xab\x10D\xach\xd4\xd0\x89\x16\xba\x08\xad\x1e@\x01+\x08Z-\xed\xfe\xfd\x12\xd7\xc8#\x95|S&gt;=}\xaa\x7f5\xdfh\x80\x8fJ%\xc3)\xb21\xba\x932\xba^,\xc5hI*7\xa0\xe8\x03a$\x9d\xa0\x0b\x03\xc5\x14\xcd\xb6\xc0\xfa\x1c&gt;\xb0\xe8\xa0z\xb3R\x9a\x9c\x0e\x1b\xaf\xc9\x94\x97\xa8F&amp;o\xb5\x06\x10L.\xee=\xda\x02\xb5\xf6U\xfa\x02\x86\x0b\xb4"b\xa1Zj\x8f\xc7@\xb8\xb0\x10\x82\x85\xc2\xee\xdec\x8eK6\xf2\xf9Uk 0==-\x97\x07V3`%\xa3d\x1c\x0c\xcfw\xbd\xa9\xa4\xd8w\xf2_\xe9\xa5\x18e\xbc\x83\xd5\xbd\xcd\xd7\xa08\xe8R\x17\xc3\xb4\xd0\xf2X\xb9V\x8c\xb7\xfb\x8b4.*8F&amp;\xa3\x1a\x1d\xaa@ \xf0m\x11L\x040\xd5\x92\xde\x88r\x9d1X,Gj\x99A.\x8c\x17b\x15\n{{\x8f!LBc%\x93\xb1\xca\xe5\x9b\x9b\xc0\x05\xc7[3+\x0e\xc6\xe1``P\xbd=\xf0RGn\x82\x9d\xa5JEJ\xb0\xba\xbb\xb79E\\B\xc7s\nFY%\xbd\x84\x8d\x1d\x9dBJ&lt;\xc1p\x1c\xa5\xe8u4\xf27\xad\xf2\x00b\xc9\x7fV\xb9F\xb0\xf6\xf7\x97\x88\x8b@u\x84e6{\x80\xebL\xdbC\xd4\x8a!\x11o\xac\xe4o\xf5\xcb\xa77\t\x15p\xad\xae\x122F\xd9\xd7GQ}\xc7\xab\xd9\xb7-CJ\nL\x02%\xb8M\xf1\x8cX/;8^\xf66\x85\xed\x87\xa4r}J%\xcf\xf1+k7\xf3\xf9\xcc0\xb8\x00X\xfd\xfd\x99\xd6\x9d\xdd\xb6\x8d\xfb\x85\x82&amp;r\xed\x9f\xd5\xea`\x05\x0bK\xbb\x0f\xaf(yRz|\xa3\xf1I\xff\xe6\xe6\x9fON\xf7\xaf\x12\xb0\x80|\r\xc1\x94\x97d\xc0E9\x18\xaaU\x89\xbdc\xa6\xe4\xd8d\xa8\x0b\x8f\x14\xf8\xaeZ1\xf6\x0e\x12\xcdV\xca2\x86\xa2\x18\xbe\x91\x1f\xfe\xc5\x1f\x03\xf9\xd5\xe1U\xf9I\xb9\x15\xce\xb3OQ{Q@\xac\xa5\xa5\xa5\xc2\xee\x85\x8e\x89\xed\xd1\xe1\xba\xb0\x0b\xb9\xba\xf6\x8a\xe2\x1b&lt;\xd6\x9d\x83i\xf4\xff\xfc\x1fm\x98?o\xe2j\x16\xc6\xb11\x0e\xf2\x1f\x14\xdb1\x96&lt;\x12\x8d\xa1\xf1\x95\x9b;\xf3\x01\xc2\xf6S\xdc/\x90-\xa8(hh\xcdT84\xd4Fr\x85\x1474(\xd2\x14\xa3\x81M1Th\n\x12\xad\x84\x94\x15\x91\xa2\x89P\xa40)\x90\x16\xc4\x10i\xa4\xbb\xcfyM2\x93d\x0f\xc1\x18\x83\xdf\xf7\xf7&gt;\xe79\x07;B8\x1f\x0e\xed\xbfvX\xe4\xfeV\xcb$\xb9\x0e\x88\xac\xac\xe3\x87\xb1\x7f\xbd+\x82\xd4??\x8f\xa0\xc7A\xbd\x7f\x92\xdf\xcb\x17\xe8\xa7\x99\x90N.Ns\xc9:\xbe}\xfb\xd8vD\xab\xf2\xae]l\xb7=\x17k,g\x14\xfe\xbc\xf1\xe1?\x0c\x0b\\\xff \xac\xb7H_\x02\xf6\xfe\xed\xdb\xc3\xc6\xd1\xd7\xaf\xb5\xdb\x1fU\xb8\x1a\xf1\x06\x93\xf6\x8cqz\x8eJ\x84\xe7{\xedv\x11X\x95\xfd\xa2[\xecv\x03\xb3|\x90\xa9V\x15\x9d\xe38%cJ\xa7 \x03V\xa7p\xd2\x19\x8d\xd0vq\xab\xd4\x9fNO\xfb\x17\xd7\x17\x9dQN7\xabU3S\xfe\x06W\xbc\xfbk\x7f\xa8\x1aX\xa1\xdb\xeb\x02\n\xa3\x98Z\xfd\xfc\xf2\xc7\xbf\xfe\xfd\x81\xc8&gt;\x91\\(\xc5\xf7\xd0\t\x01\xc2\xb7\x87\xb5#P\x95\xb0(p\xc1\xd7\x99r\xcb\x1b\x8fC\xd4!\x0cf\x7fl\xb5zm\xec\xa0\x06\xe6\x86\x11\x0fZ-\xf8K\xe3%\x8931z\x86\x9bv\xce\xf2)\xa4\x94\xae&gt;\x0b\xf9l\xf3\xee\xe0\x00zj\x03i\xa0)\x08R\xb6\xd5\xfaH\x15\xb8\x8fE\xee\xef\xbb\x03\x9cu\xc0\xbed\xea?n\xcf\x89\x8b\xe4\xaa\x1d\x12\xd7S\xfc\xf1G\xa3\x06\xaa:Q\xbdA+\xc02Z\xf1\xc3\x03\xa3*V*^\x80,\xb4"\xbf\x08,\xa4\xd5.\x16\xa1Y7\x8a\xa3\x80\xcc\x06\xb7)\n7M=\xd6\\&gt;\xdf\xa7\x19A\xd2\xeb\x05\x88V\x06\x8b\xea\xf6&gt;"\xda@\xb2\x87\x15\xdbm\x97q\x1a\xa6\x01]&amp;\xc3\xdf^~`\xf1\xf5\x08\\\x14o\xf1`\xd18\xaa\xdd\xfc\xac\x96\xcb\xf8\t|\x83\x0c\x99\xad\xee\xe6a\xce\xa8\xec\xca\xd0\x1b \x11\x99\xc5\xfd\xfd\x83\xef\x19\x06zFe\x18\x8a\x82`\xc9n\x8f\xd5\x80\xa6\xa1\x0c~a]\xf3o\x88\xaa\xd7M\xf0\xc1\xef{v\xfb\x1d\xb0\xde\x15m\xc7\xa9\xec\xdbn\xb7GbU\xc9s0j\xf5\xfc\xf2g\xe2\xaeZ\xa3q\xf8[4j\x8d\xff\x9eW\x0f V\xf9\x00FT\xcc`\xbd\xd3\n=b\xe8Ef\xd54sh\x9a\x85\xfb\xe5\xc3Jv\x86F8\x99LB\xc3\xe9\xf6Z\xc8&amp;BQR\x85\xa4m6\xfb9LY\xce\x04mhS\xc4\x08\xae\xeb\xc9V8\xdco\xf7&gt;\xf6\x1c\xc3\xb1\x9d\xfd"j\x87\x12\xf0\x14\xca\xcf\xcb\xf3\xa4\x18\x89\xab\xb1c\xc3\xeb\xcd\x97\xcbYu\x97m\xac&gt;\xd8n\x18\x95\r\xad\x86\x86\xe7\x06\xa6\xa2\xf0\xd7L\x8e|\x13h\x0f\x9bqZFOk\xb7\xdb(\x81\x00\\f\xea\x98\xc9u&lt;\xe2\xc8M\xe5VT\x84\xb7\x91v\xa4\x9cr?Q\xddv\xcfu*\x8e\xe3\xe0\x80mwaOd\x05\xd3\xe1Y\xad\xd6/k\x9f&gt;\x11\x16\xb8\x1a\x8c\x8b6\x7f~\xb9\x9d\xe1kd*E\xd3\xb9 \xde\xc8\x95\nr\xe0:\x0e&lt;nx\x81\xa6\xe8z?\xff\xd8?al\xc0\xadP\xe8\xed\xa2\xa3\xfaq7\x00\xd6u\x1e\x8d\xe1sNQf3]k\xb5\x8b(\xe16!\xd9\xbe\xef\xb9\xb6\xedy\x9e[\xdc\x07\x95m\x03\xcbq\xbb-r\x86\x99\xa1\x86\x83\xe7\xec\x92z\xc1\xd1\x11\xc0(\x00U#*\x9d\xa8\x13(&gt;pW\xb2\x8d\xb3\xe1\x04\xc3\x98\xab\xc0\xeaj3]?}\xd6\xb9\xa1\xdb2j\x17+a(\x8a\xaa\xd7m!\x89\x85\xb3\xa9\xc6q\xba\x16h]\xcfA\xcd!\x83m\xef\xe1\x1e\x97\x17\xcd5,\x16\xf5\xba\xb6a8H\x01\x92\xe0\xba\x01q\x99&amp;\xc3\xca`\xf7\x1c\\G,\x12\xb0\xc3?\xbf\xdf\xd4\x15j\xde&amp;\xebE\xdc\xc0\x7f\xa2RU\xfa\xf3#M\xd7\x95is\xef%\x97k\xcfC1\x0c\rp\xc1\xf2\'9S\xe7y.\xe8\xba\xbe\xa8:6RU\\\x9c\xb1f\xdb\xbcC\x9e\x83\xc0\xc5\x80d-(\xe6\x80\x8b\x90\x14\xf6\xc0ku\xf6\xe3\xf2\xf2\xe81j\xb5?n\xbe\xdf\xfe\x98Qw1\x19\x14\x17D\x1ei\x8d\xb3U\x16\x00\x8b\x03]\xd7J\'/\xb0\xf6\xee\xd7\xea\x1c\xce7T\xc3\x8bR\x85B\xa7\x8au\rPx\x16\xea!4\xb0.{\xc9n\x0e\xf7\xce\xeaP;\x88||U\x05.F\xaf\x10\x17\xebj\x14l\xa7\x8a\xd6ZK\xa0\xd0)\xde\xdf\xdc\xfc\xa4\xa3&amp;5H\x9eQyT1\xa0\x92e9T\xe7 \x8b\x07H\x0e\x7f\xf6\x12\xab\xb0\t\'c\x91\xb0\xecb\xaap\x9cCR\xb4h!\xa4\xc7\xa8\xd3\x89\n\xb1\x9c{\xf6S\x9e\xbd\xe6\xe0\xb7\xc0\x15\xe7\xf30S\xdf\xb28\x00\x00\x03\xefIDATt\x80e\x90\xf7]\x97u[*c\x8dU\xb3\t\xc1\x1a\x0c\xacvxCT\x1a\xc3\xe5$`\x05\x83\xd8#\xad\x1dG\x15EY\x94eU\x9d\xcb&gt;aq\x17\xd9WYT\xe7\xe9t\x98`5O\x0f\xd0\xef\x06\x0bY\x1c3\xac9l\xe4\x9e$5r\xc1\xe9\x8a\x16\xc4\x0c\x0b\xe9uTj\x14\x8e\x17w{\x84\xa3\xed\x82\t\x06\xaf\xd7\x12\xaa*;\xa4p\xbc\xc4q\x1a\xa8&lt;$\x8e\xa8dQdd\xf3\xd0\x8f8\x9e\xd3:/\xb0`ea21\xd2\x82\x01\xc3\xa4&gt;\xeb\x10+p=c&gt;\x99\x8c!\xd8\xd0\x90\xfd\xe5\xee\x12\xf0\x82\xd7\xe1\xadX\x0e\x112J\x08YwPN\x8e\x17\x05\x1a&gt;\x81s\x11\x8c\x82\x04k\xdc|\xbf\xb99\x9f\xb1c\xbaN)\x0c\x82\x9c\x87\xe4\xa1\xfaTb\n\x99^\x18*\x06\x96r\x9a}A\xb5\x97]"\x85V\xdarl7u\xa7\xe0W\xa8\x0bW\xcf\xe7\x934\x04\x1b\xaa\xac\x08\x93;\xcc\x12\xd4\x0eb\x9f\xb8d\xd5\xa7\x87\xafR\x89{\xb1\xc4\xd1\xf4\xd8\x90\xadA6\xab\x9f\xdf|\xf9\xf2\xfd\x92\xa7\x038\xca\xa3\x88\xe0\xac\x9co\xc8\x949\xd1\xb2,1\t\xb4\x80x\xc0s\xfa]\xfe9\x16\x99^6DA\x94\x1d\xd7Nq\xcaL\t\x92\xf2\x95C`Y\xcb\xc2\xde\xe3=\\s\x8a\xc1\x07\xb1\x0f\xb7\x8a2\xd5\x10v\xb0x\x06\x16\x054-\xf7\x18\x9a^\xbf\xbc\xfer[O\xde\x01\n3#S\x91/SX\x14"\x1e\xb4\x11E\x7f\xc0\xf3\xba\xf4\xb2C\xc0]+U\x98\xc8T\xb8)i6S\x06.\xc2\xc3\xec\x13\xe1!\xb9HL\xe4\xca\x9f\xd2\xf8\x0b(\xa4\x86\xb4f\x83\xb8\xd8\xea\r\x9f\xca\xe9\xb7\xc0\xf2\xb9\xab\xeb\x9f\xe84\x14p;\xa8`\x81\x88\xf9\x89QY\x93\xe4\x05d~\x97\x07\xff\xabR\xdc\xdb[\xca\x13\xd1\xa0\xd6\x9d*\xf1J\x10\xb9\xaeMX\xaa\xb0\xcc\xffJ5\xdd\x89\xd4\xeb\xbc\xb4\x80R\x89Pd\x12\x12\x8eb1\xe0(O\xfcn\x03\x0e\x9d\x1fq\x0cHB\xf0\x03\\?\xc1\x00$\x0eP\x04\xeb\x89\t\xef\xc5\x88\xaf\xf3\\\xff5VS@\xe7\x84y\x9d\xd4]\x8e\xa8\\\x8f\xb0\xac\x87\xc2o\x16D\x9c\x94\xea9i\xb1\xc6P\xb2\xbc\xd3\x89\xb6d\x11\xc2\x92\x12\x9e\x84\x04\xfb%Nb\x91cO\xe0\x0e\x16\x16\x83\xfa\x15\t\\LX\xa3\xec\xeb,nd\x03W;\xb2\x9c\xba\x8b\xe3\x98.\x17\x10\xe2f\x99\x7fV\x1b\xd9\xc2\x94\xafK\xf1\x9aF{\x04\x93\x13.k\x8b*\xe7\xa5\xe7\x91\x1b\xe4\x92\x90rW\x7fK\xf8\x14X`J\x0b\xcf\xc3\x12b\xa9.\xf1w\x85WX\xd9\xa5\xef\x01KH\xa7\xb6k\xc1c\xd6\xf2\xbc\xcdj\x99}^\xb3\x85\x11\xb0\xa2u:\xcd\xc0\xc4D4r\xb1h\xadc\x96\xab\xab\xd1\x13\x13\xfd\xed\xb0J\x9d\xe3&gt;\xf6\xa5h\x0b(\x16\x8c\x87\xb6\xd6\x1a\xa0\x0b\xc2\x92\x8e\xff\x8f\xb9|\xcf7\xc2\xf48\x85k\x1d1v#7\xf6\xd6\x1b\xff\xfe\xa5\xa8WP{\xb0\x15\xd8\xb0\xbb\x12g)\x04\xd6\x82\x18\xb8\xceq\xe7\x11\x86a\x95\x10\xb9\xe9E!\xdf\xc7k.\xda\xae~Q\xa5\x9fd[os\xc4u\xfd\x1a\xeb~\xeb\xfb\x865N\xa7\xc6\xe3\xb1\xb0\x88]7\xf6W\xbe\xf8\xb2f\xb3\xc0\xa2L\x80k\xbdJ\xaf\x85]\x81\x93\x8b\xd7\x0bRE\xea\xe4\x9b\x17\xa3R\x8e\x1eL&amp;\xc0\x94\xfe&gt;\xc3\xb5R\x9f\x0e\xc5\xeb\xd5/\xaaG\xcd\x88\x8b\xbe-}~\x9d\xc4\xe6\xda\xf7\xc5\xf4\xd8"\xac\xb4\xe8\xb9q\xbc\xdd\xba\xab\xc2+\xb5\xea\x84EvH\xafV4,R@e\xc5VL\x10\xa7\xf9,\xee\x98F\x84\xc3\xde\x97Jw\x1d\xfa?\x01\xa9\x85xT\xeb)\x84\xb5\xb0F\xb0et^{\xbe\xb9\xf1da\x9cN\xb0\x04\xdf\x8b\x17k\xdf\xdd\xe4_|\xb10\xad\xd7s\xc0\xb2\x92\xd5\xd2\x1c\x02\x8d\x8cXm#\x9a\xf7\x8a\xfe\x7fV8\xeeO\x1f\xb1F\x17\'T7\x0c+WZ\xacv\xa7\xb13\xd34\n\r\xb4^\xd02\xae^y&gt;[\xd8@\xac\x95%\xfe\x0f\x97&amp;Q\xba\x06\xb1\xa4D\x00\x00\x00\x00IEND\xaeB`\x82'</t>
        </is>
      </c>
      <c r="M265" s="3" t="n">
        <v>45492.67675925926</v>
      </c>
    </row>
    <row r="266">
      <c r="A266" t="n">
        <v>871032</v>
      </c>
      <c r="B266" t="n">
        <v>1980</v>
      </c>
      <c r="C266" t="inlineStr">
        <is>
          <t>Caique Gonçalves</t>
        </is>
      </c>
      <c r="D266" t="inlineStr">
        <is>
          <t>Caique</t>
        </is>
      </c>
      <c r="E266" t="inlineStr">
        <is>
          <t>VOL</t>
        </is>
      </c>
      <c r="F266" t="inlineStr">
        <is>
          <t>VOL</t>
        </is>
      </c>
      <c r="G266" t="inlineStr">
        <is>
          <t>VOL/MC</t>
        </is>
      </c>
      <c r="H266" t="n">
        <v>178</v>
      </c>
      <c r="I266" t="n">
        <v>95</v>
      </c>
      <c r="J266" s="2" t="n">
        <v>34981</v>
      </c>
      <c r="K266" t="inlineStr">
        <is>
          <t>Right</t>
        </is>
      </c>
      <c r="L26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e8da407-de7d-4d76-abe6-b2d3b2b3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2\x05\x8f\xe3\x00\x00\x03\x00PLTE\xff\xff\xff\xbd~\x86\x11\x0e\x10mC?\x0b\n\x0b\xb8y\x80\xb6v}\xfe\xfe\xfe\xba{\x83\x02\x82j\x07\x03\x03\x00\xc9\x99\x01vaP/.\x1d\x0f\x0e_@AjMO\x00|geFG\x03\x9a{;\x1c\x17E14\'\'+R)$3\x1a\x17\x00\xba\x8f!\x1f#oQRxX[\xaeig\xb1u|Q68&gt;%$\x01\xa6\x81rUW\x9deiz^a3!"\x88WX\x02o^\x00\x84p}NN\x01\xac\x85\x01\xa5\x8a\x01\x93w\x00\xb6\x9b \x18\x19\xaa\x85\x8b`30\x01\xa1z)\x1c\x1dc963),\xaerx\x15\x15\x16\xaapv[.\'\x99v{.04\x02\x8aog&gt;=uHH\xa8lq)\x15\x13dKLH)&amp;\xb0\x8b\x93\x01\xa0\x80\xa3\x83\x87\x94ag\x94qu\xad\x88\x8f@!\x1c\x7fZ\\\xb2\x8e\x98&amp;\x10\x0c\x00\xba\x9e\xa4|\x84\x8elpZ98\xfa\xfc\xfb\x01\x8av\xa2ko\x1a\x1a\x1d\x01\x9f\x86\xa7\x8b\x97{JHH!\x1a\x01\xb3\x9786;\xb6\x99\xa6\x01\xc0\x94yOW\x9bbc\xb4\x93\xa0}Q]\x8f\\_\x9e}\x7fX&lt;?\x02cVvJQ\x96^^\x84dg\x8ahh\\FI1\x15\x10\x02\xb1\x8d\x89rx\x00\xbd\xa1\xe2\xe8\xe7nDFO$\x1c\xa5bc\x85SQoIM\x03mV\xc3\xd4\xdb\x01\x9at\xaa\x90\x9eX22\xa6\x88\x90{ej\xc0\x81\x8e\x01\xaa\x90\xc1y|\x15\x08\x06\xf4\xf7\xf6PAD\x8c`e\x86Ya\x95gk\xa0\x85\x8f\x02\x93p\x82`a\xb5sy\xbb\xcd\xd8\x85go\x01\x93\x82\xa9\x97\xa9\x7fTUhSV=+.xD=\xa1nt\xafns\x01\xae\x94\xd1\xe0\xe2\xa3ii\xaf\xc7\xd5;?C\x8ex\x83\x03ZKF9&gt;\xbaoh\x91ZX\xc9\xd9\xde\x86NG\xee\xef\xef\x9b\x80\x8a\x9az\x83\x01\x99\x84\x01\x8e}\xb0z\x83\xc6\x87\x93ADM\xa4`[HMT\x9bYS}ku\xabwz\x9c\x8a\x98\x9bgr\x90SM\xa1\x91\xa2l::\x84\x8d\x95\xc5\x82\x85\xd5\xe8\xe6\\OS\xb9\x9e\xacPT\\\x03\x9e\x8f\xce\xcd\xcb{\x80\x86\x03}aoadips\xa5r{kY_\x04\xa8\x9d\xb2\x7f\x90ox\x80\xbc\xad\xa7\x04{o\xc3xp]djZ]c\xb2\xa1\xb2\xa1\xbd\xd4\xdc\xd9\xd6\xb6ps\x92\x81\x90\xbd\xa8\xb7\xb7\x90\x9b\x18\x8fwSKN\x05\xa5\x95o80\xaa\x9b\x96\xc7\xbc\xb8\x08PA\xc9\x8b\x9b,\x9a\x86\x077+@\x9d\x94\xbb\x8a\x93\x8e\xb3\xc4\xcc\x96\xa3\xb9\xb4\xbb[\xa5\x9f\x97\xa1\xa8\xb5m\x92\x00\xc2\xa6\xb6\xd5\xdah(\x18\x02\xb1\xa0\xa5\xaa\xac\x8eM?\x03\xaf\xa5\xa8\xbd\xc2\x04\xd9\xa6\xb9vr\x7f5M\x89\xdd\xc9\x97Ec\xb5fPM\xca\xb2\xe6\xf3\xf0y\xb6\xaf)\xa4\x92\x8d\x98\xa3\x84&gt;+\x17\xba\x9fHth\x1fzh\x00\xc9\xac-eX\x88\xcd\xbf\xc7{\xab\xaePs\xb2\xe8\xda2\x82yC\xb1\xaa\xa6]I-\xc1\xa8X\x8e\x88\x8a3lo\x00\x00 \x00IDATx\xda\xcc\x98\xe1k\x1ay\x1a\xc7\xbb\xea\xdd@A-\xa2\xa3L\x02J\x9a\x11|#\xa2\xe2\xd9a\xc4\xccq\t\x06i\r7D\x99b\xd7\x9cL\xbbJ\xc8x\x91%\xae\x07\x8d1\xa1\x10b\xcc\x1d]&amp;\x84l\xd3Bo\x18r\xe9&amp;\xb22D\x9c\x95\xfaBK\xc9\x81\xf4\xe5.\xc1WB\xd9W\x07\xf9\x13\xee\xf9\x99\xfe\t\x9a\xecc\xfa"i\xa0\x1f\xbe\xcf\xf7\xf9&gt;\xcf\xafw\xee\x8c\xa80\xa8;\xbf\xb3\xc2\xee`\x0b+\xe7+\x0b\xbf\'2l\xfd\xe8\xe5\xe5\xa0\xdf\x90;\xb5\xc1\xca\xd1: \xde&gt;\x12v\xf4\xed\xe7~\xad\xddn+\n\'\xb7%\xa9\xad~&lt;:\xbae\xd1\xb0\x85\x9f&gt;\xf7\xafj\xb5N\xbbK\xa8*\'\xe2J\x87\xeb\x88J\xe3\x12\xday\x8bX+ \x14P]\xd5\x1am\x95P\xdb\xdd.\xce\xb5\xc56\'\xabj\xed\x08\xbb\xb5\xfe\xfd\xd0\xbf\x82\xfa\xb5\xdfh7j\xdd\xf6U\xb7#5D\xae\xa1\x80^\x1d\xbcwK\\\xd8\xfa\xb7\x83Z\xadQ\xab\xd5\xdaR\xa7\xd6U\xba\xdd\xb6\xaa\xc8\x8d6.\xcbjGV\x89\xc6\xad8\x0c\xfb\xdf\xe7~Cl#\xaenW\xc29\n\x17)\x89\xc3\tJ\xc1)\x8a\xea\xaa"\xde?\xbfy0\xec\xa7\x01\xf2z\xa3\xd6V%\x198t\x1a\x82\xc0u\xf0\xc5\xe2\x04N\x05pY":5y\xb0~\xc3T?\xb4;]\xb5\xdd\xe8(2\x0e:\xe1,\x11\xd0\xe9\xa8\xbb\x01\n\xd7\xe1\xc0\xc5\x12@J\xc9\x8d\xc6\xe7\x977)\x18\xb6\xd0\xaf\xa9\xaa$\xc1\xbf\x8dS\x04!r\x00\xa5\x0bp\x9a\x00|\x83\xe3\x94\xc8\x11\x12\'R\x14\'7j\xe77\x17\x15\xd8\xfa\xb9"\x89\x9c\x84\x13\xa8\x02\x06\xaf\xd7\xf0\xfc\xf9s\xb7[\xa3\xc1\x03,\xcbR"\xc1J2\xb4V\xa4`\x0c\xfa\x0b7E\xf5\xb2\xafP\x04G\xb0T@\x13p\x93\x8e\x889b\xcbF\ra\x03\xd4s\xf8\xf8\x01\x0e\xa7\xd8\x00\x0br\x8a\xb2|y3za\xeb}\x05\xdc\xe4&amp;\xdd^\xd2\xef\xad:\x98D$b\xcef\xa3\xd1(\xd2\xcc`\x88z\xddn7\x08\xe8&amp;\x08\x8a\x93\x08\xb938\xc7n\x82\xeas\x87#4n\xbf\x9f$\x1d\xa4\xc3\x1cI$\x12\x11\xb3-\x1b\x8eF\x91TP\xd1\xe8P8\x83\xd7]\xe5\xf0\x80\xd8\xed4n Z\x17.\xdb\xa2FC:l\x0eF\xcfD"\x89\x1c`\x99\xcdC\xb9\x0c\xd7\x05\x80Q\xf8\x13\x0e\xdbH\x92t\xb3\x01\xa918\x1a\xfb\xc69Wd\xcaM\x82F9+\x101\xd6\x1c\xe2J\x00V\xf6\x8bJ\xe02\xa8l\xd6f\x8bD"d\x0f\xd7\xc0\x02WW\xc6\xab\xd7\xfa\xa0+\xe3\xac\x1dD\xb2\x06s9\xeb\xb0\xc0\\\xe6k\xac\xe8\x17\xb5\xc26\x9b\xcd\x0c\x93\x00\xbf\xc5X4\x04\xae\xa8\x83\xb1r-\\vD&lt;\xe0\xc8%\xac\xc1\xa0&gt;X\xf0y\x82\xc1\xa0\x15T\x1b\x9a\x1eqE\xaf\xbd\x05P\x11$$\x90\x17\xc8\x00+CN\x8c\xd1_\xd8\x8a\xcaQ:\x9b\x15\xa4\xf2x|1\x9f@\x03\x98\x07\xc0\xae\xdb\x88\x1c\x85\xa0\xc2Y\xb3\x83a\xf4\x85 \x80\xc1\xef\x92p\x88\xc9\xb5\xfe\xf8\xfc\xb5\xd2\x90$&lt;\x9a\xcb\x05\x83\x1e\x9a\xa6\x85PH\xab=\xd3\xfa\n\x05+r\x18p\x85\xc3\xd1\xa1\xdfm\xe6\x84\xd5Z0\xc2\xcf\x11\x18\xe3\x16\x95nC\xb9\x1aS~a\x0b@%\x12\x11h\xa0O\x10\x04\x9e\xe7\xe3C0\x9f/\x88,\x963\x0f\xc1\xc0\xecY\x9b\x99\x89\x15&lt;\xb4\xb1\x10\x1c\x96#\xa0\xc0J\xbfZ\x19\x97\xb3j"N\x91@E\x0b\xf9|&gt;\x99\xacT\\\xf1=\xc0\xf2x\x00\nY\x0c\x81\xd9\xd0\x082L\xd0\xe8\xa1M1}\x10\xb9\xcfC\xe2\x8a\xd4\x91\x07cr\xd7\x91\x8aSJ\xc1\xe3\xa1\x01\x89O\xa6R\xe5\xa5\xf2\xd2\xaa\x0b\xd0&gt;\x81\\0\x98\xc8\xf90\x82f3\xa3\xd7\xc7\x8c1\xd3\xbd{1}\x8c\xf6}\xf2\xd9E\x8e\xa5dyL\xd3x)\x11\xd4\x01x\n\xa8\x92\xa9dyviivv\xc9\xb9\x1a\x07.$\xd8u\xae\xc2\x0c\x9a\x99B\xc1h4\x01\x16\x1d+\xc4\x84\x90V_\xe2\xa8\x00\'\x8fg\ta\x978\xcb\xdai\x81O\xf2\xa0U\xb9\x0cP\x80\xb5\xe4\x04\xb0\xbd3\x0f\x80}\xa1\x8a0z{\xcc\x946\xa6\xd3F;\xa37N\xbe\xd0\xfa\x1c8!\xca\xdd\x1a6\x96tPX\x8d7\rZ\xa5R\xa9\xf9Tycv\xf6\xfe;P\xeb\x1a\x0b\x1cfE\xc3\x08]d\x18\xbb\xdd\x9e\xced\xeci{,\x163NnO\x98,pT\xe3\xa2\xba\x8e\x8da\x0eU\xb8\xa5\xaa&amp;\xf0z\xaa\x0c\xbeJ\x95\x91X\xf7\x97\x9c`\xaex\xe8\xec\xec\xcc\x13\xcc\x99Q\xba\x9b\x1d\x11\xc6b\xb1\xd8\xe1\xa3\xb7gLS\xc5\xfd\xe2L\xe6\x80CW\xec\x18\xba\x88\x1d\x89\x1a\x16\xb7\x03VjXe`\x9b/\x97\x9d\xaexH{\x06_\x1e\xdf5\x16\x0c\xa2\xcd\xe1 I/|\xaa\xf6\xccn\xeb\xf8byj\xf7\x80\x83\xab\x90\x1b\xc3,b\x1fE\x8a\xf0\xa7\xf3y&gt;\x99,#.\xb0X(\x99\x0c\t\x82\x16:x\xbd\x86\xe0\x1c\xcc\xda\xc2ao8\xec6\x18\xe0\x1c\xabZ2\xcd\xe6\xf1\xfe\xc5q\xab\xde\xf3\x13\xb8\xd8\x1f\x03V-\xc0\x12U\x13?\x8c\x86Tj\x02f1\xc9\xe7y\x1e\x84B~G\x89\xaa\x1f\xde]\x90\xf4a/ \xf9\xab\x96R\xa6\xde*\xee\x9f\x9c\x9e\x14\x9b\xcd\x9e\x1f\xa7\xda#\x0fzlA!X\x7f\xe9\x1e\x12\x0b\x1a\x08P\x00\x08I_q\xb9\xb4Z-h\x05\x93\xa8OD\x10\x16\x14\xb4\xb1j\x19R5\x8f/Nwv.\x8e\x8b\xad\x1eE\xa8\xa3\xc7Z\xa1X\x7f\x15\xf5\x10\xf9*\x95\xcf\xc3F\x8c\xa3\xda\xdb\xdb\x03.\x1a-m\xb8q@\xaf\xa8\xcd\xe6\x05s\x01W&amp;\x93i5\x97\x11\xd6\xe9\xfe\xfeq\xbd\x87+\xa3\xc7:\xa7\xfc\xdc\xc1\x0c\xd8\t\xb0@\'a\xf5\xd0y\xf8\xf4\xc7W{{\x08\xecS\x10\xf5\xf1\x0bW\x16\xb4b,\xa5R\xa6\xd88&gt;.\x1e\x9f\xec\x00\xd6\xc9\xc5~\xb3n\x91F\x9e\x10\x0b\x97\xac\xdf\x92\x99p\x85x\xd4?^\x1bw:\x97f\x9f&lt;y\xfa\xa3+\xbe\xba\xfajohz\xd0\x0b\xdd\xd1\xe6\xc8\xb0\x85\xbdR\xb7\xcb\xc9\xdd\xe5}\xa4\xd6\xe9\xe9\xc5r\xb3\xc4\x8d\xfc\xe8\xc2\x06\x84%3\xc3\xc7\xe3`-\x1evp,?\xf9lcs\x13\xf2t\xf5\xf0\xc9\xe1*\xe4\xa9\xc7G\xfb\xf4\x0c\xe3\x88\xa0t\xf0\xfa9\x8e\x92\xd0\x7fL\xd4\xf7\x87]&lt;=Y.\xd6\xfd#\x0f.\xac\xe6\xb7\x1b\xf3\xbc\xcb\x95\xac\x98\xec\x16\xd2\x7fPj\x15\xa7\x9f=z\xf4\xe8\xdd\xbb\xd9M\x88z0\xbe\x8f\xa6\xf5\x0c0\x91\x06\x8dF\xc3\xc2\x93\x9f\xe2D\x91\xc3[\x17\x17;;\x8b\'\x8b\xcb\xc5\xd6\xe8\x83kA\xb5\xa4M\x88\xca%XH\x0e\x1e\x80\xa2T\xaf\xd7ww\xa7\x8aSS\xcf\xbe\x99\xdd,\xbbxp\xbe\x9etx\xbd\xacF\xa7\xbb\xab\x83\x17,.S~\xb8\xb1\x9b\xd0\xc6\xc5\xd3\xc5\xfdb\xb3\xd7\x185\xd6z\x17\xc4r\xb9*\xf1|\xba\n/\xf9\x8e\xa4H\xb0O\xfc\x14uP*\x95L\x93\x1b\x1b\x15\x97@\xd3vx\xba\xe2\x9a!\xd6]\x9d\x8e\xea\xc1\xdf\xed\x96\xaa\xc7\xa7\x1f\xd6\xd6\xd6^C\x17{#\xc6\xc2\xd6\xeb\x80\x15w\xf1!\xd3\x01\')\x8a\xd2\x91e\t\x1e\xf4\x10\xb1~K)=3\xb5\xe1Lj}z\x8b\x97 \x02\x9ak.\x8d\xd7\x92\xce\xb4\x96\xa7ww\xeb\x17\x1f\xd6\xb6\x16\xdf,O\xd7K#\x1eE\x84%\x08!W\xc8T\x97\xa4z\x17\xb08\x02\xc7\x01KC\x80\xcdJ\x99{\xf3\x15\xc1\x13\xd4;\xbcnBc\x80\xb7~8\x0c\x0f\xdcH\xb0\x90\x7f\xb3\xbf\xbd\xdd\xda\xdfY\xdb\xda\x02\xb5vK#\x1eE\xec\xa8\x14C\xf7\xbb`?\xd8\x85%\xb7\\\x9c\xde= m\xb0\x8e\xbd\xe4\x01\xa4\xe6\xcc\xc4|\x85\xf6%"\xa4\xdf\xeb&amp;IG,\x06\xf9\x05\xa7W\xce\xea\xab,.\x9e\xa0\x8cx\x8d\xb0\x9a\xbdQ\x1f\xa8\x1f3\x80\x95\xe7M\x96\xa9\xb9\x87\xdf\xfd\xf9\xe1\xe6|\xc5\xc5\x0bZZ\xab\x8d\xd9g&amp;\xee\xcdL\x96\xe7iO.\x01\x17\x8d&gt;\xa6\x8dk}\x8c\x19=\xcbl\t\xeb\xde\xdc\xda\x875\x88\x88\xd7\xaf_oO7w?\x8eX\xad\x95\x9e\x91\xd6\xf2\xbc1\xbf\xf9\xf6\x97\xf7o\xffz\x08gV(\x04\x0bh\xd5\xb9\xea\xac\xcc\xbf\x98\xfb\xe7F\xa8\x90\xb3\xc6L\x13\xb0$C\x82\xd1\x01\x0b\x1b\x9e@\xd9\x84\xe7\xd5\x83\xc7\x97\'\';[o\xde\x00Vk\xc4\xc1\x85},\x19\xb5ZA0V\xfe\xf3\xd5/\x7f\xbc\xbf\xear\x96\xcb\x158\x1f*\xab\x87O\x9f|\xff\xa7\xb7\xef\xdf\xbe\x0bY\xad\xf4\xe4\xa3\xb9Mg\xdcd\xf1\xc2\xdb\xda\xac\x8f\xc1I\x91\xf8\xb4\xf4\xdd\x7f\x1f\xef\x9cn=x\xb0==\xdd\x1c5\xd6y\x1a\xd4\x12\xf2\x95\'\xbf}\xf5\xdb\xdf\x9d\xce\x9f\x1f\xfe&lt;[\x81Gb\x082\xfe\xfb\x7f\xfd\xe1\x1f\xff~?+\xe4&lt;\xf3[\x8b\x7f\x99\x9b\xb4\x18\xee&gt;\x07\xad"V:\xf4\xc2\x14\t\xba\xfe\xf6\xf5\xe3\x9d\x9d\xad\xe5\xb9\xe5\xed\xe9\xff\xb3j~/\x89\xad]\x1c\x7f\xb79%B*\x91\x15\xd6V1\x15\xba\xd1\xa8\x8d\xa3\x87\xa9\xe6\x15\x7f\x8c\x8a\xceP\xa8\x8c\x8c\x8eFZ\x83\x9ci\xe7E\xa5\xe8\xd4(#be\x82\x9cP\xf1((\x1e\xcbl\x90\tf\x18\x0c\xdf\x10d\x9cbp\x86.\xa2\xe0\x059^t\xe1U\x7f@\xf0&gt;\xdb\xf7\xfc\t\xfb\x117\x827\x1f\xd6w\xad\xefZk\xef\x8dw\xb4\xfeu\xfb|\x1a\xd8\xe5\x0c\x1fN\xdc\xc1vy\xf6\xfa\xbab54\xc5 \xa7\xf9\xf3\xb3\xbd^\x08\x9a]\x12\xafN\xeb\xf4\xeb\xe9\xaf\x022\xd97\xc7\x03\to\x14\xf7\xf0\xf5\xdc\xe1\x1e\xbf\xd4t\xba\x1e\x08\x85B\x0e7\xee\xd1\xba\xa5&gt;\x01\xf9=a\x07Th,\xcb\xacV\xe5\x86\xe60\xb6RLoW\x98w\xde\xa8|fx\xb5G\xb2\x1e8$\x90\xc9d\n\x12g\xb1GF\xfa\xa7\x97\xd2aw\x8f_i\xe9b\xb9C\xdc]\xbc\xa3\xf5\x0bh\xf8\xa4g\x07M\xdc\x05I\xd0\xec|%#\xd9\x99\x1c\xd4P4#\xcf\\Zf\xa31\xceo\x0e\x0f\xcfh7C\x08\xa0"\xfb\x80\xa1\x92\xc9\xc49\xd6\xc1\xc1\xc9\twy\x13\xc3r\x02.\xee\x19\xde\x95\xf8y\x05`\xcd\xac\xc1ww$\x0f\xd3\xbc_=\xd8\xa2\x101\x00\xdf\xc8\x80\x829;nNM\x1aW\r\xd2M\x07\x8f\xdc=\xa2\xbf\xbax\xf1\xbfO\xc2\x07N\xad\xe5\xd4\xb4\xe9tc"\xe2=\xd9|{\x8aa%\xe1;\x12\xf4\xc8\x9c\xdca\x13\x16\xfe\x03\xe4"R(s\xff\xde\x1e7\xdb\xed\x06\xb1Ql\xd0\xeb3\xb4.\x17\x16,\xf0/B\x14\xb8O\x8a:\xad\xe9\xc2\xb4)q8\x97\xc7\xbe\xbc\xc0\xbb\xf9p\xc1dl\xb0GI$\xe6\xf8[6\xe5\xe5\xe1\xd0\x02\x99\xe8\xa3\xcc\xcd-\xaa\xf8\xfc\x92=\x19\x11\x03G\x17\xaa3\x92\x81\xa9.\x11v\x99r\x1e\xfa(\xac\xc3P\xa0~Q\xd7K\x1c\x8aeN\x11\xefV\xdd\xe7\xc4\n\xd1\x1e\xf4x\xaa\n*{5\xf4\xfd\x0b\xc3\x07\x14\x1caSw\xd6J\xc9d;"6\x0e\x1b\xfcJ\x99DGC\x88\xff\x17rjw\x97\xcd^&lt;;,\x9e\xd4\xebu}zY\xe2\xe7\xfe\x8d\xf3\xb3\x96\xbe\xbe\x00\xc02\xa0\xbd\xd0uU\xf1z\x89\x1br\x1f\xbaW\xfa\x9f=\xdbpaT\xf6\x12\xc0Z56S\xfb\x01\x89by\x91\xd2\xa5\xf2\xf9\xe6\xb6\xbe\x14\xc1\xd2\xe3,\x86\xeb\xf5u\x99N"\x19u\x9f\xe3\xaa\xe2\xbb\xdf\xbf\xfd\x04X)\xb4\xd7\xe3\xc9V\xb2\xfb\xd5p\xb1\xe8\x1c\xa3\xf6O\xbb&amp;R\xa5\x82\xd9^hG\x9aF\xa38b\x97e$\x92\xe5\xe7#\x14\xec\xc9\xc1\x1b\x16\xb7X\x0f\x83\t\xe2 \xa07\xad\x07\x14Z\xed\xce[?\x9e\xa5\xf8\xee\xf3\x07\xc3L\xa4\'R\x82\x1b$\x88\x99\xcdV\xab\x97\xd2\x80N\x05\x16\xd8\x89T\xa1\x80\xa2\x85|\xa1\r\xbcu2R\xd2\x82\xde\'Q\xf5\x18\x07\xb1\xf5\x87\xcaq\x1e\x1c\xb8C\xba\x90$\xb0\xae\x96)\xb4\xca\xca\xbe\xb2\x84\xe3\xc4\xf5\xeeg\xd2\x0c\xd6\x9bH\x01\x8d\x06\xa3\xf3\xf3\x15\xc0U\xd5no\xbf\xdf\x01Ty4\x8a\xe6\x13\xf9R\x04l&gt;\x91\xd2\xbe:\xadXV\xcdL\xae\x0e\x8e\x0c\xf6o\x0c\xb8F9\\\x07\xd7\xa1\xc8t\xb1\xae\xaf\x95\x1f[8\x8e6}\xe7M\xb3\xb9\x84a\xc1\xb3\xb1\xf1\xe3\xca~\xa5r|l\xe5\x1b\x80\x80(\xfc(\n\xd7\xbc\x10\\j6#|{R\xa9\xd79\xc6F\xdf\x8a\x87A\x97\x1e\xde\xa0&gt;\x19u\r\x8c\xaat6\xbdEh\xd3^^_\xb6Z8\xaa\xf8\xe2\xbcU\xca\x17"\x06\xa0W\xcc,\x97[\xb1\x9bm)pJ\x85&lt;\xdc\x0b\xc1\xb5\xf2\xcd\xe7k4\xd5\xdc^\xbfU\xfbe!\xda\x18\xcd5\xf0\xbc\xfb\xe0E&lt;9=9\xf9dfY\xb2\xa9VbX\xb9f\x0b\xc7\xf6\xf3\xee\xfc\xfe\x01.DR\x054\x8f\xda\x93%\x80T*\x95\xc0\x17\xc4*\x08\xc1\xe52\xe0\xbaj\x94"\xeb\x01\xdbEx\xd9\xc1Zd\r\x0c\xd0\x06\x9e\x0f\xf7\x0f\x8b?F\x9a\x1f\r|\x9dV\xa9V\xcal\xd7\x9eN{\xf5\x17\x8e\xf7r\xcf\xef;e\x0c+_@\xcd\x80\x0b\xf0\xa0(\xf8\x8d\xc2Qf\xa3\x9c\xab%j\xe5r\xa2\xd0\xb6\xd8\xac\x1f\x02&amp;\tk\x84\xcdZ\xa4\xd2h\x03 R\xcd\x88!eUh\x85R\xb5rS{}\xf7\x00\x1bop\x8dV\xa7\x86bXy8\n\xc7`8\x18\x05H0\x1c\x8d\xce\xce\x96sp\xcf\xa2\xca[\xcb\xa7\xda\xfb[Ss\xe2\x0f&amp;\xae\x8f\xc2\xa3\xb3\xa84\x17\xb0\x94\xc8\x84\xd5/\x91\xa9M\x16\x80e\x83\x8e\x1e:\xad2~X\x7f\xde\xdcw:p$\x95\x07e\x17\r\x06\x83\xbdAf0\xd8\x08\x06I\xd1\xd9h\x19\x1e&amp;\x93\x05\xaaD*\xd2^\xc4LT,Ok|&gt;\x1e{\x85\xe3z\xb5\xb44\xb1\xb3l\x13ZL\xa7\xa7j\xa1\xccf\xbe\x17f\xdby\x1c\xa3u\xd4\xee\xd4\x1e\xb0h\xc1\r\x8c\x06;\x10D\x82z\xa3\xb1\x86\xf7\xdeG&amp;\xf3\xb2\xb1\xc8d\xac\xdb\r\x07S\xda\x11\x9f\x8f\xc2\xa6\xd28*p\x1c\x19\xbd\xe5\xf4\xe2\xd4\xa4\x96\xc9l\x86V\xdbtT\xc2\xf1\x96[,\x91\xeb\xb4\r\x00\xab\xd1hx\xbd\x90\xe7\x9f\xf3h\xd6\x1eL\xb4|d\n\xdf\xc3\\[\xdb\xdc\xc5\x06Sc\xea\x88\xee#\xfbFX\xa3\x1c\x87\xca\xa1\x0b\xac\x87\xeb\x17\x17\x17\xa7j\x99\xcd\x16k\xb5\xf2\x17\x05\xfc\xda\xcf\x9f\xb1\x9bZ\xa7\x00\xb0\xe0\x04\xc0*{r\xb9\xab\\\x0e`\x05Q\x94Tk\x8b\x97\xa2\xa4j\xd5?\x11\xe2\xb8\xcf\x04\x94\xc1T\x96\x06\xb04\xfdT.7\x14J\xeb\xc3\xff`\xd9l\xb6\xa3\x881%\x9c\xc7\xcdO_|#\xd5:\x1d3\xc0B\x13\t`\x9d\xd0\xd5\r\xf8\x00.\x14\x8dB^\xf4\xb1\x8796\xc0qQy\x08\xc2q\xf2\xfa\xe5\xe9\x10\x1b\xb4\xe9g\xd4W\x0eg\xa6\xa8\xaf\x871*\x13\xb0-\x99\x96\xfff5\x95\xc5\xcfO?\xf7&gt;&lt;t`\xc3Z)\x9f\xa8\xd5\xbc\xa4\xdc\rv\xaer$\x14&amp;y\xa0GL\xd5b\x9c\x8e\xec\xed1\x08\x0bH|\xe5\xe9\x18\x18\xd9G|\x9a\xc1\x8d\xb1\x90\xf3\xa0X\xac\xdf\xde\x02\xacK\xa1\xcd&amp;\x14\xca5\x9a\xd5#\xfc\xb0~\xe5\xef\xef\xf3\r\xd0k\xf2\x89D\xc2\xeb\xcd]u\xa9r\rx\x16\xea\x9d?v\xd0y\x08cjoO\xb4@&amp;\x08\xe8O\xb9n\xc7\x18\x95\xfdfpc4\x94\xc9\x14\xd3\xe1_\xb7X\xc6km2\x99\xf4\x89Fc\xc4\x0f\xab\xef\xbc\xd0j\xb5\xe1\tC\n\x85\x81\x8a\x10H-\x00uEj\x04!Rt\x9c\x16\xa7\xc7\x87D\x04dO ".\x88DS[\xbbn.\xe7i\xbf\x91\xea\xd2e\x02\xe9\xef\xdf1*\x93T\x0bD\xd4i4\x9a\xd6\x11n\xb9\xd5\xf7s\xf6~\xb5\xd5\xcb\x9fH\xe5\xe1n\xb4r7W\x9e\xab+\x088\xc5c9-\x8e\x08\x10\x86\x880\xc5C\x08D\x11\x81H\x14\xc5W\xdc\\\xee(\xd5\xa5R\xa4\xf5\xc5\xba\xfe\xc2d1\x01\xd7\x92\xc9\x84t\x8d\xe6M\xc9\xff\'~X\xe3\x8d\xfbV\t`\x15`\x18\xe4|9\x87\x95\xe2\x15Dz4\xbf3J\xe7\r-0\x86\x08\x14\xde\x1e\x9dA&amp;\x10D\xe4\x05\x01\x83\xbe\xebt|\xe0|\xc8\xa4\x03`^&gt;\xb5X,R\x0c\xcb\xb6*6\x1a\xae\xad/\xf0\x9bk\xac\xa4`\xe1\xfe\xe3\xdaZ\x12\xc6\x92\xab\xec\xe9Z\x04D\xaa\x8c!SS\x02\xe47\x84N\xed\x7f\xb61\xd0O\x11\x10\xc9C""\x81\xf1\xf2\x87\xd3\xb9\xac\xcb\xc8\x02\xc0\x1d\xea&amp;\x8bE-\x14\xca\x84\xdb\xad\xc2\xd1uR\x89[\xc6\xf7}6\xf3\xcd\x89\xf6\xc4\xda\x9a=\x9f\x801,(\xe7\xc9y \xff\n\xc2\x10\x0c!{\xd4\xe3c\xf9\xfb\xa5\x99\xe7\xfdt\xfa\x1e\x022\x8c@\x18B&gt;\xb9\x9d\x12\xd9\xa6\xfe$\x1c6\xa9-j\xb5R)\x14j\xed\xb1\xd8\xce\x04~\x85\xd8\xf7Nb\x05\x8d\xd9\xbc\x93L\xe6\x81\x8aw^O\xb9\x0c"&amp;\x01T\x8c\xa1\x95WU\xad.\x14z\xfdj\x83\xcdC\xe8\xf4\x1f+\xf4)D\xb4\xc0\xf8\xe3\xebazsS\x8d-\x17\x96K\xa9R*\x15\n\x95\xda\xedy\xb9\x107\r1\x15c1\x14\x8e\xf1\xad],\x10.\x0c\xabr\xf6r\xe8%B\xd3V3\xce\x10\xf7\xf5\xab\xd7,:\x8f\x8e \xf1\xf8\xd9\xe1\xd7\xee\xcbe\x9f\x0e\x02J\xbd\xa9\x1eV\xab\xd5R\xa9\x1a`i\x15\xef\xf7+\xbfp\\1\xfa~\x7f\x0c\x83\x99\x86o\xb5\x83f\r\x1c\xb5\xec-CYn\xfc\xe5\x8fOc\xd5\xff\x1e\x87@\xac^\xef\xbaX@A^\xfc\xc7V|\x0bp\x11\x18\xbf\xfdq\xa6\x97\xaa-&amp;\xbd\xd4b\xb9\x04dB\xe5\xbe\xdf_\xb9\xc4\xf5%\x8d\xbes\xd8\xeb\xf5Z\xadv{\xbe[\x8a\xa0]\x1f\xed\xc6\xffZq\xff\x8f\x96\xf3\rik?\xe3xM\xcd\x9fU\xd4C\xb8\xb1\xb7\x9e\xb3\xc4\x9d\x9c\x08\xde\xadI\x17s&lt;;\x97\x9a\xa6Y\xfe,\x19\x89\x12\x91\x8b\xf5OM\xd0$,\xab\xab\x0eb\xb2y\xcd\x1f\x97 5!\x82\xdc,\x14j\xc01P\xb3\x96\xd6A\xa1(\xe2\x8bA[\xbce-l\xeb+\xd9\xbbb\xa5\x97\xc1\xdd\x8b\xd6\xbb7\xfb\xfe\x12v\xf7~\xf3\xfc\x0c1\xbe\xf2\xc3\xf7y~\xcf\xef\xf9\x9e\xf3\x9c\x986\xea7&lt;\xa7\xe6B\xd7\r\x1f\x1b\xcc\xd7\x0c\x9aT\xc5\xa2I\xa6\x805\xf2\xa7%\xaf7\x1eG\xab\xe5\x9d8&lt;\xb4\x9b\x82\xdd\xa5\xd7\x87g{iD\xb9x\x00\x89&amp;\xbb\xa7o\xdf\xaeW\xae\x85\x05\x95\xb8\xf7\xa2R\xf0\xed\x8e\xcdLM]\x9d\xbf8\xdf\n\xabs\x8dL\xd8\x98\r\x06\xb3F\xd3\xdc7\xf2\xe9\x8b\x98\xdb\x0b\xaa\x89\t\xb2\x15\xdd\x0e\xcf/\xfe\xb0\xf1x\xf0\xdc\x99.\xe5\xe0\xab\xd7[\x91:\x16\xc9y`q\xd1\x82\x8d\x8ad\x06\xda\xaf\xce\x1c\x9f&lt;8&gt;\xbe\x82\xd7\x95\x8b\x9f]lm\r\x15\x8d\xe4.\xc6\xc8N\xcc\x81\x06p\xe2\xc6\r"\x98\xdb\xf1\xf2\xe0@\x82A\x08\xe5\xe2\xe2\xab\xd9i\xd2*#\x8a\x0b\x0b\x1b\x0c\x9b\x0c]\x0f\x85BS\'\xa7\xa7\xa7\'\xa7\'\xc7\'\'\xc7\x7f~\xf0\xe0\xc1\xf1T&amp;3\xa7ik\xfe\xdc\xb2\xb7\x99 L\x7f\xc4\x0f\xeai\xe2\x96R\x9a\x91u\xe5\xd3\xeeo\xb1\x1e\nc.\x17\xdb\xa5\x99\xaa\x1d\x1d}\xf8\xf0\xe1\xe8\xe8\xf4\x04X\xc7\xc7S\xcb\xb1j\xb9\xcc\x14\xf6v\x8a\xd1d51\x01"t\xcc\x04\xeb\xe5\xa2D\xb3,\xca[\x11`\xad\xd6\x83\xf8P(\xb9|\x91Z6\xdd\xc0\x02\xd8)\xc1\xba\x99$767\x9foo\x97\x9f$\xcb\x89ad\x15\x91\xeb\xc6\xa1\xddq \xd5\xfc\x96r\xd1\x85\xba\xf5\xec\xbb\xab\xa4\x15T\xc97\xf6766\x8e\x8e|G\xf5uzrs\xe6\xca|{aoo3\xb6\xbe\xb4\xbe^\x8d\xc5\x96\x86\x87\'\x88VP\xeb\xd0\xed\x90n\x9cr\xf0e#\x8a\xcfH\x87\xaa\x927\xfdJ\xa5\x90\xe7\xf3Z\x85U\x9f\xe9\x9f\xd7]\xff)\xb9w^\xd4QlX\xac\x8a\xd5\xf5\xf5\xc40\xd4\x82X\xc8z\x1c\xd5O%\xc3R"\xe7\x7f_\xe7z\xb6\xd0$\'\xdeG.\xcf\xaf\xae\xa5\xc7\xd4:\xb3\xb9s\xa8YF\x06N\x8bQ6\x19\xabB\xb1%`\xc5\'\x08\x18\xe9 \x12\xd2\r\xe1)\x9fzH=%\xbeU\xa1h\xc2R\xc0\x98iKL\xbbn\xc4(\x1b\xea#\xedV_\xa7!\xb5\x97\\\xae\x96!V"\x11\x9f\x88\xd7\xcb\x16\xda\xad\x83\xc1s\x92a\xddC\xe5\x82^\x10,O\xc4jR!\x92M\xaa\xadt\xbb\xc5 \xebDo*\x83`E\x1d\xcb%\xcbh\xb5\x88X\xf18\xd2k\xc2kw\x04_I8I9\xe8\x98\xed\x9e\x1e\xbf}\xfb\xf6\xda\xaa\xbc\x89p-\x90\xb7\xa6\xad,\xad3\xa0A\xed\x93\xc9\x88\xcf\xb7\xb1\xcb\xe5\xf2\xfaR\x9d\n\x0b\xa5\xd4\xe4\x0b&gt;\x96\x8e\nmjO\xf7\xe4\xf8\xf4\xf8\xb8&gt;\xa0\xd0\xaaT\x0f!\x17z/\x15\x1f\xa8\xe5\x10\xc862\xc9|\xed#]\x94^\x16\xeb\t\x1f\xbf\x03*\xbb\xd7\xed\xf3\x05\x83\x92\xce5\xbf\xa4W\xd0F\x80\xcb\xca\xcb\x15u\xc1\xd0\xa76i\xb7\x84\x92\xd3Cit\x9aPW\xd7\xf5\x015\x1b\xae6\x12&gt;~c\x18\x0bPA\xc7+I\xd5\xa2{\xc059=\xbef\x15\xb4*\xb9B\x05,\x94\t^X\xd3O\xde\xa4t\xad\x03\x03\xba\x81v*\x19[\x1f&amp;\\w\xee\xc4\x87\x97\x1c\xbe\xaa(\x8a\t\tsK9\xb8DQ+\x1e\xe85\xae\xb7Zy\xad\xaa\x9eY\x88\xa2jc7\x9b^\xa1Z\x81\xd5\xae\xa69\xb8\xd6\xa5Fj\r\'\xd6}\xa2\xcb\x1f\x0b&amp;$TK9\x18dm\xf4\x98\'399\x0e\xbd\xb6\xc8n\xac_"\xd9G\xdf&lt;6\xa7\xbb\xde\xda:\x1f\xb5m\xc6\xcaK\xebK\xf1\xf8\x9d;\xdb\xc3\x0eQtE\xfc\xe1\xd8\xb0[J\xac\xc5\xaa\x87\xb5\xb1\x0c\xb8\xa6\x9d\xce\x1a\xdf\xc0\xfa\xdd\xe1\xe1\xbe\xe8gm!MWW\x97&amp;\xcan\xc2\xe1oo\xdf\x07T\xbc\x1at\xf9#a.\xe7\xb0\x9b$\xc5\x123\xb9\x82\x9a\x06\x98\'\x9d\xce\xd6\xb4\xa8\xa9\xfb\xfb\xaf\xf7}\xd5e\xb6]\xa71\x9b\xcd\xd7\x8a:\xdb\xe6\xf3\xe7\xf7\xb7\xefc\xad\x97\xfd\x11@q\\lXj\xact\x9a\xb1\xd9(\x96a\x98t:W+\x95v]\xa2O\x0csT\xbbFc6\x9a\x8dm\x06\x83\xa6@\xc6\xee\xb6\x9f\x97c\xf0\xd6,\xc7\xb0l\xcc\x81"!)\x96\xcb\xe9$\\6\x9a\xa5X\xb6\xc0y&lt;a.\xe2\xe2\xa8hHc0\x1b\xfb\x8cFY\xa7\xd1RL\xed\xec&lt;y\xb2\x99\xdc\x8b\xdal\x05\xacd0\xe1\xb5K\x8au\xcf\x95\xcef\xd3\x0c\xfe\x9f\xad@\xa5Fv\n\x94\xad\xc0p6M\x05\xae\xb5\x13F_\xd6&lt;\xd2a\xec\xb4\x14+\xa9\xe8\x8b\x17\x85\x9d\x17QP1A\x93\x1d\xc6\xe7@\xc2\x02q\xcf\x8f\x8c\xaa\xa5Y`\xd9\xa2\xf0\x84\x96\xd4H\xaaP)\x1a\xcc\xe6\xa1\xa1!\x9c\x89\xe4!$\x19yl\xcb\xa2\xb1\x8c\x80\xcdfc9\xd1\xe1\xf5\xc2\xf8HyT\xdf\xf2;k\x81R-M\xdb([4U\xa9|\xda\xd1\x016K\xe7\x90\x0c\rD3\x0e\xea\x0b\xe4\xad\x13}\x84\xb9\xd3\xb2\xb3\x03\xb18\x7f\xd0\x04?\xe6uK\x88u\xeei\xc4Y+\tV\xe8EQ\xd0+E\xc6\x7f:\x87:\x81TW\n~\x87&lt;\xb5\x05\xc9\x8c\x1d\x1d)$\x16\xcb,\x8bA7l\xf5\xa1IJ\xb5\x9e\xe6\x9c5\xab\xc0\x0b\xb50C\xd14e\xabT::\x86:\xfa\xc8}\xfc\x06\xcf\x05"\x17\xe9n4)\x1b\x85B\x92\xc3F\xb5\x13\xaf/\xa5Z\xca\xc7\x19`\xf1Z\xadPJ3,\x03\xb0Tj\xa4\x1e\xc2\xe6\xff\xae\xbe&gt;\xa3E\x93\x8a\xaa)\x8a\xe6\xb0M\x81\x05.\xaf\xa4j\xbd\xca8\x03\x02\xafU\x10\xae\x0cj\x17ME+\x15M\xb1\xc3l46\x86\xc9H\xfc\xcc\x162\x08\xdbn\xa3\x99\xb0\xdf\x9fE\x10\xedR\xabu0\xe9D\x0c\x15\n\x85\x96/e3\x9e\xb11p\x91+"\xe4\xa9\xb1&gt;\x12K\x19j\x97\xd9R,\xea\xda\xd5\x14\xcb\x85#i\xbf\x18L\xd8\xed\x87\x87\x92\xa6\xfc\xcbI}@P\xc0\xef\xc8\xa1\x17\xb8&lt;\x9e1Z\x1d\xaa\x10\xac\xb6&gt;2?\t\xb1\xc0e\xd0\xe8\xd4\x14\xcdxr\x9e\x88_\xf49P\xe4\xedn\xc9\xdc+i\xb7&amp;\xf5VA\x01*U^\x10\x02\xd9t\x06\x8a\xd1s\xeaz\x8d\x07\xd5\xe7\xff\tbH\r\xa8p\xd8\xe3\x89d]&gt;\x93\ta\x94\x10K9\xe8pB-9\xa8\xe4\x08\xa3\xb5\x94M\xa7\t\xd9\xcd\xb19\xb5N\xd3enk\x93\xb5\xb5\x19\rE]H\xcd\xe4\xc2\x91H\xce\x93\x8b\xf8]A\x87\xc9\xee\x06\xd6=\xe9\xb0\x82N=R\x0bX\x88#\xcf\x97j\xd9l\xd6\xe9\xc4[\xc637\xd7\xde\xda\xf5q} ]\xa7f=\x11\x97+\x18\x81`\xf8-"\x88n\xb7IB,T\xd3\xb5UlD`\xa9\xf2y^\x10J\x81@\xa9T\x12\x02%\xfd\xe4J\xff\xd5\x81V\xd2p\xe9(&amp;\xec\n\xfa\x12b8\x0c\xc9\xfc\x90\xcb\x84\x18J\xa6\x96r\xf0\xd1\x174\xb0\xf2\n\x85\x8a\xc8\xc5\xe7\xf9\xad-\xbc\xb6J\x02\xc0\xf4\xdd=S\xea\x81y\xb4\xa7j6\xe7G\xe0\x1ce4Z\xb9\\D\x84Zn\t\x83\xb8\xf8\xfeK\x19\xeb\xb4\xc2O\x13g\x81\x1a!\xcf\xcb\xb7\x04\xadv\x03\xbeg\xd7\xaa\xbf\xdb\xdd\xd3?S\x7f\xac\xc7\xe3wU\xe1\xa8\x97\x92\x0c\xc90T\x08\x93\tNQ\x1a\xb3\xaf\x1c|\xdb\xf2[\xa3\xc7\x19X\xcd7.&gt;\xa8\xe4\xa8\xf6\n\x81\xe7\x01\xb5+\x10\xb9f\xfb\xfb\xfb\xcf\xf7^]\xc1\x81\xe3\x80\xb5\x88q\x0c\xc3\xe5\xc2\xf8\x03;\xd1+\r\x96R\xf9\xb6e\xf4\xaf\x1a\x8f&gt;\xc0\xe7\x150&lt;$\xe7\x15r\xad\\\xcb#\x82H\xaf@@\x7fw\xb6\x87p]E\xad\x02J\xa2Z\xe6\x1822"B-`\xd9\x1d\xdfH\x80\x05\xadZ.\r\xb5g\xf4V&gt;/\x977\xae&gt;(H\xf2k\x05a\xb7\x94u\xea\xf5\x01`!\x8c\xbd39\x92\xe6&gt;S\xd0\xcf\xb24\xd2\x0c)\xefs\x9b\xec\xa6\xe0?\xbe9w\xd6CR_\xbdkii\xf9\xa4O\x9dA}h\x04\xb1^\xb9\xb0%\xc9\xb1]r\xa6\xc1\xb5F\xe4z\xd0;\xe7\x89\x84#\xa2/\xe8\n\xe3(g\xb9\x9c_\x14}\xd8\x8a&amp;\xc7\xbf\xde\x9c-\x97r\xf1\xed\xd7\xa3\xc0\xfa\x9e\x0cj\xf1$\x88\x04\x0b[\x91\x94{\xd0\t\x81\x1a\xe4\n\xe8\xc7\xbb{\xce\xff\xa8\x97fp\xe8da\xc4\x18\x1a\xee\x82\xe3\x10Q\x1f6\xa2\xdb\xf1\xcf7o\xde.\x9e\xd5T\x99R9\xf8\xf7\xbf\\\xbeD\xb0~\xd8\xacI\xeb\x85&lt;\xd4\x92\x93\xecR\xf0\xbc\x16\x1f\xb4\xbc\x96\x0f8I\xf5\x0f\xdc\xed9\x7fef\x85as(\xa2\xfe\x1c:2XJ\x8e\x04\xd1\x84rJ\xb0Z\xde=:\x8b\xefn\x01\xd3\xa3\xf7\xef\xbe\x1cm\xf9\x19\xa8Z~p\xa1\x98\x0e\x90\xdc"P\xc0\xd2\xe6\x81\x85P\xf2\xbcU\x9fuN\xeb\xa7\xef\xf6\x10\xb1\xc8\x11\x1d\xf1GXtc4:.lED\xd1\xd4\xc0\x1a\x1d\xfd\xdb\xfb\xff\xf3l$Lo\xdf}\xfd\xeb\xef\x7fr\xa9\xe5\x12\xc1\xfaM\x1dkU\xd1\xc8x\xa8\xa5\xc5g9ir\x04lD\xfd\xf8\xdd\xd9\xde\xcfz\xa99\x1a\xd5j\x99\xe1h\n\x8b%\x15\xa2\x04\xb5\xbe\xc5\x1a\xfd\xe5\xbb\xaf\xfe\xe7\xef\xe1!\xdf\x96C\x98.\xff\xfc\xf2\xe5\xef\x8c^\x1a\xadc\xfd\x18A\x84Z\xf5\xa3\x07TZ-9\x87T\xc0B\xd6\x83jr\xf6\xfcO&gt;j\x1d\x80\xe7F\xd2s\xf0 \xa4k\xfe7\'\xe7\x1b\xda\xc6}\x87q\x13\xd3\xb4\x87O8\xe7KY\x0e\x07\xdb\x17g\xbe\xf3\xfdY\xad\t7lg\x0b+j\xb2\x84\xaa1\x97\xdd\xcc\x15\xcd`|8\x19\x8a\x12p%\xe1\x8c\xa3Y(J\x84\xf0\xca,Y\x9d\xa0\xa2\x8b\x94W5\x83\x82\x07f\xea\x82\x19"\xc3\xaf\x84_\x08\xcb\x08\x0c6y\x91\x97I`\xb1\x1dXB\xb2\xe7{n\xc3\xc6\xd8\x9f\xeeg\x05\xec\x17\x8e&gt;z\x9e\xe7\xfb\xfc~\x92\xb9;y\xfe\xd2Y\xef\x0c\xf1\x93\xeb\x84\xd5!D\xfd\xf5\x8d\xc7\xf9\xff\xc7J\xfc\xca\r\x8f)\xa2\xc7\xe3\xea6\x17\x8dE=\x13\x85w\xa7o\xfe\xfe\xe27X\x87\x0f\x0f\xe3@H\xa9?|\x1b\xa1\x9f\x84V\xed\xbe\xf7\x8f\xf5\x81\xeb\xa3\xf9[\'\xf1\xc6h\xec\x08\x1d\xe6\xcfc\x14?\x80\\\xa7\x81\xd5\xd1\x11\x15\x84X1\xc7\xd5\xb7v\xbek\xf8=\xef^\xfe5\xa2G"\xba\x1e\x8fX{R4&amp;xX\xd1\xe6\x18a\xf5x\x91Gk\x05\x83\x0b\xd8 \xe1\xe2\xf0\xe2\xe2\xcc\xc0\xecD DW:\xe0\\:\x8f\xb8\xe3\xd0\xdcE\xd9:\xee\x1d\x04\xdf9\xfd\xb3\xdf\xd5I,%\xa64r\xb2l\x18\x1b\xcf\xbe\xc3\x9d\x8b\xe0\xfa\x8d\xbfA\'\x1bJ\xe9\xba\xbd\x1d\xb7=\xacX\x8c&amp;\xb1C:\xf2\xc9k\x13\xdf8\xbcp*\x18\x0c\x0e\x0f\x03k!\x08\xad0\x85\xe7\x80\x15\nuv\xcf\x9f\xef\x1e\x9b\xee\xec\xea\xa2\xcfPn]\xba@\x89?}\xfd\x8a\x82\x17\xa6\x00\xabiU\x18\x99\xe1\x18H\xf6\xc5\xff\x962\x1a\xbc\x97:\xe9\x14\xb1m\xdd\x8eo\xeb9u\x8f\x13\xa0\x96\x87%\xfe\xe1\x93\x8b\xa7\xbcc\r\xfa\xaa\x87\xb0\x16\x83\xb7\xa9\xba\x16\xfag\xb0Q\x8f\xf8\x8e\x1e\xeb\x0b\xf5\x8e\x7ft\xfcD\xd74auS\x87]\xbe|\xf6\xce{\x14-\x8a\x81(*b3\xcc\xb3\x1c\x87\x07#o&lt;N~\xf1_\xff&lt;\xf5\xe6#\x08e\xc7\x0f\xa8\\\xd0m\xeb\xae\xad\xee\x99x\x891\xa1\x83\xc0\xf6=,\x9ckz\xd0\xa2\x0b\xc1`?\x8e\xd0\x0b\xb7o/\x04=\xac\x80\x875\xdey\xad{\xacs|z\xba\xabk\xcc;\xcf{}z\xfd\xb7uJVL\x14\xfdM\xde\x94\x80\xc5\xe2!3\xcc\xc6\xe3\xd2\x7f\xba\xd7\x93\x97\xa8x\x84F/\xae\xdbv\x0e6\xc6#\xae\x9a+\xefY~(\x8fp\x81\xab~\xf97\xa7z\xbc33\xce\xa6\xc3\xa7\x82\xfd\x93\x8b\x8b\x08Xp\xb1\x7f\x06&amp;\x06|\xe7\x8e\x12V\xd7\x91\xce\xe9^\xa8\x85\xcc\x9f8q\x9e\x8e6\x1f\xbc\xf3\xde}\x81\x92\xa5\xf8\xc3\xe9C\x16\x93`\xb1\x18\x16t\x1c\xc5\xecq\xfe\xdf\x0c\x80\'\x14d\xb2\xe3\x11\xd0\xc0?\x8f*g\xb9\xaa\xac\x97\x19EQc^\xcfG\xef\x13\xd6]R\x8b\xa8\x16\'\'\xb1\x15\x06\x17\x17q\xd8\x9a\x9dh\x1f\x0f\xf5\x9d;\x1a\xf2\x8dw\x12\xd58a!\xf2\xb7.]B\xcf_\xbfRGe\x01\x8bO3\x87T\xc7\x91\x88\x0br\x81\x8ca\x18\xa3\xbe\xf9\xec_\xeb\xffM\xd4\xc1K\xcax\x84\x98\xe2z\x0e\xdf\xdb\x91\xed\x88\x9e\xcb\xd9\xeb\xe5\xf5\xf5\xa2 \xaaj,J\\O.`\x10\xdf\xb8\x0b\xc1\x86)Y\xe0\x9a\xec\x07\x15\x12?\xe1\x89u\x0cr\xcdu\xf6\xf6NS\xb6P\x10\x08\xd7I`\xdd\xb9\xb3\x8f\xee\x13\x145\xcc\xf0\x89f\xaeQd\xa5\xc4\xb7F\x1ex\x89\x01(&lt;\xfa\'\xb0G\xa8(\x04*\x8e6\x00\x8b\xedQ\xe5\xd0X\xbam\x995\xa9X\\\xdf\xe4\xc3\xa2Kr\x01\xec\xe9\xd2\xdd\xb7\xbc\xfd\xd9k\xf6\xc9\xc93\xf4\x19\xfd$\x9251\x12\x08\xf5\xd1\xc5\xcb\xa1\xde\xde\xb7{}$\x17\xa80\x8a\'\xb1\x13\xfd\xe8/\xa2\x87%\xf2\xd5T\xe35\x16\x83q\xe4\xaa\x1cy\xc9\xca\x06\x033\x97\xffacz\t \x8f\x8a\xc0\\@\x91\x8d\x0fV\xca\xa6\\cd\x96\x93\xe4\x9dM5l\xb9\x9e\x8b\x1d\xb9/qJ\xbe\x8b\xaa"\xb1.\xf6\xcfL}&gt;\xf5\xf9\xe73$\xd6\xc8P\xe8\xdc1\xef\xda\xe5\xbe\x90\x0fzuB\xaen\xfa4\x13g\x9b\xaf\x19\x01X\xb1\xb0kT\x99w\x9d\xf5\xa2\xc3\x01\x8b\x05\x97)3\xf2\x81\x972\xa5\x0c\x9d\xf1Z\xb2o\x80\xe2\xc4\xe6\xba\x88|\xce\xaa\x98\x95\xac\xb5\xa2"\xf7\xb6\xa5\xc9\xf9\x87\x96\xc5\xbb\xb6N\xe1\x8a\xd6\xcf.\x01\x8b\x92\x15$\xb9f\xe8"t$ktdh.DWU\x1f;\xf6}\xbaC\x05\xf9\x88Q&lt;\x90\xebkIQ\x04\x01Q\xe0\x99j\xa3\x99\xadp\x8e\xe4$8\x92\xcb0e\xd3DUH\x12\x1a\xc3\x90\r\xcd\xf4j\x96\xb0\x00\xe4=\x90w;\xa7\x96\x81]\xabT,\xcb\xb5\xe3{X\xdbV}\xe7\xea\x86\xca\xe3g\n\xad\x10}~\xaf\x07\xef)`!\xea\xa1\xff\xcc\xcc\xc0\xc0\xec\xc0,\x8da`.\xf4-\x95\xcf\xd7;\x0e\xac1\xf4&lt;f\xf1\xf8\x89}E!\xaeX\x98a\x13M\xce-\x16\x8b\x8e\x94`I.(d\x98&amp;\x1cD\xc6\x12(YS35~\xabD\xf1\x8fx\xd3\x07\x17\xdd\x8a,\xb1\x92\xc4:`7\xb3\xaaj\xeb\xf1m|\xbdH.?\xb4\xc2\x9a\xa5 \xf5Q]\x10\x9e.-\xf5\x90V\xfd\x88:]\xb1?8188\xd1\xfe\x15\xb0\xce\xf5\x1d\x85\x85&gt;Zs\xbd4\x8a\xdd\xf4\xa1\xf4\x89\x06\x95(\xf5;\x9fH4\x1d\x8bi4\x1c\x8e%\xa58\xc9a\r2\xd24\x913&lt;+\'\x9b\x86\xa6i\xfc\xe6\xc3\x1bm\x94t\xdd\xcdV*\x1c\'\xd5$\x16\x81\x92$\xa7\x88!&amp;\xff;\x0c\xca\xa0\x00\x00\x05\xdbIDAT\xcd\xac\xfb\xe2j\xe9\xea\xa6\xaaia\x85b\x8b\x17}\x7f\ty\x87TH\xfc\xd4\xd4\xc0,\xb0&amp;F\xe9V\x15\xbe\x10b\x85A\x0c\x10\x17j\x02\\\x9d]\xdd\xbfn\x00\t\\\xb00\x91H\xec\xb7*\r\x07O-3e\xd72e\x8e\xdcD\xb8\x10~(\xe6\r\xa5L\x82i\xf56]-g+e\xcb\x82}\x14\xa9l\x99\xa9I\x92Tt\x8a\xb4\x1c\xc7\xd9*e\xf2\xc9:_\xd5\xac\x98\x87%(\xbf\xbc\x17\x84\x85\x8b\xe0\xc2q\x86\xae\xd9\x9f\x18\xa5\xeb\xaa\xc7}t\xdb\x93\x91\xf6\xc0\xdc\xf7BT\xa7\xde\r!~\xd1\xf4{b\x89&lt;\xa8\xaaN\xab\xb0+i\xae\n\xadTW/\xcb,e\x8aI\xe0y\x12(\t\xd9@\xdc\xa0\xa3\x0c\xc5\xda\xca\xaa\xb7V,\x04\xcaB\xda\xe5\x8a\x99\xf5\x96\xea\xba\xb9\\n}-S(\\m\xf1&lt;k\x84ct\xf4\x8a\n\xc6\xa5%:\xf7\xf5\xc3\xc8\xfe)\xbc\xaf8\xa0\x1a\x1a\x9a\xf3\x8d\x07F\xae]\x1b\x99#\x17\xb1S\x83\xeaW?\xe5\tK\x11\xd3F\xa2\x9af\xb6\x92\xadV6\xa7b\xf7\xe1U\xd7vM\xc7a\x19zV\x93\x85\xb3\tr\xd6`\xbc\xa1\x94\xdbr.\x90,K\xc5WE\xae\xc9DU^\xc9\xe9{\xdb\xb4\xe2\xfaj)\xbf\\*-o\xaa)\xd6\xd0\x14\xc13\xb2xv)H\x9f? ag\xe8m\xd8h{\xfbH 0\xe4\x9b\x1b\x1a\x19\xfd9\xb6\xec\x90\xd7\xf5]G\xba&gt;\xfd\x98I\x89~\x80\xf1,\x9bN\xfb\x9fg\x92k;+\x1a\xcbV\xd3\xa2 \xd8\xb92\xb5\x83i\xbb9\xdbbX\x87%s \x19\x85\x8di\x83&amp;\xaaKzi\xf0\x9a\x81\xa82\x02\x85}(\xa2\xbbj\xb6\\\xce\xee\x94\xf2\xf9\x9d|\xe6I\x8cg\xab\x8c\xe2\xd9(\xfe\xf8\xec\xbdShT\xbc\xaf&amp;\xb9&amp;\xae\x8d\x04&lt;\xb5\xa0\xd5\xe0\xfc`\xfb\xdc\xc1\x1f\xf0\xba:\x7f\xf8q#\x95\xf2+\xa2\x9f\xaf\xa6\xfd\xbc\x9f\x7f\x98_+\xeclJ\xd8{\xd2~\xf4sT\xd0\xb8\x84\xc3\x99\xaa\x1dAM8\xe5\x04\xa3\xb1\xc83c\x1a\xa6\xd1f\xc3)E\xb5\xc2\xbcf0\xb4\x0cD\xce*W*\x98K$\xcby^\xa0\xb5\xb6\xdc\x8a\t\xa9D\x91\r\xe38\x11\x13\xaa\x9f^\xb8w\x17\xbd\xfa\xd6\xd2\xc5\xa9\xd9\xd1\xf6\xafFH\xad\xc0\\`t~``\xde3\x11j\xf5\xfe\xe0PS\x03\x96?\x9c2\xfc~^T\xb6\xf2\x99\xb5B\xa1\xe5H\xd5j:\x0c\xb9"\x91\nv\x11\xc9Tu5\x9b\x95\x1c\x98W\x96\x98\xcd\xd6\xab\xe75Yk\x8b)\xaa\x1a\x06\x14\xa8\x0cF\xc6bj5\x00y\x81\x97+\xe5g\x99L2\x83\x7f\xf9\xc7\x82\xa09\r\x89\x17U\x905\xeb\x1b\x1b\x1b\xaf\xfe\xfc\xc7+\x97o\x0e\x8ezL\x10k\xfc\xda\xe0\xc0\xcd3\xf3\xed\xbe\xb7?\xfcl\x7fw\x97q\x8a\x1a\xa0\xd2)\xcd\xf0\x87\xfdaq#\x99/dZ\x99\xb5\x1a\xc3\xa41\xd71\xdbUk\xc5bB2\xcb\xe5\xb2\x955et\x97\xecH\x1b\x85L\xe1\xe1\xd6s\x98\x08\xa9,K\xcbfA\x06\xb3\xa1+-\xa9ff\xd1\xa1\xab\x85d)\x99L\x962\xa5\xfc\x8b\xa8\xcd\x14\x1b\x92\xc6\x87\xc31\xa6A3\xaf\x88a\xbe^\xdf\xdd\xdf\xff\xec\xc3\xde\xb9\xf1\x93\x10\xeb\xd6\x97\x7fz\xbakh\x10(\x95N\x14\x13i\x88\x95\xd2 \x8d\xc8\x8bVk\x19/n\xad\xb0Va\x0c-\x15\xc6\xa1\xc4^\xaf\xed7\x8a\x12WV\xc5\xd8v\x0c\xa5\xc9B\x8e\xdd\xb5\x02tHR\xe4U\xd4\x03Z\x02\x9e\xcar\r\xabR\xc9fWV\xd6\xd7\xd7\x1f&lt;X\xddI\x12U&gt;Y@\xbc\x04\x15\n \x010\xa4\xc9\x11\x95\x08\x19h\xa5p`\xd9}\xb5\xbf[\xe7\xf9T\xca\xa0\x812\x98\x84\x93\xc0\x0f|\xda\xe0\xc3\xa8\x07Q\xdc\xca\x97\n\xa5|+S\xd80R\xf8\x1fT7\x96[1\xc9\x17\x89\xf1\xa7\x14AIW\xd1\xfc\xc8]\x0b\\\x1e\x16q\x11\x95,s5\xe4\x1dD+\xab\xab\xab\x0f\xc0\xb4\xbe\xbaJP\xc0\xcag2W\x0bO\\\xfe\xef%\x961k\xac@\x14\x85\xd3\n62\xbf\xc0j\xc38\xaf\xb0\xder~A \x85}\xba\x05\xabq\xaam\x07d\xcb\x88\xb0\x85&lt;\xd8\xf7\x13,\x84i,\xb6\xb1\n[\x84\xac\x04,\xd2\xbc\x94Q\x08)S\xe4\x1c3\xae\x82,\xbb|s\xee9\xf7Nt$\x97\x8a\xa3\xabX\xb9b\t\xdbh\xe1\x80gv\xc2\xba-\x97S6\xd8\x18\x13Xb\t\xbd\xd3\xe8\x12#\x94*\xa1z\xfd\xb6X\xd8_"~\xbb\x04g\x94\xf39\x88\x9c\xe5\xd6B\x13\x1as\x04\x16\xf5\xbay\\\xe5\x82\xc7\x81\xf5\x0b\xd5\xf7\xff\xb9@u\xe9\x97\xb6\xaa\x00\xd5\xe6\xf0E^\xbd\xcd\xd3\xd7\xe6\xc1o\x95\xd6W\xaf5\x92\xcf\x8f\xd6\x16\xd6I\xbd\x84V\xca9\x87;0&amp;\xf4\x14K\xa9\xfbD\x08\x91\xbe\x94\xf8\x03\xee\xf0\x17KJPeYr\xb8\xe3H\xbcE$\xac\xc3\xc44\x08\xe2&lt;\x0ceS"\x89{\x16\xf1@\xb9\xce\xe8\xf3\xdd\x85L=\x17\xb0\xbe?\xf26o\xab&lt;\xcf\x9b\xba a\xf1&gt;O\xe3\x93\xd2\xc7g\xa5\xe3\xd5\xca\x8c\x1a\xe8\xe2\x00\x9d\\9\x0b\xaem\xe0\xbd\x0f\x99B-\xc4I}\xbd\x8c\xd3;KX\x83\x0c\x1d\x02\x8e\x93r\x8f\x93\xf9\x9f\xbdV\xea\x1f\x86 6\x80\xadx\xcc\x810\x98\x86\x01\xf47\xf8z\xdf\xa1\xcbc*\xde\xadb]\x08\xb4\n\x86:~\xff\xcd?\xc0\xd4\xe2Y5M\x83L6\xac\xe8|rW\x98&amp;\x86b(\x1f\xd4\x00!\xb0\x18hbyv\x9a\xc4\xe9e\x19\xa7\xf9\xb5.\xf9C\x82\xb1@\xf5\x88\x92\xe1HA\xb5\x1e\x13\xa1\x0e\xa0\x12R\xa7\xa8?vc\xa2\t\xec\xc4\xc2\x80\x81\x9bN\x1d\xf4B\xfb\xec\xf8\xd2\xf5p;\xaa\xb8b\x81i\xbd\xab\x16WU4Hf\xd9|f\xd1\xad@&amp;5\x9c\x85*\xf2\xb1\x91i\x0c,\x1a\x8c\xa6\xc7`\x1b\x99\x97\x12\xc3\x0b\xa1/\x8b6/\x86\x01`\x8b\xb01\xbb_\x96\xc1]\t\xa7\xf1\xbdNe"\x1c\x1b\xa7\xf1#\xa9\xea\x1f\xc8\xa7\x05\x10B\xec!\xeb\x00\x00\x00\x00IEND\xaeB`\x82'</t>
        </is>
      </c>
      <c r="M266" s="3" t="n">
        <v>45492.67697916667</v>
      </c>
    </row>
    <row r="267">
      <c r="A267" t="n">
        <v>871162</v>
      </c>
      <c r="B267" t="n">
        <v>5926</v>
      </c>
      <c r="C267" t="inlineStr">
        <is>
          <t>Everton Galdino</t>
        </is>
      </c>
      <c r="D267" t="inlineStr">
        <is>
          <t>Everton Galdino</t>
        </is>
      </c>
      <c r="E267" t="inlineStr">
        <is>
          <t>PD</t>
        </is>
      </c>
      <c r="F267" t="inlineStr">
        <is>
          <t>ATA</t>
        </is>
      </c>
      <c r="G267" t="inlineStr">
        <is>
          <t>PD</t>
        </is>
      </c>
      <c r="H267" t="n">
        <v>177</v>
      </c>
      <c r="I267" t="n">
        <v>13</v>
      </c>
      <c r="J267" s="2" t="n">
        <v>35505</v>
      </c>
      <c r="K267" t="inlineStr">
        <is>
          <t>Left</t>
        </is>
      </c>
      <c r="L267" t="inlineStr">
        <is>
          <t>b'\x89PNG\r\n\x1a\n\x00\x00\x00\rIHDR\x00\x00\x00\x96\x00\x00\x00\x96\x08\x03\x00\x00\x00\x0b\xdf\x81\xd0\x00\x00\x00\x04gAMA\x00\x00\xb1\x8f\x0b\xfca\x05\x00\x00\x00\x01sRGB\x00\xae\xce\x1c\xe9\x00\x00\x03\x00PLTE\xff\xff\xff\x11\x11\x0b\x0e\x0e\x0enH5\x87]B\x81X@\x88]G\x0c\x0c\t\r\x0e\x15\x8aaE\x8cbK\x87bE\t\x08\x05\x84\\?uS=\xfe\xfe\xfe\x11\x11\x11\x19\x16\x10\x1f\x16\x11vK2\x19\x11\n\x1a\x18\x181#\x1afC/\x84_D\x81U;}U@\x08\x0b\x0fpN8tI.\x0f\x86\xc1\x14\x16\x16|Y?A/$dH5zN4\x84\\CnQ=\x16\x12\x11\n\x10\x11bA.\x12\r\x08\x94gLiF/Q&lt;/;,#zV&lt;\xbf\xc2\xc8*\x1f\x17\x8d`G{R;iG4~[D%\x1a\x12rI5oG/\x07\x8b\xc2X?0\\H9\x11\x11\x16\x18\x19\x1d_@)W9#\x11\x80\xbc^A.%\x1f\x1auO;\xb9\xc1\xc8\xa9z\\kO:}Q8uN67\'\x1ejL6+"\x1c\x8d\\?\r\x12\x1a\xfc\xfb\xfc\x91cG\x83YD\xf9\xf8\xf8\xa5vW\x88fPN6)F3)zP7\xbc\xc5\xcc\xc5\xc1\xc9bE0VB6\x86aK\x1f\x13\x0byYF\xc0\xc3\xc1R5"\xf4\xf3\xf4^:#\xa2rT3(![&lt;+\x1d\x1e\x1f]B4\x9amRdA)U&lt;+vWA\x12\x18\x1fdG&gt;\x8eeF\xc3\xc8\xd1/\x1e\x13\x1f\x1c\x16O?68%\x19\xb5\xc3\xcc\x96kO\x16\x12\x1b\x9dpSc=%\x7f^?\x8feN5,(mC*I9-\x7f^L-\'!\x85X@oSC\x89Z??)\x1b\x91^@gOAj@$A5/\x14~\xb6H1"fjopM3&lt;1*\x9fr[\xe7\xe5\xe7eM9[&gt;\'\x0f\x8a\xc7\xbd\xc7\xc6H:4O2\x1cH,\x1a\xee\xec\xee\xaf~c\xb3\xbf\xc2\xa4x^\x9diJ\x8e\x92\x99~cRnJB\x1e#+\r\x16\x16\xaf\xbc\xc8\x15\x83\xc6\x17}\xc0\x15\x1f&amp;8:?\xc4\xc6\xc9\x88W8&amp;(/*\x17\x0b\xbb\xba\xbf\x90jS&gt;@H-/5\x96nX\xda\xd7\xd9\xc9\xbf\xbc\x81QS\x9e\xa5\xacu[M\x8bkW\xb2\xb2\xb9\x98dD\xa6{eV^d\x88m]\x07\x88\xbazi^\x84cY$#$HJQ\xb1\xa4\x9f\xa1\x9c\x9f\xe1\xdd\xdf^\xa5\xc5\x84Q3\xcc\xc4\xc9nqyM\x97\xbe\xd4\xd0\xd3; \x10\xd1\xca\xcb\x90zq\x7f\x86\x8eY3\x1eYLH\x18|\xa7vOJ\xb4\x85kLRZb]^\xc2\xb5\xb2\x9c\x88\x80hUL04&lt;\xae\xaa\xae\x81}\x81\x9aw`\xba\xab\xa6\x8dng\x8c\x8a\x8d\xa4\xae\xbc\xa8\xba\xd3VRV\x05\x84\xb0j\x97\xb2\xb5\xca\xd5K\\m\x94\x9c\xa4\x1aw\xb87\x90\xb9D\x89\xae\x99c\\\x1dn\x95Lo\x82\xa7\xc6\xd1qcZv{\x84.&lt;I+\x84\xad\x80\xb3\xcfv\xaa\xc7(b~\x91]PHED~ro\xa7\x94\x8f\xb0\x9a\x93\x8fUU\x93\xb7\xc9\x9f\xb9\xcdaz\x8e:K]\x1e\x8c\xbc\x80\xa2\xb7\x1fNk\xc1\x8et\xd0\x9e\x84#M]\x1ewjI\x00\x00 \x00IDATx\xda\xcc\x97\xffO\x13y\x1e\xc6\xedta&lt;S\xed\xf4\xcb\xb4+\x94\xcc\xb5\xe8\xd0\xda\xf6RZ;\r0mJ#\xb4\x90 `\xdbX\xac\xdb\xd6\xed@\x07\xdd\x14\x9bU\xee\x0e\x14\xb6Y\xccP\x05\x12hMW\xdd\xfd\xe1H\x00\xf9\xb29%\xac\xb9c\x85D\xe2\xfd\xa0\x89\xe1\xb2\x02\x17\x13\xfe\x81\xbd\xdf\xf4/\xb8\xf7g\xf0\xfe\x83\x16}\xd3i\xc2\x0cd^y\x9e\xe7\xf3\xccg\x8e\x1c)\xd5\xc8\x8f|f\xd3\x15/Ll\xae\xacl\x16\n\x85x\xc7g\xc2\xd41\xf1rack\xfb\xd7\xd9\xc5\xfd\xad\xdd\xad\x07\x17W&amp;\xe2\xf2\xcf\x00j\x07\x88\x96\xd6Y\x8a\xa0(\x96\xc2\xb8\xf7\xdb\xbb\xefvV\n\x9fT\xb4\x8e\xc2\xca\xdf\xf7\xe7\xb8\x1b$\x0c\x86c\x18N`\x04\xc5\x92s\xfb\xbb\xab\x13]\x9f\x88I.\x8f\xaf\xecl-\xfe\x8d\xbbq\x83\xa3\x08\x12\x93\xc9\x08\x02\x93a\x04\x86Q\x14\xb6&gt;\xbe0\xd1\xf5)\xcc\xec\x9a\xf8j\xe7\xbf\xb3\xec\xd1\xa3\\\x93\x88B\xe08\x08\x86\xe3\xc0\x04x\x14\xfbv|g\xf3\xd0\x15\xeb\xd8\\\xddZ\x9c\x9d\xab\xab\xae;\xca\x12\x84\x84\x96H$4m\x02\x1f\t\xa2\x8e\x12)\xa9\xabK\xe3\xab\x85C\x15L\xdeuq{\x8e$\x08\xc08\x8a5\x11\x14\xa9\x00\xaa\x01\xa5\x84&amp;\xe0\x1c\xe8E\x10MMM\x18^\xb7\xb83\xd1q\x98I\xdf\xd9^\'\xe0\xe6\x04\t \x14Ir\n\t\th\xb8\x04\xd4\xc2\x08\x8e\x03\xb90\xb42\xd9\xb7[\x17\xe3\x87\x86U\xd8\x98E}@P\xdc:,A\x8e#)\x14s\xe4\x1d\x0e&amp;R\x1c\x89\xb0p\x1c\xa8\xa9\xb9_\x16\x0e+`\xf1\x8dY\x16*\x8a\xe4H\x8c\xa2\x15\n\xc4\xc5\x822T]u\xf5Q\x9aFz\x11\x18.\xc1e8F\xb2\x1c;\xfe\xe2p\xea\xb5ku\x91\xa28\x1a\'\x9b\x152\x99\xcc$\xa1I\x8e%Y\x96\xbd\xfa\xd3O\xd5u\x10}\t\x8e\xc3!\x93\xc17X\xcb\xcdn\xaf\x16\x0e\x03ke\x9f\x85&lt;a4\n\x13H\x02\xb7\xa7i\x05E5Q\xec\xd5\xea:\x0c!\xc1\xe9\x03*\t\x01z\xad/n\x1c\x02W|g\t\xc4\xe2(\xc5\x00\x8dK\x80\xcc\xa4P*\xd4j\x05\r\xf1b\x9b S\xa2^\xa2\x8c&amp;\x00\x84\x93\x1c\xfbv\xa3\xfcE\xb1\xb2\xbb\x04j\xd1\xb4Za2\xa9\xd5\x12\x93Z\xa9TF\xd5j\xb5\xc9\x84\xc3\xe2\xa4Q\x83\x1dxh2\xc9L\xb8\x8c\x00\x8b\xd9\xf2\xebUx\xf7\x9e#p\x13.Q#\x14\x19BS:3i\xa7R\xe4\x82\x9a\x80\n\x83\x8fD\x86\xc3U\xf8;\x8c\x02\xac\x1bK\x1b\xe5\xed\x89\xf8\xc2\xfe\x1cT\x01x\x07*\x01\x97\xdai\xd3XC\xc1\xa0\xde\xda\xaeT\x98$\xe4\x80B1\x00\x83|\x8d\xaaM\xc8L(0\x10l\xf1b9{U\xbe\xf2\xe1-Zr\x12\x13\xf2-\x1a\x8d\xa6\xb3\xf9\x19\x8f12\x15\x0b\xeaA1\xc8\xbez\xa0\xdd\x16\xb0f2\xe9\xf9\xf9\xf9\xa8\taa\x18M\x93\xeb\xbb\x85\xb2\x16\xe9{\x92\xfd\x91\xa5h\xb5\xd3\xa9T:\xd3\x1a\x80\x9aJ\x99SnOL\xc8\xa4mp\xca\xa9\xb1\xea\x83|C0\x9f\xcdf\xd2H042\x8c\xdc\x9e(\xa3X/\xb6\xd7Q{*@&amp;M&amp;\x90\xd5\x0b\xf9\x99\x19Ob0\x91Hxf\x00$\x9dN\xcfgBA\x0b\xcf\xc7ff\xf2y\x00\x9bG\x91C\x0br\xff\xa5\xbc\x8cb-\x91$,Bg:\x93\xcd\x0b\xc1`\x0c\xee&gt;\xe3\xf1$\x12\x83\x83\t\x8f\xc7\x13\xcb\x03J&gt;\x86\xce\x1e\x1c\x02R\x0c\x9c\xac\xc6\x88\xd9\x85\xb2\x85\xab\xe3\xe5/\xeb\x1cI+l\x99\xbc\x00"%&lt;\xafb\xc0\x94\x1aLiS\x83H\xb1D"\x05vzb\x07\xf3\n\x80Q\xe4\xe6\xd5xu5v{\xa3l\xcfF\xf40$i\xa5-  \x9c\x83\x19\x1cL\xa1\x19\x1c\x03\xb2\xb1\xb1\xb1\xa11\x91\x0f\xd0^\xbdz\xe5\x99\x020\xe1_\xf3P\x1385\xbeY\xb6e\xb85G\x99\xa2\x1a!\xc8\xbb\xddn\xc4\x92\x1a\x02\x98\x94V\xab5\x0f\x89HhD\xdd&lt;\xe2g\xd0=\x95Lzf\xb26\x94\xfc\xb2\xb9\xd8\xb5\xfa+GG5A\xdek\xd4\xa2\x19\xd2\x0e1.\xb3\xd9\xe5r\x99s\xae!\x18 \x83/\x91k\x10A\x83\xa5^\xaf7\xc9\x87\x02\x100vw\xa2&lt;\xa1\xdf\xdc]jR\xa7\x85\x06\x8f;e6;\x1c\x0e\xa9T\xe7\xb3\xfb\xd1\xe4r\xc064T\x03?c\xa9\xb1\x14\x88\x98\xd2\x9a\xcdZ\xf86\xc2$\x1b,\x19\xb5I2[\x9e\x9dW\xd7\xc2{\x16\x8bf\xf9d"ef\xa4\xd2\x96\xd3\xbe\x13\xfd\xfdUv\xbb\xbd\xb5V\xe5r\xa9j\\\xae\x9a\x1aQ4\x18\xa0\x94J\x1dHR\xa3\xd7\x98Lz\x05(\x8a\xa6\xf1\xcdr\xc8U\xd8]o\xa25\xc1d\xd2h63\x8c\xcfW\x85\xc6\x8e\xb0\xc2\xe1pm\xadJU\x03\xc3\xd40\x0cbb\xfc\x8c\x8e\x91\x9a\x01\xcb\xa8\xf5&amp;\x93\xb1LTM\xcc\xedt\x94#\xf0\xfb$\xed\xd4\xf3IwD+\x952\xbe\xaa\xce\xca\xca\xce\xce\x8a\x930\xad0\x08\xac\xa6F\x05p* \xf3\xfb\xec&gt;\x18)8it\x1b\xddIO~&gt;\xaaf\xdf\xc5\xcb\xe1\xe1[Z!\x8a\x05\xa9\xd2\xf9\xaa*:+\xeb++\xbf\x18\x19\x11\xc9\x80\xad\xb6F\x1c\xf0\x92\xf1\xfb\xed\xa0\xa3\x9f\x91:\x00k\xd0h\xf4\x82\\i%\xbd_\x86\x8e\x88?XW:\xad|2\xe2\xd0\xe9 \xea@u\xecXe\xe5\xc8\x08\xe2j\x05\xaap\xad\xaaV\xb4R\xa5\xf2\x87\xc3\xe0\xad\xcf\xcf@\x04\xb5Z\xb7\xdb\x08\xcbQ\xc8\xd8\x14K\x17\xbb\xca\x10\xadv\xa7&amp;\xc4{\x91T\x1f\xa9\xea+;+*\x0e&lt;\xacEH\x88\n\r\xac\xcd0X\x08d:\x08&gt;Z\x8c\xded0\xab\x19\xe0J\xbf\xeb\x92o\x8e\xb7\xa7ao\xe0v\x80TU"\xd51\xa0\x1aA\xee\x898\xb5a\x140d\xa3J,\r;\xc4\xcb/Er\xa1\x96H\xc6\xf2\x19\xdb\xc0x\xc9w7\xf2\x97\xfb\xed\xd6 \x9f\x04\xb5`\rV\x9c\xaa\x04\x07OuV\xfd\x1fJU\xab\x12\xb1T\x1f\xb1 \xf4\x8ch\xa2\xd4q\xd0\x131!\xa0i~\xbdR\xea\x8a\x90\x7f\xf5\x1e\x1e\x85I\xa3\x16L&lt;\x01X#\x95\x15\xc8\xc00\x101\x90\xa7Z\xd4\x11"\x14\xb4\x97\n:"\xc7\x00\x14\x83\xa8\x1c\x06\xf8\'cR\xc8\x06lw_\x94\xba"\xe4\xab\xd3\xd6 P\x99s9q\x19\x8e\x9cDG\xd8\x8fZ\xca\x05X\xc0\x15n\r\x1f\x94\x17z\x1c\xb9\x18Q+i\x9b\xc3\xa0\xd5\x82bF^\xd0\x07\xfe\xbaS\xea\xccw=\x9f\xd6\x07\xe1Y(\xd5\xe9r\x90-T\x0b\x15\xd0Z\xa2o\xc8\xc3Z\xc8=8\ny\x07\xf9\xc4FE\xe3@\\ 04&gt;\x92K\xf3\xa0\xd4\x99\x8foL\x87x\x87\xd9\x9c\xf3\xf9N\xd8\xc5no\xb5C\xa3\x02X+"jE\xd5\x85~\xb1\xb7\xdaAB\x08\x97\x14u&lt;T\xdc#\x9d\x03\xf1i\rI\x90k\xb7\xd4X\x85ww\x86\r\xba\x9c+\x07\x8b\xdf\x8e\xee\x9b\xf3#\xac\xfa\xca/`\xbe\x1b\xf9N\x9c\nq@\xc20T\x83\x03\xad@\x87\xe3\xd1#\xa0rI\xcd\x8eH\x83E\xffa\xa2\xe4\xb55m1\xe4\xd0\x80K`Q[N\xf7\xa7\xce\xfa3}\xdf~{\xe6/g\xd0\x9c?\x7f\xbe\xbe\x1eZ\xe3\x9b?\x1c?~\xfc\xcb\xb3\x7f&lt;q\xba\xcd`\xd0\xa2%\x02\\\xe0\xaa1\xd2\xcbg\x7f/q\xcf\xcb\'&gt;L7\x00\x16\xeap\xa9\xae\xad\xc5\xd0\xd8r\xeb\xd2\xe3\xe5\xe5b\xf1\\\xf7\xcd\x9b7\xef]\xe9\xbew\xe5f\xdf\xcd\xbe\x1f~\xe8\xeb;sfy\xf9\xf1\xad\xcb\x97\xfb[\x0c0(YR\xe4\xa8\xc1\x1b\x14\xb6_\x96z\xb3\xf5\x8f\xeb=\x80\xa5\xf2\xe7\x18G\x9b\xa1\xd72\xdc8ymr\xf4\xd6\xd3\xbd\xb5\xb5b\x11\x1d\xc5{\xdd\x80\x06\xd3}eo\xefB\xffdo\x03?\x13\xe3y\x0f&lt;C\xdb\xa0&amp;\xa4\xda\x887\x18\xfc\xedE\xa9\xb1~\xbf\xdek`\x18\x15d\xd9`h\x08\xdd\xbds\xe7\xce\xd7\x01\xbd\xa5g\xf4\xe13 {s\x7f\xad\xd8],v\x9f\xeb\xee\xee\xde\xdb{\xf6\xf0\xfb\xe1\x80Fc\xcdf\xe0\x05)\xc6G\x0cP^\x0e\xc0\xe2\x83\xaf\x7f.u\xc9\xfff\xf1:\xa0\x8b|\x8c\xa378\xdc3\xdd\xdc\xde\xac\x14\xdfVC\x8dO\x9e\xad\xbdy\xf3\xe6\xfe94\xf7\x8b{O\x9f4\x864J\x85B\xa2lvF\xe1:\xbc\xcc\x1a\xda\xcc\x11\xad\x16a\xfd\xbb\xb45\xdf\xf1\xe25`\xa1}\x964"\x08\x82Fs\xdb\xd6&lt;\xd0\xac\x847~g\xc0\xf2\xfd\xa5\xe5\xe2\xda\xfd\xfb\xe7\xba\xaf\x14\xd7\xf6.4Z\x9d\xd1hT\xa9T(m\xed\xb75\x9a\x80U/\xf0\x86\x08\xa4\x1fv\xf5\xafK\xdc\xa7]?7\xf2"\x96.\xe2\xc9gCB(d\xbd{\xf7\xae\xf5k\xa7\xb3=0\xdcx\xe2\xc2\xe3\xe5\xe2G*7\xbc\xf4\xdb\xe6\xd3\xb6\x80~xx8\x14\xd2\x074\x99\x8c\x904\x82Z\xf0\xbc\xeey^b\xac\xff\x1c`\xb5MN\xe5\x05\xcb\xb5\xef\xaf]3L\x8e\x8eNN6\xf2\x96\x1eK\xe4\xf4\xd9\x0b\x8f\xef\x89\\\xcb\xfdp\x9d\xe7\x83|\xa4et\xb4\xa5\xe5\xf2\xe8\xb5\xde\x86\xa0&gt;#x\xbd\xa2\x8b\xd77J\x8e\xd5`4\xbbtm\xde\x99\xd8\xe4\xe8\x93\x87\xff|\xf6\xf4\x02\xcc\xad\xd1\x96\xc9\xd1\xfe\xfe\xfe?\x1f\xeb+\x9eCy\xff&amp;\xe7\x8eLN\x1a\xcc5\xad\'GN}y\xe9\xd2Y\xd4\x13=\x820\x15A\xbb.\x8f\xa5\xd4X\xcf\x1b\x93\xf0\x8e\xd5\xf6?V\xcd\xf7%\x91E\x8d\xe3\xbb\xa7\x19\x0f3\xa1\xdd]\xbb\xda\x88r,5\xda\x99\xdd\xd8\xf1GR\x1c\x07\x91J]i\xda\xec\x08f\xe2\xe6F\x9a4D1\xe8\xce\xba\xde2m\x89\xae\x9b\xb0\xba\x91t\xdeJ7h\x03\xc3\x88]X\x0e\x9e\x17n\x187\xd8\xe2\xb2g\xff\x81\xfb\xe2\xbe\xbcg{\xdbr\x9fi\xef\x9f0\x83(\x0c\xc2|\xf8&gt;\xdfy~\xcd\x04\'7\xe6L\t\xeb\xd1\xe7\xcf\x9f\xf73\t\x13\xa4\xa6\xad\x91\x84\xff\xe0\xa00\xbc-bE\xb1\xfega\xaf\x93\x89\x94"\xcc\xec\xbc\xc3\xab\xf7\x1f\xe0zmp\xb2\xcc8\x9d\x0e\x11K\xea ~\x98\x12\'\x1e*\xb21h\xb2B\x1e\xc5]EF\xdc\x15\xad5\x977\x82]`,0\xbc\x98NIr?\x11i6\x97\xbb\xbb\x1fxT\xdd\xf7\xe7g\xb5\x19\\orFJEg\x10\xb0\x96\xa4\x1d~:@-\x08"\x15\x8f\xdc\xcf\x87\xfdB\xc8eYX\x18\\\x9e\xb6=\xf4,\xef\xed\x95\xbd\x02D0Yas,\xc9\xc7\xfc\xde\xf2\xdebw\xb7jzzO\xb547\xcfX\xac\xfa\xc4H\x90\x01,\xa7s\xfe\xec\x1f\x1dR\xab5\xe8\xa4\xec\xd4\xecP8\x94\xd1S\x96\xfcP\xf7\xe2\xde\xf4=\x9b\n\xbe\x9b\x0e\x1c\x8aO\x85\xad\x12&gt;\x8c\x15B\x96\xe6\xf4\x9e\xe7\xc1\xdfz{\x1f-.7#LQ\x9b\x00{9\x8aN\x18\xfc\x993i\xb3|\xc7\xe3\x7f\r\r\x06\xa1\xafQ\xbbBBH\xd1s\xbf\xfb\xf5\xd9\xd4\xa5\xea\xee\xcb\xd7/\x01\xac\xa4\xe7\x93\xc9\x8ao\xd4@d\x01k\xb6\xb9g\xfb\xfb\xd9\x7f\x1fv\x9e\x9d]\xe6\xd7\x9a\x91\xe0\xaa\xd5\xaa\x08:\x8a\x80\x15\x91\xba&amp;&gt;\xfet6\xd8c\xa1\xd2v\x14\xc7\xf5\xde\xd2\xe2\xd2\x9f\x17\xef\xce&lt;w\x9f/-\xa9\xd66":\x84%\xeb\xbeFC\x9e\xf5\xf9\xcc\xcc\x9a\xca\xf6\xfc\xe5s\xdb\xf4\xcb\xcb\xd3\xd3\xa9\xc5\xbdr\x9fB\xa3\xe8q8\x1c\xc5\xf9\xc8\xbb\xb7c\x1d\xd2f\xf9\xfc`\x0f\x15O+\xe5\x98\xdc\xd5j\xae-\xfcyu:\xe5\x01W{\xf6\x9a\xe5RZ\xceV*\xb9j5\xeb\xcb\xf9\x0c\xad\xb5\xbdi\xd5\x83\xa7*\xcf\xeb\xcb\xdaP\xa4\xdc,\xcfP\x9bZ/`\x81\xb7\xde\x1d\xbe\x95\xf09v\xc7\x93W\x9f\xf2\xf3\xc1&gt;\x11\x0b!\xdc\xeaY\xe7\xdcB\xbe\xb60y\xb3P\x86\xeb\xea\xaa\xb9J\xb4\x92\xf3\xe5\xea9\xdfh\xaa\x0c~\xdb[\\^\x9b\xecY]Mh\xb5\xe2BG\xbb\xa9\x16\x838;\xbf\x9a\xbf&lt;\xfd(Q\x92\x18{\xf5\xf5\xb46/fD*\x80`\xf2\xae\xae\x90\xdf\x7f\xe4\xcf\xb4\xc1\x08\xdfl6[v3PA\xf3P\xa9\xc3\x91#\xcc\xda\xe2Z\x13hK}\xd0\xf6\x1c\x08\x02.\x0f\xb8\xddm\xea"p\xcd:\xe2\x94)\x7f!\xd1\xa2\xeb\xcd\xc5B1Rb\x1c\xea&gt;\x8b\x19\xe3\xda\x05h\xff\n\xc7\xc7\x9fC\xc0U.\xcd\xb8\x8d\x18h5&lt;\x0cr\xd5+\x95\xba\x0f\xe9\xf7:\xe0|k\xc6n\xdc\xdf)\x14b&lt;\xd6\x1fP\xb8\xd57\x9e\x0f\xa0\xa8Y\xbd+\xcd\xd2\xb9\xe3cF\xeb\xde\x8c3`\x8f6\x17\x82\xb5\x93\xb1da\xe7x\xa7 h\xb4\x16j3\x80\xd2,\x1f\x85\x04_\xa9\xe7r \x17\xe7CP7\x15\x8f\xa7\xedf\x84/\xecL$yN\x0e\xbd=Ud\x8aE-\x98\xaf\xd12\x1dJ\xe2\xae\xb1O\x03D.k\x88\xf7\xf5\xc5\xdb\xdc\xa8\xbc\x9dKB;:\xbcS\x88a(L\x19\x08F\xc6n\xa8D,\xd0\x8bdi\x19\x11\x80)V9\x8a\x08\xb1d\x92\'9\x84\x08\x0c\x00\x16\x93\xd2\xd0\xb9J\xaee\xff4&amp;M\x99V\xd6+\xf5\xaa\xdd\xd1\x17\xb7\xbb\tT.b\x89M2\x8f#r#.\x90|2\xfa]+\x9f\xcf\x07\x89\x1e\xb8\xb2\x8480\xba\xcd(\x82\xb14\x8b!r\xc2M\x15\x8bL\ne!\xcc\xebi\x89\xb0&gt;\x18&amp;\xa2u\x9f\xdb\xe1\x00\xac\x15\x04\xe1\xf8d\xa1\x00\xe5O\xa01\x8c\xc6\x05\xa0\x8aF\xe1\x16\xf4e\xb3\xd5\x06$T\xe0\xf2\xad\x88\x13\xa38g\x13Y:\xd7.GP\xb3\xd7Qd\xd2\x08\x9b\xcbU\xd2j\x89\xb0\xae\xcc\xc3\xd1:\xf7L\rXf\x19\\\x16*\x1f@\xc1\xf0E\xd34\xc6\x91b\x85\x16\x95\xaaV\x1bp\xf8\xe0\x0f\xb2\x9b\xe5\x92\xb8\xbd\x1c%|l{;&amp;\xd3h\xc1\x99n:\xabkT\xd6\xfb\xa4\xc2\n\x0c\xd7\xab99\xf8x\x93\xc0y\xa0\x10Ap\x0c\xc7eF\xd0\x8e\x8c\x15b\xac\x08uC\xd5 r$\x8f\x8c\x06\xc4]\x89\xd2\x00j\xb1,\xc7\t4\xea\xa2\x1cE\xcamh4r\xa9\x1ei,\xff\xe4\xeb\xe6D\xaeQ\xed\xa7\x1cq7\x02\xda@\xb7\x17\x8d\x91\xb4\x0c\xc3`\xa0\x96\xe1p\xa6\x0e\xd9\x1dBX\x85O\xa3ZeyY@\t\xb3\xb7A\x19 \x10\x9a$9\x8e\xa5\xc7\xf5\xde"\x88\xad\x03\xf8\x99\xd5\x8f\xd2\xa8\xf5\xd5\x1e\xf3\xe5\xaa\xbax\x8a\n`\xe0\xa4ah\x8f\x01\x0b\x90\x10\x99\x11\xc3\x0f\nB\x154\x81\xdb\x10"\xc9\xe6\xaa\xa3\x04+3\xe8\x06\x94`-B\x0e1\xe69\x8e\xa3ez\xaf#\x95\x1e5\xf8\xea\xd5\xd6{i\x16\xe1\x8f\xaf\xd4\xd9\\\x85SRqJ\x83\x8b\x06\x9f\x80\xee\n\xd2\x80\x0c\xa3\x81\r\x8f\xf1+U\xb6\x02-\x04\xa4\x08\xb8\xd1\xd8\xec\xe8(\xa1\x14w\xf3J\x11\x8b\xe5\xc5C\x90\x8dk\xe3\xa9\xf4J\xd5Wi\xb4N\xa5\xd9\t\x8e\x1d\xb6\x8dV&amp;H\xb4-\xbe\x89\n\xbc\x08\x05)=\xc6\x0b\xa2\xe5\x119.\xd0+\xfc\xf0\xf6\xf5\xb7\xf3\x89\xe8\xc4\xf6\xf5\xf5v,;\x1a\xb0\xa7fR\xeb\xc0%\xa7\xa1\xe5\x01/\x92\xb2\x8cK\xc4j4\xea\x86\xd4\x954k\x9b\xb1\xdfB\x03d\x85\x93\xb59\xdaP\x81\x04\xacm\x98\t\x87\xa1\xaa\x08\xb2\x15\x94@p\xb2p|~\xfd\xed\xdb\xb7\xf3m\xf1\xe7|\xbb@\xca\x94\xa9Vj=\xad\x0b@\x9e\x9f(\x88)Uf\x85[\x91"\x0c:\x9fa\xe0P\xa2R\xfd\xe6\xd4M\xfb\xaa\xb8KMi@-qv\x86\x19z\xa7p @\xfa6\x13\xc2\xcdL}~}-~\x9d\x0fC]:.\xa0\xe9T&lt;\x9dV\x12t\x0c\xcaO4\x19c\x8dz\x11\xcb\x9c^o(\xc3R-P\x9f|H\x10\x06\x03\xed\x8e\x7f\xc7\xba\x91k\xfb\xffX\x04\x1a;??\x86\xda-\x9e\xdb\x06\re!\x18\x8bp\xb3\xdd\xaeN+5Xl\xe2&amp;\xe0\x9c\\\xaf\xed\x9b\xed\x1bH\xad\x1b\xd2\'R=){\xfc{\xc6\xac[\'\x06\xd4\x96~\x8c\x8bM|\xc7\x1a\x86\xdc%CQ\x04!\x93\xc2@kFS(\xc0D\x16\x15\x06J\xcd25&gt;\x0e\x9d\xc2@:\x1d@H\x10W,\x8b\xa8\xc2\xe2\x98e\x1c-\xc0\xba\x90l\x0b\xfe\xdb\x17\xbdrf\xbd-\x18\xd4\xca12)\x9a\x1e\xb0 w\xc9\xc0X\x1cbN\x95#\x11\'\x0c\x8b\xfb\x02n\xb5\xcc2\xa5V\x9by\x85\xc6\xc7u\x10E\x16\xb2\\\x92\xe4\xda\xfb\xb5\x96 \x03]\x90Ai\xf9C\xb2Q\xf1\xcd\x85\xc2\xbd\xder8\x83#z\xb1"&amp;E\xbd ^,-\xf0\x07|\xbb\xd5\xb5\xba{\xf2\xfe\xfd\xeen\xc6\x1a\xae\xd5vwM\x16\xcdx\x96\xdd\x17 \x90\x06$\x16\x8d\x02\x96Q\xa1\xb5\xf41\xa5\x19\x9d9\xf5\xeb\xef\x92u\xf3\x8f?\xacnnR\x80\xe5\xed\x07\xb9\xf8\x18Df\xbb\x00\xf5Gl\x08\xf7\xfd\xa1L\xadv945\x94\xcfo\xdd\xef^~\x91\xafe2\x90\xd3\x04\xa1\xcb&lt;`X\xa1cI\x1e\x93k\\mA\'\xc3(\x943\x91S\xe9\xd6\xa7\x1d\x875\xc5\xb3g&amp;gpK!G8\xb1\n\xee\xec@\x9e\x17\x00\xea\xc8\xef\xcf\xd4\xf2K\x0fl\x0f\x9f\xbe\x18z\xa1\xb2u\xdeU\xbd\xc8\xff\xd3:&gt;\x1e\ne\xacf\x97YN\xf2$\xa2Qh\xbdAg\x89Q\xe8f\xe6\xa4\x8b\xe1\xad[o\xbf\xe8\xbb\xda\xc3\xf3C[\n\x14i\x87\x82\x02\x9d\r\x8f\xcb\xf6\xf7\x85#\xff\xee\xee\xeaT\xf7\xa2\xb8\x81{\xf4T5\xddyg\xbas\xda3\xb9\x10\xced2a\xab\xbe\xbf\x1f\xc59\xce\x08X==\x8e2\xa35xO\xa5|\x04\xfb\xe4\xaa\x8b\xc3\xc3\xcc\xd0\x96I3n\x94\xb7\xe3\x10&lt;\x01\x0f\xed\x1f\x1d\x81\xa5\xf2\xf7=\xb6\xce\xdb\xbd\x7f\xed\xed\xbd{\xf3\x96\x8d\xf8\xfa\xc6\xf2\xe4\xdcVX\xdc\xea*\xf4V\xa3\x11\xd5\xb8\xbc=\xc1b9\xde\xaf\xf4\x1fJ(\xd6\xad\xb1\x8f\x9f\xf7\xf1\xf0\xec\xdc\x88)1&gt;n\xec\x02S\xfd{\x1f\xa6\x9f\x93\x93\x93\xcb\xa9_&lt;\xb6\xdb?\xfe\xe5\xa7\x9f\x7f\x06\xae^\xf1\xcd\xca\x9f~\xb8w\xc7\xa6\xda\x98[\xade\xc2\x89\xb0\xd5j\xd5\xb8\xb4\xda\x91\x9eH\x93\xb2\n\x7fH\xfb\xbc\xe0\xc9\x070\x91ep\xcb\x94\x80\xcbXa {\x7fC\xf5\xee\xf2\xb5g\xd1v\xfb\xf6\xed\x1f~\x04\x99\xeeuv\x8a\xafo\x89\xaf\x10\xdf\xb9k[\xfceh\xb5\x16\x06\xc5\x12\xe0\xac\x91\xad\xb9\x8d\xb5\xda\xc5\xa1\xc4O\xee:^]}\xf9bbzD,\r\xda\x15\xda}\xef?\xfar\xf2\x9f\xa9\x07Om\xd3\xe0&amp;\xdb\xc3G\x9e\xff\xf1r\xfe\xa1m\xa3g\x1c\xaf\xd3ss\xdc5J,b-u\x0c\xb1D\xe44T\xcaDcoH-[\xe4a"\x8b\x15\x87Z\x1bQ\xe2#\xa0\x8bX&lt;S\xdb\x81B\xa6\xd9\xc2\x04cz\xd5b\x98!\x1c\xd4^\x0bW\xd8\xd1\xb5i.-\xbd\xe2dm\xa1\xbb\xae)iX\xd3l\xeb\xa5\xb7\xed\xd8\x1f\xd7\x1fYam\x9a+\xa3k\xa1{^g\xc7\xf6\xf7\xae\xdaCl+\xb2\xc1\x1f\xbe\xcf\x0f=\xaf\xfd&gt;F\x9f-\x93\xa4BJ\x9a,\x8a"&gt;&lt;\xcc\xb1j\x1e\xa8\xe8\x04\x16\x06\xe3\xc7\x95\xcd\xd7\xbf\xff\xbay\xea\xec\xe6&lt;#\xd0\xbe@\xc0\xe7\xec\xccU\xe6\xcf]\\\xab\x08\x1a\xc7\x05S\x12\xc9$\xabsss\xcb\xd5\xe5\xd9YxX^^]UI\x0e\xb8H*\xbe\x8c\x02,L\xd3tl|u\xc6\x8e\r\x07\x07\xa6\xaf\xd6\x04\x1a\x89\xe5\x84\xf4\x07\x17V\x92\xa4\x88s\\y\xb52\x8flvv~v\x19\xd9,:\xca+\xad\xdd.b\xac\x1aBN\x0c\xd3\xf9\xc2\x11\xe9\xa9M;\xcbF.g\x848$\x96\xd3\xb9ch\x08RP\xe1\x1cxqiu\xbd\x92\xab \xa0|u\xcb\x92\xe8\x96T\xf0FG\xf0\xc8n\xaf\xc7\xd7\x83\xd1\xf9\xbc@jwm\xda\x1f\xd8|}CM\xe4\x02\xa0\xd6[?9XY\xb5\xa0.\xc8\xe5%!Y-\xac\xd6\x90\xad\xd7\x16o\x83\xad=]_US\xad\xdd\xdd\x8e\xe0\xa4\x1e\xf2\xf90p!\x15c\x8dK\x03\xf6`m\x9b\xba\xc5\x94\x129\x9f\'\xfa\xd6\xa9S\x15\x95\x83w\xc6\x83\x1f\xfe\xb6\xbaV\xbb\xbd\xb9\xf9)\xb2\x95\x95K\x97\xbe\\\\\xace\xc8I\x92\xc5\x1dA2\x19\x1f\x9a\xc0\xe8\x02\xa4![\xbej\xd7\xc6\xb2\xe9\xa7J\x8c\x9a\x0bx&lt;C\xa7N\xe5Tn\xb8\xbbUSb\xb1\xe4r\x15\x82i\r\xd9\xe2\x1a\x84X5\xa9\xeb\xbc\x9e\xcc\x10\xad\x9cR\xc8\r\xc5i\x8a\x8f\x91\xac\xb14c\xd76\xbc\x81\xcbE\x85/$\xe2q\xc0\xaa\x08,&gt;L\x08\xaby\x94\x7f\xb3\xcf\x9e\xcd\xfe\xc7\x96\xabpn9\xc9\x0e\xcb\xe5B\xae\x92\x18\x1cS\x14R3\xd6\xed\xdb\xb4xv\xa3\xac\xc4\x80+w\xf0\x1c\x8a\xf8 )\xccU\x0e&gt;\xb9\x87\xec\xd9W\x06\x87\xb3\xb9\xa1\xf9e\x9e\xe5\x08E\xcd\'\xfa\x8e(JVa\xad\xbb\xf6\xed\x88\x9d\xb9e\xb1\x931\xbd\x90\x8fC\xdb\xc0\xb0\x04\xa9\x16*g\xce\x9c\xb9s\xe1\xc2\x85{\xf7\x9e&lt;{\x02L\xf7\xa0\x99\x1e\x82\x0bu26\t\xf5UQ\xf9#\x93d\xb1X\xb4\xca\xe7\xed\xdb\x10;r\xb9(\x91\x93JF\x15\xf2\xf9\x02\xa3\x90PH\xf3\x95s\x17\xef\xdcA`?\x03$\xb0{\x07sq\x8c.\xe9c\x93\x12!I\xec8!\xb1,kYK\xd7l\xa3\x82K\xf6\x12\x0bo\xc5Z1]P\x95l,\xc6\xa0\xee\xafZ\xa8\xfe\x97%\x93\x82\xce3\xf0\x1c\xcb\x05\x83A\x8e\x935\r\xc8\x8c\xa7v\xee\x87\x9d~j\xb0\x92f\x1a\xe4$D\x8cB\x1eQ\xb2*C\xa2#i\\"R)b|\\B\xd8pqdY\t\xa0\xe0O\xd6\xb8\x94\xc4\x16\xed\xdb\xe0\x89r\xf1\x9d\x8c$i\x86\xa5\x11)\x820\xe0\xed\x95,Ip\xe2\xa8\xbb\xa5\xc5\x7f\xd8}\xb8nn&lt;(\x9b\x04\xbc\x02\xc7\xd3\xd0\x1e\xca\xb2\x98"\xa4\x8dwl\xdd2?U\x93\x08\xcd\x94e\x82#8\x99\xd04V!\xb9\xa0\x0b\xf5Y-\xfb\x8e\x1f\xff\xfe\x9bo\xee\xdb\xe7\xc7EM&amp;@\xab ^7x\xb1D,]\xb3\x15k`\x93\x95,c\xc14e\x13\xfa\x17\x88\x1b\x96\x059p\x97\xab\xa5\xb1\xbd\xab\xebxWWW\x8bK\xd4\xd8T*5&lt;\x9c\xc6\xfd.\xdc\x8d\x8b2A\x10\xb7fl\xc5j^\xc9H\xac\xb9\xb0`\xa6\xc5t\x1a\x17M\x13\x1c\xaaipu\xec\xde\x9a\xc2hl\xc59\x89dS\x1f\x06\xa1\xaf\x07\x15\xfdn&lt;-\x13)r\xfd\x8a\xbds\x0fWW\'%\xd30L1\xedN\x8b\x9a\x89\x04\xb3P\xceq`\xc38z\xd0P\xb4CsXoU\xfdxZ4\xa5I\xa6f\xafZ\xdb\xae\xaf3\xe3\x9cahu,S\x0e\x8a\x04`\xa1\xef\xef!\xf9R\x90r\x1a\xa1\xc1-\xd8:\x8c\xbb\xd2h\xfa\xc1\x85\x8b"\x11\x13l\xc7\xaa\xa9\x93\x84f, \'\x8aF\x1a\xf415\xcd(\x16Y%\x9b%%\xa8\x9b\xaci\x9a\xa2\xab\x15\xcd&gt;\xb8\x1a\x1dn\x97K\x96Y\xb5P\xb37\xe4\xb7]\xab\t1I\x96\x17\x16\x10\x96\x9c\x169\xd30e\xcd*\x92\xd9\x8c\x90QH\xcb\xb2\xeaX\x0ep\x1eR\xcb\x05\x9e\x96\x14\xe1\xff\x80U\xd2IN\\X\x18\xf5;\\".\xe22`\x19\x96\xa5e3\x99,`iP&gt;\x80\xca\x0fE\xcb\xedoq\xb8\xe09\x92/\x85k\xd7\xed\xc5\x9aY\x0b\x97\x18\xd6\x1c\x1d\x1d\xedhp\x80\xa3\x82\x90\x8d\x90\x02\x86VD^\x84r\x11\x14\xc54\x1a\xd3r\xbb\x0fC\x8d\xc5A\xc8\x18\x15\x89\xac\xdb\x8cu\x05\xb0T\xc5X\x18uwtt\xb8G\xd1\xc8\x9d\x98\x96!\xbe\xacb&amp;S4\x0c\x19\x0f\x8a\xb8\xc3\x9f\x06\xad\x1c\r\r.\xd9*gA\xac\xc8\xdcY{\xeb\xd6\x95\xc5pI\xc8\x94\x8b\x86\x08T\xee\xfd\xb0\xc6wC\xc54!\x01!\xee!\xf89\xa8\xeb\xdd\xddp\xb2\x03\xcd\xb8\xa5\xadb\x99\xd1\xe9p\xd8f\xacm\x08\xab\xc4g\x8b\xc5_\xa6\xddH\xb0}\xfb\xf7\x03^\x1a\xd5/(\xfdP\xf0[ay\xed\x80\x92\xd5\xd2\xb8\xb3\xd1\xa5e\x99,C\xd1!\xaf\xddjM-\xd2[rY\xa6\x08\x17\xe8\x86\xf6\xfd\xa3\x1d~?$\x9c)\xe2h\x1c\n\x94\xf2\xc3\xa2\x07\xd6\xff\x8eF\x97Y\xcc0Y\xbe\x80y\xbd\xf9\x15{\xc7M\x11V\x04qe\xca\x86\x08\x8a\xec\xac\xcfn5\xfa\xddP\x0f@\xa3n4\x01\xd8\x88\x06\xef\x1a\x1d8Pe\x18F\x0fc\xa1\x90\xedX\xb7i:B\tj\x16\xb84W+\x1a[\xde\xd9\rX.w\xba&gt;\xb1\x88\x86\xed\xb6\xeeZ!\xdc3&lt;\xafR\x91P\xc8\x9b\xff\xd4^\xac\xe9\xdb\xb47\x0cnT\x99L\xd9Bus\x8b\x03\x1a\x1b\xe8n \x9c\xd0\xbf\rp\xc2\x9f&amp;\x80JUu\xa1\xe4\r\x85\x8e\xd2\xf6b5\x8fl\xa2Ur\x89\xd2\x19&amp;\x9b-Z\xa2\xcb_\x97\xa8\x01\xcd\xba6\xa0)N\x84\xd5\xd0\xe0\x17\x8db\x19\xb0\xf4&gt;\x84\xb5\xb7\x9f\xb6mM\xfd\xd5\xd7x4\x16\xea\x87\xe8\x02\xbd\x80\xcb\xd8\x12\x0c\xc8\xda\xdb\x1b\xba\xdaw\xb6#&gt;\xf0\xa8\x0c\xe5"\x9bet]\xa7\xc2\x18\x86y\xf3\x9b\xb6N(6\x0f|\x99\xc7\xf6\xee\xa5\x0b\x80\xa5fPB\xd6\xc1\xd0g\x80hj\x199\xb4\xdb\x0f\xe5\x15\xb4\x82h\xe7y\x9d\x8a\xd0\x08\x8b\xbem\xef@\xe7\xc0\xa5|\xa2\xc7\x97\xa0a\x81\xa3\x02X\x19\n\xab&amp;C\x97\xe3\xe8F\x83\x88~\xe8\xaf\xe0\xe2mX\xc5,\xc2b\xf8\xc1^/\x96\xf0xB\xe1\x8b\xd7\x07\x9a\x9bmT\xeb\x12\x8d\xf9\x02\x01\x8c\xce\xd7\xc3\xbe.\x98U\xb44YF\x8d\xa0\x8cV\x85\xa4\x02+\x0f0f\x8c\xef\xa3\xc2!\x0c\r\xde\x84\xe9\xc5\x95\xebS\xd3\x03\xf6\xa9E\xa3\xcfi=\x18\x86\xd2\x91\xaf+\x86\xe8\xe0:]7\x05-\xed\x15XA\x82T\xba&gt;\x18\xc1z&lt;N\xa7g/M\xa9\xe5\x8d\x1b\x1f\xbdo\xd3\xefD4C\x81\x00\xac\xa83\x90\x80j\xaf\xf3*\xd4\x00 PU\x9eA(p\x1bcx8\x01JA`\rR\xa1\x04P\x01\x967\xa2\x97\x8d\x93\xcf\xffz\xe3\x87S\x07^\xbf/\x0f\x8c\xac\xd4\xbc\x89\x84/\xbakW\x0fF\x87)\xa8\x13*h\x06\xba\xe8\xfc\x18"\x01\xeb\xe3\xe1p\x0c1\xf5F\xbc&gt;D\x05XX\xaf\x0e\xee&gt;\xf9\xe8\xd5\x83\xcf\xae\xbdvW6_\xf9\xecc\xa1\xbf\'\x90k\x9bh\xf2!\xbd(\n*\x85\x90,$\xe1^\xd0\xf5&gt;d\xff\xa6JV#\xdeP\x8f\xd3\x13u\xa2\xa9.l{\x1f\x12\xf1\xf4\xab\x97\x8f_\x9cx\xad`\xcd\x03S\x87^&lt;xD\xfd`W4\x97\x9b\x98\x98\x08\x04\xe2\x10_\x05dh\x7fl\x89\x1a\xa4J\x11\xe0\x04\tu]HVC\xa1z\\E\x91Z\x9e\x84\xf7\x1b\xbb\xdf\xfd\xce\xbb\x1b\x8f\x1e?~\xf0\xe2\xa3\xbb\xc7\xfe0\xf3z~a\xa0yz\xe6\xc4?&gt;\x7f\xf0\xeaW%\x8f3\x9a\x0bL\xf4L8\x03\xb9D\x98\xce\x83\x15\xea0\x83T$\x1c\x8eD\xa8AP\x8c*A\x11\x85\xc2\xe0\x89v\x02V4\xe0\xe9\xf1\xeeA\x03R\xfc\xa3\x97\xf7\xef\x7f\xfe\xf0\xfc\x8d_\xff\xf9\xd8\xd7\x07\x03\xa1\xbey\xe3\xbd\x17\x7f\xff\xe2\xf1\xab\xa5\xc2l`\x02Y\x9b\xb3\xb3&gt;D\x90\x8f\xc7i\n\xa0\x06K\x00E\xed\xe9\x1d\xdc\rX\x83\x11/\xe6\xf3\xf9\x80\xaa\xad\xa9\tE\xd7\xde\xfe\xed{\xf6\xfc\xe8\xa7\xdb7^\xde\xbf\xf9\xc5\x9f\x0e}\xef\xee\xef?8\xf9\xc7\xab_\xebgR\x0e\x8c\\;\xf6\xf1\xefn\x9cx\xf8\xc9?\xef?\xd7\xab\xb3q`z\xe3\xed\xb7w\xechk\xf3!K\xe4\xc3\xd0\xecD\xc24\xdc\xf7\xf6\xf6F"\x10\xea\x18\xd6\x03\xe6\xeb\xec\xec\x8c6\xd5c\xbe\xff\xe8\xd1\xa3\xbd\xdf\xfe\xd6\xd2\xcb\x9b\x7f\x01\xac\x9f\x9f\x7f\xef\x17?\xde\x7f\xfa\xd6\xe5\xff]\xb2\x91\xab\xbf9\xf9\xc1\xe9\xbf\xbd\x7f\xe8\xe1\'\xdf\xbd\xff\x9c\x8a,\xc7\'\x9a\xde\xe8\x9ch\xdb\x01\\\x9d(\xc4 \xf6i\xdaK#,\xa0\x83@\x0fyQX\x01\x95\xb3\xa9\xb3\xa9\xa9)\x1a\xadcy\xbd\xdeH\x7f\xf2\xe5\xcd\x7fqr\xbe\xa1i\xe4i\x1cO\x83\xb13z\xa6\x16.0[\x17\xcd\x0b\x1b\xb9=\xc8`)\\\xb8\x11\x84\x1dn\xef\x85\xb3I\t\xac\x82D\xfa\xc677D\x0e\xe6\x04{PJ\xd8\x03\x99\x83\x1e\xfa\xa2\x08\x13F\x8d\xceJ\xa2\\\xb0\xf10ic[QK+\xf50\xdb\xb5\xb96&amp;\x1amB\x92\xe6o\xf7nI\x93ta\xef\xf9M\xb3\xc7\xedq\x7f\xf6\xf6\x87\x10LL\xe6\xe3\xf7\xf9&gt;\xdf\xdf\x13\x9d\xd1\x8f\xb0\xc8r\xcd\xe2\xa5\xa8\xf9\x1c\xd4\xf2\x07M\x0c\x0f\x17\x13\xdep8\x97\xf6\x00\xd6I\xe5\xeb\x9f\xff\xf4\xe2\xaf\xba\xc6\xc6|\x08\xcb\xa9V\x13\x04\xe1$F\xba\xd1\xba\xf8\xbe\xbc.\xbe\x8f\xee\xf4\x83\xdb}\xa8\x82\x1a\x8d\xf1\x14\xeb\xc3\xee\xee?|\xf4-V0\x9dd\xbd\x16J\xa7\xb3\xe4~\x80bW\x1e.\xc5\r\x8c\xd7\xe4^\xc8x&lt;\xab\xf9\x13\xeb\xc1\x93\x9f]\x1cQ~j\xf3\x01\x0f\xba\x14\x10W9\xd5N\'zw\xeeB7\xbaRR\x06\x04(\xc8+#&lt;\x840\xde\xe8\x1a2^\x96\xb9.\xf5w\xff\xe2\xa3\'\x07\x8dJi\xd9.\x91\xe9\x9c\xc5\x0b\\&amp;\x0cs\xaf\xfc\x9f`\xe7n\xdd\xff\xd2\xa0\x0b\xb3\x0c\xf6-\x96~\xa3\xfa{\xc0\xb2\xd9\x08\xa7R\xa1P*q\x1cW\x83\xcb\x08\xa5\x11\xf9\xe7\xc3_v\x83\xd1\x11So\xd7\x10\x81j\xacP\xdc\xb81t\xf9\xfa\xe5\xa1\x0b\x97.\xf5w\xf9&gt;\xf9\xf3\xf1F\xa3\xd2\\\rz\x1c\xe9\x9c\x9b\xa2(\x03\xe8\xa5C`\x0f\xbf7\xd8\x95[.~^\xa73\x84\x19L\xf7\xeb\x95LPZ\xdd[\x0bTZ\xbf\xfbd\xe4\xba\x1aW)\xd1\x85GJ\\\xadDXJ\xa5\xd1H\xa0,\x07\xa4\xde^\xf9"$#\xea\x08#p\r\r\x81\x96H\xae.\x8d\xe6\xbd\'_7\x1a\xeb\x87AW\xc1\x93\xce\xc5(\n\xeb\xc4\xe0\x8f\xebt\xa6\xf9\xdc\xd2\xa3[\xdfgW\xbar\xf3\x19\x9f\xa2~d\xa2,\x06\x0c3\xf5 oy\xb6\xf2\'\xfe\x83\x95\xee\x91\x11\x1f&gt;\xfa\x1aa\x11\xc0\x04z\xc1\x8d \xd4\x84\xc6\x078\xbd]\xd0}\xc8QJ\x85\x06:\x03\xe4\x1a\xba&lt;\x04\xee\xea\xef\xef2\xfa.\x1coX+\xcdH\xd0\xe5q\xb4\x93\x16\xcc\x8buv\x9a\x10\x9c\x0e\xa3\x12|Z\xfa\x9f\xfb\xf8\xb9\x9b\xcfV\x12\x14\xcc\xc0\x06\xb7\xc5@Q\xa6\xbe\xb8`\x87*\xee\xad\x9dl\xb4n\x8f\xf8\x08\x95Y\xa52\xcb4J\x80\xc2GQ)\x91\x95\x94\xe8;J\xc02*N\xd7\xd8\r\xe8\xc4!cW\x7f\xef\x10\xe1\\\x01\xc3\x97\x0e\xb9\xa0\xe4\xf0\x08q\xb7\xc9`\xf02&amp;\xe0\xa2t\x18\x86%\xb2&lt;\xff\xec\xbf}(\xc9\xc7W\x1f8\x84\xc5b\x02f`m\x8f%l\xd2R\x9dg\xc52\xe7y\xf4P\x96\xeb\x8b\x11\xa3\xf95:3p\x14\x9d$\xa9!\x90X\xa32\x18,\xd4\x9c\xb2Z\n\xa5B\xad\xc0\x15HS\xa3\x9c$\xbd\xc6\xeb\xb7\xbf\xd9\xf0\xaf\x1fr\x1e)h\xe7\x8a)\xb7\xb6\x0f\xfe\xcd\x04\xa1\xbc\xde\xceN\n\xc3\xd8\x948\xbf\xf0\x1f?\xbe\xe8\xca\xcd\xcc\xd2"\x9f\x8c\xf3\xe5\xa4\xce\xc4\xc6X\x84e\xd2\xb2\xad\xba\xe7Qa\xf5\xb0\x04\xa6\xff\xc2\xf8\xe9k\x95Se\x1e\x1c4\xe3\n\x05\x00\xa8\t\xb5J\xf5\x0e\x0bi&amp;\xc7\xbaF\x01*\xe2\xd0\x1465\x8a\x12\xc2\xd7;\xfe*\xb7QY\xdb\xa3Av)\x18j\x17s\t\x8b\x17\xbdB\xad5\x85\xc3\xa0\x99\xd7KA\x90\xa5\x16\xff\xad\xf9?\xbe\x99\xe1W\xaa5\xf4\xa1P\x0b\x8b)&amp;\xc6\xb0l\x98\xc2\xd8\xb0\xd8J\xd3\xd2#T\xc6\xcaA\xf6\xf6\xa0\x19r\x01\xb0&gt;\x00\x95p\x90\xa2\xcb\xa8\xc6e\xa9\x9c\xb0\x08d\xa4\xf74\n\xb3\xd9\xac\x94\xb1\xd4N\x95Z\xe9\x1b\x7f\xd5:\x00*N\x92&lt;\x1e;\x9dN\xd7#\xe9\xed\\b\xde\xeb\x85TD\xcd\xae\xd3RZ\xaf7.L:\x1e\xfcK)\xcf]}\x90\xd9\xae\xf2\xe5,\xe4\x89NW\xddN\xb1\xee\x1e/+\xa6\x92U~[H\xd3`\xfaw\\\x0b\xaf\xcd\xaaaTDt\x9a$\xae\x96\xdf\x90\xd5\xa0\x98\x02&amp;\xd8\'{/\\\xea\x07\xb1d*\xc0"\x00\x0b\xea|;\x0bT\xfb[\xa4\xc3a\xf7D\xca\xc9\x9db\x84\xa33\xed\xa3\xd6qM\x94_\xce\xa7\xc2&amp;\xa0\x13\xb3\xdb\xfcJq\xf2;P\x8f\x9e\xa5\xf9d-Y.\x8b\x18\xa3c\x8b|\xac\xe7\xbce\xa7u$\xa4\xeb\xf5v6+\xc8\\[\xfbk\x1b\xadq\xdc9\x05\xee\x02\xab\xe3*\x95S\x89\x0c\x8d\x92\x01f|t\xa6\x08\xda\x0c5rA\x8d\x1a\x85\xda\x86\xab\x86\x87G\x07\xc7[\x07\xbbk{[\xb4\xc3\xe1\xf0\xd8\xdb\xb9\x84X\x0c\x85"\\d/\xdfl\x1e\xb5v\x80\xccp\xc6\x14f\x18\xca2o0\xb1\xd9\xef\xec2\xb9,\x1fO\xc4j\xedb\x8c\xc1\xbc\xf1\xf2\x8a\xe8\xde\xd9|\xbb\xff\x86\x0bE"\xc2\x8eX\x85\x8c\x08J\xa0\xd7\xfaAv\x1c\xe2\x14\x88p\x05\xae\xba\xa6BY\n4\x9f \x1c\x99\n\x12\n\xf5\'\x89\xc0S\x01\x00\x00\x05\xa4IDAT\xb8L\x01\x0e\x1b\xbd6\xf8\xc1o\xeefar8\xdc\xb2K\x85B\xc1So\xa5\xdc\x89r(\xc4q\xcb\xf9\xca\xeez)\xbf\xdf&lt;:\x16\xc3a\xca\x12\xeb\xfbI_\x0f\xf5\x0f\xacsW\xa5\xc5d\xb2\x1aO@xV3B\xb2\x96\xe3\x97\xf8T\xf2\xe8miww\x7f\xd9N\xd3\x90~\x89bFr\x15$\x0f\xb7W\xda\\\xb8;\xac\x02 \xb3\xcd&lt;xM\x05\xc7\x07G\xcbP\xb0\xd0\x06\x8d\xba\x13WC?"\xdb\xabF\xff4\xf5jsc7\x0fT\xe4t\xa1\xe0\xa8\xf3\xb5y*.\xc8X\xa5\x86\xd5\xdf\xa8TvK\xcd\xe6\xe6q\xc2k\xe9;\x7f\xe6\x8c\x89\xa9\x9dB\xdd\xbc\x9ft\'\x8bU1&amp;\x8a\xb5\xb2 \xa4\xef/\xf1_\xd6Z0`5\x1a\x8d\xfc\xb2\xddn\xafgcl\\\xa0\xe1\xa9\xae\xaero\xde\x1e-\xcc\x0c\x8f\x82cl6\x1b\xb4#D=\x9a%\xd0\xea\xed\xf5u\x9d\x86\x86F\xf3\xd9\x98\xd9\xac\x1a\x1c\x9e\x99\x01\xaa\xf5\xfd\x08\xb7*I\x92C\xca\x14w\xc4&gt;o2\rX\xf6\xe5\xd2\xdcD\xd4j\x85\xa3\x00\xd9~ss\'\x06M\x89\xb1\xac&lt;\xe3=(\x90&lt;\xcb\xc6\x8bK\xc2v\xb9\x9d\x16r\x89x\xc2\x1d\xdb9\xda/\xed\xfa\xad\xfaF&gt;B\xd3\xf6\x10\x1fc\xc4j\xdbQ\xb0\xafn\xb9 (\xcaw\xc6\x87\x87\x81k\xec\xb31\x1b\x94K\x81R\x02\xa6\n4\x1e\xc2\xd8\x80\xb2\x1fW\xd8\x1460\xe0\xb5\xf1;\xfc\xe6f\x13\xa4r\xc0\xd3\xa3=\xf5\xed\xb8\xa8\xed\xa3\xaau:Dso\xd6\xe6\xa2\xd1\x89\t\xab\xdf\n\xcb\xbf\x96\xdf\x03\xcd\xa0\x05(\x18\xa7\x1e\nB\x06j\xc42l\xaa\xcags\xc9D\xcfY\x8cM\xb4\x9a2T4\xea\x07,\x8e\x06,\x8cId\xdbvI\x9av\xc1\x9f\x8f\xdc_\x9aE\x85Dz\x99\xdfmC\x80\xa3 \xd0v\x043"\xa2R\xc0O\xc0\xedw\xef\xf0G\xcd\xc3H\x10\xc5\x95\xdd\xce\xd5\x8b;n\xc3\xd9\x1f3\xad:=Ir\x87\x80\x15\x88"\xb2\x89\x89\xa8^?q\xb2V*A\x0b$;\xfe\xb8\x94\xcb\xb6\x85\xaa\xc82\x0c\xdcb\x8c\t\xf2\x8d\x8a}\xb3\x9e_{\xd9\x98\x83\xa7"c\xd1t&amp;\x1b\xc3tL*\x9bv\x14\nR0(\x15\xc8\xc9{O_\xdcu\x12J\\9\x06\x89\nC\x8e\x1a&amp;V\xa0\xc2e\xa9\x10$\x0eT\xb3\xb3\x7f]l\xbf\xe1\x82\xf6\xa0\\@{\x9a\xaf\xb9\xcf\x9c\xed\x0c\xb3|\xc6A\xd2\xdc\xde\xc9\\ 0\xa0\xd7\xcb\\\x13\xd1\x80^\xef\xf7\xef\xae7\x9b\x1d\x10\xe7\x02\x1f\x8f1\x14\xec\xe5\x0c\xab\x03\xac\x9e\xc41\xaa\xdf\xcb\t\xeb\x00\xfc\x02\x14q\x99\xa6\xb9t\x0e%\x1e\x93\xa8\xb6\'\x1d$`A\x9f\x93\xd3\xcf\xbfz\x0cdN%\x84\x94\n\xed\x8c*y\xcb\x06*H3PP\xed\x9cz\xf1\xf8\xe9\xbdIn\x15\xe4\r\xba\\\x92cR\xa8\xa6b\xba\xceN-\x13+\x02V\x88\xdb\x97\xb1\xd0a\xacPJ+|\r\x04\xac~\xbf\xbfc[(&amp;E\x8aa0\xf4V\xa0\xf6\x0c\x13\xdb\xd9lB\xffU\xfc\x13\xd1\xe8\xc0\xc0\xdc\xdc\xc0\\~\x99\xe3"B\r=\x84\t\x8b\xb92MBP\x93\x0e\x92\x84d\x04\xb2\xa7\x8fg\xc7\xc1gS\xd7\xa0\xa4\x10b\xe8\xfa\xc0\xe1\xa9\xa9a\xe7\xf0\xcc_\x9e~\xf5\xfc\xf3i\x17I\xd2\xe0)\xa8&gt;\x99\xd9N\x8a,\xda\x961&amp;\xb6\x1drL\x86\xb6\xf2ss@\x85\x96\x1e\xbc\x05\xa6\t\x04\x10\xe6\\G9\xc9`a\x18@\xbd\xe7\xb5,\x0bLo\xf7\xf2\xeb\x15\xe4\xc0hT\x8f\x9e\x05\xc2\xa2\xb9HQdX\xe0\xc6tb&lt;\x9b&amp;I\x8f\x87\x04\x05H\x9a&amp;\x1d\x85\xe9\xe9\xcf\xef=}\xfcbvvfv\x06\x9di6;\xfb\x02D\xfa\x1b\x10M\xbb\x80\t\x16x\n\xf6\x9bI!\x97r\xeb`\x9a\x01\x01\x98X92)c\xc11\xdea\xe9\x91J\xd6\xd3{\x1d\xb0\xeb1\xb0\'Y\x12\xbfM\xb6\x8e\x9a\xfb\xf9\xf5\xdd\x97/\xe5:\x83\x03\x07\xf4Q\x19+\x12\xa9\xc3?*,\x1a\xd8\x18\x134F9\x03\x8a\xc1\xe1\x10\x19I\xba\\PQ\x17\xc0=\x7f~\x0f\x16:\xa5E\xe6\xa1\x91H4|%\xe1Q\xa1L\x1b\xa2\x9a\x85\xb9\x0f\xfb\'\xace\x19+\xa0\x1f@"\x9d\xea\x85\xea\x18\xe8`\xc0\xe7\xa9x\xb6\xb8\xd4\xae\xef\xe5Q\xf3\x9dBE\xe1qQ\xa4X\xa3\xf4\x06\xb0Z\x7f\xaf\xbb\x8cU\x1b\x84\xa20,\x99\xee;\x08\xaew\xbc/Pp\xb8\xab\xb3N\xbe@\xa1\x8b\xf8\x0c!\xa3\xd3\x05\xc1ZC(!\x81"\x04\xc4!Ci\xbb8uI\x17\x03\x1dL\x97\x90\x07h\xd7\xfe\xff\xb5q\xeb\xc1\xe1x/\xcaw\xff\xffp&lt;.oSh%0|\xa7\x10\xac\xdf\xd1EPE\x7f\xf1BSW+\x9b\xab;\xee%\x0cP\xc5\xe0\xd3\x1f\xfdb\x03\xa8@\xba3A\x17\x83"\x07\xd6\x1aX-1\xaezY\xc1H\xe6\x14\x87\xa6\x1b\x8eZ\xc5\xe8\xb8\xa7\x93O&amp;\xca\xe5Yz\x8f\r\xc2b\xbd/Y\xf2.g\xc9\xc0\x82u\xb5JP\xc7O\x11\xe5Bd\xf6b\x92e\xa1F:Z\xa8qc\xeaK\x03\xa5\xee\xf9?1\x8a5b\x19\xf3\xf3F\xac\xd1\xb7\xc9HV\x90\x93\xd7C\x7f\xc9\xcb02\xdf_\xf3\n(\xa0\x02\x9e\xc7\x1a\xf4\xbd\xea\xa1\x9a?\x03\xab\x06\x96\x10\xae\xc4\x1b\xad\x07\x18+\xf6\xaf\xc7\x90\x18\x90$\xd3`Q\x99\xb2l\xd0Fs\x8d{PP\xef\xbaf\xbfE\xff\x91\x98\xa9\xfe\xc1\xf2&amp;\xac\xab`N\xb3\xd9\x16\xc5\x02\xbd\xcd\xb0\xb5q\x99T~\xdb\xb6H\xd1\xe0\x88\x85\xf3\xda\xfe y\\i\xb9Rqs\xc8\xcd:\x8euy&gt;\xd3-\xcd2R\x80J\x00\x95\x94\x0cc\xb4Z\x9b\x01\x9f4TJ \xa4\x9c\xd9\x10\xc0\x0b\x1e\xf10\xb1&gt;-\xd6T\xf6\xd4\x82\x82\xfd\x02\xb4\xfc\xf4K\xff\x04W\x9b\x00\x00\x00\x00IEND\xaeB`\x82'</t>
        </is>
      </c>
      <c r="M267" s="3" t="n">
        <v>45492.67716435185</v>
      </c>
    </row>
    <row r="268">
      <c r="A268" t="n">
        <v>871209</v>
      </c>
      <c r="B268" t="n">
        <v>7314</v>
      </c>
      <c r="C268" t="inlineStr">
        <is>
          <t>Maguinho</t>
        </is>
      </c>
      <c r="D268" t="inlineStr">
        <is>
          <t>Maguinho</t>
        </is>
      </c>
      <c r="E268" t="inlineStr">
        <is>
          <t>LD</t>
        </is>
      </c>
      <c r="F268" t="inlineStr">
        <is>
          <t>LAT</t>
        </is>
      </c>
      <c r="G268" t="inlineStr">
        <is>
          <t>LD</t>
        </is>
      </c>
      <c r="H268" t="n">
        <v>175</v>
      </c>
      <c r="I268" t="n">
        <v>2</v>
      </c>
      <c r="J268" s="2" t="n">
        <v>33608</v>
      </c>
      <c r="K268" t="inlineStr">
        <is>
          <t>Right</t>
        </is>
      </c>
      <c r="L26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0ba9284-4b91-41f5-9d19-1ad432c0ba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1f\x1ee\x00\x00\x00&gt;tEXtComment\x00xr:d:DAEewil2SDw:3687,j:1904319450120277878,t:24032419\xd6]\xa1\xc0\x00\x00\x00\tpHYs\x00\x00\x0e\xc4\x00\x00\x0e\xc4\x01\x95+\x0e\x1b\x00\x00\x03\x00PLTE\xff\xff\xff+.327&gt;\xbb\x8cdBAE\xbe\x8fg\xff\xfe\xfe(+1&lt;=C%(.-05(.7\xe8\xb9\x8f.29!#)\xe4\xb7\x8b574\xa6vP\xb8\x8aa8&lt;E\xda\xaf\x8a\xfd\xfc\xfc\xb2\x84^\xe0\xb2\x87-*$312\x9doN89?\xb2\x80W\xad{\\\x9bkH\xc5\x92e\xd7\xaa\x86999\x91mR\xd2\xa3}238,-,\xc2\x91j\xb1\x80^GGI\xaaxW\xc4\x8eb\xbd\x87\\\xab\x83a\x9dwY\xc9\x9bx\xf8\xf6\xf5\xca\x96i\x99pU\xb8\x86Z&gt;==\xaf\x86f\xac{R\xa3{^\x82_I\xab\x80Y8.4\xba\x88g\xfcH7\xcf\x99l\xd3\xa7\x82\xa4vW\xb5\x85d\x1f).\xe3\xb7\x90\x8dhO#.4\x1a%%\xbe\x8ck\xfdR&lt;\xd1\xa0w\xbf\x8d`\xb5\x87_$.-\xc4\x96u\xa4\x80^\xb9\x8di\x94hJ51*\xb4\x8ae\x90aH\xe0\xad\x86\xdc\xad\x82\x1b.*\x89dG\xdf\xb4\x8c,(.\x9evP\xd3\x9ep\xfb\xfa\xf9\xee\xea\xe9\xcf\x9as\xa2pS\xcc\xa0|! \x1d#\'#\xa7\x80d@42.#\x1b\xf2\xee\xed("%7*!=2)\xea\xbf\x95\xb0\x8cr:39\x97jRB8A\xc9\x93d\xd7\xa1u\xe4\xbb\x93\x96eA,)4\x85eQ\xc9\x98qvU&lt;\xa5{T\xaa\x86keD-\xea\xe4\xe3\xf5\xf2\xf2\x82\\B\x95tY\xfbTI\x9cw`\x17\x1c %84\x9c\x80imJ1\xc5\x96m\xe4\xb2\x8c\xc3\x89_\xd7\xd0\xcf\x88k]\xbf\x94o\xcb\x8fl\xa7\x8cu\xd9\xa5yzYC\x9f\x88l\xbb\x93w\x93yj\xd8\xa8~\xee\xc3\x99PLMhG8\xf6N:\xa4pJ\xc3\xa5\x91\x8e\\&gt;vM5\x8erY\x8fsb\xb0\x90{\xb8\x81UG$\x1d\xbc\x9b\x87E-!\xb9\x90p\x9ck[\xe0\xdc\xdb\xb7\x89n\x89nT_L?F5+YC55)/\xc1\x8fp^&gt;)f_^\xc2\xae\xa5\xfdC1\x80V:\xca\xa4\x85G;2.6/lO=R=-YVU\xe4\xd5\xcf\xcc\xc5\xc5kWG\xdb\xa3\x83~PJ\xc7\xb7\xb0]!\x1ds^NQ/$\xb4\x95\x81\xe0\xa9}\xc4\x9e\x7fZ2#\xbd\x99}{dQm0*\xb7{^\xae|i\x8c@6\xa4\x83prjj8#\x163!-\xacrQ}hZ\x94.,\x92`T\xa4/3\xd1\xac\x8d\xc0\xba\xbb\xb5\xae\xae\xb0\x9c\x93\x9b\x85y\xe7\xb1\x84\x80tW\xb8\x82j\xe9\xdd\xd8\xe7SG~0*\x9fG@\xa1jCKA&lt;\xa5sd\xf1^W\xf4\xc5\x9cSG@\xb8\xa4\x9b\xcf\xbf\xb8\xa8\xa3\xa3\x8f\x88\x89\x85~}\xd4ZR\xd3\xb5\x9c\xe0\xab\x9f\xd5\xa1\x96{uu\xa7\x92\x85\xde\xc4\xbd\xb9GD\x9e\x1a"\xb3\x1f.\x8eQ5\x9e\x97\x99\xbf\x87\x81\xd0G@\xba[R\xc7\x82o\xf4\xbb\x8f\x98\x91\x8fv\x1d\x1e\xd0\x8c}\xcd(:\x8c\x81c\xc1)9^\x07\x07\xbfs_t&amp;\xa3\xce\x00\x00 \x00IDATx\xda\xc4\x98\xedO\x9aY\x1a\xc6\xdb\xd82\xada\x05\x1b\x10\xb0\x8b\x83\x025$\nid\xb5\x98 +\x19\xe3\x8eX\xe9\x94\x88\xb3\xa0\x08\xf8\x02j\xb36\xd8:P\xd3\ri\x03B\xb4h\x8d\xed\x82\xa9t\xad\xbc\xb4\x9a\xfa\x82\x85\xa9\xc1\x8e[RS\xb5|\xb0\xd6u\xfb\xa1Lj\xad\xc6\x9dq\xbf\xf4\xc3L3\xf1\xc3\xde\xe7\xa1\xdb\xed\x1f\x00\xf6\n\xe7\x91\xe7\xd1\xe4\xf9\xe5\xba\xefs\x9ds&lt;p \x01"+x&lt;\x93\xa9\xb1\xd1d\xe2)\x14d\xf2\x81\xcf/\x1c\x99\xacP4\x1a-\x96\xe0\xf3\xd9\xd9\xcd\xa0e\xc4\xa84\x01\x19\xeesS\x99\x94#\xc1\xd5\xb7\xef\xb7\x7f^\x8cF\xad\x0e\xc7\xda\x8b\xf1\xe0K\xa5\xe9\xb3:\xa6\xc0\x98\x00il\xe6\xfa\xf5\x8d\xd8\xa4\xcf\xe7\x1b\x08Y\x11\xd9\x08\xf2\xec\xb30\x91\x15\xa6\x91\xe0\xf3\xb7[\x8b3@\xa4-\x88Mju^\xaf\xdb\xed\x0e\x0c\x84\x81l\xd62\xa2\xe4\xed{-\xa1\xa5\x00\xea\xed\xf6\xe2\xccFlc#&amp;\xa5\x16\x80\xb2\xb5Z\x9d\x0e\xd8\xe6\x02\xf7\xa6#\x88\xacQ\xb1\xcf\\8\x9e1\xf8~{\x0c\n\xa7\xc5$\xa5M\x11\x89\xc4)\x90T*Eh\x01O(\xba\xb6i\xe4\xedk\xfd\x00\xea\xed\xf6\xd8L\x0c\x11\xe9\xa4R\xad\xb6`\x8a=E\x9c\xaaP\xab+\xd4l\xa9\xb4\x99\xda\xdc\xac\xf3\xfaBk\xe3\x0f\xf6\xaf\xf9q\n\xa5euk\xf1z,\xa6\x05c\xa4R*U* \xd2h\xb4l"[\r\x9a\x9ab\xab\xeb\xeb\xeb\x1bt\xde\xc0\xb4\xeb\x8de\xbf\xb8\x80*\xf8\x1e\xf5\xd4\xe4\xa4\x16155\x01D\x93\xc0/8wN\xc0f\xb3\xd5SD\x0cK-\x9d\x9c\xf4\x06"/\x80k_\x1aL\xa1|\xbe5\x06V\xc5\x0eeg\x13\xa5T\x0c\x81J]nZn=w\xae\xb5\xa0\x80\xc6b\xd1\x80\xee \x8d&amp;\xd0N\xba\x03\x91\xdd\xfdi|2Fu\xa8 \xbb \xbb\x15\xba\x1c\x08\xd8\xd0R\xec\xa6\xa6&amp;\xbf\xc0\xef\x17\xb4\x82\x04pE\xdf\xd1\xc4\xf4\x85w\xa1\xf1\x93^H\xb2\xc9\x82\xa8\xcee\xc3\xebY\xa9\xa9\xac\xd4\x83\xa9\xa9G\xd3\xd2\x8e\x02V\xd32\x8c\x1a\x01F\xd4*X^\xf6\xb7\x12\xa7\xa4\xc0\xb56;\x92\xf4\x06\xe3\x8d\xac.\x02\x15\x8a\xa9\xe3\xac\x9a\xa3\x07\x91\xd2\xbeJ\xfb\xa2\xa6\xe9\x83jjj\x80M\xf0\x01\x0b\xb8\x02!\xc7\xf8K^\xd2K\xf8\xf3\xf5#\xc7[[\x8f\x1f9\x82\xb0RY,\x16\xb8\xf5\xc5\xefh0\x0b\x01\n:-nY+\xb2\x8c\xc6\xa6\xc24\xf5z\x1c\xb3\xca\xa4\xb6\x17\xcedy7s(\xbb\x95\xc5\x02\xaclZM\r\x8dEc\xa5\xb2\x8f\x1eD\x99\xf5\x15\xa4C}\xfd_\xeb\xd3\xea\x91]\xfee?\\\xfcT\xe8\xbd\xc9\xf0\x0b\x0b\x0f\x97\xccl0\xae.\xc6\xb0V\xcf\x86\xb5\x86\xc6\xa6!\x11\xe1g6\xe2\xaa\xa8\xa8Pchi5ll\x0eh\xb5~?\xbb\x82-\xf586\x1bq\xc9\xec\xf7\xe0\xf6u-Z^\xa4\xd8\x8a\x83\xae:l\x14\x14\xa0\x95\x07\x06J.\xb5\x9a\xca\xa6B\x9a-\xc7\xb1*\xa4\x81\xe8\x9b\x97\xc9K\t\x1co\xe4\xdd\x8cN\xd7\xd0\x80\xd6\x16\x9d\x17&gt;\x90\x980\xd0\xa5 \x1bYH$Ji\x90\xb0H\r\x10\xf4\xcd\xcdMj\xf5\x1f\xd5Tohm\xb3\x91\x9c\xc4~_\xd4647,\xc1\x82\x07{+\x0f|0\xc16\xcb\x83B?\x06\x03\x18\xd1.\x02\x12\xab\xb9\x01\xfe\x14\xa2\x16\x8a\xda\xec\x8b\xbc\x18IZw\xf1,\xef\xae\xfb\x1b\x96\xbc\x81\x80\xcf\x13\x8aD\xadQ\xab\xd5\xe1r\xb8\\V\x83\xd5j\x8dF\xc2\x11\x18\xe1P\x08@Cp\xdd\xf0\x05\x02:\xb0\x0e\xb0\x96n\xdds\xcd\x1a\x15I\xc2R\xae.\xb6R\x1b\xdc\x03\xa1\xb0\xc1\xe9\xe8\xb5\xdb\xedC\xc37@\xc3\xc3\x8f\x1e\xc1\x18B\xb2\xdb\x9f\x9a\x1d\x0e\x87y\xcd\xecpY#=!Ol\x12\xd9\xb6tk`mS\x99\x942\xe2\xc8\x96\xad\x98\xa0a\xe9;q~ag\xcb\xedk\xd7\x1e\xcfO\xac\xac\xac\x90@\x0c\xd0\n\t\xbe\xc2eeb~b\x02\xc6\xfc\xe3\xdbw\x16~\xec2\x84C\xd3&gt;\xf7\xd2\x92\xdb\xb7fIJ\xa6\x92\x1bW\xc7\x04~\xaf\xaf\xe7d!\xffv\xb7D"\x99W\t\x19B\x00\x02\xaa\xef\x19$\x92\x1cS\x9cQ\x08Rq%\xbf\xdc\xe9\x04\xef\\\x86\xe99\xe0\x8an6&amp;e\xe70\xb2\xb5\xe1\xd7y"\xe2:\xba\xe8\xaeD\xd2-\xe1\xaaTL\x15\xbc\x9f\xc1\xe8\xeb\xeb\x93\xc9(\x14\x02\x81B\xa1\xc8d\x0c\x19C\xc8\x04\xa9:lw\xeftvB]\xad!o\xc3\xd2\xf4\x1bcR2\x0b\xa6\xa1v2\xec\xec\xc2\xb0\xae\\\x91p\xe1\xcd*&amp;S\xd8\xd7\xf7\x01\x8b\x02Xge\xa0&gt;fy9\xb3\xbc\xb6\xd6v\xf74\xbf\xb3eh\xc8l\xf54/\xdd\xdb}\x90\x84\x9d\x97\xc2\xb8\xb5\xa1\x8by"\xce\x9cLN1\xb8%\x91\x80SL!@1d\xb2\xb3?`n\xfd\x93\x80\xb0\xcebX\xe5\xe5\xb5\x1d\xb62Qe\xa5\xa6\xa5\xc5n\x0eO\xba\xe7\\\xb3I\xd8H\xf0,\x8b^\xf7F8j\x10g\xd2\x8b%\\.W%\xc4\xba\x9dt\x16\x13VCTE\xe4\x1aE\x06\xfe1\xcb;l\xb6\xe2&lt;\xc4e\xb7\xaf{\xbc\xb7\x1e\xbe0&amp;\x1e\xcb\x14\x1cs\xbb=Q\xab\xb8\xaa\xadD\x84\xfaJ\xc8\x90\x97\x96\x96\xca\xe5W1Q\xe2X\xc0E@O)$\x92\x90Yk\xb3\x9d\xe6\x03\x16\xb4\x97#\x14\xb8\xf5\xdd\xda\x03E\x12B+\x04XV\xab\xb8\xad\xaa.\xf7n\x1c\xab\x1d\xa9\xb4\x14\x0f"|\x90\x9c\x00\xb7\xed\x08\x97$,\xb7\xd9\x0e\x9fAv=\xb5;"\xbe[s\xd6\xcd\x84W\x11g|\xe7q\xcf\x01V[fV]n\x99D\xc5\x14\x92\xe4\xedz\xc0\xc2\xe3?\xc5B\x8cz\xc4ZJa0m_\xa6d\x9c\xaa,,\xd4&lt;5G=nw\xcf\x9b\x84W\x91l\xd9\xf6\xcc\xfdc\xda\x9a\x03X\xe9\xb9e\\\xa6\x90A\x92\xc7\xcd*\xfd\x04\x0c}\xd1\xeb\xf1xxv\x95\xf2\xfd\x9fm\x7f\xca8u\x11\x95\xb1\x172\xc2=\xb0\xfb2\xd1U\xe4\x05\x17}\x01\xdfC\x83\xf8dI]:\xbd\x98\x8b\xe5\xa8\x1cAa\x06\xfd\n4x\xfc\xff\xf9\xd0\xb3\xabg\xffR\xfb\xe51\xb0K\xa3\xe94\xbb\xc2\xbe\xb9\x01G\xc2\x83\xbe\xf1\xf9\x98\xef\xde\xc0\xc3\xa2o29\x9ct\x8eH\xc2D9*G=\x04=\x0f&amp;\x11\xf0\x84\xff!\xc9\xe5\x14\xe80\xc2U\x8a\xac\xbc\xf6\xcb\x94\xaf\xf3\xf24\x9a\x05\xb3+\xe2\xb97\xe0\n\x9a\x12\xde\xf1c&gt;\x1f\xc2\xca*\xa1s\xe8"\x89\n\xebyL0\t?\x99\x88\x14\nz@B\xc1\xdaW\xdeq"\xe5L\x06\xe2\xba\x0cX\xbe\x01k\xc2\xd7\x1f\xc0\x9a\x1e\x98FX\xe9t:]T\x06\xc9\xa5b\x900a\xb1\x85\xa5&lt;%\x0eD!\xa1\xa8\x87\x15\xa8\xb6\xe3\xc4\xe1\x943\xfc&lt;:\x1d\xd6\xec\x90gzt6\xd1X\xc6\xd5\xb1\xd04\x865\x08X\x19\xa7\xbb\xbb%*\x06Z\xa9\x11\x96\xec\x07\xc4\x11_\x13)2\x12\xa0A\xce\n\x11\xd6\x15\xc0:\x93\x01X\x97Ga\'\xb6&gt;\xaeL&lt;Vx\xfa\xc2\xc3\xea\xaaW\x83\x1c\x0e=\xb7\xb8\xec#\x16T\x10\xb3\xebc\x15Q]!O\xe1\xb7\xe5\xdc+\'R\x8e}\x9d\x91\x0b\\N\xd8"&amp;\x07\xeb\xc2\x85"q\xd6\xe0`:\x87\x93+*\xeb\x86"\xa2\xed\x0c\xca\x07\x02Jy\xc2\xc7\xe8*\xc5cq\nA\xaf\xea\x88c=Y\xf8\xf1\xf2:(\xe1\x9b\x08\xe5j4\xdc\xd3S$\xce\x1cLOOGX\x92x\xcc\xeb1}L-\x14\r\xd8\x13,\xe8\x19B\xee\x95\xc3\x18\xd6\x93\x85\xcb{{\xeb{\tw\xab\xf1\xf9z\x04\xa8\xda2\xd3\x9f\xa1"\x8a\xeer\x99\x0cR\xa9^\xdf\x0fz\xad\xff\xf5ch\xe1\xd1\xa3\xd7\xfd\xfdX\xce\x92\x18*\xc9\xe1\x14\x11\x86\xa5\xd9\xdb\xdb\xebM4\x16\x0eN\x88\x86\xa2\xa2\xbf\x9f\xacK\xff\x03\xb4&lt;\xc2B\x8bO{\x1c\xe25p\xf4c\xae\xc1\x80;\xb8Gv\x95\xca\x19Ln\xf7\xe9c"\xc0\xfa\x97\xa6\x17\xb4\x93h\xb7x\x96]\xa7\xc1\xd0v\xb2\xee\xd93:\xfd\xf7\xb9\xa2n\x15\xb4\x15Z|0\x90~L\xfa\xb8y\xfd\x18\x15\xd8%\'\xad0Q\xd3\x8b\xe8\xf4\x85\x85N8\x93&lt;Jxn\x91\x8d\xe3\xe6Q\xb1\xb8\r\xb0\x9eA\x11\xf9\xb7\xe7Wv\x90\xdaw\x80\xac\xbf\x1f\x0f\x03P\x80H\x8fn\xdb\xe5\xa4\x9d\x1d8mLH\xbaO\xd8N\x88NU"\xabZ\xae\xad&lt;H\xf4\xe2\x83k\xdc\xb4;\xe3X@E/\xc9\xd7\xb4&lt;\x1e~\x0c\xc7\x1f8\xfd\xa0\xd3E\xa9&gt;\x8e\xd5\x8f\x1d3&amp;\xe6\xaf\xb5\xc0\xa6\xb4WSy\x91\xf3\xa4\xb88\x0f\xab _\xf2S\xc2\xb1\x0e\x98,\xbb\xae\xd1\x9c\xb6\xba\xc1\xc1:NIfUu\xb5\xb3\xebr\xd7\xa8!\'\xbf2\xef\x0c\x84\x85P\x0e\xb3\x0f*\xda\xce\x10\xaa\xba\xf9\xf99\xd5\x97\x8a\x8a\x0c\xa3]]U7\xb38\x19|&gt;\xe6\x96\xe4\xa7\xc4\xff\x9f\x8b7\xf2f\x0f\xb02_\xbd\xca\xcc:\x7f\xf3\xfe%\xc0r\x8e\x1a 3\xaa\xc59\x17\x81L\xd8\xae\xc7Cd\xc9\xb8\xdd\xfco\xab\xef_\xe8\x01(\xa7\xb9\xb7\xb2\xea\xe6\xcd\xac\x12~\x0bPi\xee\xfc\xf6\xef\xc4c)\xa0\xb9\xd6G\xdb\xb2@\xe7\xef\xff\xed\xbeX3\xf4\xc8n7\xbb\x9cNgNN~\xfe\xc5cL\x02`\xc9)\xcc\xc3\xa72\xab/]\xca1?B\'\xee\x9d\xe1\xce\xaa\x9b\xdfd\x15v\xda{{;\x93\x83\xa5\xdc\\[\x1f\xcd\xa9:\x9f\x85\xcc\xaa\xd6\x0cC\xbf\xc39\x7fxx\x08\xba\x88\x9f\x97R\x8e\xb0(}\xdc\xe2S\x85\xb0\xbf\x1a\x1a\xbe1~\xe3\xc6\xe6\x7fv\xe6\xf9%YU\'5v{\xe7\xc2/\xbf%\xa1\xb7\xc8\xa6\xe0\xee\x07\xac\xacoK\xfeK\xab\xf9\xbd$\x96\xbfq|@\xec*\x18\x94r \xfc\xb1$(y\xcaL\xceq\xe4pR&amp;\x10\x952Li\xc9\xe9\x18\x08\xddH(\x92\x93\xdff\x06\xc1\xd1S9\xce\x98\x10\xda\x0f]\xc7\xbeg\xbe;\xb8D\x03-\xed81\xab\xd1n!C_b`V\xec"\xe2\xcb\xcc\xcd\xecR\x17\xb1\xec\x04{3\xdf\xe7sj\xff\x833\xcf\x95t\x0c_\xbc?\xcfy&gt;\xcf\xfb\xf9|\x86\xfc{\xb9b\xfe\xe9b\xac\x0e\xee\xd4\x9fN\x97T\xd6[\xad\x977]\xca0)\xc1\xd9t\xba\nqvV-\x16\xf7JM\x99\x17\xde\x0f\x0e\xab\xb2\xcdw\xbfu\xa3\xa5w\xee=$\xd7\xb0&lt;\x1b\x1a3:\xf1H\xec\xe1\xf4\x93\xa5\x17Ko\xe6\xd7\xa2\xd1Hz7Ng\x1a\xad\x8d\x0c\xad\x12\x90\xf00R_\x9c\x7f\xf3\xea\xcd/\xf0\xd0\xc7\x9a\xd5&gt;\xdc\xef\x07\xac\xcf\x7f\x9f\xf3&gt;\xe5j\xb9\x0b9\xbf\nX"\xb9H\xe24t&gt;y\xf4\xc3\xcfo\xdf~\xb74\xbf\xb8:=u\x90V\xc5\xe9T\xa3\x16\xd4\t\xa1\x1c\xf4\r&lt;\\{\xbe\xf5\xec\xed\xdb\x17[\xf7\x9e\x0c\x18X\x0b\xcb\x96\xfc,\xc2\xfa\x9d\x7f\xa7\x08X\xb1\xd5Ny\x96\x10\x11\xc6\xb1\xd1\x95G[[K??\xfba\xbe\x98\xcb\x0f\xdc\x9e:\x10\xd8\x14T*Ei0R6\xbc\xb9\x19\xad\x16\x17\xb7\xbe\xff\xfe?\xaf\xee\xdd[\x19&gt;(\x97\xd8R\x89m~\x06\xaem\xbe\x87o-\xbd\xb3\x1f\x16\x1f\x0e\x8b\x08\x82\x90\x1a;V\x1e\x8d\xc6\xa2K\xcf\xbe{\x11\x83\xb7-\xba\xben\xd0c\x8c.\x18\xa4\x18)\xd1\xe5\x1d\xee\x8c\xe4r\x8b/\x9e={\xb1\x16\x1bx\xb4\xe95\xb3%\x96m6?\x7f\xf9\xeb\x0b\xacb\x0b\x9f+\xd8;9\xbb]}\xd8\xd3AH\t\xbdT\x04%\xa23\x9f\x9f^\xfa\xd7\xbdX.\xe7\x8f\x9e\xfad\x85\x02\x87\x85\x11"\x91\xc9\xd4\xe7+\xe6\xea\xaf~\xfcq\xab\x9e\x8f\xaelv\xa8\xcd\x8ek\xac\xbf\xa0D\xb4\xf0H5y&lt;\xf7q\xa3\xde\x89\xb0\xa46B\x1e\n\x8d\xf4\xf8\xab\xf5\xb5\xe7\xcf\xeby\x7f\xb4\xcf\x80\x9b\xa5\x05\x86J!,\xe8\x12MS}\x91bu\xed\xcd\x9b\xf9|\xd572\xec\xedR;,d\xb3\xd9\x04\xac\n\x8fr\xa1\x03\xc4\x9d\x0f\xf9|t\xa4CN`\x98\x06~\xda\xd8\x8d\xfb\xf7\xaa\xfez\x1d^\xb1\xbe\x1e\xd8$\xa5\x05\x8d\xa7V\xa3\x18\xe2P\xd4\x85v\xcc|\xbe\x1e\x8b=\xae\xee\xf9\x8d]3\x84Tp\x8d\xf5\x05UT\xbe\xb2\xbe}r\xee}\xb1\xe8gMPI\t\x9b\xcd\xa6\x97\xda\x85\x8e\xd2\xde.\xec\xd4\xfet)b\xe8\x96\xc8DRL\x07o\xa2\x87)@r\xc9d\xddPb\xebPRa3w\xd8\xa5R\xbdP@\x92\xcdr\xf3\xcb\x97\xcfJ\xfejD\xef\xf1F\x9e-\x1f4e\x87\xd9\x13Bo\xb3a\x98M \x18|\xf9\xee\xe5.\x90\xb1\xb8\xc4!\x14K\xf56\xaa\xd6hx4\x18&amp;%\x00\x0c*j\xba\xf8\xee\xdd\xee\xae6,\x14c\xf0/v\x92-\x97\x9b\x9f\x93\x7f\x7f\xe2m\xe2&lt;y\x9e\xf7\xb3\xcd\xfd\xfd}\xe9\xe1\x89H*\xb6i@1\xa1\xf6\x1bn|\xbb\xe0t:\xe2a\x05\x86)&lt;\x80\x15\x0c0\x0c&amp;\x95\x122\xf3\xd5\xc0\xf7\xe5\xc4\x04\xad\x80\xb0\xe9\x11\x96\xa5i)\x97s\xbc\xcd!\xc6w\xa2%r\x7f\xbfP\x00\xb5DF;\xc6h4:\xab\x12|O\xff\x84vA\xa8\n[=:\xc6v\x85\xa5\x03,L\xa3"\xcd\xe6\xf4\xee\xcb\x97\xe0\xc92V\x9dN\xa7\xb0\x89\xc5N3\xdbT7Y\xb6\xc8\xd7\xbe\xd82\xbb\xd1\x87cX\x929&lt;99\xc9\xce\xd8\xf5L\x80\n\xd6\xdc\xc8\x9fNL\x84\xc3\xd6L\xca\x13`l\x01O\xad\xb5Q\xa34\x0c\x03\xcc\xb4\xc5\xec@\xd6\xa8\xad\xcd\x9d\xf2P\xba\x80\xcd\x06\xe6\x9aeq\x1c\xf7\xe5y\xdb\xaegw|\xea\x02\xe3\t\x14\x80J&gt;f,\x04&lt;AO\xb0\xe2B\xceY\xa9EXT\x00\xf4\x0b6./k\x1e\xf8\x04\x9f\x95`-8\xc7v\xcb\r\xd0T@\x01\xfe\x07O\x0f\xa6K~\xdfc\xfe\xb0&gt;F\x0c\x92d0Y\xc8f;8\xac `\xb9\x13W\x06\xd5\xaa\x84r\x15\x08\\a5&lt;\x01\xf8\x88)\xac\xee\xfe\x89\tpl\xdf\xa2aj\x8aR\x00\x96\xd3\x91\x1e\x1c\xdcM\xf3\xa8\x16\xb4\xf1\xebl\xa5\x02\x8b(GXX\xc0\x93\xaa\xb9\x12\x89\x04\xacQ\x7f\x7f\xa5R\xa1\x93I\x8d\x86J!\xac `1\x1a\xf8B&amp;\x83\x06:w\xd0T0c\x8d\x0b\x85\x0eG\xc9\xe1,\xb5\xedE\xaa\xbc\xe5\xd6\xfd\xb9j\x94\xad\xd0\xfb\xd9\x90|lllF\x8fR\xcb\x95\xb8\x93@\xe3\x8f\x8a\x8b\xc3bP\xc6_\xfe\xef\xb2FQ\x90\xf3\n:\xe3v\x03\xf4\x9d;\xc8\x96\xb9\x11\x16\xa8Ur\x94\'\xd2~\xdeR\xfeF\xefv1vP&amp;\x01+\xd41\xd63\xa3\xd7P\xc1\x14R\xeb[\x0e\xcb\x85\xb0\x92T\xca\xd5\x8a\xb0\x82\x9e\x00fCXm\xee6\xceI\xb6^c\xd9\x9d\x8e2\xeapr\xbc\xa9uw\xf6C\xfdT\xd6uxx\x82\xe4\x9a\x81M\xf9z\x15\xd1i\x0fD\x10\xb0\x92VW\xe2\xf2\xb2\xb5FSI\x85*I\xa3\xf2\xc1\xcdM\xfeQK,q\xc2\xc6h\xc2\xf9\xc3\xba\xd1&gt;\xbeQ\x8fz\xe5\xd9\xc3C\x90k\x06\xb0\xb8\xe4B\\ \x15P\xa1E\xdcW)]\xad\xad.\x9a\xc14\xe10M[\xd1\xc8\x97\xf3\x8f\xdfB\x7f\x1f\x17\x8a\xa1p\x91\xa4:$c\xf9\xc3j\x99\xdcy|\xea]\x0e\x9ddA.\x11Q\xc0\x14\xb0\x8a\x197\xc7\x95IA;\xa3)\x1c\xca\xd5*\xab\xd2\x9a\xdc\xcff\xf7-I\xa0\xe2&amp;\xd1\xdc\xb0\xb0_\x89\xa6Ib\x81\xc3\xac\x16\x85L8\x7f\xb9u\xe3\xfe\xf9Y\xc4\xb0|qqr\x02h\x80\xa5\xd1y\x10W"q\x0bay\xa0r\\\xfc\xba\xe9%\xe3euh\xe5\xd7\x8b.2\xac\xac\xa0\xa3\xbc6t\xa6\x07\xa5-\x0e\x99e\x178\xec2\x91\xdc\xe4\xe3\x11\xab\xf7\xf8\x83\xdf\x10\xba\xb8\x08\x9d\x84@.=`\xd1\x1e\x8f5\xc3\x8dmSAZW\xc8\x82I\x95\x91\xb0J\xde\xd0r\xc8k\x06\xaco\xd0D\x15AA\xc1U\t\x04z\xbb\x9d\x04,\x13\xafX\xed\xe3;\xf9\x1e/4\x7f\xd7X\x8c\x8e\xa2i:\xe5B\\)+M\xd9\x08B\xa5\xd5.X`\'.\x97\xf79\xb5 \xf5\xae\xb0\xb4h~*\x16\xeb\xa5\x12\xb1Df6Dr\xfcY\xd8v\xa8\\\x0f}f"\x8b\xb0\x08\xc0\nP\x14E\x07]\x89\x9b\t\xd8\xf3h\x1a\xf4pp\xa7\x9eJm\x994\x93e\xc8\xad\n\xa7V\xbf\xd2\x1a\x8e\xab\x10\x96\x84P\x93fu\xb9\xdb\xff\x89\xbf\x93\x8c\x96\xbb\xc7\x1b\xf5\x88\xd3\x98\x85%\x92C\xc7gS\x80\\\x9e\x94\xbb\x91\xb8\xe9J\x85\xe3q\xf8eax\x02\x1d\xb8\x02\x96\xa5\x1c\x8f\x87i(\xb8\r7\xfc\xc5\x1a\x86g\x02\xb1\xc4h\xec\x86H\xa7_~\xe4\xf1\x84\xbf}\xf2\xbc\xe8\xc7\x8d\x1d\xcb\x805\x06-\x9fF\xa7\xa3`\x83q5\x1aP\x94\x16@\x0e\xbb\x18\xfa\x9b\x89\t\xed\xa0\x03\xfc\x84E\x18\x0fC\t\xa9\xa5\xd0a\xe7?X\x00\x85C\xa3\xfd\x8eO\x07\xdb\xd2{\xfc\xb1\x18\xc1M\xcb\xcb\xa3\xc3\x80\x85i\x90\\\xa8\xd4\xbb\xad\xe1\x05\xa1\xc3\xa96J\x04\xf1\xb0\x16\xda/\xf3L\x97Z"\x16\x02u0\x18\xa4\xad4\x1dW\xa1E4\x1a\xf1\xa1H)\x1d)~\xda\xe6\xf3\x8e\x19p}\xca\xa7\xf1\xd1Q\xc0"\xa4\x80\x15\x00.\xab\xcb\xa5\x8c;\x9c\xcen\xa3\xc9d\x16\xa8\xc2Z\xad\xb6\x8c\x9bL]2\xe0R =\xe1\xbdH\xaa \x04v\xe3\x10`\xed\xe5\xf2\xb9s~oC\xb4\xdf\xdf\xde\x00\xff\xfc`t\xa0o\x06\xad"\x02\xa3S\x990i\x86\xd6\xce`\xf0\x95\x07\x11\xd5 \xb4\xf62C\x97Qb\x17\xa3\xfc\xd3\xe9\x92\n\r`9$CC\xbeX\xac\xfa)\xb7\xc3\xf3\x8dO\xb0\x8a\xdb\xe7\x1b\x8f\xa7\xa7;;E`3\x18hB\x15::l1sX\xe0_\xf7\xcd`\xb9\x0e\x0e\x00\xd1d2\x00\x17\x02S@\xc3\xc3\x08U\x16t\x04\x1b{\xfa&lt;\xb6\xb117\xce\xf3\xe9~K{\xef\xf8\xf6Nlu\xb5s\x0c\x95\x08\x0c:\xfad\\E\x92,\xee\x8b\xf6\xad\xafOy\xbd2\xd9\xe9:\x17}=&gt;\xdc\x89\xb8\xa0Qe\x18\x01\xe4^\xf7\x10\x98\xc6\xff.n\xfc\xf4\x15.\xda\x00\xd8\xf1\xfb\xd8\xda*J.\x14\x9a\xa4\xcabq4}\xeb\xd3\xb7o\xbf\x1e9Z?==]?:\x9a?:\x9a\xee4\xe0\x0e\xa7DbgP`\xa4\x13\x1fBXkgs\xe3_\xe3\x16WK\xfb\xfd\x8fg\x80\x05\xc9\x85\x15\nWXM\xc3\xd4\x83\'\xaf!.F\x8e\x8e\x8e^_\x07p\xe1\x12\xb3\x19\xe3\xb0\xec8\x12+\xf6\xdb\xfb\x9f\xc6\xbf\xd2\xdd\xb2\xde\xed\xf7k\xcf;\x00\xab\x00\xa1\xd1\x81\xf1\xea\x1a\xd9\\y=\xbdv\xb5z\xd7\\K[\xb7;\r\xdd8k\xe1\xb0\xf4\x12\t`=\xfd\xed\x0c\n\xe9W\xba\xc2uw\x16\xb0\x90Z\xc0\x851TR\xdc%_\xde\xdc\x9c\x8e&gt;\xae\xfe\x89\xe2\xe0\xe0\xe0\xf4t\r\xd8\x9e\xdc\x9e2\xe0\xa52\xc2\xc2\nR5\xc2:\xdb\xf9\xf7W\xbb\xe5\tX\xf3\x03c"\x82\x93KC\xe9\xf4\xd0:\x8c\x0c\xf7\xf9\xaa\x7f\xfc\x0e\xf1\x07\x8a\xe2\x9f\xfe\xd3\xa3\x07\x0fF\xfb\xbaK\x0bB\x01\x06_\x94\x1a\xff\xcf\xcb\xf9\xc74\x9d\xdeq|\x0c\xe4\xa2\xc9.m\x936\xd7\xafm/\xed\xd0o;[M)\xb4\xa5\xd9\xda\xa5\x93\x84"-mb\x03\xd14\n\x8a\x97\xa3\xfc\xc1j{\xc56\x95\xc3\x04\xcd\xd2\x8b\t\r\xa1\x98\xa0\xc2\x11&amp;`z\xca\x90\xe4\xc6\xb9\xcc\x88V\x94\x95\x06v\xf1.\x903\x99\x01\x93\x1d\xa7\xfc\xf0.\x91\x18\xcc\xde\x9f\xef\x97\xed\xb6\xcb~\xddF}\xd0Z\x9b\x86\xbe\xfa\xfe\xbc\x9f\xcf\xf3y\xbe\xdf\xe7y\x80\xf5\xe9\xe3\x1c\xae\x89\x15\x03+\xc0\x10\x17y\xeb\xa7?\x91\xa1\xbcw\xb9\xfc\x8f\xde\xbd\xc8q\x11\x1a4{4\xed\xf1\xf8Q\x1f\x9f\xdb\x86\xc2\x81\xb0\xaa\x8c\xef\x7fu\xf5p\xee\x96\\\x13\x96\xc9\xa5\xe0.\t\x16W\xbc]Q\\*\xf41z}\xac\xee\xdd\xdf\x7fDR\xfd\xf9\xcb\x8f@\xd5;\xed\xf2\xfb\x8c%ng\xbeCF\xcdl\x8c}\x90\xd3\x95\xa7\x84\x15\x8f`\xfc)\xa5@\xee)\x96\xc94&gt;\xc6\xef\xf7\xebu\x8f\xe0\xab\xbb\x9f}HP\xfei\x8f\xcbo\x95k\x91!$f\xf0\xcb\xcc\xba\xe8\x07W\xfb\x0e\xfd \x97X\x81`\xb0\x8b\t\t;;\x85$D\xa9\x90Q\xb8&lt;\x1e\x8f\x17\x7fa3$\t\xfc\xeb\xf1\xb8\x18\xab\xd9\xcc\xb2\xac9$\x84\xb2\xa1h\xf7\xaf~{X\x9cK\xac\xc7g\x83m)Wm-\xc3tB0\x99\x86\xb0\x88\x8ba\x18?\x91u\xa5@\xe5Q\xf8\xacf-k6\x870\xdd\x15\xd6\xeaU\xdd\x7f\xcc\xe9.\x03\xf1a`\x85\xc1\xc5(\x14\n_\xa9\\.\x142\xf4\x94\xb1\xda,\x96\xcflrD\x14\x8c.\x17^\x08\x99\xcdf\x1d\xe8\x19\x05\xa3\xea\xbf\xf0\xb8/\x97k\xf9\x81u!\xde\xd6\x96L\xe1\xa3\xe1|\xf8\x9d\xeeL5+\xac\xec -\x80+\xb7\xc9\xad&gt;\x02a\xd0[C\xa1\x90^\xef\xc7\xfb\xbc\xde\xc0\x85\xab-\xb9\\1\x8f\x89\xecyS\x10\\\x11\x8f\x0b\x06"\xa5\xe86\x9eB^\xce\xad\x7fC\xc9\xcc\xca5V4\xbaV\x11\n\xa9\xd0&lt;^\xaf\x89\xb0\ns\x8c\x150%\xc3\xe1\x14y\x1c\xc6\x16j\xe4\x1a\x06S\xb0\xbd?\xe6\xd6N\xee=Pn\xb1\xd9$Z\xb8\n\xadVe\xb7\xdb\xbd\x91H\xe4\xf6\x85\xdc.\x98\x17\x1f\'\xacx[\x18zy\xa9T\xb5\xb2\x98++\x84\x98\x19\xfe\x8c\xa0P\x08\xa2\xa8@\xc1\xea\x96\x98\xad\x8c\x8a\xa0R\xa9T&lt;p\xfe5`\x81+I\xfe\x82\x0c.]\x89\xd3\t\xa3\x0b\xd9AB:@\xd5&lt;\xdaeTX!\xbaql\x8a\x04S\xc1\x88\xe9\xb5`A\x03\x8e+\x98\x8ax\xfdu\x1f^\xb6\x85\x14\xcd\n\r&amp;&lt;\xe7x\xac\x03\xe7\xce9K\xaa\xf4.o\xc4\x14\x0f\xd2\xbb\x02\xfd\xaf\x05K\xa5\xf2\x06\xdb\xc2a\x02\xf3\x92\\Z\xa6\xb9\xcb\xc5\x84\xb46\xcca\x0f8/_\x86ZZ\xba\x89\x1e\t\x8e\xb4\xb5\x05#\xde\xfe\xb3\xb9\xc7\xba@\xf7\xccU\x91$\xcf\x15\xb1\xeb\xb4\xee\x92\x10\xd3L\xfe\x0fi\xddNgI\x89\xdb]\xa25F\xed\x08`\x1bZ\x10o\x7f-X&amp;\xbb_o\'\xae\xa1\xb6`\xd0\xa4\xd2\xd5aB\x86\xf1Z\xaf\xaf\xb5ViK0M\xad\xaa\xd2\x81*\x0eE\x13\x10\x0b_\x02X\xc7s\x8e\x15\xf1\xf8\xf5~{$\x18\x1e\nC\x0c\x93]g\xac2Z\x8d1\x1d\xc0\xf0\xb4\x8a\xa0T\xe8\x16#\x89p8\xc1Q\xe5\x1e\x0bY\x9e\xc3\xd2\xeb\xed\xa6\x91\xf0\x10\xc0\xf0\xc1Q\x9dNg\x8cE\xf1\xf9Q&lt;\x8dFU^H\x05\xaa\xa1\x04\xa0Uz\x95\xbd?\xd7XToy\x81\xd5\x1bE\x98\x82\xc4\x15&amp;\xf7\xd8\xed*;\xe6?\xc8dv\xaf7\x0e\xa6\x91\x04\xb5\xb8)\xa0\xc2\x00d\xcfuO&lt;\xf4\xf9W\x01S\x17\xa9\xa5\x8bE\xbb\x03\xf04\xa7X\x12y \x99L\x06\x83\xc1x\x90\xfa(\xb5\xc4\xc8H\x1c\x9d6JX\xf6\xf39\x1d\x13\xc5\xc7\x9f\xde\x83&amp;\xa8\xde\xf51\xb4h\x80lM\x8a\rQ\x83p\xc43t\x0b\xcf\x12\x89\x11n9\x0b&amp;\xb6(\x0b\x03\xbd\x17\x9f\xe6pC\xcd\xbe\x1b\x17U\xf1\x08bF\xde6\xeat\x9c\x89x\xc9n\xf1\xed\xe6-\xe2k\x1b\t\xc6i\xe5Ow\xd4\xe7\xf3\x01kz\xba\xf7w[{\xf3\xfc\x1f\'\xd5W{S)\xc2\xf2S\x973\xa2\xc7\xa90\xc0P\x8b\x877\xc1`\xb5x&lt;\x82W(\x80Q\x9d\x95\xc3\nL\xa7?\xbe\x97#\xbd\xc4\xa7&gt;\xbf\xfa(\x9dN\xa1\xa6A\xedn\xac\xab\xdb\x04SuG\x11P$\xf5 \xc6\x19\x93\x97\x8a\x19;\xf5\x01\x15\xa0\xd0zi\xe1R 9\x97~\xfet\xcb\xb7\x88\x14\x1e\xdaw\xaae\xec\xf1\xa3t&amp;\xbd\x9a\xda\xc4\xe2\xf3\xa6^\x8f\x8f7\xd6\xbd\x87\xc4\xae\xe3\xb2\x96\x91\xf2\x17\xd0\xf4\xf8/j/\x1d\xa8\x08k}}\xfe\xf9\xd6\xea%\xa6=\xf0\xedc\xb3\x9fN\xa73\x99\xcc\xea*aY\x8dt\xcd\xb1D[\xc5\'\xd1\xba\xf70\x0e:/c\x8c\xd6R\xf9^\xcbU\x81f3\xb0\xa2\xdd\x0f\x1f&gt;\xfc\xc3\xed\xb6\xf1W\x99g\xcfol\xd9\x8e\xf9B@\xb5\xb4\xcf,,.}\x92\x98\xcbd\x97!\x17\x86?\x1f\xb00\xf6\xb9\xdd\xe0\xaa%.\xad\x13\xf5\xcc\x99\x03\xe7\x9cf\x00Qaj6K$\x12V\xa3\xe3\xb0n\xdfN\x8e\xbf\xcaf\xbf\xf9\xf2F\x0b\xc0\n\xb7\xa4\xf7\xb5\xcc\xac=\x99\x1c\xfd\xa2~`|.\xb3\xb2\x9cY\xed\xe2\xb00\r\xc4\xb8\xec.\xc1\xe4\x86\xa9\xad\xd5U9\xcf\x9c\xdcK\x97\xe0%!!G\x05(\x89\xecoX&amp;\xa8\xb5\xbc\x92\xfd\xe6\xf9\xe3\x99\xbe\xe3\x87\xb6\xc0\xe6\xb41\x7fX\xadV\n\xde\x19\x18__^Y\xce\xaev5\xa3X\xd0\xc8Y\x89\xc8)rHP\x85\x12W\xc8\xb1\xed\xcc\xc93t\x91TH\xad\x94\xb0\xcc2\x16\xc3cw7,oJ\x12\xd6\xc6\xb3\xf9\xb3K\x8b\x0b\xed-\xff\xd7Vk\xee\x08\x03@u4\xd6\x18\x04\x82\xfaK\x84\xb5BX\x98ni\xcc\xac\xc4!\x1290o\x86&lt;\xb5\x98\x16\x8a\x80\x95/1\x0b;\xff\x8a%\xa3\x0bH\xe8\xab4FFx\xac\x8dl\xe2O\x1d\xc3\x8b\xb3c\x90L\xfc?Z\x8a\xce\xc4\x00\xd4\x17MM5\r\x06euu\xcf\xf8\xdc\xca\xc6J&amp;\r,\x1f\xa7\x16\xb0\xd0x.a\xa9c\xf7\xc9\xdd"\xcc\xb2;\xe9\x02E\xa9\x8c\x98\x81U\x85\xdc\xd1\xeb\xf7DR\x13\xc0z\xb9\x91\x9d\xb8\xa64\xa8G\x97\x16\xc6\xfa\x0e\x7f\x7f\x93\x15\x16\xc2\xe7}3kK\xa3\xea\x9d\xd2\xc6\xb2+5\x02Au5\xaf\x16\xb0&lt;~\xc6\xa7a%\xac$\x9f\xbf\x11P*\x04\x0b^\xb0I\xe4\x1a\x92\x8a\x0b\xb0%?\xdf\xe2f\xcdU\xc6\x18F\x1fOj\x95\xc3z\x99\x9d\x18\xa0M\x9f\x05\xa3\x93\x8b\xb3\xdcy\x11\x85\xdf\xcbQ\x87\xdbg\xd7\x16\x97\x86\xd5\xad\xad;j\xca\xcajj\xa4\xc0\xba\xff\xf7XV\x1e\xeb\xedm\xf9\x0e\x19q\t;}x\xc0PCTr\xd6f\xc1\x04\xc8ba5F\xa3\xae\xd7\x0f\xb5V\xe7^\xadl\x10\xd65\xda\x89J\x8aM.B\xb2S\xff\xed\xbd\x03\xf1\xa1}tP\x07\x98F\xd5\x86\xeb\xad\xad\xad5W\xa45\xbb\xa0\xd6[\'z\xd63++\xe94\xca-\x86\xb1B\x11`\xd1\x8d\x13\x87DV\xaa\x11*\xb8\x068\r\xb0l\x84U^n\xbb\xa3\x01\x97\xde\x0f\xae\xd5\xb9u\x88EA\x14\x18\x04R\xdag\\\xd01\xf9da\x0c\xf6\xff\x8fW\x01`\xa8}\xc7\xfb\xda\x91\x10\x86;\xd4\x05\x06\xa5\x00X\x95\r5;\xf2v)\x95\xd2\xea\x130W6\x9bN\x06Q\xd7pQt \x88\xc0B\x1cY\x99\x06\xf3\xebf\x05g:9\xcb\xf2T\xe5\x16`\xc9\x8d\xd1~\xbb\xdf5\x9fY\x86X\x1b\x19\x04\x11\xbfV\xaa4(\x95\xca\x82\x8e\xe1\'k3\x04&amp;\xfe7v\x12\x8b\xc9\xe40\xd4\xf0\xe8(\xa8\xa0u\x91\xa05o{CM^^\x1e~\x8d\x14\x9e\x9f\xc8d&amp;n\r\x99P\xda\xd5jX\x9bC\x94\xcf\x83\xd1B}\x8d\xcf\xc7\x00\x96\x98l\x16P\r\x82\xcar\xe7\xce\x14a\xf5\xab\xfc\xc0z\x89\x18\xce\xdd|G\xa0\x94\xee\xda%%\xb9\xd4\x1d\x1d\x1d\xc3K/(\x96\xff\xcadH\x06`\x9a}\xf1d\x92\x0eY\x81Tt\xee\x84@y=o\xfb\x9b\xdb\xf3\xf2\xae\xef4\xf0rM\xac\xf7\xdc\xbf\x14WQ\x91\x8c,O\x1d\x91\x03\xb38\x1c\xac\\\xc3-\xef\xe7\xe3788\x08*\xc2\x9a\xb2bL\xd4\xf7\xceg\xb2_\x7f\xfd,;AX\x02`qa,(\x80\xc7\x86\xc9d\xff\xf4\x0c\x041B76\xbb\xb0F\x87\xac\xa8\xd1(~\x02\xa8\xac\x04\xdb\xf6#\xdb++\xf3v6Az\xb8k|\xfc\xfe\xb1\x13\x89@4\x86a\x10\x83\x8f\x03i\x00T\xe5\xf9\x16\x91M\xc2"\xac@\xb1\x94\xef\xde=\x88\x9fr\x8b\x8d\x95MMM\xa1\x82\x88\xc6\xfc\xe9L\xf6\xd9\xb3\xf9\xf4\xadK\xf5\x8dJ\xfe\x1b+\r\x05\xa4\x98Z\xddA\xdd\xb2\xfd\xbb\xc7\xb8l\x8eyO\x86)r\xd4\x0c\x06~\xef\xbb\x01pe\xd2\x86\xd3\xfb\x0f\x1e\xfc\xc5\x0f\x1b\x1b\x8b\xae\x1fmx\xd0\xd3s\xec\xc8\xb1\xa18\xb0t\x9bX\\\x1c\xe1/N9&gt;\xa8tO\x8cn1RF\x9b\x9a\xf2Q!;\x9d\x9e\xcb\xcc\xcf\xa7\x13\x03\x03\xf5MJ\xbeqj\xa9)0\xf0\xd8\xe4\xda\xccw\x12\x19\x84Z ;\x15\x18\xf8\xb7\xd3\xf7 $|)\x81\xa0\xb1\x8c\xc3\xaa,j,\xdaQyt?\xb8\x1a\x8e\xbeui\xa4?\xa6\x8b\x11\x16\xa18)\x88\x94\xa66\xdb6\xbe\xc1p2\x1a\xb65V\xab\xb1\xae\xf7\xe3\x89\xf5\xb9\xb9D\xe2\xd7\xf5\xf5MM\x8d\xcaFN\xab\x025\xb4\xc2#Y\x0c\x8a\xbd\xa0\xd1\xf2[\xb0\x99\x17\x93\x94\x0b8e\xf9\xc8q\x9b\xdc\xf1\x07\xaflb\x1d\xfcQ\xd9/\xdf\xa8\xdc\x7f\xfa\xc8\x83\x07\xc0\xba\x1f\x0e@-#\xb0x\n\'i\x95_QQ!*..\x16\xed\xc1OE\x05^\xe2\xb1`\xb9\xbbw\xfd\xc9\xf1\xf1\xf1\x9b\x97\x06\xae\x11V\x93\xb2\x91\xceK!.5\x91\xf1\x0f\xa30\xffL\xdf\xb7\xd9\x02I\x93\x1c~\x9d;\xab\x00\xdf\x84NU(*\x92\x96\xa1I\xa5Wj\x8erX\x95yoT\xfe|\xff\xfe\xd3\rG\x1a\xde\xdcu\xec7\x9f\\x?f\xd4\xba\xe1\xf7\x8am\x15`\x13\xb9E{\xf6T\x00\xaaX\x020.\x9aDUj\x0e\x99Y\xd6Xw\xef|\xa2\xa7\xa7\xe7\xc4\x89j\xa9\xb4\xac\xb1\xe9/e\x9cQH\x1by\x1e\xc73\xb3)\x93\x99a\x82l@RRH\x8b\xc6\x07oOB\xdd]v\xd1B\xb8\xc9\x99ml\xc9\xc2\n!\x9c\xa8g6\t\x06\x15r\x05\x9fz\xd6\xf3\xa1\x92VW\x96\xb0\xd0\xbaU\xb9\xdb\xaa/%Z\x0f|\xa8q\xb3\xa9`\xcf%\xa5\xcb\xd1\x17\x95R|\xea\xcb\xe1S\x0bwo\xf7\xfd\xfe\xff\x13\xed\xde\xfdb&amp;\t\x9a\xcc\'\xdf\xdf\xf7\xff\xfd\xffG\x86\xf1t^\xc2\x0e.uz\x84e\x84b\xd2b\x8c\x8b\xbf~\xed\x98\xff[\xb7pQ\xd3\xe7\xa2\xf2\xf9@&gt;\xa0\xe6[\xc1\xc4\x97\xa1\xcc \xa9\x08\x16\xd7u\xafwrr\xd2\x9bLg\x1f\xfe0;\xf5\xe9gW\x7f\xd3\xde\xce\xd3\x04\tA\xa1XW/7\x03\xea:\x96&lt;\x08\xd9O\xbe\xbfp\xa1\xf9\xfa\x1f\x9f\x15_\x1e\xe7\xb2\xfe\x90\xa2h\xbav&gt;\xd0\xa8N\x0f\xcb\xed\xc01.\xa0\x18\'Ka~Ruv\x06.\xe5!\x0e\xbe\x85\xaa\xaa\x81\x80\xea\xc8\xb5\xb6\x96\x19\x8a\x82\x8b\xf6\xd2\x88\x05.\xaf7\xbd\xbf\xb9551q\xad\xf9\x8b`\x90\xe7\xb6\t\xcb_\xfe\x1e7!\x97\xc8\x0c\xacy\xf8\xef\xf1\x0b\x9f4/\x8f,\xfc\xeb\xe5q\xd6O,|\x82\xc6\xebmp?\x01\x8f\xe7=0i2LIT\x0c`\xaeW\x9d\xaf\xdcn\xfc\xc9(\xbbg\xdd\x92\xa5(\xc6\xe7y\x01\xe6\xf5FYh\xa3\xee\xc8\x15M\xa7\xb3\xab?\x14G&gt;\xfa\xec\\08\x16\x0c\x06\xdb\x04\xd6e\t\x85\xb1y\xaem\x06X\xcd\xfc\xb7\xfd\xe5\x0f\xae/\x8f\x14_\xd6\xd7A\x15\x82\x0f\xbc\x11`\x19\xac\xd6@\xc0sV\xc0\xf2\x08\x9b\x01\x8c+\xb2?\xb8:G;G\xdd\xeeQV@\x05V_\x9f\x00\xc3\x1b\x89UHJ,\x84\xaa\x96\x04W\x14\\C\xe9\xf4\xca\xd6Tq\xe2#L\xd5\x02\x8c\\&lt;\x1b\x95\x8e\xe7 \x90\xf1\x80\x06^\x9d\xe9]\x9e\xb8_\xdf\x82X!=\x82O\x8a\xc4\x15\x0bX\xca\xffa\xb9\x05\x1b\xcd\xcfV\xfe\xfb\x9f\xaeuA\xe4\xf6\x8c\x8e\xfa&lt;&gt;U=\xe52M\xb3P\xc0\xea\xc1+KW\n\x85\x82\xa6G\xc05\xe4\x87\\\xf5\xd9\x91\x8f\xbf\xfc\xe0\\{pl,\x0c\xae/\x84\xcbx&gt;j\x9b\x88\xfd\x0f\xb1:\xbd\xfa\xe1\xf5\xde\xda\xc4\xbd\xad\xd5\x15\x7f&amp;#\xbeQ4\xa2)T\x0b\xcdhu\xb8\x02\xb8\x81\xc9\x8d\x8e6F&amp;\xc0\xfe\xe1\x12P\xb8\xfbP\xe8%\xd2|\xe3\x16W\x0e\xa6\r0`\xe9\x12+S`i6\xc7\xa3\x1f\\\x0f\xef/\x8c|\x89\xccj\x0f\x06\xc3ax\x0c?\xa4jk\x13\xda12p$\xb4\xbc\xf0\xec\xde\xe3M^\xac\x82\xdd\x9f\x9c\x8ch\x9a&amp;\xaf1\xa3\xfcZ.\xaa\xe5\x8cK\x8e\xcco\xff\xee\xca\x0b\xb5@\xa5\xfa0:\x86\x87Wr\xd94\r\x1a\xb7m\x1bXk\x02\x0b3c\x12T\x8ai\xdb}Q\xca\x95^\xdf\x9e]\x18Y\x06\x17\xda\x18\xa6\xc3\x82\xd4\xab]X\r\\\xe7~?3\xd3[\xdb\x99\xbd\xfdx\x05T\x93\x83\x84\x8a\xea\x8a\xa1\xe0\x0b\xc2\xa4\x9a\x94K\x92\xb9ys\x9f\xc5\x05\xd1\\\xf8\xdd\xa8\x07\xb6\x02T~x\xa5\xc2\x03\xf6\'\x95\x07\xfb\xd9\x90\x02\xc9,\x83\xa3G\x98]/\x14,\xa8E./\xafNs\\\x9f]\x98\x9b\x9b\x81&lt;\xe1\xf0\xd8\x98\xf0&gt;\xabMp\xb5M\xf7\xf6\xf6\xce\xcd\xbd\xac?\\\xcf\xa63\x02\n\x9f\x02\x16E|I=Iwa4\n.\xf7YNH.\xb4\x93X\x1e"!"\x86+\xb8\xc2\xb6\x1d\x00\x00\x04\xedIDAT?\xed\x1e\x1e&gt;\xdf\xdb;\xdc}\xb2\x94\xc3j\xcbV\x18\xa3\x91\x88mG\xbc^R\x01\xeb\x16\xfa8\x14J\xf8shc\xad673\x1d\x04\xd5\x18\xc1\xc2\xb2\xa6\xa7\xdb\xdapt\xd6;7\xf2\xac~L\xad\x06\x07\x91*p\x15K\x93X\x9a\xc0\x921\xe1n4\xf2\x94\r\xcf]\x01\x06U \x9f\xa7T\xbb\x87{G\'\'o\xde\x9c\x1c\x1d\xeeVV\x12qQ}\x12K/\x18\x85\x82N.3\x1a\r5\xf9\xd3\xb9\xed\xe2N\xad\xd6;\x1d\x96X\x02\xa9\xbb\xfb\x06\xb0n\xdc\xc01cm\xe4\xd3?\x1dg\xd3\xa4\xf2N\xf2}\x16#F\x17T\x02K\xc6\x84DrdC\xf9\x02\x1e\x08\x16p\xf90\xf8\xd4K\xf9\xdcRew\xef\xe8\xdd\x9b7\x07,\x82=\xe1t\xe1\x1fb\xc4#!"\xba\xf0\xbc\x82\xcf7m\xa4O(\x93}\xf5tv\xa7V%WwwX8l\xac;5\x9e\nN\xc7Z:\xaa\xd5\xda\xd4\xdd\xcd\x84?3D\x0e\xcd4#\x93\x96\xa5\x11\x88\xae\x17[\x8d\xc9\x8a\x81\xd8\xaaJ\xcb#\x08\xdc\xb8{\xf8\xcc\xe3\x82\x83Z\x9b\x9arK\x12\xea\xf5\xeb\x9b(\xc1\xb5\xb7\x0b\xb0D(\xce\x8c\xef\x8bFlS\x8eE\xda\x0b\xe9c\x84\xfc\xb9\xe3zq\xa7:\xd0q\xa3?\x05,\xf42\xdc\x9dJ\xc5\xfa!\xd5@\xb9\\{\xf6tu\xc9\xef\xcfx\xd9?\xd3\xb4\xcc\x88\x84\x92H\x86\xc2W\xc2\xf6\xadbL\x12\x0bI \xee\xe4\x02\xd6FS"W\xd9=:y\x07\xa8\x83\x9b7%\x17\xc0^@\xb0\xa5\\\x82\xd3O\xa4\x0f"\x99\x12K\xb7\xd1Ub\xc1^\xb7\x8b\x8b\xe5\x81\x8e\x18\xb0\xc2\x14-5\x1eK\xf5\xc7\x06:\xaa\xe5\xc5"\xa8\xb2I$\xb0\x1e\xe1[\r\xd3i\x1f\x1b\x88x \x9f\x8ehUU`q\xc2\xf3q\\\x9eR\x11\xabI4\xf0\x04P\x90\xaa\xa7\xd4\x83*\xdd\x04\xe1\xdb\x17\xcf\x9fT*9\xff \xb8l\xc6\x85\x83\x851\x10\xc7P\x07\xd7\xf0\xd67;ep\xf5\xf7w\xa7\xba\xbby\xcaV,\xd6?\xd0R./.\xdc^\xcd\xa6\xfd\x14\xc6\x16_\x08TQ\x89\xa5\xd1W\xb0\x99&amp;\xb0xA*\xccy\x96\x054\x15TN7}.P\xc1\xebG\xef\x0eD\xfb\x04\x137=\x90\xec\xed\xdb\xe7h\xe4R\x16\x06#\x96\xadi\x85\x02\x04\xd0l\x8cN[1B!?\xd2k\xb1\\\xee\xe8O\xc1S\xc4B\x13c-W~\xf9\xaeX\x7f\xc85\x83\xd9(MRi\x8a\xe8\xa0\xc1\x07\x8cJ\x89\x05*\xccF\xaa\x90\xec\xb4\\\x1b\x89\x95\x9f\x0ea\xab\xd7\x8eP=\xa5R\xc9y(A\xb0\xff`\xf9\x96\xf5\xeb\x8c\tt\x03X\x85$\x04\xc0K\x93}L\xbc\xda\x9e\xaa\x95[b\xe3\xe3\xc0\x82\xf3y\xda\xe7\xc5_\xca\xc5\xfaj\x0e\x8b+E2Y&amp;f-o\x83J\x01\x16\xb8\xd8I\xc5\xb0\x0c\x08e\x18\xf8\x1b\xd5\'\xe5r\xd0\\\xfe,\xa8\x84\xd5{\xba\xbaz\x1a\xd5\xd5\xf5\x88\xafJ\x82\x0b\xa1\x1f\xb7\xc9\x85\xe1\x98,\xe8:&amp;\x808[\xa3\x87\xfc\xd9\xcd\xed\xd9\xea\x15\x9e\xaa\x9bJQ\xaf;\xf3_]\xacN&lt;]\xcd\xf9\xcfso\x84\xb2\x80\xa5G\x84\xd5\xa5J\x0c\x07\x08\xa4Y\x8ab\x81\xac\xd5P,U4\x91r\xa9\x0eV\xfa\xc1\xaeCuV]\x8fX]\x00\x83^L\n\xceE\x82K\xd3h\xe3\xb8\xe8\xa9\x1d\t\xf9\xb1\xf6z:Q\xbd\x02\xbd\xee\xdc\x19O\x8d\xdf\xf9\xeab\x0b\xa86\xf1\x06@\xd9\x0e\x97\x18v\x9a)BA1\x04\x96ji\x12K\xa1^\r\xac\xf7\xd4\xfa\x15\x15;\x07\x9aG\x8d\xeaB\x1fO\x9e\xef&gt;\xd8Og\xf4\x88\xd4K\xe4\x8e\x8e=\xda\xd8\x15\xb8\xb2\x9bw\xaf\xcd\r\xc4b\xf3?\xfeH\xaa\x8e\xbf\xfd\xf6\xee\xe6~:t\xde2m\x89e*\xdaY\x19\x92\xca`\xeb\xf0\x94[Ad\x89\x1f\xf5\xcc[\x95\xbdwNX\x95\x0e\x04S\xd7\xffp\x1d\xbce\xb4\xa6\x87p\xbc\x08,8\xc4\x80St\xee\xcf\xd0\xbd\xe7s\xfb\xfb\x95\xbb\xd7z\x07b\xf3\xf3\xf3p\xfb\xc0\xc7\xbf\xfb\x0b\xcc\x988\xdfzjw\x1a\xdct\xa8LBQ\x1e\xe1)x\xde\x92\x83Pn\x1a\x8a\x11\xeb\x10\xc9 \xb2JHE\xb5JN\x0fE\x1fK\xe4\xc2\xe10\x1a9\x14\x8f \xef\x87t\xf6$)"_\x8fol\x08\xbd\xfe&lt;R-_)\x97\xab\x0bS\xdb\xab9\x1eKHc\xd9\xc2J\xd88\xb2)\xa6\xd34\x81\x85\x0e"\xb6\x98]NY\xc4\x13]T]{\x0e\xd5\xfbXR1\xba\x9e\\\x04{qX\xd9\x87\xf1\xfb\xb8|\x8e\xc7\xb5\xe4\xcf\xa8BR\x8fc\xcd\x18\x87\xef\xb7\xee/T\xcb\xdf\xed\xcc\xd6\xb7\xd6\xb9fG1\xe2\x92\xbc\xda"\x8bq\n$\x98\x1f\xcf,Y*\xfb\xa8bAL\xa5|\x12K&gt;\x17XG\xa7X\ro\xf5t\x9d\xd5#\xd1Q:l\x0f\\\x9c om\x80+\xb9\xb6\x06\xae\xa4\x1e\xe11\x11\xa6\xa1\xcd\xc7\xf7\x8a\x8b;\xdfl\xad\xe7\x12\t\xa2\xc8\x84s\xb0\x8c\xd3~Z\xa6f\n[a\xff\xad|l%\x8by\xca%\x9b\xc9\xc7\xff\x02\xadN\x88,#\xda+4\x00\x00\x00\x00IEND\xaeB`\x82'</t>
        </is>
      </c>
      <c r="M268" s="3" t="n">
        <v>45492.67724537037</v>
      </c>
    </row>
    <row r="269">
      <c r="A269" t="n">
        <v>871273</v>
      </c>
      <c r="B269" t="n">
        <v>1967</v>
      </c>
      <c r="C269" t="inlineStr">
        <is>
          <t>Tomás Cuello</t>
        </is>
      </c>
      <c r="D269" t="inlineStr">
        <is>
          <t>Tomás Cuello</t>
        </is>
      </c>
      <c r="E269" t="inlineStr">
        <is>
          <t>PE</t>
        </is>
      </c>
      <c r="F269" t="inlineStr">
        <is>
          <t>ATA</t>
        </is>
      </c>
      <c r="G269" t="inlineStr">
        <is>
          <t>PE</t>
        </is>
      </c>
      <c r="H269" t="n">
        <v>176</v>
      </c>
      <c r="I269" t="n">
        <v>28</v>
      </c>
      <c r="J269" s="2" t="n">
        <v>36589</v>
      </c>
      <c r="K269" t="inlineStr">
        <is>
          <t>Right</t>
        </is>
      </c>
      <c r="L26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a067571-7877-497f-8ef2-370d65ebd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ad\x85\xa3\x00\x00\x03\x00PLTE\xff\xff\xff\xee\x08\x1e\xfe&amp;?\xea\x06\x1b\xf2\n \xfd\x1a1\xfe\x1d5\xff\xfe\xfe\xfe$=\xfe!:\xfd\x16-\xfe(A\x15\x14\x1a\xfe\x1f7\xf6\r#\xc0rS\x11\x10\x15\xfd\xfc\xfc\r\x0c\x11\x07\x06\x0b\xe5\x04\x19\xf9\x13)\xb9nR\xb7jN\xa5ZA\xb3fL\xc2uX\x93N:\xbdoQ\xa9Y?\x99O9\xb4bF\x1a\x18\x1f\xa1W&gt;\x9eS&lt;\xaf^B\xb7gJ\x8eL9\xab^F\xafcI\x16\x18(\xd5\x82l\x1f\x1d$\xc7y[\xd9\x89t\xfd,E\x93TA\xd9\x8e~$"*\xbbpW\xc0y_\xbctZ\x99U&gt;\xfc\x11(*\'/\xf5\x07\x1d|:)\xa0D%\xd3{e\xa6H\'\xc6}f\xf3\x10&amp;\xceu\\\xa5`H\xf9\x1e5\x8bG3\x82@/\x94H2\xa8dM\x9bYC\x9e`J\xa6T:\xfa\x0b"w&lt;/o6)\xd3\x86wv8)\xf9\xf6\xf7\xb9xh\x83TK0.8\x81F7\xbdjM\xcd\x83ex@6\xb1mW\x9fN5\xcciN\xaegP\x92YI\xb5iS$,D\xe0\x04\x16\xaeL*\xb8\x01\x0cf3(\xf4\xef\xf0\x8c^U\x98A#\xc2\x02\r\xcf\x02\x11\x8e="xLE\xc1^&gt;\xc8\x83o\x83\\Z\xb6o_\x85K?],#\xb3Q/\x8cpu\xd2\x8an\xa6iV4\x1f!n;2\xbf\x7fu\xd9\x03\x14\xbaU4y5"\x1a 3\x8bQC\xc5eL\xdb\x94y\xd7\x94\x888*,\xeb\xe9\xe9\xc6bD\xc9rYo/$\xc5lQ\xb0\x02\x0b\x8bA.\xc1r_R$\x1f\x90y\x82\xd0{_lD@\xdc\x99\x8f\xa4\x98\xa3\xc8\x88}\xceoW\x82dh\xc6pUg)#\x8dgg\xbdbI\xbf\x86\x7f\xaarf{nx\xb7\xb2\xbb(\x1c\x1d \x15\x18\xb2\r\x1c\xb8[D`&lt;6^!\x1dK\x1c\x16#\'&lt;_FE\xf4\x1b0\xbe[8\x85=&amp;\xd2\x90x\xb1U&gt;87&gt;EAI\x87\x83\x8d\xcdzf\x9c\x8f\x9cT/,\xb3\x82|wVW^X`\x9cmd\xc4\xc0\xc4\xdd\x9b\x81?\x14\x11F,(\xb0zp\xce\n\x1c\xdd\xa4\x8d\xa5YK\x9c?&lt;\xa3zv\xae\xa6\xb2\xbb\n\x1bP99uckE#\x1e\xe0\x93\x85\xce\xcb\xcf\xb1]SE45\x9cRE\xe1\xdf\xdf\x98\x81\x8a\xcd\x94\x8d\xd8\xd4\xd7\xc1\x8f\x8b\xe5\xb3\xb6\xdf\xa9\xa5\xa3KA\x96fY\xe8\xc1\xc4\x80x\x83\xa8N,\xb7\x8b\x872\x10\x10\xea\x16+\xcb\xad\xa7kQT\xab\x9e\xa9\x9e\x88\x91PKS\x99sp\xf8&amp;=\x855#\xaeRO\xef(;(\r\x0b\xbbgg\xd5\xbb\xb3\xe97B\xdb,&lt;\xd8QN\xecIX\xde\x14&amp;jfn\xb3:A\xc1\x9d\x98\x8f62\xbefV\xb1 ,\xd7\x9e\x9a\xc8uy\x90\x8d\x96\xdc\xc9\xc4\xf7\xdf\xe2\x9b\\R\xc7MF\xe2sg\xcf\x85\x89\x99\x0f\x1b\xc67:\xccaj\xabG&lt;\xf1\xcf\xd3\xe4t\x81\xeb\x98\xa0\xc4X]\x80\x0f!\xbaGP\xe7ad\xaf\x92\x95\xcc\x1b,\xeb\x87{\x9b\xccp\x03\x00\x00 \x00IDATx\xda\xc4\x99\xddOZy\x1a\xc7{\xc7\xcd\xb9\x00{c\xb6\x99-;\xdd\xeaB\r\xd2\x97\x10|\t\x8d\xb6\xda\xc8;\xb3\xa8\xa5\x89AM@|\xeb\x88F\xa3\x11\xb5fZE\x11\xd7V\x94\xc8\x05\x91\xcaA)G\x13L&amp;5\xe8\x1a\xd6\xd1\xa9iq\x93qB\xd3\x9b^\x91^\x187\x93\xec\x7f\xb0\xdf\xe7\xc0\xb4\xbb\xd7\x0b\xf6\x89\x1e@H\xf8\xe4\xfb}\xde~\xc7K\x97\xfe\xbf\x10\xf0!\x12\xe5\x9e\x08\x04\x97\xbe~\x80B7v\xb4\xbf\x85\xd8\xdf?::\x1a\x13\x89D\x82K_\x9bL j\xdd\x8apl8l\x0c\x87\xd90\xcb\xb2\\\xea\xfc\xd7\xa3\xb1V\xd1\xd7$\x83u\x07\x11V\x8e\x103\xe2\xbfH\xc5R\xb9\xc2h\x94+X\xee|\xeb@\'\xf8Z\xa2\tDc;\x9cQ!7\x1a\xc3F\xf0(\x10F&lt;\x80Q\x1e\xe6\xce\x97\x0et\xa2\x8b\xe7\x82\x16\xba-_\x98p\xa0\x16\xa9\xc40R\x1e\x0b\x9a)\xa0\x9c\x82\x8bd5\xbbh\xff6\xd2F^\x1d)\x81\x10\x11R\x0c\xc2\xc9\xa5\xd0O*f\x84\xd2pf\xf6Hw\x91\xa5\t\xff~\xe5\xe4b|\xb7\x90\x11\x13\x16/\x18\xfc\xc3\x0b\x10\x89)\x18F\xc8(\xd2\x91\xad\xd6\x8b\xf2R h\xdd\xca\x18\x85E\x08!\x03\xef\x00\x02\xff\xe0\x9c\x98Db\x8a._\xa67\x08\x91a\xe4l\n`\x17\x82%:8\x0f\x8b\x8b\x84\x84\xc4\x88\x19 \x14\x151Y}\xa4\x10L*\'&gt;\\\x191~qa#\xfb\x17\xc0%h]\xe2\x8cb!\xd9\xc7\xf0h\xa4\n\x04\x12\x8a\xe5ri\xae\x04`\xa5\xc2(\xe5\xb9\xc9Jn\xf6\xa0\xe0N\x8e\xcd\xb2\x94U\x94;\xb0\xeb\xb2\x90|\x83q\xa4\x98T\x0c\x06\x85\x94\x7f\x83\xfc\x055]\x19\xb1"\xb5\xaf\x13\x14\xd8@\x96Z\x13H\x10\x97\xe9\xeb\xf1\x0b\xcb\xe4\x84\xc6\xd0\x0b\xba\xe4\x82\xcf&gt;\xc8(6f\xb6t\x85\xc4B[\x0f\x83J\xc8#es\x1b\x1e\x8a\xd1\x12 UQ\xee\xaf\xff\x13\xf8#\x1ce#c\x05\x94K\xb4\x94\xceRe\xbf\x11B\xc03\xb2Q\xceC\x151\xcc\xe7\xf7\xbe \x16\xa1\x85\xb1\xe9\x02\xca%\xd2\x9d\x87\x8d&lt;\x15\xff\x9d|\x012\xb9\xa7(\x02\xf12\x1f~\xbfP\xe8\xf7\xf3O\x98l\xbb\xc08b}G\x05\xabG\xc1X&amp;,EV]\xfeo\xb7\xb2"\xf9\x97\x9dNW2\x99H\xc4]\xf1D\xdc\xe9\x8aS8\x9d\xcb@\xa4\x8f\x80+2V\xb0\xe6\xbe\x9f\x96\x0b)&gt;cA\xb0e\x17"\x99\x08"\xdc\xf6n\x93\xb9?\x10\xe8\x8fF\x03\x81x|\x8f\xb0\xfc|\xca\t\xc5\x8a\xf4N\x81l\x14\xe8f\xc3\x94H\xc4\xc5\xab\xf4Y\xa2@\xd0\x1dt\xbb\xed\x96\xbb\xdf&lt;x\xf0\xc7\x1fjkj\x94ju\xcf\xb3g{{NX\x99\x9d\x07b\x05W\xa8\xb6\xda\x9a\xc2\xa6PD\r\x1ed`\x8aG\xc1b\xb7\x1b\x0c\x96a\x8b\xc5RW|mmpp\xad\xb7\xb7\xe5\xa4\xaa\xdd\x16\n\x85\xb4Oz\x88\xccOs\x00\x99\x17&gt;o-Tj\xa1wg\xc7\x0e\x98\x02\xa6+w\xea\xea\x8a\xef"\x8aKJK\xaf^\xbd\xda\xb1:8\xd8\xdb\x82\xa8\xaa\xaaho\xb7\xd9B\xca\xa1\'\xd6\x9e\xbde\x1e\x8b\x91rG\x05i\x12\xa2-\x16c\x8e\xb4\xf2\xefYkk\xae455\x9d\x9c\x9c\xf4\xae\xf5\xae\xad\xad\xac\xac\xac\xae\xact\x80\x0bXD\x96\xe5\xfa\xf0A94\xa4\x06\x18\xcaB\xc8\x84w\n2\x83D\x1bX\xf2\xd0\xa0\x18\xff\x9e\xba\xf6\xde\xbd\xa6\xaa\x8a\xaa\xaa\x93\x93\x96\xde\xde\xc1\xd5\xd5\x8e\x8e\x8e\xe7#\xcf;\x08l\x90$#\xbdl\x88PH\xa9\xd5\xf6[\x9d$\xb2&lt;U\x10\x17\xc724w\xfcN\xe7\x9eu(dko\xaf@T\x11\xd5\xe0\xe0j\xc7j\xc7\xf8\xc8\x08\xfd\x8cw\xac\xf2\x9aU\xb5\xf3\\\xb6P\x83\xba\xa1\xa1\xdfI{Fz\xbf\x00j\t\xd0\x1e\xb0\xb4\xc4\xad\xcf\x9e\xfd\xedw\xac*X\xc6S\x8d\x8f777\xcf\xcd\xe1\xd2L`\xa4WE\x96+\xa4lhh\xd0F\xfd\xc0R\xcc\xea\n\xd0\xb5v\xc2X\xd2\x9dQ\xab\xd5\xaa\x1e\xb2\xb5\xdb\xdasT0p\x9c\x90\xe6T\xd3*\x95j\x82\xc0:\x06{\xbfp\x11V\x03\xd9\xc8\x883\xf9\x9f\x8c\x98&lt;\xd8h\xe4\xae\x1eu\x7f\xbf\x96\xc4j\xcf9\xd8\xc1\x0b5\xad\xaa\x94H$\x95\x95*\xd5\xdc\xefzAM|\n.B-k\x1c\xfd\x9eI\xe7\x7f\x02\tZSr\xec\x9fq+ae\xa9\xaaZx\xff\xa0\xd4z\xa5\x06T\x9ar\t\x8f\x85\x04\x1b_\x1d\x84\\&lt;\x17%\xbd\xfaIt\x19m\xc5\xb8\x94\xf7Z\x14\xb4\xfa\xa4\x8c\xdc\x15%,\xa5\x8d\xa7\xaa\xea\xe5\xa9T\xaaJ\r\x1fe\x90k\xaey\xbe\xb9\x19\x99\xbf\x9a-\xc7\x8a\nJ.m\x83\xba\xc7\x89\xb1\xae\xd8\xc9\xff:8\x96\xc1.\xccc5\x00\xab\x02\xbd\x01\x16\x92V\xaau\t\x98\xca\x11\x9ar\x8dD\xd5\x8c\xc4\x1f\xa1\xf4\x02\x16\xa2\x9d\xb0\xb4\xc0Z\x16\x8b\x91\xf3yW\xeb\x80\xc3\xd1+\x0e,\xb5Vi\xab@#=\xa1|_\x85Zpo\x94\xc7B\x8cj\xd6UP+W\x8c\x84\xf5\x81\xc7\xb2\xee-\xe3\xe0\x11i\xcd\xbbZ\xfb\xac\\\xe1",\xadv\xc8Fb\xb5\xa0\x10\xe1"a\x01jttf\xb4\x1c\xaaI\xd6\xe7Fr\xed\x1e\x1e\x02\xcb\x86\xdc\xcab\xc9\xa5y/E\x81h)\xac\x00V\x8f\xf5\x89vh\xe8C;t8A\xceC\xaf\xf1\x11\x95\xc6\x913\x11P\x13\xf3\x94\xf2\xab\xfc\xc4\xa6\x86\x0b\x13\x11(E\'\x8e\xb9\xe9\x83K\x05\xc3\x1a\x02\x16\xb5\xd2\xaa\x96,V\xb3j}}\x1d\\ \xd3H\xa6\xe7&amp;Gh\x06e\xc5\xc2\x87*l\x84\xa5\x04\x96S\xa1`\xf7\xf3|\xf8\x07\x16kt\xb9\xa2=D\x05,\xa8E\xbbB/\x9ai\xf3\xdc\x045-\xbe\x14+\xa7U\xf3\x93H\xf8\\C\xfd\x8c\xd5`\x8db[\x0c\xa7\x0b\x80\x95\x0e\'\x93H-\xc2\xb2\xb5\xc3B@\xf5\xf2cG\xa5\x9a\x9e^\xaf\x94\x94\x95e\xfb\xe9\xf4|.\xb9\x08\x0b\x13;TK\x9d+\x1aw%q\xd2\xc8?\x16\xc7\x86\x81\xc5{\xf8e\xf2\xd00$,U\x16K"\xf9k%)F\xdb\xc4 \x9f\\\x84U\x8ba\x1d\x88\'\x93i\xae\x10Xi6\x11\x80Z\xca,\x16\xfa\xd6*?xT\x95\x14 \xd2\x94}/\x01\x9cF\xf3\xfd\xfa\xc4\xe4\xe4\xf3\xe7+k\'\xfc\xa2\xaa\xac5\x13W\x82\xe5\xb8\x9d\x82`\x05\x03\x01\xb5RI\xfbC\xc5\xc9\x83\xb5k\xcf\'\xe7\'T\xfc0\xa4B\xd4\x94\x95\xa1\x16\xcbg\xce\x8eg\xd0\xbc&amp;&amp;\xbf\xfb\xf3\xd5k\x0f\x9arXf\xb7;\x98\xe62\xb3y\xc6\x12\x89\x962\xe9t0`\xd5b\xe1\x0c\x85\xee55}s\xed\xeaw\xf37\xd6\xd7\x89i\xf4\xf8\xf8\xf8\x0c}\xeb\xef\xa33\xc7o\xde\xbc9\xfb\xb7\xc3Q\xfd\xf4\xe6\xa3\xd2\x92\xe2o\xef\xfdP\xdb`\x06\x96\xdd~\n\xac\xf3|\xcfj\xd1\x92\x8f\xe3b\xee~-LT\x02\xeb\xdb\x92\xd2G7\x9fV;&lt;\x1a\xcd\xe8\x19\xb1\xbc9\xa6x\xf3\xee\xdd\xbb\x8fg\x87\x9e\x01}WW\xe3\xfdz\xcb\xb0\xa9\xd6d2S\xc4b\\&amp;s\xae\xcb\xbb\x89\xa9Lf\x97\xb0\x86\x94\xcaP\xcduY}}_\xa3~`\xe0\xc5\x0b\xcf!a\xbd\xa3\xe0\x1f&gt;\xfer\xf8jq\xf3m[[\xa7\xc1\x1eL$\xa3t:2\x99\xec\x9d\xde\xdd]_\xde\xa7\x8fh)\x92\xf2\xed\x9e\xba1\xe0\xb4\r8\xa4\xe2\xb0\xda\xd9\xb6\xb9\xb9\xf9\xfa\xd5\x8b\x7f\xfe|\x96U\x8a\x04\xfb\xe5\xd3\xa7W\xef;c\xa7\xa7\xc1D"\x99D\xb3r\xba\x12\xb1\x98\xbd\xdb\xd0\xe9\xf5\x15\x02k\x87\xb0bv\x14\x95;\x10\xcf\x9d[q\x94&gt;\xf5z\xbd@\xf3`$\xce\xcc\xcc\x9c\x9d\x1d\xbe^\x88\x05\x93F\x85\x8b\xbfo\x89m\xc6\xef_fw\r\xf6\x1c\xd6X\xde\xb1R\xa9\x94\x0fXfs0\t\t\xb27p\xe5r\xb9+\x19\x8c\xbd_\xdc\xf6`X#\x0e\x7f~\xdfy\x1aLJ\xf9[\x028\xe5\x03\xca\xb9\xac\xe0:\x81\xf5\xb8\x10X\xba%P\x01\xcb\xee&gt;M8q\x88\xe7o3\xd3-R\xa9"\x11[\xd8\xdc\xdc\xf6\xbcDh&lt;\xaf6;cA\xd72\x1d\xba\x03\x017\x8e\xdc\x06{ \xce\xeevvz\x0b\x82%\xda\x8a\xf0j\xd9c\x9c\xcb\x19M\xc0Ax\x087\x97\xfd~W0\xd6\xf6vq\xc0\xe3\xf1h\x1c\xfa\xc5\xb7\x06w"\x1a\xed7ln\xbf\xf08\xaa\xabo?\xac\x93\x99\x83&gt;/a\xf9\n\x81\xb5\x91JMycv/\x97\x0c\x18~\xeb[\\\xdcF\x15no\xb6\x99q\x14\xea\xb7[\xfa\xf4\x0e\xcfK\x87C\xdf7lV\x9b\x87\xfb\xf4\xa8\xcf\x99\xc3\x97\x8e\xea[7K\xfe$\xb3\xa7\xa6:\xbdS\xbe\xdd\xdd\xfcc\xedo\xa4"\x11o,\xe6;\r\x98,\xf7\x1bo\xdfr8&lt;\x87\x87\xd4\xa1\xee\xcbL\xe6\xee\xfa\xdb\x8e\x97\xa3/\x1d]\x16SM\x1d5\x8e\xed\xd7\x88E\xfd\xad?\xdc|tWf\xf0\xfe\xe4\xcdb\xb5\xe6\x1f+\x12\xd9\xf0!q\x83\xe6\xe1\xba\x87\x8d]\x8d}o\x17\xde\xbf\xdf\xdc\\\xd4\xeb\xf5\x8d\xb2\xeb\xb2G\x8e\xf2\xd1\xf2\xea\x87wd}\xfa\xae\x87\xbf\x19\x82\xd4\x1d\xa2n\xd9\xdd\xd2\x92\x7fX\x0c\x9dS\x0b\x0b?\xf9N9\xa8\x95\xdf\xff\xb7\x88\xf6\xcf#\xe7\x1b\x8f\xbdS\xbbn\xd3p\xdd\xddzYw \xe9\n\xbb\x92\xee\xee\x1f!\xceb\xfd\x95\xd2j`\xdd(\xad\xeb\xeb\xea*\xb9\xd3\x1dt\xf9\x8d\x8c\x10G\x92\xfe\xebw\xea,mm\x0b\x0b^`\x05S\xad\x02Q^\xffw&amp;\xc8b=\x9e\x8auww\xcbd\xa6@\xdc%.\n\x87\x85\xec\xa9\xa9\xa4k`\xa0\xab\xae\xf8FY\xb9d\xb2\xf8n\xa3\xfei\xe9\xf0B\xca(\xe5\xe4~\xf6\xd4\xb5\xa7\xae\x91Y,\x866\xc2\n&amp;v\x8f\x0e&gt;~\xfaW\x1e\'\x90\xe8\x08\x1e\xceN=\xf6\xda\x87e\xd7\xaf\x98\xac\xce$\xa7\xf8\x0f\xad\xe6\xf7\x93V\x9a\xc6\xf1\xb9\xe3f\x13\xc7\x9b\xf1\xd0\xe39\xe4\x1c8\x87\x10\xc9!(\x17\x95\x10H\xe5W\xaa\x15##\n\xdcT\xe6\xa2"X\xa5%\xd3@YK\x89T+ \x8a\x8c\xdb\xd06\x9blI\x17\xda\x8e\xd9Y3\xc7\x92N\x19\x828M\x99\xdd\x988\xb2\xa6$\x9a\xf4b\x95L\xd7X{a\xb2\x17c\xba\xcfa\xf6O8}M\xb8\xf0$\xbc\x1f\x9e\xe7y\x9f\xf7\xfb}\xdf\xf3\xf9\xe3\xc7\xf7\xbe\xcd\xbb\x18K\xdc\xdde4\xa7@\x00f\xcc\xb4\xd2\xedfW\x0fv\x1e\xdf\xfb\xc3\xe7\xf7~\xd9\xbd\xfb\xf2\xce\x10\xe3\x08\x04\x1cK\x93\xb3?\xbc\xf8\xfb\xfd\xa5\xd5a\xf29\x8f\x07]\xad\xd3\xffib\x8d{\x19\x07C\xf5~\xf7\xf2\xd9\xe4\x0b0\xf0\x7fZ\xd8J\x1f\x1b\x1e\xb9m\xa493\xa2\x8d\x8ca\x84\xd3\xad\xb1\xad=\xddZ\xf8\xe3\xb5k/\xc6\x8f\xbd\x17\'z\x07\x19\x86\xf9\x1d\xeb\xce\r&lt;\x9be\x1d\xfb\xbc\xdd\x8a\x81\xab\x8e}\xc3a\xb9(\x86\xa1z&amp;^^\xf6:\xae&lt;yr\xff\xeej\xda\xe3\xe9\x8c\xbb\x11\xbdy\x8c\xc32\x93H\xe7\xa3\xb8\xdf\xe3I\xbb\xc6\xc7\x1d\x8er\xd9\x88R\x94J\xa5b~\x9e\x9c\xfd\xe6\xc9\xa2&gt;\x9b\xa9\xaeW\xb7y\x89\x96\xa0\x7fz\xba\xbfu\xb4\xf2\xaf\xbf\xc6f\x17\x02\x94\n\xd5\xf7\x0cy\x03\xe5\xf2\xf1\xea\xee\xd6\xd6\xb2\xff\x9d;\xeen\x1b\x1e\xce\xde\x1aQ\x87\xc7\xb2$)\xd5\xc4\x97\xdf\xf9\x97\xa1\xabY&lt;6\xbbN\xa7#\x10\xc0r-U\xfey\xff/f\x8c\x999\r\x1e\xf0R\xf4\xa3g\xe9\xf4\xd3\x83\xb3+O~\x00,/\xaa\xc2I\x86R\x99|\x1e\x0b\xa7j,\xd1=\xbf\xbbE&lt;&lt;\x9c\x01\xc3\xa8\rf\xcd\xa4Y\xe2\xfe\x10\x7f\xe7\xf7k,\x9aN\x8fS\xe8\x042\xa3\x91\x19\x98\xac\xcd^\xd7\x9bYT\x7f+\xf1\x8a\x97\xeeu\x14@\t1\x8d\xceL\xfc\x92\x9f\x1d\xa7p#\x81\xe8\xe0\xf7\xebl \xf4\x9c\xce=K&lt;\xae\x11a8`\x8d$\x12\xc1,\x86\x99\xc5\x91\xbe\xd0\x07?\'\x04=JeW\x17D\x0c\xa2\xd5\xc4\xc21\x966\x8f\x9c\xc4\xf9\xe8\xf5\x82\x9f\xca\x87=e!F\\\xe4\xb0\x02*#\x89\x08\x9dN\xa1\xd0\x0e=\xd5\xe2\xff\xb0\xa9\x90%\xc5U\xdc,\x0e\x06\x01+\x83\x99\xcd\xd9LX\x1e\xda\xdc\xfc\x10\xf7\xfba\xf3\xe9T\xb6\xd1\\\x12\x01k\x08e\xcb\x99\xaf\x7f\xfb\x18\xe7\xe3FC0\xed9}s\x9bb\r\xde&amp;\x16\xc3a\x81\\\xd6h\x9a\x9b\xcffH\xae\xb5b\x04i\x16\xa7\x82\tmD\x84\xc1\x10\x07\xd5r\xd0_\xa1\xcd\xd0\xa3&gt;\x8d\xe6\\\x9b\x94hbU\xeeRF\xfc\xea\xd5\x13\x9e\xb0F\xe3\xef\xbf\xba1S\xd6Q\xcf\x00\xcb\xcbaI\xceu\xe4d}0\xeff\xa8(W\x03\x0bA\x90X*\x01\xd1\x02,\x04\xcb\xa4\x12jy\x11Ta(\xf4hJsN\xd9\xa63:\x96f\xf3\x95+\x14.\x1d\xbb\xca%\x91\x97\xdb\x8b\xd0\xc8\xe9W\xc3e\x96\x1a\xe7\xb0P\x15\x89IZ:\xe6drN\x8e\xce\xdf\x94\xa9\x93\x19\x0c!q\xe8[\x89\x91T\x16#\x10D\x94\x8a\x80MS\xcc\x7f\x0ffH\xd6q\xee\xdc\x17\xe05\x96*\xf9\xda\x95\x99\xba{.\xf3\xfe7~\xb0\xfa\xe7O\xbe\xee\xce\xea\x19j!VY\xf0\x06T\x88X\x12\x01,p\x84\xdf\xcf\x17\x152uX\x84\x94q\xdc\x9c\x85\xdaj\x00\x16I\x88\x82\x8990\xb4rEQ!Wk\x93\xed_\x18X\xc7n-V\xf3\x9e\xe6\xfe&amp;\x8fd\xden\xf2\xb1\x12\x05\xfd\xbf\x9e\xbc\xef\xee\x9e\x19\x1c\x1c\xdf\xa9,\x0c\x04T\xb4\xd4\x9a\xe4\xcc\xbdb~\xbe9qRJ\xa0(\x99\xcd\x8c\xa8\xd5\xe1\x12\x86\x95qQ\xa4\xe9i\xe5\xdc\x00,0\x8c:\xc7n~\xa7\xe6\x88\xca\x8b\xc5\\&amp;\xb8\xcd\x8b[\x04\xac\xb7\xdd\xdd,u\xfb\xd9N\x1e6\x1f\x1c\x93X\x93ausV\x85B.\x9b\x0b\x0b\xd1\x0bxU\x1cL\xa8\xb5\xe1\x14\x8d\x95Q:\xac\x86G\xdcs\x19\xc42\xd2\xde\x86\x10\xc7\xbb\xb1B\xe58^\xfc8\xafH5\xf6\xf9i\xf2\xdb\'oO3\r\xf6\xcdPl\xa76\x1e(\xd3`\xa7\xc3\xdaf\x96`n\x99\xbaCz\x81\xc21\x08\x96L\xadm`\x18[&amp;\x93\\(!\x87\xf0P\x9b\xb4\xb6I\x11\xc2\xf1|\xa70y\xdc\xf7\xdf\x8f\x1f\xfbR\xd1\r^6\x9f\xd6\xa3\xc4\xfb\xec\x88,z:T[\x89M\x06\xca\x18\x94t\x04\xaaG&amp;\x87\xca\xe2f\xa6)\x9c\x14\xa7\x12\x8a\xd7\xf3\xb2\xa4\x08\xa3Y\xb2M\x0e\xb6\xbf\xa8(\x02\x976l\x15\xd2\x08\xc1&lt;/\xec,\x99d\x1fO\xd4\xb9\x12?M\x1e\xc4\x83?S\xd2*r\x99\xc1\xc9\x95\xc2\xac\x0b\x07\xac`X\x0bK\xb1\x19-\xb9\xbc\x83\xd0\x93H\xa9\x91\xfb\xf5\x1f\xaf\x15\xb9\x06M\xd3U:\xa7h\xae\xd2f\x8a\xdb9,\x07`\xb9|\xda\x93\xb7#\x8d:?\xa5\x05Y&lt;(y\xa6\xe4\xeaF`\xa1\xb0\x92w\x91\x18t\xced\x13K\x0e\x82T!o\xc1\xf5U\xba\xd4\xd0B#\xeb\x8b\x96\xd8R\x89 #j\xaem\x15o\xca\xd5s\xe1\x16\xc02\x02V\xcc\xc5`\x99`#\xcb\x1e\xf1%O\x8f|\x1e\xee\x04\xf2\xf8Y\x0c\xbe\x1c%\xe8\x14\x14W\x13\xabX\x0c\xddT\x8b\xd02{\xec`\x1b\x1aw\x9f\xdbY.\xb3,\xa3O%d\x8aP\x91\xc3\xd2\x02\x96\xce\xa8r\xec\xc6b^\xa3\x94\x15f\xb2O\xf9r?\x82\xd1\xe7%\x8d\xfa\xe4\x84}V\x81\n\xa1HZ\x14I&amp;\xe7d\xb2\x9b\xc5\x10TW\x18\x9ba\x06/O\\,\xc3\xd6\xec\xf3^\x9e\xe8\x1d\xea\xd1\xa7F\xb4S\nn\x99\x02V\xbb\x14\x01\x1d\xb8T\xcb{\xa5\x9d\xf6\xec\xad\xc6&gt;oZ\xbe\xf5\x80\x8d&amp;F\xde\xd6\x07f\x0bP\xf3*BjmOB\xc9C\xd7R\xc8\xc3A\xf1\xf9\xdb\xbd\xd7\x17\xefLx\x03\xde\xde;\x0f\x16\x17\x17oT\x83\x91\xc8\\_\x9fL=7\x97\x8cX\xa5\x04\x83R\xaeJ\x8dRZJ\xb7\x82\xafx\xf3d\x02\xc1\xfeq)9\x96]\x1f\x9a\x04\xac\x01TEK\xac\xd01!\x89S2m$\x98\xaa\xce\\@Qj\xe8\xfa\xc5\xebC\x01\xa6\\.\xc3\xee\x93\xb2\x86s\xb2\x9c6\xcc\x1d\n\xd2*\x14E\x01\xcb\xa8\xf4\xb0\x19\xdb\x11o\'o\x02\xc1\xf4Z5\xe3D\xd1\xa1\xf1X~r\x80B\t\xa9\xc4\x1a\xfer\xea\xcb\\\x8e\xa3JI\x9c%\x83\xc1\xb7\x96\x06\xb5h\xb1\x1b|\x06\x9d\x8e\x16I"\xc9\\.\x19\x89D\xacb\x02\xa7p\x95\xabr\xe6\x8cz\x0c\xbe\x03\x1em\x8f\xa0\x7f\xbf\x94\xcd\x1a}\xa6\x81&lt;$\x91\xa2pDj\r\xcf\xcd\x85!\x18\xc1TFL\x03\x94\xcf\xb6\xfcjs\xf3\x95\xdff0\x99\x1c\x8c\x8a\xd0I\xdb"\\\xac\xac)\xc0Bq\xdcQ9\x8bvt\xf9\xb6\xf8u\xfb\xd3\xcb\xb7\xc6\xaa6\xdf@~\x07\xb0P\x1c\xb4MR\x1b\xb1B\xe1\x88\xc4\x88\xd1d2\xf9|\x96W\xdcX\xf6\xd8\r\x06\x13cT\xa9Lvg#\x1aN\x89\xc4\xb0y\x938\xe5\xaa\x9dy\xa2\x9e\xb5#~o\x14\x05G\x9e\x14\xeb\xb33\x95\x02\x87\x05r^\x14\x89\x88 \x14"\x824\x1aM&gt;\x9bM\xa9\x89\xfb\xc1\xf6G\x1b\xd9,M\xebL\xf0O\x93\xc1.L\xb6\x889,H\xa3+\xb6\xb2}\xc0\xabs\xfd\xff\xc6\xe8;\xf65J\xbb\x85Y\xa8-\x1c%\xc5V\x91\xc8*\xc1@\xd4\x1bM\x06\x9b\xb2\xad\xad\x11\x8d\xfa\xe3\xd1F\xfd\xb4{\xd8L\xebt\\\x00}\x06I\x87\xd4\x0c\x12\x91 \x99\xa5\xc2F\xff\xe8(\xefw\xe8\x82\xd1\xb3\xe3R4\x9a\x8e\xcd\xba(\x1c\x8a\x05\x13a"\x89\x14&lt;\x8d\xd1\xa8\xb3;\xc5\xa7\xd5j}o\xef\xdd^\xbd^=&lt;&lt;\xd4\xe3\x10,_\xdag\x97\xb6\x08I\x02\x01\x95\xc8\xec\xaeL\x7f\x8a\x17\xc4\x05\xad?\xad\x96\x94\xce\xf4N\x05\xb0\x08\x12\'0B"\x85\xf2\x86a\xc0\x86\xf5\x87\xd5zioo\xaf\x04\x1f\xf5\xaa\xfe\xb0\xe7\xfc\xc5\x1e\xc6\x97\xb6I\xdb\xbf I\xb1\x18!\x1d\xb5\x95O\xf4\xa6T\xff\xf6\xd3\xb5\xad\xa3\x95\xda84\x08\xa8b\x92\x10\xd2:\x9f\xcf\xc40\xfa\x99\xc3u\xa0j\xfeU\xeb\xf5\xfa\xfa\xfa\xe1\xe1\xed\x07\x0f{M6\x8fS\xa9$U\xb4\x18Q\xb9\xce&gt;\x15\x16(\x89\x8d\xd1\xcf~\xcc/x)\x02\xb4;\x8e\x08i\xbb\xcd0x\xe9\xd2\xf9\x99\xf5\xdf\xc7\xe9\xfa\xbf\xabl\x15\xa0\x0e\xdf,&gt;\xfcn\xd0\xae\xd4tE\xbb\xc0Qb\x84j\xb5\xf0\xc9\xb0&gt;k\x85\xe2\xd8\x88-\rP$B4\xb1l\x1e\xdd\xa5\x87\x0fn\x03\xc7z\xb5\x9a\xde\xde\xf6\xbf\xdb\xde\x8e\xefY\xd2\xe9\x9f\x07\xfe|\xdd\xa0\xectwvv\xe1\xa8\x8e\x06\xb9\xb5\xf2\xe3\'}\x99r\xb409\xe0\xc5\x11\x0c\xd7\x13m\xd2.\x8b\xcd4qmb0\xbd\xb6\xbc\xb9\xb9\xbd\xb1\xb1\xbf\x7ft\xf4z\x9b\xbb1X\r\x94=Q\xcd\x14\x98W\xf4\x7f\xbc\x9c_LZy\x16\xc7m\xd5Rm\xaa1q\x80\xcbU\x0c\xe8\x85\x072$\xd7KS\x1e0\xf4^\xc0\nK%t\xa0\x01b@\xd2\xc6\x94B\x18\x17\xcd\xc6}\xd8\x1d"`\x18\x9b.\xac\x8e\x89\x11\xd2\xa6\xd9\x87\xb6\x18\x8d\x81\xd4\xd6\xa9i\xd3\xba\xeaV7\xd6?\x8di;\xce\xd81vbL\xacikm\x8d\x19\xb3\xe7w\xed&lt;\xeeng\xa7\xec\t\x06C\xe2\xf5\x93\xef9\xbf\xf3;\xe7\xf7\x07\x9c\xcf\x17\xbf\xec\x1c\x1c\xcf\xea\xd1\xd3S=\xa8)\x13\x95\x8b\t\xb1\x03\xa3T\xaaj]\xa0i\xe0\xc5\xdc\xdc\xf7\x08\x89\xfd\x19\x9c\x9bhy\xfap\xf8\xe6\x85\xf0\x17_\xaa\xc2\x18N\x88D\x8a\xc5\x9e\xc1\xf1lR\xe5\x94\xdc}\x1c7\xe1\x10\\\x84\xc2\xc6\xa5\xce\x9fW9\x1e\xde\x7f\x99\x9a\x98\x99c\xc9\xe6\xbe\x9f{\xd1\xb5\xb4\xbb:&lt;\x8ck\xa9\xb0\xea|\x98\x94\xc0\x00\x11\xdb\x7f\x1e\xec\xb9\x9bU,\xce\x83\x05\xbf\x07\x82\x8b\x8f\xe3Z\xc0\xfa\x9d\x8a\xba7\xfcpu\xf7\xe9\xbdt\n\xcd=\xebK;\xbb\xab\xab\x80u\xd3\x8a\x16\x04H\x8cO\xc8\xc5\xf2\x81\x85\x9e\xebw\xb3{~\xf8O\xb7\xaf\xc7!\xb8\xf8\nBg\xa5T_\xaa\x1c\x8e\xfb\xc3\xc3@\xf2fwsgkgkkggw\xf7\xed\xf0}+\xda\xd6\xabvHtmr\x85}\x0cz\x80\xecb\xe5&lt;\xe8\\\xe8@^T\x10\xb8\x94T\x81\x13/4\xe3\xc0\xb5\xbb\xb3\xb5\xfe\xea\xd5\xab\xbf\xbfZ\xdf\xda}\xfa\xf4\xa6\xcd\x86\x91\x82j\x12S\xcb\xdb\xa02\xfd\xb9g\xecR\xb6\xb1\xfe\xb9p=\x0e\x1d\xbf\x18\xd7\x880\xaa\xba\xdaa\xb5\xd6\x0e\x0f?\xdd\xddY\x07&amp;0\xd0\xeb\x9e\x03\xea\x08\xac\x98\xa2H\x9b\xae\xadMn_\xbc\xdd9\x7fi\x90\x93\xdd\xd8\xfa\xa6\xe3v\x87\x1d\x12\xbd\x90\xc6\xd5$$&amp;\xca\xda|\x13\xda\x9d\x9d-\x98\x12\xd7\x97\x96\xc2K\x17\x80\xd4\x86\xf1H\xd2aU\xdb\x01k\xeaq\x8f\xbf/\xcbX%\x0f\xee\xccwv\xc6\xa1\xd0\x03/\xeal\x14\x15\x0e\x936\xad\xcd\n\xfdE}}:\x9d\x86\xe2\xe6\x82\xd5\xc1%\xb9`6\xb4+L\xd8\x17\x17\xaeG\r\x97\x06\xb3*\x16g\xfc\xce\xe5;\xb7\xc7Lr\x91X\x81+\xb4\\.\x15&amp;\x1d6\x9b\x95e\xba\xb5\xb8\xd8\xdd]_O\x92\x02A\x19\xd7\x81\nB\xbb\x1d\xc4Z\x98w\xe9==\xd9T\x0b\n\x89;\x97\xfb\xc6:\xe3mB\x05t\x0ej\xe4+\x1e\x97$\xc1\x9b\x00\x86\xb6\x9f\xa0\x14\x0c\x87e\xb22\x1e\xa6\xd5juvy\xdb\xe2\x82\x1f\x9a4Og6o\x18 \xac\xbe\x1b\xdf\x8eA\x1d\x01U\x17x\x91\x0b\xfe*\x13\x84\xabe\xaak--\xa9T\xaa\xab\xe5\xbcJ&amp;\xfbJ \xe0b\xacXm\xde\xb1\xc7}.#cz\x9c\xcd\x93\xfc\x9c\x1c\xc0\xf2%\xfb\x1eC\x92\xc0\xe5\xb8\x0e\xbc\xc8-.\x96\xc9\xae]S\xa9\xce\xb7t\x81\xb5@\xe6g\xb1\xc0\x87j\xbb\xdb\xe4\x19\x9b\xf7\x19\x19\xb3\xa9\xe3AV\xbd8~\'\xeaKD.\x8f\xc5\xa1\x03\x02,\x07\x8f\xc7-\xfb\xcbW2\xb4\xc4\xdb\xd2\xd2u\xb1\x0b-/\x0b\x04a\xca\x8aB\xeb\xa5\xdb\xed\xbf\xe4\x0b*C\xb4\xd7\x9fM,\x14\xf2QW,\x91\xbc\xecw{iB\xa1\xc60\xac\nz\xc2b\xd95\xc0\xbax\x11\xc9\x85b\xbe\xba\xde\x8a\xc6\xe1T\xdc\xef\xff\xd6g\xa4\x89lc\x95\x8c_\xb2\x18\x8cP|\xce\xc7Mf\xe2\x03W\x99L&amp;\x08\x87\xd1\xaeF\xd7\xcc\xcc\x04\xda(\xa8\xbf\xd0\x0c\xfd\xa2\x1b\xa8\xfa"A\x86\xc0\t\xaf\x7f&lt;\'\xcbXJ\xa51\x18\x19\x8d\x9a\xbc\xa0\x97N\x8a9x\\\xc8\xaa\xec^\xcb\xc4\x0c`\xcd\xb4t\xa7\xd3\xdd\xcdSv{\xbc\xa3\xe3\xf2hL\x19"\x84\xb8\xd7\x7f7\xabj\xdd\x05\xac\xab\x8c\xde\x15I\x06\x9a,f3\xa1\xd6Z\xad\x0e\n\xb2h=\x82J\xa5f^L\xa4R\xe9\xf4\xc0\xd4\x94\xdd\xe3\xef\xe8\x8f\xf8\x0c\x0c\x8d+po&lt;\xcbX\x1e\x0bC\xd3\xb4\xd2\x95\x1c\xf2Y,\x16\xaf\xbc\xb6\xd9\xd6\x0c\xd9\xb4\xbe\x05\x01\xdd\xba5311\x93\xbe\x85\x0e\xd9\x98&lt;\xfe\xfeH\xc4\xa0\xa45B1N\xc4\x07\xb3xe\x8bS2\xe81\xd3\xe0\x14Z\xefK\x0e%\x0cz\x8b\xb9\r5\xaa\xdd\xdd\xe9\x148\x10\xb0R3\xa9t\xf7\x00\xa2j\xea\x9f\xbf\x11q14Z\x1c\x10\x12\x9e\x85S\xd9\xc5\x02*h\xdfY\xaed,h4\xb7\xd9\xa7\x10X:\x85\x0c\x1d3\x00(D\x15\x8d\x8e&amp;\rf\x04\x85&amp;\xaa\xff\x07\x96\x88/\xc2iC\x02\xb8\x12\xc0\xe5uO\x81\x01X\x1a\xa8\x16\xf7\xa1LM}7F\x93&gt;\x0b\xa1\x13\xf1\xf9|\x91\x18\xf7t6r\xb2\x95\xb48\x9c\xc6N\x13\x8dC\xcd\x0c\xf5\x96\x19q\r%bA}\x93\xc9=\xe5vO\r\x0c,.\xc6\x07\xe2n0S\xd4\x15\x19\x1a\xf2\xe9!\x83h%\x80%$L\xd7\x1b\xb3r\x1d\x9c\x83.R\x8f/\xf8M\xb4P\\.\x81\x96\x14gX\xae$\x80\x99M`n\xd6&lt;H\xa9\xa6@d\xe8\xd1P\xc4`\x96\xd7\xda\x1c\xd2J\t\x1f\xb0:\xd0\x8dSN\xce\xa7&gt;\x1dxjc\xfa\xeb%\xf7\xbc\xdf\x14\xd2\x88\xcb+%\x12(\x9b\xf7\xf5B`F\x18\x94M\xde&amp;d\xd1h\x00\x94z\xf4h(\xe9\xd2\x13\xb5Z+\x17\xab`\xb1\xe2\xdftLLNo|\xd2K\xa7\x9c\x92\x8dw\x9bkk?\x05\xa2\xfdM\x0c-,\xaf\xac\x94J\xf98\xcd\x18 \xee\x1f}\x07\x08\t\xb4\x96\x1bs\xf9|\x91\x08\xfa\x04}\x04b\xe9\xb4Pb\xf00\x84\xe5\xf5\xf4\xf7\xff\xb4\xb6\xf6fk\xfa\xd3%\n\x0egc\xab\xf7\xf5\x13K\xc0\xd5\x17\xb50\x1at\x8c\xb2J*\x11\xe1\xc4\xbe\x1f\x01\x03@X\xfbn\xff\xd7\xa1d2\xe2Cb!,)\xc4\x16mn\x8a6E\xf5\xaf\xdb\xdb77&gt;\x89\x1f\xd9\xaf0h|\xb7\xf6\x84\xb1\xe8\x8d\xae\x1b7\x0cW\x11Ve\x15&amp;\xe5\xeb\xe4\x84\x1e\xa6\xc7$"\xdb\x07BH\xbf\x1f\x1dMF"\x90\xde\xcd:5P\x01\x96D\x8c\xd3fpn \x1ax\xf2z\xef\xfdo\xcf\x14\xe8\xbey\xe3\xc6\xf6\xe4\xbb\x955\x82`BJ\xf0R\xecI\x08aUTUHE\n\x05m\x8c%\x12\t\xa0\x18Ew\xd9F\x11\x0ek1_P\x8f\xb3Te\xfbX\x96@@\x1f\x08X,\xc3+\xcb\x93\xec5p\xceo\x88\xa8\x92\xc6\xe9w\xcf\x9f//gZ\xdf(\x84\x1a\rc\x88%`\xeaEN\xac\xa8\xaaB\xab\x818cDA\x15\xf3\xa1\xd3e\xfbf0\xb8\x0c\x86`\x10E\x96\x83\xcb\xaa\x05\xd9\x84\xd6\xbb\x0c\x8c^\xcf\x98\x87WV\x96\xdf\xbd\x9f\xdcn\xfc\x1f\xaf\xa8\x83\xebNm\xffcko\xa5\xa147\xb7\xa1a\xa5\\t\xe6LHi\xf0%\xfe\x10:s\x12qUT\xf1\x1cZ1\xcd\x18\x83\xc1\xa0\xd1`\x84y\xc8\xec5\x83Y\xd0\xcd\x1e\xa3Q\x89\xab\xb5\x8e\xb2b6\xe2\x15\x1a\xa0\xd734\xc3\xd0ogs\x0f\xcc\xce./o}=\xbd\xf1\xeb\x83\x1f}\x05\xc5\xf4\xfaj\xefH&amp;7\xf7\xc0\x81\xbc\x03\xa5\xb3\x9b\x95\xe5\'CW\xc1g\xbf`UAo\xe1P\xe3\xa1\xabJ%\x03/\x80jk\xf3\x12^\x16\x8d\x01\x00\x9d\xcd\x01\x055\x17CX0fcJ\x98\xe1\x19\xe6M\xde\x81\xbc\xbc\x9a\x9a\xd9\x95\xbd\xbd\xe7\xef7r~\x9d/!\xc8\xa7\xb7\xd6z{\x01+\xaf\xa8\xa8\xa8\xae\xee\xf8\xf1\xe5\xaa\x8a\x93\x1a\x9a\t\x02\x96f_-\x1e\x17\xba.5\xce\\\x05\x08\xc6L@[/\xd7\xc9\xe5vx#h34\xb7Vh\xcc\x8aQ\xc4C\x8aS\x06c\x0c\xad\xd1\xe0\xc2\xe5\xe3\xc7\xeb\xea\x8a\x8ajf3\x99\xcc\xca\x8f\xef7&gt;\xfe{\x10\xd0\xc8\x9b^_kw\x8e\xb4;\xcf\x9e\xcb;\xc6Z\xdd\x95?\xf3\xca\x81\x8b\xc5:\xf3\xc1\x89U&lt;\x0c\xc2+\x14\nA\x99 \xd7\xd5\xfebr\x1c\xea|\xbe\x8d\xa4\x042P\x0b2\x89\x90V\x06\x83\x8cF(\x14\xbe\x9d=\xce&gt;\xae\xb0\xa6\xa15\x93\xc9\x9d\x05\xb0\x92\x8f\x03\x03\xa8\xc9\x1d\xa4\x94\xb3\x1da\xe5\x16\xb2v\xac\xf0\x87\xd3\x95\xe5g4F\x16\x0b\xe4\xc2\xaax\xa7O\x9f\xc6D\xd0\xf6kht\x85\xb2V\xadU\xabk\xd1\x92\xbc\x0ezH\xb1\x94K\t\xa0\x8d\xe5al\xdaR\x06\r0i\x89O\xbe)\xaa+,\xcc\xcf\xcf/\xac)-m\xcd\x9c[\xb9\xf2\xec\xc7\xc9\x8f\x11\xec\x03\x94\xd3\xe9lw"\xaa\xd6\x86\xcf\xf2\x0f\x1dB\x0f:\xf1\xfc\xaf\x95"\x8d2\xc6b\x9d\xac\xc4x&lt;\xb2\xec4\x0fBG,\x84\xda\x051\xd9\xa4Z\xf4\x06lP7\xf0(\x8a\xf5!&amp;\x11\x89\x11\x96\x91\x86Z\xe2o\xcf\x8a\x8e\xe5\x1f:z\xf4P\xfe\x95\\\xc0r:3\x10\xfe\xeb\xdb\x8d\xff\r\x0c\x02}\t\x94r:\xe1\xd5\xde~\xf6\x1c`\xd5\x1c=\\PP\x00d\xcf\xfeXQ.db\xc1\xab\xfbj\xf1xe\xc5\xc5$\xc9\x055\xa0\xa2PC\x13m\xb3\xa1\xe5\x08+4=|&gt;\x12\xab\x98\xda\x0f-\xc02\x06\x8d8_"\xd9\xbcRt\xecP\x01&lt;\xefDnC\xeb\xb9\xcc\x08\xf8#\xb3\xb7\xb7\xfaj\xfa?*\xc6)\xd9\x86\xd1\xd7;22\xe2Dr!\xaa\xd2\xd2\xdc\x13G\x8e\x1c9X\x90\x9f\x0fr\x95\x8b\xe9`\xf0\t\x8bU\x01X \x07Eq\xa1r\x91`\x0e(\xe9I\xd2JQ\xe8h\x94T"\xe5\x91\x82j\xa4\x16\x9a\xa4X,\xa5\x90/\xa9\xf8\xe1\xb3\xba\xc2\x82\xc3\x07\x0f\x1e\xbeRZ\xda\xd0\xda\x9a9\xdb\xde\xde\x0e\xff\xaewu}\xfb\xdf\xe6~\xa8\xa6&amp;w\xd1\xe8\x1b9\xebt\x9e\x85\xbf\x00\xa9 g\xe5\xd6\x1c\xf9\xfc\xf3#\x87\x8f\x02\xd7\xe6\xbf\xe88\x9f\xd0\xb6\xd2+\x8a\xeb\xfd\xed\xfb\x93\xf7\x94\x01}v\xe4(v\xe2\xa8\x96\xc6\xb2hlGQ\x18\xf2\xca\x9bd1Z\xb4\x10l:\x94X\x98\x82T\xc8N\x04\xd4\x11u\x0b-q\x837e\x86n:\x0e\xa9\x118\xab\xae\\p6\x81f=\x1d\xba\x18\xef\x14\xb4\x90\xed\x90EfQ\x12l\x9a\x04c\xa6=\xe7&gt;9\x1d\xa6\xedg\x12\xe2D\xd6\xfb\xbds\xcf=\xf7&gt;O2\x17\xcf\x9c\xfd\xe4\x93\xa7RD8&gt;\x872\x01\xeb\xa7SSS\xfcf\xc4\xfc\x9c\x9c\xf9\x9f\xdc\xca\xe2\xd3yb\xd1Z\xe7.\x8c\x9f]\xbd\xfa\xdb\xeb\x93S\x85\x97q\xa5b\xb9:n2\xd2\x8c\x0c\xdc\xd5\xa4\x7f\xa1\xc2\xfa\x8b\xe7_\xff\x9fJB\xaa7\x87\xa4j\xa0\xe6\xcb\xcd\xc6\xddF\xbd\x9e\xc9\x98\xa1i:\xe5rYg\x19\x07\x7f\x98\x1a\xbf\xfe\xf4i\xf2o\x1e&amp;\xb2\xb9y\\y\x0c\xf6)\x14\xc817w\rP\x04\x1d\xcd\n\xf20\x1e\xd0\x13\xabW\x7f\xf4\xe1\x99\xc2\xad\x81U\xf1l\xc7\xf1\xfd\xd845\xdcp\xa6\xdd\x80\x7f\x1b\x8f\x05\xec\xeb\xff\xa5\x17\xe2\xf3\x8b\xfd\xee7\x80j\x82h\xb9\x89\xfbh\xe2~\x0cU\xa9\xd5,\xca\x05.;\xde+\\X}\xfas`\xb1\x8a\xd9\x911D\x80\\;\x8bhM\xb0\x006K\xac4\r\x9f\x93\x8c\'\xd6\xf5\xab\xc0z\xd9GC\xb3\x86\xba\x02\x16S\xdah\xd2*\xdb\xdb\xc0Z?|\xfb\xdf\xffg\x12\x14\xf0m\xbf\xdb\xfd\xa6\x81\xde#Q\x9bbe\x8c\x8c\xe9\xd5*\xb50.K\x19m\xbb\xf7\xf2\xcc\xd9\xd5!\x16\xdc\x95\x83&amp;s\xb88\x8a62\x9f`\xf1\xef\xb7\xddB\xa0\xa5)V\x0ess\x88u\xfd\xfbg\xee\x0fb\x8a\xa5\xeb\xbe\x1b\x99&amp;\xd3&gt;43MH\x80\x08\x83^\xcf\xfao^\x7f\xa7\x8e\\\xf3\xfa\xdd8\xdei\xe35 j\xb7E,\xc3P^\xb5\x16\xd6\x94\xce2\x92\xab\x7f\x7f\xf2\xc6*\xb1&gt;\x02\x16`ri\\\x1c)A\xb9\xe6\xae]\x932\x02K\xdaa,\xcd\x7fTs\x11\x8dxcu\xf5\xfa\xd9\xa9\x97=O\x9c\xe5\xeb\x16\x9943\xacU\xa2\xba\xdc?\xa2u{\xc7\xed}7\xc3\xde{}L*+\x82\x9d\x9a\xa0\xaa\xe3\xa7:\xa6ad\x85L\xe5\x9aWN\xf4\xb2\xe2\xc1\xc3qP%U\xcc\xe7\xc9%\x9a\x14F\xa1\x978\xfew,\xe2\xe8HZ\xa8\xf2X\xe4\xcf]\x98\xbcqc\xf5\xc3\xcb\x0f\x07\x96\x07\xb1\xd0\xd6qh\xe2\xbd1\xd5\xf0\xd6\x1a\x8c\xdc\xc4.\xb0\xfdxG\xd7{\x83\'\xffx\xef[\xb6\xfa\xfb~\x0c*\xdbRF\xa6\xb9\xbc\\7p\x0fM\xb8=\xf4&lt;|)\xbe\xbc\xc62\x96%%v\xbf\x04\xd4$\xe4\x02\x17=\x85i&lt;\x9a\xc7\x0e\x8d\t9\xcb\x04\x9d\x1d\xa1v"\xd6h~\xa8\x16\xe6\xc0\x8d\xcb\x87\xb1\xe5!\xb3|\xdf\x81\xb3\x8c\x0c\xb8\xcc\x9aW13\x90\xcb\xd0\xb6\x8f\xee\x1d\xe2\x8f\xf4\xfe\xf1\xbb\x08\xfb\xde\x8f\xdf\x82\xaakY\xc8\x80\x9d\xf6\xf2r\xdb\x80\x13\x1buP)\xdc\x9f\xa7L\xd8^9\xe5\x93\x948\x9c\x9cd\x11\xc9\x85\\\xc8\xe5r##\xb8\xfaT\x010\xb7(T\xb6\x90P\x8d\xe5F\xb0\xc2B\xad\xc9\x8f\xb1\xaa\x8d?\xef[\x9e\x05\xbf\xfbz\x1c\x86\x82\xa5\x99\xca\xb3*\x1a\xfcR\xdf~\xd0\xf9\xf5\xae\xcf\xfa\xf68%\xa5\x80?{[\x16*\x0e\x99\x9d\xc6r[\xc3\x1d@X\xa8\x0cP`\x85\n;\x04\xbb\x91\\\x9e\xd5?\xbc\xf0\x91`\x81\xab\x90_H\x03l\x01\xc5\xa2\xd7p&amp;\xf2\xc4J\x97J\xf4\\&gt;;A\xcb\xc3\\\x97?\xda\x8dq\x01\x96\xd0Q\xd5\x10\x9b\x12\xe5B\x07Xf\xe6\xf1\xd1\xd1\xbdN\xf1\xden\x19\x7f\xe8\x97\xf5\xf2\x9b\xd7\xf2\xf4\x00\xb3w\xe3\xae\xb21\xa9\x80\xd5\xd4B\x13b\xb5\rS\xd9\xae\r\xb5\xc2HE\xaaV\xb3\xfd$\xbd\xc0\xf5\x8b3d\xe2_\xe5\xbc8\xb1\x90\xe6\xc9\xe5\xb1Q\xf0q\xa8\xc0\xe5\x10\xc6*\x95\x80\x9b\xcf\xb2\x8a\xe2\xad\xc9\xa4\x84z\xe2,\x84C\x86\xee\xaay\x81\xad\xb6\x1f\x9c?]\xbc\xd4\xf9\xac\x0f&amp;\x9f\x17\xe9\xed\x0f[\xb0\xdbU\x1c\xc8\x08\xa6\x9d\xa6\xa1T\x1dbe"\xcf\x02\x96\x15(t#\xe5Rn9I/p=\x14\xa6s\xb2\x0c\xe6\xe4\xc0\xdd \xcb\xb2\x92X\xdf\xc7$\x1dF\x05\x0b\x96\xffx|\xfc\xf9\x8e\x18\x0bX\xae"\x95\xc1c\x86^\x10\xec\x1c\x15\x8b\xa7\x8b\xd3\x9d\xa3X\'\xb4\\\x84-\xd8\xed\xee\xc4Jq\xdb\xb0\x02w\'\xa3&lt;\x8dL\xfe\xea\xac\x00\x00\x05\xecIDAT\xce\x8a\xb0\x13\xd9\xae\x1bt\xcd\x08T\xe8\xe5\x9a\xa5\x97}r\xc1"\x83\xfbS(\x9a\xa85\x91_\xc8\xe5\xd2\xb9\x05r\x8d\xf2\x08\xd5\x1cj\x08\xb9\xe8y&lt;\xe8NN\xfes\x17\x95\x08H\xa5\xabP3\xc8\xc5*\x86\x9e\x15\xbf\xb8R,\x9e:U\xec\x1c\xd8z\xe0\xf8\tX\xea\x0b\x9a\x1d-\x08[\xa1^6r\xce\x0b\xdb\x14\xcbT\x88\x18H\xa3\xd0\x89Q\xc2\x15\xfb\xbc\x1f\x07\x85\x8d\x07\xf7\xb3,\x0f\r5\xb1\xb0\x00,\xca\x05\xbe\x11R\xb1\x84%\xca\xc5\xdf\xccr\r\xfcr\xd7\r@E\xbf[R\xc2d$\x1aZ\xc5\xdb\xfd\xf3\xc6\xa5\xe9\xe2\xe9\xf3\xc5\x83\xc0\xb5\x05\x1c\\\xa9\x01\xa9\x02[*\x88\x13Da\x98\x11g\xa9@wPC\x0f\xf1\xa0&lt;\xccE\xb3Z\xad8:\xdf\x99\xc31\xde\xcdc\xed\x9c\x90\x1d5\x9fp\xe5\xe4\xe7Y\x06\xd9\xa7%\x80aL#\xd6\x92\x87\xea\xdd\x98\x97$U\x00*F\x03Z\x11\x03W\x0b\xd5\x8b\x9b\xc4:uz\xfa\x85\xcb\x96pE\xb0\x94\x1b\xc7.\xad\xce&gt;\x0cP\xb3\xc8D\xc36\x9a\x99.\x97"\xaek\xa4\x82\xb5B\x13+\xb8\'\\\xa4\xb5z{\xb8\xe2B\xfe?X\xf4=~\x80\xea\xd3\x92\x1c\x84\xe9Bz\x0e1v\xabp(T\xba\x94Ple\x86\x91\x96\x91E\xe0\xd9g\x1bK\x1b\x97\x80\xf5\xc7u\x1b\xae\r\x92B\xa7 \x15\xb2H\xf6Xb\xc5\x91\t\xbf72\n6s]\xc7\x89U\xe8\xa1\x0f+\x94\x0be\xb4\xc1\xe48\xc2\x15\xef\xcd\xce\xa3f\xe2\xf4\x05\x8e\xa0\xf4\t\xdaoJ\xa55\xc9\x07|:\xc6Y\xf4\x12.\xc1(LJ(\xd5\xd3$\xb9\xea\x98#GW\x80\xb5\x01\xd3\x7f\xb5\xae\x90F` W\x8a\x05\x84\x87\xc1\x85\x12\xba\xae\x15\x19\xedF\xa3\rq\x01\xa5;\xb6R\n\xce\xf2\x04\x0bzU\xb0\x95\xf0\x0f\xdc \xb6{{\xf3\xf3\xb3\x88\xd2\xd1\xfc\x84\x8c\xa0\x04kL\x8c%G~\x891\xf9\xcb&gt;.\xc2\xbb\xd1u\xbb\xc6\xc0\x82\xa9\x10\xd5\x1a\xb9\x0e\xee\\\xd9\xd8\xb8\xb9\xd1\xe9\x14\xbfZ\x8f\xc4K\x94KO\x05buQ\xcb"\x16F:J\xa8)\xd8\xdd\xe1\xacQ\x1c@\t\x15fE\xad\x02\x87p3A}\x83\xde\x1e\xffk\xe2,m\x95N\x8e\xfc\x82Dk\x8b\x8b\x8b%P][\xbc\xbd\xf8\xfb\x81M\r\xf8eA\xad\n\xac\xba$)\x13\x15T\xc5K\x1bKKK\x1b\xc0\xba\xab1\x8f0\x07\xf0\xf6)78\xc1\xa2\xe1]Kk7!\x162\xcaa\x15-\x15\x85\n?B\xb6\x0f\xe5\x02\xd7\xb0\x8eA\xe0\xf6\xf6\xb8_1\xa3JI\xeb\xc9)\xad\xad\xad-\xb6\x80U*\x01\xee\xf6\x0f\x07\x89V.n4\xacVE#\xe1\x8aLc\xfd\xce\xf9wX\x9f\x1f\x18\xb6\x8b\x19\xe2b\xa3vRp\xb6-XI#ZF\x1b\xeb;\x9c\xc5Z\xa1\x86\x84\x8aP\xc8\x04\x0b\xdd\x88U\\g=x\x1dr\xe1\xa0R\xb8\xfe\xb5\xc5a\xed\x16yZ\xad\x16\x7f\xeb\xfd\xd6\x07\x03&lt;\xe7\xe0\xa51\x04SU\x88\xa5I\x0b\xa2\x8c\xa6\xb9~\xa7\x88\x03\xac\x9b\xe0\xfa\xfc \x03?#\xbe\x81\x05\xb5tY\xef\xf8\xb5\x01\x1bOkc\xea\x84\n\x9f9\xd0\xaaB(\x0bX\xb2KbC\x12.\xc1\xd2\xa9Zo\xef\xf6m\\\xff\xf6\xe6\xa6P\xc8Y\xc3G\x0b\xbf\xc1\xb3\xf9\xc1 \xe6\xfd\xa1\xd9]\xd7\xab~\x0b\x0b\\\xdb\x7f-\x9e\xc7G\'\x91\xeb\xfcA;\x82\\It\xa5\xd8\x8e\x92),\x0c\x84\xd3\xea\x19\x0cv\xd7\xc7\x9b\xa1\xbc*21\x10#\xa1\xd2\xcc!W%\xf0%\xbf|r\xed\x93`ss\x85\\\x10I\xaa\xb7\xd6j\xad\xac\xacl\xce\xb4\xa0U \xadC*j\x95,\xf0\xe0\xc2\xe2\xbb\xfd\xa0\x98\x1c\xb4"\xb8\x8aGm\x03a\x90L\xf3\x14+\tg\xc3\xfd&gt;\xc0\xf8\xb0\x8b\x08v}\x1fo\x14X\x8a\xdf\xc4\xe01\xb5\xaa\x90\x81\x8d\xfe\x92\xfa\xebR\xccx\x7f\x06\x08[\xbf\xda"Wkfs\xa5E\xb1V\xb6\xb6\xb6V6E+\xbeP\xa8x_2\t\x13\xb9\x86T\xa7\x8a\xc5\x0e\xb1\x96:\x0f\x9a\xf5\x13,=\xc5[\xb6\x95w\x82\x85\x80@\x1e\xc0\xd6x\x05\'\x0e\xf4\x89\xe8,S\xf4\xe7sA\xb5\x86\xb8\x97~\x94\x96w\x83\xc1\xabG&lt;\xe0j\xcd\x00g\x06t\x9b[&lt;+\xaf\xfa\x81P\xb9HleV\xc3!\x15\xe5\xaa\xb7\x8f\x8a\'G\xaa\xb8\xd4\xf9K\xa3\rO\xdb\xf2\xbc\x96\xc2(q\xad\xd0#".\xe5Y\x91\x89\xf4t\xfd\xc0\x0b&lt;\xf6\x9fI\xbf\x83\x06\xb6\xa8J\x19\x93X\xe5&gt;\x97\x90\xc1a\xbdc\xe1B\x1d!\xdbJ\xeb}\x11\x0b\x9f\x1f\xf7\x04\xddq`Z\xf8\x8aIe\xc8\x90\x06W\xfbh\x1a&lt;\xf8\x10,\xe1\xbar\xb7\xdd\xe5n\xc5&lt;M\xe9\x08Q\xac\x9f\x18E\xf8z\xbbfG\xd8\xdf\xb1\xc1\xd8\xc0\xaa0I\xd1\x89CO\xc1\x19\x919lG\xe6*u\x160\xd7\xd9\x7f\xf2\xe8o\x8fP5\x94\x13X\xa0\x02\xe5\xcc~O\xe7\xad\x92\xca\xf2B\xfaJ\xe3\x8a%\xf6\xaa\x1fL\x0bP\xb1\x83\x93P-u\x0e\x9a\x11b\x8a{\x06:\x11!\x1aj\x9e+\x97\xb0*\x96fD0\x9aoYX\x14\xf8"\xcbJ\xe2\x81U4\x87\xbai\xe4z\xa7\x17gQ\x99\x85\xdc\xa2\xc9\xc0\xb5\t\xaa\'\xc7=\xd9\xb29@\x11\xd8!\x1f\t\xf9\x80\xae%tC\xaai\xa1J\x8a\xb8\xb4q\xd4\xd4\xb8\xb7\xdb0-\xb1b\xd3P\x12\x8f\x0e\x1e.5MA\x08\xdd\n\xfca8A\xb5ZM\xa0LIU&amp;"\x9f\xa4*^ /\xc0Kz\xf8y\x7fF\xb8\x04m\xeb_\xc7e\xc7/\'[c\xcc%$\x8a8s\x9e\xc97\x16\xe1\xb0$\xb0\x08&amp;g)\xe1\xfaS##\x8f\x13x\xdb\x94\xed\xd9\xb1A,\x0c\xd3\xa0B\xb5\xe0,\xdf\xf1\xb8\x8a\xca\xc3\x8e\xcdb\xb2\r\xe9\x0eZ\x0c\x8dd\x98\xb5\nn\xc1\x96fd.\xe1\xf2\xbd\xfd\x1f\x00\x0cF_y\xf5\xef=\xbc\xce\xc9\r\xd1\r\x14\xe7\xe4\xf2\xf0\xb0\xbdp\xe1\x11\x08\x80\\\x054kg!4\x0fB\xdc5\xb7\x1c\xec*`\xe2\x8a\x01\xc5\x0f\xa8\x99\x02\x00\xd50-\xa5+W\xa2\x88\x00\x00\x00\x00IEND\xaeB`\x82'</t>
        </is>
      </c>
      <c r="M269" s="3" t="n">
        <v>45492.67733796296</v>
      </c>
    </row>
    <row r="270">
      <c r="A270" t="n">
        <v>871705</v>
      </c>
      <c r="B270" t="n">
        <v>1955</v>
      </c>
      <c r="C270" t="inlineStr">
        <is>
          <t>Kanu</t>
        </is>
      </c>
      <c r="D270" t="inlineStr">
        <is>
          <t>Kanu</t>
        </is>
      </c>
      <c r="E270" t="inlineStr">
        <is>
          <t>ZAG</t>
        </is>
      </c>
      <c r="F270" t="inlineStr">
        <is>
          <t>ZAG</t>
        </is>
      </c>
      <c r="G270" t="inlineStr">
        <is>
          <t>ZAG</t>
        </is>
      </c>
      <c r="H270" t="n">
        <v>186</v>
      </c>
      <c r="I270" t="n">
        <v>4</v>
      </c>
      <c r="J270" s="2" t="n">
        <v>35495</v>
      </c>
      <c r="K270" t="inlineStr">
        <is>
          <t>Right</t>
        </is>
      </c>
      <c r="L2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7828de3-a1c1-47d8-972f-772a25889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7\xb9O\xac\x00\x00\x00\tpHYs\x00\x00\x0e\xc4\x00\x00\x0e\xc4\x01\x95+\x0e\x1b\x00\x00\x03\x00PLTE\xff\xff\xff\xf9\xf9\xfb\xf9\xfa\xfc\xef\xf1\xf7\x10\x0c\x08\xfe\xff\xfe\x04\x04\x03\xff\xff\xff\x02\x02\x01\xfa\xfa\xfd\x06\x06\x05\x1c\x12\r\xf4\xf6\xfa\xf6\xf6\xfa\x14\r\t\xf1\xf2\xf8\xfd\xfe\xfd\xec\xee\xf5\xee\xf0\xf7\xf5\xf6\xfb\x18\x0f\n\xf8\xf8\xfb\xfc\xfc\xfc\xf7\xf7\xfb\xea\xec\xf4\r\t\x06\xdc\xdf\xea\x0c\x0b\t\t\x08\x07\x0f\r\x0c\x1d\x15\x10\xf4\xf5\xf9\xe2\xe4\xee \x14\x0f\xe8\xea\xf3)\x1a\x13\x15\x10\x0b"\x16\x11-\x1d\x15\x1e\x12\x0c\xfc\xfc\xfd\x19\x11\r\xfb\xfb\xfd\xe5\xe7\xf2\xe6\xe8\xf0\xda\xdd\xe9\xdf\xe2\xed\xde\xe1\xeb8%\x1d&amp;\x18\x12\xd9\xdc\xe6\xf3\xf3\xf81\x1f\x17K3\'\xd6\xda\xe6kJ::!\x15I/#&lt;\'\x1eB,!fD14"\x19O0 }XE\xa9{cP7(4\x1d\x11bA0\x8daIfF6-\x19\x0fxUE\x9bkQ\xe4\xe6\xf0\x9fr\\\xf2\xf3\xf9\x14\x13\x12\xd1\xd5\xe1\xcf\xd3\xdfuRA\'\x16\x0e\xa6w_?$\x16\x9boZ#\x14\r\xa0oUK,\x1bpM=\x88aOV:,\x89eV\xae}a\xc4\xc8\xd6\x81YD\xa4sX\x1a\x18\x16}U?\xf7\xf9\xf7}\\M`D5\xc8\xcc\xd9\x99mXqTG\xf9\xfa\xf9\x82^NG+\x1b\xcb\xcf\xdc\x93eKxXK\xd5\xd8\xe3lF2\xad\x7fg\xaay]\x81[I\x98hMS8)`&gt;+\x95iU\x88^H\x8fdOO-\x1b\xa2t]\xd3\xd7\xe3[;*\xbb\xc0\xce\xa3vaB(\x1blOA\x85ZDtN;\x84U&gt;\xed\xee\xed\xf4\xf5\xf4\xc0\xc4\xd2pK8\xfa\xfb\xfaU0\x1eR3#\x8a\\D\x1a\x13\x10\xb2\x82f\x84bS^?.\xf1\xf2\xf1Y=/\x8ek\\W6$xR=\xaf\xb4\xc2C1\'rXKE&amp;\x16\xb2\x86p\x9b\xa0\xae\x95gPfI;\x86\x8c\x97sG1P:/\xad\x83p\x9bq`\xa4yg#\x1b\x17\xab\xb0\xbe\x80Q9P?8\x8fhV|\x82\x89--+qPA\xa5\xab\xb9\xe5\xe5\xe5w|~&amp;#"\xb2\xb7\xc6puy\x9dwfYD:_b`\x94\x9a\xa7\xb4\x8by\x1e\x1f\x1dgPEVXX\x94m[\x93qb[4 ]@3\xa0\xa6\xb4{L5/$\x1f[6(zN;8-(\xa7~m\xb6\xbc\xca\xb8\x8f\x7f{aT\xd6\xd6\xd6\x8e\x94\x9e_JA\xe9\xea\xeb\x89\x8c\x8bjnrG81h&gt;*\xa2\x88~\xe1\xe2\xe1\xb7\x86g\xa1\xa7\xa4KIFghi\xbf\xc0\xbe\x80tq\x9d}o@51787\xe4\xdc\xd8BB@`7#iYQ\xec\xe8\xe4\xc9\xce\xcb\xc5\xc8\xd0\xaf\xb2\xb0\x92`H\x8cVA\xafuk\x99_K\xcd\xc4\xbe\x9b\x9c\x9cNNN\xbe\x8emZQM\x93\x91\x90\x95\x82x\xb8\xb8\xb7\xc0\x96\x84\xb9\xa8\x9e\xd5\xc0\xb5\xa2eZ\x87\x81\x7f\xd4\xd1\xce\xac\xab\xab\xaf\x9f\x98\xc2\xb1\xaa\xb6|t\xable\xdb\xdc\xdc\xc3\xc5\xc6\xce\xab\x9c\xa8\x94\x8a\xb5\x95\x88\xdb\xcf\xc7\x80k^\x8cvi\xd9\x9d2\xa6\x00\x00 \x00IDATx\xda\xbc\x98]H\x1bk\x1a\xc7\xbd\xc8\x840B\x98\x0b\x19\x08\xc9\x14$Q\x93;\x0b\r\xe3G&gt;\x88!\xe6f`$\x88\xf9\x80\x92N\x02&amp;\x81\x10\x08\t\xe7\x08\x01\x83\x9b\xe04H\x8c\x89\xc4^\x08^\x08-J\x95Z!\xc7\x06\xa1n\x17Z\xaa\xe7\xec\x91\xf4\xb8VJ\t\xbd\xea\xb2\xa57\xbb{\xd3\xde\xed\xf3\xbc\x13\xdbs\xbd\x8c}iREk\x7f\xfe\x9f\xff\xf3\x7f\x9ew\xfa\xfa\xfe\x8fC1\x0cCQ\xf0\xb7\\\xab\x95%\x96bX\x96\xa2\x18\x8a\x85#\'\xe0X)\xf2u\xf2]T\x1f\xd5w\xd3\x87\xfa\x86\xc5\xcaRBf\x18Y\xaa\xd5j\xa7\xe7\xff\xf9z\xf1\xa1\xf3\xa1\xdb-\x95JeIJ$\x98&gt;\xca\xca\xb2@\xd5G!\xd8MS\xf5\xfe\x0f\x90\x86MH\xa0\x13+\xb3\xe5/\x9d\'\xefvZ\xadht\x7fg\xe7\xe8\x8f\xb3\x0f\xafj\x12+\xc3\xd7QF\xf8\x05n^\xab?\xd1\x81\x1cP\xb9D\xe2\xd5\xc7\xc3w\xad(g2\xd1Z\x13\x1c\xa3Ih\xbdy\xd2}\x0c\x85\x94e\xd6\xca\xfcH(\x86Uj\xc3\x9ew\xce\xae\x04 2\x02\x14\x1e\x9d\xce\xa45\xd2\xb4q\xe7\xf0\xe2\xb4\x0c\xb6\xc2R\xb3?\x08\x8c\x92\x13\xe8o\x96\x91&gt;\xff3j\xe4\x8cZ\x13\x01\xd2iiZG\xeb\xb4\xf8\x81\x89\x16\x8e.$\x84\x92%\xe9\x07q\x81\xcb%\xd9\xca\x96\xbf&gt;\xd97\x1a\xa1jZ\xc0@.\xc2F\xde\x01\xcbd\xda\xd9\xbb(\x81\xfb\xcae\x89\xf9!X\xd0\x82\x92T&gt;?\xdb\xe1\xa0^\x08\x052)D\xba\xefG\xab\xe5\xb8\xd6\xa7S\xfc\xce\x1f$\x17\x94\xa6\\\xea\x1e\n\x9c\xc9\x88\xe5\xd2B\xe5\x94\xe2\xd1\x8afXR\xfcc\xd2\xb6\x8e\xbe@\xbf&amp;n\xce\xf7\xd7?\x19S\x12\xb2\xaa\xd4\xb9\xe2\x00\x0b\xb4\x82\x97N\x81\xd1\xa1p4a\xba\xd6MK\xbf\xb9\x00\xbd -0y\xa9\x1b\xe8=\x86\xc1(\x85\x18\xc7\xd8.\x7f\xbd\xe2\xc0Vp\x00\x0b\x8a\x88o`w\xfcPq\xd8\xb5\xcdh\xba\xd5\xa9%X\t{\xe4&amp;R\x95R\x0eC\x82[\xfa\xef\x95\xc0A&amp;\xd0h-07\xf6 M \x08\x92N{M\x05\x1f\xd2\xfb\x9d\x12\xc3@\x86\xe1$\xba\x89\x99\x839\x85\xa1\xce\x96;-\x81\xe309\xb1\x844)\x9cR&gt;\x80\xc3\xfa\x81\x88\xa4\x864\xe1\x8d\x9e\xd5\xc8\xbf\xbc\x11\x83\x91\xe9\x86Pr\xb9\xb3#\x18\x81\n\xf5\x026\x9a\xe4\x03\x8d\x05\xd5)l\xda\x9eR\xd7\xf6\x17\xce \xc1\x18\x96\xa4\xab\xba\x15T\xbcN1\x80\x95\x00\xad\xa2F#Z\x8b6\xf5`\x8cJ=\xb5D7\x13i\xc3^=iTM\xf8Tc\xc9\xccV\x7f\x95 L\xb8\xbat\xdfE\x05B\x05\x82A\x05\xb5\xe4E"\x95\xc6\xb4@J\xac!\xd6S\xa74\x80V\xc7\x9d\xc1$R\xbb\x88\xa4\x83\xb0\x0c\t\x96I\x94\x8e\x04\xc0\x82\x02\x9aH/\xa2L\xd0\x80&amp;lK\x9a\xb8\r\xf52"\xd7\x9f\xb2U\x17\xedH\xaa\x9b\x8b"\xdb\t\x98\x03\xa6Ni\xaf\x05Z!\x95\x86\xbb\xae$g\xe2 \xefM\x04\x8c\xd4\xd3DZ\xb2\x97\xaaJ\x80\xedw\xcb,\xfc\x84&gt;\x15\xcbH\x92\x81A\xbf3lw\x07\x9a\x90\xe3,\x16N9\x16\x8b\xcdh2\x80\xf1i\xf8\x04\xb7\x07\x8d\xc6\xa01\xd0$\xcd\xb4\xa6\xef#I{X\x92)\x8cU\xd5\xb1(FbK\x87Q\x81\xb0p\xd0\x8b\xb6\xe8\xca\xf0\xf3\t\xa7y\xe4\xb6y\xc8&lt;&lt;\xb4\xa21\x18\x8c\x86\x91\xe9\xe9\xe9\x19\xbd\x1e\xd0\xbek\x85X\xad\xaf\xb0~\xa9YH\x06m\xc5\xe2\xae.K\x9f\xf7\xc1Y\x02\xb7"p\xfa\xed\xd1\xad\x87\x0f\x9f\xae\xd9\xc7\xc9\xb1\xdb\'F\xef\xdc\x196O\x8d\xc1\x99\x9a\x9e\x99\xed\xd7\x1bhe\x03\xebE\xeb!\xec\xfc\t\x15\x876t\xa0U\x86\x98\x86u\xb4\xf6kK\x10V\x04\xcb\xadm\xf3\xc4V\xfc\xe9\xd3\xf8\xebx\xa1Pq\xb9*\xf0J\xd9\xc7\x17\xc7\x02\xa9\xc5@ 066==;2\xa07\x90\xac\xed\xc9\x15\xedJ\xb2\xacb\x15\xc9\x8e\t\xcb\x8cLQ\xdd}neehxx\xc2\xbev\xbc\x19\x7f\xbd\xf9\xcb/\xbe\x82w\xb5\xd0(4\x1a\xf7]\xe3\xa9\xc0bjn.\x95z\x10 z\x01\x17\x14SC\xf7JI\xef\xd5d\x1c]\xea\x95\x11\xef0r\xb9Vf&gt;\t\x9cp\xcb\xd9l\x1e\xc7}\xf1\xcd\xe2\xfc\xc6\xc6|\xd1[\xe4}q@;i\x80b\xae\x85\x85\x85\xb9\x07\xa9\x07cSS3\xb3\xc05`\xb1X4\xbdI\xa4muawd\xd5\x1c\xd8\xe8\xadD\xb9V:\xe4\x84\x95\xa1fx-\x1e\xe7\x81j&gt;\xf62-\xf2\xc5\xe2f|\xd3\xb7\xba\xea-\x84s\xae98\xf0\x16\x98\x02\xb9\x06G\xfa\x07\xe0\xa0\xfb\x15\xb9&gt;\xa2\xeajf\x17)#+\xbd\xba\x8aF\xb7Gs\xe1U\xaf\xafX\x9cO\xbf\xac\xd7#K\xbb\xfe]\xde\xeb\xf3\xf9\x1a\xabka\x97kn\xc1\x85\x9a\xcd\x05\x88\xbbFl\n\x96I\x99D\xbf\x92I\xaf\xf2F\xcaZ\xd9\x0b\xb8\n&gt;o\x86A\x99\xcd\xa0?\x9d\x8c\xd4\xeb\xf5\xac?\x12K\xf3\xbbA1\xef\xf5\x16\xc0`\xaeJ\x03\x1a`!\x15 \xee\xea\xb7\r\xd8\xc0^\x06\xc5^;\xe7\xac\xca\xf7 \xbc\xac&amp;\xd8\x8e\x00b\xd9\xd7VW\x8f\x83\xfeX\xb2Zo\xb7\xdb\x11w\xbd\x1d\xa9\x06\xfd\xd5\x8c\xd7\xe1\xc8\x9fT\x00\xabqr\xe2\x9a\x03{M\x83\xbb\xa0\x8e\x88\xa5\xa4~\xb4\x0bs"\xa1\xa6\xb9(\xab5Q.\xef\t\xdb\xdbN\x0f\x18\xfcx7\x16\x8b \x150\x1d\xb4\xeb\xf5\xaaX\xdd\r\xf2\xcb\xde|\xe3~\xe5\xa4\xd1h,\x10\xac\x99\x19\xac#`i\xc84\xd2\x9a\xce\xe0\xc6$\xb1jn\xf6PD\xe9\xf4\x1d\xb72\xe4\xdcZ\xf3y}\xbb\xfed\x15\xd4\xaa\xd7/\xeb\x97\xedz$\xe6\x9f\xdfH\x8bA\xefI\x03\xad\xd5p\xcd\xa5\x14,\x92\x12=,8G\xa75\xa9,\xab\xb9tA\x15\xe5\xf3\x9d\x95\xe1;\xcd\xb0\xd7\xe7\xe0\x83b:\x06e\xacF"\xb1\xd8\xcbX\x8c\x9f\x9fO\xa7\xd3\xc1\xc2}\x0c\x88\x94\x92\\S8\x85f\x06\t\x96\x81\\\xba\xe9\xab\xf3\xb2$\xab\xbaG\xe0\x00\xea\xc2\x0ct\xda\xd7\xa0\xed\x00\xcb\x1f\xab\xa6\xd3~\xbf\xbf\xb8;\xcf\xf3\xbb&lt;\x9c \x9foT\x1a\x10\xf8\xdf\xb0@-\xc0\xd2\x13,\xdc\xcaZ\xafp,\xaa\x8aee\xd8\xcf\xdc\x90s\xd4\xbe\xeap8\x08\xd6Fq\x03\xc0x~\x93\xdf\x05\xce \xcf\x8b|\xbe\x00\xae\xaf\x80`\x01\x1c\x8c\xd0\x8b\xb3\x83\xc4[\x06\x83r\x1f\xb9\xc0\'`\xaabAk\x7f\xb4\xdc\x1e\x9d\x04,,bp7=\xcf\xfb\xfcb\x11\xac\xee\x03\xa9\x96\x83px\x877\x0f\x8a\xb9\x10k\x8aX~\xb0\x9f`]s}d\xd5V\x0b&lt;\xbfg\x1b\x1a\x1d\xcf\xe5\x1d\x0e\x14\xc7\x1f\x13\xdd\xf0J\'!Ny\x9f\x08\xf2\xf9\xfd\xe2r\xc6\x9b\x07\xdb\xcfa#*\x9dh\x1b\xb0 \x97\xd1@V\xeaC\xd8!XFU*Y:\xb4\rOz\xc2\x80\x85U\x0c\x16\xd3\xb1t\xda\x1d\x8bTc~1\x13\x14\x01\xcb-\x8aK\x99&lt;f\xaa\xeb\xc1\x032\x7ff\xae\xb1\x88\xbdL\xf4U)!\xab\x8c\xc5\xd6\x8en\rO\xda\xc3yo\xde\xeb\xe0\x97\xee\xb9\xb3\xd9l(\x14\x8aD\x92\xd9\xf5\xe5e7\x1e\x00[\xf6\xa1^\x18\\\x01\xe2.\xc8\xad\x1e\x96\x01\x96\xea\x9d/\xb0 Y\xd5[!\xd0\xf1\xa57fg3\x17\xce\xe7W\xf3\x0e^\xcc\x86\xaa\x8f\xda\xcf\x0e\xda\x070\x18CK\xeb\xd9P2\x99M&amp;C\xc9`\x06\xa8\xbd\r%\xb9`^\xf7\xcc\xa5\xc1\xbd\xdf\xd8\xfa*\xe1\x13B\x15G\xb5U~\xfc\xee\xf9\x8bf.W(\x14\xf2\x8ee\x11\x86\xce\xc1\xe5\xe5\xef\xbf\xff\xed\xe0\xa0\xfd\xec\xeeR6\x14\x01\xb0G\xed\x90\x18\xcc\xc0\x14\x02\xac\xd4\xe2\x18l\xabC\xfd6\x8bF\xe1\x82\x8d?z\xc1\xc2B\xa9\x9eZ\xd0\xd7\xf2\xe37\xcd\x17\xf6\x1c\xac|\x00\xc6\x8b\xb1H\xfb\x12\xb0.\xf1\x1c\x84\xd6\x93UP+\xf2\xec \x04\xb6wxacMML8\x11\xcbf\x1b\xd0k\xae\xf5\x12&gt;\x80\xee*\xee\xf3pw\x05\xac\x17M{\x0eFq\xd8\x1e&gt;\xde,nll\xbc\x7f\xb9\x91~Y\xad\x1f\x1c\xd4\xdd\xc9dRtG\xda\x07\xc9%\x80Z\xf3L\x8e\xde\xbee\xb3\xd9,\xfa\x01\x8dF\xa1\xd2\x13\xac\x8fl\xef!\x8bz\xb9\xf5\xf8\xcdd\xd3\xb3\xea\xc9y*\x9e\xf8\xf1\xd3\xa7\xaf\x1f\xbe}\xfb\xe2\xedo[[\xfed\xe4\x91\xdb\x1d\xcaf\x96\xb3\xcf\x9e\xdd\xcd\xe4\x0b\x9eq\xe7-\x0b\xe6\x14\x98\xdc@\xdc\xae\xd1[\xb0!\x8d\xc2\'\x99Q&lt;\xa1\x9a^\xec\xe3\x7f5a\xd7\xcay\xec\xf6c\xb8]&lt;|\xfb|\x7f\x7f{{{h\xd8\xe3\x13\xef\xde\xcb\x86\xd6\x1d&gt;\xf1\xe7\x9f\xff\xfa\xf7Be\xc2l\xd3\x00\x90A\xf3\xcdT\x06\x8d\x854$\xb7\'YU\xcc\x07\xf2\x1b\x9e\xbeo\xc2\xae\x95\xb3\x8f\x8eo\xbd\x86\xab\xd8o/F\x9d\xce\xdbf\xe7\xa4}-\xb3\xbe\xe4\x0e\xb9\x1d\xde\xa0{)\xd3\xa8,\x9a\xfbA \x83~\xd0\xect\xde1\x0f\xda\xf0\x13\r\xa7\xc7*j\xf6$\xb5\x9f\xbe1\xa5\xf7\xcd\xad\xb5Bnr\x14.\x85[\x1b\x91\xd8|\xf1\xd8\x9eZ\x84]\xb4\x91\xcf8\xd6\xef\xaeg|~\x7f\xa6\x91Z\x9c\x9a\x85My`fl\x0e\xa7\xf6\xd8\xf0m\x84\x04o\x01\x96\xc6r&amp;\xab\x8dEI\xffP\xb0\x16\'=\xabb\x12bT\xdc\xe5s\xb9\x1c,\xa4\x90\x18\xf7~\xba\x1b\x14\xddK\xf9\x14\xdcyFFF\xa6\x17\xc3&gt;\xde\xdb\x80\xe5\x19.\xdd\xb6\x9e\xe75\x9c\xd0Q\xfd\xa13\xc5\xfc\xfb\xb7\xad\xb5\xb0gr&lt;\xe7X\xbe\xe7N\xd6\xab&gt;\x1f$A.\xce;\x1c\x99\xf5\xbf\xfc\x14\xcaf\xd7\xf3\x95\xb1i\xf3\xec\xect \xb7Y,\xc6+\x8b\xb0H8\x87Gz\x81\n\'\xfaY\xfd\x07\\\xcc\'P\xeb\x7f\xb4\x9a\xffK\x1bi\x1e\xc7\xf7\x87(\xc5\x81\xc1\x1f\x86B\xa8\'\x0c\x93\xc9\\~K`\xc4$\xc6D\xe3$\x86 \x18c\xb4\xd1#\xbd`\xd03\xa4\xc45\x9aID\x12\x93TbL\xaf\xad]i\r\x91\x98DbPz\x85vq\xb7]\x8b_\xd1\xe2\xddmZ\xd8]\xaf\xed\xe5\x84*v\x97^\xa9K\xbb\xedq\xb7-\xed}&amp;\xdd?a|\x04\xf3\xeb\x8b\xf7\xf3\x99\xf7\xe7\xfdy\x9e\x07*^\xd5\xe4\x8en\x84\x97\xc6\x1cs\xd7\xa4\xf5\xb4\x19*\xde\x1e\x893\xbe\xbb\xd6\xc1\xf0p\xa7\\\xac\'\x80jna\xf7\xf9&amp;\x01s\x8f\x04\x97\xe1\xe0\\h\xc9S\x7fw\xf3\x7f\x95&lt;o\xe2\x95\x87\xe3\xbf\\\x9b\xebj\x1c\x82\x08\x91J\r;\xa5\xf3k\xe0L\x14i\x11w5[\x19W\xb2\xfdn\xc6\x1a]w\x82\xb3\xeb\xb5N\xe5\xe6\xb5\xcd\x9f\xbe\x82a\xa7\xaaB(\xe0\xe6\x9fOX\x82\xc7\x0f+\xcb\xc6\'x\x1c1&amp;^\xec~\xf8wMccc\xd7\xa8\xca\xedVk\xc9\xf9\xc5\x96\xbf\xb7\x9c\xaaBQD&lt;\x9bwy\x92\xed\xb72l!\x16\x94\x8bM2Z\xbc\xb9\xf6\xeao_&gt;&gt;\xd5rsq\xbe\xa2B\x88p\xd3u\t\xeb\xa7\xa7\xaf\xee&lt;\xbe\xf3\x9a?\xd7zr{\xaaol\xae\xa6qh\xea\xb2\xbb\xa06a\x8f\xf6\xf6Z\x16\xab*\xfe\xb8\xb0\x89\x11sV\x97\xcb\xe5\xbd\x95\r\x15\xfdf-\x94\x96l\x1e\xfd\xd7\xb37_UT\xb4,~\xb7)\xa9\x10\xa2\xd8o\r\xe8\x8c\xe8L\x158\xeb\x9d\x0b\xbc\x1d\x8f\x1c\xd7K\x97\xf2=s \xd6pt\xb8S\xa9u||\xb3 \x11\n\xc9\xafo\xd7\xcf\xed\x0e\xc6\xe3\xf1\x83Lf\xa3\xd8)\x87\x9cL\xe2\x02\xd9\xce\x8b\x07\xbb\xd0w\xd6\xbe\x15\x03\x0f\xcau\xa1O!U\x80"\xa8`\xf3\xbfe|\xed\xe1;\xed\xa4\x9bm\x9f\xad\xe9jR\x85\xa3:\x87\xda9z~\xe7\xb9\x94V*\xe4\xf2\x9a\xdb\x9aH$\x12\xf7\xe6S+3Z\x0b\x85S\x12\x8bb\xec\xfa\xecP\xbd\xc9D\xe8qQ\t\xab\xa4\xd6\x19\x14Ad\x14*X\xbb\xcf[i=\x90\xabV\xe3.[\xcd\xa8Je\xb7\x87\xc3\xee\xcb\xba\xeb\x1f\xbe\x9eS\xd6k\x83S;=\xd3\xab\xab\xb9\x08;\xe8^\x99\xd1S\x18Ea\xfa\xe0\x94cH\ryK,\x96qBa\x9f\xd4Bq\x9c\xa2)T\xb8\xc6\x9fZ\x0f\x9c\xd1\xe4\xb6\x8f\x81\xc8\x9c\xb2kl6.\x90\x9e\x9d\xedR8\x15\xf7\xfaz\xec\xab\xa9\xd4j$d\xe7\xb0\xc0\x13(\x8bI\xeel\xecjTp\xf5o\xc1)\x1cG\x10\x94;\xea\x92\x90\x14\n\x9e_\xf1\xe8\x06_X\xa7\x1f\x04\xdd\xe9_\x93\xc9\xcb\xc3M\xeei\x9b/\xe9M\xfa|V\x8dn\xea\xde\xd8y+\x1b)a\xc1\xff\xe2\x8c\x96B1\x8bI\xaf5C\n,\x1d\x0c\x9a\xe5b\x02\xb2`\xe9\x04\x0e!0(\x7fa\xf9\xf3+\xbc\xe5\x9aw\xf2\xdatG\xc4\xa5\x1b\x1eUM\xb3&gt;\xa3\xd1\x98\xb9\xdb}\xe9\xd2%\xab\xd5\x97tEr\xb9\xd5\x8dP$\xe5\x06,\xe8\x87\x94I+\x9f\x99\xf1\xab\xa1\xf3\x98\xb9CK\x00CD\xdc\xc2e\xd0+\x11a\xd5+\xfe\x9c\xeb\xd8\x1c\xdd2\xc4#\xaa\xe1a\xb7\x9dM\x8e4dG2\xed\xde\xf6\xf6\xde^c \x99\xcb\xe5"\x91\xd0F\xaaP\xaa-\x90Kk\xee\x84\x19#\x16\x8b\xf9\xb9C8\xe0\xc2KXPu8)\xabj\xe1\xaf\x03\x95=SOg\xe3\xc5\xa2cX\xe5\x8e\xb8\x8c\x01X\xc6\x11c \xcb\xad\x83C\xa0\xda\xd8H\xa5\n1\xb3\x1e&gt;9\x94\x02\xacX\xac\xb3\xd3\xef\x07\xb2XgP\xae\'\xa1\xe4E"\x0c\xd2\x0e2_\xb5\xf8W\xfe\xb0\x9e\xcc\xda\x8c)\xff\xba\xaaI\x95\x8a{\xda\xfe\x9cH$\xd2\xe9\xc4rz+\x1d\x08\xb8"\xab9\xa8.\xb7\xbbX\xc2\x02.\xbd\xd9\x1f[\x01\xa9\xfc~u,\xa6\x86&gt;IJ8,\xc1\xa9r\xa1\x80\x14~\xcf_S,\xbb\xb2\x93\x8f\x17\xfc\xe1\xda\xcb*\xf7\xa1\xe7\\zyy\xfb\xe5\xf6\xf6\xf2\xf6\xf2\xd6V\x03l\xe2\xaa;\x05b\x15W\xfcf=\xf8\x12j\xd1\xce\xf8WVV\xb8\xc3\x9bN\x98e\x954\xc9\x15\x17\x86\x96\x97\x97\x0b\xabEOy\xec\xd5\xa7_\\]-\xc6\xecg\x9bT\xd1\xb8\xa1\xa3\x01\xb4*\x81\xc1o\x83+\xb7\x01\xbe\x05\x82\x01\x16\xd4&lt;\x87\xa5\x97;c%\xac`\xd0\xa9p\x06i\x08\x11"\x91\x84\x12\x9e*/\xc7\x16\xef\xf3\x98 \xca\xdeu\xa7V\x8a\xb6V\x95;\xe7\xea8\xd7\x96\x1d\xe0\xb0\x80+\xbd\x95er\x1b\xb9\xc8\xe1\xe1a$U\x8c\xcd\xc8\xf5\xd0sp0\x08\xc0\x82\xb22\x9b\x83A\xa5T\x0c\xd3\xa2D\x84\x93%\xac\xef.\xf0y\xec\xf6\xb6;\x15+\xb0\xad\xaah.\xee1\xb4\x07\x06\x12\x89\xed\x97\xefa\x17\xd3F\x06&gt;\xc4\x83#\x83\xe7 W(\xc6JX(.\xef\x84]T\xab\x83r\xad\\\xc9\x05z\x0e\x8b\xb4pW\xc6\xa2=&gt;\x03j\xd9\xb3\xeeB\xac\xe0mu\x84sq\xc6\xd5\xd16\x90\x06\xac\xed\xe5\xe5\xe5t\x80\x01\xb1\x0c\x7fH$\x1a\x8er\xf0-\x12\x14\xe7\xe8\x94\xd9\xff\xc5\xfa\xa4:X/\xa6\xeb\xc1Oq\xa0\x12\xe1\x18w\xcbx\xf1\x17&gt;G\x9f\xca\xd7\xdd)\x7f\xb1W\xe3\x08C\x14\xe5\xb6q \xb1\xbd\xcda%\xb2\xf1H\xce\xd56\xf0\xf2\xe7_Gr\x85\xf5:\x9a\xa4`\xc2@M\xe6\xc9/&amp;\x15A\xa5XL\x13$\x04T(y\x89\x00\xb0\x847\xef\xf3\x9a\x9b\x9f\xecX\x8b+Q\xbb#\xca%d\x0f\xc8\x95H\xc0\x16.\xa7\xb3\x19\xf6\xf0\xe8\\\x87\xe1\xf3\xe5\x84g\xb5\xa9\x91\xdb2\x13w\x8e\xabw\xaa\xd5\x93\x8a\xbaz\x82\x90\x91$\x05j\x95\xa8\xca\xb1\x7f^\xe15\xc9\xef\xef4\x0fF\x0b*G\xad=\x1e\xb23\x06\xe3\xc0\x00\xf71&amp;\x1a\xda3q\xc3\xe7\xe7\x8e\x0e\x8e&lt;G\x87\xa9Q%\xcd\x1d&lt;X0T\x88\xca\xc1\x1b8,\x12\xb7@\xaf\x06\xb9** ma{\x7f\xe2\xf5\xbe`\xfc\xc5\xe8Y{\xc4\xe6\xd0M\xb3l\x88\xf1\x18F\xda\x1a\x1a\xa0\x9e\xc0\xe9\xe3\x1d\xe7\x0e\xc2:\x1b\x98}AA\xe3\xa4\x98\x16[\xb8kNS\xd0\xe9\xac\x0bJ\xc58I"\x1c\x16\xcaA\t\xe6\x7f\xe0w\xf69\xfd\xf6lm\x7f2\xefpL\x87\x18\x97\xc7c\xe8\xe8h\x03\xf7\n\x18\xd3i\xc6\xc3\xd4\xa0U\xd2fMt4\x88\x03\x0f\x86p\xe9Jh\x91\x9b\xcdJi=\x81s\xc1\x06\xf9\x14\xbb\xaa\xaa\xbe\xbc\xc2\xf3H\xb6\xffMk\xef\x88\xaf\xd6a\x03,W\t\xaca\xa0!\x90]Nd\xc2AL\xdf\xb8\xd4\x03\xf1\x8b\xf8\xedt\x06-uF\xb9\x9c&amp;\xc4\x84\x0c\xa7\x10\xce\x1f\x04\x02L \\|\xcd3U\xe5\xc4;o\xc0\xcb\xb4:B\xa1P\xfc\xe0 \xe9Jv\x04\xd2\xd9\x004\xc5\x81^\xdd\xe4\xa4\xdb\x9a9\xdf(\xe6\xae\xc3`\xb2\x17AJ\x86i\xdf,\xa7M$)\xe3\xf6\xf0\xa2H$\x04\xb9\xc8\x1f\'\xf8~\x0cq\xfa\xad\xb1\xd7\xdb6\xe8\x98fmq\x86a\x19\x97ak+\x93\xc9\x1a{\x03\xe9\x86\x11/\xab\xe9\xe9\xd7\x05\t\x1c\xe3\xc4\xc2@\x1f\x8a\x90\x07\x83f\x02)\x95\x96\x04\x96@"\xc2\xbe\xbd\xc1\xefyMi\x80}\x1fh\xeb\x88\xce.\xb1,`1\xa1\xb8q+\x9b\xcf\x04\x92\xc9l:\xdb\xeb\xed\xbet}\xe9^]\xa9\x960\x0c\xa1p\x04\'\xccP\xf34%\xc1\xc9\x92\xc7\xdf\x14\x81n\xafN\xe0\xdd[\xd9\xfe\xf1\xd67\xef\xae\x8f\xd9]q\x86\xb5\xb1\xbet\xd6j\xcdx\x0f\x92\xc6[\x99\xbb\xf9|\xcfX\x97\xb2\xd1\xd1UW\'\x95I\xb8\x12\x97\x90\xb4\x1c\xf4\x92aH\xa9\xe2/\xfeeoa\xe1\xfb\x1b\'\xf2\xeamb\x7f\x7f\xff\xc3\xd8R\x1c,"d\x08d4K\xfd\xf9P\x9c\xf1\xe6\xaf\xe6\xbb\xaf6\xcf*&amp;5\xf9\xc1\xd1Ih8\x84\x0c\xc1D\x12\x82\x9b\x8bh\t\x86p\xb5U\xfd\xe3\xf8\xc3\x87\xe3\x9f\x9d\xcc*\xab\x1c\x7f1\xd6:\x1dbmL;|\x94\xb5=\xd6H.\x94\xef\xbe\x04\x7f\xcd\xeeB\x981$W\x9b\xd6\'\x15R\xa2\xfa\xa2H\x80H\x95b\xb9\x14\xda!\xa8W]\xfd\xf4\xf4I\xbe\x8c\xfd\xfdq_\xf3t\x8ee}\x8cn\xf6z_Os\xd8m\xef\xe9;\x7f\xf5\xd6\x96\x91\t\xb1&gt;\x9f\xa6it\x08Z\x8e\x94@P\xa1\x88\xae\xa3eJY\t\x0b\xa9\xfe\xa1\xf2\xb3\x13\\e\xcf\xfa4\xb6\x8d\x08\xeb\xd3\xd5Z\xc7\xc6\xcek\xc2a\xcd\xa0\xcf\x9b\x86\x8e\xed\xedg5\xaa!\x054E\xa9RJ\xc3&lt;(\xb8\xa8\xa4)%\x81pT\xc8\xfc\xeb\x13}\xe4\t\xbdQ\xc3NOGB\x0e\x8dujw\xac\xd5\x0en\xd1\xd1\x16\xb8u\xb5\xbf\xb5\xf6\xb2\xda\\\xbaO1\xd1\xb0\x08\x89@\x00\x93\x98R\xccAUW\xaf=&lt;\xd9\xb7\xa7\x13\x1f[\xd9\xc1\xb0}C\xd7l\x1fr,i4\x07\x1e\x173\xd8\\\x0b\xf3ca}}\xbdih\xfd\xde\x9c\xf2\xf6&amp;\xe4Qa\xb9PF\xc8@-Xx\xf5\xa3\x0b\'\xabV\xe5\x9b%\x1b;m\xb3\xeb\xfa\x1c\x8aks\xb3\x83&gt;k\xf3Y]\xbf=\xf2\xfe\xe7\xe3\xffd\xde\x1f\xff\xa3\xfb\xc1\xc7\xdd\xbd\x85\x9bU\x15B\xa1\x84\x16\xd3J\x19PQ\xd5\xff\xe7\xddlc\x9aJ\xb38\xbeT\xfa\xc1\x01y)vqR\xb9\xa6\x0b-\xd6IvK\xa4\xe9\xb4\xc8\xb4\x0c05\x85\x0cv\xba\x86\xbeP\xc1B\x9b\xc6i\x16\x1aS\x9a\xab\xb2\xa0(f\x85*\x04\xdaXi\x18,\xa1\xa5X\xa8\xd0X0\x92*\xce\xca[\x89Fp\x06!\xb8\x1aQ\x89:\xab\x8e\xae\xba\xeb\xa8\xb3\xe7\xb9\xc0~\xda\xb7\x99\xa1=\xe5\x16\x1a\xbe\xfc\xf2?\xff\xe7\xdcsn\x9f\x07\xeb?\x1cZ\xb5\xc8\xcf\xad\xa2\xca\x92\x92/\x0fr\xe5}\x8d\x16\x0b\xdf2v\xe5\xc7\xf3O\x9f\xbe\x99\xbd5\xfb\xe6\xcd\xbb\xfbO~\xb8qu\xfe\x9baV\x0c\x1dz\t633\x93A\xe4\xd0\xf1 \xd4\x1b\x88k\x7f\x14\x19T\x07sT%nmk\xab\xb9\x94=\xff\xe8\xfe\xfd\xd9\xd9w\xb7n\xcd&gt;}7\xfb\xee\xe5\x93\x1b\x8f\xfb\xfa\xf8\xcc\xcfv\xa4\xb1\xf9|ff:\x03\x83\x14b\xc3#q\xa1\xa5\x82,V\x0bj\x9aU5%\x05n\xb7H1XX\xd8\xf4\xf2\xe5\xf3\xd9Y\x02\xeb\xdd\xfd\xbf=~\xacE\xcf\x9bwD1\xf90\xf20\xd3\x18\xf4T\xc0\x9a\xde\x1d\xf2\xdd\xd6#Z\xad\xaa\xb9\xe4PI\xa1\x9b\xab\xd6I\xdbk\xee\xde{\xb6\xf0\xf6\xea\xd3\xa7/\xdf\xfe\xf0\xf6\xaa\x19\xa6\xfe\x8b_\xec\xf8==&amp;\x9d\x8f\xa4\xc2\x18\x00\x85a/B\x7f\x1a\xe3\xf0c\xbfH j\xbeT\x07%K\xe6&lt;}V\xfa\xec\xd9\xeb\x05x=\x83\xb8w\xf7\xee\xa5\x8b\xbc\xf4\xb4\xb4\x18\x16\x13\xa4\xc2\xea\x01\t\xd8\x02\xcfC\x8f\x157r\xc5o\x10\x89.\xfd\xa1@$p\x1a5\xa7\xcf.,\xbc\xfa\xeb\x9f_-\xbc~\xf5\xfa\xf5\xbd\xbb\x87\xb8r~z:#\x86\x9e\x96\xc6 \xa8P\xcc\x9d\t\xc3\x8e\xf9\xa3O\xfcZ\xb5V\xb0\xad\xd0-\x90i4\xed\xa7/\x13X\xaf^\x03\xd9\xbdKu\x8d&lt;&gt;;\x99\x05\xfd\x0c\x86\xb1V\xb0\xa6\xc6\xc3\x80E\xbe\xef\xf7[\xf5jw+W\xab3\x19\xa5g\x81\x0b\x04[@9\xbc\xb4\xed"\'\x03\xc6\n(U\xd06\xd4\xaf\xc8\x15\x16\xac8\xc0\xf2[\xadZ7\xdc\x14\xcd2M\xfb`S;\x84\xd4d\x10\xb9sA+\xe8k\xc0\xe7\x00\xc5b\xd5#,\xf8c1,j=\xaf\xf6\xcf\xcf[\xb5\xdaj\xad^oV\x18\x9df\xb5U\xeb\x1fk\xe3X2\xd8\xe9\xcc\xb44\x98X\xa1!\xadOIJ\xa9\x8742\xa0\x85xX\x1b\x0e\xac\x11w\x81\x95\xe0\xd2Z\xf5z\x9dL\xa10\x88Z\xdb,l6;\x90\t\xc1\x04\xb9\xb0(\x8c\x95\x94\x04\xa3\x06\xe6`\xa4\x84\x0bkV[\xa2\xb3\x02V\xb5\xd6\nz\xa9u\x06\x83\xa8:\xb7\x11\xc4\xe2p2P?\xcfd0\x18\xf4\x94\xa4\xc8\xc8\x94\xfab\x07\xc6Z\x1f&amp;\xackjA\x8e\xce?\xaf\xf5\xfb\xf5Z\xabZ\xad\xd7\x8b\xdc\xdc\xd6\xc6\xb66K[\x1b\x87\xc3C\x99d&amp;c)I\xb4\xa4\x14D\x05X\x03\xe1\xc0\xfa\x15\xf4\\&amp;\x93zl\xde?\x86\xe42+tj\xbdH}\xe5|\xbb\xce\x90{|/R,#\x9d\x0eI\x8cL\xca/\xc6\xd00\x96\x1a\x1e\xacZ\xc0r:\xf5\xfe\x87c\xb0"\xb5\xba\xa6\xc1\xc1\xc1\xf6\xd3\xed\xa7\xcf\x1a\x04\x85\xd9\xf2\xbd\xe8\x1b\xda\xf4\xa8z\x16\x8dF\x03\xb1\x00+\x8a\x15.,\x95\tFC}_g\xdf\x98\xde\xaa\x86N\xfe\xf2W_]V\xe8\xcc:Qv\xa3\\\x9e\x95\xc5O\x861\x9aFKBX\xa8\xdfZ\xf5\'\x0f\xff\x1e\xeb\xbd\xcaDpMNv\xf6u\xea\x15\x80u\xf9\xdbo\xcf\xabuj\xd1\x05\xb4O"#\x13c\xd1\x92h\xb4z\x07F`E\x85\x05\x8b\\\xfb\x1e\xbce\xd48\xcdc\xc3=\x006fU45)\x14fwa.W\x0e\x9e\xe7\xa7;\xea\xd1\x89\x88$\x07\x94\xd5\xd4\xd4\xf0\xa8E&amp;\x93\xa1\x13\xcc1j\xa4\xe2A\xf3\xe4\xb9\xae\xb1\xce\xce1\xadV\xa7.p7\xca/\xe4fe@\xf3\xe7\x80U\xb8\x91FCe\x82x\x8a\x14\x06\xb5\xc8\xbb\xc7\xaf\x8d\xbc\x17T\x9e\xd2h\xc4R\xa7\x7f\xb8gf\xc623\xe9o\xed+m\xb4p8\x1c&gt;\xda\x85\xb4|"\x02Z\x1a\xc0BjM\x87\x18\x8b&lt;~\xe3\x91\xc7\xeb\xaaV\xc9LF\\,\x96\x0e\x9a\xfbz\xba\x86\'g&amp;\x87-m\x96@`8\x10p`\x90@\x04\x057\xc4(\x84\x05\xb7mz\x7f\x88W\xe2\x99\xef\x07\x16\x17\x07\x82\xd5\x06\xf0\x96\xb8J\x8c\xf2\xe8\xef\xec\x99\x99\x1a\x0e\xf4\x04\x1c\x0eta\x08\x89\x86\xa80\x02\x8a\x9e\x9aJ\xa7\xf7\xdc\t)V\xc4\xf5\x87Sss\x03\xd3\xdcJ\x93\xd1(\x95Hp\\\xecl\xba\xd2\x07P\xf9\xc5\xc5\xf9\xc5\xe8\xb0p&gt; \x81\xdb\xa1{\x00$\xe4.t\xd5/\x8e\x87p\xc4 \x1fvM\xcd\xdd\xbc\xb98]\r\xd6\x12\xe3\xb8\xa4\x1c\xc7\xa5\x83F\x85\xce\xdf\x19\x00 \x14 \x14zE\xa6\xac\x8fZ\xc2\x82&amp;\x95N\xc7\x8a_\x84p #\x9d\xf0\xce\xdd\xec\xea\x9a{\xe8\xae&lt;%\xc6%\x12\x89\xb0\x1c\x87LJ\x9d:su\x1f\x87\x9d\xcc\x88BfG\xfb\xc8bX0\x1c\xd2\x11T\x1aR\x0b\xa3M\x85n\xd8\'SOx\x81\xaa\xa7\xb3\xb3@\xa6\xc1\xab$B\xa1P)\x01\xe3\x8b5F\xcd\xa0\xa2\xba\x11\x96!q.$22\x06\x95\xf6\x7fQ\x01\xd6\xc6\xfc\x89\x90-F\xc0\xf2t\xf5\xf4\x04\xb6]\x10\xc9\xc0YBa\xb9R\x89\x03\x98\x06j\x85\xb8\xdd\xec\xce\xdd\xff\xc9\xc7\x9f\xee\xa0C\xc7\xb0&gt;*j\x19j\t,\xea\x03\xda\xe2\x9d\xc3\xa19$O\xde\x92\xb0u\xa2\xe7\\\xe0xV\xa9\x00ZxIyyC\x83R\xa9\x14\xe2\x1a\xa9T\\\xd5~\xd6TR\x97-\xe7}\xf1i\x1a\xd2\x89\xbe\x04\x94\x96L`a\x1fl\x9cr\x8d\xde\xb8vt\xf5\xb9\xe2H\xd1\x89\xd1\x0f\x8aY\x9cm\xa5\xad\x08\x0b\x17\x9e&lt;\xd9\x80\xc0\xa4P\xefqq\xd5eq\x8e\xaa97\xfb\x93\x8f\xa1mF\x8d\xf3J .l#`y\xbc\xd3\xdf\xed^m\xc1\xe2\xa8\t\t\xd4uw\x1c\x8c\xec\xecV\xae\x01\x92XUU^\x0e`J\xa5\x18qU\x95\x9f\xc4s*U\x82\xba?A\x9d_\x8adt!,\x18\x187\xd2\x16].\xef\xf4\xf4\x9d\xda_\xaf&amp;\x18y\x0b5\x91\x9aH\xa2\xde\xeeI\xde_X\x08\xd5\xd4\xa8\x01\xcb\x03\x17\xc8%\x91B\x88\xf1\x06INMMe\xf3^&gt;z\xe8\x96\x99\xce\x84\xf7\x15.\x06\xfd\xc3\xfc~\xbb\xcb\x1b\x1c\xf0N\xbc8\xb3j\xe7\xb5\xc8\xa4h*\x95\x04X\x11\xbf\x9b\xcb\xdc&amp;((\x90\xc1\x8d\xba\n,\x8f\xecU.\xc4\xa1Fh\xa4BI\xce\xa1\x9a\xca:\x0e;s%\x08.&amp;\xfa\xe6\x8e\xfea\x97\xc7&gt;\xe1\xf1\x0e\x04\xbd\xfd\xc1\xeb#\x87W\xe5\xb4)\x99D\xd9\x04X$\xf8\x89\x9d\xfe\xacT&amp;\x10\xc9\x9c \x0f`5\x08\x95\xca\x86\x06(\x12R\x8dF*\xf9\xb2\xe6\x98*\x9b\xc7\xce\x84\x11\x08\xd8\xd0\xdb\x92`\x80\x05b\x8d\xda\x11\x96\xa7\x7f\xa0\x7fz\xe2\x1f\'~q.\xe3"\xa2\xa3)\t\x80\x84\xb0\x12\xaf3\xe5&amp;\x95\x00\xac%\xae"\xc4\x82\x1a!DX(\x8d\xdb\x8f\xd5\x94\xec\xcf`/\x07\xff\x8f0\x03e\xa2i#\x99\xc1\xbai\x1f]\xc2ry\x07\xfa\x83\xc1i\xcfwg~\xc9i2\xf2\xe6uk(y\x80\x15A"\x82\xfa\xf9d\x86\xcc`p"\x93\xa3$6 0!\x8e\x13\xb6\xdf~\xac\xa4\x0e\xfa-6\x9f\xcf\x07\xaa\x8c\x0c\x82\x0b\xc9\xc58\xe7\x1a\xf2\xf9F\x01\xc9\x8b|\xefu\xb9&lt;A\xcf\x8b\xbf\xff\xdcg^\xe4\xcd\xd1\xf1\x1b\xe2\xb7&amp;Rc\xa3\xa9\xc0\xb5\x96D\x8a\x88\x0f2\x052\xd9\nV\x03\x11J\t*\xa9F#\x14.9\x0f\xda@&gt;q\xf1x\xc4\xcc\x88\xd2\xe8\xe8\xefX\xc6r\xd9=A\xaf\xc7eG\x1f\x82\x0f~\x96\xc9\xe2Hy\xf1\xf1\xf1\x94\xd8MT\xd2\xa6&lt;\xf0\xd6\xda- W\xe2\xed\xe1\x0b\xa8a\x16\x8b\x89\x95\xb8\x92E\\\xaa1\xe9D\xb9r4\x8c\xa1\x00\xaa,\x1eB$\xfc\xb5\xd8\xdb;d\xb3\x8d\xba\x82\xd3.\xbb\x0b\xa0\xec\xf6\xd1\xa1n\x9b\xdd\xe3y\xf0\x97\x13?\xf1\x16\x1eG\x8d\xdd\x80\xa8(\xb1\xeb\x00\x86\x82,OD\xf47|\x99\x11\xb0\xd0\x97\xc2\xc2rt\xffQ*+p\xb8-\xcaD\x85\xa5r\xe2\xc0)\xe2\xe2q\xb2\xb2`\x92\x85l\x06\x023-e\x80\x05\x02\x05\xbdv;\xa2\xf2\xf9|\xb6\x8e\xde\x16\x9bo\xc2\xe5\xbb\xfd\x13vk K\xc5\xc7\x13T\x14\xc8!\x89\xb4&amp;\x1a\xa9\xb5\x16\xd2H\x1d\xe9\xe4n\'\xa8\x96\xb8\x94\x15\x80%AX\x02wn\xe3^4\xf8 .^\x16\x0cf\x84\\\xfc\x99\xa1}E\x1d6\x9b\r\n\x17\x18\xdf\x83\xb4\xf2\xd9\x86\xba{\x0f\x1ch\xe9\x18\x1a\x1d\x1d\xba=\x1eA\xfe\xffjg\x1e%&gt;~\x19kM\xec\xa6\x88\xb5\xa4&lt;\x94\xc5-[\x00\x8b\x94\xf0\x82c\xda\xb9\x8b\x10\x0bq)+ $\x12\xb1Qf(\xe0\xe6\xc2\x98\xb87\x8bgAT0\xc5\xa2\'\x12\x96I\xdbG\xfb\x0et\x83Zv\xb0\x94\xcfn\xb7\x81\xcb\x80\xab\xbb\xa5\xb7\xa8\xe8\x00\xa0\xd9|\xdde\xb5\x9b\xff\xe7\xaa\x8c#m\x8d\xdf\xb0\xac\x14\x05\xac\x95\x97\xb7n-\x89JI$\xb0 H\x94\t.\xbe\xab\x02\xb0*\x84\x92\n \xab\xa8\x80\x1f\xc9\xceS\x06A\xc1\xc1\xba\xdcl9\xd2\x8b#\xdf\x0f\x80\x1c\x8b\xc52\xf9\xe07\xbf\xdd\xf35\x81e\xf7\x81d\xa3-_\xf7v\x80\xd3 \x8b\xbdEeG\x8a\x8a\x8e\xc0?;n\x8f\xff\xd7}\x08\xe4\xb8\xc45\xcbD\x94\xe5_\xb1\xb1[a\r\xae\xc9CY$\xb8\xa8\xb5\xdf\x1b* qB\x10\t\x97T,\x85d\xd7\xceS95\xaa\x92f\xeeq\xc4\x95\xd5x\x1c\xa9\xc5i\xeb|\xb4\xe1\xa3}GZ\x10\xd6\xa8\xaf\xa3{\xc8\xeek\x01\x92\xa2\x03-\xdd\xddH\xaf\xb2\xb2={\xf6\x94\xc1\'\x00;\xfa\x9f\x14\xfb\'\x1b\xd7\x13\x1a7v\x87gF\'\x83\x84"\x19U\xe2]\xf4\xd0\xd1\xfa\x07\x12}\xb9\x04\xda`/X\x15R\xe9\xc1\x84%cc\x1a\xb5\x871\xda5\x0eu\x88v\n1\x1b\xe5\xb0\x04\'\x9094\xa1l\xbb\x0c\xbd80,\xf4\x98\xdc\x86\x06\xdcC\xe2C\xbd\xb0\xd0bz(\x98nv\x97\xa5)4\x0b\x85~\xbf\'{\x93\xd2\xfe\x1c\xcb\x1e\x8f&lt;\xfa\xde\xf7}\xbf\xef\xf74$\xe9,\xd5A2\x14\xb3\x83\xa5(z\x7fia\xd1\x84\xc3\x96Pp\x98ux\xfc3\x18\n\xb0n\xde\\\xdb\xf8\xc9\x06\n\x87\xb5\xd5\xad\xad\x95[\x0f\xf6\x96q\x07\xfb\xfd\xeb\xfb\xd7\x9e\xe0\xa6\x1f\xa8\xee9l4\x9f\x12\xac\x87\x93\xf9\xe4\xe1\xaf\x1fN\xdbfT\x96\x15\x14\x9cL&amp;\xe3\xf1pT\x16\xe5h8\x99NN\x1e\xf7\xff\x1f\xb0\x0b\x03\xd7t\x0c\xc00\xcf\x0b\x88@\x96\xae\xe7\xa0KW\x07D\xd7\x12\xb0\r\xac\xc3\xe7?\xba{\x95(\xdaX\xc3\x1fY\xab\xab\x8fVn`ks\x91\xde\xb3\xb9|\x7f\x99\\\xf6\xf1\xef\xfexh\xf2\xb2\x9dM\x0f\x0e\x9e&gt;\x9d\x02\xc8\xef\x0f\xa6\x07\xf3\xb2\xaeEQ4\x12\xdax\xdcVeQ\x14\xe5p&gt;\x9b\xbc~\xf1?\t{\xa1\xaf\xcb\x94"T\x12\x98"\x11\xa1R\xd7\xb5\x97\x06\x8b\xca@\xd2\xb5 \xdb\xf1\xf0\xf9\xcd\xa3\xab\xdb\x1bg\x80\xa8~\xf1\xe8\xc6\xca\xca\xca\xe6\x1d\xa9\xe1\xf5\xfd\'O\xf6\xef\xdf\xff\xf8\x9b\x0f\x15_@#\xc0\x9aN\x86#\xf8{TM\xa7C\x91\xb0P\x84\xa1\x00\xb4\xa2\x02\xb0\xe1\xa8i\x8a\xb2&lt;\x99LN^\xbc\xbd#;\x0b\x04I\xd4\x1b\xb2\x888\x10\x96\xe6\xaa=\xa0f\xecT\xec\xfa\xf1\xc3\xaf&gt;9\xba{\x95\xa4\x03\xa2\x9d\xd5G\x8f\xb6\xb0\xdbZ_\xdf\xbb\xb4\x8fV\xbc\xfc\xee\xf2\xf2\xf2\x93\'\xf7\xbfy\xac\xf8\xe1\xa8\x9dO\xa6S\xf8\x88\x8dfO\xdbP\xb4\x07\xb3*\x0cy$\x18\x03\xb2\x865\x90pXAWhY\xb5\xf3\x93\xe4\xf6\x85\xf3\xe4t\xbb,8s\x93\xd1\x99\x8b\xcaq\xa8+M\x9d\xe8\xd2\xa5\xe9IG\x10f\xa7\x7f\xfa\xf4\xee\xdd\xed\x0e\xd7\xce\xea\xce\xce_Wv7\x1f&lt;\xd8\xbb\xb4\xbc\xff\xc1\xf5w\xef/_\xbb\xf6\xe4\xf2\xf1\xa1\xee\xb0\xb2\x1d\xcff\x93\xd9|\x18\xfa\xd5t.\x9c\xac\x98L\xdb\x02\xb8\x98\x88\xa3(\xaaY$\x84(\xe0\xfb\xd1\xa8 `U\x0b`\xf2\xffg\x90\xbdG\x98\xde"\xeaM\'J\xda\\d\x04,vf/9\xb4\xd5g\xcf\xdf\'!\x01lggguke\xe5\xd6\xe6\xe6&amp;\xfd\x9b\xa8\xfd\xfdw.\xbe\xb3\x7f\xfd\xf8\xb1\xeeD\xc5p&lt;G\x8d\x87\xc2c\xc3\x19\x17\xb1\x99\xb5\xd3\xf9\xb0\x10Q\x1c\x87\x11\x8f\xb8\x88"\xc6\x98\x10M\t\xbe\x9a\xba(\x00\xb0J\xee}\xaf\xd7\xc3\xf5\t\x12\xf4B)\x9d\x9fPy\x9aS\xb9\xae\xabj \xcaR\x89.\x08I\x1a\xd2\xa7\xf6\xf8\xd5/\x8f\x8e\xeen\x13,PF}\x88\x80\xd8{\xef\xd2\xa5\x8b\x17/._?&gt;L\r\xde\xc0:srO\xe3\xf0j,\x0c\'\tL1\x9b\xb5U\x13\xb1\x883\xc6y\x1c\xc6Q\xc8B K\x9a\xa6\xae\xebF4uYU\xcfn\xf7\x14\x99N\x12\x8d\x04\xa2\x9e\x97\xd6\x1di\xfaX\x0b\x0b6\xb9\xeb\xed\xb2\x95\x97\x9f^\x05\xae\r\x80\x82\xf3\x01\xeb\xd6\xfa\x83\xbd;w\xf6\xae\\\xb9\xf8\xc1\xf1\xe3\xd4\xcc\xc4\xa8m\xc7m[\x8d\x84\xc3G\xe3*\xf0\xfc,3\xb2\xe1l^\x81&lt;\xe0\x8a\xe2\x88\xc7,\x8a\x92\x04\xdc\x85\x89H\x12(\x9a\xd4\xa2.\'/{\xf9[\x88\xc0N\xae\x82 \xf9\xc0\xcd]\x15\xdbe\xcb\xd6\xb4\xd4\xec\x0fl\x84\x04h\xa2^\\\xe8\x84L\x9f=\xff\xe1\xe9\x11\xa4\xa4~\xdc\xd9\xda\xfd\x88t|\xb0\xf7\xe0\xc7W\xbex\xec*&gt;C\x06\xb4\xb0s\xc3\x9c\xaci\xdb\xd0\xf3\xbc \x89\xb3p&lt;\x1b\x85\x8a\xc3b\xc63\xce\xa0f\x1c\'\xe8M\xc0\nq\x90\xd0\x8av\xda\xd3\xd0kD\x11\x01\xca\xf5&lt;\xed\x10\xb6\x00&lt;:\x00\x00\x06LIDAT\xa2R=\xb7mK\x05\xb6&lt;7\x15k\xa0\x1a:\xa1\xeaLO\xd5\xb7\x83W\x9f\x1c\x9d\x9eBI\xf8\x0b\xf6\xfa\x082nn\xee\xfe\xe0\x8bCW\xf1\xa2\x06\x0e\x1e\x95\x8d\x88L\x0f1QF&gt;\x1a\x88\xd7\r\x86\xd1\x889\xb6\x17\xb28\xce20\x05\r\x13\xc6@\x16`\xe1K(\xeaf4\xeeu\xd7\xa5\xa3\xa6\x91n\x9af/.\xaa\xf2\x076\xb8\x1a\xf4\xfb\x88\x08\xdb&amp;\xcc\x86\xdd\xb9\xbe\x8b/\xf4\x81m\xfe\xed\xb3\xa3\xd3\xa3\r\xb2\xd7\x16\xe1\xda\xbd\xb5\xbbr\xe3\xb3\x17\xaa\xeeEh\xb0\xb2\x10a\x9c\x19F\\\xb6U\x12e\x9ea\x00`\x10\xb7\x95\x08r;\x88\xa3\xb8\xc9\x8cZ\xb0\x10\xa8pHB|\x0b\xb0\t\x1a`\x08\x11\xcd\x1c\xa1\t\xc2l(ek@\xa0\xba\xc8\xf6\\\xb5Tl\xb6\x96\x06\xb9K:B[\xd5Z\xb4\x17\xcec\xb5S\xd2R\xff\x05!\xb7\xb7\x00K\xf2\xb5B\x7f\x83\xea\x85\x96;&lt;l\x9aF\xb0(\xf3\r\x85\xd7UU\x84\x04\xcbt\xd88\xd1\xd9\xb0\x89=W\xf3bQ\x8e\x14\xa7`\xb1@Z\xc4a\x02x1#I\xf1\xf3\x9enBt\x07;+XI\xc3\xb5Qd\xb7|\xb1\xaf\x19&amp;P\x01\xad\x06iSzJ\x03\xb4\x0e\xd7\xd2YCZ.\x7f\xf5\xdb\x8d\xad\xad\xd5.(V\xd76~\xf3\xb9\x9d\x1bY\x84\xab\xb0\xc8\xc7\x0b\xebARV%\x10\xf2\x00=\x9f\xb5\'\xa6)\x12\x11g\xae\x96\x89r\x98\xe8\x198\x12,\xe01y+\x92\xf8\x92\xba\xe8i\xb9\xe9e\xdc\x87\xf2J.YB\xe1\x0b\xf4\xd2|g`\xd17}Ks)3\\\xcdV\xf3\xc5\xb3N\\:3\xbej\xbc\xfc\xe9\xfa\xee#\xcc!\x0c\xed\xed\xab\xbf\xfa\xb7\xed\x9a\x1e\xa7N\x03(\xbc\xa6\x17C\xcd\x1aA\xc0\x89\xae\xa0\x9c\x04.\x8b=\x918\x96\x1b\xd5\xc36sy\xc2D\x989\\$\x88\x0bd\x06y\xac\xee\xc1\xb9\xba\xe3sz\x15\xccD\x93\x9a\x11\xb04\x1a\xca\x86\x9f+\xb6%M\x84\xbbj\xcd\xa2RS\xb5\xbb\x0f\x92])q\xe9\xaf\xff\xf0\xde\xad\x9d\xb5\r\xdc4\x1e\x9d~\x8d\xc7x9\x9ea\x9dH\xe2\xdc\x88DY6\xb8^\xc4y\xe0\x18^2+\xb5\xa0Q\xdcZ\x98\xb6\x19\x85\xe3\x91\xa7sL"\x0e\xdb\x89\x88\xa2,b1\x9c\xdf["%\xb0&gt;\xb9\x1a\x1a5D\x98\xae\xdaHQ\'24\x8d\xeez\x08\x16\x8a\x0c\xe6\xa2?\xec\xf3\xad}\xe7/-\xaf\x8f/\xddZ\xddFS~\xf9\xf5mb\xdf\xf7}\x8fv#J\xaedaQ\xd6\tX@e\x9e\xe3\xf0\x93\xb9\x99\nn\xd9qa\xd8\x86/f\x8d\xe1\xb2:\xce\x1c\x8f\x95!\xa7\xf3\x90\x18\x8c\xf5\xe44\xb1u\x08)\x7f\x8d\xd6H\xaca\xfad\xa1\x93Rt\xf5Q\xc0\xa4\xb9\x94\x1e\xb8\xc3\xd6H\xd8\xb7\xca\xb2s\xfe\xf7k\xebkG\xa7_~{\x0fd\x19\x0e\xd43h`\xe4\x90\xb0.\x8b:\xe6\xf4\xea(\xcf\xc9\xeai\x92:\xb5\xde\xef\x07\xa5\xaf\xebN9e\x86\x122G\xc9XSg8\t\x11\x1bEqoi\xa1O9\xae8~\x169\x8eg\xe8\x101\x056\x8f\x05:\x00"\xc6\\\n\xb5n\x14\xa5\xba\x0eH\xf6\x1b\xbe:\\\x98\xf6\xff\xf8\xf9\xfa\xc6\xe9\xb7\x7f\xe9\xdb\xaaN\x9bI9\xcbr\x15Kk\n\x920\xc8d!Q\xd9t\xe8\xa51\x07\xf9A\xc9\xb1\xf6\xf1\x9c\x9bJ\x18\xa4\x9eh\x1a\xdf\xcb\x02\xc9+\xef\xa1\xd9,D\x83e:\xbe\x8fu\xea\xd4\x8a\x06\xf7\x1d\xae\xa8\x8a\\2\x90\xa5\xa9N\xad\xe8bS\x86\xd1\x08\xeaTu\xf0\xdf\xc0\\\xfd\xf5\x9f\xd7\xdf\xff|`\x83S\x8cVE\xce\xd7\xdc\x0c\xe2\xa4)jF\xa8\x02B\x16x\x1e\x9f\x8f\x13\xc3\x0cu[\x03_N\x16\xb3i\xeb\x03\x9d\xe2\x94%I\x99e\x92\xd9\x9e\n\\6(P\ri-\xe4\x179-\xf4a}\xd3\xd1\xc9\xfe\x14\xfc\xc0\xe4\xa6\xd8\xbe\xea\x1ay\xbf?X\xa4\xb14\xb0\xbe\x03g\xa9\xca\xb3\xe3\x7f\xe2I\xcaf9a\x15Ev$v{\x12\x16&gt;\x00\x0cQ\x94Q\xe2\x1b\x01\x02\xc2\x1a\xc4\xa5\xc1E1\xad|\x05\xb7\xa5ME\x83 \xf2qj\xc6{\x18u\xf4\xf6\x15p\xe5\xd2\xed\xaaj\xfaq\xe1\xd1`\xd4\xe1-(\n\x9bK\xa6\xe0\xbbT#\x8fQxQr\xd0\xdbK\xe7w\xb6}K\xf5R&lt;^$\xc5\xa15zZ\xf1\xd0\xedI}\x06\xcb\x0b\xc0\x02`\x05\xf5\xc9I\x12\x19\x99\x89\xd5Y\xbc\xcc\x8aB&lt;l\x0cM\xcf\xea\x8a!&gt;qR\x80F\xee\xe99\xdd8\xcb}B\xb7iP2\xd1\x18\x14\xf5jJ\xdc\xa9\xd4\x7f\xbaI\xa0\x14\x97\x067\x9e\xa1!d\xa9\x8bV\xd7\xa2\xdf\xf5$\xb9_\xa5\xb3\t\x95\x92\x93B\x98\xbdu\x1dJX\x0el\x13x\x86\xc3\xaa\xb6H0\x92R\xbb\xdf\xd72lN\xbd\xf6\x80\xa7vT\x14\xccP\xcd\x801\x18(\xea\x81 \xd8\x052.\x01=V\x9b\xfbE\x99b\xd8\xd0\x84D#\x82\x1c\xc2\x84\x1e\x85\x80\xd4\x90t]\xda\x81-\x0c\xc0\x1a`\xc9\x15\r\xbaid\xc9\xc9\x95\xeb\xb4\xabT\x15\nU\xcc\xe0\x04\xf9 ]E\x06\xa3q]\x9e\xfc\xa7\x05+\xb8q\x10\x06\x82\x80_\'\x81\x10&gt;\xa1\xac\xf2\xd9\xc8\xafS.`\t$z@\xe8\xa8\x80\n,\xa5\x01\xfet\x90OZ\xe0q\x15\xe4\x97\xc6n\xc6\x1c\x05\xe0\xd9\xd9\xd9\xd9\xb1\xe7\xee\xecXd\x96\xaa\xff}{y.\x95Va\xf0\xa2P~\x03\x17i\x12\xeei\xfe\x90\x8d\x80\x07\xa9\xfb\xd9J\x9c\x85\x8d\rfb\xef\x1c?\xa8\x0e\xd5\x91,44R\xf4\x91\xc2\xf2\xb1\xd6?\x89\x8b\xc1\x02\x13y\xa0"\xb5S\x0ee\xd1\x82\x18\xa4`\x107\x11t\x91\xb0\xc6.\x04\xf4Upc\x87&gt;\xcb\xfb\xbe\x94\xe1\xd5Z\xdb\xac\xdf2\x15\xb2\x0e\x805$\xc8\x06\xf9\xf1\xaa\xc6\x99\xd4j\xd8Lz\xa4\xac\\MEE\xc0\xb0\xb1\xda(\x05\x92\x05\xa8\xf0\xd8\x13]\x16\t?\xa6F\xe2\xba\xfe\x93\xa5\x93\xb1(\xc4\xd4=d\r\x03"\xae\x0e\xe2\x82\xaaH\x17\x0c\xcd\xf9\x19\x19\xcc\x8f0\x11\xa53m\xcf\xc6\xee\x9b\xc0Zob\n\xb3\xce"\xed\x9ap\xda\xe3\x1b\xe45\xfb\xcar\xeb\xdf\x02\xd2p|oP\x18\xae\x01q\x95\xf5Z\xa7\x11\x15z\x8a\t\x88\x9e\x0f`H6\x86v\x96\x9f\x8e\x9c\xc3D\x84R\xc6\xd6\xd5E\xc9\x92\xb8z\x89\xcb\xc3H\xd9E(L\xdc\xe5\x1e\xe6\xce\xb7bM\x8fR\x8b\xcb\xeb\xa1ao\xa1\xc4\xd1\x96\xaa\xc3\xe2\xe4\xbc\xfe\x01\x9b\xc9\x7f\x88pQ\xea\xc8\x00\x00\x00\x00IEND\xaeB`\x82'</t>
        </is>
      </c>
      <c r="M270" s="3" t="n">
        <v>45492.67795138889</v>
      </c>
    </row>
    <row r="271">
      <c r="A271" t="n">
        <v>872039</v>
      </c>
      <c r="B271" t="n">
        <v>1955</v>
      </c>
      <c r="C271" t="inlineStr">
        <is>
          <t>Thaciano</t>
        </is>
      </c>
      <c r="D271" t="inlineStr">
        <is>
          <t>Thaciano</t>
        </is>
      </c>
      <c r="E271" t="inlineStr">
        <is>
          <t>VOL</t>
        </is>
      </c>
      <c r="F271" t="inlineStr">
        <is>
          <t>VOL</t>
        </is>
      </c>
      <c r="G271" t="inlineStr">
        <is>
          <t>VOL/CA/MC</t>
        </is>
      </c>
      <c r="H271" t="n">
        <v>182</v>
      </c>
      <c r="I271" t="n">
        <v>16</v>
      </c>
      <c r="J271" s="2" t="n">
        <v>34830</v>
      </c>
      <c r="K271" t="inlineStr">
        <is>
          <t>Right</t>
        </is>
      </c>
      <c r="L2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34fff92-9721-4321-9ff5-a060ad1af5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2\xb8\xf8=\x00\x00\x02\xfdPLTE\xff\xff\xff\x03\x03\x02\xf1\xf3\xf9\xf4\xf5\xfb\xf5\xf6\xfb\xf7\xf9\xfc\x06\x06\x05\xf6\xf7\xfb\xfe\xfe\xfe\xf3\xf4\xf9\xf0\xf2\xf8\xe9\xec\xf4\n\t\x07\x0f\x0e\r\x0c\x0b\n\xef\xf1\xf8\xed\xf0\xf73#\x18\x13\x0f\r\x14\x12\x11\xeb\xed\xf5\xd6\xda\xe6*\x1d\x14\xec\xee\xf6\xe5\xe8\xf1\xe1\xe4\xee\xe2\xe6\xf00!\x16\xd8\xdc\xe87$\x18\xfc\xfd\xfd$\x1b\x17\x19\x13\x10\xda\xde\xea\x1f\x17\x139\'\x1a\xa2qR\xc2\x92x\xdc\xe0\xec\xc2\xc7\xd5\xd3\xad\x90D1&amp;$\x1d\x124\'\x1d\xcc\xd1\xdf,!\x14\xde\xe2\xedB-!\x93iM(\x1a\x11K3%( \x13\xe7\xe9\xf2\x19\x16\x15\xca\xa2\x82\x99kO#\x17\x10\xc8\xce\xdb\x1e\x13\r&lt;+!\xa8y]\xb2\x86k* \x1b\xcb\xa4\x85\xc5\xca\xd8?*\x1d:(\x1e\x18\x10\x0coL6\xc6\x9e\x83\xc5\x97x\xcf\xd4\xe0\xc3\x99}\xd3\xd8\xe4\xf5\xf5\xf9\xab|^\x1d\x1b\x10\xd5\xb0\x93\xce\xa7\x880\x1d\x14hG2\xa5uYQ6\'gM&lt;M9/\xbd\xc3\xd0\xd7\xb3\x98/#\x1d\xa2rX\xb8\x87j\x8fbF\x9dt^Y;)\x9doT\x92mV\xb8\x8fsqUC\xe6\xea\xf4\xb0\x81b\xa8rT\xd1\xd6\xe3&gt;/&amp;\xbf\x8ew\x85\\C\x88fR\xbd\x8br\x8efO\xb5\x84e\xbe\x96y\xb3\x80i\x8a^BzT:E5,\x11\x0b\x08\xc7\x99\x83\xd0\xab\x8deF9\xb4\x8bo\xac\x7fd\xf7\xf8\xf8^H:\xb0{]X@0\xb8\x86p\x98rZ\xabwXkRF\xc7\x9d}R;,D,\x1e\x82aK|]J\xb8\xbf\xcc\x92eH^@-\xd0\xa1\x88\xaczc\xac\x84k\xc7\x97|\xb5\x7fbtP:xYD\xbc\x84f\x9flN5*$\xa2{d\xae\x83g\xa1y_\x98kV\xca\x9e\x87\x94\x9c\xa8\xf4\xf6\xf5)(\x17\xb3\xba\xc7\xad\xb4\xc1}V?I0 \xbe\x8fp\x88cI\x9c\xa4\xb1tYI\xcd\x9c\x82\xba\x92w\x98gI\xcb\xa2\x8emN?\xd0\xa6\x90\xf1\xf2\xf0dA/\xf9\xfa\xfdL6*]B5Q&gt;4\xc0\x93r\xbe\x89l\xd0\xa9\x89\xba\x8cm\x89^J\xa7\xaf\xbcW;1\x1f\x1d\x1c\x83X=~\x88\x8e\xdb\xdd\xdb\x93p_\x8cjX\xae\x88q\xda\xb8\x9cWB9\x80XD\xa7\x7ff\xfb\xfb\xfbvPB\xc3\x93~\xa3\xab\xb8\xed\xed\xec\xe6\xe8\xe5\xf9\xfa\xfa\x81dW\xcc\xd0\xce\xc0\x96\x7faMB\xdd\xbd\xa1kut\x98xgeig\xb6\x9a\x88\x8d\x96\xa1\xa5\x7fmw\\R\xd0\xa9\x98\xe9\xeb\xe9w\x81\x87s||\x84ZN\xc5\x8er\x88oc\x88\x91\x9b\xe2\xc4\xa97:2\xc2\xc4\xc0\xc1\xa7\x97RXP\x9fmc\xb1\x8e|\x84\x8d\x95\x8d\x92\x8a\\a^\xd0\xae\x9f\xe7\xcb\xb5\xd5\xd5\xd4SOD\xce\xc8\xc6\x80vo\x94`WEIC\xb8\xbd\xb8(,&amp;\x96\x99\x94\xe3\xd7\xcf\x88\x81z\xe1\xe3\xe2\xa8\x9b\x95\x9b\x86~ul`\xb5\xab\xa8\xaa\xb2\xadf]V\xba\xb3\xb1\xa0\xa9\xa4\xab\xa3\xa0\xd1\xd6\xd9\xd9\xca\xc1\xca\xbc\xb2\xa5\x91\x89\xed\x89\x99\x06\x00\x00 \x00IDATx\xda\xc4\x98\xebO\x9ai\x1a\xc6\xfd4y?\xcclB\'\xe1\x0b\x815\x02\xc9\x88!\xbc`\x1a\x08\x87&amp;x\x8a\x89d\x95CV\x0eb\td@$\x14K\x14\x0f\x08\xab\x12,*\xd4#\xd1\x044v&lt;\xa6\xb5\xc6\xa6\x92\xaaQ\xac\xa9R\xcd\xe8\xa4\xdat\x86D\xdb1\xb6\x99\xd6L\xdbu\xdbn\xdb\x99\xecl\xf6~^\xb7\xfb\x0f,\xd8;\xbeh\xe2\x97_\xae\xebz\xae\xe7~\xc9\xc8\xf8\x7f\x07\xa3a\xb4\xd5\xfaAb60\x1a\r\xcb\xf8\xfc\x83a\xd8\xc6\xfa\xfd\x97\xafOv\x9e&gt;y\xf2\xf4\xd1\xeb\x97w\x1en\xd00\xecsC\xad&gt;|y\xf2|?\x87\xcd\xcee\xc3\xc3b\r\xed??9\xb8\xb7\xfa9\xc10l\xf0\xfe\xd1\x87oERN4\x1amm\x95J\xe9$ \x93\xc9^=?\xfae\xf0\xb3y\x89a/N\x1ax\nEKS;LEE\x85\x82\x17Ed\x00&amp;\xdb\x7ft\x7f\xe3\xf3(F{\xf8q\xb4\xbd}\xba\x0c\xa6\x00MY\xd9\xf4t\x85"\xda*\xa5\xb3se2\xd6\xfe\xc9\xfd\xfa3\x07\xc3\xb0\xfa?\x92\x05\xc0\x13tD"\x8e\x88\x83\x18@\x9bnGd\x84\x99\xac\xfd\xa3\xf53\xe6\xc2\x06\xff\xf56D0\xc5,\x97`,\x96\x18\x8c#\x88$\x033\xc1K*{hh\xe8\xc9\xc1Y\n\x86a\xebo|\xc0\xe4\x00$\xad\xd6\xef\xd7j\x11\xd9\'0\x10\xec\xd4K\xe0\xda\x7f}\xef\xcc\xb8\xb0\xfa\x17\xc9\xa0#vI\x8b\xe3\xb8\xdf\xef\x1f\x1b\x1b\x83O-!Z\x0c\x9c,#\x9c\xe4\x01X\xce\xd0P\xcfS\x88\xfe\x19\x19\xf81\x14tXpu\x89Q\xce\xe0\xf3\xbb\xf9\xc4\x8c\x8diA4\x8b%\x12D\xe1G\\\xbc(\'\x07\t\xf6\xdb\xe0YpaS\xbf#*\xad^l3\xca\xe5\x0cF7\x03=\xdd\xdd\xfc1B2K\xc4\x11$\xa2\xafP\xf0\xaeg\x13\\GSi7\x12\x1a\xf4M\x81\xc3\x11\xd3\xe2r\xb1\xd1Xb2\x01\x14z\x18\x08\x0cB\xa6\xb5 #Q\xc2*\x14-\x8a\x16\x82k\xe8\xfbt\x07\x0c\xa3\xdd\xfb\xb7!\x18\x81\\\xf1\x19\x1e\x9b\xd1sJD\x80\xe9\xc1M?ad,\x82\x12\x06\xc1oij\xe1|\xe2J/\xd5\x9d\x13e\xd0\x01\xe7\xcf\xdf\xcd\xf0x\x1aM\x1e@2\xc1\x0f\xe2\xeaF\x01;5\x12\xc0\x80\xab\xa9\xa2\xa9\x89G\'\xa5\x9f\x0b[\x7f\xd7P\x10ATc\xdd&amp;\x0f\x8c\xc9c\xfa4D\xbc\x80\x8c\xe0\xb2 \xae\xe9\xf6\xf6\xa6l:\x89\x84\x1a\xec\xd1T:\x9b\xe1\xa8\xa5\x0ci5\x06T&amp;\xe0jlDh&amp;\x82\x10\x99\xa9GN"+\x01\x8c\xf0Q\xc1\xa1\x92(\x14v\xee\xd0\xd0Q\xfa\xce#\xf6r\xb9,\x18#\xa8\xba\t\xa8\xae\xaeF4\x1e\xf4!\x96\xcb\xd5\xe0\xa4\x1e\xb8p\xa4\xd8J\x10b\xcfk\xa5\x92H\xc4M\xf4\xea}\xba\xfa\x0b\xfb\xc7\x87\xf6\x82\x18rp\x8ca\xf2\x00\x93Mc\xb3u\xc1o\x18\x9b\xcdXR"\x060\xb5Z\xcd\xd0\x83\x95\xd0\x14\x04\x16\x1d\xe4b\xe7\xa2\x1b\xf2\x97t\xc9\xf5\x1a,DX|\xc8{#@\xcd\r\x0f\xcf\xce^\xbdj\x83?5\x1a\x9b\xd1\xe8\x02.\xb9\x1e\xc0\xd4|\\\x0b.By\xb5J\xa9\xc0\x05T,\xd9\xd3\xa9\xb4paw\xb6\xda\x0b\x00\xeb\x12x\xc8\xf0tif\x87\x87\x99EL\xe6\xcd\xe1\xd9\xab\x9aY\xabU#\x91\xd8\x03%b\x18\xb9\\\xae\xc7\xfdD\xb8\x14\x84\\$6\x17\xb8\x86\xde\xaf\xa6\x81\x0b\xdb@y\x8f\xa1h\xa1dui\x86\x99\xcc\xce\xc2\xc2N\xc45;k5[\xe7\xdcv\xa3\xcb\x15p\x05\x02\x01\xb9z\x00\xbf\x15) \\\x94"\x1b\xb9\\\xd8\r\x7f]O\x03\x16\r\x89\x15\x89\xc5P\xe0\x19\xa6\xc6\xae9fQax|&lt;\\X\x04\x9a\x99\xcdkV\xab[\xd2\xe7\n\x88\x03bq@\xad\xd7\x03V\x10\xc9\x85v\x1c\x12\x9b\xcc\xe5\nd\xe7_\xa7~\x91\xc6\xb0\xdf[\xe0\x18Z\xfe{\x0c\xbb4\xd6\xa2\xe2\xf0\xf8\xe4d8\x1c\xee\xecd\x163\x99V\xeb\x9c\xa6\xaf\x0fi\x056\xaa\x01k\xe5\xee\xa9\x8b\xc0U\nX\xdc\xb4\xc8\x85\xd1\xde5\xa1d\xf9\t\xaaF\x9b\x86\xd9\xf9\xb7k\x08\xab\xb8\x18\x02\xc6\\c2\xcdV\xbb\xdd\x88\xb8\xe4\x90y\x84\x15\tBs\x11X\x142!\xd7\xd0{Z\xea\x0b~\xab\x0c]\xd1~\xc2\xc2\xc6\xab\x9a9\xe0r\x16\x86\x9d\xce5\xa6\x19\xb8\xcc\xc5\xe69\x9b\xdd.\t@}\xe9\xf5\xe8$\xae\x10\x85\x8a\xf6.:\x05\xa9%\x90\xc9vR~\x07a\x1f\x1b`E\x06\xb1P;t\x19m\x9aYf\xb1\xf3\x14k\xcdl6[\xad`#P\xb9\xed\x01\xb1\\?\xc0\xf7\xdf\x82\xfb\x07-\xd0&lt;\xe2m\x88\x0cr\t\x04\xb2W\xa9\xee.l\xf5\xa8\xc1\x10\xb1h\xb5\x84X6\xc0\x1afvv:\t\xad~\x02(\xab\xd5lv\xdba\xdc\x12\x17\xc85\x80W[\x1cAb\x1b\x8cF9y\x10.2R+\xf3\xb7\x14o8\xd8\xd4\xb1\x12\xb0.\xf9\xf9\x0c\x10\xcb\x86\xaa\x14\xb0\x8a:;\xd7\xd6\x98P\x0enh.\x8d=\xe0\x02,\xbb1\x00\xd1\xe2kaOEK\x17\xaf\x15\xdek\x89p\t@\xae\x9d\x14\x9fE\xec\xe1\xbb\x89\x10\xa85\xa6g\xc8K\x1a\x01kx\xf8f\x11P\xc1@\xdc\xadn\xb7\xd5\n&lt;\x81\x00`\x81\x8d\x80\x85[,\xc1\x82i\x14\xad\xe8\xff\xb0\xe0\xad6\xc5g\x11\xbb\x974\x00\x16\x88%\xf7\x88K\x8c\xb6\xb99+\x13\xb0\xa0\x1eP\xb6\x90\x85fMW\xc0\x08\xe9\xd2\xa0t\xc1\xed\x03\xe1*@\xaf\xb3\xd1\xd3\xcc\xb3\x89\xcc\xbf:H\xb5Z\x80\xb5b\xc1\xf9j\xb9\xb8\x04\xb04\x9aYs\xd15\xa8S\x18 Cg\x11\xd2\x1e@\xaa\xb9\xed\xae\xd3&gt;]\t\x9e\x9eD\x0e\xa8\x05\x85\xcab\xa1\x8aH1\xd6\x9d\xddPh\xa4\x1a\xb0\xe0\xd2+!\x12\xcft\x86\xc7\xf7&amp;\'\xc7\xf7\xf6\x00\xcc\xd9\tNB\xb2\xcc\xc8Q{\x9fX\xadk\xaeF\xd7O{\x0bp\xe5Q\xd9l\xe0\x12\xb0d\xf3\xa9-z,\xe3\xc5h\xc8g\x19\xc1\x19PK\xf0&amp;&amp;\x99\xbb\xc9,\x04\xa0g\xcf\x9e\xc1\xb3\x874\xdb\x84\xe0\x03\x15(\xe7\x96H\xe2\xba~]e\x95\xef\xb4\xe7\xa3R\xb8}\xd8d2\\\xd7\xf3G)\xbd\xae1\xda\x1f\x86\x90od\x84\x0f\x05.\x97\x1bA-\xf3&amp;`=;\x9d=\xe0\xdb\x0b\x03\x8f{\xd39\xee\xdc\xfc\xae\xae\xaeC\xa7[X\xacj\xf3\x19&amp;j\x9b\x14&lt;\x0e\x89\xcc"\x93\xd1\xd2%{T\x9fZ\xac\x7fzCm\x80\x05{\xb1\\\xec\x82\xbbo\xe9\xf0\x87\xc3\x1f\xd0\xcf\xe3\xc7\x8f\x11\xdf\xde\xe4\xb8\xd3\xec6o\x86\x9d\x9b\x87KK\xbd\x0b\x8b\t\x9fo\xd4\xe0U\xd6\xdeh\xb9\x9eM\'\xb3\xb8\xc0\x05X\xdf\x0f\xa6\x16\xeb\x8d\xc1\xd76\x82\xc3\xb5\xa2\x17\xbb\\\x1d\xba\x85\x85db7\x91L&amp;\x92o\x11\x1f\xf8\xb97\xe9\\\x03\x1777\xbf[z\xb0\x90\xf0n5,\xcf\xd4\xa8T5\xaa\x99\x1a\x0e\'\x8f\xcdb\x91\xd1\xea,\xdb\x99J\x03\x16_\xcf\x1f\xd0\x8b\xfb\xfa\xab\x12\xbb\xde\x99\x9a\x9a\x1aU\x8dH\xb5\x95\xd8\xde&gt;\xdc\x84K{2\xbc\xe9v\xdb\xdd\x17\x81\n\xfe\xfbm\xf9\x9f\xb3\xd0\x80{dr\x0e\x85\x85\xb8\xd0\x8az/\xb5Xo\xbd\xbe\xb6jx{\xe0\xab]\xbd\xa0\xc5\xf2\xf2LvON\xf9\x05JyvCb{\xe9;\'Q\x14\xa8#\xe2\x0f\xb6\x13^U\xcf\x85\xfc\xcb\x7f\xfa\x12\xe6r\xa603\x9f\xc5\x06\xa4\\\xd8\x9deO\x1e\xa6\x14\xab\xfe\xd8\x1b\x1a\xc1q&gt;\x8e\xf7\xf7V)o7\x8c&amp;\xb7\xb7\x93\x89\xd1\t\xa5r\xc2\xb7\xf0`\xe9"\xb4\xc5\xe4\x15\xa7\xd5\xde\xab\xab\\\xac\x1a\xddR\x89H\x14R\x9e(O$\xcaag\xe5\x9f\x13\n\xe0\x18\xe6"\xb5R\x8b\x95Q\x7f\xbc5\nXxue\xff\xa2\xd7\xb0\x0b$\x87\x87K\x0f\xe2\xcdm\xa1\x95\x91\xca\xfe\xb8\xdb\xcc\x0c\x7f\xf3\xcd\x15s\xbc\xb9*4Q{\xe36\x8f#\x8d6\x19|&gt;\x83\xb2A\xc5\xa1d\t\x85\xac\\\x84%K5\xd6\xeaq\xc3h\x1b\xee\xc7\xab\x9b+}\xbe\xc5\x85\xdex\x1c\x8e\xdbbhZ\x11U\xb4\xdf\xad\xd6\xb9\xdcE\xd7&amp;\xff\xfa\x97a]\xd5DS\x0bGJ/%\x93x7j\x95\x06T\x10\x9c&lt;\n7K\x00X\xe8K\xe8\xd4\x9e\xc4\x8c\xc1w3\x86\xb6j\x1c\x1fi\xae\xac\xd45\xeb\xfa\xe3\xf1f_bw\x19\xf6\x03*\xb5\xe2nu\x7f\x1d\xf3\xda\x95+EF\xff\xc4m\x9e\x94\xc2\x15\x90U\xbb\xc9\x84\xf7:\'\x1b};B\xa5\xe7\x91Pm\xa1ozS[\xa7\x08K\xd9\xa6\x05\x13\xfb\xe3\x1d\x1d\xae\xde\xde\xe6\xbb\xb53=\x172\xcfe\x89`q\x01\xae8\xac9?y\xfc\x8e\n\x8e\x94"\x10\x8a\xbc\xc9\xdd\xe5\xf2\xf3\x97/\x0b\xb9\x14:\x87N\xe5\x88\xe0\xcd\x1a\xa9u\xfeh#\x85\xb7\x0f\x86M\xbdkP\x86F\xfcxe\\\xd2!\x91\xb8\xf8e7T=\xe7w\xe6\xbf\xfc\xfaWUkTQ{Kw\xb1\xe8\xaag,6\x1d\x95R\xb9B\xfa\xed\xdb\xcbGOw\xf6\xbf8\xf7UV\xa6\x90\x9bG\x15e\x13\\\xb2L\xd9\xce\x8b\x83\x94U\x046\xb5~\xe0U*\r\x90\xf9\xe6\x8e\xba\x8b\x17%\xba\xb2\n\xce\x87\'\xe7_}u9\xeb\x83\xb7\xa5\xf6\xee\x8f\x03\x03\xaeYS7`I\xa9\xa5B!\xbd\xb4\xe6\xe4`g\xfe\xeb/\xe6\xe7\xa1(\xf2\xc9 W\x8d\x88\x9d\xcb\x96\x9d\xcb\xbc\xd0\x93s\x9c\xa2F\xa5\xfd\xfdP\x8d+\x91Z8&gt;\xd0WW\'\xe9\x8dTDk\x93\xc7\xe5\xc2|a\xcf\xeeh\xed\x8f?\xeb\xc4\x9e\x92F\x93\xa9\xfbRA\x14\xde\xbdJKKU\xbboOf.d\t\xcakD\xdc|!\xf5?\xb4\x9a\xedOZi\x1a\xc6\x97/\xc4\x0f@\xc2!\xe1\x0bA\x08\x0cI\x91\x18\x84\xc6\x94\x1c^\x128JL\xb0\x83\x82\x11\xad\xa0F\x03"\xea\x8c\xb0H\xc1\xb7\x8a\xa6\xa2\xa0(\n\xe9&amp;\xb6F\x9c\x8aF\x94\x94\xe0F\xedJk\xd3\xd6\x193\xceD;\xbb:\xd9v\xda\xa6\xbb\xdb\xe9\xcbL_l\x9bv\x9bi\xb3\xf7q\xfb\'\x9c&gt;\x9f\xe0\xdb/\xd7s?\xf7}]\xcfs\xe8\xf2v\r\xae\x16\xc6\xc5d\xac\xf6\xdfr\x89\xd1\xea\xbe\xc5\xe7+\xf0zA-\xc7\x89\xc9\t\x8f%]TV6\x92^\xdb\xfa\xb9\xd7\xb89\xb2 5lF\x94\r\xba\x1e_\xa8\xf1\x9b\xaf\xcd`D\xf5z\xba\xdc\xbb\x07M\xcd\x9d\xf4f42\x0c\x93\xb04\xfc\xa3MDP\x89\x9e\xce\x7fO\x10\xd6\xce\x88\xa5\xa1\xc1\xee5\x02\x96\xa5\\W\xee\x98\x9a\xcaf\xb3i\x87}?[\xb4`\xf0\x8b\x17{k=\x8a\x9eP*\x1cn&lt;U\xe6\xe73e\xa8L/\x17v.,\x0c\x0e\xf6\t\xd92\x0cga\xb1\xa0\xe4KK\x01\x8a%\'H\xad\xd3?N\xd5D&lt;\xca\xde\xffc),\xe9\x13QG:\x1d\xed\xae\xd9\xd9wK\xd5b\xef\x9e\xbdF\xd1\xd8\x13N\xa5\x00k\xc1\xcf\xd7KPTB\xd7\xf8\rf\xf0\xa6\x00)c\xd2\xf9|}\xbe\x04\xb0\x98\x1a\r\x9fe}D\x0cV\xee\x1f\x91:\xa8s\xbb\x11N\xa2\x05O\xf2\x1e\xc5\x89tS:\x9d\xde,3\x9b\xdd3\xeb\xb5Q\x85\xcf\x17\n\xa7\xc2\xa1\xc6\xaf\x16\xfc\x1a=\x1e\xed\xd9~\xa9A*\xf5\xb3\xf5z\xb6F\xad\xd6@\xb0\x86vZ*\x12C\xab\xb0&gt;$\x06+\xe7yG\xdd\x85D\xdd\x95\xfa\xe9\xb3gq{\xaa\xd0yt5`\x8a\x1d\xfb\xfb\xf6\xda\xeeh\xb4j(\x1c\x0e\x85a\x85\x1a\xffj\xc6o\x1c\xe8l\xb6\xda\x00M\xde\xed\xee\xec\xcc\xf4e\x16\x85\xb8\x9b\xc7\xfb\x96\\.\xd7\xe8\x89\xc3Rv]\x88WO\x0c\xe0Cq\xac\xc7\xd7\x00&gt;P1\x19\x89L\x823\xae\xa9\xaaR\xb4\xc0\xf6\x1da\x85}\xa7\x16p,\xb6\xfa\xbcy0\xe9\x9e\x1b\x19\x9d\x9b\x9bsg\x0cB\xa1\x9aM\x07\xac\xbf\xc8\xf9|6St\x870,\xe5\x05\xad`\xa2\x1f\x1f\x8acU:\x9d\xce3\xe1\xf1LVY\xc0?+\x86t\xd58\xd5\'\xac\xb1\x11)\x9f\xcd\xa6\x83VE#\xb067G\x8c\xeeL\x9f\x10\x8c \xaeV\xbe\x1c\xb8$\x92\x07\x844z\xc0jk\x13\x04K\xce\x8e\xf6\x17L\x9f\x1a+\xd7)\x14\x9e\xa3\xcb"\xd8M\x9f\xaf:up\x90\xc2\x0b+\x05?B\x8dSf?(\xc2\x97.\x14}\x9d\xcdNmf\xb3Ep\x1cav\xf3\x01+?\x8f%l\x17\xb3\xd0\xd7\xf3\xb9\xc4\x94|\x95G\x1b\x17|\xb3i/\x98&gt;kQ\xe8\x14:\xc8\xcd\x90\x16\x81*\xd4\x05\xc1,\x15\x062\x80\n\n\xc2=_-\x80\\|\xb5\xdf\\\x94mJ7e\x9b\xb2#E0\x11\xf0\xfbS\xe6\xf1|\x14e\x0b\xdb\xf9\xe8\xc6KB\xb0\xae\xfe16\x14\x0f\xc4\xdb,\x80u\xea\x0b\x85\xae\xad\xad\xcd\x17\xaan\t\x85\xaa\xab\x9bm\xd7\xae\t\xb4\xf1\x83P[\xea@\x1b\x8f\xa7|\xa7\xca\xa4P\xdej\xa9ap\xa4)}6\rdS#\x83\xe75G\xb7\xcd\xc7\xf3d\x12\xbe\\#i_%\x08\xab\xbc\xba\xf2V|\xb9\x15\xb0\xf0\xe7:&lt;\xe8\x0b\x0e.4C\x80\xb6\x05]\xf1\xc0\xb1x\xc8\x07\x82\x05\xe3\x01A\xe8D\x11\xc4{?_j\x1e,j\x02\x8f\r\xfd-;\xe26\xe0\xb1\x1a|\xcd\xf1|\x19L\x00=AXP[\x82\xca\x80+\x16\xebwL\x17\x947\xb44\xdb\x04A\x976\xa8\xd5\x06]8T"\xde\x1cN\x01T&lt;\x90\xd0\x86,Sf\xa9\xc1\xe0\xe7\x9f_(\xca:\xa2\xd1\x02\xfc\xae\xd2\x9d\x11\xf2A\xae\xfc&lt;\x93\x1c\x85N\xcb\xaaX%\xe6(\xfe4\x1b\x83\xb4\x95\xf8\xf3\xc0tS\x81\xae\xe5\x92@\xabu\xc5a\x05\x02\xf1\x188x0Z\x07\xb0\xc7\x81\xc0\xbf\xff\xe6j\x1eJ\xc3\x8c\x04+H?\x7f\x84\x15\x8d:@\xadN)\xf8\x9a\xfc\xfcR\x93P\x06\x16L\xff\xeb\r\x82\xa6\xcf/%\xda\xe6\xe6/+g`X+\x94\x97\x82\xc1`\xe0h%\x80I{\x10\xb4\x01\x15\xfe\xef?\xfft\xd9\xdaj\x93\x8b\x86\xcc\xa2\x9f\xa57\x8c:\np\xae\xfeQc\xa7TC\x07\xb9JEB\x14\xc7z;O\xcc\x15\xea\xd5\x0f\xd5\xe1\x1e\x9f\xa0r\xcb;m\xd1)mgp\xa5\x12\xc7\x12\x81@,f\x0b\x0b\x12.AP\xa0\xec\xba\x16O\x04\x04]\x9e}\x83X-\x16\xaaa\xe8\x94\xa5\xa3\x16K\xb46;:\xd7)\x94\x8bD\xa2|\xaeH\xe4\xa48%\xfa\xc7\x04\x05\xfe\x9c\xe7\x13\xe1\xc61eb\xa7\xaf\xbf\xd6\xa3\xac\x0b\x06\x01\xec\xe4\xb1c\x90\xa3mm\xd5\xb1\xca[\xb6\xa1\xb4y\xc11\xdcl\xeb\x1a\x8e\xba\xc1\xc9\xa0,\xb0\\ls6j\x81M\xec\xff\x84E?\x8e\x98p\xb1\xf8\xacgD\xddT^\xefhn\xd1\x95\x0f\xefX\xeb\x1dW&amp;\x94\xcbp\xe6\x02\x89\xca\xca[\x01A\x9b\xcf\x968\x99\x88\rM9v\xef\xef\xd6\xd4\xac\xd9\xeb\xc5\x18\x86\x82\xb1\xa1\xf3\xfd\x86\xcd\xda\x1aP\xeb\x08K\x03Xy\x08\x0b\xc3\x8d\rA\xc3\x07o\x11\xbfxZ\x8b\xb5\r\x11\xb9\xd11\tXZ\xbc\x96NV\xde*n\x0e\xb5\xc4\x02q\x97\xcb\x06Izkm\xad&gt;#eR\xc8d\n\xc6d\xb1\xd5Rs\x91\xc3R\x03j\xd5\x1b\xfb\xacr\x11\x9d^\x8a\xb0\xc0\xd8\xe8\xd1%\xa2\xcc&lt;\xb4\x08E\xd5\xec\x19m\xb7\xaa\xbd\xbf{\xd2si\xf9L\xec\xcb\xd8\xc5D\xecZ\xaaZ\x10p\xd9\xea\xee\xaf\xedm\xc8\xad\x1b\xde\x99\xfa%\x94B"Q\xa8\x88D$\x96\x9a\xcb\xe0,:\xa6\x07\xea\xdd\x8b@e\xa2cN\xba\x86\xaeGe/r\x89\xcb\x18\xb3_T//\xd7\xaa\xc6\xebk\xbb\'\xea\xea\xb4g\xce\xc4\x02\x89\x8b\x82\xe6f\xd7w]\xc3\xc3;\xdbB+\xc6\xe50\x85\xbd\x1b\\\x84F"\xd3p\xc1\xc4\xd2N\xe8\x11\xb5\xd3\xf5\xc6d\xbb\\\x04\xee\xd4I\x91\xe8%z\xa6\xf5\x11a\x97\xe099\x1f&lt;\x17\x0e\xc2Q\x13\xc7\xbb\xde\x1d\xe9\xe8\xd0jKJJ\x8ac\xad\x1du\xad\xbbk\xeb\xfb\xdb\x15V\x8e\xd3\x89\xf08\xe3V\x1e\x95F&amp;\x91Hd\x8a\x93g\xd2\xf4\xb9\x07\xec\x90\xf7;q\xac|.\x19\xb0\xc0\x14\xbe&amp;\xf0*)g\xfe\xc7\xe5eA\xb7\x8a\'\x9cY\x9bT\xd6\xcd\x96\x14\x97\x14\xbb\xbe\xbb|\xf9~d\xc6\x9b\x11.m\xa8\x10\xc0\xc2\x9c\xa8\xd5\xca\x00,2,\x12\xd9\x891\xe5\xc9\x81\xd1zc\x85UDg\xc9\x9c$\n\x181\xf1\xdbUB/\x92\x9e\x97h\x035\x9cB\xd1\xd2\xcc\xfa\x95\xe1\xcb\xb3%\x02W\xf1ldg\xddk\x12iL\x1c\x0e\x17\xa0\x10\x1a\rU\x99x\x08B#\x7fZN\x94\xdei4B{\xa0\xb3\xf2\xa0\xe8\xc8,\xf1\xd2\xe3UB\xc3~\xce\xcd\xe7\x17K\xec\xbcB\x9e\xa8\x02\xf4\x1a\xee\x98mm-\xe9\xd8\xd9\xb3\xf20\x15\x07\xe5\xf0\xb8\x10o \xf0\xd0\xc5B\x8d\n\x18)4\x1a\x05\xdfK\n\xa61\xe0\x9fh\x98T\\\x04\xf4Sm\xbf9G\xf4\xebJ\xee\xf5\x0f\xafW\x18\x85\xe3\xa2%{d\x17\xa2u\xeb\xec\xeeV;\x07q\xf28\x12\xa1w#c\xdc\xdc\x83t\xbd\xbf\xbf\xe9^TC)\xc9\x9cT\xe0"\x93Q\xe1\xa2P\xc4\xe2\x01)\xfc\xbb\xfb\x19\xbe\x7f\xcb=\xfd\xf2\x1f+\x0c\x06\x87g\xda\xde\xda\x19\xaeS\xd6]^\xdb0q\n1U\xc5\xc6\xde\xee\xee\xbd\xdd{\xf7\xeeE\xa3O\xb2\x9b\xb8}OV\xc8\x99\x18\r\xb6\x8dD\x11\t5\xf4&lt;\x0c\xc1\x8b\x8d\xf2\xfd\r\xe2_\xabsN\xbf\xfc\x9eAE8\x0c\x9euc+r\xf9\xca\xf0\xee\x8c\x95\xb7\xc2\xe5\xcag\xd6\x80\xe8\xde\xda\xba\x1d\x97\nV2\x99\xec\x83i\xc3\xc4\xa8x\xed\xcb\xe0\x17\xe2\xa4\x1ca\xfd\xb0\xfa\x19^\x85o\xfe\xf4\xe06\x15a \xaa\xf1\x8a\x99\xf5Hwd}IU\xc8\xc0d\xc9Q\xc0\x993\xf6\xe2k.\x99\xc9,.V\xc8\xe5,\x89L\x86\xe10d4_\x82\xe1w\xa8\xf8\xf9|\xbaJ\xfc\xa7#9\xe7\xbe\xfd\xfb\xefT*\xc2]QY\xbd{[\xf6\xee\xbd%N!\xd7\x89A\x99Wl\xf7\xbe~\xf5\xea\xf0\xfd\xc7\x17\x8f_&lt;~\xfb\xf6\xed\xd3\xbb\xb7\xf1f\x8f!\x14\x1a\x85+\xe3~:\x99\x14\xca\xd3o\xaf_%\xfce\x7f\xfe\xe1\xb3\xdb\x85T\x06\xa3\x90\xa7jo\xdf\xf6\xf6{\xad\xd0\x0c\xc0\xa98\x9d\xb7\x9f\x1d\x1e\xbe{\xf7\xe8\xd1\x9d7o\xde\xbd\x7f\xf1\xf8\x87_\xff5\x0e\xcdA\xc6d\xa2\x85T\x0c\x853x\xb4\x87d\xea\xd3;\xf37\t\xff\xe2\xe0\xf4\x8d\xdf\xee\xaeP\xa9T\xc6\n\xcf$\xb7\n\xeb\x07\xac\\\x0cA\xe8ss\x99\xed\x9dW\xbb\x1f?\xbe\x7f\xf3\xe6\xf0\xf0\xf0\xd5\xcf{\xdb\x99%\xb1FjP\xd3Y\x1c.\xcd\x89\x1c\x9dH\xc0"\x15&gt;x8\x7f\xf33\xd4\xfc\x9d\xa7\xbf3h4\x10\x8c\xab\x1a\x1f_\xea\xddPq\xb9h\xa6\xc6\x13}\xf2\xe4I\x14/\xfb\'\xf8\x82\xba\xcf\x18\x0c\x99d\x9ft\xb1B\x85 \x08\xe5S\xd7\'\x91n\xffw\xf5\x06\xe1O\xfb\x7f\xca=\xf7?\xda\xcd?\xa6\xc9\xfc\x8e\xe3\n\x08\x05\xdaJ\x9f\xc7\xf4N\x1b\xe8cq\xce^\x83\x0cr-\r?\xda\xd9\xa6\xae[\x07\x06\xdbQ9#t$u\x8d`R\x07J\xaf\xb2B\xc0,\x9a\x8c\xa4h\x0e\x12o\x9d\r\x91\xb0\x94:P\x9aB\xb9F\x9c\x07\x02\xa9\x15\r`FD\xb2\x1e\xc9\x91\x9bbv\xb9\x9d;\xcf\x7f\xf6\xfe&gt;\xc5s\xff\xde\x1d\xcf\xa7iK\xc2?\xaf\xbc?\x9f\xef\xfb\xf3\xf9&lt;}\x9e\x99U\x1aL\xb4@\x80&lt;Z\xcb&lt;.k\xa9Z\xd7\xd23{\xf2\xfc\xe9\x8b\xa7\xcf\x9f&lt;y\x9a\x05\xbbI\xb8F\x8f\x06\xe4\x81\x0e\xb7\x02Y\xdedB&lt;{\xde:\xd8\xba\xf5X\x833\xabJ\x01\x050!c\x95\xc9\xacA\xf9{j\x85\xfb\xf1\xf8\xd9Y\xf2\xeb\xfe\xef\xaf_\xff\xfb\xf9\x8b\x17A\x86s94*/\xcb/,.\xf62\x94`\x93\t\xb1\xf1r\xb0o\xeb\xb1x\xd3+\xb1\r\x81\x10Y\x14*\x7fMSR\xf4?Y\xd9\xbd\xfbhE\x13\xb3\xe0\x02\x14k\xa8\x8f\xbbl.\x8b\\\x97\x9b+/\xd4\x89e\x14\xe9\xdc\x9bXO^Mq\xa0\xd6\xb6\xbc\x99XH@+iJ\xc0\x0f\x85\x042\xf2S\x93\xce\xef\x88\xf8m\x8e\xf1\x87\x0f\'\xeeG\x1e\xc1\xb9\\\xd1`0h\xf7j\xc4\xe2#\x92|\x89F\x9a\xec\xdb,U\xfa\xb3\xe7S}\xd3\x1c`\r~\xb6\x01,\xc2\xa5\xa4\xf9\x8cT#\x93\x06\xe6\xccf\xb3\xad\xa5\xc5\xec\xf7X\xb0FX\xbd\n\xabXj\xc5?\xd4\xa5b\xb1\x08\xbd\x90X\xd7\xa6Z\xe9\xab+\x0b[_\xf1\xa4\xe6_&gt;\x83C(I\xdd\x0b(\n\\V\xa7\xcb\xec\xf6x\x02\x16wP\xa7V\x97b\xc0\x91b\x80\xd0H!\xa4\x9e)zO\xadg\x04\xdf\x15\xfc\xf6\x8d\xb5\x99V\x1e\'X+0.\xbe\x80\xd4\x97\x10\xc9d\x94V\xaf\xc5%w\xb9\xcb\xecN\xafX\xac?\xc3\xc8\x94\x14\xc3(\xa5\x1a\xafT\xcf\x94\xea\xf5g\xce\x08\xdf\x16|\xfa\xea\xcb).\xee+\x83q\x8d\xbd\xd8\xa0\x05B\x9ap\xf1\xe1_2\x19\x04\xb3D\x03^\xabX\xa4\xd3\xe9\xf5z\xa9\x8cRJ\x11\x1a\xccW\x0c\x12\xc8\xf6\xc2\xcd\x08\xc5f\x16Z\xb9H"or\xe1\xd5\xda\x86\x92\xa8\xc5\xc7v\x03\xbf\xa74\x1a\xb1=j\xf1z\xcb\x8a\x8b\x8bJ\xf5\xa5b)\xa3G]a2D\x12)!\xff\xbb\x04b\xedx\xf2\xd9\xd8\xe0\xf4$\x17Xy\x83c/\xd7\xad2Z\x89:\x06\x1a\xad\xa4d\x10Ga\xb7\x17\x16\x1e%\xf7\xf7\xe8\xe4\x85eb\xb5\xc6jU0\xcc\x19\xd2\xa1\xdfj\x95\xbe\xb1\xfa\xfc\xcb\xbem\x9c\xc4\xf4\xd4\xd4\xd8?\xccvR_B!|\x15c\x0e\xea\x1b\x83NG\xc0b\x19-\xb6\xa0\xe5\xb8,\x85\xe42H)V\x0e~r\xd3Hb\xf1W\xe3\xcf\x178\xba#v\xba\xaf\xf5\xd3\xaf\xea\xba\xad!\n\x96J+\x05\xa4\xbc\xa4\xf0\x03{0\x1a\x8d\xceE\x1f\xdd\xb93\x80\xc9\xcb\x15\xd0\x89\xc4\x0c\x9f\xff\xa6\xdc\xd9L\n\xe23S\xad\xad\xdc`\xf1xy}\xff\xacn3Ki&gt;\x99$PaB\x1c;\xa9\xd5n\x89\x06]Q\xd7\xbd\xc8\xbf"\x8e;\xfe\x16\x8b\\$\x96\x9dy[Xd0\xa5_\rr\xf8\xe4\x0f\xaf\xf5A\xb9\xe9\x94\x9d-{$\x91/D\x13Rj\x14rgp.\x18\xf5&lt;~\x1c9~\xcfc\x91\xdb\xc5p0~:\xd9*\x92b\xa5\x0b\xa5+\\&gt;[\xc6\x9b|P\xfd\x07\x93C\xaeA\x1a\x05J\x14&gt;N$\x04S8\xedN\xa7e\xd4=:p\xcf?\x17(\x93\x92AL\x88\x95\x7f;\x9f\xcff\x91b\xbc3\x9c\xde1?\xf9`\x9f\xc9t\xa53(\x83y\x850O\x08)\n\xe3\xaa\xd7k\xc5\xcb\xae\xd3\x05=sQ,=z\x92\xdf\xe4FF\xb6\x1fJ&amp;\xb6\x7f\xce)V\x1e\xb0\x1aLu6\xa7U\xc9\xd6&lt;El\x95\tI\xd1\xb8\xa5\x1a1\xaa\xccY\xa6\xa1\x04\xf0\x86\xed\xec\xc5\x08v\x87\xa5d\xea\x02\xfb\x18\xb7\xcf\x17&lt;\x05VmE\x9dY\xae\t\x85\x88\xa9\x92\x12C\xfb\xa6dX=h=i\x89\xec\xd0\xb0\x9d\x9cD\xb6\xac\xd2\xf9zuQ\x81\x93s\xac\x0f\x1b\x1a/\x9f;\xeeVxC\x00\x82\x95\xd3\xc4\xee\xc9\xc0\xa3\xa4\xe0\x1a\x90*\xb9P\xa4\xf3\x93T\xe9\xc2Ru\x01\xd7XyD\xad\xc6\xda\xda\xdb\xddCA\xf8=|\x95\x9d(\x04|\xf2\x17\xf8\x94\x82\xa4\x8b\xe2\x93d\x12\xdf|\x01v \t\'\xb7Y\xff_&lt;\xddW\xde\xd0\xe8\xf3UT\x8c\xfb\x9d^\x1a)T\xc2\xf4\xc9\xa9\xa3\xf9\xe4\\\xb2\x8d\t\r\x1a/ZH\x9c\x01\xed@]tD\xb2\xbe\xb0\x8d\xf3\xdaj\xa8\xbd\xe1;;q\x7f\x0e\xa3:E\xd3!\x9a\x0c:D1\xac\x82\x02\xe5\xf6t\x01\xbb\xd9\x13&lt;\xfc\x87\xa2J\x8b\n\x8e\x14\xac/p\xadVC\xa3\xa9\xe2\xb0\xb1\xa9\xbe\xc7\xefTh\x18\xac\xb3lsTB9!\x90\x88n4\n\x8bL?\xc0\xa2\xf4\x8c\xbaH,\x91\xac\x7f\xca\xb1Z\xc7&gt;ll\x1c\x19ijozx)\xe2\xb1KC\x0c\xf1UZ\xa0T"\x93\xe9I\xe7\xa7\xc94\x06\x01\x81\xa5/B\x14H\xb8N\xe2\xb6\xa7\xc7L\x8d\xb5\xbe\xda\xb3\xf5\xed\xc6\xfa\xb6q\x8f\xd3*\xa5(%&lt;\x9d\xa6\xc8U\x06\xb2\x16\xb1\xb5\xcf\xe6U@12\xd4;\xa8D\x9c\xab\xb5\xcf\xd4\x88\x92\x1f\xf1\x19U\xaa\xfe\xfa\t\x87\xcd.E"I\x8d\xb17\xb7\x11w\xe7\xc3c\xb1N3\xf0Y\xa9Z-\x16\x8b%"\xd1*\xa7X\xbci\xb8|\xe3\xc8\x8d\xc3?i2\x1a\x8dM\x06\xe3\xd9:\xbf\xc5\x8b\x1d\x88,Ddfes\'$NF|\x9f\xdc\xc8\\D\xa8r\xb9U+oa\xa2\xba\x81`\xb5\x1bU\xed\xedF\x83v\xf6\xd2\xfd6\x0f\x16\xc3P\x08N/\xa4\xb0E\xb3d\x0c\x83\x1d\x08\xcb\xa2\xa8\x80\xd5J$\xe2\xf2$\xb6f\xff\xf2\xeb\xb6\xea\x86\x11\x1f\xb0\xb4*\xad\xc1`\xf8\xc8\xd8\xd44q{\xdcc\xf1Z\xb1Y02\x19\x83\xb7\x0co\xa9\x02\xa3\xb3D,!k\xacD\x94+r\xce\xe4q\x95\xc0\xd6\xd7/\xbe\xe8*)\x87X\xc0R\r\x0fkU*\xad\xcah4\xccN\x8c\x8f?rY\x9c^\xab\x15#4VX\x8d\x82\x84H!\x92\x1c9B\xb4\xca\x15\x89\x14K\\u\x9f\xbe\x94o\xd7\xe7&gt;.\xa9fs\xa8\xd2VU\xa9T\xf82\xa2\xc8fg\xfb\x1fFl\x1e\x8bS^f\x97\x07\x9cN\xa7\\n\xb7\xeb\x14$y,Un\xae\xc8\xba\xf6\x92\x9b\x91y:+\xfb\x0bg\xf7\xefJL\x8d\xbe$\xd6pUU\x15Ril7\xce\x1a\x0c\xb3\x0f\xc7#]\xae\xe8P\x8by(\x08&lt;,C:\x1dpr\x15\xb9o\xb0\xc2\xaf\xb9\xd8\xc6\xf2R\xb2^\xaf\x9b?\xf8\xa0\xa4\xbc\x81U\x0bTx\x1dh\x86f\x06\x03N\xe5l\x7f\xfd\xed\xe3\xe3\x91N\xff\\0\x00\xb5\xe4\x85\x85e\xf9$r\xf3\t\x95H\xb1\xb6\x98\xe0\xe2\xa9\xf4\xe9\x9c\xaco,7K~Vbz\x835\xdc\xdc|\x00\xd1\\\xa5%\\\x86&amp;\xb8\xd8\xa5\x9e:\xbf\xcb\x12\xd8\xe4*,&lt;t\xe8P\x99.\x9f\xdc\xde\xe2\x8d\x87\xc3\x8b\xaf\xbe\xdc\xeak\x94yYY)\xdf\x1e=a\xdaw\x02S\xe0\x8dv\x15\xb0X(\x12Zr&amp;\xb5\xe0:[\xd1s\xca\x16\xed\x00W1\xc0\x8a\x8b\xe5,\x99N\xa7\xcb\x17=\x89\x01k)\xf1|+\x1f\x1a\xe6\xe5ed\xed\xccL]\x19:\xd6X]R\xcd\xaa\xa5\xd5\x0e\'\x99\x9a!\x17J\xcc\xd0\x8e\xe6}\xf9J]\xf7\xd0h\x87\xa5\xc3\x82\x08`\xa9-\xfe\xb3\x9c(\x06\xacg\x8b\x04+\x16\x7f1\xc5\xdb*0\xde\xaf\xb2\xb3sRR\xd3v?*\xf9[\xc3\x89jV-V\xac\xca\xcaJ|\x1c\xc0\x99\xd4\x02\xac\xa9\xfe\xdc\x89\xce\x01\xf2#\x86\xdb\xed\xeep\xbb\xf1\xd5\x012(\xa6\xcbW\xc4\xc3\t`-\xc5c\xaff\xc6\xb6\xe6HN\xe6\xfc6ggVfZZ\xe6W\x1f\xdf\xa8=F\xb0\x0e#\x89\x04\xab\xa6\x92Ek&amp;\x82\x19\x0c\xfd\x15\xc7\xeb\x1c\xdd6\xec\xd5\xae\xa1!W\x8b\x99\xdc\xc2\xdf\x11 \xc5\xafx\x16N\xb0X\xb1\xd8R&lt;\x1e^\x19\xfc\xf1\x92M\xe6dg\xa5\xa4\x80*5\xf5\x9b\xbfV\xf8\xca\xcbM\xb5\xc9\x92\x07WMeMM%\xab\xd9\x81\xe1\xaa\xf6\xa6\xfa+=\xc7Ou\x120\xb3y\xc0f\x1b\x18hqC\xaeb\xb8Yx~y9\xbc\xb8\xb8\xb8\xb4\xb8\x18_[[\x0b\x7f&gt;\x98\xf7c\xc8x\x93Y\xd99\xd9)\x99\xa9\xa9ii\x19ic\x9e\x9b\xbes\x18\xe5}I;\x1d&gt;\xc0R\x11\xb0\x9aOj\x9a\xb5F\xd4\xfcm\x08\xd6\xe9\xf7\xdb\xfc\xfe\xae\xae\xee\x81M\xbd\xecK\xd7\xe6\xe7Y\xac\xc5D8\xb6\x16\x8f\xc5b\x89\xabc\xad?t\xcd\xe6\xedx\xe7\xe0^`\xb1Li\x19\x199/\xfex\xe52N\xe2\x08).t\x1e6\x8f$\x08Ve\xb3\xc1\xd8_O\xb8"]`\xea\xec\xec$\\.wG\xb1=~\x8b\xc5B$\x96\x13\xb1x\x0c\x9a\xc5\x96\x12\xb7\xc6~\x88\x8f\xf1x}\xef\x1e\xdc\x7f\xf0\xfd\xac\x9d\xbbR\x81\x94\x91\xb1c\x07\xe4\xfaS\xf9\xe5\xdaZ\xa2\x16B\xcb:\x17\xd1\x8aE\x83\\\xf0\x88K=m\x11Gg\xa7\xc3\x11qtu\xdbl\xe6\xa1\x8e@\xfc\xc2\xd5k\xbd\xf3\xcb\x89\xc4\xf2\xf2\xfc|"\xb6D\xf8\xc2KK\xcb\xd7.,|_\xc1x\xd3Y{\xf6\xef\xdf\xbd\xe7\xdd])\x999\xa0\xdaA\xb82R\xbf\x1e\xfdK\xc5\x88\x8fM\xa2\x96\xe5\x82A\xa0\xe4\xa1\xd6\'\x9bX\x13\xb7\xaf\xb4\x11\xac:$\xb3\xdbo\x83\\\xff\xfd\xcdOo\xf5\x12\xac\xe5\xf9\xdek\xbd\x89\xa5\xf02\x82\xe4t\xfe\xda\xd5\xd7\xdf\xeb\x92\x17oz\xd7\xee\xbd{w\xef\xde\xb3\xe7\xfdw2SsR\x89T;\xf0\xce\xc8\xfewKO\xbf\xef0N\xa2\x96\xf4C-\xac\x1e\x92!\x00w\x1d^\xdf\xd4O\x9c\xde\xe1p\x8c\x93\xa7\x8fl6\x9b\xc7\xfc\x9f\x9f\xff\xe2\xc2]`\xcd\x03\xea\xee\xdd\xde\xf0\xe2ro2\xe6\x13\xf3\xffk\xd4|B\xdbF\xd30n$\x05U\xd6A:H\xe8\x0f\xa2\xa0\x8b\x95\x83\xd0I\x04t0\xd1\xc5u\xe5%\xb9)\x17\x83\x8d@0K\xf0-\xb8\xbd\x18\n[_|\x98Cl\xc8"\xc3\xd6\x10\xca\x94\x1cJ\x8a\x0f;L\x0bYHg\xe9`J\xba\xb0\x97\xb6L\xa1{H\xc8\xc0@\xc9\x0c]fw:\xc3&gt;\xef\'\'3\xcb0\xcc|Md\xc7q\xec\x9f\x9e\xf7y\x9f\xefU\x9a\xe3i\xfa\xf4\xfa\xef\x872\x00\x15\xd8\xa6m\x86\xb2\xc2\x0b\x8aDJ\xad\xd0\x12.\xbe\xfa\xb8\xdf\xbbA\x86g\xfb\xf4&amp;m\xd8\xb4g\x83\xec~\xa3GE\x9c\x10Ug\xd0\xee\xc0[\x1f\xdf\xbd\xfb\xf2\x99\x1b\xa1\x86\xb4f\xf3b\xbe\xf7\xd7\x7f\xed\xcdh\x1d\xcfP\xd8\xbdyQ\xfc\xce\x18\xbbv[.\xa1L@!Gy\x91\xe7V.\x17\xba\xf1\xab\xcfzw\xd6w6V\x0f1\x9e\xae\xad\x1d\x02\x8el\x86\xd8\xfa\x02\xbbb\xf7\xf1\x11Y\x8b\xb0PJ\x18\xff\xf9\x99\x9d\x0f\xe7%\xc84\x1d\xce_\xbd\x82d\xf8\x98\xb3\x7f3\x90\x0e=\\p\xff\x96\xf7\x01\x15\x10T\x18f`\xd24M\x15V\xc4\xaa(^\x81\t\x9f~\xbb\xdb\xd8\\\xa5\x10]\'0\nR\x1a\xeb\xa1T\xb7\xdf/\xc5\xfa\xac\xd3\xde\x9dt\xee\xa1\x19\x9f\x9f\xc9n\\\xe0\xfd\x8f\xe7\xd3\xc2\x8b\x86\xb3W\xb3)[\xf3\xf2\x06|E:L\xbf\xfe\x8d\xff\x96\xfd\xbb\x06\xa8\x9a\xcdt\x02\x93\xac\x19*\xbf\xb2"q+W\\\xa2x\xf1\xe3\xe3\x1d\xb28\r5\x94_\xebwz\x0f\t\xaa\xdb\xaf\xd7\xd1\x87\x9d\xed\xedN\xfb\xe8\xd6d\xb0\xfd\xa7\xbb/\xcf\x8c\xa0\x99\x16s0\xa5\xb1\x9fD\xd3\x17{\xc5\x90VQ\x0c\x0bv\x00Z\x91\xa6\xf3\x17\xffy\xf6\xeb\x7f!q\xfd\xcf\x96\xeb\x00*\xcb\xc0\xc4\xb8\x80\x85\nB.":88X9@\x1d\xad\xf7o\xb7\x16\x0b$\xd5\xc6!\xd9~\xed\xce\xc3n\x97\xa0\xc6\xb7\x8e&amp;\x93A\xa73\x98\x8c\xba\xf5[\x83?\xde}y\xae\xdaz\x84\xb7/\xd2(w-\xd7?\xde+\xbc4\x05V\xca\x16n\x19a\xea\xa1)\xfe\xfd+]y\xed\xb6\xe9\x00*\x94I*Y\xa6*\x82J!$\xa9t\x17q\x91^\xc6w\'\x8b\xd7\x8b\'\x00\xc3$\x08\x8f=|\xf4\xe8\x11\xa8\xc6G\xec\xef\x9cwG\x8f\xf71M\xb4\xb7_\x9eW3\xd7\x8f=\xcf\x8bs\'0\xed\x9a\xb77\xf7\xe2(\x8a\t-\xf5\xd87R\x86\x89/\x8a\xd9\xec\xeb\xcf\xafW\xae\xfdbxQ\x03\x94/,\x99\xe4\x8c\x84bK\x91@\xc2\xf1\x8c\x8a\xc0@&amp;\x1a\xe7\'(#\x04[=&lt;\x84\xf7{\xfd:lU\x1f\x8dFc\xfa\xe8\xef7\xd6n\xf6\'\xcf\xcf\xabr-\xf1\xfd\xc8\xcf\x93\x9a\x9dezTL\xd34\x8e\xfcf\xdelF\xc0ad\x11\xb1\xa58x\xd3\xd9\xf4\xd9/\xfe\x98\xf1\xb6\xed\xb8\xb6\t\x1eFE2a\xa9\x86\x81*R\xbe+\xe2R\xaf\xd2`\xfc\xb3\x93\xfb[\x8b\xd7\xe0\xc2v\xbdy\xe3\xd1\xb8Nj\xd5\xb1\xfa\xfd\xfd\x9bk;;k\xdd\x7f\x9cK\x86\xed\xe4y\xae\xbb\xb5\xc0\x945\xdb\x89S?\x9d\xa7^\xd4\xd4\x1d\xc7\xd1\x13\x1fh\x1e\xad\x88\xd0 c:=..\xfeoC\xfa\x9b\x86H\x0f\xb3\xecgH\x8a\xaa\xd2\x1dL\xa5\x02\xb9K%\xae\x83\xa5f+\xa2\xf4\xe9\xc9\xc9\x93\xd7\xa8$\x02\xfe\xf0F\x7f|k&lt;\x1e\x8f\xc0\xd4\xdd\xef\xddD|ll~\xf1\xa1\xaaf\x81\xa3;\xd8*\xecLV\xcd\x9a\xa3\xe7\xb9\x7f&lt;\x07\x8b\x9f8n\xad\xe6:I\xde\xf4#\xac8\x8e\x9a\xb1\x87\x9b\xb4(\xd0\x93\xd7\xae\\e\xc3\xe8&amp;\xeb&gt;\x83\xecDH\xb8\xc5\xbd\xaa$I\xe0\x129J\x8a\xe5bu\xe4/\xbe9\x81\xf1\xe1\xb0\xc5\xea\x9d\xbf\xdc\x9aL\x8e\xfe0\xaew{=\\iol-\x9e\xac~\x90\xaa\xb2\x1d\xd0\xfe\x85\xfeA\x11\xac\x1a\x96\x83f,|o\xe8\xe5\xc0\rj\xae\xab\xeb:\xd8\x9a\xa84j\xeb\xc7\x00\x1b\x0e\x97\xd6\x87\xab,\xcb\xa9/`\x10\x00\x00\x05\xa7IDAT\xfcI\xa7\xea\xd2SU\x08%q\xa0R\x10\x12"_\xd58A\xb8\xc4\x82^\xbc\xf9\xfe\xf1&amp;\xb4B)\xd7\x1f\x8e\xdb\x83\xdd\xa3z\x9f\xa0v\x18\xec;\x89S3;\xb0\xccL\x86\x11\x0c3p\xf5Dw\x03\xab\xd6\x9c\xc6~q\xec5\x01F\x8a\xb9(\'C#2\xa8\xe6\x03\xcc\xbb \xc1nka\x16\x12\x12\xc9T\xa5\xeaQ\ti\xf4\x03\x13f\x1a\x81\xe7TL\\\x9c\x91\x01\xac\x1c%V\x98^\xc6\x97o\x1b\xd8\xa5\x17\x8b\xd5\x1b\xf5\xf6vg\xb7\xde\xbd\xb9~\xb8A\xa5]\xbc\x93p\x1a\x99\t\xa5\x0c\xb5\xaa\x1a\xb2i\xd5t\xbcs3q\x03\xd7\x1f\xce\x8e\xd3&amp;\nJd\x8e\xc3\xb8\xf4K\xd9\xa8\x19\xbc\xf4{\xa4\xabA@*\xd3\tk\x89\x04",\xbe\\\x8a\xa1\x81[\xce\xcc\x8c\xa3\xd1K\xbc\xdc\x88\xaag\'\rL\\OV\x1b\xdd\xc9\xf6\xbd\xc1\xa8\xd7\xd8\x01\x14\xb0N\xab\x02\x07\x18\xe8\xaf\xe2%U\r\xe1\x10X0\x1a\xbdo\x82\x8e,\xe2f\x02\xcb7\x9b\xf0\x9e\xae_\x81AP\xb0A\xb4\xd8\xfb\xbeRbT\xb9\xear\x95L&lt;1aP\x16W\x04\xa9\x05\x89\x04\x05\x99\x1ffL@qI&amp;p\xd6\x0fo0\xce\xaf\xae\xf7\xc6\x9d\x8f\xb6\x8fz\xa0:=}\xfd\xfa\xf4\x81 -\xfdI/\xa8e\xf0&gt;64\xdb\njL\x9c\xc4K#2{\xec\xf9z\x92\xe8N\x92\xe4\tn\xcbEM\x9aGE\x85j%\x01\x8a#\xa0\x92H "\xa1U\x15\x0eD\x9e\xca\x06a\xb0;BG\xc3T\xf9r\x82.\xf5\xe2\xb5\xf37;\x9f|\xd2\xe8\xd5\xdb\x1f\xddk\xefo.N\x81u\xfa\x14\xbb;\x13\x9e\xce\x11\r\x99\x995\x98;\xc0\xe6o[V\x00\xab;Q\x11!;\x10\xb5\xbe\x93\x83\x87\x98\x92&lt;OJ,\xb4\xac\x9fV\x80\x01,\xae\xf4\x92\x04mZ-\x81,%\xa1\xfb\xc0\x00b\xe4\x17\xebP\x08\xc5e*\x93q9\x81\xa1\x13\xce\xde4\xee7\xf6GmT\xb1\xbf\xfe\x04X\xa7\xff\x14\xe9\x87\xca\x02\xe0hd\x18(ayD\x85Id\x84\x86a\xc7\x83\x95 Y\xee\xc2\xfd@j2c%\xbaSfZ\\\x91Z\xbc\xb4\\\xd0\xa9E:A- H\xa8\x9b\x1c\x86&amp;\xb6!\x8d\x1aS\xa1`\x95\xc0\xca\xf3\xa5\xc5hf\x15\xb8\xda\xfb\x93Fo\xd4\xeet&amp;\xdduX\xeb\xf4s\x91\xb0\xca\x05,8\xcbE\xd3\xc1\xf3:\r\x96\xc0"\xb6 \x9e\x15\x88\x7ft`\x9eD\xd4\x85Q\x8c\xf4\xcf!\x96\x8b\xeeL\x9aq\x85oI\xac\xe7\xa4\xa5\x9b\xe8\x93\x1cT5\xe0\xf2\x10Xh\'\x05O\xc0\xd3ZhAAU\x99\x98\xcb\x9e\x04W\xf8\xe5\xc9\xdb\xd1\xa03\xd8\xed\xaeo\x81\x8az\x97\xe4\x97X\xb6\x18F\x86\xa1\x04\xd1`#O\x81\x87\xcc\xa0\xf9$\x0c\xd2\xbd\xa9\xe7S.\xf8\xf08b\xbe\x0c\x7f\x84F\x00e\xf3\xa8\xc2t\xe2\xf8K\x9b\xb3\xa8\xc2&lt;\xaahT\xba2^\x19\x13\x1e\x87\xa5\x90X\xaa"\x08%\x17\xab\xa3 \xa9g?&gt;\x1f`n\xe8\xado-.  \xbdJ\xf9\xaaU\x9c\x19JFs\x89m\x07\xf06v"\x0bX\x86\x96\xb9\xf3\x17s\xcf\'&amp;\x1f\x91\xe0\xc5\xbe\x83\xf0\x05\x13J\\s\x13\x9faq\xa5\xb7\x98\xee0\x04\n\xa8\xc9j\x19\xae\xf8nKh\x91YZ-Fr rU\xe1\x12\x8c]|H\x8a\xf3_\x8c~\xa3\xfd\xc6\xd6\xbb\x16a\t\xe5\xe9\xc1\x95\x86\x0c+Q\xff\xd1\xb8k\xc1\xcc\x00Cv#\x932}\xf6b\n\x1c\xd8\x9e\xc4\xf2\x1d\x8b\xd9\x0e[\x95M!W\xa1.T\x96\xab\x8c-\xcc\xc9Y\xc8\x90\xca+DP\x81\xb5\x05\x0c\xdc\xa7\x90\xe7\x01\xce\xb3o\x96}\x8aN\xf8\xee\xe5\x00X\x1fX\x96\x08,\xedp\x96\xd0\xdb\xc4\xe9\x83K\xa7\x89\xd7\xb4\xdc\x84\xb6n\x0cO\x08\xed,\x9a\xed\xcd\x87\xe0\xf2}\xa8\xa6\x07\x08u&lt;\x83q\x05N^a\x9df,\xc7\x18\xac*.*L\x99~E#\xb2\x8bV\xb1\xd4\n\x9a\x11\xd5\xf2!T\xbdl\xc8R0\x81\xd3\xce\xbfmw\x7fx\xc0\xc8\x99\xbb\xe8d\x11\xc3\xa5\x00\xf0;\xd4\xc8Bp\xa1\xdd0?a01,\\\xa8\x11\x97\x9f\xfbM\xa7\xc6\xb6\xbf\xac\xec\x08\xcb\xd5+P\xc8\xa0-\x1adtP\x04^\xb1B\x8e\xa3\x17\xa7\x022\x06\xda\x1e[\xe2\xf2.\xeea\x84P\xa8T\x97\x95\xc4S\x15\xe7\x9b7\x0f\xa85\xc5K*\xdatXa\xd0~5=q\xadP&amp;\xbd|?\x01\x83\x81\xfcq\xa3\xf9\xde\xf10\xc6\x90H\xa4l\x1aF\xe7g\xe0\n\x1cR\xcb`\xf31\r\xca\xb8\xf8\x12\xb4@&amp;wS$\xb2M\xb0URQ-\xa9\xc1\x10k-\xcc\x14\xfc\xe5o&amp;\x96\x85\x94\xa4\xf0)\x8d\xaeL.\xa2B\xba\xdb\x169\n\xcd\x17\xdan\x92\xb8&amp;U\xc9\xcd#\xe2\xd2\x80\x1d"\xbe\xc0\xe5E\xe5DF\xd2P$\x91\\N\x05o\xc7)L\'UA\xddx\xa3&amp;\x0b-\x91\xb6\x0f\xba@\xc4\x92\x90&gt;-\xf1\n\n\x8b\xa8)\x9dJ\x17-\xb3\xb5\xdc\x91\x88\x8b\x97\xa8o\x10X\x01\xec\x1d.\xb9\x10\xe7xo\x19w\x9aQ\xa4\x072\xf6%#t\x9bS\xaacb\xa3\r4\x83f&lt;&amp;Xh\xd7*\xe5\xa9.\xf7:QR\x03\x8b\xa1\x90\xc9\x18\x15\xcf~\x8d$\x10\x0c\x9e\xc4np`\x0e\xe3x\xe1*[\xcb!\x91\t\x87\xb8R\xe1\xf7\x0c\']\xb3Ab\xd1\xd1\xd6\x9b\xb05}\xa57c_\xb7d\x044\xc0\xc1u\\\xc45\xd9\x94\xcb\xdd\x8d\xd5\x0cO\xaa,\x95\x17)\x938E\t-T\xa8E\xfbw\x8b=,\xc0\xfc\x82x)\x16[-\x16\xad\xf4 \xb2\x04]\xc9\x0b?]G\x12\x95\n3\xf0U8\x0b\x11\x1a\x98\x9a\x16\x068\xca\xc0\x01\x0c}\xa5#\xd5\x1d[\x8382\xb8\xc8\xf7\xbem\xb0i\x83\xf6w`\xe1G\xff\x07\xf1_\xd5Py\xa0=X\x00\x00\x00\x00IEND\xaeB`\x82'</t>
        </is>
      </c>
      <c r="M271" s="3" t="n">
        <v>45492.6784375</v>
      </c>
    </row>
    <row r="272">
      <c r="A272" t="n">
        <v>873891</v>
      </c>
      <c r="B272" t="n">
        <v>1980</v>
      </c>
      <c r="C272" t="inlineStr">
        <is>
          <t>Ronie Carrillo</t>
        </is>
      </c>
      <c r="D272" t="inlineStr">
        <is>
          <t>R. Carrillo</t>
        </is>
      </c>
      <c r="E272" t="inlineStr">
        <is>
          <t>CA</t>
        </is>
      </c>
      <c r="F272" t="inlineStr">
        <is>
          <t>ATA</t>
        </is>
      </c>
      <c r="G272" t="inlineStr">
        <is>
          <t>CA</t>
        </is>
      </c>
      <c r="H272" t="n">
        <v>186</v>
      </c>
      <c r="I272" t="n">
        <v>79</v>
      </c>
      <c r="J272" s="2" t="n">
        <v>35315</v>
      </c>
      <c r="K272" t="inlineStr">
        <is>
          <t>Right</t>
        </is>
      </c>
      <c r="L272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a\xd9\xc5;\x1cQE\x00\x14\x84\xf1KLs\x83@\x08\xcd\x83M/Q\xcb6+\x07\xc7_\x10\xf4\x7f\x87^\x1e\x9bT\xd75m?E\xd3\xe0\xff\x00Ys{p\xb0D\x9fVb\x05\x00mKr\x17\xf8\x80\xc7\xbdq\xfe&lt;\xf8\xf3\xe1/\x86\xbat\xd7Z\xef\x88\xf4]&amp;\x183\xbd\xae\xae\xd20\xb8\xf5\xc9\xaf\xc8\xff\x00\xf8)\xd7\xfc\x14\xc7\xc4\x9e/\xf8\x91q\xa7|,\xf8\x8dc}\xa5\xc0\xc6\x07K\x0cG{l\xc5X\x17\x8aD%f\x88\xe4r\xb9*\xd8\xc8\xe9_\x02\xdd\xfce\xf8\xa3\xe3\xbb\xb8\xb5\x0f\x18x\x8a\xff\x00\\\xbe\xb3\xf9\xe3\xba\x96\xe0\xc9\'\x96HM\xc7\xa1 d\x02=\xff\x00\x03\x9c\xaa$W/V\x7fD\x16?\xf0R\xcf\x82:\x95\xfc6\xb1|J\xf0{Op\xc5"_\xedHT\xbb\x03\xb4\xae\x0b\x03\x9c\x8cr9\xaa\x9a\xb7\xfc\x14\xb7\xe1^\x83\xe2;\x9d&amp;\xfbZ\x9a\xcfP\x81\x04\xb1\xc4\xe8\xa4]\xc6s\x89!eb\xb2)\xc1\xfb\xa79\x04c5\xfc\xdax\xa3\xe3\x04Z\xbf\x8b!\xb6\xbc\x8d\xe1[&lt;\x87_,\x89\xace\xce@\x99G;H\x03k\x8c\x82\x00\xfa\x1d\xaf\x10\xfcc\xb5\xf8igcyy}%\xc6\x8b&lt;\x9eS\x08\\7\xd9\x9eO\x99\x1dy\xf92\x11\xb9\x03\x04\x83\x83\xe9.\xa3\xec\\b\x99\xfd-\xf8\x0f\xf6\xdb\xf8s\xf1\x12\xd5%\xd2&lt;Goy\x08c\x1c\xae\x06\xd3l\xc3\xb4\xaap\xc9\xe9\xc8\xc7#\xd6\xbd_N\xd5!\xd4\xad\x92ky\xa3\x9e\x19\x00*\xe8\xdb\x95\x87\xb1\x15\xfc\x9d\x8f\xdb\x15&lt;\x10\x1a\xfa\xca\xfaE\xd58\xc4\xf0\xbbC\x1d\xe2\x03\xb7%G\xddm\xbdp\x7f0x\xfd\x18\xff\x00\x82C\xff\x00\xc1R5\xcf\x02|F\xd0\xbc/\xe2\x8dJmC\xc3&gt;!d\xb4\x8c\xc9r$\xfb$\xce\x01\x8c\xa9\'\x0c\xa5y\xc8\xea\x08&gt;\xb4\xa3[\xba4xwk\xa3\xf6\xd9e\xc9\xa9\x15\xf3Y\xb6\x97\xcbs\n\xc9\x1b\x06V\x00\x82*\xe4rV\xf69\x8bY\xe2\x8a\x8e&amp;\xcdI@\x05\x14Q@\x05\x14Q@\x05\x14Q@\x05C+b\xa6\xa8%\x14\x01\x85\xe3_\x13\xc3\xe1m\x02\xe2\xf2\xe2\xe6\xd6\xd5aB\xc2K\x86\xdb\x18=\xb3_\x84\xdf\xf0Y/\xf8(O\x89\xbe"\xf8\x83R\xf0\x82\xea\x9a&gt;\xa5\xa4Y^9Y\xad\xe4m\xb6\xe8\xd9\x1b\x196+/\x03\x04\x92\xd9\xc0&gt;\x95\xfa_\xff\x00\x05\x82\xf8\xaf\xe1\x1f\x04~\xcf\x97Z\x7f\x8a\xf5=kN\xb6\xd4\x11\x84\'N\xbdkS$\x80eU\xa4H\xa4*3\x8e\xa0\x03\xd0\x9a\xfex&gt; x\x85u\x0b}Q\xf4\xed?\xfbB\xde\xe1\x82I\xb5\x9aK\xc6\x1c\xe1\x86\xd1\x8e\x07V\x03\x06\xb1\xa9-liN=M\xcd;\xc3:n\x8f\xa3ZIwn#\x8er\x1e\x1b\x8b|\xc9o1nWr\xe3\x19\xe0\xf0x\xeaF\rq\x1f\x15|yq\xe1\x08\x96\xff\x00I\xbc\xfe\xd0\xb3\xda\xcdsb\xc4\xaf\x90]\n\xb6\x07\xa3\x90U\x81\xeapz\x81\\\xcf\xc3\x8f\xdaV\xd6E\x7f\x02\xea\xd6\xb3YK%\xca\xc5m&lt;\xe9\x98\xe7\x8c\x91\xf28?u\x83\x05\xe4u\x04\xf4\xef\x81\xf16\xfe\x1d#X\x86M?\\7\x0b$&amp;\x19%\xf3w\x84\x07\x1f,\xeb\xfcq\x12\n\xef\x19 s\xdb\x151\x8b\xbe\xa0r\xda\xdf\xed%q\xe2\x1f\x1a\xe9\xfa\x93K$\x97\xd0\x85\x86\xce\xf3*\xb349\xff\x00\x8fy\xf21&amp;\xd3\xc0-\xf9\xd5\x18&gt;\'\xda\xea\x17w\xba\x1e\xbb$\x9f\xd9\xd1\xc8\xcbow\x1a\x1f2\xda6l\x98\xd9\x7f\x89Q\xb9\xc1\xe4s\x83\xcdr~+\xf0\xde\x9f\xe2-E\x9b\xec\x92h7\xcc\x0b\x81\x13\x19mn\xc0%w\xa9\xea\xbf0\xed\x90}\xab?\xc4\x9aM\xf6\xa2\x91\xdeM\xfb\xd9\x98\x08|\xf8\xc8\x0c\xec\xab\x80\x1c\x0f\xe2\xc0\xeb\xde\xb7\xe5\x8e\xc4\xeb\xd0\xf5\xbf\x08X\xdb\x0f\x18G\xe1\x0b\xa9#\xba\xb7\xba\x02K+\x81\xca\xb8`\x08#\xd0\x95\xcfOoJ\xf6\xbf\x82:\xbc\x9f\x00\xee\xf4s\xaaN\xb3\xdb8K\x88\x91&gt;\xe1Gm\xc9"\x90r\x00`s\x8e\xe5\xab\xe5\x9f\x0eji\xac6\x8f\xfb\xe3\x1d\xf6\x9f\x080L8\xda\xe8xW\xf5S\xc7\xe0Mz\x97\x8c\xbcw\'\x8f|\x03g"\xdb\x18n!\xb7\x92(\x967f\xfb,\xa1\x9b\xcf\x88\xe4\xe5A$H\x07!w\x108\x18\xac\xf9u:\xa36\xa2\x7fD\x9f\xf0K\xaf\xf8)B\xfcT\xf8\x86\xde\x03\xf1\x06\xb9n\xcd\x1e\x9fo.\x9d\xbeo2[\xb6#\x07\x96\xf9\xbbu9\xc8\xdas\xce+\xf4f\xde\\\xf3_\xc6\x97\xec\xb1\xfbX\xf8\x9b\xe1O\xc6\x0f\x02\xea\xb7\x1a\xa6\xa9\x12\xe87\xb0\xcd,\x13M\x941!\xcf\xcb\x9c\xe3+\x91\xeb\xd7\x1d\xb1\xfd\x85|&amp;\xf1\xad\x9f\xc4O\x86\xda\x16\xb9\xa7M\xf6\x8b\x1dZ\xc6+\xa8d\xcew+\xa0a\xfc\xebX\xdfc\x9e\xa4V\xe8\xeb\xa2|\xd4\xd5Z\xdc\xf3\xd2\xac/J\x0c\xc5\xa2\x8a(\x00\xa2\x8a(\x00\xa2\x8a(\x00\xa8\xe5\x00\xd4\x94\xd9FV\x80?&gt;\x7f\xe0\xbe\x7f\x0c5_\x10~\xcb\x97\x9e$\xb3Y\xa4\xb0\xf0\xe2\x89\xae\xa0\x8c\xa8\xf3\xd4\xb0\\\x1c\x82{\xf6\xaf\xe7\xf7\xc7\x9f\x1c\xedl\xbc%o\x16\x84.t;\xa8\xeeD\xd0\xddJ&lt;\xc5\xb3n\x9b\x1d\xd0}\xc2F~a\x91\xb4\xf5\xe6\xbf\xa7O\xf8*\xff\x00\xc3\x0b\xaf\x8b?\xb0g\xc4\r.\xce\xd6K\xcb\xa8\xec\x96\xee8\x91w\x16\x11H\xae\xfc{ c\xf8W\xf3\x17\xfbNx\x0fQ\xf0\xd7\x8b\xecd\xb1\x969-\xed\x14$\xd1\xc8@\x82f,J\xed\x8d\xb8\xdc\xaa\xd8\xc8\x1d\x05cR\xdc\xda\x9bB\xee6G\x84\xfe\xd2:_\x8b5?\x12\xb7\x885m\x1cY_+\xa4\xafsg(\x92\xd6W\xe0\x89T\x83\xf2\x16\xeb\x83\xd6\xb9\xf9tX\xf5\x9b{}J\t\x0c\x1b\xd8\x97U\xf9\x95A\x19n:\xf5\xceq\x91\xf4\xaf\xa2\xb5\xef\n\xf8\xdb\xe2\xad\xdd\x96\x97\xa7\xc9os;"D\x15m\x95\xe1T\xc60\x0e?A_X~\xca_\xf0o\xef\x8c&gt;#\xe9\xd6\xfa\xb6\xb9\x18\xd3\xed\xe6\xc34x\xda\xb2\x03\xd7\xe5\xed\\\xf51\xb4\xe0\xb5g]\x0c\rJ\x9a\xa4~jjkwo\xa7i\xb1\xcd\xfb\xa7\xb5\x0f\xf6\x1b\xa8\x80e\x11\xb1\xdd\xe5\xed\xf4\xf3\x0c\x87\x9c\x10\\\xf1T\xb4[\xa9\xae.\xe6\x8e\xee\x07I\x18\xabM\x061\x1c\xf8?}}\x1b\x19\xfa\xd7\xec\x87\xc5\xbf\xf87\x82\xc6\x1b9$\xd3o\x9ao&amp;%\x0b\x16A*Gl\xd7\xc9?\x1f\xff\x00\xe0\x98\xbe$\xf8%y\n\xdc2\xcf\r\xab\x82$\x11m\x7f,\xfb\x8e8\xeb\xcf\xe5\\\xab6\xa0\xfd\xd6\xf5;^O].d\xb4&gt;\x1do\x08\xbc\xba\x8c\xdfg\x91\xa3\x91\x1b\xcc\x87\x8f\xf5\x9d2\x0f\xbf?\xce\xbd/\xc0\xfe\x03\xff\x00\x84\xc7W\x8fK\x85\x96\xde\x1b\xa8\xd2\xf6\xfaIcf0\x81\xc2\xb9\x00\x8d\xbb\x95\x941\xcfbN3\x8a\xf7\xaf\x0f~\xc8\xe9\xab\xea\x90\x9f\xb3\xa2]\x00w\xe5v\xac\x9e\xbf\x984\x9a\x9f\xc2\xbd;\xc1s\xea\x9al\x92\\XK%\xabI+l,v\xc6F\x10\xf7\xday\xe3\xa1 V\xd4s\ns\xa8\xa0\x8c\xf1\x19]Zt\x9dF\x8f\x99|q\xe1\xc6\x1a\xe4\xd1\xdbMo$v\x0c-"\x920\xc7\xceT\xe8\xc4\x9e\xf8#\xa7\x18\xc6=\xff\x00\xa9\xcf\xf87\xeb\xc6\x17\xde3\xff\x00\x82Z\xfc8\x9bP\x9ak\x89\xada\x9a\xd3|\xa4\x96\xda\x920\x03\'\xb0\x15\xfc\xee\xf8w\xe0\x1bx\xafK\x1a\x84v\xe7\x12|\xe3\xe5\xc0\x08\xc4\x00G\xa7 \x9f\xd3\xd2\xbf~?\xe0\xdb\xedU\xe6\xff\x00\x82zC\xa4\xc8\xcb\xe6hz\xdd\xdd\xaf\x97\xfcQ\x02\xc1\x80?\x9dz\nW\x91\xe5\xca\x16\x81\xfa\x05\x02\xf3V*(\x96\xa5\xaa1\n(\xa2\x80\n(\xa2\x80\n(\xa2\x80\nG\xfb\xb4\xb4\x1a\x00\xc8\xf1^\x87\x0f\x89\xbc;\xa8i\xb3\xa8h5\x0by-\xa4\x04d\x15u*\x7fC_\x84\x89\xff\x00\x04\xd1\xff\x00\x84\xaf\xe3\xa7\x8a&lt;#\xe2+\x89\x90\xd8\xde\xcd\x12\x19\x17w\x9aQ\xc9C\x8e\x98\x00\x92\t\xe7\xe75\xfb\xd50\xaf\x95\xfe,|"\xb6o\xda\xb3U\xbe\x8e\xdc#\xeaZe\xbe\xa5\x0c\xa0q,\x80\xbc2\x80}@H\x89\xff\x00\xae\x82\xb8s\x08\xcb\xd97\r\xce\xec\xbaQ\xf6\xc9Oc\xe4\xef\xd9\x8f\xfe\t\xdf\xa3\xfc\x1e\xd4\xe1\x97\xecq\xdc4\r\xb9%\x91\x06I\x18\xe9\xf9W\xd9Z\\?\xd9\xfa&lt;v\xeb\x1a\xaa\xa8\xeb\xd2\xb9\xed[\xc5\x9ao\x84n\xda\xd2\xe2\xea\xddgN\xa8\\\x06S\xefNO\x8eZ\x1b"\xa4\x92[\x8e1\xf2\xbeH\xfck\xe0\xbd\xac\x94\xdf\xb4\x96\xa7\xe9\x11\xc3\xf3\xc1{(\xe8\\\xd6\xb4\xf5\xbc\x84\xa8]\xac\xdd\xfb\x01^\x0f\xfbH~\xcf0\xfcC\xd2\xa4[\xa4Y\xf9\xca\x86@\xc18\xea3^\xb9\xa9\xfcd\xd3m\xe0y\x17b\xc7\x92Kz\xd7\x8e\xfc]\xfd\xb1\xbc\'\xe1\xab[\xa95\rgM\xb3\xd8\x0f\x12N\xab\x92\x07NO\xe9\\\x95$\xa6\xed\r_\x91\xddB\x9c\xe9\xeb5e\xe6|\xbb\xae\xfe\xcc\xf6\xbe\x19\xdd#lSnJ\x8cun?\xa5|\x83\xf1\x93\xe0^\xad\xf1\x0b\xe2\x9c\x8d\xa7[\xcd&amp;T\xc3\xbcs\xc6pp}\xf9\xfc\xeb\xdd\xbe=\xff\x00\xc1S&lt;\x03m&lt;\xf6p^5\xc0i\n\x96\xb7\x8b\xcc\xc7\xa9\x15\xec\xdf\xf0O\xbd_\xe1\x8f\xed5\xa6I\x7f\xa6_7\xdb\xad\xa4\xcb%\xcca\x08\xc9\xf9p\x0f\\\x83\xf8W\xad\x92\xe1q0\xaf\xed*&amp;\xbdO7&lt;\xc6aja\xbd\x9d9\'\xe8\xcf\x13\xd3\xfe\x06\xc3\xe0?\x84v\xf6\x92X\xc8\xb7\xf2DU\xd4\x7f\xacd\xda\xa3\x07\xfe\x04\t\x1ds\x9cW\xdb\x9f\xf0o-\xb6\xaf\xe0\xff\x00\xf8Y\xba\r\xf4f;+\x89,\xf5XT\x9eVW\xf3#\x93\x8fB#C\xf8\x9a\xf2\xaf\xdb\xf3\xc0\xd6\x7f\x02,g\xd6\xae\xa4xt\xdb{\x06\x9c\xca\xa39B\xe5\xbd}\xc8\xcf9\x18\x15\xbf\xfb#\x7f\xc1L\xfe\x1f\xfc\x07\xf1\x8d\x96\xa1c\xa7\xcb\x1e\x93\xe3\x18m`\x9ak\xa0c\xb9T@\xc4\xb2\xc2\xb9\xe8_\xab\x1ek\xec\'\x8b\xa5B\xce\xab\xb1\xf1x|\xaf\x13\x8en\x9e\x16\x1c\xcf\xc8\xfdn\x87\xa5IY\xbe\x15\xf1\r\x9f\x8b|?e\xaai\xf3-\xc5\x8e\xa1\x02\\A*\x8e\x1d\x18\x02\x0f\xe4{\xd6\x95z\x17OTxr\x8b\x8b\xe5{\x85\x14QA!E\x14P\x01E\x14P\x01E\x14P\x07\x11\xfbCj\x9a\xb6\x87\xf0c\xc4Wz\x1bF\xba\xb5\xbd\x94\x8dld]\xcb\xbf\x1cg\x15\xf2\x97\x83u\x7f\x12|O\xf0u\x9c:\xabM\xa6\xeb\x17\x1aE\xc6\xd9\xad\xa5m\xb1\xbb\xf9e\xb6\xe7\x959\x8dM}\xaf\xaeiq\xeb:M\xd5\xa4\xaa\x1a;\x88\x9a6\x07\xd0\x8cW\xcd\x1aW\x82d\xf0\xd7\xc4\x9bV\xb9\x91\x97\xec\xea\xf6\x8e\x83\x80\t8\x07\xf1\x18\xaf\x9e\xcd\xa3R8\x8au\x13\xd3o/\xeb\xfc\x8f\xae\xc8\xe7F\xa6\x06\xb5\t%\xcc\x9a\x92}mm\xbf\xae\xe7\xe2\xff\x00\xed\xb7\xe0\xaf\x13|0\xf8\xe9w\xa2\xe8\x1e2\xf8\x85\xe2o\x13\xdf3\xddy\x16\xca&lt;\x98\x867a\xe4n\xfc\x1c\x01\x92k\xc6\xff\x00fo\x8a\x1f\x18\xbci\xe2\xc6\xf2o\xbcMq\x15\xbd\xda\xa9\x92\xe2\xe0\r\xac\xfdWa\x00\x90\x0f\x1cq_\xb9\xff\x00\xb4?\xec\xe5\xa5\xf8\xdbUb\xb6\xf6\xe1\xd2@\xfeg\x94\x0b\x06\xf5\xcdy\xf7\x84\x7ff(|=\xadGp\xec\xcd\r\xb0\xf9\x11PF\x80\xf5\xe1G\xbdx\x98\x8crQt\xe5\x1b\xcb\xbe\x87\xd0`\xf0^\xf4j\xc6mF\xdbjrp\xfc6\xd7\xfcc\xfb\x12\xddj\x8d,\x96z\xf8\xb5m\xc0\x8e7( \xfex\xaf\xc9\xb8&gt;\x02\xf8\xeb\xf6\x9f\xd7`\xb7\xfb=\xd5\xbd\xb4\x97\x8do-\xec\xe1\xe50\x80~g\xda\x0fN@\xf7?C_\xbf^%\xf0\x87\xf6\x1f\xc1\xadB\xcf\x03\xe6\xb7\xde\x00\x1d2\t\xaf\xcd\x8f\x80z\x8d\x9d\x9f\xc6\xedSA\xbb\x85\x16+\xa9\xddb=6\x9c\xe4q\xf5\xfeu\xe6S\xc4T\xc2\xbb\xa4\xb6\xbf\xe2z\xd1\xc2\xc3\x19\x16\xe5-/o\xc8\xf8;\xc4\x9f\xb2\xaf\xc5o\x81&gt; \xd5\xad\xdbK\xf0\xf6\xa1\xa3\xe9\xae\xe2;\x89\xed\x90\xbd\xe0\x04c\x18\xf9\x94\x90s\xc8\xe3\x06\xbd\xaf\xf6C\x8bZ\xd3\xfc[\xa6\xea\xda}\xa7\xf62\xa4\x89$\xf1\xc7\xf7Y\x868\xc5~\x90\xdf~\xc6\x1a\x1f\x8b\xec\xc5\xd5\xf5\x9e\xe6+\x96r\xc5\x94\xfb\xf5\xaf;\xf1/\xc2\xbf\x0f\xfc0\xf1\x05\xad\xad\x9d\xb4q\xa1\x98d(\xeb\xcdu\xd5\xcd\xaaI\xa4\x95\x9b8\xe9e4\xa0\x9e\xb7K\xb9\xdb\x7f\xc1X,m\xbcw\xff\x00\x04\xeb\xba\xf1\r\xc6\x1a\xe3O\xd3\x92M\x83\x1b\x99\x0bG\x90~\x9c\xfeb\xbf&gt;\xff\x00a\x0f\x0c\xda|j\x17\xd7\xd7\xd6\xb7\x8b$\xcc\xb1\xe9\xcd*\xfe\xe6\x15\x8f\x18\x03\xeb\x8e~\xb5\xf67\xfc\x15+\xe2\xdcZW\xecs\xabh\x96\xa7\xcf\x82\x0bD\x85\x97\xfb\xc0\xb2\x9cq\xc7lf\xbc\xc3\xfe\tq\xf0o\xc4&gt;&amp;\xd2t\x1d&amp;\r6?\xf4\xa42C\x1c/\xb9T\xb6\x0b3\x1e\xc0\x0e\xff\x00Z\xf43\xa9Nq\x84c\xabz\x7f\xc3\x1bpK\xa3\x87\xf6\xd5j\xbe[j\xbc\xba\xfe\x07\xec\x8f\xec\x9f\xa8\xa6\xa5\xf0\x0f\xc3\xad\x1bn\x10\xc2\xf0\x9cv+#/\xf4\xafF\xaeW\xe0\xbf\xc3\xb5\xf8U\xf0\xd7J\xd0\xbc\xef\xb4Ie\x17\xef\xa5\x03\x02IX\x96r\x07a\xb8\x9c\x0fLWU_Y\x85\x84\xa1B\x11\x9e\xe9$\xfe\xe3\xf2\xdc\xc2\xa4*b\xaaN\x9f\xc2\xe4\xda\xf4m\xd8(\xa2\x8a\xe88\xc2\x8a(\xa0\x02\x8a(\xa0\x02\x8a(\xa0\x06\xcb\xd2\xbc\xeb\xe3/\x85\xf6\xdb\x1dR\xd6\xd5\xe6\xb8U;\xfc\xb5\xdc\xd9\x03 \xe3\xd7\x8c~U\xe8\xe4f\xa3e\xcdc\x88\xa3\x1a\xb0\xe4\x91\xd1\x86\xc4J\x8dNx\x9f5\xdd\xea\x91\xdd,wM\xf3G \xcf=~\x95\x8f\xadx\x96\xce]V\xd6\xcf\xccHc\x90\x93,\x84|\xb1 \x19$\xfeX\xfa\xd5\x1f\x8c\x17\x17\x1e\x0c\xf1\xee\xab\xa42\xacj\xb34\xd6\xdf7\xca\xd1\xbf\xcc\x07\xb7S\xf9W\x83\xf8\xb3\xe3\xc4Z\x0e\xb7}\xa6\xa4+}wt\x8d\x02\xc7\xd7\xcd$\x1f\x94\x7f\x9e\xd5\xf9\xfegN\xa5*\xdc\x89u?J\xca+R\xad\x87\xe7n\xce\xc7\xbex\xf3\xe3\x8f\x85#\xf0\xd6\xa7#j\xb6\xf3C\x8d\xa8Q\xc3+\x001\xdb\xde\xbf+|C\xf1\x9b\xc36\x1f\xb4\x14\xda\xb2\xcdo\x1b\xa6\xbb\x0c*\xe9*\xe7\x126\xcd\xa4\x03\xeaA\xad\xcf\x10\xfe\xc8\xbf\x13m\xfc=\xaf\xda\xf8N\x1b\xad\x06\xc7V\xf3\xa4\xda\x9a\x82\xb8\x86F\x19-\xb5\x89\xda\tf\xe4zW\xc4\xdf\r\x7fd?\x14|\x12\xf8\x9f&amp;\xab\xe2\x9b\x0b\xada\xado&lt;\xc19\x9cL\x85\xd7\x90\xdc\x13\x93\xefG\xd5\xe1Y9\xcez\xdbD\x8e\xeau\x9e\x1a\xd0\x84\x1bM\xea\xdfK\x1f\xbb\xd6\xdf\x12-"\xf8wo$s.\x1a1\x93\x9a\xf9\x13\xe3\xf7\xc4\xb5\xbb\xf1\xbd\xaf\x91.\x0c3y\x84\x0e\xc5My\x8f\xc2\x9f\xdbZO\x11h\xeb\xa3\xdcy\xa9\xb5\x0e\xc3\xd3n;\x11\\\x04\xdf\x10&amp;\xf8\x85\xf1\x0e\xe1b\x99\x92\x18w\x17tl\xe0\x0e\xb9\x1e\x87\xb7\xd4T\xe5\xd9}I\xd6^\xd7\xec\x98\xe6\x99\x85*T[\xa2\xef\xcc}%{\xf0j\xf7\xf6\xc7\xf03xM\xae\xe1\xb1\x83V\xb8_6\xf6Ef1&amp;\xe0NPpI\xc7s\xd0\x83\xc7A\xfa;\xfb\x0e\xfe\xc2&gt;\x1f\xfd\x91|!j\xb6\xf7O\xabj\xcd\x00\x88\xdd\xbalH\xd0\xe0\x95E\xc9\xc6p2z\x9a\xf8\x97\xf6\x12\xbf67Zm\xb9\xfd\xd8a\x1cN\n\xfd\xf7v\x18\xe4\xf5\xe0\x0e\x9e\x95\xfa\xa1\xa2\xb7\x99\xa5[\xb7\xfb\x03\xf9W\xdba\xe8\xd2\x9c\xf9\xda\xbb\x8e\xdeG\xc0b\xb1U\xe9Q\xf6Q\x95\xa3=\xfc\xcb\x881N\xa6\xa5:\xbd#\xc4\n(\xa2\x80\n(\xa2\x80\n(\xa2\x80\n(\xa2\x80\nk\x0ei\xd4\x11\x93@\x1f=\xfe\xdc\x7f\x0be\xd64+_\x12Y\x92$\xb0\xc47`\x0eLd\x9c?\xaf\xcaO\xf9\xc5|A\xe2o\x866~+\xf1u\xc5\xe5\xc5\xd5\xe6\x9f\xb7\xe4G\xb4\x90#\xfb\x9c\x90z\xff\x00Z\xfdS\xf1\x0e\x87o\xe2m\x0e\xefO\xbb\x8de\xb6\xbc\x89\xa2\x91\x08\xea\x08\xc5~}\xfch\xf03\xfc\x1f\xf1\xf5\xde\x8b\xa9\xc7\xe5\xaa\xe1\xed\xa6?v\xe2"p\n\xfb\x8e\xe3\xb5|\xde\x7f\x83\x94\xe1\xedi\xee}_\x0cf\x10\xa3W\xd9\xd4\xdb\xa1\xe5\xda\x9f\xc1\xed6\xff\x00\xc3\x976v\xbe6\xf15\xa1\x98\x8d\xefp\xf0\xdd \x07\xae\xd0@#\x8cc\x9fZ\xf9\xef\xe3G\xec\xfd\xe0\x9d&amp;i\x11\xaf\xbcE\xac\\\x1c\x06\x9a\xf3T0\xabz\xe28\xb6\x8f\xe7]O\xedo\xf0\xc7\xc0\xff\x00\x14 \x9e\x0b\xedcT\xb0\xb8\xb5Gm\xf6\xd3\xedf d.A\x1cs\xf5\xaf\x00\xf0\x87\x83&lt;+\xf0\xa65\x92\x1dsQ\xd5\x16\xe2\x10\xea\x977\x05\x8c@u\xe7\xbf\xff\x00X\xd7\x85ETt\xb9\x96\x8f\xc9~\xa7\xe853h*\x9e\xceI5\xde\xfa}\xc6w\x89\xbc/\xa7x:\x15m.\x13\x0bB\x9c\x82\xe5\xb7\x0cc\xb9\xcekC\xe0?\x85\xa26\xb7z\x83\xf9qAn\x0c\xb3\xc8\xef\xb0F\x8a2r}\x08\xfet\xdf\x88\xbe#\xd3oma\x8a\xc2h\xe4y\xc8\xd8\x08\xea\t\xc7?J\xf3/\xdaG\xe3}\xbf\x87\xbc4\xbf\x0e\xfc+y\xf6\x8b\xcb\xe2\xb3k\x97Qcd*@\xc5\xb8ns\xea\xde\x87\x8c\xd7\xab\x97\xc6P\xa5\xcf?\xc4\xf9&lt;\xd2Q\xad[\x92\x9d\xbe[\x1fR\xfe\xcb\x1f\xb5\xfa\xf8\xa3\xe2\xbe\x93\x05\x8cb=6\xc6\xf8N\xe1N&lt;\xc6\x18\x8a%\xcf\xbb;\x1f\xa0\x1e\x95\xfb\x8d\xf0\xd7Y]g\xc2\x96\xad\xb84\x91\xa2\xabs\xec\r\x7f6\xbf\xb1&amp;\x94\xde\x1d\xf1\x96\x996\xd6\xfb&lt;S\xac\x99\'\xfdct\x07\xe82q\xf5\xaf\xdc?\xd9\x97\xf6\xa5\xd2\xee|a\xfd\x9f=\xe2\xacrC\x1c\'\x9e\x15\x95\x07?\x81\xc8\xae\x9c\xb7\x19\x15VQ\x93\xdc\xe1\xce\xb2\xf9\xca\x84\'\x05\xb2g\xd5)\xd6\x9dP\xc3*\xcc\x8b$l\xac\xac2\x18\x1c\x82*`k\xe8\xcf\x8d\n(\xa2\x80\n(\xa2\x80\n(\xa2\x80\n(\xa2\x80\n(\xa2\x80\x1aW\x15\xe6?\xb5o\xc0=\x1f\xe3\xbf\xc2\x9b\xeb=B\x1d\xb7\x96\xb1\x99l\xee\xe3\xf9f\xb6q\xd4\xa9\xfe\x95\xea\x18\xaa\xda\xad\xbcw\x1al\xf1\xc8B\xac\x91\x95$\x9e\x06EL\xe3\xcd\x16\x8a\xa7+I3\xf9\xbe\xff\x00\x82\x8c\xfc\x1c\xf8\x89\xfb,\xf8\xfe_2\xeb\xfbkI\xd4\x0b4\x17\x08\xc5J\x8c\x9e\x18\x1e\x87\x92&gt;\x82\xbeK\xd6\xbe)x\xafZu\x17\x16\xaf\x14\x11\x8d\x81\x92E\x07o\xa7^\x9f\xe3_\xbe\x1f\xb7\xa7\xc1}7\xe2f\x82\xb6\xf7\x96\xeb8\x8c\x902\x05~h\xfch\xfd\x85\xad\xc8\x9b\xecP\xcb\x12\xef\xe1G\x00\xd7\xc9\xff\x00j*r\xe4\x9aG\xdcS\xca]X{H\xc9\x9f\x0b\xea\x7f\x13|A\x1d\xc1\xb7\x86\xe2X\xd8\xeeUel\xb2\x03\xe8\x7f\xadv\xdf\x00&gt;\x19\\x\x82\xf9[k4l\xfb\xa5nI\x90\xf7\xc9=k\xd5,\xbfb\x9b\xa6\xd5?}\x1b\x98\x94\xf4\xc7Z\xf7\xef\x83\x1f\xb3\xd5\xbf\x85\xad\xe3\xdd\n\xc62\t\xc8\xae|fi\x17\x1b\'\xa9\xea\xe5\xf9O,\xae\xd1\x1f\xc3\x9f\x87\xf3xr\xd2\x19\xa0\x88\xac\x91\x00T\x05\xef_B~\xcf\x7f\r|q\xe2\x1f\x1bY\xff\x00`\xdb\xdd^j;\x83\xec\x07\nA&lt;\x96\'\x80\xbe\xa4\xd7\xa3~\xcb\x7f\xb1\xb6\xad\xf1\xb3Q\x85\xe1\xb5{\x1d\x0e\x12\x0c\xf7\xf2\xa6\x15\xbd\x93\xfb\xc7\xf4\x15\xfa#\xf0w\xe0v\x85\xf0w\xc3\xebg\xa4\xd9\xa4m\xb4\t\xae\x19G\x9b9\x1e\xa7\xfat\xae&lt;\xb7&amp;\xc4b\xe6\xaa\xcd\xb8\xc3\xbfW\xe9\xfef\xb9\xbf\x11a\xf0Qti%)\xedn\x8b\xd7\xfc\x8c\xcf\x82\x1a/\x8a|\x0f\xe1(\xed5{\xc8.fo\x98E\x18/\x1d\xa0&lt;\xecW \x16\x03\xd4\x81^\x99\xa6j\x8bs\x1a\xac\x9f,\xb8\xe7=\xea?-B\xe0-W\x9a\xccu\x15\xfa\x04!\x18EEt?/\xabQ\xd4\x9b\x9c\xb7f\xc6h\xac\x9859,\xc6\xd6\xf9\xd7\xdf\xa8\xad\x0bk\xe8\xee\xd7(\xdfQ\xdcU\x19\x93QE\x14\x00QE\x14\x00QE\x04\xed\x1c\xd0\x01ET}Z2q\x182\x1fQ\xd2\xa2&amp;[\x93\xf3\xb6\x17\xd0P\x05\x8b\x8b\xf5\x84\xf5\xdc\xde\x82\xbc\x0f\xf6\xdb\xfd\xa6\x9b\xe0\x8f\x81\xae&lt;\xb4?\xda\x17Qm\xb3\x8c\x0f\xf5\x921\xda\xbf\x919?J\xf7q\x00Q\xf2\xaf\xe3^\r\xfbN~\xcf6\xff\x00\xb4~\xb3\xa7\xdc\xb4\xcen\xbc\x1f~]\xed\x13\x00\xddDB\xb0\xcf\xd0\xe4\xfb\xd7.:U\x15\x19:[\x9d\xf9_\xb0\xfa\xd4\x16#\xe1\xb9\xe3\xda\xed\xa5\xdc\xff\x00\t\xf4$\xd4\x8bMx-\x13\xce\x91\xb9g;G5\xe4\x1a\xe7\x80c\xd7\x1d\xa3X\x99\xb2\xde\x95\xf4\xb7\x8ft959m\xecD&gt;_\x96\xbbB\xe3\xd3\xb5R\x8f\xe1~\x97\xf0\xce\xd6\rS\xc5\x12\xc9\x147\x0e\x16\xd3N\xb7_2\xf7R\x93\xb4h\x83\x90\x0f\x1c\xfb\xf6\xaf\xcf\xd6\x16\xb6&amp;\xb7%5\xea\xfbz\x9f\xa1\xcf\x1dG\tG\xdaUv\xea\x97\xf9\x1f5\xe9\xff\x00\xb2f\xa9\xe3\x1b\xc5\x87K\xd3\xfc\xdes$\xcc6C\x08\xeeY\xcf\x02\xba\x9f\x87\xbf\x00&lt;\'\xe1\x8f\x14\xc7c\x143|J\xf1\x14L\x0f\xd84\xd2WN\xb6n\xdet\xbf\xc5\xcf`@\xc5}=\xa6~\xcc\xfa\xc7\xc6\x89!\xbb\xf1\x95\xcd\xc7\x87\xfc2\xbc\xda\xf8SN\x97\xcaB\xbd\x8d\xd4\x8b\xcb\xb1\xee\xa3\x03\xb6Mz\xf7\x83\xbe\x1ah\x7f\rt\xa5\xb1\xd04\xdb\x1d*\xd8\x7f\x04\x11\x05\xcf\xb9=\xff\x00\x1a\xfa\xac\x0f\x0f\xd0\xa5i\xd4\xf7\xa5\xe7\xb7\xdd\xfeg\xc8\xe3\xf8\xa3\x15]:t}\xc8\xf9o\xf7\xff\x00\x95\x8c\x7f\x81\xba\x1f\x894\x8f\n\xb4&gt;&amp;\x8fC\xb7\x9b\xcc\xddkm\xa6DcKX\xb01\x19\xe4\x82A\xcf#\xb7\xe7]\xa7\xb5C\xbaL\xe1f\x8c\xed\xf6\xab\x08\xfez\x7f\xb4:\xd7\xd0\xec\xac\x8f\x9b\x1bA\xe2\x8e\x86\x83H\x08d\x87\xcc\x15Vkf\x81\xf7#\x15a\xdcU\xf21\xebH\xd1\xf9\x82\xab\xd0\n\xb1x\xb3\xec\xff\x00-\xc2\xf2:2\xf7\xa2\xa9k\x11F\x93m\x0b,\x8f\xd4\x88\xd78\xfa\xd1F\x80u4QEH\x018\xack\xdb\xc6\xd4/\x1a\x10v\xc6\x87\x04\x7fz\x8a(\x02\xcc0,K\xc0\xa9\x95\x86\xecQE\x00(_\x9b\xef7Z\xf3/\x8f\x9f\x0c\xb5\x8b\xd7\x8f\xc4\xfe\x17\xd6\x9bG\xd6\xb4\xb4,\xf1\xb9?f\xbeA\xfc\x12\x00\x0f\xe7\x83E\x14n)la\xfcJ\xf1\xe5\xf6\x87\x0f\x85\xecWO\xd2d\xf1\xa6\xbf\x08\xc5\xe1S\xf6;f n`&gt;\xf3\x1fL\x8f\xca\xbb\x0f\x87_\x034\xff\x00\x06\xea_\xdbZ\x84\xb2k\x9e$\x99\x7f{\xa8]|\xcc\x9e\xa21\xd1\x17\xd8QEg\x18\xc56\xd2\x1f&lt;\xa5\xa4\x9d\xecv\xc4\xef\x93\'\xf2\xa6\xbcK\xfcC4QZ\x01\x1f\xd9\xd4)`\x89\x93Ao\xb2\x85Q\xfcG\x1c\n(\xa0\t\x9d)\xa59\xa2\x8a\x00@2i\xc3\x80}\x85\x14P\x06c\xbf\x9937\xbe(\xa2\x8a\x00\xff\xd9'</t>
        </is>
      </c>
      <c r="M272" s="3" t="n">
        <v>45492.67815972222</v>
      </c>
    </row>
    <row r="273">
      <c r="A273" t="n">
        <v>874030</v>
      </c>
      <c r="B273" t="n">
        <v>3313</v>
      </c>
      <c r="C273" t="inlineStr">
        <is>
          <t>Pedrinho</t>
        </is>
      </c>
      <c r="D273" t="inlineStr">
        <is>
          <t>Pedrinho</t>
        </is>
      </c>
      <c r="E273" t="inlineStr">
        <is>
          <t>PD</t>
        </is>
      </c>
      <c r="F273" t="inlineStr">
        <is>
          <t>ATA</t>
        </is>
      </c>
      <c r="G273" t="inlineStr">
        <is>
          <t>PD/MEI</t>
        </is>
      </c>
      <c r="H273" t="n">
        <v>172</v>
      </c>
      <c r="I273" t="n">
        <v>38</v>
      </c>
      <c r="J273" s="2" t="n">
        <v>35897</v>
      </c>
      <c r="K273" t="inlineStr">
        <is>
          <t>Left</t>
        </is>
      </c>
      <c r="L27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abb5104-8233-4426-bc23-3c5847d79f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b\xf2;\xca\x00\x00\x02\xfdPLTE\xff\xff\xff\x12\x1a%\x15\x1c\'\x11\x18#\xfc\xfd\xfb\xfa\xfb\xfb\xfd\xfe\xfe\xfe\xfe\xfe\xfe\xfd\xfd\xfc\xfc\xfd\x16\x1e+\xfe\xff\xff\xff\xfe\xff$ "\xf7\xf8\xf8\x0c\x12\x1c\x0f\x16 )$&amp;\xf3\xf4\xf6\xe5\xaf\x91\xdc\xa5\x85\xe3\xac\x8e\xd8\x96~\x1b\x17\x19\xf8\xfb\xfd\n\x0f\x17\x1e\x1b\x1d\x12\x1c\'\x1a!-\xd4\x9b|\xf4\xf9\xfc\xb1hP\xd2\x97y\xe0\xa7\x87\xd9\x9c\x80\xd9\xa1\x82\xca\x8ft\xff\xff\xfe\xb7lT\x15\x13\x14\xa6_H\xe6\xab\x98\xacdL\xde\x9c\x84\xce\x93u\xdf\xa3\x8a\x0f\x0e\x0f\xc1\x81i\xe8\xf2\xfc\xc0\x87s\xaelV\xc0yf+),\xe7\xb2\x94\xe2\xa5\x94\xbdrX\xcc\x8bv\xef\xf0\xf2\x1b$1\xdd\xa1\x80\xc2\x85k\xdf\xaa\x8b\xb3p[\xcd\x95\x7fXB@\xe7\xb2\x9d(\x1f \xe2\xa9\x8a\xc6\x87mA1/\xc1\x92\x86\xc6\x80l\xd1\x89r\xb1vg\xc5\x9b\x95`E@\xa8eR\xc6\x8cq\x06\x07\n\xc6\x91\x7f\xd5\x9e\x80\xee\xf5\xfc\xc8|d\xd4\x8ethIC\xbc\x7fh\x07\n\x11V&lt;7\xd9\xa7\x9b2%$\xbat`\xd6\x92y\xe4\xa1\x8b\xd2\xa0\x91\xb2~r\xc4\x8ax\x87J;18C\xcb\x83i\xc8\x94\x86\xdc\x9d\x8b\xa4j[\xb3v_\xeb\xb6\x98748L85\xd5\x9a\x8c\xcb\x8bp\xea\xf1\xf7\xaaqc\xe4\xec\xf3\xed\xeb\xee\xa0^N\xba|bdjt\xa6ui8+*\xe4\xe7\xea\xde\xac\x9d\xc4\x98\x8c\xcd\x99\x87\xe9\xb6\xa6\x86\x8a\x93FAB\xd2\x90|\xb8\x84z\xe8\xae\x9f1/2\xc3y_\x8bQC\xdb\xa4\x93"*6\xb5{l\xaa\xaf\xb7\xdd\xe4\xebw|\x85\xcc\x8d}\xd4\x92\x86\xd4\xa4\x97\x80ZT\x9fdV\x99[LVZaMR[\xa1nf\x9eWEuNC\x93TG\xcd\x9e\x8e\xbf\x8b}\xeb\xbc\xad\xee\xb4\xa3\xc4\xa1\x9b\xc1\x7fr1+-\xb9\x80p\x9bxt&lt;&lt;A\xc4t]\x8e\x92\x9a\xba\x90\x87\x87WJ\xb2\x8c\x84\xcf\xce\xd2\xab\x86\x80\xb8\xbd\xc5qt}\xbaxk\xde\x95\x88*0;\xbf\x98\x90\xda\xdc\xe1\x96`S\xa9{p\x9ari\xd4\x99\x85C88\xc3\xc9\xd1\x9aj`\xcc\x99\x8e\xec\xe6\xe7sSLMLM\x8fcX{VN\x81NF\xb2\xb7\xbf\xcc\xa0\x99\xbe\xc3\xcb\\aikNKDIQ\x8fWO\x91ja\xcd\x82r\x9b\xa0\xa9\xd0\x84j\xa4\xa8\xaf\xabj_\xd0\xd8\xe2\x95\x98\xa1\xa0\x81|\x80\x83\x8b\x86`Y\xe4\xdf\xe1\xd5\xde\xeb;BN\xd6\xd3\xd9\xf6\xf1\xf2\xcb\xd2\xdb\xe7\x86\x91\xca\xac\xa7\xdd\x8f{\xde\xb2\xa7\x95P&gt;\xb9\x87\x82\xd8\x9b\x98\xf3\xbb\xaf\xd6\xc4\xc4%\x17\x17\xaa~z\xf2\xbb\xa3\xc7\x84{\xce\xbd\xbd\xd5\x88\x80\xce\x87\x92\xec\xa8\x93\xe4\xa5\xa3\xc0lV\x90I9\xf4\xc2\xba\xe2\xcf\xcfwA8[PP\xcb\xb3\xb6\xb1\x91\x90\xbb\xa9\xae\x81A/\xbcl_mZ\\\xf3\xcf\xd3e62\xf2\xdc\xe2\xdc\xb8\xb3\xbciq\x89qn\xb4\x9e\x9d\xe6\x98\x9cylj\xc2w|\x9e]b\xf0\xbb\xca\xd3u\x82\xc6\x81\x88N*%\x0c\x8fS\xcd\x00\x00 \x00IDATx\xda\xbc\x98\xe1K\x1by\x1a\xc7eo&amp;\x99A\x7f\x81\t\xd4)\xc3qrr&amp;\xb1b\xca\xc5\xb9j\xb8\xc3\xc6\xb9\x86*\x11_\xd8t\xb3ce\xcfz*\x93\xf3z\xa6q&lt;\xb8d\xb9\xd1\xbd\x8a/\xd4dM\x0e\x0e\x06R\tR\xa1\xe8v\xb3B\x12-j\xbaW\xdd\x93\xba\xac\xef\xfa\xc6w\x0b\x0b\xbb/\xca\xfd\x0b\xf7\xfdM\xec\xee\xbe&gt;\xc6&gt;\xc5!\xdab&gt;\xfd~\xbf\xcf\xf3{~ih\xf8\xff\xca\xe9t\xd6\x9fV9\x1c\x1c\xc3\xb0,\xebr\xb9X\x17\xc3po\x7f\xde\xf0\x8e\xaa\xcd\xf9cq\xdc\xc5\xdb\xf3\xb4\xae\xb2\xee\xe0\xd6\xc6\xc6\xc6\xdc_~\xc10?\xf9W\xce&amp;\xe7\xbb\xc1rX\xefU\xc7b\x00\xe4\xe0\xdd3s\x1b\xfb\xfb/7\xb3\x85\xafk\x9b\xa9}7\xefp8\xde\xa9fm\xce6h\xc1q\x0e\x9ewr&lt;\x03\xd7\xdcs\x1b\xcf\xd773\x05Y&amp;\xa2\xd7\xeb\x15%9\xbb\xbe\xf8\xf9\x7f\x82\xb0\x94\xe5\xc1F\xff\x13\r\xce\xcbW\x8b\xa3\xc50\x0c\xcf1\xae\x99\xb3\xc5\xf5dA\xf2\x0f\r\xf9\xbd~\xaf\xfcu&amp;S\xd3\n\xf7\xef?\xbd\x9f]\xff|\xee\xcfn\x80\xf1\xdc\xbbP\x0cX\x0e\x9e\x83s4\xdfg/7\xd3\x84"\xf9\xfd\x92V0\x88V\xcb\x1cd\xb2\xf2\xcf\x9e\xd6\xc8\x90TH\xa6\x8e\xb7\\W\xd9w\x86\x05.\xc8\xc0\x9e\xbd\xcc\xbe\x07\xa6!\xaa\x94d\xd42KK\xc9\x83\x8a\xf1\x9e`HCr\xed\x1f\xc4\x0f\xf5\x92\xfb\x10\xac\xde\x19\x97\x05\xd4\xe8l|\xdb\x81&lt;\xeb\x9a\xd9O\xd5$\xbf\x7f\xc8/\x1a\xe9Z-\x9bMk\xb5d2\x93\xa9|\x9f\x95%\xd9\xff\xfe\xd3\x9a&amp;\t2\xb9\xbft\xb2\x1f\xe49\xee\'mi;\xd7\x0fs\x81a\x83g)\xcd\xef\x15\xbd~!]\xc9f6\x93\xa0\x92\xbcR\xa1\xa0\xc9F6+{\xc9\x90_+\xc8\x85J\xf6 \x99I.\x06\xb9\x1f\xb9\x9a\x9a\xecW\x8b\xa6\n\xdd\xc7\xb0\xee\x975qHB\xeb\x91\xb4&amp;\xc82b%zE\xd1K\x0c\xc3\x90E\xd9\x10\xd1\x02\x12\xfe\xa2RI\x1bZ\xa6\x92\xdap\xa1=P\x18\x1b\xce\xcb\xc1B\xaa\\|p\xb1\xf6sI\x12\x88\\H\x17L3]I\x174\xf8\xe9\xf5\x0fy\x05C\xc6\x93\xe0\xa5_"\x82f\x18\x84h\x95t\xe6x\x86&amp;\x8cG*\xed\xcfX\xa3\xb3\tG\x0c\xa6y\xf0y\xe6i\xa1\xa2\x99\xe9\x03$\x9cHD\x92D\x81\xd4\xa3/\x8a\xa2\x9f\x8e\n\x94W$\xa6i\nT\xb3\x8a\xb6t\xe6b!\x18\r\x82\xddXM\xceF\x07\xd2~u\xee$\xabI\xd4\xa0\xe4fE\x16%:B\xfd~\xb1&gt;&amp;\xbc\x17\x03\x0cSU\x14%\x05\x06\x17d-]R\xc9\xc1\x86\x8b\xbf\x9cAA\x8f\x1b\xcc\xd0`J\xd3\x04IKg\x96\x0e\n\x02\x91\xbc" `!x\xd0\x02\xd4=\x90\x02\t*\n&amp;\x90\x90\xaetXQ\xc0\x05\xb9\xe8qd;V\x93\x13\xe7\x9c{\xb1@\x08\xf1\xe2\xcd2\x15M"\xc4\xff&gt;\xd4\x91-\x81\xbc\x12}\x08\x02R\'\x12"\t\x062W\xc9\x16\xa0\x96\xa2H\xd2\xe6W8\x8a.C\xad\xa66\x07su#\x031\xbc~b\xa2\xfdd\x89\xce\x08\xc4\x89\xf8)\x87D\x90\'\x0c+"\x08\x08\x9bD\xe4tE+\xa0\x19K\x15S\x11Dy=x\x95r]\x82\x89\x0ef&amp;E(\x95_\xd4J\x1a\xb5\x10q\x12\x08\xd5H\x91DE\x11\xe1\x9b a\x9eJ \x83\x94\x05\r\x07\x92\xa0VJ\xa6A\xc4\xc2\x13\xc4\xfer\xb0\\O*\x14K\x14\xcf\x85\xb4&amp;#B\x18\xa2\x00\xf1\x8a\n\xa0T]\xd7\r\x81\x10\x99\x08\xf8\x83\x92\x14\x93x\xb1W\x94JZ\t-{pv\x19X\xf4\xd0\x99Y2\x14:7\t41\x05D\x9c\x10\xc5P\x15EP\xc1\x14\x8f\xc5\xe2:^\x03\xc80\xe8\\\x93\xce\x15\xc9+K\x16VI\x10\xb5c\xb7\xedX\xd6f\xcc\x9eei\xefQ\x7f$\xd14\x912"\xa8\xe1\xb0\xaa\x97\xe2\xf1p\xe8\xf0\xb0|\x18\x0f\x87\xe3a]-\x85!\x9f\xa0\x9c#\xeb\xa6x\x1e\x0e\x97\xa8\xe5\xc6\x89\x9b\xb5w1\xac\xff.\xb4\xe1}\x9ae:@E\xe4H\x82\x97\xaa\x0e\xa2x(\x12\x89\x1d\x9eVO\x97\xa3\x91(\xadX\x08|\xe1\xb0n\xca\xa6,*a=]\xd2eI:q\xf3vc5pN\x8e\x9d[2\x90$\x89 \xdc\x88\x17\xd2\x04\xef\xc2\xa1H(\x12-\xef\xee\x9e\xee|2\xb9],\x16\xab\xd5\x9dg\xcb\xff=\x8c\x85\xe0iX/\t\x8a\xaa\xa8i\xa4\x9e\xc8\xc7t\xa4689\xdb\x96\xd5\x0b\xac\xb3\x03C\x86}\x98\xdf\nMx8\x8e\x8aEw\x97\xab\xdb\xdb\x93\xa8\xc0\xe4\xca\xf6\xca\xe4\x83G\xb3\x9f&gt;{\xb6\x1c=&lt;\x8c@\xc7\xb8\xae#{\xa5J\xc9\x10\xb4E\x17k-\xd0vb\x81\x8a\xdd\xc8\xc8\x02\xa4\x92,\xa4X4gU\xf1\xc5\xca`\xc0*\xdf\xdaZ\xa2\xb7w\xea\xe1\xd4\xa3\x0f?\xdd\xa9V\x97\xcb\x16\x19\xa2v\x0e\xb9\xd2&amp;&amp;\x17kQ\xd9eb\x93\xb5f\xb1\x98\xf0h}\x13\xb6\xe8\xf1H4\xb7W\xdc+\x16\xf7\x16V\x13\t\xdf\xb5k-\xd7\xae]\xf3\xf9|-\x9e\x80\'0r\xf7\xd7\x8ff!\xd9\x17_,\x97#H\x1d\xc5\xfa&gt;m\n\xc9\xad\xb7\x8b\xbd}X\r\x1c?\xf7\x8a\x06^@\xf3A\xa9\xbd\xbd\x05\xd4\xd8X&gt;\xb1\xe6\x03\xd6E\xb5\xd0\xf2\x8ct\x8dLM\r\x0c&lt;\xd8\xd9~Q&lt;].\xc7tUM\x87U\x92~\xc2\xd2\xe3\xa7\xcd.\x13\xe9m\xc7\xc9sg\x07\x84b\xa9\xe1\xc8w{cc\x94il\xec\xf5Z\xc2\x97\xa8c\xf9ZZ,\xd5Z&lt;\x9en\x8f\xc7\xd3\x1b\x18D\xadlW\x97wc\xaa\xa2\xab\x121^\xba\xf0{\x1c\xb6m\xce\xb87\xb3\x0c\xe3\xa2\x1eb\x92\xea\xb1\xdc\x1e%\x1a{3\xf6\xedk\x8a\xe5\xb3,\xa4J\x81\xc6zx,\xd5\xa8\xab\x83\x89\xd5\xe2n.\xa6\xaa\xe780\x97f8\xdc\x9a\x1cv\xad\xce\xc0\xc2\xbd0\x982,\xacp\xb4h\t5\x06\xaa\xb5\xb55_\xdd9\x8a\xd3M\xcb\xd2\xea\x07,\x9f/\xb1\xba\x97\x8b"_~/\xc9l\x01\x8b\xb3M.\xebZ\xc1\xccm\x1a\xb4\x11\xf5Pna\xec\xcd\x9b\xba\x83\x16\x95\xe5\xd9\x05\xd4EQ\xc1&lt;\x01\xab\x0b|\x89|.\x1a\xd5\xcf\xb1\x1a\x16\x9e\xb3\xd6@mk\xb2)\xf2\x98\x0e\xecV\xd20\x04E(Er\x96X\xdfR\x07}\x16U\xbd\xe6\xe7\xe7\x1f\xd3/&lt;\x1ew?\xb6\xe0\xea\x82\xad\xe6\xa2\x11\x9cF\xb8\'\xe1\xf8\xa1\x1f\x9b\xb49m3\x91\xe51\xb50\x1c0\x1b\xf6.\xd2\xfe\xba.U\xf7\x08`\xba\xe7\x87i\x1d\x1d\x1d\r\xd3W\xd6w\xf3\xdd\x17&gt;.\xe4\xa2q\x15{\x99\x98\xfc\x8ae8\xdb\x96A\xba\x96\xf2\xfc~M6\x91\xacx$G\xbb\x10ZQ,\x0f\x98\x00\x80\xc7Q\x7f\xff\xd18\xb0\xc6Q\xc3\xc3\xd6\xab\xe1\xee\x8b\x80\x15\xa3\xb1\xf09V\x8f\xc2s\x17\x83\x9bY\x83}X\x0c\x8bF\x14\x88J\xb1\xbe\x1b\xcb\xe7\x17^\xe7-\xb1F\xe6\x87\x81\x81\xc7\x9d{w\xfa\xc7\x8f,4|?&gt;=\xdd?=N\xf5\x1a\x04\xd8v.\x02\xb9\x88$\xbf\x9aax\xa7\x9ds\x8bc\x8f\x81%\xe8\x17Xk\xf9\xb55\x9c9\x9e^\x0bk\x1c&lt;w\xee\xdd\xbbC\xab\xbf\xbf\x1f\x9c\xf8Q?\xb8\x1e{\xe8(\x03V(\xaec7\x94\x93[4\xf4v}\x10\xe7l\xa4j\xa5\x05k\xc2G\xa28qV\xd1\x83\x83--\x81\xb7X\xa0jnn\xed\xc0Ws3\xf8(\xda\xd1\xd1\xf4\xed\xc7\x1ek\xc4n\xefF\xe2:\x92i\xbe\x9a\xc1\x05\xc8.,\xeb\xe3\x10\x17\xd4\xa2g4\xb0\x8a8\x07\xd7p\x14\xfa\x06\x03##]\xd7\xc7\xa9c\x10\xab\xb5\xb5\xb9c\xf4\xb7\x1d\x1d\x1d\xad\xcd\xd4\xd0\xf1\xe1\xdb]\xb4\x19[\x02\x83\x14K\xc5ij\xa6\x826\xaaE7S\xdeu\xa2\xd1m\x06+_\xae\xb82\x99\x00Yb\x10b=\xec\xba=\r\xbf\xeeP\xb5\x9a;:FGG;\'\xea\\\xff\xbe\xdd\xd55\x82\xc1\x1a\x08\xacT\xcb\xb1\xb0\x0e\xad\xb1\xa02\x0e\xa8\xd5h\x17\x16\xcf\xbb\xd7q\xaf\xa2\xd1\x8a\xd6\xb1V\x13\x83\x14\x0bT=\xd3\xfdT,@\x01\xabst\x82\xca\xf5QO\xcf\xf80\xb0z\xa9\xd1\x14+\xae\x0b\x92\xb57\xdb\x19y\x8a\x95\x92\x15\x95\xaeYe\x0b+\xbf\xbaJ\xb1\xa6\x805=\r\xad\xeaX\x9d\x9d\xa3\x9d\x9d\x1d\xad\xa8{=\x10k~\xa4;0\x18\xf8r\xb2Z\x0e\xc5\xc2\xb8\xc3\xca\xebP\xcbF,\x9e\xe7]\xeb\xa6@\x93u\x98\xcba\x17]\xcd\xe7)\xd6\xd4\xc3\xeb\xb7\xa6\xa7A\xd4jY\x08\xae\xdfw\xc2DZ\xcd=\xb7\xaeS\xb9\xb0\x1f~rZ\x8e\x84J*n\xda\'.$\x9e\xb3q@P\x13!V(\x9a\xdb-nO\xae\xac\xe6\x17\x12\x94\xeaw==\x1f5\xb7\xb6R\x91FGA5\xfa\xcb\xce\x8b\x9ahm\x9e\xbe\r\xac\xde\xc0\xc0\x83*\xb0\xe0\xa2"Xjq\xb6E\x9e\xe3\xf9`\xca\xa4\xf7\x89\xc3\xf2ru\x05\x97\x89|&gt;\xf1\xe5\xc8\xdd[\xbf\xba\xf9\xa7\x8f\'&amp;&amp;n\xb4\xb7\xdf\xb8\xf1\xcd7\xa3W\xae\\i\xef\xfb{\xbbU\x9d\x9f\xf5\xdc\xea\xea\xea\xed\x1d\x18\x98\xad.\x1fFbaU\x80\x89&lt;\x16.\xdb\xb0\x18\xae\x8e\x15\x8b\x94\xa9X\x0fv^,\xe4W\x06\xee\xfe\xe1\xe6\x1f\xff\xf9\xc1\x07\x7f\xfd\xb8\xfd_}}}\xed\xed\xbf\x01L_\xdf\xdf\xea\xd5wc\xe2f\xcf\xad\xdb#\xbd\x03\x1f\xce\xee\x9c\x96\xa3!\xec\xa7\xda\xb1\x8b\xe58\xa6\xc1F\xb5\xdc)z\xaf\x88\x94\x97wvfgw\xfe\xc7\xaa\xf9\xfe\xa4\x95fq|^ J:\xeb\x8b\xfe }\xd3\xd8\x18KDK\x08\x12\x91f[\x84\xad\x05neB\x83\x18Y\n\x97F\xc1\xee\xd8\x90j\xd8E\x99\x82\x11\xc2n\xfd\x81\x1bT\x94i0\x8cX3\x92.\xa0kk\xc1\xed\xc6\x00\xeb\x90\xb5\xf4\xc5$\x03\x1a\xac\xb6\xc6\xa0\x95l\x8bu\x1a\xbb\xa6\x9b4{\x1e\xfa/\xdc\xf3\xc6\x17\x98&lt;\x9f{\xce\xb9\xe7\x9c\xefynt\xcc\xa1\xf7H{\xd4\xeaA\x85\xd18h,p\x00\x92{b"\x93\xc9L K\x1b\x11\x17`\xe9q\xdc\x10^\\\xe6_\xfb\xe3o\xfe\xf0\x0fh\xd5d\x12a\x13\x04\x89L\xba\xf4\xfc\xda\xb5\x16\xbe|q\x01\x0f\x06\x9d\x01_4\xe0\x0c\xaew\xbb\x06\x9f={\xf6\xd8\x05\\\x13\x13&amp;D\x95\xd9\x03(\x13\xc22\x99\x8cF\xdb\xdc7]\xbc\x04n\xc1\x17@l|{\xedw\x80E!\x93\x88\xda\xdb ,J\x01\xabQ\x1e1xpg\xd8\xb7\xb4\x14I\xc6\x8eVWW\'WWg\xa6\xba]_\xb8L\x99\xbd=\xe4\'E:\x9dF\x7f\x8d6is\xbb&gt;h\xb1\x18\nQ\x04\xa9X\x04\x0fH".\xb7(03\xcfC\x0c\xe5C\x06\xcc\xb9\x10\x1e\x1d]\\\\&lt;88\xc8\xf1\x9f\xe6\x0e\x8eVg\xa6\x9f\xa5M\xe0\x1f\x14\xc2\x89\xf4\xe0\xa3\x99\xe9\xff&lt;\xba\xfe\xfd/\xdf_\x7f&amp;\xc41\xbd\x01\xdc\x15\x8b\xc8\xa1\xff\x80\xf6\xa1\x90)D\x05\xf1\x04\xc2:\xf9\xdd=&gt;\x1fa\x19\x16b\xc9\x08\xd82\x1c4?\x0f\xac\x07\x93\xab3\xdd\n\xa3\x00\xbc\x05\xc1\x13(\x1eM\x86&amp;\x8f\x8e\x8e\x8e\x8f\x8f\x8f&amp;Wc!\xa7\x13\xb8\x9cC\xcbP"\x9e\xfe\x13\xbcE!.\xb7\x8a\xc0[\xcf\xbf`9\x9d\x805\x14\x03\xd9\x1c\nG"CC\x91H,4-t\xd9N\tPnA\xe6\x0fvo\xae\x1e\xe5\xf8|\xfe\xd3{\xb9\x83\xe3d$\x8c\xb0\x82\xc9e(\xf4\x7f}\x88n\xcd\x8a\xbf\xbe@`n!o\xe5\xe4\xf0"\xc6b1\x03\x8ec\x1e\x16\x98\x86\xd5\xdc\xdc\xe5\x91\xd6\xdf8}\xe5T\xad\xc0\xedv\xd7\x9e\xb1\xb9\xba\xa7c\x8bP\xe0\xa0\xc4%\x93\xe1p2\x14\x0c",(\xf4?\xfe\x89\x02c.qu\x0b\xd4k\xe9\xbf\xc1\x01|\xc0r\xc6bA\x8b\x07\xd3\xb7c\x9e\xe6f\x99\x8c\xc9\xecc6T\\,p\xd5\n\x04\xa7\x187\xea\xeb\xa5\x1a\x16@\x8f\x8f\x0b\xc7q\xcc\xbe\x10\x0e\x05q\xc0\x92\xf3\xe7\xef\xdf-\xc8\xfd\x13Dy\x0b:F\xe9\xbf\x10\xd62`-LZ,XB\xa7\xd3\xe3X;\xaf\x1dS\x82\xc8`6\\,g\\9\x03\x81\xbcz\xfa|EEC\x83\x88y\xf9\x9b\x8a\x8a\xfa\xfa~\x96\xc7c\x00,\x03\xaa\xf3\xf3\xcf/!W\x11\x85u\x02\xf5\xc4\xd2?C\xbe4.GB\xa1\xd0\xba\xc5\xaeO8\xc2\xc9\xd1CT^\xa3\x922\x18%D7O_\xb9R\xeb\xbe}\xe64\xf4h\xd4\n\xdb\xbb&lt;\x10bf3S3\x1e\xc4q\'\xc2z\xfaS)\xb9\xb0\x18!\xca[\xe8V\xf3\xef\x07(\x88\x91\x90!\xb8\xce\xb2\xeb\x03K\xa0\x94_\xbe\xfc=\x8450\x0c34\xaf\xe1\xdci\xc6\xd5\x9d\x1d\x06\xf5\x0e\x93]\xd6i\x05)}\xd8\x18\x89\xe9\xbb\x98\xcd\x9aq|\xd3\x19\x01\xac\x1c*\xf2\x17\x8a\xd1\r Q\xcd\x87T\xf2\x97\x1f\xf9\xfc\x16y\x04\xbdWv,p\xf8\xf9 w/7\x7f\xff\xe3\xf5@T\xef\x18{7\xa2l\x85\x99\xebf\xd3\xcd;]l\x9edlt\xf9\xdaKD\xdd\xe2\xd3\xb34\xd2q&lt;\x84\n\xc4\xc1CJ\xe12\x960,J\xe9\xdf6\x1e&gt;GXC\xce \x0e\xbe\xda\xff\xdc\xb2z\x9c;\xe0?\x7f\xfb\xbf\xef\xc3\xc3\xba\xb1w\xbb#eH0\xd6\xf5)\x95\xac\x1aIt\xf2\xe3w\xb9{\xc7\xb9\xfb\xb9\xcf\xfbzM\xbf\xd4\x12\x8a\xc8\xf9\xdf\x1e\xbf(\x02UM"j\xc1UL.\xdd\x98\\\x1a:\x90\xb7\xf0\x1b\xa1\x9c\xea!\x82\x87\x87\xfb&gt;\xb4\xc0\x8dl\xaeoFo\r\xdfz\x87\xb8\xbe\xe8{\t&amp;\x19\xfet\xfd\xedO\xc7\xb9\xe3\xe3\xb73\x87\x87V;W\x83\x87"\x8d-\xf7~\xb8{\xb2\xf4l\x11\x9a\xe6\t\xc2\xfaU\xd8\xae[\xdb\x1fml)`\xe9\xa2K\xa3&gt;\x18$&amp;\x93\xbe\xb0\xd3\xf9)\x1a\rX\x11V\x15\x08\x7fZ\xe5\xc8\x98C\x17\x8d.8\x93\x91\xc5\xe5\x88\xf3\x93u\xdf\x9a`\xb2p\xe7"&lt;\xd3\x0fo?\xbe\xbeD*\\\xf6\x13\x82E\xda\xe8\xba\xdc\xc3\x1c\xf6\xed\xb7\xc8\x93N\xbd\xce\x11\x8d\xfa\x02\x0b\xd0T\x16\x1c\x8eO\x81\xa85j\xdd?|\xb7V\x89\xf6\x11\xb4\xaa\x91\xdd1\x1dp}\x82\x9f7-8\xa6\x8b\x0e;\xda\xa1\xbb\xc34\xdf\xb2\xe8\xeb\xc4_\x97\x12vQV\\\x9a\xae3\x9b\xe6\xda\x1dK\x87\x80\xa5\xd3u\xfa|&gt;\xab\x15f\x9b\xc0\xf0\xd8\xd2\xd2\xd2\xfe\xfe&gt;8\xab\x92F\xcb\xd2\xb2\xd9l\xe5\xda\xeeX\x00&amp;\x8c\xa8\x0e[\x17Z0\xc7\xb0C\xc2\xb3{\x0c\x8b-\x87\xfb#}b\xef\xf8\x8bB\xda\x13\xa2{~Vx\xfd\xffm\xba\xa3\x0c\xc8\x97cN\x18\xe4\xa3&gt;k\xc1\xc6\xd0\xee\x06\xa0n\x15\xa8\xc0\xf2\xdel]\xd5\xee\xbb[\xb7\x80\xd6:\xacK\xe8\x1c\x9d\x0eG"\x81\xd9\x83C-\xa3\x92V\x15\xc7[\xb7AP\x10\xa1&lt;\x00\xd6\xb6\xd8\xdb\xca\xd6\x8dB\x91\xd79\x02\x01T\xaa:A\xfd\x8c\xa1\x95\x92udd\r\xa8@\xd6\xd3\xf2\xd9\xac\xb7\xaerwm\r~\x8aF\x87\x91\xc6u\xe8t:\xcc\x8e\'\xe5\xc3\x97\xb5\xb7\xdd+\xde\x8d\xb3$\xa2\xb0J\x152\xb1,\xebe&amp;\xa21\xa7\xde\x01\x96\x90\x80\x1a\x93\x14\xc0\xd0\x86\x04m\xbeiU\x95e\xe0\xac\xac\xf7\xcbZ\xab\x13\t\\\xa4\xbbk\x12\x89\x84\xdd\x83\x87}&lt;\xea\x8ej\'\xd5\xfa\x86\xa0\xdb\xce\xe2\xafJ\x8a&gt;\xc8\xe2\xde\xbe&amp;\xae~\xc1\t\xef\xa1C\xa7W*\x91\xd2\x92H\xd0\xb9\xd0i\xd0&gt;\xb7\xaa\xb2\x8a\xd6\'\x83 \xf6y\xeb \x9a&lt;\x1e\x80#\xd5\xad\x9c\xc50\xbb\x07\x1avsuuJ\x95\x12\xffJ\x1c\x16\xe9\x8d\xc8\xcb&gt;\xc7\xe0b\x86`P\xaf\xd3c\xb3\xcdL6\x13\xb4\x16:\x95\xcd\xec\x02E\xcf\xab\xa9\x92\xd0\xbc\xb2\x15\x19\x8d\x06\xee\xa2)E"\xb6H$b\x8a\xe2q.\x97\xd9\xec\x81~\xad\xe72R+\xa9T\xea\tA\xdb@\xc0*y2\x90m8\xc7e\xb7\xe3\x9bA=&lt;{\xf3\xe5\xcbLn?\x17\x0e\x8d\x03\x17[YS\xa3T\xd2\xf2qq*\x15\xf7\x02\x9c\x8c=\xfb\x00d\xad\x19mK\xfcs\xe5\xfd0\x97\xd9q\x8c[[\xdb\x94J\r\xdc%\xa8l\x15\x7f\x05\x9dZ\x91g\xb3e\xa2.|f\x13\xc7Y\xac\x07\x9a\xfe~\xb3\xd9,\x16\x17\xd62\xd0\x9ay\xb3\xb3\xf9|&lt;\xe5\xf7\xa7\xc42\x99L\x14\xe7\xc2\xcf\xd4\x01*U\xab\xe2p8Z\x8dF\xe3\xc1\xed\xcc\xea-\x95xEq\x12\xb0.\x10\x84E\xfe\xc0+\xab\xf2R+\xf0\xe9i\x8bE\xc3\xd2\xf4\xd7\x83\x99\x9b\x80,\x0e\xe1\xe2U\x8eH\x94l\x99\xd8\xaf\xdaQ\xf9\x9bZ\xbdl\x11\xd7L\xad\xf6\xab\xaa\xcb\x11\x96\x803\'\xd5x,\xac\xd6\xa6j\x95\xcc\xfb\x01}\x05G\x08\x16\xfa\xfe\xe15\xafj$\xcb\xb8\xe1Y\x9fZ\x1fGT\xfd\xf5Z\xed\xdc\x80\xdfo\xe6\xc6\xd95\x92\x91\x11\t;\x9eR\xed\xb83\x99\x1d\x7f*_\x06\xa9EUqT*-\xf8\x8aC\xa7w\xf4H-\xe37\xcaWVR\xde\xfc\x06\x89B\xcc\x0e\xa2\x80\xb5\x81U\xeeV6\x9d\xb7[\xa6\x84Ri[\xcf\\O\x07\x87\xc3\xd0j\xb5T\xb3\x88W\x93\xcf\xe7\x1f\x0ch{A$\xbe\x7f\x9f\xa1\xfb\xe3^o\xbcU\xac\xea\xa5\x03\x11\x1d\xb08\xb6\x8e\x9eq\xa1\xed\xea\x8aW\x96\xcd\xbf!\x13\xb7\x83()\xd9\xb0\x97\xad\xad\xd1.z,S\xddm\x80\xd5\xd1a3\xf6\xf6\xc2\xa1\xd5qe\x8d2\xbe=`\x9b\xd8+\xd8\xfb\xbd\x8c\x9b\xe3\xdf\x8e\xc7ETz/2\xe4-\xc0\x12\nm\x0c\x19\xb4&amp;\xd1\x1b2q\x12\xa3\x84\xb4\xc12sieZ)`=n\xebqu\xa8m\xf4\x02\x16\x15\xca\xc4\xac\xdam2\r*&amp;\xf62\x19p\x98Ia\xca\xb8\xb5q6\xb8\xcb\x9d\xd9r\xc3\x7f\x19m\x1d\xae\xb6\xb63Me\x95Y\xef\x83\x17dJ\tA\xb3\xfc\x05(\\\x9a\x01\xc1\xf9\x06\x81\xda2u\xdd\xd5\xe6R\xdbl_\xb0\xaa\xb9l\xf6\xec\xac\xcb\xd4\x83\xe9qu\x1a82F\xa9}\xb6#\xc3\xd9\x96\x89\xfct\xb7\xc9\xed\x16\xb8\xe9F\xa3Z-T\x0b\xee\xf4\xb1\x9bd\xaf\x9e\x14\x93\x89\xc2\x82\x99\xf9\x89\xf0\x95@pe"\xbd&gt;\xd5\xedz\xac\x1e\xb4\xd98h\x8f\xc5)\x17\x8bD\xdc\xfe\xfe\xfeYL\xd3\xf6X\xad0\x82q8\xdb\xdb\xfeW\xdb)\xb1\x99A\xefuo\xb9\xd1\x8e\xc9\xa6\x9e2n\xfd\xf6\x14]\xb5\xd2s\x97r\x96B\x90|\xfd\xba\x98r\xf2\x97\xfa\xdbt\xba)\xbd&gt;\xdd\xfd\xd8\xe5\x1a\x1c\xb4\xa1tf\x94\xdf\x8c\x8b\x1a\xb8\xe6W\xaff\xa1\x19[\xda\xd4\x83\n\x85zn``\xdb\xef\xf7W\xdf\x14S9\x80\xb5\x05X\xb5F\x970\xbduu\x8b\x93ZI\xffL\xa1\x10\xf5\xcd[1\xb9\xa8\xe8\xcd\xe0N9\x9c#\x9cy\xa4V\xab\x15\n\xe0\xe20\xe0h\x19[\xd4\xf0\xc0\xe3\xc10\xbd\xde\xf0\x7fZ\xce7\xa4\x8d&lt;\x8d\xe3}\x11\xf3\x07\xc5\x17Q\x07\xdfxxI|\x114\x84T\x1a"\x8d\x0eR\x99\xd8pa\x84\\\xb8\x9cI\x9c\xa3\x13-\x8c\xd7\xcb\x16\xa9\x89G"\x87\xe4Eb\xf7\x8e\xdemR3\x98\x17\xb9\\\xd8H\x8a\t\xb7\x13(E8\xd6\xc2y+ui0\xf5\x0c\xbdl\xaa\x86\xd6E\xcb\xad\x8d\xf6\x8aV\xcb=\xbfX\x97\xdd\xb7w\x99\x07\x89\x8a \x1f\xbe\xcf3\xcf\x9f\xdf&lt;3\xc0\xc5\x85G\xfc%P\x0br\x166h\xee\xdc\x81\xf9\xbf\xaa\x96\x87\x9e\x9a\xdb\xb9\xb9\xb3\x15&lt;8_\xac\xac\r\x96@ qm`\xcf\x9e\xd9\xb5\xe4&amp;7\x0b\xa2 \xb9\x80\xca&lt;\xf8\xbbn\x03\x0bL++\xa3\xb7&amp;F\xc2dx\xde\xefgY6\xf0l\x01{f\x1e\xc4\xec-\xca~d\x0e\x9a\xee\xbfb\xdf\xd9Y8\xccI 7\x8bjwb\xd3\xb8k\xb5\xdbw\x18w\xcc}N5\xa9\x04*\xb3a\xb8\x9bM\x02\xd5\xe8\xe8=T+Y\xbf\x7f\xc4?\x92\xf4\'u^\x9b\r\xd4\xb2_\xbbr\xb3_\xd9?eu\xbb\xe7n\xda\xedvm\xa5U"\x14\x0bkv\xec&amp;i\x15\xe7\x0e^\xdd\xdf8|\xb1O8\xac\xb3!\x88n\xadw\xd0\xac\x1b\xeeK\xc2\x80\rb\xddJ\xb2lr8\x99dK\x80y}\x0cJ\xb5\xf7\xc6\xe3N\xbb\xbd\xa5\xa9\xa5\xa5\x7f\xdajLM\x7f\xb3\xb3\xa3\xdc\xcd\xa1\xa3\x11\xa1\xa8Vw1\xc4\xe0\xc6\xba\\6\x9b[K\x11\xb3\x93V\x0f\xa4\x88\xa0a\xd0f\x00\x9e[\xa3+@\x13\x082\x0b\xc1\xad\xad\xad \xc3\x04\x81\x0cq\xa9\xbbA.\x95J\xde\xdc\xaf\xb4F\xf2\x87\xf7\xef\xbf:\x00*\x84U\xa3\x9b+\x1d\xdf\xaf\xe7\n\x01\xcb19\xc9y&lt;\xf8\x80z\xd0k\x81\x90Z\x9cg\xd9\xe3-\xa6P(\x00\xd5\xc2\xbbr\xb9\xace\xbc:\x03\xcbZ\x86\r\xcf:\xd1=3\xa5\xb6\x9c\xdfue\xb3\xae\x8b\xb5\xc5\x1a\xa9\xd5P\x9d\xcf\x1b:Db\xe1\x9a\x11\x9ch\r\xd1d@m\xc0t~\xc8\xa2\xdc\x92\xef\xfa\xca\xd11\xd8\xd1\xd1\xd1q\xe9\xec\xec\xec\xf8\x98-1A\xcab\xb1\x0c\x02\x96\x17\xd3j\xad\xf9,\xda\x05\xbf\xd8\xd6\xad\x91Z\x1f\x03\x1f\xadY\xafEPlq$I\xe9\xbd\x9d\n\xcd\xfc-\x1f\xb1y\xef\xe4\xe8\xf8l\x1b\xec\xec\xf8\xcc\x08\x9fG\'\'+\x01&amp;Ci4\xe3v;\xe6\xb5\xa9\x943\xf9\x9e:\xb47\xce\xcb:\xec\xa5s\xac\x10\xe4L\x12\xe4\x92u\x9a\xa8\xf9/\xbf\xfd\xf9\xa3\x93\xed\xf7\xef\xdf\x1f\xc0\xd7\xc1\xfb\x83\\\x05~.\xef\x9f|y\x92\xa4pO\xc0\xb9\x93\xf1zU-\x8e=)\x1aw\xc4&lt;,\xe1]B\x07fU,H\x104M\x07T*\\\xf3\xe9\x87\x7f}\xf7\xd5\xeb\xe7\xd9\xdd\xdd\xecA%\xe7:\xa8\xb4\xba*\x95\x83\x83\xca\xeb\xe8\xdf~\xf1gj(\xa3\x9ds\xea\xbc\x9d\xbd\xa1\xe7\xd5\xb0\x12\x8b\xf9P\x0b\xdd\xed\xccF\x087\x94\x18\x8e\xa0\x19\xa52\x83\xb0&gt;\xff\xeb\xd3\xa7=kk\xb9\x8a\xab.W\xc9\t\x1b+\xb9J\xe5\xd7_\xff\xe3\xb7\xbf\xfc\xf0)\xeeT~\xa3\r\x04U\xbd\xa1]\x89Dt\xbe\xd8^{\xacz\x91D\x90\x8d\xc4\x88\xa5Y\xab\x83v;\x94\xfd\x19M\xf2\xb3\x0fo\xde\xee=u\xfd\xc6\xd5(m\x84\x14\xd2X\x07\xdf\xa5\xd2\x9e\x07\xaf\xbf\xfb\xf0\xed(\xe5l\x9a\xd3\xe2\x19\x95*\xb2\x06Bu\xf0\xb4j\x8d\xd2\x17`\xa5\x8c\x90\xb9\xa0\x8d\xb0\xf6;\xa9\xe4\xd8\xef\xdf\xbcy\x14\xdd\xdb{\xbev\xa7\xa7\xb5U\xfa\x93V\xa9\xcb\xf5\xe0/{\xc5Go~56\xcff\x94s\x0ct\xd7L$[\xbd\x08\x85\xc2\x9a^\x83?\xc2\n\xa7\x90\x17\x1d\x1c\xe7\x98\x9c\xa1\x92I\xc3\xcf^~\xf6\t$\x88mc\xfe\xf9\xf3\xbd\x17/\xf6"\xc6\xcd\xa3\xa3?\xbe|\xd9\xa7\x0b\xb0\x01\xa5\x92\xf64\xcfp\xf9\x9e*V=X\xcd\xb1\x10\x97 k\x0c\x1b\x8d\xe0\xc5Y\x8e\xe3f\x18\xc0\n\x04\xd8\x15HX\xa7\xa7\xeb\xeb(Gl\x9f\x82\x1d\xfd\xfb\x93\x7f\x0ec\x19\xbc\xa4SeH\xc6\xe1p\xefI\xf9\xc3BW\x92 \x9b\xd2\xb8\x11\xd7,GCG\x8fkX\x9c\x99\xa1\xcf\xb6O\xb7\xd7\xd7\xd7\xdf\xad\x9f\xdb\xd6i)\xc92*g\x10\xa6\xb2@\x80qp\xc4\x8bV\xc0\xaa\xe7\x0bK(\xb8\xc0ZZ\n\xd1\x04\xe9\xc9\xe848c-\x17\xb6\xb7\x0b\xef.\xa0\xde\xa1_\x99\xb2R\x85\xeaN;$/\xceM\x9c\x1f\x1e5\xf0\x86%YK\xe9I7\xc2Z\xa2I\xd2\xc3\x044\x94gfz\xcaZ(\x94\x11\xd7)\xa2*\x17\x98\xf2\xd4\x1c`\xc9\xe4\x19\x93\x06\xc6$\xb7{W \xe98\xa7\xe2!\xb6\xea\x85bq6\xa5W\xd0 \x97\xd1H\x93a\x1a\xbc\x18`\xb4\xd0\xc0ol\x94\xcb\xef\x16\xb6\x16\xd6\xa1VOOOMMM+\x9d2\xb9\xca\xcbR$M\x03\x16\xe4\xf7\x06\xfe\xb0\x84\xe2\xacQ?N\xba#F\xa3\xd1M\x84)\x0f\xae\xa1`\x8e\x9d\x9c\x99u8BK\x8e\x02\xb2\xf2t\x7fu&gt;\x04\xb1d\x14K\x85\t\x9asW\x87\xc3\xda?\xe2\xf3\x03\xac\x88a\x9c\x0c\x81X\xc0E\x86I\x9c\x02\xb9\x9cv-4\xeb\xe1b1Z\xdc\x8cA\xdf\xa3ETNL&amp;\xc35\x1a\xc0\xe2\x18zW(\xe2\x0b\x0b=\xf4 \x14\xbb"\xeaq\xd2\x13Z\x8aT\xe5"\xa1K\xd0\x05\x82\x19\'\xcc\x8dL\xd8W,n\xba9\x98\xb6\xe7\x80j\x01\xebt\xe2\x9a\xb0\x0f\xb02\x80%\xae\xe7K\xad\x8fX\x96\x01\x13\xe9AX)\x02\xda\x1b*\xe0\xd5\xe9t\xde\x0c\xe3t\x06=\x1cW\x80.\x10\xa6Z;Ld\x98\x13\xb0|\xbeM\x82\x19\xa2\xd7\x04\x80u\x89/\xb5$b!\xa8\xa5\xa7\x02\x9e%pc*\x16&amp;H*\x18\x0c\xe8\x0c\xdd\x8fK0\xc3B\xc3\x0c\xb1\xe5\xd4\xda\xedH*\xb0\xe0\xfc\x88\x8f\xe0\xe46z\r\xb2\x16\x7fX"\x81\xb0\'o\xd1\x0f(\xf0P\x15ks\x93\xc4\x830\xae&gt;\xee\xeefY\xc3\xe3R\t\xc8\x9c\xc1\xe0\x02\xda\xb7Q93\x1e\xdaW\xdc\xa43\x19\xb3;+\x10\xf2\x86\x85j"`\xdd\x06.\x13\x1e\xe2R\xc6T&lt;\x8e\x82\x1e\xcf\x94`\xea\x01\xc1J\xc1`p\x1b\xb80\x1b\xd6iW\xcex\x08\xdfb\x82\xf0\xc8\xb0s,Q\x03\x8fj\xe5\xf2\x16\x8bZ\x8d\xf42\xa6\x00\xcb\x17\xa6\xc3\xa4\x87.\x01\x12xp&amp;\xc8\x14\xac\xda\x19\xa0[PNB\xcd\x89FA,\xcc6Hd\x85\xc2\x0e\xbe\xd4\x82\tC \x01,\xb5Z\xad7\xe1\x0e\x07x1\x91\x88m\xc2\xb5\x16\x83\xbc\xb0d\xb5NN:f766\xaca\xa2P\xb0\xce\x12\xb1b4Agd\x18\xa6s\xbb$\xe2\x06\x9e\xb8\xe0\xff\x9e\xab\xa5\x07\x1b\x08d\x1c\x0e"\x1e\xdf\x8f\xc7c\x8b\x8b\xc5D&lt;\x95\xcf[7\x00\xec\xf0\xd5\xe1!\xaaM\xe0\xe1D4Jd0\xac\xdd6\xee\xee\x91\xf0\xeaD\x91H\xba\xe7\xd7\x83\x13\xc1\x8b\x1eG(\x16O\xc4\xe3\xf1\xd5\xd5h"e\xcc\xe7#\xb3K\xb3\x1b\x87`\x91\xfd\xfd\xfd\xc4j4\x1d\xf5y\x860[\xbb\xf9\x06\xc2\x12\xf1\x84u\xfeDu\xe3\xdeu\xf0\xe1\x80I\xa7 =\x0en\xb3\x98H\xac\xee\'\xa2\xc5Xj)\x92\x8a\xb9\xdd\xc6\x881\xf2\x9f\xfd\xd5\x04\xa0\xa6\xd3\x8b\xe4\xd0P;:\xa80\xe6\xd0\xb9C=\x7fXb\x84\xa5G\\\n\xd0\x0b*\x8e/\x1e\x05\xaex\x8cH\xc5\xc0\xe2 _"\xbe\n\x1f\xd1\xb7\xe9\xc50&gt;\xd4\xd6\x86\xd9\xcc\x86\x88T\x0c\xed2/X\x1d\x1f\xb1^\x00\x96\xc1\x80\xb0L\n\xe8\x0eH_zy\x15\xb92\x16\x03\x18\xd0.Q\\\x05\xce\xb7w\x97\x17)\xaf\r\xa8\xbe\xc7\xe2E-4\xbbv\x08\x84\x02\xc0\xb2\x00\xd7\xc0\xb8\xc2\x04d$I\x86}\x8b\xe9t4\x9a.\xc6\x8b\xab\xd1\xe8j\x02\x02\xfd\xed\xdb\'w\xbf\x18\xa1\xbc\x18@a\xed\xe6AuD*\x10t\xf0\xa0\xd6\xc5#\xc2\x12\x84\x05\t\xe2\x1c\xcbd\xd2Tm\xe2\xde\x17\xcb\x0f\x97\xd3\xd1\xe5\'\xf0\x11]~\xf8\xe4\xe1\xa8\x9f\xd2\xe9\xf0!\x19\xda$\x1e\x1cW\x1b\x01\xab^\xd4\xc1\x07\xd6%\xe8\xc6\xc5\x12\x81to\xcc\x82b~@\x01\xa6\xd1[\xae\xfb-\xf3\x16\x8b\xdf?\x01\xb6\xbc\x9c\x9eH\xa7\'&amp;\xfc\xeaq\x9dN\xe1\xcdt\xca\xab\xdb\xba\x03\xddn\xa9D\xc4\x03\xd6\xc5A\x92D \xe8\x89\xf4A\xf5\x81\x90\x07\x17*Lz\xcb\xd8\xd8\x98\xc5\xc2j\xba\xc0L\x1aS\x17\x8ew\xe1\xed\x98\x0e\xb0tm\xb2\xe6f\x90\xcbl\x1e\xef\x86\x04!\xe2I-\xe8j\x84bA\xdd\xd3(`\r\x80\x0f\x15U\xac\xdbc}c\xb7\xd5\x1aE\x9b\xfcj\xd5\xae\xb5\\\xfb)Z\x84\x05\xb1d\xb2\xcef\xb9\\f\x03,\xa2G"\xae)V\xc3\xc7,\x8aN\xdc\xd0+\r\xa4\x7f\xbf\xdb7\x06X&amp;EW\x97\xa2K\x01X\xa0\x16\x94"yoo\xef\xb5k-MW\xae4\xb5\xa8d\xed\xf0\xb7v\x19\xf4\xf2\xcdW\xafb\xe6\x81n\xc2\x05\xfd\x16\xeaO\x1b:\x90\xfd\xbf\x13\xff\x0f^\x94!\xa9\xab\x936J\x04w&gt;\xff\xd3\xe5\xbe\xdb\xea\x01S\x17\xc2\xea2Y\x80\xcb\xa2\xd1(\x86z\x01\xe9&amp;2eS\xaf\\&amp;koo\x93\xcb\x9bU\xcd\xcd\x805~\x83\xc8\xfe\xf8}\x1a\xff\xfb\tI\xf5\x114\xb4\xb6\xda\xd0\x80b]\xd0\xd8\xd8sGZ\'x\xf0\x87G\x97/\x0f\x03\x97\x02\xa0\xda\xda\xc7\x91\\\x16\xbd\x86\xc2\x9b\x9b\xfeK\xca\xf9\x86\xa8\x91\x9fq|g\xc61\xeb$\x8c\x83;[\xb4\x8e\xe2\xa8K\xaf\xe0r\xdb\xd0\x85\xa8\xeb\xe5\x85!\\\xc2-Q\x8e\xec\x9b\x94+\xbeh\xf7E\xa6\xb3\xac \rr}\xe59\xbe)\xfa\xe2r4p\x14\x03\xa2`\xe4\nB\xdeT\x14[D\xf4d\xdd=\xd9w\x0ba_\x96\xbb[\xe8\xbb\xa5/\xfb}~\xe3\xa6I\xa1\xe4\xe8M\x84\xfc\xdb\x99\xf9\xcc\xf3\xe7\xfb&lt;?g\xe6\xd9\xdf\x7f\xf5\xea\xd5\xfe\xfe\xf6Zj3\x12\x06\x95\xaa\xa77u\x15\x7f\xfc\xf8\xc3/N\xd8(\x8d\r,~\xaeml\xfc(\xb4k+\xaf\x07\x8a\xd0\x8b\x18\xf1\xce\xc4\x08\x06\xbd\x93o\xffj?_\r\xaaP \x10{\x8c\x98?|\x08\xac\xc8\xba\x8d\xb5\xbdNT\xe4@]OcS\x93\xe1G\x1f~v\xee\x92="\r$q^\x03\xa0=\x87\xe1\xff\xc2zMEc2d\xb9S\xac\x96\r\xc3\xc8.\xbe\xa5\'\xac\xe9\xb1oP\x85b\xa1\x183\xd7\x97\xbb\xd1\xc0\xe66\xc3"\xaaH&amp;\xa2\x12\x12}\xf9\x9d\xd6\x93?\xb9u\xef\xc2[8\xf1\xb8\xd8\x88\x0f\x1a)\xb0|\x1d\xf0G\x84\x95Kt\x88b\xa1WoU\x16[[\xa6\xb1\xf8\xe7\xe7\xf4\xe07\xc3\n\x07B\xa1\xd8\xae\xedE\n\xfa\xb5\xfdW\x7f\x82\xb1R\xfa\xa6\xba\xa9\x83\t\x1b\xc0\xf4\xe4\xa3[\xf7.=\xb2G\x0e\x8a\xa2\xc3\xe9|c\n\xc3\x0f\xd6\'Z\x0c^gsWX\xbe\xd0]j\x97x\xd0-7\x17\xf3\xf9\x16m\x93\x7f}n?\x8fN\xd6\x8ad\x02\x91\xd0\xfb\x1f|p\xb8\xb3\x1b\xbd\x9dQ\xd7\xb7)\xb2\xd6\t\x85Q!+\x01\xa6G&gt;\xbdu\xef\xfb\x03d\x8c\x19\x97i\x1a\xc8\xf2\x9b\xca%\xda\x0fj\x0e\x01\xc5\xdeED\xfd\x02\x1e\x1dB\xb6\x0057\xad\x89\x8de}MX\xc8\xc5\xc7\x88\xac@&amp;\xa2G\xee\xfc\x16X\xd1\xdb\x01`\xad-7`]Q\xfd|-\x1d\xfe4JX^c\xd4*7\x8e\xe2\xf4\x048\xfb\xa2\x84\xd5\xc8\x8dw\xacjY\xdem\xdcX\xce\xf0\xb9A\x11\xe0p\x89\xf1\xc6\xb8&gt;\x9a\x98\xf3r\xbe\xda$*s\xeb\xe2o\xef}t\xf3\xa6\x8d\x95\x81\x06D\xa2\x87\xd01\xc8\xa9\xaa\xa6\x08i\x1b\xbf\x80\x05(2\x1c\xb6M`}FX\xc1~\xa5\x92\xcf\xcf\xc6\xdd\x82\x0c\x17\xb0ox\xd9;\x947\xde\x19J6\x96\xd3\xe9\x80\x9c\xbb\\r\xa1Y\xacL\xbb\xa6\xd5\xcb\x97|\xc2\x88Yk\xab\xf1\xf7\xf7&gt;B\xcc\x03\x04\xbdTF\xd5#\xb1\x87\x87\x87;1\xd8-\xc5,\xc4p\xf4\xf4\x1a\x99*\xb5\xbe\x9e\x82D\x84\x1e\xdf\xbb\x94\xc5`\xd0\xb0\xacn\xf1\xb8\x94\x1b\xd4\x1b4\xe4\x86L\xb6\xfa\x8e\x10[\xde\xf3\xb8a\x8f;\xa2a0\x85\xc6\xb88\x1bu\xe7\xf3f%\xc7\xb5\x07\xad\xa6\x8dU\xb8\xfc\xe3M\xc4\x16\xb0\xc2\x19$\x1cN\xba\x83\x1a\x19\x0b\x04\x98\x0f\xb7\xed\xf0\x02\x16s&amp;\xa3\nDw\xbe:wA\\\xb2\x93\x85e\xe1h\x82v\\\xe9\x1d\xd1\x8c\x1b\'\xc8\xdeu\xb3\xc9\xee\x12\x98Hy\x0eNz\xa3b\xbd7\xb1\xe6=@%\x06\xe5\x89ee\x19\x96\xe7\xe4\xeb\xdf\xdcD\x13q\'\x1a\x8a\xa88\xab\x9a\xd9\xc5:(\x96\xc9\xa8Kk]a\x91\x0f\xf1\xdf\xa0\xda}\xf8\xfdK\x18\xcbk\x14\xab\x95\x1e\x81\r\xdb\xa5\\k|\x12\x17\x81\xf5\xbf\xbf{&amp;\x07\xdbX\xd0:\x07\xd4\xbcQ\x1eMG\xbd\x855\xefO\xf39^\xab\x8d&amp;F\xd6\xb4\xb2\x8c+\xeb9\xff\xcb\xef\x0e\x0f\xd1\xda\xc4\xc8X\xa9\x94\x1aE\x1e\x12"\xc3\xda\'\x1f\xa6tR\xac\xf5\x14*u$\x10\xdb\xdd\xf9\xe4\x8c|\xe8\xb5\xf2\t-\xd7\xea\x99\xe6\xa2&lt;-V\xf2\x951\xa4\xcc~[\xf1:\x15\x00\xda\xde\xa6\xb2\x9fP\xa5\x97#i\xe0\xd1x4\xeeO\xe6\x93f}p\xac)\xfcp\xba0\r\xabY\xaf\xcfms\x05\x0f.\xbe"\xac\xddX\x80q\xa9\xb1\x9d\x1d`\xe9W5\x91\x94\x0b\x84\xeb)H\x03\xa2/\x14\xbd\xf3\xe5\x05\x05\xbc\xd7e\xf4G\x95c-W\xe9\x9b\x10\xe6\xc2\xa2\xdf\xeb\x17\xa0d\xd7\xaf-\xab\xd1\xf5\xb7\xb5\xec\xba\x93\x99\xca\x01\xa9\x93\xe3\x9dn\xb3\xbf\x98O\xba\xe5b5\xa7\tR{8\xeb\x9a\xa6U\xce\xe7\xb4\xf6\x98Qe\x83\xc1\x83\xd3O\xde\xdf\xb9\xc2R#\xc0\xda\r\xd1s\xd66\x15a\xa5a\xabtZGe\x0c\x84v\x7f\xf1\xe2H\xf4z\x83\xa2#\x0b\x98.\x8e;\xac\x8c\'&amp;\x8e\xe3\x89\xd3\xbb\x9d$cN\x96\xfd0\xd6\x1b\x0e\xa575i\xa2\x97\xc3\xe9\n\x9as\x86\x94\x1f\x96\x04%\x91\xab\xce\xc6\x0bs\xcb\xeaWr\x8a i\x157\xae\xc6\xa2\x00\x00\x07\xbcIDAT3\xcb\xb6\xa0\xf8\xf2\xe2\x0f\x84EM\x02$"tgg7\x10Yb\xb1DT\xd3H\xcb\x14\x8c\x15\xa22\xf0\xbc!\xbb\xbc^/j\xc5\xc42\x82\xd9\x0e\xae\xb1]+\x96\x1bV!.\xd2\xbdX\x04\x0e\xabH\xce\xb7\xdb\x0b\x12r\xf4\x07Vg\xd1m\x8ef\xf9Z\xae\x94H\xb4\x87\xd5\xca\xa891\xb7\xb6X\xccs\xbc$\xf1\xb5\t1a\xf3\xca\x85\x8b/\xa8\xe3\xba\x1d\x08G\xb0\x12\xdc%\xb5P\x99\x13)\xb0\x80E*\x9fV3\x84\x15}q\xe6\xa1\x99a.\xafg\\\xcb\x8f&amp;8B\xa1\xd9\xca%J\x7f\xae\xb6\xea\xe5n\'NOK\xb3\x99X\xffU\x956H\xa1\xca\x95A\xed\x18@\xa5\xdcp\xd0\xaa\x8f\x9b\x0b\xab`\x18\xe6\x1c\xf1\xd5\xe68?\xa04)\xd7#*\\\xb7\xd7!\x9a\xe7w\x1f\xa3\xfc\xc0\x8fP\xaf\x18\xba\xaf\x10\xfa\xc05\x16X0\x94\xaeS\nf\x02a\xf8\xf0\xfe\x99\x07\xb2\x0c)pZ\x03\xbfT\xaaM\x17\x86\'[\xe8N\xf3\xc7\t\xe1\xa7\x1a9\xa4\x11\x97e\xcfA\xdc\x1e\x89\xb5\xf2zX\xd7\xaa\x1c\xef\r\xda\xbc\xc0\x97\x86\xf9:\xaa\x9fe\x9afa&gt;\xe9\x97\xeb\xadZNR8\x89\xf3\x13\x99V\x1a\x19\x04\x05\x87\xd0\xe4\xa6\xf3\xbbQ\xd8"\x14 \x93\xa0\xaf\x8fQ."\x15\x11W\xa94:\x1aj\xb4\xc0u\xfbY\xe3\x1b\xc8\x00\xce\xe8\x10\xfb9\xbf&amp;q\xa4Y\x1d3\x8b(+\xcf\xaa9\xde\xadh\xc3\xd6\xa8[(\x1cx\xd8\xedY\'u&lt;,\xb6\xc4N\xbd\xed\xe6\xda\xb5Y\x8f\x021kN\xfa\xe3b\xab:l\'\x04\xb7\x1b!\xc5\x03J /J3\x13\xe9\xe4Z\xce\x96\x8b\x9f\xbf\xb8\x8d\x96+\x03s\x85\xb0\x90\x8dR\xf7E\x19\xa0\xa2\xfb\xa3v\x06X\x81\xcc\x93\xd3\x13Yt\xd0\x14"T\xeazB\xf2\xfb%\xbf\xa2\x94\x868\x15\x9a\xb7\xac\xd5\x1d\xb5jmM\xe1r\x83i\xbf\xe3\xb1\x95\x7fu\xd5\xbe\xbf\xd7\xac)n\xc8I\x07?\x184\xc9\xbam\x8dS\x14\x81\xf9\x0e\x07\xa2\x8d\xe3\x14\xb7\xcf\xc7F\xab\xb8(e\xa9\x11\xf0\x9c=\xdfeu\x11BO\xfds\x8c\xfa\xc2p\x18\xcb\x0c\x18+\x85&amp;&gt;\x1c\xb8{z\xe4\x15i\xf8\xdb\xaa\xd3!\x16\x06\xf6\xb1x\xc9/\x08\x89\xe3\xd6\xb8\x8b\xabDAZ\xf4\x10(\xbe\x9f\xfdr\x88`\xee\xc8\xab\xab\xa2\xc3V\xf66?\xacw\x91e\x10\'d\xaf\xc4s\xcc:\xd8\xec\xc3\xe0\x1f`6\x9f\xcf\xe7v\x0f:\xe0\x12E(\x0c\xca\xa6\xe8i&lt;\x7f@\xc5\x1a\xcb\xae\x10czDNM\xaaI\x9d65\x19xqN\xf7\xcd\t\x8bf\xbc5s8$\xbbP\xfc\xce)\x02%zyb"7\rX\r\xb2\xcdi\xed\xe3A\xb1{@\xcf\xae\xaf\x8a+\xa8,\xc6\x969\xe9\xcdj%\x89r\x8eY\x87c;s\xbc\xa0\x00ioo\x0fX\x8a[\x9b\x15\xb0\x8b\x93}Y\tO\xca\'\x97\xa10\xaa5\x10\xc0\x15\xa0\xae0\x90\xd4U\x9d$+\x99|r\x89\xb0b\x19\xe6\x12\xf1\xf1\xccx\x05\x17+QL\xbc\xbep\xa0\x15{\x8b\x022\x1c\xca?\xab\xb5%\x81o\xe7\x9b\x07\x10\x13\xc7\x8a\x154:\xbdb\xad\xc4q\xb8\x162\x96\xc01c\xc3J\nCb\xc3\xa2\xf6\xc8\\\xed2T\xd1\xd6\x17\'\x0c\x10&lt;y\xf1 \xa3o\x02"\x10\x8b\x85\x93\xc8;`Q\xbc\xa7\xf5\xc8\xef/:l\x88\x94\x8b\xc6\xe5\xad\x8ar\xb9M\x06\x178{#/\x90\xe5p\xb6\x12B\xbei\x19Y\xf8\x13\xb5nX\xe2\xda\x95\x85,\x8a+V\x938\tJ\x93\xc8D\xb04\xf6#31\xdf\xf9\xae\xc8\x00\xc6\xd5\xaf\xb0V\xb0j\xa4\x99s\x97\x0f\xb0bM\xa9\x99P(\x99D\x90#\xb4th|\xfa\xe9\xb3\xc6\x01\x8e\x8d\x18\x04\x17=8\xd4\xa9\xb9\xd9\x91X0(,lA%\xd9\x86\xd0\xda\xb5\xcahAZk\x1bm8-\x88+(,\x9c\xe0\xe7\x04\x81L\x8c\x0f\x04\xa1\x94P`(\xec.\xd8ln\xc6\xb6\xb7\'\xd4\x8d a\xa1\xb1\xbc\xc6\xf4Y\xee\x9c&gt;\xd1\x01\xa2\'#I\xac\ti\x83\xb96\xef\x7fw\x04\x07:X\x83Lu\xcdu\xd4\xe2}W\x96\xa7\x03\xf9\x14B\xd2(`\x90\x01\x8a\xc0k%\xc4U\xb9k\x19\xa6\xb5(W\xaa\x95\xe6\n\x9c&amp;\xc0\xb8\x82@2\x00si\xb9\xfc\xb4\xa6\xf0\xbcB\xfa\xc0\\\xa9(n\xfbZ\xf9)j"\xab\x12\xb4T\xa09\x8a\xf2\xd1wO\xb1\xcaYO\'\x93\x082\xc2\xfa\x95\xfa\xf4\xd9\x19\x95\x15\xb6\x98`\x1f\xd13\xe5\xe9\xca\xech\xd8\xb3CU\xe0\x81%QZ\xc2\xa9\x94W\x82T:\x86pB7\xad\xee\xb4\xb8\x82\xecW\x14\x84\xb9\xe2\x86\xbd\xfc\xa5Z\xb1oYy\x05\xfb\x90nA\xddYjb\x83\xddJ\xe3\xad%\x97\xd3y\xb50z\t.\xe8z2\x9c\xb4\xb120\x95\xecZ}cp\xa5K\x8eW\xf6|W\x96"7\xc2\x1186\'i\x1a\x8f\x03\xfb%\xfb\x04t\xfdR\xbb\xd6\x82\x86\x19\x9d\x15:\xa3\xc2\xfb\x05\xfc0W\xaa\x8e\x16\xd0/3\xef\xe6\xa5D\x82G\x18`W\xc9\x0fM\x05\x1d\xcf-\xeb\xcf\x7f\xaa*\x0c\xe6\x8d\x9f\xdd\x87J\x10\x122\xf2\xc1\xdd\xd3\x7f0S-\x9b\x95\xeb\xceU\xa7\xd7\xf0\x14\xf7\xae\x8cDP\n\xdc\x06\x04\x05\xa1C\xce\xf4\xf3\x82\xfdW\x96\xa2$\x1dP\xd7\x15\n \xc1\x0f\x85\xab\x0e\xd0q\x18T\xec\xcd\xbcO\xe1\xb5DBR|\x02\xed\x074\xc4\x9c\xa4\x1d7YQ\xa4G-\x96M\x92\x03\x15\xf2\x9b\x93\xd3\xa7\xaaN\x95\xf9\xd7\xcf)\xd4\xff]\xc6\xf9\xac\xb8\tEa&lt;^\x13\xa3\xa1\xa8\xdc\x95\xe2\xc5G(\xe92w\xd3\'\xe8\xc2Gp/)\x04\xb2\xc96tf\xd7n\x07\xa6e\xa0\xc3\x04\x82\xab@W\x83C)\xa5\x14\nZ\xfa\x04y\x80\xce\xba\xeb~\xdf\xd1\xcc\x0c\xad!Yh\x90\x9f\xe7\xcfw\xce\x11\xbdI2,\x92\xc9g\x1d\xbd )\x96\xd5WWb\x9d\x1b\x992Ge\xf8\xb8%4\x89n\xe2n\xa1\x92h\x8a]\xb4\xd5\xa3,\x86\x99b{\xde\xb4-\x8aO\xc2\x99|\xb1\xc3\x1f\x95=\xd9+3\x16`\xc6\xd8\xaeaI\xf4\xfa\xe25\xdc2aC\xfb\xe9x\xf1\xf2\xd5\x8b\xcb\x8f\x7f\x8ekT@\x11\xab\x939\x83\\\x17\xf3\xe2v\x1b\xab&gt;L\x19\xc1TU\x9c\xce\xccV\x87o(*e\xc7B\xe7&gt;\x1c\'ZD,X\xf0\xae\xces\xcc[y\xc0e\x1d\x89\x95\xd2\x7f\xc6\x89"(\x07\x00\xd1\xedX\xdb\x1d\xc0&lt;\xf6d\x11\xc0\xfey\x0b\x9f\xdd\xe3x\xac\xeb\xfb\xf7_~\x1f1jI\xf3\x14\xf0M\x9e\xe93\xae\xf3\x99\xc0\xbe\x93\xc9\xcd^1\xbe\x99PL@\xcb_k\xcd\xeeu\xde6\xb7\x074T\xabrF\x97\xc6L&lt;F\x993\xca\x98e\xe6j1\xc9\x118\x89\xac\x81\xb98\xa7]\xc1o\x0c\xe2\xceA\xfab\x03\xd6\xbbk&gt;\xad\xe6\xff\xb3q\x07&amp;\xca\xfb\x9f\xe1p\xc8\xf3\x06c\xf2\xf6S\xc2\x05,\x9br6lvK\x1e^\xb1\xb1j\xb7\xac8\xad/\xabb\xdd\xfc\xe8\xb2\xc1\x89\xf2\x1d9\xcc\xdd\xfd\x1b\x1d\x86}\xdc\x00Ko([4\xb7p\xb9\xdb\xaedsh\xef\xea\xe0\xd1Rb\xad\xa9@\xf8\x92n!o|x=X\xcf;\x11\xa1\x87\x9b\x0f\x1f\xd0\x1d\xb1\xdc\xe0\n\xc1c\xa0\x080]\xb4j\xdb\xb6*\xe6\x90x\xad\x97\xcdn\x9f1\xbe\x94\x80\x8d\xe2\x14</t>
        </is>
      </c>
      <c r="M273" s="3" t="n">
        <v>45492.67835648148</v>
      </c>
    </row>
    <row r="274">
      <c r="A274" t="n">
        <v>874063</v>
      </c>
      <c r="B274" t="n">
        <v>1967</v>
      </c>
      <c r="C274" t="inlineStr">
        <is>
          <t>Erick</t>
        </is>
      </c>
      <c r="D274" t="inlineStr">
        <is>
          <t>Erick</t>
        </is>
      </c>
      <c r="E274" t="inlineStr">
        <is>
          <t>VOL</t>
        </is>
      </c>
      <c r="F274" t="inlineStr">
        <is>
          <t>VOL</t>
        </is>
      </c>
      <c r="G274" t="inlineStr">
        <is>
          <t>VOL/MC</t>
        </is>
      </c>
      <c r="H274" t="n">
        <v>176</v>
      </c>
      <c r="I274" t="n">
        <v>26</v>
      </c>
      <c r="J274" s="2" t="n">
        <v>35747</v>
      </c>
      <c r="K274" t="inlineStr">
        <is>
          <t>Right</t>
        </is>
      </c>
      <c r="L27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5995f64-cb81-488a-9acf-dbab69f8d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+\xd7\xf1]\x00\x00\x03\x00PLTE\xff\xff\xff\xa1V8\x92K2\xfe\x1f6\x98M3\xfd\x1b1\x9cR7\xfe\xfd\xfd\xa6Z=\x8eH2\x81?,\x8dE-\xa9^A\xfe2J\x88D/\xfd\x17-\r\x0c\x11\xfb\x1f6\xfe/G\xff\xfe\xff\xf7\x0e$\x12\x0f\x14z8&amp;\x98P7\xfb\x11\'\xfd&amp;=\xe3\x05\x18}&lt;*\x86A,\xfe":\xce\x02\x10\x80;$\xe9\x07\x1bo2$]-"\xd8\x03\x14\x93N7\xf9\x17-\x19\x16\x1b\xf0\x0c"\xadbF\x8b@(y4 \x93G-t4"\x9eN0\x8d:"s7\'\x12\x12\x1a_(\x1cj4(W\'\x1f\xfd)AY.(\xb7dJ\x879!\x80C3\xa1X@?\x18\x16\xc2\x01\n3\x11\x10Q("\'\x0c\x0c\xfe,D\x1d\x1b"k/ \xc8\x02\x0f\x92?%\xdb\x0b\x1e\x97I/y@2f/#\x9eF)\x8cRD\xfd5N\xf5\n\x1f\xab^Qr.\x1dc,\x1fc%\x17P"\x1b\xacY:\xf7\x1c2\xde\x03\x13\x9cV=\x98A%x;,\xb3bC\xa8Q3\xa3O&lt;\xfc\xfa\xfa\x86G6\xe3\x11%\xaf^?\xbcfQZAE\xd3\x01\x0f\xa8[K%")\xa8V7\xb8kW\xfb#:\xee\x06\x1b\x9fI5\x85~\x8an8+\x844\x1e}H:\xbb\x02\rr&lt;/\x8aJ=\x80w\x83\x95B.j\'\x16J#\x1f\\#\x17aJN\x7f3\x1e\xf7\xf6\xf6\x83MAb0)\xa6WF\xd1\x0b\x1c\xf2\x15+\x12\x19+z-\x19\xc0mZ\x8a\x82\x90zr}h+\x1c]:8\x9d\x96\xa2\xadfZ\xa6RB\xec\x15*~ks\xb5]H#\x18\x1a\xf2\xf1\xf2\xa6J,\xb2fR6\x1b\x1b\xd4\xd0\xd3\xc0yplPR\x96\x90\x9c\xb3Y=F)(k;3\xbdr^\x18\x1f4pY_r?7,\x1d\x1eP.+gBA-)1@"!V!\x17\x1c\'=\x10\x15%sciq)\x16e7.^T]\x90\x88\x95\xea\xe9\xea\x97WG\x87=:\x94R?Q25G\x1d\x1a"-Dgaj]40P9=z@;6/7\xaeZK\x87WRqjt\xa5bS\xbfaA\xc2\n\x19\xc3wfE01\x9bQ&gt;\xa5\xa0\xa8"1K\x94e^\xadtn\xa0ZL2%(%3N\xc6\xc2\xc5\x92D9@;C\xe2\xe1\xe3RLS\x93LH\xb3\x02\x0b\xb6ma\xf4"8\x92]T\x83dg\xf2\xe0\xe2\x9b[R\xcdzo\xad\x08\x15\xc9\x80w\xd0\x85\x81\xdb\xd9\xdc\xc7%3\xa0jb\xcaTQ\xb3S4\xbc\xb6\xb9sHC\xee\xc7\xcc\xb2\x93\x94\xc6jL\xd5\x1b+\xb0\xad\xb3\xd2ci\xcanY\xc3;B\xf2)@IEM\xaf\x1d\'\xcdv_\xe88GzVV\xad=D\xdc\x86\x8e\x9c\'5\xde\xb8\xbd\xa9\xa6\xb4\x95ww\xf47K\xd6;C\xf8\xec\xed\xe5\'=\xb1\x86\x85\x9d\r\x18\xc5`b\xdeNU\xeaHYv(8d\x11\x19\xe2\x94\x9e\xe4ar\xcb\xa0\x9c\xe9\xa7\xaf\x8c\x1a\x1e}\x12\x1a\x9b\x86\x85Y\xd2&lt;\x91\x00\x00 \x00IDATx\xda\xdc\x99\xefK\x9a{\x1f\xc7W\x84V\x8e\x08\x86\xf6`\x03)Df\xab\x96\x89s\x1b\xc7\x83!\xe6\x844\x07\xd9\xdd\x0f\xeeI.\xd8UQ\xba2k\x0f:^i\xb1\xd9,\xf3v\xb1i\x1aweI\x859\xb3`\x9e\xa8\xa4\xcc!\x8d\xc1!\x82\xc6\xa0\'&gt;\xd8\x93\xed\xc9\xfd\x0f\x9c\xf3\xf9\\\xd6\xce\xfe\x80\xabv\xb8?\x97^]\xda\x93\x17\xef\xf7\xfb\xfa|?\xdf\xcb+W\xfe\xbf\x8by^\xffD&amp;\xc4\xfag\x90!Jk\xabe\xe9\xe0\x08\xeb`\xc9\xd2\n_\\\xfb\xf9L\x96\xf1\x83\xbd-"\x9cJe2\xa9T0Ll\xed-Y~\xaab\xa8\xd3\xd2\xe4W"\x185@\xc9\xf8|\xd9\x7fe2\x83?\xb9\xb1u4\xfe\xd3\x14C\xa5\x0e\xbe\x92)\xbfA\x86D\xb2\xec\x99_-3\x18\xfcA\xf7\xa4\x05R\xf6s\xa8\x96\xb6\xc2Q\xa4\xa9\xa6\x8a\r\x07\x16\x1f\xe8\x0c\xfe\x8cu\xb2\xf5\'X\xc9d\x8e\x9fl$\r\x80\xc0\xaff\x17\xb3\x8b\x8b\xb3\'(\x04\x03/\xa3A\xfb\xd2esA\xd0\'\xadI\x03\n\xc5\xa7\x90~(\x04\xabF\xc1\xa2$\x08v\xc9R\x9d\x06\xfd\x90%\xf4\xae\xb8\x18N?\xb2Q\x92\xa1`\xfe\xf0\xde\xf8%\n\xc6l=X\xa4\xa4b\x9fa\x9c\xe3 \xd1\xd9\x05\x00C\xf63[\x97\xc7\xc5l\x9d\x0cG\r\xb2\xea\xea\x1f\xbc\xa3h\xf8\xdf\xa9\x8aQB\xbc;3\xf6K\xe3\xb2\xec\x85\xfd\xb2\xefT\x88\xc2\xe6;\x1c\xc8\xe4\xe0S\x0e\x16g\xd3\x8f\xd17d\xdc\x97\x13|\xa6\xe54\x85\xb1:\x0f\x13\x1b\x88\xf8\x0e\xaf\x17\xce@\x87|\xfc\xac`\xc0\xc7\xe7Cs]\\b^\xc6-x\x9a\xc1\x86\xce\xaf\x86h!\x8e7\xe0\t\x04&amp;\xbcx\xe1u8\xf0\x0bJ8*g\x98/\x7f\xf2\x12\xf4B\xad\xa8\xae\x0eD\x13\x13\x01i\x99\xb2\xb6\x82\xc3\xb9\xde\xd3\tU\xd7\xb3 \x1e\x12\x8b\xc5R\xa0D\xed\xf0\x06\x05\x1b\xa3\x17\xef#\xb3u\x0f\xa8\xf8\x8e\x89\x89\xfb\xabZ\x91P8\xa2V\x0fwuI\xaa\xe4&amp;\x9d\xee\x16\x96I \xe0rJ\x95e\xa2&gt;d\xa3\x1a\x05\xfax\xb1\xb9g2\'!\xed`[\x9fV;;\xdb\xdf\xdf\xf0T=&lt;&lt;\x80\\Prx\xc1\xbbJ2P\xaeV\x8f\x08\x85BQ\xdf\xea\x04D\r\xb8R\xd0\'.R\xad\x83\x8d\xa8!\xb1\xa2_\x13\xcd\x02UC\xc3\xd3y\x80\x92H\x047\x04PU\x12I\x95\x00\xb1\xba\x06\x86\x87\xe7\x9f644\xf4\xf7k\xb5}\x13|\x99?\x19&lt;\xb9\xc0~\xcf\xb4\xd8\x93\x86D\\o\x13\x83P\x14\xd4\xf0\x80D `\xb1\n\xf6\xa1\xc0?\x81\xc9$?\x03C\xae\xfe~\xa1P\xec\x0b8p\xd69\xba0\x1b1X~\x83\'\x02T\x08uF%7\x99L\n\xd3yQW,\x00\x1b\x9e\x9f\x7f\nd\xc2\xb25[@\x06zY/,\xf6L\xb0\xd0\x9f\x88\xdb\xc4"\x08\x15E5\xdcU%\xd7\x99\x9eP\xa5\xa0\xce-p\x81\x92\x01W\x16L3\xb4\xb0\xe2\x85\xdb1uja^ToH\xfa\x13\x9e\x95\xb53\xaay\xb8\x07\x81\xea\xc1\x93\x96\x96\xb1\xb1\xb1\x96l\xe1_$\xcb\x1a\x99\xe5Z\xf3x/\xceF\x18E\xc3~\x10kE\naG(H;P\x81@c\xcf\x9e\xb5\xc316\x96\xff\xec\xd93\x04\x04\xd5tU]\xe7z\t\x87\xc4\x01/\xc8e\xb7\\\x8cZ[I\xbf!\xba\xe2\xd3\x02\xd6&lt;\xde\x82(\xd6\x83,U}}}{\xb6\x90\x0c\xb8t\xdf}l\x80\xd8K\x13\t\x7f2&lt;y\x01r\xc1\x88\x1c\x8e\xfa\xfdq\xdf\xdfb\r|\xc7\xdaE,|\xb5gekyb\x82\x16\xd6u\xceU&amp;\xf6\x00V\xca~\x01M\x82y\xe5$\x15\x8d\x02\x95\x96\xc2B\x0b\xa1\x89\x82\x87\xcdcc\xed\xeb\xf5x\x9c\xd5\x19V\xd5y\xbc@.\x914\x10Mf\x8c\xf4\xaf\xd9\xd7\x98\xe3D\x12\xb0\xb2T\xd9\xdeP\x85\x81\xa7\x12\xdf~\x8e\x04z\xadS&amp;*\xb2\\\xc3\xea\xa7\x98.\x91\xd4\x13Of\xc0\xc5k\xb4c\x1d\x85\x93\xc9\xb8G\x9b\xc5R\xa3\x85\x14\x97\t\xb1\xa8p\xd5;\xe1\xbd\x0e\x1eB\xe6\xa1G\xc81]\x03\x7fcE2\xd0\xea\xe9\x8f\xd6I0\x19\x8f\xf7\xc1R\x88\xed]]^^\x9e\xe52\xed\xb7P\xa1o\xa7L\\__\x1f\xcbb\xe9\xe4r\x81D\x82\xdd~\x04\xb0D\x80\x95\n\xbai_\x19\x99\xe3\xee\x0c\x88\x85XB\xe0R\xab\x81\x0c\xd7h\xe8\xf1\xd8D\x11\x0b\xab~\x14\xd5\xfa=\x0fZ\xaa\x00\xa8\xb8\x03\xe5\xd9UH$E,\xf2\x80v\xac\x032\x15\xf1\x04\xfa\xa8\xb9\xa1add\xa4V]~\x1e.\xa8\xb1\xf5\x17H\x85\r\xec^K\x0bo\x7f\xbf@p\x83\xcb\x05I\xcb\x87a\x9a@\x17\x11kc\x92v\xac\xa3\x8dT\x04=\xec\xc7q\x86\xa2\xe2\n\xe4\x8a\xca\x97\xcdP\x8f\x81\xea\x91\xd3\xf9\xe8\xce\x0b\xcc{\xf3\x93J\x85\xa9@\xc0\xe5r`\xc0\xc1B\x1b\xa5&gt;}0\x1c\xa6{\x8e\x80U:\x1c\x8c`\x83G,\xa0\xaa\xe0\\\xbf\xc1\xca-a\xe4?|\xf8\x9f\x17w::\x1e\xfd\xf6\xce5\xdd\xd1\xe1\xbc\xf3\xe2\xdf\x0f\x1f7W*X,\x90\x0b\xb0J\x01k\x04\xb0\xc4+\xfa0I\xd2=v\xc1z\x18\x0e\xea#\x885\x0b\xd3\xcaHmM\xcd\xc2\x9b\xb7\xdd\x83\xaa\x8f\x9b\xce\x8e\x8e\xf4\xf4\xf4;\x97\xeb\x0f\x97+=\xdd\xf1\xc8y\xf3j\xfe\xbd\x92\x82\xdc\xa2\xc2\xc2\xeb\x15\xb5\xb5\xe0\xf7\x085H\x98\xe7H#\xdd\x99g\x8eom\x9cc\x01\x97r\xc1\x17\x8fG\xf4z\xfdTl{gg\xc7\xe5z\x07X\xc8\xe5z\x97N\xef\x1co\x1f\x1e\xc6\x06\xbb\xdf\xf445\x95j`J\x85~*\xd4\xacMm\x18\t\xe2\x80\xe6\xf5g\xdc\xbe\x11\xd6\x83\x89\xb3\xb3Z\xad\x08\x17\x13C"\x91\x88F#\xe6\xa9/\xdb\xc7;\x14\x11p\xfd\xe1\x02\xc8\xe3\xd8\x97)\xb3\xde\xac\xd7GV\xd6:k\x85 .\x85\xf5\x9a4\x12F\xba\x97\xc5%;\xf9\x1d\xab\x0fv^\xb8\xb5\xe1\xcb`N7$\xf4S\xdb;\xaew.\xd4\xcb\x05J}\x98\xd2G\xe2\xb0z\xfa\xa30\x9c\xf9j4\xfd8\xa3j\x86lS\x88\xb5G+\x16\x0c5\x8b\xc6\xb0y\x05\x96\x1ej:g\xcb\xf0\xe1\x1f\x1bv\x8al\xd8\t&amp;\xf4\xb1\xd1i\x8a\xcau\x1c\xd3\xc7\xf11\x9c\xc1\x80O\xe0\xe0_\x1e\x9f\x88Rkm\xe65I\xd0\x8f5I\x00V\xc4\xa7\x15\x01\x15\xeeQ\xc1\xc0D\xdc\x83\xfbAv1?a\xfb\xd8\x01\x99rM\xa7\x0fm\x06j_\x8b\xbbW\x19%g" \x15\t5\x90\xf8\xd7\xe4\xa2\x95&lt;\xa5\xb7C\xb4\xee\x19\xad\x90y\x90\x0b\xb0\xbc\t\x98Qg&gt;uC\xaa\x17\xa4\xf81nS9o\x8e\x8e\xa6;6\x07\xe3\x06\x19n\xad\x03\x01\x8f/\xeeIx\xf1\xe1\x84wU[6d\xcbb\xb9i}\xd8\x0bm\x8b\xb4\x92AsD*\x95\xaeNx&lt;\x1e[\xb7jyy9\x14\n\r\xd6u.\xac\xad\xbdR]\xcd\xafO\xa7\x9d7\x07mq\x9f\xcf\'~\x05\xad#\xa6\x1a|e\xf3\xe1&amp;\xf6\xbeV\xbc035gt\x13\xc6Ez7\x1a\xad{\x1bV#4T\xa9V\xba\xda\'\x15\xbfj\xe3\xf1\x96w\x9d\xe9tz\xf4\xa3\xea.\x14/\xe7\xa13\xdd\xf1\xaf\x87%w\xeb\xe0S\x9b*\xf4q\x13*\xd4\xdb\xfdj\xcd\x17\x08H\xcb\x86f^?\'\xdc\x04I\xef\xb6\x1f\xb2EZ\x8d\xd0"\xa4R\xadh\xa8\x0e\xa0x\xcb\x8dW\xdb7G77ww\xdf\xf3X,Ee\xf3\xcd\xb4\xf3qee^n.o9\xb4\xeb\x1c\x85\xbay\xb51\xb7\xa8\xaeg\xa8O\x04XsF\xab\xdbh\xb4\xd3\x8eE\x10\xe4\x86\xde\'*\xabi\xcae0x\x05\xbc\xb6\xbb\xdd\x9fb\x83\x83\x83\xefC\xbf\xe7\nX\xba\x07-\xf5\xedOt:\x85\xa2\xa4\x11jY\x15R\xa9\x1a\xef\xe53\xf2\x8a\n\xebj4\x1a\xc4Zt\x1b\t\xba\xb1\x8e\x08\xab\x15\xb0\xc4\xc2ZN\x11#\x87\xd1\xd6Y#\x92\x8a=\xbe\x15\xdf\xda\x9b\xb6P\x88%\x91tI\xf6\xf7a\xf4\xbbU\xd2\xb8\xdc[W\xb7`\xfb4\xe3\xeb,l+a\xdcb\x15\x14\xddV\x02\x16\xb1\xe8&amp;\x89-z\xdb&lt;\xf4-\xc2J\x84\xcdbMEanN\x0eo!0\xf1\x8b\xc3\xc178\x1c\x01iM\xef.\x8f\xa3V\x0f\x08\x04]]\\\xc1\xbd\xdd\xb6\x1a|\x92\x94\xf0:\xc0\xbc\xdb\xb9y\n\x05\xab\xa2\xb6f\xe69\x9a\xb8\xf8\x95f\xb5\x0e\xdcF\xab5\xac\x17k87rs\x18u}\xbf\xfe\xea\x80\x86\xe5\xaf\x8e\xce\x99\xc5\x9d\xa1\xe5\xd2\x11\xb5D\xa7\x93\x94\x97s\xef\x85j\xa4\xbe\x88\xb7:\xca/f;&amp;\xb4M\xbc&lt;\xc5\xad\xf2\n\xc4Zt\x13\xf6S:\xb1\xf0\x07\x0b;i\\\xdc0\x8b\x95\x9c\x82\x12F\x81\xe6\x17\xef\xca\\\x86\r])|\xf2\xf9\xdb\x97\xde\x02\xe5H\x17\x0c\x84U\xe5jN#$\xeeO{Ff\xa8.\xf6\'\xbd\x13emy\x8a&lt;A\x85r\x86$\xdcvz\xb1\x98\xcc\xf1q\x98 H+b\x15\x96\xe40\n\xfbW\xb5o\xbf\x91QG"\xf5\xe7\xe7\xe3\xe3X\xddm\x8dZ\xfe\xf2\xe5\x03\xb9\xa4\xa2\xa2\xa8;\xb6\xfd\xbfS2\xc1f{\xe7\xbe\xd9\xeek9%\x0c\xc6\xad\xeb\xa0\x16\xe1^$\xb3X\xf4\x801-{\xdf\xbe}&amp;Sa+\xa9\x17\xd7\xde`\xe47\x16\x96*\x95\xa5=\x9fflS\x1f\xb6c*\xd5`\x8fR9\xa0\x03\xac*\t\x87\xc3i\xeaU\xa9\xb6?\x98#\x1e[\xac[)\x04u\xf3\xf3\xf3\nK\x11\x8b\x0c\xdbO\x96\x0e\xf6\x96\xe8Y\x80\x98G\xcf{\x06\x9a|\xf1\xa0\xd5h\x16\xd7\nr\xae6\x16\xc0\x88\x07C^w\xec0\xf6\xfe\xf0Pu\xf76\x85\xd5\xfc@\xce\xe5p%\xdc6\x95\xea}o,\xf6\xe9mS\xe1\xf5\xbfh\xb5\xbf\x90\xc4\xf2=\x00\xe0\x14\x91\xa3\x0e\xbe\x0c\xd7\x1e\x8e \x86\x0fy\xfcs\xc8P\x8f\x97mA\xc2\x93B6+\xa4\xd9\x15\x1d\xc2`2\xf14\x1b\x95\xf6\xb0:\x8d\x85\x87\xb1\x99\xd21\xf2N\xec\x85h\x9cl\x1ff%7\t\xc3\t\x92\xd9X\x8a\xa4\x96\xd6"\x99\xe9E\xba\xcbNo\xbd\xed\xc3\xdc\xef\xcff\xee\xdd\xf7{\xfaa\x11\xbe\xf4\xe1\xfb\xfd\x9e\xdf\xef\xf7\xfd\x9d\x9f\x9d\x14q\xef\xb8\x94"\xe2,:\x9c^\xf99\xfd\xfe\xbcxv\xc5\xca\x19\t,&lt;\x0b\x01\xae\xb8\xe3\xc5\xabtx\\#\x91544q\xf9\xc6\x96\xe6\x06\xbd~\xe7p\x1fT\x02\xb1\xa2\xb7\x17W\x99\x1c&amp;\x99P1\xa1\xea\x929\xf7\x0f\xf7\xd7\x0e\xd7\n\x05}\xb3\xb4\xb1\xb1\xc9\xe3R\xca\x88\xe5h8\xfc\xea\x87\x85\x1c-w\x9em\xb3\xc2\x9a&lt;U\x07\xb3&lt;\x03\xb0\xd2KA\x89\xac\t\xed\xd3\x9b\x1a\xee\xdem\x1b\xec\xd9\xdc&lt;\\k\xec\xd2\xc1n]\xa1\xeb\xb2\xd9T\xb8\x04\xd7u\x99\x8c\xebh\xe9\x19\x1clk\xbb\xd3\xd0\xacDCD,\xaf\x00\xeb\x85\xc18\xa5\x0f\xa4\xaeX9\xba\x99&lt;\x15\xdd\xefL\x11\xad\xaf\xc2\xe9\xa5UB\xc4\xe7\xf3\x9b\x94\x1eW\xbfV;\x07K\xcc\xd4C\xa5m\xe4\xdb\xden\\\x07O\xa2M\xa70\xa0\xb0\r\x14vfP\xbb\xa1\xedwY\x95F9\x9f/\x12&amp;\x97\x86\xc3\xaf4\xa2\x81BJM\xb2\xc2\xe2L\xfe)\xb3t$S\xad\xe3\xe1\xf8\xca*\xc1\x13\xf1\x8d\x0ek\x7f\xbf\xd6\xed\x1e\x1a\x9a\xe9\x99\xf5(U\x96\xfb\xed\x86\x11[\xacR\x89\x99t\x12\xcb\x84\xcd\x91\x98\x9a\xea\x81\xce\xc3\xedv\xe7]\x1e\xa5\x9c/\x13\x13uVP uJ\x08\xfe\t\x1b\xb3\x04\xb0l\xb8\x90\x97l}Pg\x89Er\x14\xab\xbc\xbb\x1a\x1a\x9a\xdb\xd8HXM#\xdf\xb6\xb7\xe3\xa0\xca\xe7\xf3\x15\x93P\xf1\xddH,\x01\xbd,\xb8B\xeej\xb5\xdf\xda\xd0\x04,\tb\x8d\x1bD\xe6&gt;9\xc5\xdf\x7f\xce\x0e\xcb(\x96\xe9Z;\x1f\x0c\xd7Y\xb0[\xf0\xf4\xe7\xf3\xd5\xaa\xdb\xad\xd52\t\x87m\xe2~\xfb\xb4*\x96\xaf\xd6\xca\xb5|\xa5\x0bW\x8c\x98\x12\x10J\x06\xda\xb4P(_\x0f\xd7\xe7h\x8d\x1b\x14\x9b\xb5;\x01\xd9!K\xac\x92S\xa6\xea\x1e\xfb\xf13K\xdeluAd\xf2\x8cv\x8ea\x18\xcfC\xe1\xfd\xe9\t[\xa5Z\xfb\xf3\x8f\xdf/*\xa6\x11\x85x\x00T(\xc5\xa1E`%\x1c\x88%\xf4_\x0e\xa7\xc7{-w\xaa\t\x9a\xbf\xb3{\xef\xff?P\xe2&lt;=/IMJ\xf2\x9b\x1f\xc2\x91(\xb0d\x90Dk"\xd1\x0f\xcd4\x83Z\xfc\x1e\xcc\xa239\x12\xf9j\xf9\xb8\\M\xc4L\x8fd\x05\x08\xd3E\xc8\xaduC\xb4\xfa+7\xac\xd4e8=\xfe/\xb15_\x91\x96\x06\xff`\x89UH$\xfa\x82?\x0e\x7fa)\x1dVk\x05\x9a|f\xce=4?\xc3\x939\xe0\x89\x03\xd7E5\xef\xf0\xb8\x121\xf9\xd0V\xad\x06.\xc82\x93\xf0\xc0,\x8bXK\xe1\xf8B\xbb\xc0\x9a\xcf\x0f\x146XaM\x9e\x9a\xef\xe6\xf3m\xa9\x07\xe1\xedh\x92@\x07"\xa6\x98#\xe6pT\x18\x08\xc7\xd6\xfc!\xa8\xdaZ\xb8\x03\xf0ljgI\xbf\xd4e5\xcen\x1d\x95/\x90\x8b\xb1z\x1c1[W\x97\x0eO\x1d\xa4\xe3K~\xbd\x16\xb2:0\xc3Jmq\x9e\x17\x87.\xaam\xfe\'\x88\xa5\x10\xebd0C\xc5b1GE\x1bZ\x9c?zK\xcb\xacw\xa9\xef\x9f\xad\xae7\x17\n\xd4?\xff\xf6\x8c\xb46H\x17\x8f\x8f\xca\xb5\x90\x9b\x81\xca\x8a\x99l\xb6.\x9d0u\x10\x8fG}C\xd5\xea\xc5\xd0\xce[V\xb6\x11\x9cw\x9f\x16k\xb5M\xef\x9b\xe1\x8f\xd1\xa4\x05\x17\xa3C-`\x81*4\x7ft&lt;\x1f\x104p\xbf\xf9\xea\xebg\xab\xa4\x93\xd2|\xf5\xf5\xdf\xa7\x9b\x9aKC\xe5\xe3\xe3\xda\x05\xe4\xb0\x02\xc1\xb2u\xc9 Z\xd1Hd%\xbbX\xbb\xa8-\xee\x9f\xb3\xb2VCqm\x86\xaam)\r\xb0V-\xb0\x18\xc32\x03i\xb4\xbaC\x8b\xf0\xdf\xdff\xb1\x96F\xae\x14\xeb\xee\xf0\x93\x14\xaf$\x9d}h\xe4\x0b\x10\xab\\s3\t\x98am]*T[\xc0\x8a\xa6\x80u1Td\xa9\xb5\xe6\xec\x9e\xb8bF\x9ff\xf4c\xf4\x89\x01\x9d\xb6\xa1,:\x12\xee\xd0V\xf9\xf8h\x86l\x17r\xf5=SRnapp\x8aaBLI!\x98\xfb\xc2B9T\xe9\xc4b\x88V&lt;\x12\xf5\xb9\xab\xf9\xea\xcc\'v\xb6\x82\xb0c\xbe\xea\xe3\x12I\xcd\xe3\x8f\x8f\x9f\x18\x14\xb8\xae\x9e\xc5JB\x1b\xda::Zt\x19\xa7\xef\xe3\x02\xe8\xcf\x06aR\xd0\xea\x0bk\x03"E\x13s\x01\xe0\xad\x90;\xe10\xd5Y\x13x6\x9a\x8eD\xe9D\xa5\xa2=9e\xe9\x9d\x14\xe7i&lt;\x97\xf3y5\xd1\x8f\x8f\x97\xbb\xbf\x14\xd7\r+\x84\xe2\xc1\x17\x90\xa4\xcf|\xf8Kh\xee\xd0L;y\xa2G\xa6X"T.o\x85\xb4\xd6z\x0e\x81\xa58;\x80Y\x8f\x92=\xb2n^\xb1\xf6J\x8a\xb3\xbbt\xb0OjV\xb6\x87\xc7[?g\x11j\x8b\x19Z\x0c1\x8eXL\xd9\xe8\xa4(2\xb0\x7frr\xb2\xef\xa3(J`T\x9abLh\x0bX`\xeeR\xa9\xc48\xae8[\to\x1f\xe0\x18\xdd\xb3\xcf\xdaA%\xec\xe5\xaf.\x81\xb5\x14A,\xc8"\x14\xbd\xd2\xe1I0n\xc6a\xb2\xc9\xb9\xa4\xdfO\xc1\x0e\xbexR,\xe6|)?\xc6m2\x9a\x1cL\x08&amp;\x08O\xcc\xa6R\xa9&amp;p\x0b\xb0F#\x07\xcdk9\xf3\xe5.k\x876\x1c\xcen4G\xaa\xeb\xaci\x05.\x86\xea29\x1c\x1e\xab\xcbc\x94\x89yT*\xe9\xcf\x06\xf6\x8bh\xe4\x02Y\xbf\x9f\x14\xf0\xf9\x8ff\xe7\xd0\x14\xaf\x84\xca\xd2M\xe0\n\xe2l\xe9q\xbc\xa8/\xe6\xb2\x9f^\xb3\xd9\xfaD.\x9d\xfe\xcb\xf8\xf0\xf8\x9b^\x0b&gt;Q/z\xe5\x80^_\xe0b\xea\xd5d\x12$N\xda\x9c\xcb\x99\x03N\'\xe5O\xa5\xfcv\x9e@:\xc5\xb8`\xe1\x01\xd6\x08\xfe\x9d\xc5\x0b\xacH\xb1\xafxy\xf0\x9c\xdd3\x88\x83\xac\xfd\x86\x05Y\x9c\xd0\xa1\xb6\xbe\xa9\x00m\xbdw5\xe9\xa7\xecB^\xa9D;3\x82Ra\x8fG\xf8SI/8\xd7\x07g\x95J`\x8dL\xe08bE\xd3\xfb-\xc5\xabSv\x9b\xfd\xc9\xd3K\xefed\xf43\x0b\x1a\t\x95LD\x9b}`\xa2x\x18/\xb3\xb7w\x88\xc6\xce\xce^\x89\xc4(?*6\xf3Z\xc1h\x84\xe7\x10X\nCr\x01X\xc5R\xee=\xeb\'\xe0\xbb\xe7\x9f\xe2\xa3\xe3OZ\xa7-8J\xa3N\x8c\x05\x02\xa9$E:y&lt;z\xef/\x83\xce\x88H;\x95\xf2\x05\xd6\xfa\xb8\xfc\xfa[2\\!\x01\xd6h:\x178g\xfd\x8d"\xe7\x1f\x93\xbfF\x1e\x8f?\xe9\xa8\x87kD\x8c+\xa8\x80/E9I\x1e\x96\xa1i\x1a4\xf5\xb1W\x82?H\x1e\xe9\xf3A\xb8\xb8&lt;\x9e\x0e\xb1,j\xc4\x8a\x1f\x9c\xb3\x7f\xe9\x00\xdd{\xfd\xf8\x13D\xab\xdd \x01\x97X!\x01\x96/\xe0\xf3{\xfd\xd9\x0c\x99\xc9\xd6Q\xd9,\x05(\xbb\x1d\xa61_ `\xa61L\xa7\x13\x0bq\x03b\rGn\xe9F\xde\r\xab\x17\xb1p\xa1\x84\xa0\x90j5\x18\x0c\xaa\xed\x182\x95J\x19\x0c\x9a}B\xa2\x0e\x06\xbd\xd9\x00\x0c\x9f\x10\x83.\x1b\xb7\x18\xd4\xcb\x0b+\xc3\x91w\xb7s\xe3\x00\xb1\xde|a\x81\n\xa2\x95|96\xd6\x11\xcc\x96\xfe\xfd\xbf\x91!Z\xc7\xbe\x1f{S\x8f\x96\x1d\x13\x8b!\xae\x92\x1b\xd6\xeb[b\x9dBmin\\\n\xc2\xee\x0b\xd0\xce\xd4\x9b1M*\xb37\xfb\xdb\xcd\xf8\x00?\x1b{\xd9`\xe7\x8bU\x9f\xd9\x1c \x11\x0b\x97@\x0e\x81\x95~\xff\xf4\xdem\xdc\'F\xa7\xe0\x0b7,X\xe4\xec\x14:\x03w\xa6R\xd9Li`\xd6}\xfd\xe1\xc3\xf5o\xf0\xeb\xc3\xf5\xccN&amp;\x0b\xdf\xd2\xb4\xd9Lb&lt;\xde\x7fY\x91\xe7\xb7t\x99\x85\xf3|\xf4\x15\xb0\xbaQ\xb40\x91\x88\xa4\xd7\xf4N\x7f2\x99-\xcdn\\\x1f\xc16\xf9\x1avY\xc7\xf3\x88\x95\\\xa5\xd6\xd7\xd7\xcc\xb4\x80\xc7\x13*nX\xd1\xed_\xef\xdd\xce\xe5k\xce\xbb\xf4\xca2\x14W\xafZ\xa2\xc0DN\xd2\xb7\xde\'\xa5\xd4Ao\xa6\xb0q]&gt;:&gt;\x86\xcf\xef\xe5\xeb\x9e=\xd2\xabV\xd3\xfaA`qE\xd8\x8djy\x81\xed\xd3\xdc\xbf\xb0^GV\xd0\x0c\xd1\xdb]g9\x9d\xeb\xfa\x16\x01F\xa8%\xf6\xcc\xc3\r\xf7/\xf5\xb11\x90!$\x12\x82\\\xd7\x0f\xee\x00K\x80I\x0c\x12u\xf2la%~z;Wl\xd0K\xc5\xf7\xf5,\xb6Cua"\x01\xbd\xbe\xde\xd7\xd2\xc8\x17av\xaf\xba[\x8d0\x12\x82\x90t\xa3\xf9B\xc4\x95"\x16\x97+\xb0\x1b\x0cH\xb5\x10\x8d\xef\xde\xd6}7x\x14\xd3?\xd5\x9f\xc5^\t\xc1\x83hI\xa5\xd2F\xb9\x9c\xcf\x17`\xde\xa0F\xf3\xf2eggg\xd0k\x87m\x8d\\\xde\xa2\xd7\xaf\xads\xb9\x18\xd1\xdd\x1a\\^XX\no\xdf\xdau7`E\xc2K\x0fPuA\xb8H\x92"\xb9\xa0\x927577\xb7H\xe9\x80\x19&amp;PZ*m\xfe\x0f-\xe7\x1f\xd2f~\xc7\xf1&amp;\x8d1O"\x11Q\xf2H\x12\xa2\x89\x91x5%\x98\x87@~\x98B$M\x90h\x1a4d\x9c\t\xa4\xb2"\xcd\x1a\r\x8b\xc1\xc5\x84\xc3j=\x85\xa27KZ&lt;\x14\x0b\x9dz\xa2R\x15N\tUV\xffj\xe9]k)\xab\x1d;\x8b\x13\x99l\xf5\xbc\xad\xbd\xb67\xda][\xf6\xfe&gt;\xb1w\x83\xdd\xed~\xcc|\nEC\xf0y\xf9y\x7f\xbe\xef\xef\xe7\x93\xe7\xfb\xc8\xe7\x1d?\xce\xa3\x97\xa7\xa7k)\xb9D\xafR\xf5\x8c\x0e\x0f\xf7\x13\x8b?\x94-\xac?O\x9ec=\x82\xc8\x88&amp;\xc1\xe8\x17s+y&lt;\x0eG\xd0\xdc\xbc\xb4Dn\xf3\xf46w\x9a8G\x8f\xf2x\xeai\xb4\xf5F\x14^|\x0e\xe6\xb08\xf9\xc5\xfd\xec\x9dY&lt;\xbf\xb2xnr1\xd8c 7\x9f\xf5\xadF\xa3X.\xaaT\xf39\x82\xce\xba\xba:\x02ENq\xd5\xe5\t\xf84\x8d\xf4\xf9\x8d&gt;\x9d2C\x159\xf7\xc5\x8d\xacQ\xe5\x9e_\x998\xbd\x02\x19{\x0c\x0cS\xe5\x0e\x91\xee\x98h\xf8\xae\xe9}\xf6\xf0Oo\xb3\xa9\xd3\xb4Z\xd7i\xf2BT\n"\xeb\xf4\xe3=\xe4Fbdr\xe5\xc2\xfd\xec\x1d\xf0&lt;\xbfrs\xa2\xeb\xc2\x95\xe1\xd8\x0c\xaa[\xe5\x0c9\x08\x16\xf78\x8a\xeb\xdd\xf7\xeb2\x12v.#x&lt;.E\t\x1d\xad\xfaxO\x0cT]]\xe7\xba"\x1fd\xedI\x16d+8\x7f3r\xba\xffJl~$eU\xe9uB19\x07+\xe2\xf2;\x97z\xaf\x93XZ5M\xb7Q\x14W$\x16\x0b[\xc7\rsCW\xce\x9e\xee:=\x19\xb9z6\x8bX\x1d+\xc1k\xa9\xbf,F"\xfdC\xc1\x19\xa4\x0b6Qr\xa4\xa4\xe4\x1d\xee\xf2\xea\x83\xebO\x9f&gt;|\xf8\xf4\xfa\x83\xbb\xd3mF\xb9\x1cf\xa6\xd3\xab\x0c\xb1\xfe\xc8\xe9H\xff\xd9\xab7\x83\xfd\xd9\xcd\xd6\xc8\xd8\xe0\xb5\x89\xab\xfdW&amp;\xc8\x1dO\x9bR"\xd1\x1e\x91`\xcc\x99b\xb1\xbe\x06\xd7\xedZ\xbf\x113\x87D\xeft\x1b\x82\x8b\x91\xfe\xe1\xd8Dl~&amp;\xbbX\xe7\x823Q\xf3`j&gt;6|ub\x86\x94\x97R\xa9\xad\xd7J\x84~`]\x07\xd8S`\xfd\xc6\xd1\x1a\n\xe9t6P\r/\x0e\x05\xe7\xe7\xe7\xaf\xa5FF\xb3\x8a5\t/\xf5\x98\xab\x07\xc7fb\x13\xc1\x19\xe4\xcbm\xb3\xd9\x94:\x99\x7fz\xea\xee\xed\xdf?\xc0X}\xb7\x16m\xb4\x1eA\xa8\x86\x83\xa9\xd4H*ee\xe2Y\xc5\xfa(\x02+e\xc0E\xc0\xe6\x83\xf3#\xb0\t\xb7\xdb\xa9\xf3\x19\xdb\xd0\xc6\xd4~|\xfbvm\xad\x1fTN7Qp"626;;\x16ER\xf5\xd9\xc4:t\xe3JO\xdc\xe9d\xb9\xaa\xab\xcd\xa9\x9e\x9e\x11+\xa3R\xa9\xf4\xad\x0e\x0c\xd5h\x92kk\xdb\x8c\x0eP\xe15\xc3Ll~\xccl6\xcf\xce2n}(\xf4\xe1\x9d\xecb\xa1\xa7\xb1UyfY\xb0\x14\xec\x8ba\x18\x15\xb6g\x87\x11#\x98\xff\xcc\x19P\x8d\xc7U\x06\xabud&amp;e&amp;T\x1e\xc6\xa9\xf4\xf9Z?\xcb"V\xee\x8d+sz\xadD\xa2t3\x19\xae\xea\xb1\xa8\xc7\xe3a\x98x(\x84\xe9\xda\xe18\x83j\x1f\'\x0fcD\xa3\xa9A\xe4\xd3LR\xa5\xf3\xc9|\xbe\x85lb\xdd\x1f\x9e\xd3\xeb0s)\xab2\\\xc7\x8eUC%p\xa1z\xf4\xe3\xa1\x90~\x1c^\x05\xa6Y\xf3`\xf51`\xcd2*B%\x94\xf9&gt;\xcc.\xd6\xb8R\x86\xabHl$_f\xc2\xc5^\x1dd*\x12\x8c\x07\xf2~\xfb:\x11P\'\x13\xca\xb3\x8b\x85\x11ch\\\xe9\x13\xe2:h\xeeP\xf8\x008v\x8c%\xa8&amp;edf\x89\xbe}\xc9CR%\x14\x8a\xc5\xb0\xfc,\x8a\x98\xdb\xf4\'`I\x84\xd8Z\x84\x92\x10\x16\xe4\xdb\x84\xfdw\xc0A\xccQ\x15~\x05\xa3\x18\xbdj\x96\xb1:Vbz\x16K\x8c+!a\x19\xc5\xbe\x13\x8aP\x85|B1E\x89D\x94\\\x98U\x11\xcf_\x88\xc5\x95\x12\x14\x8b\x88\x12\t}:gU\xa6\x96\xaa\xdf\xc6["\xf8\xd5\xd8\xac\xd5\xe9\x13R\xe8%\x00\x96\xc1j\xca\x0eW\xee\xa1\x8f\xbaF\x9d\x04K\xcc\xe5r\xc5Brx\x13\\\xd1((\x06\xf1\xcflf\xff\x9b\x8dZ\xb1\x16\xa3QF/\x13Sj\xbc\x93\xf48\xc0\xc2\xe0SXx\xf0d\x85\xb9k\x0f\xfb\tV\x89\\\xcc\xe5\xd1P\x06\xbb\xb1\x9b,?\xab\xd5\xb3\xcf\x02\xcf7\x18\x98x\xdc`e\x0c*\x1d\x06\x10\x1e\x8fG\x91\xc1H\xf7\xe1\x9d\x87\x1f\xac=\xe98\xf8\x8c\xe5\xee\xdd]\x80\xc9k%%(\x18\xb4\x9f\xc8\x01\x86B\xa73\xee\x8c\xc7\xe3\xc4\x1d\x0cVC\\\x7fq|\x1c\xdb\xb4\n&gt;\xa6\x13R\\5M\xfaT\x11\xde\xd9z\xe7\xef\x8f\xb6\xb7\x9f\x7f\xbdv\xa0\\\x85\xb9M\x1b\xab/.\x0e\xcf\xb9!"\xd1\x90\xc6\xe5\x90\x04\xa5R\x19\x82\x8b\xc2\xe3\xb1A\x8f\x87\x1c\xc6\x85\x85\x05\x87\xc3\xa7gM\x94\xe2a\xd4 \xef\xc3\x1bC\x7f\x8b,&lt;\xbbu\xeb\xd9\x1f\x9e\x1c\xdc\x07\x11\xa8\x89\xdc\xb5\xad7\xd5\xc1a\x83\xdb\xa6\xc5\xf2\xe2B\x1d5M\t%J\xadN\xd7\xeas,\xf8\xdb\xda\xfc~c\x1b\x9a\x88Zv\xe0\x01\x95QL\xe6G&gt;D\x14\x8b%\x04+6\xf7\xfa^\xfa\xf1\xc6A\r\xb1\xa8\xd3\xa6\'\x1b\xbb\xeb/\xaa\x83C\xe8\xfb\xd0\x8bRD\x1c\x8c\\b\xa1V\'AW\xe3\xf7\xd7\xde]5y\xa7\xd1AL\xedca]\xa8iL\xb5\x19\x111.~\xd6\x1f\x1c1\x9c\xd8\xf9\xf2\x15\xb2u\x00\x7fj\x00\x89\xeaX{\xb9\xb5\xbd\x9ex1\x18\x1ce\xb1\xc8\x81t\x12&lt;\xa4\x0b\xebR(\x06\xd6\xea\xd2\xea\xea\xea\xd4\xd4\xea\xd2\x94\xdf\xef\xf7\x11*\x8a\xf6z\x973XX\x1d\xa1\xd1\xe1 V\xc3\xe7}_m\xa0\xf0\xff\xcf\xbf\x81\x00\xf5H\xa2\x1eo\xa6\xd3\x96\xc4\x9b\xb1\xe0\\\xd5&gt;\x16\x92\xa5V\x03KF\xae\x8f\xecM\x91\xe3\x9c\xe4l\xcb\xd2T\x9b\xd8(\x93\x90\xcfF\xf8&amp;/\x8dy\x91`\x95h\xf5\x17\x87\x82\x06\xa7sG\x13x\xbc\xb5\xfbroc\xad\xa3\xe9\xe7\xbaE.\xa0\xd66v\xff\x1a(-SX\xc2\x8a\xd7\xd1\x19C\x95\x9b\x15\x11.\t\r\xd5\\\xb9\x0c\xd7G\xa8\xa7W{{\x07N\xf5\x12,8\x9aL&amp;\x83\x84^\x13\xc6\xd8e\xb5\x9a\xa2\x80e\x8b\x8f\xf6\x18\x9c\xf5\xeb\x9a\xd2\x96@`s}{kwo\x8d\x18\xd9\xcf\x83z\xb5\xf5\xa5\xbd\xb4\xa8E\xda\xa8\x08+\x9e\xc1\x96\xaa\xbaY,,E5T\xe4\x8aK\x84r\x16R\xedm&gt;u\xea\xd4\xc0\'\x97*\xf8"\xa1\x84\x95\xd0d\x12\x10\xae\xfdl\xd9\xe2=3\x8c\xf3W\x01\x97\xcb\xa5Aln&amp;\xd6\x9f\xbf\x84[\xe4\xfe\xd4n\xa1\xb0ic\xf7\x8f\xeba\x8b\xc5\xaei)--\xb3(\xeey\xa2,\x16\x12D\xa0\xf8&amp;&gt;\x12\xc3&amp;K\x84\xe4\x99\x06.!\x06L\xa2\x12RoDB\x01\xb0L\x18\xfaE\x18\x1a\xb5\xdd*\xc3\x08\xe3\xfc\xbc\xaf\x88\x84F\x13\xd8\xb4\'\x00\xb6\xf7\xd3N8\x93\x92\xda\xfb\xedv:\x8c\xb0\xd8\x8b\\--\x8d\x96\x9a\xf4\xe5\xd9\xcbU\xddZ\xe8F0\x96\xc9\xa7G\x94\x1c5\x041\xb9\xc8_\xde\xa9K\x97&gt;\x01\xd5\x11\xec\x02\xe0\x06V^^\'\xc1\x12\xa3\xdfPb\xff\xb42\xb6\x1d0\x15#\x8a\x02\x81\x80\xddnOl\xef\xae\xfdX\xdf/d\xeb|ok=m\t\xa7-\x96\x1aE\xa0\xd8\xe5j\x91\xd6X\x12/f/\x9f \x8f\x86\x10\x15i\xbe\x17\\\\\x11\x06}5=M\xe3\x0bn\xde\xc0@3\xb7\xa4$\xa31\xcd\xc9\xab\xa8h6y\x973XZ\xf4\x8dQ\xe6\xbdM\x97\xab8??\xbf\xb88\xd9\xd7G\xb0\xec\x9b[\x1b\x1d\xb9\x87\n\x7f\x94!\x90\x92ZO(\x14\x8a\x1a\x84=\xd0W^\\\xe4\x92*,\x8a7\x9e\xf6o\xb0`\x95^xx\xa5\x88\x98\x85\xd7\x0b@\x11\x8f#\xe0\xc9\xb1L\xb1\x0f\x82J\x90W\x81d\xb1X\xe2\x0c\x96\x87y\xdd\x97\xc1\xca\xcfO6\xf4\x05\xca\x14\x8aD"\xb1\x8d\xfd\xe8\x07\x13\x86\x1a|\xb2\xf1\xf2\xab\xcdD\x99\xdd^F"\x11H&amp;\x1b\xf2\x8b]\xa5\'-\x8ag\xed\xed\xdd\xdd\xf5ZVD5\xdf\xeb\xf5\x9a\xf8\xbcJ`\xe1\x0b\xafW]Y\xc9\xa3E\xf2w*A\xc5\xa3\xf9\x02H\x88\x9a\xf7\xaa\xff\x03\xab}\xa7\xc8U\x04\xac\x9c\xfc\x06$+Q\x13\x0e\xdf\xba\x17N\xef&lt;\xdf;\xff\x03\x95\x0f\xf9\xf6\xb6\xb67\x13\td\xd8\xde(-\xd5h\xfa\xfaX\xac"R\\\xe1\x17\xed\xdd6\x8c\xf6\xe8\x02)\x16F@\xb8\xb8\\&gt;\xc7\xc4\xf1\xd2\\\xf6Q\xefJ\x9a\xcf;J\xf3\xf8yy\x02\x04\xb0(\x88(#XU\x97\x7f\xbd\xe9j!\xc9\xca\xc9IJ\xa5e5\x96p\xf8\x1e\x1b\x8f\x9e\xfe\xcf%YX\xd8\xb4\xb6\xbb\x9dN\xd7\xb0TviiQyAAAC2y8\x1f\x1eATl\xef\xae\xaf\xcf\xb4\x10j\x92"\x01\x87C\x13g\xe5s\x04\x1c&gt;}\xbcr\xffsT\xecK\xd00\x8f&lt;\xeeC\xb0\xb0\xf7H\xb4\xca\xee\xaa\xf6\xd7}-\xd00\'\xe7p\x8e\xa6Tz\xb2\xa6\x86\xac(\x96k\xa7w\xef\xfb\xef\x9d\x91.\xe1_\xebi\x84"\xc1\n\xd8X\xaaI6|\xda\xd0P^\x90\xb3\xaf\xe2\x89o\xb0H\xcd\x13c\xe2\xd0\xc4+@\x01\x8b\xe2\x1f\xe5\xf19\x9c_\xf2\x8f\x92\xef+*\xd8\xa7\x90\xb8\xc4\xb6d\x12\x9d\xd2\xd6}bG\xd3\xe2"\xb9:\xdcP\x9a\xc1\xaa\xc1\xaa\n\xdf\xbaE\x12\xf6\xf0\xfb\x96$\xaa\xea\xd5??\xb5[,\x84KQV&amp;\x95666J\xb1\x925\x9a\xf2\x82r\xa8\x88\x9f\xf3\x1eJKK\x1c\x80&lt;\xa6\xe5\x15\xe0\xba\x1c\x1a\xc9\xf2rPJH\x1d\x87\x8f\x9a\xe2\xf0\x01\'\xa8\xf8E\x05y\x85\x07,9{\x83E\xd9]\xbf\xd9\xd2R\x04\xac\xc3\x87\x93\xd2F\xd4\xbbb\x7fQ\xa5Qb;\x8f\xae\x13\xd7\xff.[X\xdb\xfdGA\x81\x9dP!\xb9\n\xa4J\xa3I&amp;\xfb\xa4\x81d\x91\xa6\x9c\xa8x\xd2rr\xe7w\xf5\xda#\xc0\xfaw\xd9f\x10\xda\xc8y\x86ayG\xb3U\xb1f\xd5\x99\x0c\x8bf\xe8\xa8\x13\xd4a\x94\xb8.&gt;LE\x1d\x1d\x94\xaa2\x04\xeb\xa4Q\x82b\x90\x8c\xba\xd2(Pt\xd8Ks\xd8\x11\xbeU\xf8\xb0\xa1`\x90N)\xf2\xb1l\reO\xeb\x83\x0f]\xe8\xc1\x08\xcaf\xc1\xf8\x100\x89\x8d\xd1A\x07;\xc6\xd8\xde\x84n\xe8\xfb\xfe\xe3\xb4K\xfb/\xc6\xb6lf\x9e\xff\xfd\xbe\xef\xfd\xbe\x7f\xe5y\xe7\x1d\xcc\xa7\x0cT\x027\x8e\xf3\x0b. \x81\x0f\xb9u7\n!0ai\xf3?\xfd5\x0e\x96o\xbf\xfd\x9b\xd3\x86\xcd:\xa4Xf\xb6\x95ie["&amp;`\xeb\xf5\x9e=;\x85\x87\xfd\x9f^"\x80\'\xc8\xa4F\xa9\x84_\xdb\xdf/dM\xbb\x0b\xb0\x86\x89\x14\xab\xa4\xe5T\xc5\xaeeJ\xe5\xd7\x8c\xe1\xcf\xf8&lt;\xbc\xc8(\xdc~.\x1e\xbf\xbb\xcc\x90\xe5r\xf5&amp;\xf3\xfc\xee\xe2\xdc\\\x14B\xe4\x1bcx\x8f\x0f\x93\xdd\xff\xc5\xef\x8fL&amp;&lt;b\x18v\xd16\xc42\xb1 \\)\xd3\xca\\\xce\xa6\xdf}\xf9?MR\x040\x08T_m`\x17l\xcc\xbdB\x0b\x95h\x9b\xb4\t\xb3\xeb\xcaB\xaeL\xf6\xd9\x1f\xde\x05\x16\xe4\x9a_\x88GXID.J\xa5z=\xd7\x14\xa1D\x08\x9b9j\x87\xd1t\x9e\xa3&lt;\x8e\xd5\xf7\xdf=m\x98Q\xc2\xfb.\xb6\xa9\xca\x0e\xcc\x1em\x8d\xc2\x95z_|\xff\xe7\x9b\x8b\x93\xef\xbe|3\xc1`\xeb\xff\xfcvJ*Yr\xb35\xd3,\xf52\x99B!\x93\xb5\xedr\xb6\xd5\xa2n\x91\\\xe0:\xfd\x0f\xd6\xca\xe2\\\xf26\xa5"yr\xcd:\xf4J&amp;\xda\x84\x04.\x92\x8co\xbc\xc0!\xc85k\x98\xae\x08\xa1D\xf3\x92UI\x16\xb6\xd3\x82O\xec_\xbe\xfal{\xfb\xe6b2\xb9\xfe\xd77?z\xc3\x17\x18\xc0@u\x98\x8d5\xd3\xcd\xeeg\xd0\x9b!m\xd9\xcc&gt;j!\xc9*\x15\x1d\xc5\xe8\x82+[\x9e\xdd\x17T\xc0BNq\xcd\xa1\xfa\x00\x92\xcf\xd7\xf3\xf8\xa83\x8e\xc9&amp;eCo\xba\x13qA\xaf\x87G\xb6\xf0,\xc9\x92E\xaf\xc6\x82P%Q\x87\xaf\xdf\xdb\xde&amp;\x96\xafN\xa6\x9c*\xde\x8af\x85OQ\x81\x81%9\xc4rl\xd7\xec\x15l\xe8k\x82\x0b\x95\x92\xb5]\xf6VGr\xd0\x18k\xad\xda\xd1/A%\xb8\xe8\x06\x02+\xbe\x08\xe1\x04T\xb3\xd9\xc6\xd7\x89d\x95X\xe8A0\xb2\x154\xc8\x1f\xdf{x0pu:)n\x03*\x9b\x19\x05\x99\xb8z\xfb\xafH\xd5\xbf9Q\xfd ` \x05\x17,t\xaa\x06\x16\x82-\x0b,\xb3\xb0_v\xf50\xed6\x1e\x95\n\xa0\xd2u\xfc \x9d\x96)\x17\xaef\x1f\xfc\xf6\xde\xfc&lt;r~\xe1\x8e\xc8\xae\x04\xdfxZXX\x9ckW\xc5c\x9c\x02\x8b%\x8a\xd7i\xaf\x9cc\xef&lt;&lt;\x0e]\xe1\xef\x96\x85K\xa5]\xe1\xf1 \xc2\xd8T*}\xff\xfeh4\x1e\x7f&gt;c\xc5M\x82\xc9\xf5\xb7\xdf0\xc1\x18@\xcb\x92d\xd9A\xe0S\xba\xdd\xda\x7f\xe4BeGv\x06\xe5l\xd9\x95\x03\n\x99N\xa7$\x07\xba\xdb\xb5\x9a}\x00\x01\x16\xf8\xde\x1c\xc3\xc8\xfb\x03\xeb\xa3\x15\xf0|\xbc\xf8\xc1\x07\xf8\xdc\xae&amp;\x85\x86\xe8\x97\x0b|\x83\xe3\xc3\x9f\x7fr&lt;qC\x99\x89eH\xa0\na\xcd\x85\x08)\x93-_\xfe}\xbc\xc35\xf3\x80\xa5\x06F0\xc5\xb4\xf3V\xecj\xc2=8\xec\xeb\x12\xb6\xd2\xe8\xf5\xcan\x03c\x83#\xfbN\xe8[^\xb1h8(\xe8\n\xe4\xaa\xb0r\xcc\xc1\xc1\'\xb8%\xa9\xe20(\x86Q\xfcI&lt;\x98"*\xce\x0es\x91X\xa0B\x17_;\x9f\xb8\xba,\xcb\xaae\x04\x91\xd1\x14z\x02\t\xc5\x14\x1e&lt;\xd9y\x0e\xa8\xd1\x03\xa8%!\xc1-\xc3@ ?\x8d\xf1\x1b\xec\xc4\x91d\xcbs*Ny\xffQ\xc3,c\x9c\te\t\xbf\x02(u\x80\x0b\xb5\xba\xba\xe0\xe2\xa4\x1a\x1e/\xc6\xe3+\x9c\x14\xa2xU\xdbm\x14#\xb8\x18\xc16_Z\x9e\xe3o\xac\x80*\xf1\xbb\xe5?\x9eOt\\\x8cW3\x1c\x97]\x07I\x9b\x15\x83\x80\x1f\\\xdcp\xb5%\x9e\x00\x00\x05\x06IDAT\x80i&lt;\xee#\xe5\x89E\x18\xc3B cV\xc0\xc4"\xa5\xa7:jP\xeee\xcb\x9c \x04\x17.\xa4\x866\xcc\xa2P3\xbb\x00O\xb3\x8a\xbanx\xbc\xf6!\xdf\xccDr\xd1\x19\x9a\xd5j\x9b\x0e/\x1eeN4\x93\xcb\xcb\xe8\x8e\x8b\x84\x82\x83\xe5\xb6\xa6\x01\x8b\xc9\xb2\x8c\xa2\xa7\xb2l\x04P\xe8\xf8\x00\xf0N\xfe\xf2|g&lt;\xea/--m\xff\xeaBU\x99\xdd\x8c\xa3z\x11S&lt;\xc3\xd3\x8a\x9eah\x86\x83p6\n\x98\xcd\x88\xc5\xf9\xcf\xf7CX\x0b\xa8Z\xc8\xa9\x8a\x8cX;p\x9b\x8a\xee\x9f\xaf\x89\x0e\x18\'V\x1dv\x050\xe4&lt;dC\xe2\xc3\xbb\x18\xd6\xf8\x8a\xa0:\x04U\x1a\x1b\xc4]\x8a\x16\xe6\\\x1d\x83\x92C"\xcf+z\'\xb3\xa7\xe3\xd16\xa1\xfa\xfd\x07\x07\xc4\x92\xa1\x98e\xa8~L\xd1\x8a\x9a\xa2\x14=\xcfP\xa1N\xd0(\t\xac\x88M\xb4\x86\x02\x9d\x15&amp;\xdb\xd5%\x15X\x18y\xf5\xb4\x7f\xbe\x15\xf9y\x12\x86.\xb0\x12\x89*\xb0\xaa\xd5d]4\xe9\xb5\xbb4\xff\\\xfe\xf0\xcc\x90\x99\xea^Q\xd3\xac\x94\xae\xe3kd+\xbe\xd1\x8aEo2\xfb\xbcO(P\x8dF\xa3\x19\x86\x15_F\xda\x83B\x06\x96\xb2\n\xb4\xa2fX\xd8\x92\xd1\xc8\x88!\x1bTh\xf0\xadV\x8bT\x85\x0c\x1b\x91]IY\x92\x18yQM\xce\x14\\l&gt;\xa2\xeb\xc0\x1a\x12@\xe2\x82\xd5G\xfd\x90\x89\x97\xbfZ\xf5@e\x91J\xf1Rb8\x95&lt;\xc1d\x04\xfe\xe0\xf4\xb3\xa5\xa5\x9f\x08\xa9F\x88$\xfc\x14XT\xcb\n\xd4\x98\xa6\xad\xae\xae*\xc0\x02&gt;$+\xb7\xca&lt;\x95\x10\x0b\xdd\x91\xbd\xa1\x07*\xbb\x8b\x03^%\xea\x19\x18z\xc1\xa5^\x1c\xb3\xf7\xe4\xf2|\x10\xa4^M\xb4?n\xb7\x91Z\xa0\xca\xe7s\xb9D{m-\x99\xdb\x9c\xae\x16-\x99\xfa0\x1eR\xca\xc1"$n\x8b\xdc\xcf^\xbeG\xa1\xe0\xa4#X\xc4\xa8\xff\xe4h\xe2#\x8e*\xf2+\x08\x04\x16\x14S4n\xc2\x9b\x94I\x85\x83o\x14\xc2Va\xbfG\xa3\xd7\xa3\x93\x14\xfb\x80\xccE799\xa7V\x8f;\x9d&lt;G\x072\xc1N\xf9@K\x9e\xcf\xa1\'\x99V\xa0B\x05B\x1eeU\xf3!\x94\xc5\x05\x9fw\xbbf6\xf3EDE\xa9\xf6\x9e\x03\xeb\xe9\x81?A%2\xbf$+\xa6(\n\xb8\xf8\xc1HN\xca\x98\xfc\x06\x03\x90\xa1\\\xecZ\t\x93\x84\x19\xb2h\x99!\xa9\xb4#\xe1&gt;\x12\xe1R\xb2zr\xbeI\xaa!\xbbN\xb2\xcd\xbf\xf7\xdc"\xd5z\xa7\x83N\x9d\xdb&lt;&lt;S\x8a\x06\n\xd0\xc3\x9e\x15\r\x96\x98\x12r9!\xbba\xa6@\xad\xc0D\xa9\x04U\x7f4C\x10\xa3j\x94$\x81\xa5\x086`)\'p8\x1f\x07\x93A\xe8V\xd0\x16{\x85\xec`\xc2d\xd04\x8fh)\xb1cI,\xe4\xe6\xf4\x10g\xd6ag\x9d\xcf\xf3T\xab[[\xcd[\xac\xc7\xb9\xdc\xe6\xf9\x99\xa2\xc1`D\x00\x95\xa2J\xb1y\x0e\xb6o\xcb\xe8\x92\xfd9R\xea\xb9\xa0\xea\x8f\x90\\!\x93\x9e\xd7\x8e\x89\xbd@f\x85)\xa6M@\x15\xc0\xc9|$\x90\x8b\xd3N\xc3G]#\x0f\x11\t\x0f\xf2:z\n\x19iXQ4\x02\xe3\xec\xea\xeb\xdd\xe1p\x1dz\xc1\xbd\x9a\\\xf5|gc\xd8y\xbc~\x8e\xcd"W\x85T\n|\xba"\xa8\xd8U1\x9b\x80\xea\xaf\x11\xd4\x0e\xa0\xf6v\xc6\xa4\x1a!\x8a\x83P\x0c\x0cPKH\xa1E\x9ai\xda\xa0\xe1\x07\x86\xe3 \xba\x92cf2\x8d\xc0\x0b\x1cl\x14%\x8e\x1e$\x12L\xf5X\xb0X\x00\x0b\x0c\xed\xfa\xab\xdda\x07\xe9\x84\xbc\xa7\x815\xf3\xeb\xc3\xdd\xdd\xe1\xe14R_H\xa5\x18:\xa8\xa2\xb9\x01\xa5]\xc2\x04\xc0\xa9!\n\x1f\xa8\xf6vF\xc2!\xc6\xb3Ac\xc0b\xc4\xcd\x05VQ\x13\x81\xd4\x14\xad1\xf0&lt;\x1fc\x8ca9f+\x1b\x02\xb1\xd2\xad8\x10\x08/\xb8\xdd\xae(G\x8b\x15kx\x02\xce\xd3\xce\xae\xbf\xde\xe8t66\xf8\xd4\x0f\xc0\xf2\x9d\xdd\x97/\xaf\xce(\xbd\x08\x02"`\xd1\x18t\x1bL\xe2PQ(e\x9e\xbdz\xff\x07(,\x98\x03\x19\xc7;7\x17\xe8-\x8e\xca&lt;\x89\x11J`qc\x1e2)\x80\xe9I\x86c\xd7\xcc\xd03R\x95\n\x0e\x8b\xbe\x03\xa5\xba\x18\xbcm\x1c^\xd24G\xc6\xc7\xa3\xa5\x14\x95UFr\xf7\xc5\xeep\x03`[\xf9\xe1\x9f^\x08\xaaU\x91\xb14\x86t\x85#VD\x85!\x0e\xff^?\xa0\'\xeca\xbdA5\x1e\xff\xed\xfc\xa8\x11\xfa\x11\x16/\xad\xdd&amp;\x986\x19\xa0\x9d\xf2\xd4\xa4\xea6\x08\r9\x8dF\x11v\xa3\xb3\x00\xe6g\xf4 8"\xf4\xa2\xcd\xa1B\xa2\x05\xb0\x17/_\xee\xee\x82\xab\x9e\xdf\x10\x01\xfc\x81K\xf3T4R\xb6B\x98 "\x98\xe1\x10~\xfa\x14\xd2\xecET{\xa0\x02\xd6\x98\xaf\xfc\xe3\xb8\xc1(b\xd00b\xdct\x84\x85\xcf\xe1 P\xc5\x7f\x13\xa8~\xe4\n)\xc3\x122\xd5\x00\x85\x85\x91\x1aS\xa6\xac\x1aT\xf8\xb6N\xc4:\xbb\xfe\nz\xad\xe77\x0f\xaf\xce\xfeK\xa5\x15\r\xce\xc8z\x94\xea5\x1e\x89M{p\xf0d,\x02(\xc0F,\xc2\xbe\xc0\xdcyr0\x88\xb0\x0c\xe3\xdf\x02\xfcsK\xde\xf1\xd3A\x00\x00\x00\x00IEND\xaeB`\x82'</t>
        </is>
      </c>
      <c r="M274" s="3" t="n">
        <v>45492.67839120371</v>
      </c>
    </row>
    <row r="275">
      <c r="A275" t="n">
        <v>874143</v>
      </c>
      <c r="B275" t="n">
        <v>7314</v>
      </c>
      <c r="C275" t="inlineStr">
        <is>
          <t>Luiz Fernando</t>
        </is>
      </c>
      <c r="D275" t="inlineStr">
        <is>
          <t>Luiz Fernando</t>
        </is>
      </c>
      <c r="E275" t="inlineStr">
        <is>
          <t>PE</t>
        </is>
      </c>
      <c r="F275" t="inlineStr">
        <is>
          <t>ATA</t>
        </is>
      </c>
      <c r="G275" t="inlineStr">
        <is>
          <t>PE</t>
        </is>
      </c>
      <c r="H275" t="n">
        <v>178</v>
      </c>
      <c r="I275" t="n">
        <v>11</v>
      </c>
      <c r="J275" s="2" t="n">
        <v>35353</v>
      </c>
      <c r="K275" t="inlineStr">
        <is>
          <t>Right</t>
        </is>
      </c>
      <c r="L27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a410233-0d8e-4e08-ac79-707eea500ee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00!\xb7\x00\x00\x03\x00PLTE\xff\xff\xff\'),-06-/2\xca\xa0s446\xfd\xfb\xfb\xfe\xfe\xfe\xcc\xa3u768;;B\xba\x91i.39%.869@\xc8\x9fp26&lt;98;\'./\xfa\xf7\xf7\xb5\x8b`()2(-4-+9\xc3\x8e`\xc8\x94f&gt;:=+,/&gt;@E\xcd\xa5x#%)\xbd\x91c\xd3\xa3\x7f\xe4\xb1}\xc1\x9cr\xb4\x8fh\xc7\x97m\xe1\xaez7=C\xd7\xa6w115\xbb\x89b\xbb\x92qB&lt;A\xcc\x99k\xc0\x95g$\'.\xc6\x9en\xc2\x95k\xd6\xa8\x82\xc9\xa4y\xcf\x9cn\xaf\x8c_\xb9\x8f`\xad\x85^\xc4\x9by\xd0\xa8x#02\xd1\xaa}\xfcS&gt;?92\xf4\xf1\xf1\xbd\x8bZ\xbd\x96n\xbc\x9ap\xe2\xb9\x94\xa8\x82Y\xc6\xa0u\xd4\xad\x7f\xb9\x85Y\xb2\x82W\xc6\x9cs\xd3\x9fp\x9atY\xb0\x8bh\xd9\xa2n\xdc\xa7o\xb8\x8bf\xb5\x95n\xae~T\xc3\x96uF=6\xad\x86g\xee\xea\xea\xc2\x8fh\xd2\xa0x\xa7\x84b\x9f|\\\xcd\x9bx\x8cjI?4(\xdb\xab{\xc4\x9ai\xb5\x82`\xb2\x8er"\x16\n\xc3\xa2}\xca\x99q\xe0\xacq\x9e~f\xdd\xaf\x82\xa7|b\xc9\xa4q\xb6\x89V2\'4fT?$.&gt;\xcb\xa7\x7f\xb9\x8dn6+\'\x80fN\xb6\x98xXG9KA&lt;ULH\x93z^ *5;04\xf8WI|V:DCHv_M\xcc\xa6\x85\xd8\xae\x88\xca\x9d\x7fpYCNFB\xf2\xe4\xde%55\x82^B\xa4pMJ:$\xe5\xe1\xe1\xaavY\x8br\\\xa0yRM--\xb4\x85p\xcb\x92_sP3\xde\xb5\x8a3/0\x96qMaXT\xc3\x92|\xe0\xa6y\xc5\x91q\xd5\x9eh\xbe\x99xX@+/\')\x97\x7fn:.\x1dYRP\xdd\xabu\xa7|R\xea\xd0\xc7\xcf\x99c\xba\x8cx\xfeH/\xe3\xb6\x85\x86jU0%\x1a\xfbP2\xf7\xec\xe7\x89bI\xa3\x88i\x94hS-."\xd2\xa3s\xd0\xae\x8d\xa9\x8fo\x92vf\xa6\x85r\xcf\xa4k  $\xabuJ.;?\xae\x90y\xe7\xbd\x9b\xa9\x7fk\xca\x98\\\xc2\xbc\xbb`0/KJL\x8396^N8\x8a\x84\x82\xc1\x9a\x80NC/womf^]\xcf\xb7\xae\xc3\x91U\xb4ySE25\x8fsU\xdc\xd8\xd8\xd9\xbe\xb1G,\x1d\x99&gt;5\xbf\x8f\x84gK:oe`\xf5X5\xb6&gt;&gt;\xc3\x84c\xca\xad\x9f\xd8\xb4\x92\x19++\x7fxx\xb6\xb0\xb0\x9a\x93\x92\xeb]L\xe8\xda\xd4sbE\x80mY\xb8\x9e\x86\xa4\x8d}\xc4\xa5\x8cq,)\xde\xc8\xbf%1%iF-\xc626\xc0\xa6s\xd4\xcf\xcf\xae\xa7\xa7\xc1\x89o\xc0TH\xca\x95\x83\xcb\xc6\xc7\xa5\x9d\x9c\xad\x90\x86\x9cfF8"\x11\xd8\x9ax\x82+\x19\xdc\\L\xcc\x8dk\xdb\xb5\x9f\xaaQF\x98 \x18\xb9\x9f\x96\xf2\xda\xd1\\(\x1d\xdc\xab\x97\xb3gN\xad-*\xe9\xc4\xb2\x9a\x84|\x99X6$1I\x93LL\xebR7\xcag[Sf\x11\x88\x00\x00 \x00IDATx\xda\xdc\x98MLZ\xe9\x1a\xc7g\xd1\x80\t\x8b.p\x01\x8b\xc6*\x1a\x82\xd1XE\xd14\x07Z\xb58\x82\xa8\x05\x14.\x9fc\x05kH\x95\x8fC\x1aC\x1dh\x14\xc4\x14;r\x1d\xa5\x8a\x1dM1\xd5^\xab\x92\t3\xb2\xc0\x0fj\x835\x03\xc9\xd4\xa8im\x9b\xa6\x89.\xb4\xed$3I\x93;\x89\xdd\xdc\xe7=\xd8&amp;w\xdfco\xee_\x0e\x1c\x0e$\xfe\xf2\x7f\x9e\xf7\xff&gt;\x87o\xbe\xf9\x7f\x15\x95B\xe7\xcb\xe5\x1eBr&gt;\xe5\x7f\x84\x89/_?\xd8\xde\x07\x1d\xee\xec\x1c\xeeG\xd7\xe5t\xea\xd7\x86\x02\x9f&lt;\x07\xdb\x87K\xab\xf1x*\x95\x8a\xc7\xe3\xabK\xfb\xd1=9\xffk\x92Q\xa9t\xf9^\xf4pi+\x8e\xdb\xa4R\x9b\x0b\x0f\xfa\xfd8\x80\xedD\xf7&lt;|\n\xf5\xeb\x95o}{)\xe5O\xad\xfam\x9dj\x1b\x0el\xc1\x94\x14\xb3\x05\xb7\x0ew\xf6\xf7\xbeV)\xa9tOt\t|\xc2:;]~\xbf\xb4\xb3\xd3f\x93\xdal\xb8M\x8d\xf9\xb7V\xb7\x0e\xa1\xc7(T\xeaW\xa0Z\xdf_\x8d\xfbq\x9b-\xe8\x87\xae\xf2\xfb\xfdA\x17\xd6)u\xe1RL\xeaZ]E\xa5D\xcd\x7f\xc2`T\xfe\xde\xcej\x10\x07\x12\x1bT1\x88a\xe0\x18\xee\xb2ub6\x17\x86\xf9\xf1`\x1c\xf7\xaf\xeel#\xc7Nt\x05\xf2\x0f\x96\x82R\xec\xfau)\x9eZ\x8d\xbb@\xb8\x1f\xac\x03L\xf0+\x88\xe3A \xb6\xe1\xa9\xad\xfd\xf5\x93\xcc1\x8a&lt;\x8a\xa8\x80\x0b\xc3\xe3\xf1\xa0\r\x03\x93\x10Z\xd0\x068A?,J\x97\x14\xae\xe1\xb8\x7f)*\xa7\x9c\xd8\x12\x04*\xe8!\xa8\xd7\x9d\xeb.\x00\x81t\x80\x84\xc00).\rB\xb3\xc1{\xf4\x0e\x83\xab?\xb8\xb6\xb6=\xf4\x13\xc2\x02*?J*\xec\xce\x14\x06\x85\xb3I\xad\xb8\x15\xdeJ\xa5.8O\x0b\xb3I1\xb5\x1a\xadR\xe0:\x19\xbf\xf8\x07[8\x02PO}\xd7isA(\x98b\xd6\x98\t\xe44\xc1YZ+++n\xf5\x18p]\x87:\xf2O&amp;\xafvpL*U\x8f\x8dM}7\xa5\xb6Y\xfd\xa9]\xb39\xe4\xb5\xdb\xe7\xe7\xed^\xaf7\x142;\x1c1+\xc2\x02\xbb0\xb5\xcb\xbf\xe3\xa1\x9eH\xbb\xa7\xb0\x7f\xa9\xd5S\xef\xdf\x8f\xb9cN\xc7\xee\xfc\xcc\xdc\xdc\x9c\xde\x02\x8aX"\xfa\xb9\xb9\x19\x83=\xe15;\xc1\xb8\x15\xb7\xdb\r\xf1\xbf\x15\xe5S\xc97\xeb`\xc9\xd5\xd996\xb6\xb1\x110\x99\xed3s\r\x96\x91k%%\xd7\xce\x9f\xbfVR]]^]^&gt;\x92\xcf\x12Gf\xec\x89\x90\xd9\x99\x0c\x04VV\xac\xf1C9\xe9X\x94\xf5%\xfc\x87;\xea\x15\xf0\xc9&gt;\xd3p\xf1bN\xf5\xd5\xab\x15\x15l\xb6\x06t\x89\r\'\xcd\xcd\x19\x19\xa7ZF,\rb\x852a~\xee\x0c\xb8cG\xeb\xa4c\xf1\xa3\xf1\xce\xa9\xb1\x15`\xd2_\xcc9]\xa4-\n\x87+\xea$\xa0\xf1\xbc\xbc\xbc\xf1\xf1q6\xa1\x8c\x92\x92\x92\x9c\x0b4 \xb3?O\x9a\xbcQ\xb2\xf7m\x8ag\xc7\xaaV[\x1d\x06KKK\x8eV\x1b\x0e\x03RX\xd2\xda*\x81\xa3U\xd2:\x0e\'up\x89\xcd\xbeTq\xeatna\xa6\x8c\xa5H\x98\xbd\x1f\xc8\xde\x84\xf8\xd1\xd4J\xc0\x14\x02\xaa\xea\xa2"\xed\xe2\xc400\xb4\xa6\x91\xd2G+`\xc1\xb5qv8\xcc\xe5\xe6\x16\xd2h,\x85\xd2\xf0\xf6\x91\x87T\xbf\xc0,S\xe0yb\xa6!\'G[\xc8\x9d\x98\x18\x06I\x08\xa7Z?a\xb5\xa2\x8a\xd6I\xea\xd0G\x05\x05\xccB\x1aK&amp;\x9b\x1b\xfd\xb0N&amp;\x17?\xea\x8fu\r\x96\x96ei\xb5\xcc\tDE\xb4\xd5\'\xacVh.\t\xf4\x170\x81e\xc3\x13\x13&gt;\xa6\x8f\xa9-\xa4\x89\x95*\xf3\x07\x12\xb3\x9e\xea\xd9\x89\xc5\x9e\xf7\x97\x96\x96i\x99\x8bi\xac!\x10\x02\xca\xcb\xceN\xf7&lt;j{\t|0&lt;&lt;\xe1\xf3\xf9\x18&gt;\xf0\x8b&amp;\x13\x99\xe7I\x0c/\xe8\xac\x98Iu\xb7\xbd}m\x11\tu\x16\xc2\x02\x12\xa0\x02\xe5i\xd2b\xd7\x11n\x01\xd6\x9a\x8f\xc9hj\xa2)\x12\x8e\xa3u\xd2\xec\xf2\x1c\x9aL\xcf\x07\x1b\x8f\xb1|\xbe\t\xc2,\x02\x0b\xec\x82\xbf&lt;\xcd\xb8\x06\xd8 "$\xc7v\xf9\x10WV\xa6\xd2\x91"mk\xa4\xef\x1d\x99\x9c\xa1\xfe\x1a\xc0B&gt; \xb7\x10\x95\x11\x984p\xe4\xc1\tX\x85\xb0\x10\x19\xd1\\@\xe5c\x088\x1c\x9e\xd9\xb1/\'\t\xeb\xfe\xb6\xd7\xe1H\x00\x96\x90\xc1\x84\x7fHPe\xa7\xab\x97}\\E\x02\x8e\xb0\xab\xb9\x96\x9bv\x8b!\x10\x088\xbc\x10iU\xa4z\xde\x86B\xa1D\x9fN\x07XL\x1f\xb4u\x1dd{\xb61\x8d\x93\xfd\x99+oHs\xf6lss3\xb7\x00\x9c\xf21\xd6\x04\x02\xa1\x90\x97\xd8\x9d? e\x1e\xa4\xd2_\xbf\x84\xf9E\xd4\xa6\xd3q8M\x7f\x16\xd4\xd5B_\x13]\x95G\xa4\xc3\',8\x86\x8a?q1@\x08Kg\xf7\xeen\x93\xd2\\T\xf9S\xc3\x03\x91\xa2\x9f\xa7\xcb\xe40\x98\x05\\\x80\xaa\xad%\x12\x1drT\xf2\xd9.x\x0c\r\xb1\x11Um\x1a\x0bQ\xd5\xf0\x0cv\xef\x07R\xe6.\xfa\xb3\xc8\x83\xde\xbe\xbb\x8dB\xa1\x90\xd3T\x80\x88\xea\x86\xb9\xdc4\x19\xb8\x86\x98\xee\xdd#\xc8$u\x88\x89[\x00jj\xca*+\xcb,\xe5U)E\xa2\x17d4\x17\xd4p\xa1\xb7\xb7\xaf\xb1F (\xcbbr\x11U\xedg,\xd4c\xf7\x90\x08\xac!\t4|-\xc2b2\x0b\x0b\xb3\xb2\x08,\xa5(\xf2\x9a\x84\xe6\xa2\xf0\x1f\xfd\nT\x8d\xed\x02\xc1\x1a\x83\xc9E1^\x8bT\x07\x195\x8eJx\xefX\xd9\xd9PD6\xfb\x13\x17\x93\x99U\x96\xc9\xab\xaa\xaaR.&lt;!\xa1\xb9(\xf2\xa7m}}(J\xd7\xd6P\xc0\x0f\x87\xc3\xb5\xb3h\xb6\x82\xa4BLF\x84t\x1b^\x88\xe6\x02\xb2:\x04\xc6\x9c\x00.\x86@XS\xa5h[xD\x02\x16\xf5\xe6+\x02k-\x8d5\x11\x1e\x0e\x133\xa9\x91\xe0\xb9w\x1bT\x89\x9en\x03\xa1\x91\xd8\x1e%Pe\xd88\'Pr\t\xabJez2\xb0(\x1e\xc0\xd2\xd5\x1c\x9b\x15\x06\xcd\xb2/\x19o\x1b\x11\x0e\x12\xa2\xaaD\x0f8KG\x19\x84jm\x01Jz\x02K,\xd6?"!\xe7)\xcf\x96\x01K\' \xa8\x16\x17\x0b\xaefT\\\xea\x06\xa6M \xf9\xa5\xf2\xbf\x04\\H\x9abv3\xf7\n\n\t\x88\x08\xc2-R\xb0~\xebk\xd3q\x08\xac\xc5E\xad\xf6tF\xc9\xf9\xee\xcd\xcd\x87\x0f77\x11\xca/i\xa1\xd7\xca\xca\x7fw\x13*&gt;\x7f\xed\xcc?\xae4\xa1\xd6\xaa\xe1\xf1\xc8\xc1\xa2\x03V\x1f\x81\x05\\LmQuu\x0b\x10\x01\x16\xa1\xcd\xca4\x132n\xf3\xe1\x8d\x16\xd0\rB\xdf\x97\xe7\xd7s8:\xc0\xfa\x95\x1c\xb7~\xfa\'\x81\x05\xf9\xc0d\xe6~[&gt;b\xb1\xbc@z\x1b\x89\xe8\xf5\xf9\x80x\\\xc1\xbf6\x1f\x8e\xe8g\xecv\xb8\x85\x9c\x83o,/Ovttpj\xaax\xb2\xc9G\x1e\x12~\xa6Ic\xb5\xb7\xd7\x08\x98\xe7\xe0VKa\x80\xdbz\xb8\xafw\x98C"\x91R\\^\xbc\x99n\xf8\xcd\x87\xdf\xeb\r\t\xb8\xab6\x99\x9cf\xef\xfc\xe8BD?\xd9Q\xcf\xabR\x00\x16)\xbdu\x8c%`4\xd5\xb7=\x986;\x92\xd6\x00R\xd29\xad\x12).\x17\x13\xe9P\te]\xd6+C\x0eS\xc0\xadv\xafXc&amp;G\xc8nh\x93\xb1\xc8\xc2\xa2#\xac\xc7\x80%\x146\xf6\x0f\x02\x95\xd9aJ\x9a\x921k\xd2\xa9"\xdc\x82\xf5\x87Vf\xf7\x8de\xbd!\xe4p\xc6\xac+V\xab\x15\x07.\xb3j\xb0\x8d\xc5\x13\xdf"\xcf\xad&gt;\xc0j\xec}7\xa8\x9cYx\xf9\xf2\xed\xcb\xa3\xa3\xd1\xf9P\xc8\xabl\x93u\\&gt;Sl\xbcd4vw\xdf\xb8\xb1lY\xf0\x86B\xbb\xbb\xf3\xa3i\x19D\xa2~^)\xabc\x92\x948\x05\xac\xde\xc7B\xc0\xba\xdb\xcf\xb3\xbcz\xf5\xe2\xc5\x87\xb7/A\xa3\x86\x19\x99\xb8\xa3\x83\x96\xcb6\xe6AX\x15\x97\x94\x8f\xe8e0\xc6@[\x8d\x1e\x1d\xc1\x17"\x16=l\x89\x04\x16)nM\xc2\x00!l\x17\xc0\xa4r\xb1\xc527:\xef\xdd\x85~7\x87\x12"\x858\xff\xc2\xb9+l\xd8\xa5\x8d\xc6\x8aS\x97\xf3\xc5\xb2\xb6\x07=\x0e\'\xd4\xd8\xb1\xbb\xeb5\xc8\x1ah\x99&lt;r\xb0\xa8T\xfe\xeb[i,maNN\x83\x12\x96\x9a\xd3du\xbb\x03\xc9\xae\x9eAYN\xc9\xa9Y\r\xdap\x8c\xec\x8c\x9c|\xb1B4\xdd5\x90tolXc\xc9d\x97JA\xa3\x95\xb2h?N&gt;\xbdI\xff\xb2\xbfEP)\xf7\x7f\xfa\xad\xf7\xe3\xbb\xc7\x9c\xcc\xacB\xed\x05\x96\xb2\xe7M\xc09ov\xba\xdf\x07\x1c\x03\x03\xaa\xaa\x9c3\xb3\xb3lM\xde\xb8F\xd3|\x05\xa5\xc7\x83.\xa7\xd7\x1c\xd8\x08\xc0r\r\x04\x06\x06\x15,VCC\xc7\xadW\xaf\x9f\xdd\xbc\xff\x05o\xfa\x11\xd5\xab\x8f\x1f\x11V\xfd\xb9\xa2\xd3\xe72\xfb{\x06\x06\xbc/F\xbd\xee\xf7\xceQ\'`\x15\x9e\x86\x81\x90\x98\xb1r\x9b\xea\xebK\xabToz\x16\x0c\xc9\r\xa7\xc10\xfd&amp;0\xa0R\x8a\x1b,z\x99\xee\xd6\xf2\xd3\'\xafo~9.\xa0\xfa\xeb\xc7\xbf\xff\xfe\xf8\xf1g]\xfd\xb7\xb3\x19\xb94^\xbfJe\x88\x18\xc0\x90\xa4\xc390X\x95\xa5\x85\xb1\xaa\xa0\x80\xc1h\xe2p2a\xe8K\x0ct%\xcc`\xa8wA\xd4\xd35-\x92\xb1.Z\x1ad}\xbd}\xf9\xe5\xcbOn~\xa9\xd1\x99J\x7f\xf6\xf4\xec\x1f\xbf\xff\xfe\xf3\xbb\xde\x1a\xce\xa9\x8a\x8cs4\x9aX)2D"\x06/\x04}OW\x7fMY\x16\xba\xc5a\xc0\xd6\x04\xbbr\r\x8c\xc8\xaa\x1e\xd5t\xcf\x7fx7\x9f\x906\xf6-\x8eoB\r\xcc\xc2\x85\xb30\x8b\x90\xa9\x99G\x98!\xc1\x99\xe6_\xb9`bso\xfeL\x1ec\x86\xdc\x89\x99PG\x1c\xd2\xe0\xc2\xa1.\xba\x10b\x8a$&lt;\x1b\xf2\x84\x10C\x8a\x8b\xe4\xca\x15\xb4\xe2m\x84\xa0\x81\xb7\xc9\xc2\x17J.\xedB\xdf\xaaP\x8b\xb8\t\x82\x12\x88\xa0\xd7\x8b}\x9bw~i\xb9w\xf1\xb6\xc9=\xe0oQ\x04?\x9c\xdf\xf9\x9d\xdf\xf7\xfb\x9b\xd3\x1d.^\x87\xee\x10\x85#1\xb9H\xabrS\x16\xe5\x8cP\xe9W\xba\x86~&lt;\xcaI\x9d\xee?\x9b\x99\x1a`\xedi\x19\x03\x86\x85\xa3\xd3\x07\x8bo\xe2\xdcNz7_\xf6\xa1\xde\xff\x15\xcc\x1b\x82(G\xf3\xb1\x1d\xe8\xfd\x89h\x02"\x1c\xe6Uz\x92n\x1fw;\x9d\xe6\x7f\x9b\xd7\xdb\xfd\xc2\xfax\xa2v\xd6;VW\xad\xe63h\xf6\xf6H\x86\x14\xd4ppv6\x1c}\x17\x8b\xe5\xb3\xf3\x10^`B\xf6\x0ba\x95\xcb\x9el\x1e\x05\xc7%\xc29\x9e\x0f\xf2F\xb5\xe4\xa6\x8e\xbb\xeb\x0f\xbbW\xcd\xbb~\xed\xe2\x83\x8f\x9f\x9d\xc4\xc3\x87\x9d\xd1Z\xcdk\x18\xb6\x82DW$\xbfP2\x06i\xe3t8\xe8\xc0\r.\xf0\x1d\x08\x0bd\xbb7\xd4\xf4\x85B\xb8\xd1h\x84\x12s\x04UZ\x10hU\xe5y\xda\xdd&gt;&gt;\xee\xac[\x9b\xbf\xf7\rk\xe4\xac\x91\x92\x9e=\xfc;\xc2\xb2\xcf\x98\x01\xcb\x1a\xd1\xeb\x17\x1e\xb9\'1\xa3\xdbOjf\x0c.\x84\x05\x96\xd6\xaas\xf9P@\x1baH\x06s\xfb\x9d)"%\tE\x95\x87\xbe\xd5\x85M\xec\x02\xd6v\x9f\xb0&amp;\xce6\x051\xb0\xfe\xd3h\xb3\xe6u\x19\x10V\xc0\xf4\xddw\xcb\xec\xa3\xb1a\xbd^\xab\xdd\x9b\x19\xedU\x96.`\xeaXG\xc1\xddz}\xf3v\xbb\x81!IR\x92\x08\x82\x90$\x81\xe61\x9e\x12\xbbP\t\xde\xdf\x0f\xfb\x86\xd5\x9au\x8af\xd3O\xa8\xb6\xbc\x80\x15\xb0\xee\x99X\xf6\x07V?\xac\xfd\xe1\xb1\x06\\\x17**Qg5\xad\x9b\x02\xbaQ\x8a\xf2\xfa\xbcv\x97\xcb\x00X\x8aD\xb0,\x80\t\xea\x94M\xa6De}\xfd\xb8y\xdf\xaf\x92\x9fh\x1d\xa4D\xd3\xdf\x02\xdeZ-\xe4\xb5\x00\x16t\xf4g,\xf1X;&lt;cF\x9e\x1e\xbd5\xe8 \x83`\xce\x9eFHQ\xa4\xbc\xd0(\x00\xcb\xac(\x9a\x08\xe2J\t\xf4\x94\x8d7\xe0T\xe4i\xf7\xf8\xbeO\xaf\x95`\xf3\x17i\xe6\xd9\xc3\x1e\x16%\x9a\xad\x08\xeb)\xab\xd7\x0c\x8f\x93\x08\xcbj\xb2\x8e\x8e\x9aM \x1f~~\xf23\xab .\x940Q\x89\xecI\x8a\x12!\xbefk\x8a\x87\x92\xb3X;\xdd\xbe\xf5\xad\x91\xca\xa7\xf0\xd8\xb3g\x80\x95\tQ\x16\xc8K/[z\x8dfX\xb1B Go\x8d\x98"\x04\xb8\xc6\xde\x96Q!\xd9W\xab\xc9b$\x12\x91$\x94.\x94\xadI\xde\xe7\x08\x85\xa8N\xa7\xd2\xaf\x97\x88\x91\x95\x93\xe9\xb1H\xc0\xec\xeae\xab\x87\x05\xc2\n\xb2@D\x90\x11\xb4Bi\x13,\xc1\xf6L\xd9\x13VR\x8a\xedcy5\x93\x91\x8b\x11\xf4\x1bh\x17\x9d\xf4\x14-br6\xe3\xb3\xde\xdd\xf6\x0bkh\xfb(\xec4P:\x9d\x17\xb0P\x1f\x00\xace\x96e\x97Y"\xa2\x90dW\x14\x15\x02l\xe1\x93\xc3e\xd0\xf2l\nN^\xb1-g\xae2\x14\xa2\x85HB\xb6h\xbe\xa8\xc8WW&gt;\xe5\xb0ow"t\x88E\xbf\\\xc6\xcdb\xa8\x0c\xdd\\\xd7\xc3Zf\x81\x84\x90\x8ab\xb1\x88\x8e\x9b$\x80\xf7I\x82f\x16rj\xe1\xa2Ph\xaf^]\xad\x16{\xe7\x10\x95\xbc\xe0\xe4\x8b\x92|\x959\xee\xdco\xf7\rk\x04\xda&lt;\x95\xf1)\x8a\x0f\xeej\x94\xae\x08\xfb\x07\x16PI\x04\x9d_;OO\xcf\x95\x92\xc9\xc4\xd2\xbf\xcewr\x9b\x85B\xe2\xea*\xc3+\x90S\x16\xb2\xe5,H\xedvQ\xce4\xbbl\xa5\x8f\xc2f\xa5\x95"3eE\x91\xa1\xe6G\r:\xb3\x96\xf8\x13K\x82\x83\xe6Y\xfa\xed\xb75.\x18\x9c\rrK\xe7\xe7K\xbb\xb9\xc2En\xf5j\x95/\xa2=L\xa5\x9cB\xa1\xd8n\x1fSp-\xde\xdd\xf6\xefIph\xa4r\'\xf9&lt;\x18\x16\xca\x84\xbc\xaeQ\x1d\xa9D\xd8^\x10\x124LB\xa0\xc3\xf9\x18x\xc5\xe9D\x14I\x06nwW.\\\x14\xe5\xd5\x10\xc5(\x92V\xeb\x17\xdc4P\xc9mA(\xf6s\x0f\x91\x0e\xbc\'\xacSo\x83\xe5L\x13$\x0c\x92|{\xbd\x077S\xc0\n\xa7\xcdI\x83\t,5J\xb3u\x88\\\xae\x9eH@!)m\xcaK\x19,f\x8df\x9c\xb10\x8cH\xc9\xfe\x851\xe5\xb0\xd2\xcf/eC#+O\xd8\xef\xe7\xe6\xf0L\xf3\xdf@%\xeaHk \x80&gt;\xee\x04P\x03H\x96r\xe1\xdcf\xa3\xd1\x98\x9d\xcd\xf5\xc0r\xb9\xb6 I\n\xb4{\x8bnf\x86a\xe0z\x14\xc5\xa2~\xc1O\xdc\xaf\xf4\xf5Ywh\xa2\xf2\x9f\x85d\x92\xcf\xd4\xd0\xa7\x82\x9eB\xb6\x9a\x9e\x9a\xf6\x10\x15\x94t\xaa\xd1(@\x96\xb8(l \x07\\\xaaZ\x14\x04\x811\x18,`\xdf\x0c\x16\x12a)\x91\x08{x;\xd2o\xebs\xffK2\xa9\xd6jM\xd77.\xab\xf6\xf1c\xbd\x1eu%T\xd3j\x18jjggg\t\xa4{\x14\xd4\x9f\n\x81Y\x18\x8b}\xde\xe7\xb2\x90p#Q\xa4\x04T\xdb}~\x9a\x87m\xbc\xbfN\xaa\xe5&amp;\xca\x16zA\x9e!\x87\xb5 \xba\x92\xc9T#\xe5\xa4\xc3\xd9\xdd\xf4\xd2\xd2R:\xbd\xb4\x86\x96\x9d\xddh8h4b\x98\xc5\x1e\n\xf9\x90\x96\xe0)\x85=\xacl\xf7\xfd\x9b5\xe2\xfa%\x97A\xc9Br\x0f\xf6g\xfc\xd1\xc2\xc2\xdc\x1cT\xba\x1aL\xe4\xc1\xaf\xae\xad\xa5wQ\xc2v\xc1\\\xc0\xca%\x82F\xcc\x82\x87\xca&gt;\n$!\xce\x13\x83\xa0B\xd3\xa5+g\x8dU\xa8\xadQ\x9063\x06\xbba\x0c\xce\xc0\xe2\xec\xec\xfe\x9b(\x17K\xa7\xd31.\x1aGG\xb1\xbe_\x8fW\xb7\x9e\xa3\x7f\x08c\x18^.C\x9f I\xbcx=\x08\xaa\xaf\xf9jm\xae\xc2.\x9a\xc1e\xd8qlr\xac4\x15\x8e\xc7_\xbcx\xc7q/\xe2\xf1\xfa~/\xe2h\xa9V\xc1r\xaf\xa59\xa3\xd1\x01X8\xa3(\x0cq\xbf=\xa0\xa9\x03\xe4\x17\xe5oX\x06\x9cwONE\xdf=\xdfzU\x8d\xc7\xf7\x0f\x0e\x0e\x10\xd2\xc6\xc6F\xb5\xba\xf1\xaa\xfa\xaaZ\xddz\xf9\x01\xec\xb4\xc3\xf3-[\xca\xf5\xed\xc0\xe6\xb8\x86&amp;Z9\xd0\xbe\xe6HD\xb1\xe086\x15\x05\xcf\xffr\x0b\xbda\xed\x9f\x9e\x9e^^^\x9e\xde\xdc\\^\xdel\x9c~y\xf5\xf2\xc3\x07(\xfe|\xb6\x9c-\xfb\xc4qF\x94\xfa\xda\xde\xff\xef\x12\xfa\xc4\xe3\x06R\xb3\xa7ax\x1cs\xc4\xa0\xce?&lt;\x87\x1d\xab\x02\xcf\xc9Q\xeb\xec\xacr{V\xa9\x1c\xb5N6^\xff\xfaz)\x16\x8by&lt;\xd92\xce\xf8\x99\xeere\x80Co\x0fVNTd\x154\x1a(.G6\x96^{\xfd\xeb\xf9\xd6\xc6\xe9\xe5\t\x00\xad\xac\xdc\xc2O\x05\xb0\x8en\xaa\xe7\xaf\xd7v\xa7\xa7\xa3\x8er\xd6cg\xdcX\xf1pe\x803oC\x13g\r\x9e\x02\xaf\xa5@q\xe16O4\x0f\x82ag\xe3\xf4\xf4\xe6\xa8\x85r\x85\x98Nn\xbe|\xa9n\xa5w\xb80\x8d\x05\x1d\xd9\xac\x87\xb7`\x98T\xd9\x1e\xe4(\x1e\x14=\xcd\xf3\xe8:\xc1p7f\xb3\x05\xc3\xdcN\xac\x1a\xaf\xc6\x0f\xa0\xa6&gt;\xed\xef_\xa2\xa8oT\xe1\x0e\n\xd3%\xda\xe6\x01,\x0c3b\xc9\xdb\x81\x0e\xd9\x0c\xfd\xd8*\xf1\x10p\xad\x80s\xc6\x1dF\xda\x98\xe0\x12\xf5D\xee}/6{+\xd2\x10p\xfd\x94\x04\x0c\xda\x83\xc7\x86a&lt;}\xb72\xd0\xb9E(\xfa\x068d;\xba\xed\x0c\xc3\xe3\x8c[\x10T\x1e\xee\xe6\x8b\xbb\xe4\xc5W\xa8\x8b\x8b\x8b\xf7\xb9D\x98\x16\x9cN\x01\xc3\xd1[.\x86a\xce\xd6\xf6`\xc7)A?\xab\xf0w,3\x16\xbbe|\x9c\xd4\x10\x84_h\xb7s\x05\x02\xf4;H\xe5\xcd\xcd\xf7\x80W\xcf\xa9\xc0\xebt\xbaq\x8f\xc3\x06\\\xeede\xc0\x83ep\x16g1h\x12\x8c\x01\x8d%\x91Z\x96\xd5J)\xa0AD\xb9\xcd\\/\xea\t\x95v\xbb\xc7\xfc~Q\xf6\x01\x95\x8dO\xb5V\x06&lt;{\xfa`\xa2\xb5ht\xa0\xc7#\x97\xcb\x02\xa2k/\xa2\xd7\x80\x82P\xc3\xf5\x04\x12[\xbd\xe0\xa2\xc6\xa9\xa9\xc9\xb11\x86\xf2\xca\xb8\xcd\xe8\xc1\xafo\x07&gt;=?\xf2\xf1\xd3\xb4\xc7\x81\xe3\xf3\xf6y\x10RV\xadV\xe3Gj\x0b\xdd\xd6K\xd0]\xcf\xd7@p%\xc0\xdbONNZ(\x19a9\xe8\xfb\xed\xc1\x8fR\xfe\xe3s4\xebq\xf8|\xf6\xf9y\xe8\xf7@\xe5/!\x8f\x01P\xa0g\xd0\xba\x0b\x05\xef\x06\xaaI\x8c\xa2\x00\xcb\xe6\xf8&lt;\xf8d\xa1/\xfc\x1c\\u\xa0\x0bp\xdcNj\x1e}?\xe6\x843\xa7Ns\x1c\x08\xac`\x18=\x96\xe6\xe8\xa2\x80\xb0h\x9e\x92\x1d\x0e\x0f\x7f=\xf8d!\xach&gt;\x9f/\xa3\x8d\xe4\xdd\xce\xb99\xa7\x13\x89f\x9a\x86\x96Pp:\x0b\xbd\xf2\x07%_*\xd1*/\xcb\x9e\xf2j\xe9\xec/\xf8\x7f\x19C\xdbG\xd3\xe0\n\xb3\xd0\xbe\x1d\x0eGpqnn\x0e\xa8\x04`\x03:\xf8\x81FQ\x80\xa5QZ\x9c\r\xcar"\x9b]\xfd|\xfb\x17\x8c\xa6\x03\xd6[\xb8\xa3c\xf9&lt;\x90\xbd\xe3\xde,~j@m\xd1\x88\xa8\xd0[ [\x17\x17\xa9\xc6\xe2\xdb7\xff\xe3\xe5\\`\x9a\xca\xd28&gt;\xd8\x96\xb6\x14)\x05b\xdc\x96\x16C\x1bR\xdb`\xbbM[dRr\x9b\xd6\xa5\xb1\tE\x11A\x1a\x06J\xc8\x80Xy\xecb#\x92 H\x19 !\x85\t\x01,\xc1\x98H\xb4\x12\x1d\x83\x12\xa3&lt;\x16\xd8(B\xd5\x00\xcb#VW\x86\x87OVBV\xd8 d\r\xd9\xfd\xbe[\'\xeb\x9a\xd9\xcc\xec*\xfd\xa7)\xb9$\xbd\xfc\xf8\x7f\x8f{N\xef=\'\xe5\xdbok\xea\xeb\xbf\x1b/\xf7\xf7\tVFJ=Lp\x00\x0c\xaa\xaf\xb8\xab\xb0\x0b\x02(i\x8a\xc1\xa7\x99\x9b`bv\xfe\xbc\xe4\xfbW@u\xb6xh\x08l\xadW\xbf\xbd\xe8\x03,\xff\x8b\xe3\xa6\xa4\x9a4\x98\xe6\\\xaa\xbf47WP\x9c\xed2f\x98$M I\xc6\xf1\xc2\xf30\x85\xcd8\x7f\xbe\xcbU\xfc\xd8\xe3)\x80\x11W\xea\xf1a\x9f`\x1d\x1a7)\x93t0\x02&lt;\x99v\xa6\xd9\xfe\xc0\xe3\xa9\xceN\xca\xb8\x9a\xe1\xd5\xb5\x9b7qT\x9f\xfdC\xb5\xa7\xb7\xb7\x17\xb8\xf6\x1b\xe1z\xe8\x83\xe7\xe5\xe9\xe5OStF\xa1.\xadn\xee\xe4I\xfb\x88\xbd\xb9\xd9\x03\xf3\x8b\xec\xd4l\x97\xcbu\xcd\x95\xbd\x7f\xe8Bu\xf5\x85\x82Sy\xfdv{sYAq\x8a\x10\xb0\xbe\xf2\x81[\xe5O\x95j\x16\xa1LM\x9b\xab\xab\xb3/--9{O]\xa8\xbe\x80\xcb\x0b\xe0u\xe1TY\x19\xdewm\xb6;\x9d\xf6\xde\x82\xe2\xab&amp;\x89o\xb0B\xcb-0]&amp;\x84\xc2T\x98A\x03Vf\xa6\xb9\xb7\x0ca\x1e\xe3C\x11e\xbd\xbd\x0f\xf2\x8a\xfa\x9b\xcd\xed\x99\xed\xfd\x9eb\x97\xc9D\x1cx[\xee\x0b\xb7\x1e\xfd\x11&amp;=\x04\xa1\x15\xa6\xa6yz\xed\xce\xcc\xccL\xa7\x1dW\x85\xe4\xe1\x13\x06\xfd\xb8\xb8\xc6\xect\x02\xad=\xaf\xda\x95!1\xb1\x1a}\x81E\xf7\x7f\xd4\xa4T\xb2\x0c\x86HI\xc6\xfe4O^\x11re\xb6\xb7\xb7;\xf3\xdb\xbdr\xb6\xb7\xe3\xaf\xbcT\x12V\xb2O\xb0\xbe\n=\'Q\x87\xb1\x0cz=\xd1\x94R\\]PVDB|\xa2%g\x7fY\xf5\xd5\xc2\xef\x0f4&amp;\x8f%\xfb\x06\xebG\xa1*\x82%\x97\xebc,FWv\xf5\xe3SEv\xe7\'d\xed\xe6\xe6\xbc\xc7g\xafvI\x1a\x1b\x1b\xc7\xc6\xc6|\x12\xc4\xb8a!\xde\x96\x93\x1bb,\xa6\x0cW6\x14_AYo\xb3\xdd&gt;\xe2t\x8e8\xa1.GF\xecEe\x05C\xd9\xd0\xc9\x8eK\x1aY\xbb\xc7\xc6\xde\xf9\x04k\xdc\x98\x08\xf3dC$Hk2\xa6\xa0\xb2S\x87\xd2\xce\xe07Iu\xf8\xedV\xdaPj*\x8c/\x12X\x12\xad\xc9d\x1c\xfb\xdb\xbbr\xba/\xda\x96\xae-\x9e%2\x18\x0c\xfa\x98H\x890))\xc9h*,\xc4\xf53)\xa9$#\xfe \xa9\xa0Z\x81{\xf7\x8bw[~\xa9\xa6\xfb_\x1c\xce\xa8\xa9I\x8c\x90{\xb1\x08\x96\xd0(\x14j\x9b,\xd6R\xabEk"L \xa3:E\xadD\xaa\x03\x910\x14LQ\x8f\xbd\xdb\xea\x81\r=\xb4\xfcO\xd7j*k\x12Ur(E\x0c$!aI`\x84\x1c\x83X\x91Z\x18E``\x81T\xc8\x92\x83\xa1p\x90\xa2\xfb\xe6\xd5\xb9\xad]\xacE\x0f}\xf4\xf7\xcb\x97\xeb+\xdb\xe2!\xb9\xa8T=\x90E\x12\x84\x89\xd06\xc5\x90vY\xacVK\x8c\x17\x8bE`\x98#\x89\x84\x14\xddw/\xdenir\xd1\xe3\xce\xdd\xdf\xec\xb9\\\xd9\x96\x18\x0fn1\x18|&gt;_a\xd0\x12\x04\x11\x13\tD\xa5WJ\xad1\x90LBc\x92Q\x08\xd31\xe0\x06\xac0\xb5:\xf1\x9bW\xc3[g\x17\xdd\xbf|\xf8\xfe\xca\xb2\xfb\r\x98\x95\xab\x92S\x19\x0c\xab\xd5\xaaP`AB\xe4"\xc1)\xab\xc5$$\xa5\xc5\xa5e\x8c\xc3G\xb2\xe40\xdbW\'\xdeY\x7f\xb1ea\xa4\xc7U\x8d\xdf\\q/\xbf\x7fS\x99\x88Xz&gt;Ca%\xc1\xf40\xf9\xd1j\xf5\xb8jL\xe8M+"rA\xa1\xd8Kb\tu\xba\xc4\xca\xf7+\xaf\xb6f\xb2O\x0f=\xf4\xfa\xaf\x97WFW\x97W\xde\\O\x8c\x0f#\x83\xa8P@\x14I\xe9\xb1\x8bAU\x86)\xc3X \x12\x8b\x7f\xf8\x88H\xceR\xeatm\x95\xef\x97\xd7\xb7\xa4I\xe02\xf8\x7f&lt;\xe8\x01\xac\xd5\x95u\xc4\x8a\x88\x96Q\x19|\xab\x15\xb0 \xf1\xe1\r\xa0 \x8d\x94a`\x15\x01\x88\x0b\x0b\n\xc6\x91,Qr\x82Z\xa9n\xabt/\xbb\xff9\\\xfe\xa5\xfd\xf2\x0f\xad\xba5\xfd\xb0\xa8\xb9g\x14\xb1\xee$\xa2[\xd1"*\xffk\x14\x82)\x18$\x96R\xa9bE\xb0X\xd1\x04b\xe5P\x81\n\x1f\xe0W\xb7]w/\xaf\xbe|5\xfe\xe8Kn/@\xf7\x0f=\xf4lq\xa0\xb5\x15\xb1\xe67V\xddw \xb5\xc2T\x11\xe9\x88\xb5o\x1fr\x81_l\xc0R\xc10\x8c\x857\x9e\xd2\r\xd4\x85\x1c\xc4\x02*\xa5N\x99\xb8\x0eX\xa3/\xd7\xef\xffX\x15\xf7e\x1e\xc2\xa3\xd3\xfd\xe3\xaa\x9eMM\xb6\x9e\xfe\xfd\xe9\x83\xb5$\xd6\xf2\xf5x/\x16\x9b\xb1\x17\xb8\xbe\x868\xea\xa9T\xb6,=::B\x15\x01/\x16\xc67\'\'\x87-\x92\x93Xaw\x00kcc\xd4\xbdyv\xf1\xd6\xb3C\xa1\x9f\xbb\xc1\x00\x1d\x8d\xbawkz\xa0A\xca=-\xe5j\x10k\x1e\xb0rs\x11+Z\xc6\xe0\xefE\xbb \x8a\x0c\x06#\xc7\x0b\x16\x01^\xa5\xcb\x00*G\x06\xc7*%`\xed\xfe\xdd\xfa\xc6\xea\xc6\xfc\xa8\xbb\xe7A\xc3@\xdf\x14\xb9U\x04\xfds\xa2\x17W\xf5zz\xa0UZ"\xb5\xd9\xb8\\\xee\xc1\x0fX\x95\xb9\xb9*\x12\x8bJbA\x18\xf7\x82\xf8\x0c6\x80\xa0d 6`\xa5\x83{\x80\xa5\xdc=\xf6rcu~~\xb4g\xa6Vs\xf0\x0f\x83\x93\xcf_\x7f\xc6\xce\x07\xb81\xc6\xf3\xbe\x87\xad%\\\x1a\xd3a\x93J\x994M\xed\xcc\x06b\xbd\xcfU\xa9\xc8\x0cb\xf3\xc9\xec\xfa\x89\x0c\r\x03 \x10b\xb1\x91*\x0c\xb1T\x80\x05\x1ft\xcf\xac\xd95\x1a\x0e\xe7\xf4\xc3\xc9i\xb4\x8c\xfe\x7f\x1a\xb589\xd8-\xe50\x1d4f\x8b\x83+\x153\xbdX\x1b\xcbu\xf1\x1f\xb0d9\x18F/\xd8&gt;/\x16\xe0\x800\xb1dH\x85XBtk\x1e\xb1F\xcc\x1a\x8d\x06Nu\x1ab\xf9\xfc\xf5\xff\xbc\xed\x07\x96\xde\xd4\xf4dC\x89\x94\xcbeR\x04!4\xb1\x83\xc3er\xcc\xb53\xee\xd1Q\xf7\xf2rM\x18\xde\xe9\x8dFg\x80\x8b\x8fhd\x14\x19T6\xd5kXN\xce\x82V\x18\xa6"\xb9\x84\twV6FGG7o\x9b\xcd\x1a\xae\xc6\xc6\xb4\xd9\xa4\xdd\xad\x0f\xfb\xc8\xf4\xa7\xff\xea4\xc7\xadV\x9e\xf7\r\xb6\x96H9\x1c\x0e\x93\x1621\x11\x18Har5\x1as\xed\xed\x9e\xcd\xcd\x9e\x99\x99K\xba\xf4t\x96J\xce\x96\x19\x0cT&gt;\x9f\x81\xcb\xaa\x81\x89\xf1\x11\x96,r\xc1\x04\xfd&gt;9ywB\x02K\xfd\xa6\xa7\xc7\xbd\xb2\xf9\xe0\xa0\x8d)\x95BJ\xd0\x98\\\xa9\xb4\xa4\xbba`\x1a,\x0b\xf5\xff\xd5\xa5\xb78\xd9\xd0-\x853 \x96\x83\x17"\xd8\x16H\xa1q\x9963r\xcd\xcc\xac\xad\xd5\xd5\xb3dZB\x9e.7\xc8H,\x06\xe9\x14\xc9\x85X\x98\\0\xce\x12\xb2D"\x91\x9c \x84\xf5skk3==Ew\x1d\x88\xc5D,R%\r\x83\x03\x8b\x08F\xff\xc5\xbeY\xf5z\xaao\xb0\xbb\x04\x84Tp\n\x07\x8f"\xa0P(\xccp\x0eSc\xbb[[[;22\xb2vF\x89\xc3\x06\x98d\x18\xe0\x02\x04n\x01\x1b\xf5#,|\xd3B\xb3\x17e\x01\x96\xc9\xe5\x81\x99\xf7\xda\xed\xdbwm\x90\n\\8+\xbaErq\xb8\xdd\xad\x03\x8bd\'\xfb\x85\xbe\t=\x8a\x84\n\x00q8\x90\x07\x0e\x87X\xc0\xa3P8\xe1A\x10P\x87\xc3\x96\x9f\xbf\xb44R\x97\xaa\x05,\x03\xfcy6\x89E\x02y\xb1\xa8l6\xd5\xdb\\\xf1\x99E\x11\xa1-,\xce3\xe3\xfa\xfe\xfc\xfc\x16\xc4\x82\x17\x93\xc3\xc5X !WZ\xd2:I\xee-C\xffo\x19\x05\xc1\x83~\xd0]\x12\x0e\n\x08\n\x0e\n\xc0\x18\xda@\x9d-&lt;\x1e-\xea\xc6\x8d@J\xc8\xac\x1f\xaf\xa5\xa5}dn\xc8d\xb1Xp\xdc\xa0\x87\xa1 bAV\xfd\x1b\x0b\x8e\xc8\xce*\xcf:b\xb1&lt;y\xdc\xdf\xd1\xd1\xd1\x82r0\xe1\x8c\xa4[\x1f\xc4\x14\xd38RH\xb2\xa9{?\xdba\xa1G\xdd\x83\xd2\x1b\x04(\xa94\x80TTPP\x10RqlG;;\xfd\xfc(\xc1\x81\x81\xb1\xb1\x13\x13\x13\xb1!!\x1dK\xcd\x05.Ki)\x8e\xb4\xf4\nh\x0cd\xb2\x93\\T\x14\x1e\x89"vF$g\xed*}\xfa\xe4/\x1e\xe7\xec\xec,\x9cC\xe0G\x11\xd3\x98 x\xc7\xff\x182\x84\x86\xde\xd1 \x94\x93\xb7~\xa6]\xf8{\xa1H\xa3J\xe0\x8d\x84\xba\x11\x14\x14L\x13\x83Y-\x9d\x82\x16?\xde\xb6\x8a\x8a\tR\xb1\xb1\xb3\xed\xf6\xbc\xe2\xc2\xa7\xc0\xc5\xd7\xeb\xa1\xa1\x92\x9d\xe1\x13\xac\xf4\x9d\xc9\xf2\xac]\xbf-\xed:\xeb\xe9\xef\x98\x9d\x85\xcf\t\xf6\xf8\xf1\x80K,\x16{\xe9h4oMb(\xa1,\'\xa7&gt;\x05\xc3\xbd_\x06&gt;D\xcf\xebV\x14\x84\xec\xc6\x8d\xe0\xe0m\xdb\x8e\x1e\x05\xb7Z\x1c&lt;\xde\x8e\xd8\x8aX\xb4\xeb\xc4\x89\x8a\x10\xa7\xb3\xb9\xe0\xea\xd3+W\xaeX\x15\x88\x05u\xf8\t\x16\x83-\xda\xf9\x9b\xac\xc3\xbbJ\xbb\xaa\xf3\xcc\x1d\x08\x05\x9f\x0b\xe1\xf1x\x0e\x80\xe2\x91X4\x14\x85"f\x82m\x1cL\xfe\x87}\xcf\xef\xfd\xc7\x86OP|\xc0\x14\x15\x85X\xe1\xd2\x00N\x90\x97\n\x92i\x9bXL;\xda\xd2\xd9B\xe1\xf9\xed\t\t\x8c\xdd~\xec\x04*6\xdf\tv=\xb9\xf2g/\x16\\\xab\xc9\x18\x92\xc9\x05\x1d\x03[\x05U\x1e!\xda\xb5\xab\x14\xd3\xbd\xa3C \x988q\xec\xd8\xf6\x1d\x14R&lt;?\xdeOn\xd1\xc4\xc0%\x06\xd7\xc8"\xe8\x1e\x84\xd6\xffQ\x83\x85\xf0\x85\x87G\x85Ga\xedq\x03\x02\x82H\xac\x8a\n\xc0\n\x0c\x0c\x0e\xde!\x10\x08x&lt;A\xe7\x9e\xc0\xed \x04\xdb\x93\x9fo\xfeW\x15\xe7\x17\xd2\xd6\x1d\xc5\xf1\xdc{\x154\\\xd3\xeb\x85{\x03I\xcc\x83\x85,,\xec\x16|Y\xd4@\x05\x03c/\x85&gt;\xd5\xe5IX\x11\xffp\xabk\x8dkW:\x02B\xc9K\xe8K\x97\xea\x93\x10\xc1\xa5\xd8V\x14F\xb4\xcc\xbd\xd8Q\xa1\x16\xc6\xb6R\xbb\x16\xd7&lt;\xf8X\xc1A\xe9\x8b\xd3}\xbf\xe7\x17\xb5;j\xd3\xd6&amp;~\xee\xf7|\x7f\xdfs.m\x9d\xd8\xfeK\xc9\xd5E\xac\xfe\x13\xac\xa1tO\x13\x8e\xe7\x99\xcf\xce\x7f\xfe\x1d\xa8nMW\xfcr\xd9qA\xd5\xe6F\xa54\x1cl\xb1\x984QD\x93_\xb6\xb7\x0b\xd8i\xf2\x03j\x95\x86\x8a$\xda\x83\xed\xc4\x02W"\x01\xaeB\xa1`\xba\xb6\x16\x8fk\x9a\x17wL]\xb8\x1c\xc7)Wg\xd6o&lt;Xy\xfd\x1b\xf4\x12\xb5\xfa9\x08\xc9\xd5\x91\xcdv|\x81\x15\xa2\x93\x7f\xb9\xf1j\x81T\xc8\x85\xe10\xca\x01\xd0R\\\x03\x97\xc8\xd5|\xdc\xc8c\xacV\xc6\xc5\xd5\xd9\xdf\xff8\xfe6A\xab\x89\x103A\x81%B\x96e\xf1\x03\xcf,\x14\x8c\x82\xe1\x1aZ\xdcC9z\xb8Q\xc3\xe5r5\xf3x\xfb!\xdb\x98\xe5\xa4\x16,Q\xab#\xdb\xd3\xd4\xdf\x84\xa5\xa6\xf3\xe7\xbb+\xf7n\xacW*\xa5ry\x18\x05,C[ZZ\x8aS/\xb8\x8b\xbdk\xfe?\x96pE\xbe\x99\xe5\xb7\tbZ\xa8\xe3\x17K\xc5\x18\x0c!\x0e\x87Lk\x06C\xb5\xd9\xb0m\xc3\xb4t;\xee9\xacp\xd8R\\K\xd1\x92\x7f\xf1\xc6\xbd\xf1q\xb4\x91\xfb\x03\xb1\x00\x85q\xcdc\x89\xe1}\xa6\xb3s\x1cT\x17\xab\xd5RIq\x85\xc3:.\x0f\xa5\x19\x86\xa6\xd94Y\xf2\x18\xe9D-\xa4Fju\xf5\xea/\xeaP\xc6VWcr\x0c\t\x86\x83\x91\xdf\x90\xca\xf9\x88Q\xc1\xf2\x1cCw\x1d/l\xe2\x8d\xed\x88;\xa5\xb2?\xb1\xbd\xb0\x88;\xd6\x9e\xec\xcd\x9b=\xc0jI76\xaftO\xba\xe5\xdc\xf9\xf3B\xb5c\xdb\xd1\xe4\xb0R+\xecjR6\xf04\x1b\x17\xac$\x13\x97)(\xe6~\nS\xef\xaa\x0c\xa4\x00\xb4\n\x92+\xc5\x02\x18\xb00\xfb\x8a\xbe\xef\x97\x0c\xa3\xbb\xdbu\x1cWO\xea\x8e\xe7\xea\xba)\xbe\xc7\xa1*\xd1\xf5\x8b\x8b\xe3\x83c=\xc4B\x07\xd3\xd9\xec\xe5\xcb\x97\x81\xd5\xd1\x81{\xfcO\x1f\x8cd@\x85g\xe3\xe9\x8e2\x97Py\x9a\xa1\xe8\xa2\x1fa\xb5K\x05#A\xa4\x18\xc6\x12\xc1~\r((f\x03\x7f+\x02\xa1jR\xc5\xe2F\x1e}\xc4\x0b\x18\xba\xae\x03\xce-\xb0`\xfb67Y\xaa\xcc\x8c\xdc\xbe\xb4\x88{\xe9\xec\xcdlK?\xf6g\xb5\x0c\xf2\x9f\xcf\xb7t\x9e\xfdr$W\x89\xdb\x88\xba6\x18 \xfc\x11\x16M\x1f\x8d\xca\xab\x02+\xd9p\x95j\xa1\x8c\x97\xd8u\x0c\xe5\xd9g\x7f\x06\x98\xa2\xf4&lt;X#\x14\xaa\xc6\xb5\xeaG,V\x00\xf3iP\x84\r\xc8\x14V7&gt;\x98A\xa5\xea\xcc\xf4\xe3\'\x0b\x17\xfa\xfa{\x80\x85M\x02\xc6\xe2.(wgg\xbf\xfa\x9b\x16\x80X\xc8\x9369&amp;\x8e\xe3\x11\x8a\xee\x82\xf4x\xd5\xe8qf\xb1\xacV\x8b\\\x91\x10\xa61a\xae\xaf\xce\xa2\x89\xa9 #\xa1=\x02&amp;lF\x9b\xfb\xbb\xbbGGG\xbb\xfb\x9bk\xb5\xa2\x8f\x81\xc6|\x86?\x92\x86\r&amp;L\x9f\xb66L\xc6\xa8?\x93\xbbu{\xf1B\xe7\x18N_\xd7@S\xcb\xfd\xfb\xfc\xcf\xc3CC]\xf5\x85+?\xccT|lj\'T&lt;1\x9eC,\x0cGL \x03\xaf\xd88\x8e\x92\x13V\x88E\xad$6\xa9Y \x95B\x9a"\xd4\xdb7\x8a\xb57\xef6w\xf7^\xb0\xf6^\xec\xed&gt;_\xab=\xad\n\x17m\xcb\x93Y\xe8\xde\xc1\x0c\xb2\xf9n\xefT3w\xae-\xde\xed\x82\xc7\x07\x06\x06ZH\xf5\xd3\xa3\xa1z}\xf1\xca\xfa\x0c\x96\x06\xf8\x9aX\x93.\xcaa\xc20J\x99\x11PK\xb08C,f}R\xa8\xa8\x8c,\t\xf2N,\x19\x82\x89\x14\xa4"\xd4\xd4T\xef\xd6\xd6\x16\x1e^\xec=\xe7}A\xae\x1a5x\xc9\xba\xeb\x81\x07b\t\x18\xec\xb1S\xe5\xa1(\xc9\x00\x00\x03\x07IDAT\xcd\x8d\x08W\x16\xfb\xa0\x12\xab&gt;T_xI*[\xc3\x9b\xeb\x02\xcb!U\x1c!\xe3"I\xc1\xe5\xc1\xa82\x86t=iZ\x9c\xdd\x10\x8bL\x89\x86bL\xd0X, -\\63\x1b\xb5c\xaa^r\xcd\xf7\xf6N\xbd\xd8\xdd\\{\xff4\x97O\x86GQ\xbct\x18~\x94jar\x03\xab:=\xf2\x04\\Xn\xce&lt;\xba\xffIz\xe8\\\xbd\x0fT\x80\xe2Q\xb1m\x0fX\xd2\xbfF5\x92\x0b2\xe9\xc2\x86\x9f$y\xbc\x99\xe0R\x96\xe2"Z@6\x86`\x06\x8b\xfa\xfeQ\x83J\xb0\x14\x17\xee:\xdf\x17\xf3\xd6\xc1\x01\xe7\x1a4\x03\x1e\xe4r\xbb\xe9/\xad\xca\xa1=&gt;\xd8\x99NC)\xc0\xf5\x8f\x7f\xfdr\xdd\x8f\xbat\x9f\x8b&amp;\xba\x8a\x08R\xf1\xc7\xb8\x8c1\xb8=i\xea\x8a\x8b\x8f\x98\xbcx0\t\x96h\xc8\x15\x0c\x11+\x11\x0c\xd1Wk\xfbp\xd5\x14\x8bT\xe0\x9a\x9b\xeb\xed\x85\xc3\xfeyS\xcc\x87\x8059)\x19/c\x97\xe9E\xdfW+\xec\xe3\xf8\xb9\xa14\xee\r\xbb\xc6\x061\x9c\xfd\x92\xde&amp;\x7f\xc6\x05\x98\xad\x89V\x8e\xebh\n\xcb\x93\xbdKWe4\xa8L\xdd\xd5-\xbaKQQ\xb5`\x00N\x8b\xe4\x8b5\xd5@U[\x87\x87\x82E\xb0\xa9\xb7\xefjE\xa8u0\xe9\xa8\xbc\x1e\xe5W\x94Tu\xb5xUr\xb5^\xaf\x13j\xe5\xda\xc8\x86_j\x0eO\x8e\x1e\xc8\xa7\x81\x85\xb8\xf3&lt;\xbaK\xb84\xa71\x80T\xf3\x14\x94e\x9d\xa8\x15T\xad\x04\x95\x05\xacT\x04Z\x91\n\x10\n\x8b=\x14,\x80\x1d\xe2@n\x84\xd1\xc40vB\x19#\x8e`M\xb6u#\xb3\xcb\x95\n\xb8\xfa\xfa\xeac\xafW\xb6\'\x10Was\x14X\xa2\x97-\\\xd4\n\x82y\xb2\x8a`\x8b@\xa2*w\x19\x86\xab\x9fb\xa1(\x17\x1f\xadP\xcc\n,\'\x10X\xdf~\x10*\xb8I\xbc5\x7fB57wH.\x009^\xa9\x84m\x95)d\x8bZ8\x02\xe8R\xb9\x9a[\x7fyi|\xf0\xd5\xc3\xed\t\x9fr\x8e\xaa2\x89\xa5\xd9\x9e\xccy\xcdA\xbeS)\x04D&lt;\xda\xe8\xe2)\x96*+\xd4\xc0\x82nP+\x96/\xbe\xd9?R&lt;S\xca\xf2\xf3[\xa7`\xf3[\x08\n$&gt;n]J\xa5f\xcb\x0cK\x12).D\x85mD\xfd\xe9[\xf70\x9b\xbf\xdf\xa0\x98&lt;\xab\x05q\x97N.\xcdQE,-\x8a\xe5&amp;\xce\xa9h(}L\x85%\x8f\xe0\xb4B\r,\xacW\x18&gt;\xb9\xda\xbf\xbb{\x8aG\xd0p\x12E\xaf\x06\xd8\xfc\xe1\xde\xee&amp;\xce#lc-\x17F\xf1\x02\rs\xd1\xf78\x95\x86\x91\xcb\xddyvg#\x9fg\x8bu\x0e\xcen~\xce\x140\x17ra^s \x1a\xcd\x06\xb0\x8c$Mo\xa2e\t\xa5\x93\x92\x0b/jZ\xc7b%B\x81X\xaa\xb8\xf6\xe18\x19Nj\xfe\x14l\x1e}|\xfb\x1c\xc6\xcf\xb7b\x9b\x1e]\xc6uA1\x1c\xc7I\xbc\xd1\xdbz\xc6\xcfe\xf2\xe5\xe1v\x1a\x0fXH5\xb5i\xe0\x02\x10\xc2\x9e$*\xc7`\xd2\xe0\xf01\xb4\xa8D\x15\xbe\xb8u\x8aur\x00$\\C\xff\x01\xc4\xdfX\x80V\x92HF\x00\x00\x00\x00IEND\xaeB`\x82'</t>
        </is>
      </c>
      <c r="M275" s="3" t="n">
        <v>45492.67850694444</v>
      </c>
    </row>
    <row r="276">
      <c r="A276" t="n">
        <v>874398</v>
      </c>
      <c r="B276" t="n">
        <v>1962</v>
      </c>
      <c r="C276" t="inlineStr">
        <is>
          <t>Rodrigo Andrade</t>
        </is>
      </c>
      <c r="D276" t="inlineStr">
        <is>
          <t>R. Andrade</t>
        </is>
      </c>
      <c r="E276" t="inlineStr">
        <is>
          <t>VOL</t>
        </is>
      </c>
      <c r="F276" t="inlineStr">
        <is>
          <t>VOL</t>
        </is>
      </c>
      <c r="G276" t="inlineStr">
        <is>
          <t>VOL/MC</t>
        </is>
      </c>
      <c r="H276" t="n">
        <v>174</v>
      </c>
      <c r="I276" t="n">
        <v>32</v>
      </c>
      <c r="J276" s="2" t="n">
        <v>35584</v>
      </c>
      <c r="K276" t="inlineStr">
        <is>
          <t>Right</t>
        </is>
      </c>
      <c r="L27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2ff9c34-ab6c-4d32-a46c-432280fa73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c\x124\x0f\x00\x00\x00&gt;tEXtComment\x00xr:d:DAEewil2SDw:3728,j:5402490484489585236,t:24032500o\xad\xf7\x96\x00\x00\x00\tpHYs\x00\x00\x0e\xc4\x00\x00\x0e\xc4\x01\x95+\x0e\x1b\x00\x00\x03\x00PLTE\xff\xff\xff\x0b\x11\x0c\x1f\x1f#\x10\x10\x10\x1f\x1e"\x1b\x1a\x1e\x0b\r\n\x1d\x1d!\x1c\x1b\x1f\xff\xff\xfe#\x1f#\x19\x18\x1a\x11\x11\x12"#(!"&amp;\x0e\x0e\x0e\x0e\x12\x0f\x8f\\D\x15\x14\x15\x83S&lt;\x87U&gt;\x1b\x1a\x1c\xa7rY\xb4\x84k\x80O8\x89W@\x94`H\xa4v^\xa6oU}L6\x17\x16\x17\xab|d\x13\x13\x13\xa0qZ\x82Q:\x9cnW\xa1u_yT@\xa3nU\x1f %\xa9u]\xa7ya\x8e^G\x8cYA\xb9\x86l\x89[D\xc7\x99\x81\xaay`\xc1\x8am\xfd\xfd\xfd\xcb\xa5\x91\xc4\x94|+(+\x9br\\\x93hQ\x7fXCqM:\x8a_IyJ5\x9bkS%%)\x9fdJ\xfa\xfa\xfa\xa0lS\x92lV\x7f\\H\xa2yc\xb1\x81h\xae~f\x8ehS\x8cdO\xbf\x92z\x93dMkE1\x97lV\x84]H\xae|c]C3sQ&gt;\xd0\xa1\x89eF5\xf4&gt;9/-/dA0\x85aM\x9eu_\xa3qY\x8fbL$!&amp;\xe0\xb2\x9avF1\xadv[\xf6\xf6\xf5\xa2hM\x97iRyYF\xd3\xa5\x8dW&lt;-S7(\x98pZ\x98eM\xc6\x8fsF1\'435\xb0y_^=,i&lt;+\x88hT\xab\x82mQ&lt;0\xb5\x88q\xba\x8dvL6)\xd3\xa9\x93\xbe\x85g]I&lt;\x88cN\xd9\xa9\x8f\xe3\xb7\xa0\xa6}h=* \xb4y]\xd9\xab\x93mK8\x94q]sVD2"\x1a\xb5\x80eD*\x1doA,\xca\x9d\x85iJ9\x9dhOyO;~`NUB6T1#\xcf\x9e\x84\xb3sU\xcd\xaa\x98a:(\xb4}b\xc0\x8eu\x98vbrI5\xd7\xaf\x99\x99bI\xa5kP\xde\xae\x94}gW\xc1\x9c\x87;9;\xacmPL. \x1f\x15\x13)\x1b\x1a\xf6EA&lt;$\x19\x8dn[\xbb\x8aq[6&amp;\xc2\xa7\x9a\xb4\x8ezE83@?@\xb9\x83h\x83WA\xd8\xa4\x88!\x1b\x19\xadrV\x94\\DdL=\xcb\x96{\xc8\xa1\x8b\x85l]\xea\xbc\xa6\xf1\xf0\xef\xe175\xb1\x89t\xc0\x96\x81\xd0\x95x\x9dzg\xef94\xfcSM\xb5\x94\x81&lt;/+\xd9/-\xc1\xa2\x90\xe7\xe5\xe44\'$s^O\xeb\xeb\xe9\xdf\xdf\xde\x96\x97\x952\x1b\x15TVU\xdf,)lSD*!#\xd7\xd7\xd6\xbe-+\xb9\x80b\xa9\x86tdPC{}|\xfcbZ\xd4(%\xb8z[\xa82/\x96#"\xc9%#\xce\xce\xcd\xd5\x9b}\xeb&lt;9\xfesj\xa0\x7foIJJnqo\xb2\xb3\xb1\x86\x88\x87\xadtg\xc1}\\\xad\xaa\xa5\x8fwh\x8b\x80rh\x1f\x1f\xe81+\xd2\xc0\xb5ded\xc7\xc7\xc6\x82&amp;%\xce85\xcc\x8bk\xb7\x9d\x8e\xa8eg\x9c]\\\x8cQM\x9cZGU\x1a\x1a\xe6\xdb\xd5C\x19\x19\xab!\x1f\xe8\xcf\xc9\x91L&gt;\xe5WP\xef\xc2\xb4\xa3\xa3\xa0\xbe\xbd\xbb\xca\xb5\xa7\xd9\xc8\xbem/*\xd3\xb7\xa8\xb2y{\xbeHD\xcc`V\xa7uf\xcd6\x8a\xbb\x00\x00 \x00IDATx\xda\xdc\x98\xddO\x1a\xf9\x1a\xc7;\x8b\xb1\xe0L:\xc3\x0c\xb4\x802;\xbc\x98,CI\x83\x11\x14\xb4\x9c\xea\xa9.J1\x06[9i\xadF%vma\xdb\x13\x9a\xc0\x89/\xd5X\xe5\\\xd8\xb41\xd9\xbe@\xb6i\xd4\x18Z\xb3\rqC\xa2Y\xf1%\xc4\x9a\xa8w^(\x9a\xd8\x1b\xbd\xd8\x7f\xa0\xbd=\xcfo\xb0=\xe7\x0f\x18\xed\xe6&lt;2\xbeLL\xf8\xf8}\xbe\xcf\xf7\xf9\x8dg\xce\xfc_\x97L&amp;\xb3Z]V\x97\xcb*\x93\xfd5\x80\x00\'\xb5\xbc\xb2\xb2\xbe\xb7\xbf\xb5\x9f;\\]i\xb3\xfe\x05\xc0R\xdb\xab\xb9\xdcav\xdaW}\x96\xe3\x08\x8aP\xfa\xb2\xfb\xeb\xdf\x14LfM-o\xe7|J\n\xa3\xa08\x02#\x80\x8b"\xb1\xef\x0e?\xed};\xcd\xa0wG[&gt;\x9cc\x01\x8b\x80\x92\x90\xa4\x04\xa8H@\xa3\x94\xd3\xb9\xed\xe5\xb6o\x00&amp;kk[&lt;\xd8\x95\xe2\x1c\x01\x18H\'\x82\xe5$\x12\t%ai\x9a\xe5\x80\xb4\xfaE\xeeh\xf9\xd4\xfd\xdf\xb6\xbc\xbe\xea\xa39\x0e+\xc40\xac\x90\x92H8(D\xc7I8\x9ce\t\xb8KU\x1f\x1e\xb5\x9d\xae\xab\\+\xabY\x1cY\nA\tEb\xa4\x84\xa0\t\xc4\xc6r4Ab\x18GS\xbe\xad\x15\xeb\xa9Q\xb9R\xeb\x07\xb9s\x02\x11\xf6\x15\x0b\n\x93\x80\xc3\x90j\x1cM\x13\x04IH\xa0\x97/\xf6\\\xa7\x95\x9c+\xeb\xb9r6\xcf\x03\xd7W\xb9\n\x0b\x81\t|O\xd3\x82h0\x02h\x06\xce\xedYO\xa5\x7fm\xcb\x07\x87\xd5\x04\xf5U%*\xff\rI\x16\x92\xc24\x12\xd0K\xe8"\x98\x8c Q\x97\xa7\xb7e\xa70\x80\xa9\xc5U\x1f\'\xf4\xaf0\xaf\xd6q\x91H\x1c\xb8PT\xd0\xe0z\x1a\xd88\x12\xe8\xa9\xec\x89\xfb\xcbjMm\x1f\xbc\xc0\xfe\xc7Q\x80G\nT\x120\x16\xb8\x1d\xfa\x07md\xc1^8\xae\xa4I\xf4\x9b\xdc\xf4\xd1\xc9r\xc9\\\xcb\xdb\xfb/\x90V\xe0\xe8/J\xa1\xee\xc1\'\t\xe4\x96\xd0A\x0e\xe5\x17\x87\x02\x96&amp;$\xa0\x1f\xe85}t\xa2\x01fM\xad\xef\xfb\xd0\x04b\x14\xf6\x85\n\x18\x84\xe6A\xe7$(\xb4\x040\x8e\x16\xc8\x04\xe3\xc3LP\xbb\xeb.\xd9\xc9i\x95Z\xd9\xaf\xc6\x10\xd6\x7f\xf3\x8a\x84 \x00\x12\x92\x04\x14\x8eS\xb2\xd0K\x0e\xa7\xd1\x0f\x04\xba\xc1JP\xa31\xea\xce\xa7\xb6\x13s\xfb\xf2^\xf6,\x12J\xd0J\xc0\x02\x91P\xbb`\xf6\xf0d2\x1e\x8f\'\xe34\x0bE\x13\xf0\x05\xb1\x01\x9c`\xbfB\xec\xdc\xa7\x13\xca/\xeb\xf2A\x16\xd2\x8a\x10\x94\x02\xcb\x90\xc2\xecA\xb3`\t&amp;?d\x06\x8f+\x81\xf0X\x1c\x8aF\x01\xc6\x92\xc2\x1f\x80a\xe5{\'s\xa6p-\xe6\x80\x8a\xa2\xd19\x06&lt;\x8eI\x90\xb5i\x0e$J\x0c\xf6\xf4&lt;x\x00W\xcfP\xcfP4:\xf8+\xc0%\x92P,\r\x9a\x1dsQ/Nb\x1e!E?O\x83N\x1cGQ\xb0T\n\x91\xc5\xc1\xd3\xc9Dt\xe8\xd5\xbf{[z\xbd\xde\xce\xce\xce\xae.t\xbdz544\xf4\xeaU\x14)\x07Xp\xac \xd0\xb0bw\xd6e\'\xd0\xc1OYV\xc0"(\xd0\t\x1c\xce*\x93\xc9\xc4\xafo\xee\x0e\xdf\xbc\xe9|\xd6\xd0\xd7\xd0\xd2\xdb\xd9\xd5\xd9\xdb\xd22&gt;\xfe\xe6\xcd\xf8\xf8\xf8\xdd\xbb\xf0MW\x14)\x06&gt;C\xf3\x88\xed\xae\x88\xcd\xe5Z?&lt;\xc7!\xb3\x13B*q\xf0^\x83\x99\x9e7\xe3\xc37\x9dN\xadJ\xebtV&gt;k\xe8Eu\xf7K\r\x0f\x0f;Gg*z\xa3\xc9\xa2"\x9c\x96P(\xbf\xb6\xc4=\x19ZS\x8bG\xd3`)\x02\xa3P`\xc2\xe8\xe3\xc9Lo\x03B\xd2\xc2\x8bA\xa5\x1a}\xd6\xd0"\xf0\xe4\x99n\x82\x88*\xc6\xec\xf74G3\t\x16\xe5W!\xf6\xdd\x9e\xa8X\xa9\xed\xad\xac\x12\xd9\x9d\x13\xf2\x92\xc3\x93\x83]-N\xa4\x93J\xa5\xd5\xaa\x18\xb5\x9aaf\xf4Z\xe7\xf0p\x03\x00\r#*\xe0\x02\x15\x19\xb9\xc3Q_\xd3\xd4\x95`qR\xb0\xfd\xa2L\xcc\xc0Z\xbd#4\x90@\x06\xe6\xd8d&amp;\xd4\xfc\xcc\xa9\xd2\xeb\xf5\x8c\x02d\xd23f\xb5\xc2bQ+TN\x90h\xf8\xb8\x80J\xa1\xd6h\xfc\xfe\xfa\xfa\xba\xba\xe6h\x92@\\\\.%\x1a\x97,\xb5\x92\xe3P\xb2S\xe8p@\'3\x9d}M\xd0\x1f\x05\x94\x1a.F\xa16[\xd4\x16\x87C\xcd\x80\xc7\xbe\x80\x01\x95^-\xd7T\xb5\x1a\xea=\x9e+\xdd\x1d\xd1\xa4`{v\xd5%\x9eZ\x9f\xaa\x05*\nV1&gt;\xd8\xd50\xea|\xe6\x04$\xb3\x1a^f\xb3\xd9"\xb7\xf0~\xde\xef\xb7(\xa0\x8fN\x81L\xf0\x95B!\x7fl\xb8d2\xd6\xd7\xdc\xbba\xec\xe8I\xa0\xcd\x89\xed\x8a\xd6F\xd7v\x96\x13\xce2`\xf5x\xb4yt\xd4\xa9\xd5\x03\x8e\\\xcd\x98y^\xa3\xd1\xf0\xbc\xdbmw\xfb\xdd\x0e\x8bB\xa5\x1d\xd5\xa2)P\xa1\x0e\x9a\xdf\x05\x8a/}o\xd2\xb5?\xbc\xf7\xd4v\xbd\xc6\x1bGOF \x978\\\xd6\xc5CD\x05\xfb\x8d\xa5\x93\x0b\xde\xcaQxK\xb3\\\xa8w\x00\xe5\x86\xb2\xdb\xdb\xed\xf6F\xbb\xdf\xc1\xc0\x08\xa0)\xc8w0\xf0\xb8\xb5\xd8\xa4\xd3\xb57\xda\xd2\xfd\xf5\x9e\x8a!0&amp;\t\xa1zF,\xac\xfc\x16\x84C^\xd4\xdb&lt;[\xc90\n\xb9\x1c\xd4\x92\x83P\x88\x0b\xa0\xda\xed~{\xa3\x1b\xda\xc8\xe8U*=\xd2\x8a1\xcb\xf9@\xa0\xb5\xb8X\xa73\xe8j#\xe9\xeb\x1d\xd7\x9b\xe3\xf0@D)E\n\x89\xb6#\x9fp\x1a%9:\x19j\x0e\x87\x9b\xc0V\xa8\x87\xa8\xa0\x8b&lt;\xef\x070\xbf\xdfaw\xf3\x08\x8b\x81\x01u"g\x995U\xed:(\xa3\xd1h\x8aD\xea::\x06\x06\xe3\xe8t\xbf%R\x13\xb7\xab\xf3\xce\xc2\x93Q\xaf\x17\xb0ff\x80\n\xbd\x90\xe9\xd5\x16\xcb\x8c\xc5\xc2\x83\xb5\xdc\xbc\x80\xa5b\x90\xf1\xb5(6&amp;\x02U\x06\x83\xc1X\x1b\x9c\x0b\x06\xaf\xd4\xd4\x94\xf6$ \xed\xa9]Q\xa2\xde\n\xe9\x00M$\xe0\xf8\x92x\xe0\xed\x8c\xcd\x96V@|"\xc5 \xda!\xb9f\x18\x15t\x15\xcd"\xcf\xcb\xd5(\xc7TZ\x18D\xb0\x18c6\xf3\xee\xf6F\x83127\x17\xec\xf6\\\xaf\xf0\x0e\xc6aE(?\x8b\x80%s}.\x87c\x1fE+!\xda;\xbd!oeei&gt;\xae\x84\x8d\xa3R\x8d\xc2\xec\xe9\x11\x17\x88\x05\x99\n\xf7\xb4("\xf2\\r\x18\x87\xc6\x1b\x91\xb9\xc99[}\xdd\xc3\xd9\x85\x0f\x1c\xcc\xe2\x81U\x8c\xa3\xc3\x1e:\'sJeQ&amp;\x13\xf3zG*G\x99\x19D\xa5\x87\x94G\x9f\x04\xc9\xf4\x8c\x1aq\xc9\xcdp_{\x8c\xa5E!\xc1\xbby{wdcn\xa3\xb6\xb1\xbe\x7f\xad\'\xc3\x12$\xb7/BD\xc8\xda\x0e\xce\x82V\xb8\xb2\xa8|a\xca\xdb&lt;RYZa\x99\x11\x06\x0e\n\x90\xd02\x04\xd9\xa0\xa9\x164\x02j!R\x05*\xb4-ady\xbe\xb168\x19\xbc\xd1\xdd\x9d\x1e\x0b-$\xe1\xd11+\x82\xb9\xac\xebY\x0ci%\xfdP\xbe\x10\x02\xac\xbe\xd2\n\x0f\xaf\x86\xee\xe9\xc1\xdc\xc7\xcb\'\xdfP\x05p\x81\xb7T\xf9\xdc\x02\xcf\x03\xaa\x06\xc2\xcb\xdeh\x04\xcf\xd7\xa6\xd3;\x1d\xa1\x85\x0f,I\x8a\x82\xb5WNQ\xacR\n=\x9c\n\x85G\xfa\x90Z\xbc\x025\x0e\xd2K\xa3y\'\xe4\x84\x1a\xdd\x80!\x10(\xf5y\xf5\xcc\xe6w\x13\x13\x97/\xdf~\\\xa53E6\x82\xc1\xc8\xce\xc6/\xe1\x9e\x04KIr"`\xb9VY\x8e\xc0\x95\xd2\xb3\x1f\x16B\xe1\xcd\x81&gt;P\x8b\x87\xc3\x02\xa36\xcb5\x97oC\xfd-0\x11\xd0h\xe4f\xd4G\xb3\x90hf\xb9\x10j\xef.\xbf|\xf9\xf2mII\xc9\x0f\xa6\xabsP\xf3\xf3\x1f7C\x83,A\x8b\xe1\xad\xc5,\xcb\x12\xb8\xb4\xa0\xa0|!\x16^\x1bh\xea+\xf58x5l\x9f\x89\xcb\xb7_\xbe\xbd\xf5\xd3\xb5K\xe7\rU\x81\x80[#?NXM\x00\xa6\xcf\xef\x0f\x04\x1e\x97\xbc\xcd\xd7\xf9bS\xf0\xfe\xdc\xe4\x1f\x7f\xee,\xc5\xa2q\x8e\xda\x12\x05\x0b\x9e\xac\x94\x05EE\xe5S\xb1\xf0\xd2@\x07P\xf9\xe1\x18\xc3O\xdc.\xb9\xf5\xd3\xdf\x7f\xbe?9\x19\xac5\xeal\xb6\xc6vP\r\x95\x01~\xe8\xae\xab\xaf\xb3w\x17_{\xf4\xe4\xd1\xa3\'On\x95\xb4\x9a~\xbe\xff\xbc\xec\x8f\x8d\xf7\xe1h\x9c\xe5D\xc0\x92-\xee\x16(YVZ\xf0\x8f;S\xb1\xb5\xb1\xb1\x87\x1e\x8f\xc3\xa2\x865\xfc\xf8\xfc\x93\x0bs\x93\xf3\xf3\x7f\xceo\xec\xec\xec\x04#i\x9b\x0e\x12\x1dvMm\xed\r[]M\xc7\xc8HSM]\xf1\xd5\x8b\x17/&gt;\xf9\xd7\xad\xf3\xe7/\x00V\xd9\xdc\xeb\xd9\xc18Ko\x89p\xe4Z\x9c.\x90\xe2\xf8\xd9\x82r0\xfcZ\xc7\xbd+\xf5\x0e\x87eF-\x9fh\xfd&gt;\x18L\xa7?B\xbd\xff\xf8\xbe\x7fg\'\x9d\x06W\x9b\x8c\xf0\x11\xb9QW\xd34\x02[*&lt;\xbb\xf4\xbe\xff\xa9\xcdh(\xfe\xa1\xe4\xea\x8f\xcf\xcb\xfe9\xdf?\x00OB\xec\xbe\x08\xcf\xfd\xcb\xbbR%.\x95\x16\xf9\xa6b\xb3\x03c\xafm\xedn\xc7\x8c\x02\xed\x94\xba\x87ck\x9b\xe1\xf0\xe6\xa6w\xb6c\xe0!\xbc}$\x124\x19uU:\x9b\xddQ\xd9\xd2\xec\xf5\xc6b0#\x9b\x9bk\x03\x1e\x9b\xcet\xed\xc2\xefee\xbf\xa7\x97\x00\xabH\x8c\x7f\x0f\xa6v\x958\xa4\x96`\xad\x81\xb1~\x9b\x1dv\x9f\xdfSs\xef\xe9\xeb\xb1p,4\x15\x8a\xcdz\xbd\x95}\xa55\xf5v\x83\xb1X\xd7Z\xa5\x99\xd0X\xb4w{\xe116\x14\xebY\xc8d\x16\xa6B\xde\x81\n\xc7\xd5\x0b?\xfeV\xf6|c,\x9aP\xfa\xc4\xf8\xef`jW\x8aK\x95y\xb5\xc6\xeal\xddv\xb7\xbb\xbd\x14:\xb4\xb9\xf4\xfe\x97\xa50z\xc8\x7f\x00\x0b\xa9rt\xe6?\xac\x9a\xdbO\x9ai\x1e\xc7\x93\xd9&amp;\xad\xedE\xc3\xd6\xe1\xad\x80a\x15aP^\x81zF\x86A\x06&lt;\xa0XL\xf1P\xca V\x81\xa2\xad\x07^\x84\x8a\xd63Z\xa0\xe8P`\\\xb4\xb1\xb0c)Eq\x98T&amp;\x99\xa6g\x9bN\xe2v\x13.\x96\x9b\xd9\x8dM\x9a\xce&amp;\xf6\xc2\xedF\xe3\xee\xb4s\xb3\xbf\xd7\xf9\x13\xe0\xb9\xe2\xee\xfd\xe4w\xfc~\x9f\x876-?G(\x14\n\x04\x84\xac\xd3\x93.\x17xY\xfd\x90^?44\xa1\xefm\x1a\x1d\x1d\xec\xab\xddX_\xf8Q4t\xeb\xc4\x9f\x1f\xa5C1\xff\xfc\xe9\xa7G\xa0\x11\xf1\x8ao\xae\xea\xaa/\xe3\xd3\x1a\x1a\xaf\x9bz{\xaf\xf7\xf6\x9a\xd6\xd6\xc0\xe2w^T\x8c\xb8/\x9c\xaa\xe3\xe7\xb4\xda\xb4\xde\x88*\xe2!d\xbb+*\x9a\x14\x17\xbb\x1b_\x8ej\x06k\xba~\xb8v[\xf4um1\x9b\xbd\xd1&lt;t\xeb\xde\x8b\xef\xd3! \xfey\xf4\xb3\xa3\xc7\x8f\x94\\Z1\x8d\x0e\xd6\xd3\xea\xf9ye\xd3\xbd&amp;S\xd3t\x130)\x9a\x9a\x9a\x14\xdd\xdd\n\xa9\xb42\xcbc\x13\nm6\xca\x1c\x97;N\xcbu\x8f(\x14\x8a\xa6\xb3\x1aQCM}&gt;\xca6\xde\\\xbf\xbfP\xcc\x9e\xda\xb8\xa6\xbfu\xef\xce\xb3t\xc8\xad\xe7\x9f|v\xec\x18\x8e\xf5J4\xd8\xceoo\xcd+o|r\xf9ZiW}U\xf5\xa0\x88^\xa1\x08\xda\xed\xf6\xa0\xcb\xcd\xd2R(\x0c\x9b-\x82E\xe5\xb5\xbc\xe0\xa2\xdd%\xad\xa0\x8bD\xe5\rm\xedDqq\x87%v\xd3h\x9c\x92\xb3\xaf\x00\xd6\xcf\xe9\xf0&gt;\x19\xcf\xee|r\xf4\xc4\x91\x92s+\xaf\x9a\xab\xebi4jUy)\x8c\x02r\x0e\xad\xab\n\xb0F\xba\x01\x0b\xa7\xc8m\x85\xb9)T\x87\xa2ay\xfb\xe2D\xb0\x1bb\x08%WA\xe7\xd5\xb5Jp\xac\x98E9,g\x7f;0V\x92\x1e-\xff\xd5\xdf\x8e\x1c;r\xfcs\xc0\x9a\xad\xa1\xe5\x90%\xf9 \x07\xa8\xc4V~{\x8dH3\xd2\xbd8\xb1&lt;1a\x0f\x06\x83\x93\xfc\xb9\x90\x81\xe1QE\xcd\xd1\x9e\xe5\xc5\xc5\x89\xc5\xce\xce\x81\x81\x15}gE9\x8f\x8f:\x9418J\x07{\xa3i\xec\xdc\xbf\x00+\r\x82\xeb\x7f\x97\x00\xeb|\t\x1e-\x1a\x99\x8a }}b2\xbf \xdb-][\xd3\x8fm\x8e-//O\xd8]\xae\x1e\x16s."`\t\xb8\xc3\xba\xe0&amp;\x0e\xb58t\xeb\\\xc9\x1f\x96\xc6L\xdf\xdd\xe6!\x1dJ\x8b%f\xe9`/h\x86\x1e\xbc\xfe\xef\xf3\xd7\x8fR\x1f]\xcf^\x1c;\x7f\xfes\xc0\x1a,#K\x10\x89\x18A\xf2\xeb*\x15\xa3\x8d\xcbK\xc7/\x9d&lt;yo\x08\xc7\xeav\xf5d\x12#\x82\xd5\xdc\xfd\x88#j\xdf\x1c\xe8\\\x9cx\xf1\xcb\xe3\x9fN\x9c&lt;\xb9\xf4@\xff\xf26]l6\xfb,1\x9f\x83]\xa5\x1f{\xbc\xb9\xc8{\x97\xaa\xb6\xc9\xc8\xf8\xe29\xec\xe9\x9fJV\xd6jJ\xa9\x08\x8aPe\xe4\x82\xc9\x8bk\xd0\xe9\xf8\xab\xc5\x1f\xef\xfcb\x82,\x8eH{\x08\x14\x8a`5s\xdf\x1fw\xf4l\x02\xe9\xc5\'\xdf\xe8\xc7\xee---CG4\xcd\xd6\xd4:\x1c&gt;\xcb\xcd\xf5\xf5\xfb\xd3\x9d\xcb\x8b\x85\xb6\xbf\xa6\xb8\xad\xcf&lt;\xfb\xc7\xeb\xe7%\xe7KJJVF\xab\xc9\xe2@@\xcc\xe4\x17Nv\x0e,o\x0e\xad,-\xfdi\xe9\x9e\xe9\x89\xa9\x13:\xd15IP{\x05\x1e\xd6\xaa?\x19\xb6\xfdg\xc2\x8e\xcf\x07E\xf7E\xbb\xab\xb2\xe0\xea\xc6\xfa\x0f_\xdf/\x8e\xca\x8dE\xb0\x7fx\xa4L\xfe\xfc\xfe\xaf\xa9%1\xe3\xef\xdfI;\x07\x86\x86\xf4\x8f\x1f\xf7\x8a\xea\xf3\x91\x00\xa2\xb2\x15\xd0G\x14#t\xa9T\xa1h\x1c\xd0\x0ftB\'vO\xf7\xf4d\x13\xd4~\xb5\x00\xb0\xe2a,\xdb\x1eT(\xa4\xee\x99\n\xf7\x0cK(f\x1b\x8d\xb5W\xfa\xfb\xe7\xa3\x1d\xeb\x0f\x8b\xd6\xc9\\\x9dyk\xf5C\x8a9|7S\x08\x8e\xe1\xb4T\x7f\xee\xfal\x17\xb5/\x10R\xd9\n\xe93\xe5\xd5-\xf5m5U\xb7gaj\xba\x82A\x85t\xb22\x97\x14qz\x05\xab\xbb\xfe\xb8Yge\xf5\xb8\x14n\xa9T\xea\xaed\xd9\x98\xe2\xfe~D\x82\xf4\xa1\xc5\xf2\x85u\xe3\x94\xd8\xac\x0c\x0bl\xef3RlC\xfbL\x0e\xc3\xeb\xd5\x8e&lt;\xb8.\xea\x82\xd2\x1a\'z\x08\x85\xbc\xb6vZY\x1b\x08\x1c\xba[\xaa\x08\xbaz&amp;/\x9cb\xadz\x9dV\xbf\x1a\xb0v\xccI\xaeS\x90Y93\xe3v\xbb+\xb3\xb3H|\x06\x93\xc9A\x10d\xde1Ud\x94#\x16K\xdcINq-\x9e\xf9\xfevn\x16q\x9e;^\xa6\x07,\x898d\x10zHuu\xa46\x12\xd8\x8a\\\xf8\xf0\x05\x08\xc9\x85\xd3 \xeb\x05~\xa7\xd3\xaf\xde\xdd\xf5c\xc9d|\x0b\x9a23\x97N\xa7\x9f\xc6\xef\x93@2R\xc5(\x12\x80\xedc,\xa2Zb\xe1]\xed\xd3\x14\xa3\xf5\xc5\xbb\xd3\xd9\x04T7\x8f4^\x17\xd1`&lt;\x10y\xe5\xe0w@\xbd\x90\n\n\xef\xe2\x07\x0cX\xd6*\x18\x1c\xa0r\xfa\xbd\x80\xb5\xbd\x13\xd7mE\xa0\xfc\t\xb8K\xa3\xdf\xbd\x9bE\x122\x98\x06\x19\x82\x1eb\xe5+}\x07\x94+){\x9f\xb7\xa72\x85*.\x17\x9d\xbe\xae\xa9\xe2\xc88e/\xe9\x05\x87wZ$\xf0\xd0`\xed\xc1\x87\xb1\xc0v\t\xfcV+\x8e\x05?\x00+\x1eO@\xf9{VY\xac\xccJ(\xfc\xbb\x04-#27\x8e\xea\xd8r\xe3\x8d\xfb\xe1\xa4e\xea/\xa9\xaa\xf9\x8c\xf7\x04\xc1\\b\x1b\x1b\x9f\xee\xd5\x94Q\xa9\xe4\xc1\xb5r\x9e\x88\xce\x83`\x81;&lt;uh\x16q3\x18\xd9\xc2\xb6\x12N\xe7\xefX\xc9\xb02\xac\xb3\x02\xd7\xa1M\xab\x189{\x96GTY\xad\x06\x9dC\xdeq\xe3\xdb\xa8/\xa6\xfc-\xd5!\x9f\xf1\xb4T\r\x1fL\xc8F\x1a5\xd5\xe4\xfc\x1c\xd1h\x8d\xc6dj\xc0\x8d!\xeb\xf0*\tw\x8b\x11P3\x18\x06X~\x81\xda\x89cY,\xbe\xa8\xd5\xab\x86x\x11\x08\xa7\xe8\xf4\xb3\re\xb4\x1c\x0e\xa7V\xde\xd1qc\x81\x1b\x8b\xd5\xbeM]\x06\xfe(\xe3&amp;0+\xb1\xc24Z\x93Gn\xadio\x7f\xb9\xa6\xb1\t E\x84U8\x00\xe5U\x85\xb8\x014\xb4\x85gQ\x8dc\xed$\xa3\xe1\xe1\xc3\xfa\x12\x80\xd9\'i\xefj\xcak\xea\xbbJ\xaf\xb2;\x86\x8d7\x16\xe6\xe5\x07s{)\xaf\xea3\xbfr\xd0hTm;\x0b*\xb0%\x8f\xa92\xb46\xf0\x18\x91\x88\x17r\x84\xd7\x94\x9aA\x94\x81\xe7\xf2\xda(\xce\xc3\x9a\x07\xac\xed\x1dl;\xa1\x0b0(\x14\xaf\xd7\xebai\xb5&lt;^;\x94|h~\xca\x8cc\xb1\xa3\x96\xd0\xa34\x18\xc5\xfe~9\x16\xb1\xd1_i\x9aK[8\xa1q\xabJ\x18\xb1Z#~\xdc\xe8\xab)D\x8eX,\x19\xb7y\x04^\xa73\x91\x88\xf8\xbd8\xd6\xcevb;\xc4\x12\x12\x89D\x8a\x1a4+\xc5`\xc5\xb8\xf1d\xd8\xec\xc3\xb1\xa6\xa2\xc3E\xa9\xcb\xe6\x8c3\x0f9\xd1m\'S\xf3dv\xf0Z\x8b,\x14\xda\xda\x9a\xb3Zq\xae\x080\xc9\xa8\x12\x19\x87\xa9\xf2\xfbq\xa8D\xc2j\x88\xe0\xb5\x95\x8cC7f\x93\x88\x1c\xf0\xad*(v\x0c\x8b\x03U\xd8\xe7\xf3\x19o&lt;l1D\x7fK\xc7\x05\xd7\x07N4\xe1D/?\x99m\xae"\x8bQ,\x84A\xd3\x01\x97\xcaj\x00\x91#f2\x18B\x08\x06\x1c\x1d\xc6\xddX@\x13;\xb1\xbd\x83\x03\xd0|\xfb\xd9B&amp;\x87HQ\x19\x12\x98.\x9e\x84X\x99}J\xa5\xb1haC\xed\x7f\x9b\x0e\xac\xa7\xf7\x8b\x9d\xd6\xdak/\x9b\x9b\xab\xf2$h\x08\xb0\xb0-\xab\x15\xe6\x10\x8a \x12\x86\x80A\xce\xe1\x86\xcdrG\x87\xcf\xe1(\xaaE\xb1\xf0\xde\xdeA\xec`\xef`7X\x07Yd\xa8\xac[\\]&lt;\x8c3\xc1\xe9(z\xd8\xf7f\xffC\x1a\xfck\xc6W\x0f\x03Nk\xf1\x95\xd1\xd9\xd9\xaa|1\x82b\\\x9c+\x14B\x03}\x88\x8chS\xc3\xd4(v\xe8\xe6\x982L\xc75P"X2\xac\x13\x12P_l\xdf^Hk%2(\xaaC,\x9f\xc5\x02T&gt;\xc0\xca~\xb3\xbb\x97\x0e5\x9f\xf1v\xdco\r\xf4k4\xb3\xd5\xf9\x08\x8a\xe2#\n\x0e\x8a\xf6\xf7I\x88jXw\xf9\xc2\xd0\x16\xe9\xa3\xbd\x07\xb6\x01E\xe0\xe5\xc6\xb5\x1f\xff\xfd&amp;\x8b\x1b\xff\xd8\x93\xa5\xe53\xf8B\xe2\x1c\xa6s\x84A\xcc\x03\x18`-\x10\xbc\x8e\xf7iy\x89\xdaS\t\xbc\xe3\xe8\xe5Y\xd1\xe5/\x11\x04\xe5\xea\x0e\xc1\xd0@?\xc2\xa4\xd8Z9T\x0e\x87(\xc8\xe4S\xa9_\xb6\x90m\xab\xea\xf9\xfeL\xda\xbc\x83]\x1cj%\xc1\xa8\xd5jmB\x15\x16u\x98q\x8f\x01C\xb6h\xa1\xd6\x1f\xbf\x99\x96\xc7\xbb3O%\xab\xfb\x9e\xd6\xe6\xd1\xd9\xcbyb\xf4\x10\x8b\x8bc!\x1c\x8a\x90\xcf\xe4p\xe6\xc6\rD\x0e\x18\x8f+WK\x0bs\x0b\n*\t\x81a\xa5\xcfQ\x8c\x8eS&lt;\xf84\x05G\xabK\xfe\x8e\xa5\x04\xac\xf5d\xd8\x98\x96\x7fj@qq\xd4\x1e\x12otv0O\x82GK\xa7\xe3B\x0e\xc52&amp;\xc3\xc6`rT\x06\x83aN"\x96P[\xfeO\xbb\xf9\xfd\xa4\xb5eq\xbc\xaf&lt;\x1a\x1b\xe8xh\x08\x1e @\x15*\x84_%S\xe0\xf0K\xf9y\x12\x0f\x10\xa5\xe5\xa7\x1a\xb0\n\xd2\x824\xa0\xd2\x88\xb4:\xfe\xc4\xaa\x89\x0fJ%\xd1&amp;\xd7\xe1N\xa3\xd3\xc4\xc4\xa6wb2\xb9\xd1\x7f`\x92\x89\xe9m\xd2\xcc\x83\xda\x89I\x1f\xee\xb4\xb7M:k\xe3\xcd\xbc\xcd\x1bg\x87\xf0\xfc\xc9w\xaf\xb5\xf6Z{\x7f\x8f&gt;m\x0f\xba\xd4%\x9f\x11\xe6Ty\xa5P\x88As\xff\x87\xa6e\x18\xb4\xff\xfa\xf2\n+\'[K\xfd%\xf3\xb51O\x8a\x1d\x9fy\xfe?\x1dK\x83\xc1\xb4\xc7d\xbc\xc2\xba\xfdp{^\xc8\x14\xe8\x98B\x7f}I\xa5\x98\xcdb(\xee\xfe\xdd\xe5,\x96|0\xb5\x15\x8c\x8e\xc2\xbc\xff\xf9r\x13\xf4\x87\xb1\x87\xfd/G\xeb\xb1\x95\xab\xad\xb9{^~i\x8cO\x83\xf1\xc6c\xea\xef\xafPP\xe69\xbf\xabu\xfb\xb8\x10\x8b\t\x05:!`A-\x17\xe0\xb8\x92\x1aw\x8eD\x9c\xce\x81\x81p&gt;h0+\x14\x98\xc8\x01\x89\xba\xdc\xb2|\xdf\x7f\xdc\x0f\xe3\x18J\xc5\\m?\x94\t]6\xe6-\x8aq\xf7@\xb4\xd0\xdff\x1e\xa7\xa0m\xae\xa0\xc2y\xfb\xe1\xf1|\xcc\xcf\xf42\x01\x0b\xa0\xb4\x9d\x1a\x83\xba\x1b]\x1c9\x9d\x1b\x13\x03\x03\x03\x11g\x91\x9f\xb6\x11"\x91\xb7o\xf9&gt;;v\xfc\xe7L\xbdj\xc1&amp;V3/\xcb\x8dz\xaef|\x19j\xab\x18=.\n\nW\xdbmT\xd2\xb7\xe7c1\xbf@\xe0\xf5\n\xbdx\xc0\xa7r\x15\xc3\x91\xc8\xc6\xe3\xc7\x91\xae\xee\xe9\'\xeb#\xb0\xc2$\x99\x7f0\xa6\x8f\xe2Z\xcc\xe1(\xf4\x87VzP=-\xcb\x12\x92\xf2e\xa3^\x85\x19o\xaa\x0e\x07\x8be\x80z\x8a\xeeh\x1fn\xc3\x81\x1d\xf3\xb3u\x02/\xaeTR\xf6|&lt;L\x02\xc8z\x9c,\xdd\xec-u-\xa9T\x06u\xb1H:w\xdf\x8e?\x8d\xe2\x18\xab\xd2\xb6\x10\x82\xf3p\x05a\x1d^\xbej\x98\xd3\x86\xd1\xf1\xc1\xd8V)\xa8\xc6\xf5&lt;\xa8\xa7mm\x85\xc21l\xa1\xc0\xcb\xb5Y(\x03\xe9"\xc3\xf1\xbcZ\x9d\xa6\xc6\x14Q\xa5Xl\xb6e\xf7\xf6\xabYO\x9aO\xee&gt;\xda\rn\x12F\xeb\xc2\xc2L\xae\xbeR\xb2O\x8d4\xae3\xee}\xfa|v\xf6\xeb[=ad\xb1\xb6\xb7\xb7\xe7Qd1\xb9JCp\xdc\x19V\x1b\x82zb\x88P\xd8\xcc\x1a\xfb\xce\xcd\x1b\xcd;&gt;|h\xbf&amp;\xab\x1d\x8c\x8d\x87G\x9e\xedRY\xb9\xc4\xea\xce\x00\xd4\n\xa8u\xd9P\xdb\x08\xe3Z\xc7\xdd\xbb\xf7\xdeo\xf2\x8c&amp;Va\xbb\x00\xb9\xcf\x14zm\x06r7\x1c)Z\x88l\x96\xe7\xdb\xb9\xd3;88\xf8\xdb\xe0R\x17L\x87\xcd\xe2\x006\x94\xdcKG\x06\x06\x86\xc7\t\xf9\xa4|&amp;\x03- j \xde\\k\xec\xea@w$\x0f&lt;&amp;\xc0\x02\xaa\x98P\xc8\xe4\x9a\x8b\x10\xdby3\xae\x15\xb7\xf6\x0e"\x0b\xd2os\x83\xdd\x83\xc8\x99\x81\xde\xeb\xec|W|}`x\xf7\xa9G&gt;#q\x87\xdc\xa1\\\xb9&lt;;\xfb\xaa\xf1\xd6\xb2\xbb\xbfR\n\x91\xc9\x08j\xc5\xfc~!\xd3\xc6\x0f\x8f\x0c\x93\xae\xd2\x12ht\xb3\xb5\xf9\xe3\xff\xd6\xbf/\xceY\xa7\xdf\xa3\xaa\xee\xeex\xd89n\xe0I\xdc3\xeeL(\x94*\x97S_ip\xbcu\xbc{\xaa\xe7q@.\xa8\x0e1?\xa6\x84X\x8f\xac\xaf\xafO\x93\xfc\x8b\xf3\x8b\xf3\xf3o\xd5o\xe7\x17h\x9d\x9f\xb2\xf6\xf7\x87\x86\x86\x12\t\x9b\x81\xef\xe2{$n\xb7;\x94\xc9\xa4R2\xd9\x17\x1a|xw\xdf\x05\xd3\n\x93\xc9\xe8\x98\x8f9b1\xa6\x96Ov\x87\xc3.\x95J\xf5\x11\xa0\x00\xeb\x1b`}\xbch\xb9\xc2\xb2\x02\x8c\x9c\x85)\xed\x1a\xae\xdc\x9d\xca\xe4VB\xa9\x1c\x94\x87\xc6c1\x00\x0b\x8e\x1f\xe8\x94\x1d\x0e\xc0\xf2kKy\x92T\xe9=\x04(xzzz~\xfa\xed\xfb\x85\xcf\xe7\xbb\xf0\x9e\x9e&amp;$\x93\xa0\xd0\x8c\xa4b\x14\xe18f\rA\x1af\xe0Ov\xf8\xea\x1a\x1dj=\r\x9a\xa3\x1c\xa3\xd1!\x95Jc\xc2\xa9V\xb5\x9a\xef\xd3r\ttGXp8N\xbf+\x94\x1a\xbb\xdd\xa7\xe4\x9a\x12I\xb9drr\xd2\xbaPaqD\xa6+\xac\\\xc6]\xfbL\x83)\x96\xd1\xf1\xee\x81\x01\xc6\x0c)\x07\xc3\xe0,\x14j\xdbwv|\x01\xad\x8e\x8b\t\x1d\x05\xa9\x90\x8b+!\xf9`\xb4\xe7\xdb;\xb9\x9c6+\x80\xc9\xe5\xd6\x85\x04+!\x0f\xe5Vr\xa1Ph\xd2zI\x87\xc5\xb3\xe3\x9f\xe6t\xd0\x12\xe5q\x00\x04\xca\x96V,\xee\x0c\xe8\xa6tp4\n\x85\xba\xbe\xa6\xe6\xe6%\xf4\x02\x15\xefZ\xba\xde\xc95U\x92P\xae$\x12y2\x91\x84i\x1a\xf6\x10\xf6\x94\x96=dt\xfcG\xaf7\x04\xcd\xb8H\x8aI\x85^\x81\xd6\xe7\x0b\xe8\x04:\xc0b\xc3\x7f\xdf\x8d\x9b7\xba\xc2\xe1\xf8z\xbc\xab\xd4.\xc6\x85F\xd0K.\x99qK\x12\xc9Z\x08Q\xb9\xe5\xc9\xcf\xb4\x18\x9b\x19\xff\xd2G\xf5|\x83\x19\xe7a"\xa6\xd7\x8b\xb0\xb4\x08\xeb9\xfb\xb9\x8e\xad[n\xba\xde;\xd7\xd5\xf5b\xa9uG\x1c\x100\x8d\xac\xca\x82\x15\x02_\xb2\x97\x9cLA\xd5\x9a\x91$\xb3\x1f\xe8\xf0\xe92\x00K\xe1\xa1\xea\xd7/\\\xaeW\xa0\xeb\xeb\xd3\xd6\xb1\xee?g\xb3\x9f\xdf\x87\x8e\xafu\xa9\xb4\xd4\xd5z\xfdVK\x9f@\xe8@\\\x805)\xa9A-\x9d\x99\x91\'Y\xd5/\xb4\xd8\x87\x19?\x8f\xf1\x881\xb5\x8b\nh\xb58L\xa6SSSZ\x1dZ\x02&amp;\xba\x05\x81\xf0\xba%\xae\xfbGZtL\x7f\x0c\xb0\x90Z3\xfb\x93\xa9\x10\xf4\xf6I\xd6P\x8d\x16\xb5\xaeu\xfc&lt;F\x88&lt;T\x9eoQ\xdapHF\x10\x0c\x05&lt;\x9b\xcd\x86}\x84\xbf\xbe&gt;\xf1\x95\xdb\xec\x8fl\xc0*l/X%\x90\x7fnw*$\xb1&amp;\xb2C2\x19=X\x8c\xbf-\xf2\x08B\x11t\xa94&gt;\x1b\x8e\xd2Q\xa7\xf3B\'\xcff3\xd1\xe5\x8cN\xdb\xd7\x89\xb8~@X\xb1\xe3\x87\x15\xb9\x15\x88r\xa9\x10P\xb1\xb2\xc4\xda\xe8!MXo\x16\xa1\xa4\xf3\xf4j\x97\xca\xae\x01\xc1\xbc^\x98\xe6\x81\x87Y\xe7B-}Kg\x0b\x88\xf5\xc3\x14\x9b9\xbf\xdd\x06\x89\x88\xda\x06\x88.k\xc2\xa4\xd8\x1f\x1d\xa5K\xad\x9f~\xf1\x10 \x97\xa5\x98\x07\xc1,\x96\x00\x17\x83\x19\x03~l\xc4\xc6\xd4\xe1\x81@\xa0\x13M\xac\xcb:\xff\xbc\xb1\x82\xa8R\xe5\xd4~2\x91\xe0p\xd6`\xf2\x99\xfd@O\x81x\xf5\xcb&amp;\x81\x11DTE\x16\xf3j\x15E\x99m\\\x11\x8c\xd5BP\n\xfaz/r\'\xda:\x9b\x9an5-3\x1d&amp;\xeb\xbe\xa4\x06T5\xebP\xd6\xa38(\x03\x96\x8c\xa6\xba\xf5\xea\xfd\x8f&lt;\x8c\xe7\xb1)\x83q\'\xa9\xe6\xf3\x83\x94^!\x12a&lt;.\xae\xd5i\xb9\x10w&lt;\x1c\xf9\x16\x91\xe1\x94\x93\xdc_\xab\xc9\xa0K\xaef\x17\xf5\xfaj\xaagt\xf4+MX\x1d\xf7\xde\xafz\xb8\xc8\xb2iV\x87\xc3\xceb\x1e\xf6\xd2\xaeW(l\n\\\x1b\xd0*P:\xd8:}\x9a\xf6\xf6v\xb1\x92\xa8V\xd7d\xe5\x9e\x94\x950[,{\xb3H\xac\xb2\xec3-\x9f\x890\x00+\nrqy\xb8\xbd\x18\x1ev:\x9dd\xb7\x8b\x9f\xd6\xeb=Q[g \x1aUxl\x16\xf4\x12\xa4\x02X\xe2\xe4\xe4P&amp;\x9b=\x88\x9a\xa9\xf4\x10\xf0\xf5\x8c\xf6 ,\x9a\xd4z\xbb\x89a\x08Lo\x00\xae\xb0\xd3\xf9\xecQq&lt;H\x99\xd3\xe6\xb4\xc6\x8c\x9e\xfa\xed;\xcd\xcd*&gt;\xdfn\x89\xbe&gt;9\xa8\xeeU\xc767\xd3\x04\xc8V\xce\x95W\xca\xb3_i\xc1Bjm\x02\x14\xec\xa2\r\xa6\xc0\xe1\x91\xe1\xe1g\x8f\x9cd\xb18\xce\x07\x81v4\xd0\xa7\x96JwJ%\xb5Z\x05\\\xd9\xd7\xaf\x177\xa9\x07fOr\x12z\x9a\xb55\xe8\xe4gi\xd9D\x14[?zD\x10\xe4\n\x9bR\xc3\'a\xc2x\xf6\x0c\x05\x19\x99W/\x95\xf8\x80\xd3\xf5\xfbR\xc3\x81n3\xa7\xd3\xe3\x94Y\x91\x80#H\xb2\x7f\x80$k\xc0\xc5\xf7\xffQkuQ$\x92J1\xaeR\xa9\xca;\xc3\x91\x11P\x0c\xdd7\x14\xbb\xd1kl|\x0e\xad\xba\x05\x82o\xb7S\x94+h\xc19\x89\x8a\\.\xaf\x9e\x1c\xcc\x96g\xcf~\xa2\t\xeb\xed\xea"\x87\x03ry\xb5J\x8d\xaaH\xd6\xb9F\x06F\xc2@\x08k\xba\xbe"/^\xc4\xe3Pq\x83\x06\x8a\xc29\xe8}3i\xad\x1e\x9c\xcd\xca\x0e\xcf\xde0h\xc3\x12qDR\x11\x86A\x8b\xec\xca\x93\xf1\xc8\xd5\x87G\x03\x8f7\x1e\xc3\x0f\xfe\x9e&lt;Y\x9f^\x07\xc48\xa9\xde\xb1\xe9\xa4&amp;\xa3\x11:\xfb\xe4\xde\xda\xda\xe1\xd6\xd6\xd9%]\x99\xb8\xbaH( \xbcPA\xf7\xa9\xa0\xbb\x9a\x9b\x9eF\x17GO&amp;\x8e\x8e\x8e&amp;&amp;&amp;\x8e&amp;\x1eo\xa0o\x8f\xe2\xf1;\xcd;\x9d\xcc\xc2m\x93\xc3hb\xb1\x12\xc8\xb0\xb8\xb5uxI\x97Zo\x17!\xe7\xc7&lt;\x18\xd7\x8bi\x03\x9af\xe0\x9aC\x1fA\x81Z\xe8\xfb\xb1#d"\x01\xb9\xe6zo6\xfb`\xce\xe8oCj\xb1\xb2\'\xd5\x83\xd9-\xc0\xfaDW\x95_\xdd|0Fx\xa2&lt;hk\xbc\xdc@{\xf3\x9d\xae|w&lt;\x1e\x01\xb2\x8d\x8d\x89\x8d\xa3\xa3\xba\xb3e\xb0\xf7\x86\xd8\xcb\x81\xc3Z\xbe\xc0bI9\'\xff\xc8\xcak\x87h\x13\xbf\xd0\x96\x89\xab\x8b&lt;\xc5\x7fi9\xd7\x986\xb23\x0cK\xa3\xb1f\x8c\xd7#\x95\xec\xc0f\xdd\xe086\x18\xd3`\x07|\x01\x82\x17\x8c\xc1\x97\xd8\\"\x83a\xda&amp;N\xb2N2468\xab\x80\xa8\x12#Z\x13LY\x8a\x1d\x14\x8c\x15\xa92\t\xf6\xb2Rc,\x0c\x8b\x80\x90&amp;A(\x02\x05h\xe9F\tlH\xcb\x8f&amp;\x8b*\xb5\xbf\x165U\xa4\xd0~\x87\xf4G\xd5\x9b\xb2\xdb\xace\xd9\xfea&lt;\xcf\xbc\xef\xfb}\xe7\x9c\x19f$v\xbb@\xa0H\xab/6\xe7\xe6\x8ed\x16^B\x19\xbb\x06\\\x08\xeb\'\xd7\xae\x9f;\xbc\xf7\xb4\xac\xd9d\x92\xcb\xe5\xb0\x1e+_\xdb\xdc|\xe0\xf3\x8d\x82Z\x7f\xfc\xc3\xb7bb\tRkRhw\xea\xd5\x02X\x84\xc14\xd0\xa1i\xc8\xcd4\x16T\x83d\xd7\xaf\xedb]\xfb\xf9O\xf7}\xa7\xb4r|x\x10\xe6\xf1J\x8f;\xb8\x99\x08m\x8e\xcb}\xf9\xbbXy\xdf\x92Z\t\x08\x96\xd7e\xb7\x08\xe0\x91\xad\xc8\x16\x88\xc5b\xb3\x03\x9a\x05HV{\x1d\xac\xfc\xb0\xf6\x07\xef\xe6\x94*\xca\xc7\xa1\x7f\xfa\xc6\x9b\xdd\xc1D(\x94x\xe0\x91\xd7\x00V\xef\xec_\xdf\xfa\xa5\x93\\.\xf7\xd8\x8d\xbaP"\xe8\xf5\xba"\x11\x97@!\x83y\x96Lm\xb0HD\x16u\x03\x8c;\xd0\xe3k\xaf\x7fx\xaapOC\xb1\xc0\xed\x99\x18\x1d\xcd\x1f\x1c\x1e\x9fL\x84\x12\x89M\x0f\xf8\t\xe3v\xff\xec\x8d\xb1\xb7{i.\x97[2\xb60\xf7\xea\xfdPb2\x18\x0cF\xee\xb8d\x95\x95\xd0W\x9d.\'\xa8f\x01\xc5\xcc\xc6\xeaN\xe0:U\x95Y\xa0\xb1T4+\xe5\x83\xe80\xe5\x1a\xd2\n\xa25&lt;&lt;\xd1\x8fJ1pr\xac\x84\xfb\xd6\xc8\x00\xea\xe1\xf2|\xf8e\xf2\x03@\x82-\xb9"^\x89\x10qE\x82N\x9dS$pj4\xc6\x82\xc2\xeaB\x18\xbd\x8fV\xb7\x1b\x05\xe5n\x8fizbpppx-\x98\x00\xb5\xd6\x1eL\xcf~\x04T7~\xb3\xbd\xb6\xfc\xe2\xd8[\x01\x83\x1f)y\xfe\x8c\xb5\xd9fV\xb7\xde\xd7\xbb\xdb"\x11{\x9b\x17\xbcSTV\x08\xbd\x9bA\xb5Zd\x11Y\x1a\xac\x05\x99\xd5\xdd\xd1\xb3U\x9d\x9d\x99Naz@&gt;81&lt;=;a\xf2\xb8\xdb&amp;\x83\x93\x80\x95\x8f"\xdf\xfbt{\'\xa6\x8a\xcd\xdd\xe6\xfe\xbfd\xdc\xbc\xbb\xcf\xe7\xbe`\xb56\x9b\xed\xfc\xd6V\x83\xa4\xa2\xbcM\r\x13R\xbdD\r6\xca"\xae\xb66\xb5H|\xdaQl\xb6\x16vGg\x9a\xaa\xbao\xb6\x88e\x1e\xb9\xc941&lt;&lt;mR\x06`\xc5\xef\t K\xc1\xc3\xde\xde\xbfmm/\xc5\x98\x8c\xd8\xc6\x93\x85\xb1\xbco\x8e\xc6-\xb97\xb7\xae\xa2\x08JeS\xd9^&amp;\x17\x8b$\xc2\xf2t\xa1DmW\x8btj\xa1B\x18\x89\xe8\x83!\x97\xd5\x91k\xadko\x8a\xceD\xbb\x9b\x9a\xaa\xad\xd6\x16\xbd\xc7m\xf2\xf8\x06\xa7\xe5\xca@\xc0\x04\xfd\xab\xc678\xdb\xdb\x0bXO\xb7\x1e\xb7\xaf\x87\x99\xfd\x84\x8a\x9d\x9f{8\xf6\x8d\xa6\xf6\\n\xde\xc3e\x96\x83k)\x8eV\xa5R\xd9\xbe|\xb4Z$\x10VT\xe8\xbd\x93z\x99D\xd7\xa2\x96\xc8t^\xbb\x0b\xa2\xe6r\x14vV\x9d\x8f\x9e=\x7fv\xa6\xbb\xba\xbaZ\x07_0\xf9.\xfa\xe4&gt;\xe5\x19\xe0\x8a\xf7\xf4\x8c\xe6\xe7\xf7\xf7\xf6\xf6\xf7\x03\xd6\x9fb\xb10\x91\xca04\xa1\x9d\x9f[\xf8\xfa\'\x0f Q_\xd8p\x0eNQ\x18\xc9hA\xae\xd5\xe4j\x03`\xd9]\xae\x88Z(\x13\x19u:\xb5!\xa8\xf3\xdf\xb9\x93p\xd9\xfd\x17 X\xe7\xcf\xcf\x80\x8dU\x99\x06\xdd\xda\xf0\xc4\xc9\x1ah\xf20\xfa\x1c:\x13\xef\xa9\xf1\xe5\xe7\x7f\xbf\x17\xb8\x9en\x03V8\xa6\xdaOc8\x81\xe3\x14\xfb\xec\xc5\xdd\xaf\xe5%\xf7\x18\xba\x15\x0c\x89a\x94T\x8a\x11\x14\x92\x0b\xb0\x8c\x12!\x88\xa5\x87\xa70\xdbi\xb0\xab\rj\x91\xc1\xe5\x0f\xb9t\xedK\xdd\xd1\xee\xa3\xa7f\xa2MM\xed\x06g\xf0\xc1\x04:T\x03\xd3\xbf3\xf0\x00\xac\xd1\xd1\x8b\x03`b\xff\xc7\xdb\x8f\xbbb\xe10\xcb#U8M`\x18\x8e\xa9\xd6\xe7\xee\xbd\xb1\x97\xdc\x92\x85e\x1b\x87&amp;\tLJQ\x0c\xb1k"`-"\xac\x8a\x88+\x11\x82~%S\xeb\x9c\x06\x83HcQ{#-\xa1\xa5\xee\xee\xc2\xea\xa3\xd1\xe8\x85n\xbf]\xe2v\xa3\x81\xc7\xa4T\xa2\x93|@51\x9a\x7fq \x1f\xb2\xf5\xbb\x95\x95\xce\x18\xcb\xb2$\xad\xb5\x918\x06zI\xa5xx\xe3\xcd\xee3\xc0\xcd\xbb\xb7\x01P4\xec\rIb\x0cE\xd0\xcck\xb5P\xe4+\xca\xbd\x11\xaf\xd7\xef\xd7\t\x85bCK\x9d\xc5a\x84W\x9d\x7f\xe9\xc2}kfaS\xf4\xe6\xcd2K\xc5\xf8\xb8\xbcG&gt;\x04ux\xe8P\xe0L\\i\xf2L\xd7\xb4\x0e\x80\x897vV\xb6/\x84Y\xd6\x86g0a\x96\xc6\xc1\x08p\x03#m\xcbo\x10\xb2\xbc{s1Q6\x9f\xd9\x00\x00\n\x85IDAT)\xc9\x01\xef\xd1\xe5\x0e\x14#%x)Z\x95V\xb5\xfah1G_\x01\xdd*\x11\xf2:\r\x12\x05\x9a\xd2[\xea4\x0e\x87Sm\xb8\xbft\xa2\xa8h\xa4\xebh\xd5R\x9dE2\xeev\xcb\xe5\x9e\x00:u\x8c\xd4R6\xcb{N\x0e\xb4B\xe8G\xb7\x1f\xef\xc4\x00KEfh\xc3,\xc9\xc1\x19J\x8a#0\x9c]~X\xf2\xbf\xc0\xa0O\xfde\x9d\x8f\x83}\x18\xec\x0b\x87\x03\xb1b\x88\x0c\x1c\xa9\xf5\xdb\xe4\xe7\xbf\x94\x08\x85\x95B?\x98h\x97\t\xd1\xd1\x87z\x8d\xd5h\xb1\xe8N\xb4\xb7\x98s\xbew`\xdf\x9e\x82"\x87X?9iR\x9a\xe4\xf1\xa1\x8eO&gt;\x19\x02\xb5\xe4\xca\x9eO[[O\x02\xd6g\xdb+\xaf\x00\xcb\xa6\xa23\x18\x96\xa5i\xc8.\x14\x14\x04\x05#\x08vy\xe1\xbf\xaf"\xb9\xc7\x9e\xccS\x04\x072\x05O\x8c\xe0q\xa4|&gt;\x1f\xcf\x80\xc6\xa5\xd2~\x99\xbc\xf5\x95D\x06\x83\x8e!t\xe7\x8e\xcb"@3\x9b\xb44Q\xb1\xa6\xae\xcc\xea(.6\xef=\xf0^WfA\x91F\xadw7\x07\xe4\xf1\x83\x8a\xf2\xbe\x8e\x83C\x01X`\x00\x16\xa8\xf5\xd1\xec\xce\xd4\n\x14"\xabM\xa1y\x0c\x1b\xa6I\x12&lt;\x91\xf2\x01\x0c\xbc\xc4Hv\xf9?\xdf\xf2\t\r}\xcfT@\x8e\xbeG\xc0;\x87D{\xa2\xe5\xf3P\x87P\xbdL&amp;W\x052\x054w\xff\xfd\xfb.cQ\x16:\xa6\x95\x95\x96\x9d-\xa8\x17\x89\x8b\xcd9#\x85\xb5?\xaa\xed2\xaa\xf5N\xfd\x902\xd0&amp;A6w\xa4\xa7\xb7\xad\x01\x16\x92\xeb\xa2&lt;\xb9\xb2r?\x16\xb61$\xcd\xc3\xd8\x18Ab\x04\x07\xf9\x01b\xe1\x00G\x90\xec\xc6\xbd\x7f\x07C\xe31\x0b\xfd\x84@\xf6\x11\x04\xec\nIPR\x92\xa6(\x0e\x0f\xd3j\xb5?\xbb\x95\\\xac\x17\x00Vc\xb6\x11\xba\x95\x05Q\x95\x96\xd6g+,F#\xcc\x04\x8f\xc0\xf2\x10\x9d+0\xb68\x0f\x06\x0e\xb6\xe9\xed\x12\x89\xd1 L\x97\xe8\x9bM===\xe8\x7f\xb7v~\xb1\xb2\xd3\rT)&lt;\x1e/%\x1cfh\xd8g\x9c\x04\'\xd1\xe6\x90\x9d\x04\x16\x9b\xfb\x97\xdb*\xc18\xb3\x11\xa6\x08\x92\x90\xa2\xfa p\xf8\x84\xf88\x19\xf0\x07\x04\x8d3\x8c\xf6\xc7\x8b\xc9\xcf?\x80\xb5\xeb\x0f\x1b\xfb\x14b\xe3\tM}\x1a\xba\x9c \xab\xde\\d\xce\xc9\x1dAk|XU_\xaa.k\x91\x81D\xb0\xd2\xd7\xf9\xfd\xe2\xf2\x83\xe9ne&lt;&gt;d:\xd9: \xdf\x9aZ\xf9\n\xc4\xc2\x08\x9a\xc7\x83Jd\x08\x82\xe2SR\x82\xa49\xb0A\x82\x90\xc2g\x0e6\xff\xe2\x9f"\xc6\xe5\xde\x9d\x0b\xf3\x81\x1a5*\xf4\x1d\xf4\xc0\xa48\x9dJ\x83\x81\x0c\xc2R\xfdj5ykUV\xa9hl\xecPh\\\xede\x80u\xf5\xf8\xf1\xac\x06\xb3(\xeb\xf2\xe9\x9c\x91+G\xce\x9d;r\xe5@\xae\xd5\x9c-\xd3O\x06#0(Y\x14\xe5\xe9\xcd\xcd\x80%7\xd5\\\x1c\xd8y\xb4\xb2\xdd\x19f\xa1\x91\xf2x\x04\xb3n\xa3q\xf8m&gt;\x1f\xa4\x00\'qP\x02\xc2\x8f\x1a\xec\xf2\xc2?\x04\xe3r\xc7~\xbf\xae\x85B\x95\x02\xd4\xae\x81\xc4\xae\x97xFj*AS\x0cE\xe3\x14\xa3\x85\xcc\'\x17K\x15\x95}\x8d\x8d\xa22\xa3A\'\x16\x97\x1e\xbfz5M,\xca*-.\xea\xba\x82nvp\xf8\xf0\x9e=#\xc5\x02\x01\xac\xda\xea\xfc0\'\x13J\x82nO\xbc\'\xee3\xd5\xb4~\xb655\xf5*\xca\xdaR\x08\x14-m\x8c\x01;\x08\x92\xa2\xf8|\x10\x89\xe6\xe0H1r\xb7\x93\xb1\x1b\xb7_\x97\xdf\xf3g6\x90S\nU\xc1\x7f\x1d+\xd4 (\x8c\xde\xff\x0e\x8fH%\xa0\xcf\xd3\x18\xc30\x10\xae_\xff\xb9\xb2\xb2\xaf\xafQ\xa1iq\xd5\x19\x8b.\x83Xii\xf5Y\xa5\r\x97\n\xde}\x0f]}~\xa0\xab\xab\xc1\x01\xe3Q\xc4\xab\x86\x89"L\xc8\x82\xc2@&lt;\x1e7)?\xady\xf5hjj\x1f\x94!\xfc:\x8f\xc6\xd90l\x83D\xed\x9a\xcf\xd7\xa2\xb8\xf3\x00\x0c\x05\x07%\x88?\x8f\xda\xe7\xed\r\x16\xb4\x94b\xd4\xee+\xb2\x0f\xc6Q\xe0&amp;S\xdf\x01\xac\x0c\x1c*8\x83La\x98]\x17\x15\x15\x1d\x1d}\x95\xb22\xbf\xdf\xe5(\xbd\x9c\x85\x8e\xe5~\xb7\xb4\xa1\xd3\xbaw\x0f\xe2\xbar\xa4\xc0llq\xe9\xbc\xb0\xc2-O/o\x8bx\xddC\x01\xa5\xd2#\xef\xf9xW,\x08&lt;N\xd3P\xd9a\x1b!\x85R\x97\xd2`\x04_\xcb\xe7c4\x07\x85\x19\x98q\xd88\x06Q\x7f\xb2\xae\xe5\x83{\x7f\xaf\xe1\x0cC\xda8\xe30\x1e\xce;\xee\xb8\xd3\x13SoV\xd7\x9dum\x8cUK\x0b\x8dMSS4\xb6:\xdbt\xa1\'ZC\xcb\x1aF\xa5~\xb0u\x05\x05\x0bN\xb6a[7\x18V\xf6E0\xc76XW\x04?e`B\x0e\x1cC\xe2\x11\xd6\x19L n_\x93\x0f\xf1SC\xc2\xf6i0\xd8\xf3\x7f\xd3\xbeD\x05\xc5\xbc\xbf&lt;\xff\xe7}\xde\xffi\xde\xa3\x84j@^\x01\x8a\xa7\x88p\x8b\xfa\xc9:\x9d\xe3\x15\xc4pX\'w\xd9%\xcb\xca\xbd\xb9\xda\xf2\xc5\xcds\xed7\x9e\xff\x1a\t&gt;\x1d\xe8\xa4\xbf|\x9f\x18\x18uy[\x9b\x9b?\xfc\xe0\xfa\xb7kgG/\x0e\xbe\x18\x0e\x06\xfb\xee\xb7_\xeb\xdb\xee;=\xbb0{\xe1\xc2G\xdf\xfc\\\xcd\x9b\xe6e\x04\xbcLG\xd2\xf8\xb1\x97\xeb\xd8\x0f1UX\xd3`|\xbf\xbfA\xc5"\xc3&amp;\xcc\xd6\xbf(:~\xfb\x83\xd5\x8f\x98X\xb0AY\x8e\x05\xaf\xa48\xeb\xea\x05\x95\xd3a\xb7\xf0\xd7\x85(\xaa\xf8e\xda\xca\x1ct\xb5\\\xeb\xe88\xd7&gt;&gt;\xd3\x17\x0c\x0c\x0c\xd0?\x0bN|r\xa5\x89N\xbb\xde\xf9\xea\xfa\xe5\xe3=m\xbe\xf9\xf9\xc1\xfbh{&gt;_@\tq\xa5?\x0b\xb1V\x0f,\xd3&lt;H"\xe0yE\xd7D\xcf\xcb\xe9\xbf$\xb5\x01\x9b\xae\x8a\x10\xe3\xdd\xa4\x97J+\x14\x95\xa5\x95): \x15\xe6\xa5\xef\xd3b%\x1d\xb1\x1e\xf0\xa0\xbb\xb6\xd59I\xd6\xb0,&amp;\xff\x8b\x95l\xc8\x95\xb5\xac\xf4\x9b\x96\xf7\'\x10\xf5}\xe3\xe3\xaeP\x7f\'\xc6\tz\x970j\xc8\xce\x07\x1fkm\xf6\x06\x02\xf7o\\\x1c\x99\x99\x19\x9a8\xd3\xdb\x0b\xac_~\x9f\xfd;\x9d7c?\xa2\xf3\xc6.\xad\x8b\xfc\xfa:7\xcd\xf3~\x99\xb8T\xe8\xe5V\x91\x8b\xb0&gt;\xcb}\xe8%8@\x03O1\\JQ\x9eV#\xf9J\xa1;h)\x1c\x07\'\xcav\x16OZ\x88\xca\xe1B\xce\xcad\xcf\x9d\x19j\xbf\xd9\xd55yk9HX\x03\x03O\xaf\xb4\xd5\x8e\x08\xd3\xb9\xef\xd6gg\xbd\x91\x11\xdfH`pp\xa8\xa5\xf7\x87\xd9\xa1\x85\x87\xdb\x13\xc7\xb31#\x7f@T\x9e\x8d\r^\x1e[\x0fK\x1e\xbf\xc2\xb3M\x87\xe3a+\x84)\xc0\xa8\x90\x80\x92D\xc1\xa1\x12\x95\xcaJ\xe8v\xd3\xbe\xa3Rp\tt\x87;\xa7"\xb9\x91\xa4DU4\x8c\\9\n\xd3[V\xb5u\xe2t\xcb\xd5\x8e\xfe)\xaf\xf7TWWgg\xff\xd4\xd4w\xc0b\x87\x85\x8f5\xf74=\xf3\xb9\x96\x02\xc1\xf9\xc8D{\xcb\xf9\xde\xd9\x85\x89\x85a\xef\x9dR.\x9fO?\x18\x9b\x9eN\x16\xb2\xd9\xb2g\xdd\x03g\xfbE4\x82\xc8Dt]\xe4\'7S\x073\xd3\x0e.8 N\xc3[(Z\x9bp\x15~\xa69\xe96U\x1aZ\x1bQ\x94\xc3\xa5\xbc\x91*\x1a\xf9ta\xd7.d\xac\\ae\xe9t{\x87\xcf\xd7=\xday\xf7\xee{O\'\x03\xbe\xe0\xab\xb3\xcd\xc7\xe8\xf0rk\x13\xbd\xe3;\x14\x1a\x9f\x8f\x04\xae\x9d_]}\xb8\xfdb\xd8\xb5\xb6v\xa7j\xc5\x8e\xfe\x85VOJV"\x9f+\xd8a\x01\x0bPE\x83\x8a4\xf4\xbby\x91:NR\x849\x0c!\xa69\x18%s\x9c\x9bL\x051UNp\xb2\x9b1\x11\x14&lt;\x19M\x1bF\x11r\xc53\xd9r\xa5jY\xd9\xdd\xe8\x93G\xcb[\xa1\xd1{\x1d]]\xb7\xfb\xc7\xb7\\\xaeK\xdeK\xb7\x96_\xf5\xf44\xb5\xb5\x8dvO\x06C\x9</t>
        </is>
      </c>
      <c r="M276" s="3" t="n">
        <v>45492.67886574074</v>
      </c>
    </row>
    <row r="277">
      <c r="A277" t="n">
        <v>874723</v>
      </c>
      <c r="B277" t="n">
        <v>7314</v>
      </c>
      <c r="C277" t="inlineStr">
        <is>
          <t>Shaylon</t>
        </is>
      </c>
      <c r="D277" t="inlineStr">
        <is>
          <t>Shaylon</t>
        </is>
      </c>
      <c r="E277" t="inlineStr">
        <is>
          <t>MEI</t>
        </is>
      </c>
      <c r="F277" t="inlineStr">
        <is>
          <t>MC</t>
        </is>
      </c>
      <c r="G277" t="inlineStr">
        <is>
          <t>MEI/PD</t>
        </is>
      </c>
      <c r="H277" t="n">
        <v>180</v>
      </c>
      <c r="I277" t="n">
        <v>10</v>
      </c>
      <c r="J277" s="2" t="n">
        <v>35546</v>
      </c>
      <c r="K277" t="inlineStr">
        <is>
          <t>Left</t>
        </is>
      </c>
      <c r="L27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423dd4e-fa7d-4e95-9ddf-76167b6911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7jT\x00\x00\x00&gt;tEXtComment\x00xr:d:DAEewil2SDw:3687,j:1904319450120277878,t:24032419\xd6]\xa1\xc0\x00\x00\x00\tpHYs\x00\x00\x0e\xc4\x00\x00\x0e\xc4\x01\x95+\x0e\x1b\x00\x00\x03\x00PLTE\xff\xff\xff\x1a\x1f"\xca\x9bz\xc8\x99x\x15\x16\x17\xfd\xfc\xfb\x19\x19\x19-./\xfe\xfe\xfe!  \xc1\x94t!!%\xcc\x9e}\xd0\xa0\x7f\xc8\x94q\x1d\x1d\x1c\x14\x19\x1e+,*\xc5\x97u\xbc\x8em(()\xca\x9f\x81%%$\xc8\x9a~-!\x1a\xf8\xf5\xf4\xbf\x90q\xeb\xc0\x94\xc0\x96x111\xb4\x87d\xc4\x91n\xd7\xa5\x85\xb5\x82Z\x13\x1d%\xa7}W\xad\x80_\xb4\x8dg\xfb\xf9\xf9\xa6\x80^\xe7\xba\x90\xfd9*\xc4\x98|\xb2\x82b\xbf\x89e\xb9\x8ch5$\x19\xb5\x8am\xe7\xb6\x89\xba\x87]=*\x1f\xc4\x93g\xd1\x9d{\xaf\x8ac\xcd\x9bn\xaf}W\xa2xS\xeb\xba\x881*\x1f\xb8\x8bb\xc0\x97p\xcc\x98u\xd5\xa3{\x0e"\x1a775\xc2\x8am\'\x1c\x15?1*\xb2\x87i\xad\x82Y\xc2\x8eh$\x18\x0e\xd5\xa0l\x17#\x1d\xb0\x86]9/%\xe8\xe1\xdf\xb8\x92l\xe6\xb7\x83\xbb\x87fM&lt;/\xfc4#\xc8\x97k\xa0{\\\x94pP\xe3\xb2\x84\x18#(XF8\xc6\x93x\xbc\x92u\xc0\x94k.\x1b\x0e\xed\xe8\xe7oR=\xaa\x85`\x9avV\xdd\xa7q\xcc\xa4\x85\\A)\xd6\xb2\x934$"\x9fpOxU:\xdc\xb6\x8f\xf2\xf0\xef\xbd\x92ewZC\xdd\xa9\x83\xbc\x88oP8%\t\x14\x16\xb4\x88^\x0f\x11\x0e\xdb\xae\x8b\xd0\xab\x8bC80\xee\xc0\x8f\xa6\x83j\xd6\x99m\xd6\xa0u\xc1\x8e_\xae\x82f\x1f\x13\x08\xc4\xa1\x84\x8diI\x1a\x18\x1f\xcb\xa0t\xb7\x90s\xaayQ\xc6\x8dr\xba\x81d\xe1\xaex\x90s]\xd1\x9buOA7\x83dLhK5\x98lI\x9d\x7fhbE2\x83_=\x7f^F$\x15!\xdc\xa6{\xd7\xaf\x84\x8bcA\xabya\xe5\xbb\x88\xb6\x83i\xda\xd4\xd1\xe9\xbd\x99\xa8rY\xc5\x9d{\xed\xc4\x9e\x1c\x15\x14\x13\n\x04y`O\xbd\x9c\x7f\xd6\xa8\x7f\xd2\xa5\x83G5#B=;[9#\xb5\x96}\xeb\xd8\xd0\x86jU\xc4\x9do\xac\x8an^WT\xf6&lt;5\xb1\xac\xaa\x8d\x15\x18&gt;$\x14\xe1\xdb\xd9JGD\xd1\xcb\xca\xcf\xaa\x93jc`kYL\x1e*)\xaf\x8fv\xc3\xa6\x8e\x8fLA#5,`MD\x95zb\xa2\x88w\x93eE\xcd\xb3\xa1\xa3\x9b\x97E\x16\x107\x14\x12U\x19\x17\xe7\xb3|\xce\x93frN2\xe0\xb9\x98\xf8\xee\xeb\x94\x8b\x8b\xbdyj\x81X6iD)\xc3\xab\x9d\xb8\x9d\x8c*&lt;7UOF^T9\xc9\xc2\xc0\xdc\xc5\xbe\xbe\xb9\xb8\xefEA\xee\xca\xbe\x97\x81u,\x1d(\xcf\xa6z\x98YJV95\xf4+$I-\x1bH.\'\x88\x82\x81uomn##k\x14\x13\x9f71\x86yu\xcd\xbb\xb1\xa5cZ\xb5w^\xb4jZ\xf7\xe6\xe1\x87)+\xdb\x9b\x83\xb4A@\xd7\xb1\xa8\xb9\x7fs\xdeFE\x92hX\x84qb\xab\x15"\x80D1\xef\xbe\xad\xe5\xa9\x95\xd4\x88u\xcd\x80j\xcbHE\xe06.\xf5\xde\xd7\xc8\x93\x8f\xe9\xa2\x87\xbc1,\xbd\x8b}\xaa\x8f\x80\xacXL\xd5nb\xe3OQ\x93\x96\xe7\xa1\x00\x00 \x00IDATx\xda\xdc\x97_LZy\x16\xc7\'\xdd\x98%\x9bv\x93\x99n7\x97\xd8t\xdaP\x81\x97R\xbd\x8e\x16\xd05\x93K]\x8cW\t)\x90\x1b\x05\x8a\xc5[D\x1cb\xea\x15\xa5J:&amp;" H\xd418\xdaj\xc7?a%\x06d%\xf3\x00L\xc8\xc4j\xcc\xb6\x06\xa9Y\xb71\xa0\x0f\xfa\xb8\x13}\xd8}\xd9d\xfa\xb0\xe7w\xb1\x99\xcc\xfb^\x9b\xec\x01\xa2\xf7\x82\xe1\xe3\xf7\x9c\xdf\xf7\x9c\xf3\xc9\'\xff\xbf\xc1\x13\xf2\xad(\xf8|!\n\xdeG\xe7)\x11\xf2\xf9|\xab!\x16\xca\xe5NNro\xdf\xc6C\xa1P\xcc`\xe5\x0bKx\x1f\x91\t\x01\xc5s\'ov\xd2\xfbggaw*\x95\xf2\xef\xa73\xab{\xb9P\x93\xf5\xe3\x90\xf1xBC\xe8d\'\x9dr{\x836\x9b\xcd\xe8\xf3\x19\x8d\xbe\xd7&gt;\xa3-\x91\x88\xac\xaf\x1fg\xf6BM\xfc\x12\xde\x85\x93\t\xad\xb1\xd5\xfd\xb9\xc4\xee\xeen \x10\xf0%\x03\x14E\xed\xfa\xcc\xe6]\x14k\xd9d2q\xb4\xbd\xd7\xc4\xe7]p\x8d[c\xb9\xccY\x82R\xab\xd5f\n\xc5\x81\xda\xae\xa6\x8c\x01\x84\x95\xcdf=p\x9f\x8a\x1ce\xe2\x06\xe1E\x16\x955\xb6\x979N\xecR\xe8\xeb\xd5\x8c\xda\xe3\xf1\x1c\xa8\x0f\xa8\xe4.\xa5\xa6\x90Z\xe8&gt;\xdc\xa3"\x87\xab!\xfeE\x95\x18\x14U\x1c)\xe5\xa1(uA\xad\xc6\xe5$\xe3\xa1\x92\x90\xb6\x84\xcfl\xb7\x9b\xd5 \xdd\x010Q\x14\xc3x\xd6\xb7\xe3\xd6\x8b\xe1\xe2\t\x9b\xf6\x8e\x13\x14\xe59\xa0\n\x92\x1f\xf1B\x11\xeb\x00\x05e_\xc8\xe7\xf3v\xf8\rD\x040F\xc1d\x8f\xe3\x86\x8b\xe0\xe2\x95\x18V\x8f#\x8c\xc7\xc3(H\x89\x84\xc6q\x89\x82Yd\x16\x15\x85\x02^@)\xb5G\x7f\x8c\xe6\x0b\x0b@\xa5V\xe0\xb8B\x9d&lt;\xceY/\x02\xcb\xbaw\x9c]$\x19\x85\x1c#\x08L\x82\x93\xa4\x82Q\xd0$FK0I\xa1\x00\x19\xb4\xe3\x10\x80\xa5^\xc0%\x12\t\xe9\x89l\x87\xf8\x17@\x95;\xcc\x92r\xb9\x9cx&gt;\xf0b@\x89\x91\n\x08\x1a\xa3\t\t`\xe1\nO2\t\xe9U/ ,F\x81\xd3\x18F+"\x19\xce\xb9x\xfc\xd0v\x96\xc4\x94\xc4\xf3\x17(\x06\x089\t\x8c\x18!\xc7h9\x06\xe9\x04\xb5P\xf5\xabI\x86\x01,\x05\x89&gt;JG21\x8e\xfb\xa4\xd0\xb0\x1a!1BY\xa4\x02\xb9\x08\x0cS*\t\x82\x94\x93r\x0c\x03\xe1\x00\'\x9b\xcc* \xbfp\x87&amp;\x19\xf80F\xaf\xafr[\xf6&lt;~\xfc\xc8#W&gt;\xc7\x94\xe7Xl(\t\xb9\x82T\xa0\xcc\xca19:\x97\x8c\x1c\xdeW\xca!\xb7Pv4\x8d1\xc7qN\xfd\x1eNa\x96\xc1\x06\x06\xe4\x84R\x89x\x94\xe8\x87^\x02%NB2!c\x88\x11\x12H\xca\x07^(i\x92\xa6Q\xd9\xc13\x9bi\xe2\xd2\xee\xa1\xb2\x16I\xc0BgL\x0f/\t.A\xc7n\x01G\x0f\x1c\x97\xeb\x81\x95\x90\x83\\$1@\x00\x16\x86j\x9e\xc6\xfe\xa1X\xdf\xe3\xd2%\xac{\xeb_"\xa5\x8a0\x0b\x0bvh}T `\xb6\x83\xbd\xdb\xe1\x1a\xb1br(0\xb0\r\xf0\r\\\x82*\x0b\xbd\x98\xc3\x18wr\xf1 \x87$\xa1$\xf4\x92\x028\x93\xd9L\x05\x92\xc6\xc4\xdc\\\xd0f\xb4\x19a\xac\x01&lt;@\xc3\x8b\xbe\xc5\xfa\x04.Q*i\x82\xa0\xff@s(\x17O\x18?\x84j\x1eP\xeaq\xbb}\xc9l\x0e\xc0t5\x17v\xbbMZ\xad\xcb\xe5\r\x06\x83^\x1b\xcb\x86\xe0 \x80\xac\xa0W\xea%zTd\x91\xedX\tgV\x9a\xc9\xca\t\xa8\xf1h~\xc9\xfc\x1a\x8d|\xdep\xca\xefX\xb9{\xff\xa9H\x03lZ\xbf\xdf\x1d\x0e"4\x94W ?(D\xf5\x90V\x12\x8e\xa3\xe7(\xc7\xe7,\x87\x87$:yQ\xbb\xd9g\xb1\x8cMjM\x8e\x95\xe5\xf9\xc1G\xd7.\xff\xe6wW\x81\xed~K\xcb\xd7O5ZV8\x1b\xcc^\xe6%{&gt;\x1a\x85\xa6\t\xe7\x91\x89\xac\x1a\xb8\xcaa\xec\x08N\xa1&gt;o6Z&amp;G\x1fK\xeb\xcbjg\x1e\xf5\xb4\xb7w&lt;y\xd2u\xf3\xca\xe5K\x97.]\xb9r\xf9\xb3\xab\xa0\x9cT#5i]c\x16\x18t\x80+\x8a+H\x8c\\\xdb\x0e\x95p\x94\xc3\xdc:\xa1\xd4\xe7\x03A\xadI\xd0XS\xf9\xe0Y\xdd\xc4\x93\x8e\xadi1\x84\xee\t\x8a\xae\xae\x9bu_\xfc\xe9\xf7\x9f\xb7\xb6vv6W\t\x1eOZ^/\xe5\xa3\xe0k`\xb3\x8bG{\x9cX*L4\x995\xa5&gt;j\x0e\x9a\x1e\xde\xe8|\xd0\xd0\xd0?&gt;\xde\xa5\xd3\x89\xc5\xd3\xd3,\x99\xb8\\\\\xaec\xa3\xebe]\xc3\xb3g\xd5\xadw\xeaG\xc76\x97\xa0\xbc\xf4\x18\x86\x91\x91Un\xce\xa20t\xacP\xea\xed6SUskuC[[\xdb\xf0\xf0\xb0\xae\\\\\xca\x06`\x95\x96\xf6\xca\xca\xcbe2Y\xb9j\xb8\xad\xad\xa1\xa1\xba\xba\xb2Q:\x89\xb8\xa0k*\xb1\xb5\x8c\x81\x13\xb5\xf8\xb9u\xb9&gt;\xea\xd3\x02\x15h\xc5bm\xa8d\xbd\xa5\xb3\xf0\x80\xe8-\xed\xed\xed\x95\xb1\xa1\xda\x18\x06,\xc4\xd5-pY\xcc\xc0\x05f\xb7\xb8\x1d\xe3\x04\xcb\xba\x9a\xc4\x94Q\x8b\xa8\xb9\xf6A5|)\x80\xb1X\xbd\xa5\xe7\xc1r\x01\x98J%\xdb(r\xf5=\xe8,\x13i\x83v\x89\x1e\x9c~\xf10\xce\xc1x\x03#\xfc\xb6\x87\xd0\xe7\xc7\xaaj\xff\x02Xm\xbf\xc6\x12\x03\x14K\x85\xf4\xda@X(\x8f}\xd5\x95\x95wDZ_\x1e\xb5\xa4/\x8f81z~|\x9d\x84\x82wuwV&gt;`K\x8b\xa5\x92\x155*e\xe1\xa6P .\xa0\x1an\xebo\xe8{\xf5\xea\x95\xb3[0\ti\xa4\xe9\xdf\x82sq`\x11\xfc\\D\x8e\xe57G\x11\xd6\x87\x1c\xcadb\x99\x18=\xd9`\xb1d*(\xad\x0fX\xc0\xe5\xac\xa8Gr\xd1\xf4\xa7\x91\x0c\x07X\xb0Z\xaca\x12\xfb\x98\xb4\xbb\xa6\xf2\xbc\xb4\x90X2t\xf8\xe01u\x1e*\x88\x8d_a9\x1bM\x96%\x98\xea?\xcdn7q\x80eXe0\xdc&lt;)\xed\xaep\x16\xb1\x8676\x10T1T\xbfP\x9d\x8b\xd5\xd6\xdf\x07\x01X5\x82\xb1@\x01\xc7\xfe\xb8\xc6\x05VISFA\xe0\x81\xc9\xa1[\x15H\xad&gt;T[:U\x91\x895Q\x96j\x02\xa0Tl\xbd\xf7#\xb1X\xb9j\xea]&gt;;\x8e\x81C\xfc\xef\xb1x\xc2\xd0!\x89-\xf8\x00\xcb\xc9&amp;\x91\xb5-]\x11L\xf7\x81K\xa5\xd2\x81Z\xba\r\x16\x0b\xa9\x05U\x0f\xc5\xe5\xda4\x17$\x04\xb3\xcf\xc1l\x03\xcb\x05)Y\xd8\x9c\x1c\xaa\x00\xacj8\x8a\xe3\xe3\xc3\xc0\xf2\x8bZ\xaa\xf3\x14"\xae\xe1\xf1\x97H\xad\x116\x8b\x15\x82\x1f,\x01\x90K\xbd\xcf\xc1\x84\n\xfe\xa0\xc0\xcd\xb6Q\xc0\x02\x7f\xa8\xeeoCT\xe5\xe5\xa8\x17\x16\xb9\xa0\xfe\x11\xd79\xe6\xf0x\x7f?\xa2\xeas:o\t\xa05Bu\x1d\x1cs\x81\x95[g\x16|^\xe9-\x84\xf5\xac\x1a\x1a5j\x88\xc5\x1e\x8d8T\xa8\x1b\xca\xa6PS\x84k\x95\xaek\xbc\x7fd\xa4\xaf\x1a\xc4\xba54\n3\x8e\xbdP8\xe3\x00\xcb\x9aK\xa8)\x9b\xf6^\xb7\xd3\x89\xb8F\xea&amp;t\xa8;\x17\xa7\x07\xc4\x02\xce\xda\xdb;5\x057\xe1zJ7\xf1\xb2\xee\x8b\x91\x91jd\x10C\x8f]c\xc6\x80\xfd\x80#,j\xd7\xab\x1d\xbaU\xe3\x84\xe2z\xf7\xaen\xa2\x03F\x9a\xd9\xd9\xd9\xe9i\xe0@M\x07u\x1e\xd6\xec\x81\xb4\x03f\xc3\x9bW`\xf6\xaat:\xeb\x87\xa4\xdaI\x8bq)\xb0\xcf\t\xd6:\x95\x08\x9b\x86\xeeU\xd4t&gt;x\xf6\xee\xdd\xbb\xef\xd0\x088;[\x04\x83\xae\x08XS\xb2^t)\xde\xea@\x01\\\x9f}\xfeg\xf0\x07\xa9\xd4\xe4\n\xda\x02\xc64\x07\xbe\xc5\xcf\x9d\x19\xe7\xdc\x9a{\xf5\xdd\xdd5Wkgf\xae\xf5\xb4om}\xe0\x9a\xfd0C \xad\xa6\xb7\xb6:z\xbe\xeb\xb9\xd9\x83\x86\xfc\xd6\xce\x9az\x81@`ry-\xc1\xf7\x1c`Y\xe3g6\xaf[\xd4\xdd\xdd\xd8x\xe3N\xcb\xf5\xf9A\x98\xe2\xdb\x11\xd9,\x8b\x06\x82!\xa5J\xc5p\xa7\xbd\xe7\xd1\xe0\xcc\xfc\xf5\x96\x9f[\xae_\xafm\xed\x84\xbfx\xa8\xd1\x9e\x06Ow\x0c\\\xf8\xd6\xfe\\\xd8$\xean\xaco,k\xb9\xbe\xbc\xbc&lt;\xbf\x8cb\xf0\xafE4\x94G\xa0\x9a\x06\xa6\xf9\x15\x8d\x1bm\x8e\xa7\xa7&amp;\x8d\xe8~ssYUY\xd9C\x8d\xe9\xf4\xdb7\x1c`\tC\xe90`5\xd6\xdf\xbeq\xf7\xee\x8a\xc3\x9fr\xbb\xc3s\xc1`\xd8\xbf2\x0f\xe9\x84\xcc\xa1\xca\x17\x8b\xdb\x07WN\xd9e\xcc\xec\x83=2\xe8\xd5\x8a\xaa\xaa\xaa\x9a\x9bWD\xdf|\xfb\xd3?9\x98\xb7\x84\xb1\x0c\xec\xcf\x9a\xfa\xfa\xdb\xb7!%a\xef\x1c\xac\xa9\xb0\x08\x9a}A\xff\xf2 Rl\x8b=\x7f3\x0e\xaf\x0f\x98\xec\xec\xcam4n\x8e\x8dJ\x1f",\x87\xe3\x9b\x9fO8X}xMo\xfc)\x8d@$\x10i\xb4^\x8b\xd1f\x9b\x83\x00\xb2\x80\xcf\xeb\xff\xfeQ{\xc7\x16:~\x133O]\x96@\xc0\x07\xeb\xb6;\x95\x82\x15\xdb\xb2\xf97\xd0\xab\xb9\xb9\xca\xe1\xf8\xe9?o\xb9\xc02\x9c\xa4S\x1a\x8d@ \x85\xf5\xcfh\x0b\xbb\xfd\xe9\xf7\xcb\xef\xd3\xeep8\x18v\xcc\xf7tl!\xad.\x97\x81\x15 \xde\xb3\xb3\xd4~:\x9dN\xb9\xc7,.\r`9\x1c\x8e\xaf\xb8\xc1\xe2\xc7wRn\r$\xd0\xe5r\x99\xfc\x8e\xefwvv\xde\xa7\xd3\xfb\xee\xb0W\xab\xf9\xfa\xda\x13\xe4\xf5]\xb5\xb0\xe8\xf8\x02\xbeD\x82R{\x92s\xee\x94_\xf4\xf8\x07\xc8bs\xf3\xfd\xa7_\xfd\xfb_\x7f\xe7b\x7f\x15\xc6\xde8R\x1a\x91T;\xaa\xd5\xc0?\x0f5\x1f\xfe/\xaf\xe6\x17\xd2\xc6\x9e\xc5\xf1%A\x10I\xe6!\xc3\xe5\xaeAf2\xcc$)\x9d\x19\xbci\xc6L`2\x01\xc1\xccCV\x99%m\xc1\x9bm#\xdb%\xa11\xb9\x04\x1fl\x94\x964\xc96k\xd3?\xa4\x86\xb4\xf1\xc1\x9b@\xebM_vAJ[z\x1b\xa1PW4\xed\xc3\n\x82B\x1fk*Aq\xa9Z\xf0\x16\xb7\xb0\xe7\x17\xdb\xb7\xfb\x98x@\x11\x14\xfc\xe4{\xce\xef\x9c\xef\x99\xf9!]fGCw\xce1F\xfd\x18LB\xb7\x14\x84\xbd\xf0\xe1\xed\'O\xfe\xf4\xc73\xffxq145\xe2\x84@X,\xc2Zj\x83\x97\xb7\x0c\xbey\x89\xb0\x82N\xeb\xb8udwj\xf4\xe2\xa5w?\xddF\xcf\xb5\x16\xa7\x9d,\xe9\x8e\x9c\x8f\xc8Tv:t\xe9\xe1\xcd_f\xc11\xbe\x98\x1dE\xbfa&lt;\x1e/\xc2R\x0f\x1a\xab[\xad\xdf\xc8:-\x17\x10\x16\xe3t2\x93\xd6s+\x8b\xa3S\xa3\x0f_\xfd\xf3\xd2\xe8\xec\xcd\xda\xe2tP\xe42\x91\xf39L\x0cV\xef\xd4.]\xbc\xf1\xdf?\xff\xe5\xcc\x93[\xbf\xde]\\\xc9zb^\xd6l&amp;\xd8\xf4\xc1\xc1\xfc\xdcV\xab_LuZ\xba/\xbcy|+\xc0\xd04\xc3\x9e\xbdS{x\xf7\xd6\xaf\xb7_\xbd\xbayc\xeaRm%\x0b\x93R\xceE\x10V\xb6\x1a\xaa]\xbcq\xe3\xc5\x99\x9f~y\xf9\xf4\xdc\xcaJ5IA\x03&amp;\x08\x96]\xfeP\xdf^\x03\xae\xd66\xf9\x0b\x83s\x0b\x8f\xadV\x18p,\xeb\x9c\x0e-^\xb3\x8e\x8f\xbe{\x17\xba1\xf5\xb06\x1dL&amp;){&lt;\x17\xf7\x89\xc1`6T\xab\x8dN\xcd&gt;\x99\xbd\xf5t\xbcZ\r\x06\x93\x14\xe5\xf1z\xbd\x0c[\xff\xf2%\xb5\xbf\xb6\xd5J\x13\xd1\xd91\xb8\xba\xb0}\xd5:\xe2\x14i\x91e\xe9,\xfcCf`\xe4n\xe8\xeeT\xa8\xb6R\x05,q\xe2\n\xd8Q*\x19\xcc\xde\xa9\xd5j\xa1_v\xc7\x9f&gt;\xcd\x07\xe94%\xdal0G=\x1e"]_\xce4P\xd9w\xb60\x85\xf7\xdf\x1c}o\x84\xc2\x12E\x91\xa2D\xa8{\x9a\xe9\x1d8\xbb{m%\x14Bb\x89\xd4\xeb+\xb9\\|"\x99tVW\x16\x17CS\xbb\xe3\xd7{\'YU\xb5\xd98I\x92 \x8fxJn\x08\x9f\x96\xb7[Y\xf6\x9d\xdd\xffy{4\x9c\xe2\x92AD\xc5Ri\x16\xa200y\xb6z\x07\xb4r\x02\xd5\xc4\xebx.\x97\x9b\xa0D\xd0\xab:=}m7?\xd0\x1b%IU\xe5\x94&amp;V\x9f\xa1l2\xc9\xe9/\xf3\x87-\xc5z\xff\xbf\xa3\xef\x05Y\x84\xe2\x16)\x1bGb$\x8e\xe3\x85|\xbe\x18\x0c\x16E\xf1+\xd6\xdf\xe3\x80\x05\xc1\xd0\xf9\xfcd!\x8a\x1be\x01S\x14\xc5\xd6\xc4\xd2\x8c\x994]\xdc\x87\xf9\xc3\x16&amp;\xb1\xc3\xf2\xfee&gt;%\xc8\xb6$ \x00\x95,h\x04\x9df\xb8\xcb\x18-\xb0\xac\xcdf\x03R\xa4\xd6\x15\xbb\x8d\xa2T\x05\xe7\xd5\xfe\x94V\x80\xc8d0\xbbB\xc5\x80Kr\x95uZm\xf2\xc3\xf6V+k\xab\xe3\xfe\xdb|T#sH\x19\x9b\x82\tnA\xaf\xd7k4\x1a\xed\xb0\x11\xe7\x80\x8bS^gr\xb9\x0c\xc2\xe20\x8c$1Y\x10\xf4n\x00\x93}\x80\xc5K^\x1e\x9f\xd1j\xb4\xc1\xd4\xdaRgK\x07\xf5\xf6\xce\x8e\x91\xe4\xa0vD$VI\xaf/\xeb\x9b\xa1\x93I\xe0\xe2|\x8ex.\xe2\xf6q\x94M\x91e\x19\x83/\xc1\xed6\xb9\xdd \x17\xb8l)\xc6\xe3\xf8\xb0\x80%Ms\xad}:\xdf\xbd\xfa\xdbN\x81M#,\x05\xcb\xe8Mn\xd3\xd7\xd0\xebe\x05\xb0\xec\x0e\x98&gt;9\x07\x10*\x8eL&amp;\x83\xb0\x80\x0bv2\x19\x93T\x89 p&gt;\xaf\xc2\x07\xd8\xdbjm;\xed\x18\xdc&gt;\xca\x17\xebi\x84%\x0bp\xaaL\x91\xafX\x02`!\x8dJ\xe7OE2\xc7\x84\x19H^S.=\x00b&lt;/\x11*\xa9\x06\xeb)\xac\xd1\xda\x1cB\x16\x97V\x7f\xcb\x17Y\xdc\x9b\xf4\x90:}9b\x1a\xfb\xa6\x96\x80q6J\xc5\xf4c\xa7\x1e\xfcP\x92\x15\x8e\x03\xae\xb8[Hd\x00\x0b\xe84\x18\xce\x13\xe9~\x99+~\xf8\xd4\xd8?\xb4\xb4zR\xcfm\xef\xe4\xa3\x06\x96f\x10\xd6\xb1Ve\x94C\x81T\x8c\n)\x8c=\x80\x18\x130R\xe1 \xcb\xeeu\xb7\xbbT.\xa1w\x1b\x06\x1cgYR\xe8_^&gt;\xd8\xdfk\xb9\xb5\xb1lm\x1f\x15\x86\xb5\x04\xcd\x18uz}\x13\xab|\xac\x16\x89\xba\x98\x16\xb0\xf6O\x99\x0c&lt;\xa8\x05g"\x0eT\xa5R\xb9\xac\xd7i\xbb\x8c8\x9b\xc6L\xa9\x83O\x07{s-7\x82\x1d\x17\xb6\x8f\xa2=\xa7y\xe6\x18\x0b\xbdK1}\xc3"\t\x91\xd5\x8d\x8d\x95\xcbF\xa6(R\xe9\xb4\xaa8\x12\xeb\x88\xaa\\\xd6\x19\x9aXr$\xf5\t\xb0\x0e[\xbe\xed\xa3\xe2\x8aF\x8d8\xcd\x1a\xb5\x1a}\xb9\xf9\x8e\xe7\x9e\xc9\x04\xbd\x89\xe4\xc4\xect\xb5\xa0\xd5\xe2|\xb1:\x9d\x05\xcb@\xd9\xec\tP\xcb\x04X\x1aC\x17n&amp;x-$\xf1\xe0s\xab\xcfas\xfe\xcc\xcdG\xd3\xd1\x1e+\x81\x1b\rz}\xe4\x1e\x8a\x92\x1bl\x83\x9c\xce~\xfc\xf8\xbcX`\x8a\xc5,\x18,\x91\x83.aO\x94"\x10%\xfdL\x8f\xcb\x1c0\xbb\xfcTz\xb9\xb1w\xd8\x063o\x19\xdc\xee1\x0e\x03\x96\xb1\xcb h\xdc%\xa0Z_\xcf\xa0\x1e\xd5_/\x06\xf3l&gt;X-\x06\xb3\xd9\xa2J\xc2 &lt;\xc6\xca5\x04\xdd\x8c\xcb\x0c\x1b\x99_UR\x8d\xbd\xad6\xdc\x86\xe8XZ}\xf6\xddw\xd7\xcf2\xbc\x11\xd3@\x9fob\t\xa0V&amp;\xc5\xa5\xd5B!\x1f\xcc\xc2\xb6\xc6\x10\xa4\x9c\xc98|\xd0\xf3!\xdc:\xcd\xcc\x10`\xb94\xd8\xb1\xd7j\xc7[\xce\xc1\x85\xf9\xab\xd7\xad\x90ER\x96\x9bj\xdd[w\x83\xc9\xca\x90\x9c\xca\x17\x18k\xde\n\xc1H~\xd4G\x1d\xf1RS,\x8da\xc8\xdcg5kMBc\xbf\r\xe7\xb0)\xd7\xe5\xd5\x85g??\x0eL\xf20\x893M\xaeR)\xe7\x8ec\x8a\xca\xe3|\xc0\x1a\xe8\x0bXi\x8fW\xf2\'\xd6\x01\x0b\x80snA\xeb\x1a\xea\xebc\xf8L\xa4\xd1x\xb0\xb6\xd5\x96\x1b-\xb0\xfb\x00\xd7\xa3\xf1I\xbc\x0b\xb8\xa0\x03\x00U\tf\xb1\x02\x83\xd8\xe5\xea\xb3Z\xfb\xcc}4M{$\xbf#\x91H\xc4\xd1D\xd4\x1a\x00\x8b`\xd2\xf2\xe7\xcf\xfbm)\xf8\xaf\\\xf7\xdf?\x1b\xb7\xf6\x1aH\x0cC\x0f\x04\xa1\xb6`\xfcJ^/\x81\x0f\r\x04\xe0\xc0\ryi\'\xed\x95\xc2&gt;\x87\xc3\x91\x89\xc7e\x83\xcb5\xc4\x12\xa2\xdax\xb0\xb7v\xb8\xd4\xae\x1b\x07\x1d\x96\xcb\x83\xab\x8f\xc6\x07\x8c\xb8\xcbU\x01Ef\x12\tYQa\xdb"\x06z\x07\x06z\x7f&lt;\xdd\xc53\xb4\xe8Ao\x85|&gt;0\x12\x18P\x99Y5:\xbfv\xb8\xb5\xd5\xc6\xbb\x8b\x1d\x1d\xdd\x83\x0b\x8fzq\x02\xf7\xbb*\x10\x80Er8n\x1c\x1e\x1e6F\xa3\xd1\x9e\x1f\xa3\x05\x86ab\x92\xdfg\xb7\xfb\xc0v\xf9\x87\x86\xcc\x04\xf6\xd7\xd5\xadn\x8b\xa5\xadWc;/\xaf\xbe\xbd\xdeK\xf0a\xbf\xdf\x8f\xb00\x0cK\x19S\xd1\xe8\x0e\x18\xfb\xc9\xc9|\x11"\x0fv\x1f\xb0\xfc&gt;\xcc\x05Tf~\xf8osm\xbf\x85\xd7\xd9}\xff\x19`IR8\x1c\xf6\'\x12\x15\\\xe5\xd2\xf5|qsswsssc\xe3\xf9\xf3\r\x88j\xd0\x87\xe4r\xf9\x11\x15&gt;\xfc\xef\xc3\xf6_\x8a\xb5\xfc\xeb\xcd\xd3\xde\x01)\x06\\\x95\xf5u?\xac\xf7\x08\x04x\xbe\xc6G\x14M,?\xa22\xf3\xaa|\x12X\x1d\x80\xf5x@\xf2\xc4\xc2\x95\xc4z\xc5S\xfdX\x83\x81\xf8-6\x8e\x05+\xa6}&gt;\x9f?\xcc\x9b\x9bXB\x1b&amp;\xf4\xef\xb8g\x84e\x06,\x7fe\xbd"9\xb3\xd5\x8d\x8d\xcd\xe3\xf8p\x1c\xf5\xe5\x14\xe6p\xf8\xfcR\xac\x0f\xb0\x88t\xe3\xa4\xb0\xc6\x01\x0b\xbaS\x05\xd5\x16l\xb1\x85\x1d\x88\xe5\x9d\xe5\xe5\xe3o\xd1T\n\xf39|a\xc9\xdb\xc4R\x1bkK\'\x85ExP\x16!\x0c\x06\xd8bS\xa9(\xf0\xa0\xd8\x89F\xfbS\xd0l\xa1\xb6\xa0\xcb\xf6A\xb0\\\xcb\xf7\x8a\xdf\xc7Zx:&gt;\x19\xf3\xa0\xe1W\xa9\xb8\\\x06\xad\xd6`\xe8\xea/\xd4\xe14\xe6\xd3\xfd\xa9\x14\x98U\x0c\n&gt;\x0c\x7f\x02S2\xc0\xf6\x9f\x14\xd6\xa3\xc7\x01\xaf\'y,\x17\x18U\x9dN\xa7\xc1\xfa\xd3\xf5b\xb1^W\xfbIR\xf1\xfb\xc3\x13\x13\x92\x87\xf6\x04`v\xb3)\xc0\xfa\xc3\t`\xbd\xff\xb97\xe0\x11Q\x16\xc3\x92\xc4\x93\x06CEk\x00\x17A\x89uNQH8\x83a[\xccf\xf3\xc2\xd4\x0e\x04\x9c\xb4\xed\xe0\xa4\xb0\xae^g=\x94\x08\x1e\x06\xb6x\x89S\xech0\xc3\xc6OQ$i\x07*\xfb\x04\xfc\xe8\xf1 \xf7E;\xbd\xaf\xaf|&gt;\t,\x0b`\xf5\x10\xb0\xf4\x83\x85\x81fo\xb3ML .;\xc2R\xec$T\x15\xa2\xa2 \x81\x01\xebY\'\xad\x9e\x10\x16R\xeb4\xce&amp;\x93\xb4\xc8\x10D\x8c\x02\xae\xa6D\x1c\xda\xf8\xd1\x19lby\xbd\x88j\xc4\xc9\xa8\'\xa6\xd6\xc2\xd5\x99.\xc9\x19\xa4i\xc0"\x00\x0b\xa8\x1c\xe0\x16H\x05G\x8f\x8fdhX1*\xe6\rXG\xce\x8d\xd0\x84\x82\x9d\x94Z\x80e\xe0\x93\xc1\xa0\x93&amp;\xcc(\x89\xbe\xff\xf3r\xfe1M\xdey\x1c\x0f\xb4\xf8\xc0\xd3\x02\xf2&lt;\xfd\x81O\x1eJ\x16Z\x9a\xb4&lt;6q\xd7HF\r\x14\xbb\x19\x18\r\x97@v\x14\x1d\x04\x0f\x08\x92\x0e\tK\xff\xe8\n6%\xde\x80RI 56\x9d\xc4\x15\xf4 \xf4\xacpE\xd99\x05rf\x0c\x9cFLd[N\x04u\x1aN\x8d\x87\x99.grq\xb9\xcf\xe7[\xbc\xe4\xee\xcc\xddm\'\xfd\x90\x07L\x0c\xf0\xe2\xfd\xf9|??\x9e\xe7\xfb|!\xad\xc2DK\xf6,\x9eHM4\xc1B\x00\xaa\x9c\xda\xca\xca\x065\x9b\x96\xf6\xf4\xfb\x93\xf1Qk0\xc0`\x89\xee\x811G\x10\x0e\xbc\t\x9dW@*\x95\xcb\xe5Je]\x9d\x1c\x1a?\x8d\xb1\xf4\xed\xfc\x9e\xf6\xf6\xca|\x7f\xd5\xae\xb4\xdf|\xbf\xf9}\rQk\x90g\xaa\x0b\xf2?\xc7\x87L\xd8x\x99L\x01\xb0A\x9e\xe7\x07].\x1eF\n\x185\xf2{\xfa\xfb\xdb\x1b\x06\xecU\xbb&lt;\xbb\xe2\x83u\x1a\xb0L\xd5\x07rz`\xb0\xcf\xd7\x1a\x0b\x0eXm\x83\xae\xc1A\xf7\xe4\xe4\xe40|\x19\xd1B\xb0\xd7\xb6\xf7\xfb\xfa{\x8e\xf9\xa1m\xf5x~\x1d\x0f,\xe8\xb7\x08Vi~\xbb\xcf\xd7^\x9bSz\xd0\xe8\x06\x9c\xc9\x11\x87\xe3\xfc\xe4\xf0\xe4\x88\xb7\xc2[Q\xdb\xee\x9b\x9f\xefo\xd0\xdb=\xd0L\xc7\xa39%\x0f\x0e\x08V\x81\xb6\xc77\xefk\x87\xc0\xd7:\x08\x8e\xd7\xeb\xf0\x9ewx\x0f\x1f&gt;\\\x89T\xbe\x9e\x1c?\xe7\xf1\xd0\xb4..X\xdb\x8e^\x1e\xb6\x02\x96\xa6\x064\xf1\xf9\xfa?\xef\xa9\xfd\x83\xd7\xe1\x00\xaa\x1b^\xf2\\\xfdT\xd7\x91\xe6F\x00\xceW\xfb\xa1\x9b\xf0p\xf4\x85x`5-\x9eu#\x96`\xd4V"\x17x\xf20\xbe\x98\x08D`\xa7\xc86\xeb\xc6F_{e\x8e\x1e\x9b\x1c\x0fk\x8b\x07V\x12N&gt;V\xe8\x11\xac W%D6\xb8\xabk\xc3\x8ew5\xe3v\xfe\xc6\xc6f_\x7feL,3\xc7\xba\xe3\x83u7\x86u@c\xd4"\xd7\xfc\xfc%\xb4\xf7\xd1\xba\xbb{{\xbb/56\x1fi\xaf\xac\xd5\xea\xedf\xb3\xd9\xc3j\xacq\xc1\xdaww\xd0m\x82!\x11\xb0j*j+!?]ZX\xd8?44\x84\xd7\xd0\xfe\xde\xee\xc6#]\x90Hs\xf4\x02b\x99\xed\x1aM\x9c\xb0\x86\t\x16+X\xb0Ehh\xe8\xe9\xf75.,\x0c\x11[\xe8\xbe\xd4\x0cP\xb5\x15\xda\x1a\x0b\xcb!V\xb9J3\x1e\x17\xac\x0b\xc3nh@\xdf\xac\xe6\xac\xf8\xaeC~~N\x05\xd9\xb2\xdf\xd8x\t.t\x1f@i\x8d\x1a\x96C\xac\xbc\xf2\x02M&lt;\x12\x04\xf6\xccl6\xb6\xa14\x87\xef`@\x0f\x8a\xc5\xa6\xa2\xa2\x16\x0c\x91\xc0\xb45H\x05\x83\x07\xe1\x12\xe2\x81\x05\x95\xda\xcd\xe2\xa3\x8aw\x18\xdamp\x0e\x0ch\xd50vY\r\xc4F\x9cN\xad\xb6"\x07\xb0\xac\x1c\ru\x07\xa8\xde\x11\xe2\x82\xb5\xed\xe4Y7\xcb\xe5\xe5\x15d3\xb4\xcd\xe0Tk\xd5\x80e\xb5\xd9\xdc\x00ep\x83~\xe8\xd6R\rG3X\x0eQ-6.wF\x16\x07i\x8e\x13\xb1,\xcd\xd0\x9c\xa0R\xab\xd5z\x8b\xc1\xc6\xf36\xbc\xc1e0X\xd4\x03\xc7\x8e\r\xe8\xfd\x80\xc5\xa4\x81\x99\xf3:\xedq\xc0J\xfa\xe2!\x0f\x834\x83\xbf\x96\x01,\xfd\x06\x96\x8e\xa7m6\x0e\xb0\xc0\xad\x03j\xbfa\x03\xeb\x8f\x98"\xe2\xb0\x12s\xcb\xc6m\x82\n\xb0D\x89"\x86f\t\x96\xc1\rj\xf1&lt;\x88\x18\xc3R\xeb\xfdv\x8e!X\x1ep\xa2\xbdnq\xb3\xbb\xd3\xdc}\x8b:AU\xce\x89bX1\xb9,\x06\xb7\xdbf\xa3m\x1c\x8bXjBE\xc3\xac\rX\xd9\xef\x94wv*\x1fn\xee\x8d\xa4\xe4\xdc\xb2E\x97E\xa5\x12\x18%`m\xc8\xa5W;\x9dx\xdf\xd4F\x03\x96\xc5\xe2\xd4\x13\xaa*\xf8\xef4\x18\xfb\x01Ko\x1f\xdf\xd4i\x1f7\xff8\x06\x8e\xe9\xc1\x87JZ\x84\xcf\xcfIt\xe9\x9d5N\'q$\rX~\xbd\x1f\xb0\xaa\x12\xa5\x04\xabZ(/W\xeb\x95\x0fOnK\xde\xbc\xf7\xed\xca.?~\xd2\xb0S\xa5bi\x1dR\xc1o\xa6YA\xa5\xb2\xa0a\xda\xb2\xc3\xe5\'T"\xe9/\xf0\xed(\xc0\x12\xca\xd5;\xedU\xe3\x9b\xc7\x95[\xf6\xfc\x9bs\xdf\x80X\x02\x8b\xa1\x03XR|*\'\x08\xac\xdb\x8d\t\x0b|i`Y\xbb\x1d\xa8\xaa\x94\xa9\xa9\xe4\xa5\xad\x03B\x01D\xdf\xbd/\xbf|\xb4\xb8I\xcf\nr\xff\xfa\xfc\xdc\xda\xb9\xef\xd0\x874M\'2\x0c`I\xc1\x8d\x90.l$\x9b\x1aX\xce\xc6\xd9\xa0\x14z\x90\xea\xcf\xa9\x88\xc5j\x0e\x1e,\xd5\xdf{v\xff\xf6\xa3\x87_lJ\x1a=\xf9\xfcE\xf8\xf6\x8b\xfb\x03z\x81chZ\x14\xc3"\xcb\x91\xe3y\x9d\x8e\xb7\xd1\xbc\x0eV#\xe7\xa1\xabDJi*qb\xb5U\xa3:X\xfaF\'`\xad\xdd_\xdc\xf6\xfa\xc3\n\xa8\x1e\xac\x87\x1f\xdc\xbf\xa7&amp;b\xd1\x0c\t.\xc2\xc5\xe8tdt\xd5\x01\x1b0"U\xa2r\x97\xa8*\xad*\xcd,h4\x07\xdf~#\xef\xd9\x8f\x0f\xc2\xb7\x9f\x9f|\xbdi")\xb7\xe9\xf4\xddG\x0f\xd6\x11\xab\x93`14\x13\xa3"\\J\xb9\x1c\xa6i\x00\x034\x1e*t\x15\xfc\x03\xf3CZ6+@wQ\xa3\x06\xac\x1f\xc2\xeb/.\xef{}\x9b\x91\x92\x93\x93\x9b\xce\x8c-\x1f_\x0b\xaf\xaf\xaf?\xb8\xa7\x8aa\x81X\xc8\x94\x9a\n\xe1%\x02\xa8:\xe4B\xcdt\x84*Q\x99(\x02,\xb3Y\x00*\xa3:\xef\xe9\x8f?\xac\x87\xd7\xbe{X\xf6\xba\xd6#\x9e\xde1v+\x12\xb9\xb9\nX\xe1\xdb;\x8d\x18\xf1L\x0c+\xb6\xc5&amp;Q$\x97\xff\x03K\x8eX"TK$\xaa\xca6\xe7\xa9T\x88e~\nN\x0c\xaf=y\xfc\xd5\xeb9\xe4#\xa9\xa9\xec\xcc\xd8\xdc\xc4\x95)j\x86`\x9d\xcb7Bz\x80\xc0"\xe9\x81\xec\xfe\x91&amp;&amp;*\x95\xf2\x97\x06j\xf1\xc4\x87\x01P+\xdb\\^\xae2\x1aG\x8c\xe6g/n\x03\xd6\xca\xd0\xefo\x8c\x1d\xfd?=\x99\x9c\xb4\r\x8f9\xb93\x11\x9a\x9a\xba\x921\xb3\xb2\x16\x0e\xaf&gt;\xa9%m\xe7?c\x89 \xd4u:%\t-\x88-\x1a\xb1\x02X\xa9\xa1\xa9\xe9TY\x8cF\x8d\xff&gt;P\x85\xd7fgv|61\x07`??\x85\xe1~\xce\xa3\xd7\xe7n}\xf6m\x88\x8aNMe\xd4\xcf\xae\xac\xceN/T\x1a\xad\x1bb\x89\x88\x13O`\xcc\xeb\xb0\x7f\x000P\x8a\xa6m4\x12\x8aL&amp;\x06\xc4\xea\xec\xf4\x1bFj,\xc7\xce\xad\xad\x86\xc3+\xb33\xf5\xbbC!&lt;\x16\xa5)7\xe9g\x04y\x120\x9d\x868\xbfZ\xf4\xee\xcd\xdd\xbbe\x80\x95U?;;==\xf3A\x97\xd3\x16K\x0e\xa2\x97\xc1\x05X\xca\r.\x9e\x06,"\x96\x927\x99L\xd9\xe6N\x82\xe5u\xcc\xaf\xac\xae\xae\x86W\xa6\xeb\xeb\x972\x14S\x91\x89\xb9\xeb\xe0\xca\x9fz\xf4N\x12\xea4\xb6|k\xb4h\xaa$\xb3\xbe8SAAle\xce\xcc\xcc\xec\xfd\xe8w\xcd\x0e\xda\x14\xc3\xc2l\nND\xb5\x94\x84\x0b\x1bA\x1as*\xc1\xb2\x9aL\x1cb\xd9\xdd\x93^\xef\xfe\xe9\xe9\xd9\xd5\xd5\xd9\x99\xa5\xa5&gt;*\x1a\x8dNE\xf0\x84\x9b\xb2\xa6\x9f\xa0XrS\xd9\xb5\xb1\x8b\xc0\x14\x01\xa8\x92\x92\x94\xcc`\x8a\x8c\x9a\x8aFK\xb6\x04\x8b\x8b\xf7\xecx\xbf\x02\xbcs\x08\x17_ @b\x1c\xa8\x10KG\xe2\x8a\x98\x0e#\x8b\x06\xb5X\xf4\xa1\xdf=r\xb8\xf9O{\xf7\xc0_5\xd3\xa7PHdpE3\xa8\xd0\xe8\x1d\x08\xb2\xff\xf1(\x19\x12O\x17\x97\'\xaeFBEY\xd1\x92\xc2\x92hIzz\x8aB\x16\x8d\xbeW\xd8R\x08`7{\x1fW\x9b~+\xfdZ.w\x05\\.\x17.=\xf4\xa7\x0e\xd7"r\xe1\x1dA&gt;\x10\x80\x8a\x84%\x1c\xb0\xf4\xce\x11\xef\xf1_n\xdf\x13\xec\xe8\x10o\x81\x1f\xa5P\xc0%\x93)2\x8aB\x91\xd1\xe5\xeb\xa7\xff\xabbx\x84\xd6\xe9kcs\xa0\x130eeQ\x19\x8at\x85"}\xcb\x96\xbe\x14\t\xc1ji\x11\x07\xeb\xbf=bd\x0e\x1dJ=\x11\xb0m\x88\x85\t\x8a,C\x17)&gt;h"\xa4\xe2\x04\xbd\xaa\xbc\xdc\xeftVtu\xef\xd8\x13\x14\x8b\xc5-1.\x89D!\xa3d\nY\x06E\x85&amp;\xe6\xae\xfd\xa7U\x99\x8c\xc9\x002\xd4\xf2\xc4\xe8h(\x8bB(*C\xa6H\x91)\xd2\x83}`\x92\x18V\xab\xb8xGom\xa0.P\xd7V\xc7\xcb1\x7f*7\xb0b`:\x14\xcb\x04\xa9\x816\xb1*\xc1\xa2\xd2\xfb\r\x16GW\xef\xa7{?i\x15\x93oOO\x01\x03\xb52\x08V\x86\x8c\n\xdd\xc2U\xf9\xca\xd8\x87\xea\x92K\xb2\xe6\x9d\x89\xab\xa1\xac,\xc2DePKh\x92\x8e\x18\x96,\nX\x85-\xad\xc1\xccO\x9b\'\xdb\\\xae6|\xb3H\x8e\xe5G\xa9|\xb9\x0eu\xa4T\xd3\x0c\x0fT\xd5\x02`\xa9\x07,n\xc7\xa9\xde\x1d{?\xfa\xa4\xb5\x05\r\xb1$\xc8\x05P\xc4(\xaah\xf4\xce\xf5WW$\xc8\xe4\xd7.\xce-\x13\xe7\x81\xf7\xa8)\xa0\x92\xc5\xa8\x96\xfa\x82\xc1\xbe%\xe0Z\x8a&amp;\x14\x02Xkk\xf1\xf6\x0fN\r\x9f={\xb6\xadM\x1a \x95Z\x8aX\xb6\xbf\xe1\x07\x0e?X.\x19S5\x04\x96E\xabuL\x9e?\xf5\xab\xed{\x80\xaa\xb5E\xbcu\xab8\x9d\xa8\x85\\\x80\xa4 ~\xa4\xb2\xc0\x93\xd7_\x95\xf8\xcf`\x90\x03S\xe8CT\xea\nEM]A\xb0\r\xac\xbe\x18\x96D\x92P\x02j\xb5\x06\x8b\xb7\x7f\xfc\x97\xaf.\x8c\x8f\xb7\xc9I\xda\x92J\xa1q\xe0\xa1\x0b\xc4\xd1\xe7%\x15t\x86\x82\xc1\xe9\x18\x99\xbcq\xfc\xe3\xb7\x82\xadh-[;\x12bTd\rA\xd0#\x9b\x0cT\xcb*\x8a\x90\xf3\xb0\xfe\x15\x0cu\x8aD\x8a(\x94\x8a8\x90\x82O2\x99\x04\xbeW\x92\xd2\xd1\xd1G\xbc\x88X%b\xf8\xf9\xc1`\xe6\xd5\x1b\x97/\x8c\xb7\xe1fX\xe9\xd7\xa9R\xb9\xcb\x05r\xb9\xe1\x03\xdb0h\xa6I\xc3j\xb0\x8cL\x02\xd5\x87\xc5\xe9b\xa2\xd4\xd6\x0et\x1fB\xc5\xb0`A\x82V\xb0")peQd\xf9\xdfC,t\x05\x82\x1c\x16\x1f|AUe\xa8\xb0L!Ix\x0f\x12\x9f$!\xc6%Y\x92$\x00W!p\x89\xb7\xbc5\xfa\xf7.\xce \xa4\x91;\n\xe3\x19\x18&amp;\x95P\xe6\x1fH\xc3\xf40\xb0\xcc-\x17\x0f\x1e\xe7\x92\x10\x0f2\xe4\xb2\xb9\x8c,\xa1\x87!\x87@\x97]4\xb2\x17C\xf0\xb2\x94\xb2\x87\x92K!dMm\x08\x8bM7\x14\x8d;\xe8\x866z\xd8\x93Q\x16\x82\x08\xbb\xb41\x9ed!\xb8\'=\x88`\xbf\xf7\xfe\x93\xac\xed\x83\x88h\xcc\xfc\xfc\xde\xf7\xbe\xf7\x87\x90\x99p\x9d\x02\rX\xa5:\xf4z\xf4\x88\x84B\xd2V\x19ks\xb3\xfb\xb63\xbf\xc0^\x17\nJ"i\x1a\x8d#k\x05\x03C+\x12\r\\\xc7\x7f\xbf\xe7\xe0\xff\x82u\x84\xda=\xda\xc5\x86\xd9\x8d\xc7l;\x93\xa1\xfb\xe1\xcc\xe8\x8e\x03\xac\x1dW\x11\xe5r$b\xc5\x80%\xb9\x9e\x8a%\xe3\xb7\xdbC`\x9d\x02\xeb\xf4\x1b\x8f\xf2\xabJ\xb6\xe7w\x87\x81\x05\xed\xd6\xd66\x9f\xc1V\xab5\xa6\xb2,7\x12a$MCJ\xd0$\xc6\xe8_\x07\x1a}\xa1&amp;\xa5\x10\xfc\xbc\xc3\xbf\xba\x8f\x050\x94m\xcf\xce\xb6{T\xfb\xb94\xb8\x92I\xe4\xbc\x82\x97\x8c\xd0\x03`\xba\xa3\xa9\xc0Z\xb2;]\x7f\xab\xe8m`Q\x7f\xed\x11W\xc9\xabV\xab\xfc\xae\x0f\xf1\xad5\x9b\xcd\x17\xebO\x8c\x85%\x9a@\xcbu\x9f\xba\xe1\xf8\x12\xa2\x8b\xb8t\x0eUYr \xc3f\x00F\xb7\x10\x9bz\x8c\x99\xcc\xdd(\xa0\xda\x1f\x0f\x86\xc3\x8b\x8b\xe1\xf0\xa0\xb7?k\xe8I*\xc7\xddq-k\x02\xa6\xc0&amp;\x18\xf4\x95N\xb7\xef\xe3\xe8\xb7\x81\xf0*y^\x91\x02\x03\xd9Z\xc5y\xb0T\xaf\x97\x9a\xdd\xe7\xdf\xfd\xba\xb0JT\x16\xa4\xb2\xd0E=`bs\x05\xf1\x15\xc4\x84II\t\x03\xa5R\xc70\xff\x04\x8c\xa8\xa2vf\xae\xdd&amp;\xa6\xd1\'\xd4\xe8\x82\xc0r\x0b\xba\xc3\\n2\xc9T\x04\x86\xcb\x08l\xa1\xf9\xceI\xdf\xf7=\xc2\xa1\xbb\x8d\x80\xab\xf8`c\x03\x80\x9eW\xf7\xfb\xddu\xe4\xc2K\x84\xa8*\\\x14\xf4B:0\x94d\xd3\xa4\xef\xa3dx\x93\x0cMI\x89\x99L5\x8ei!1\xd8n\x14B\xcd\xb5{\x07\xc4tu5\x1e\x0f\xee\xc6\x00\xc3\xe9\xaag\x18\x0c\x96LZ\xee\x8e\xa4\x02\x16\xa6J]\xaaI.`\x01\x08X|\x1f\x94\xe5|\x1e\x1d\xf5\xfb\'\x9d\x95\xf4KI\xa5(\xa0R\xc2;BUT-\xb0W\xd0I\xd6*\xcc\xa1J\xf3o\x12U\xcal\xfc\xf3\xd7{\x06c\xa8\x83\x83\xe1\x08P\xe3\x01\xaa\xd5\x1a\x0c\xc67\xa3\xd7gg\xbd\xf6,\x839P\x0cP?\x11\x95+\x84R\x86^\x99\xbd\xf3\xfe\xa1_\xf2\x8a\xcb\x15R\x8b\xb0\n\x85|\xd1\xef\xdf^\xeeej4\xb1\xb8\xbaBC(`\x03\x81\x90\x00\x15\xd9+h#5Q\xb6Q\xaa\x15N\x99apa\x85o#\xc6\xbe\r\x99\x99\xb9^\x0fJ\xb1P\xadV+\x81Gk0f0j\xa51\xe3P!*\xcae\x0c\x15\xb9K\x89\x00\xccX&lt;\xf1\xfdzu\xa3R)@\xab\xc2r\xa5\xb2\x9c/n\xf9\xdd\xf5\x15\x03\x97\x17\xc2\x11\x0e\x05\x03\xd4u1\xcf\xf8\t\xc6P\xa5u=\x89z\xd2\x8b\xc9H.X+\x1c7\x1b\r3\x9a\xfac\xfb\xfc\xf7\x9fCs\x1f!\xd5\xc5\xa7+\xd6)\x91MP]C\xb0\xc1\xf5\xf5\xcdkp\x19vt\xc7\x11\xaa\x06*\x88\xa5\x94\xc9\xf6\x96\xabh\xaa}|\xde,\x15+\x95\xc7\xf4\xa9\xe0\n\xa4*\xe4\xfd\xe6\xdb\xbdL\x1a\x08\x16yPp`\xa1\x8d\xf8\x13\x12\x8fg\x11X\xf1\x89\xe7i\x05\xf1\x0e"\xd7#\xceS\xfc82!XH\x9aJ\n\x85\xca\x06_H3p\xf5z9\xc3\x8e;\x9a\x00\x16_D\xf04\x82K\xe8\xf6\xe2e\x13=\xfc\xa5\x92\'\xb0w\x85b\xe9\xcd\xab\x87FM\xa3_\xc3R\x96|&gt;=U\x10\x90*#\xe2\x8b\\\x12k\xdaE\x93\xf7L\x8a\xaa\xb1\x1d\x82\xab\xc8T\x12\nDA}@\xb5\xae?\xa3\x8f98\x9f|\xc2-Q\xf0\xc2\x82\xc5\xb0\x1c\xcdX|\xf5\xc6{\xf0x\x19:\x15\xf3\xef\xb6\xea/\xbe\x7f\x92[\xad\xe9\xe4\x87;,q\x00\x00\x017IDAT@\x9e?\x19(\xd4A5`\x92v\x0f\x9aHK(\x1e\x95+\x9b\x0e-\xdcJ\xf3\xe8\x08X\x8d\xd0ptuw\'Mu\x1f+\xe0\xba\xc1\x11\x9c\xb8\xf4\x19\x85s\x9el\xcb=\x12\x18P\xdd~\xb8\xfe\xcc\xa3\xcf1\xc3\xf4~\xf3\xf9\x8f\xb9\\:\xad\x97\x15\xd6\x8a\xd0$\x15k\xc5vW\xff\xc7E\x8a\xe1\xc1R\xd1\xe2CH\xc4\xd8\xfe\xe1\xd0h&lt;\x08\x1a\x98\xfd\x0f\x15s\xb1\xbf\xf6q5\x1dj\xcd\xc4ud\xbf`\xef\x0b\x0e\x8ed|\xbe\xd3\xfd\x13\x07\n\x9fcaF\xa3\xa7)\x9co\xa4\x16iJ\xbeb\x9a\xa9`\x93\xf3\xcd\x04-\x16\x03SL\n&amp;E\x83\xd7B7\x83\x01\x9c\x94\x08z\x08\xb6l"\xe0\xcaN\xb8z\xbc\x8b\x80\xe5h\x9a\x83\x03JY\xe7\xd5D\x95^A\x80m\x1d"A\x7f\xc8\xc4YQ\x0e8\xfa\xce\n\x8a\xed^\xd3j\xc1\xa6\xd6\xefc\xc5H+\xf8IbM\n\x03\x10\xba\x9e\xb8jZD\xf6!!\xdb\x08\xb0\x9b\xcfg\xd8\x91q\xecm\x87\x97\xa4\xa2\xd3a@r\xc1_\xf3{\'\xb7\xdd\xcb\xbd\xf9\xb4\xa6G\xa6T\xf4\x84\x80\xab\x8ci\xd1j\xb5\x1a\xbc\xae\x07Z\xd14\xc6\x83\x83*Y\x0b\x83\x18\x9b:_\xd6\xbfr\xd4`\x0b\x1a\xe7\xacf\x00\x00\x00\x00IEND\xaeB`\x82'</t>
        </is>
      </c>
      <c r="M277" s="3" t="n">
        <v>45492.67625</v>
      </c>
    </row>
    <row r="278">
      <c r="A278" t="n">
        <v>874729</v>
      </c>
      <c r="B278" t="n">
        <v>1963</v>
      </c>
      <c r="C278" t="inlineStr">
        <is>
          <t>Murilo</t>
        </is>
      </c>
      <c r="D278" t="inlineStr">
        <is>
          <t>Murilo</t>
        </is>
      </c>
      <c r="E278" t="inlineStr">
        <is>
          <t>ZAG</t>
        </is>
      </c>
      <c r="F278" t="inlineStr">
        <is>
          <t>ZAG</t>
        </is>
      </c>
      <c r="G278" t="inlineStr">
        <is>
          <t>ZAG</t>
        </is>
      </c>
      <c r="H278" t="n">
        <v>188</v>
      </c>
      <c r="I278" t="n">
        <v>26</v>
      </c>
      <c r="J278" s="2" t="n">
        <v>35515</v>
      </c>
      <c r="K278" t="inlineStr">
        <is>
          <t>Right</t>
        </is>
      </c>
      <c r="L27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31ada78f-2657-418e-94a0-f3b61b7102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bd\x04^\x00\x00\x00&gt;tEXtComment\x00xr:d:DAEewil2SDw:3479,j:8640573334177784359,t:24020218X\xa8\x8b\x83\x00\x00\x00\tpHYs\x00\x00\x0e\xc4\x00\x00\x0e\xc4\x01\x95+\x0e\x1b\x00\x00\x03\x00PLTE\xff\xff\xff\r\x07\x04\x00J3\x00?+\x00M4\x06\x02\x01\t\x04\x02\x01\x00\x00\x04\x01\x00\xfe\xfe\xfe\x00O6\x00=)\x00G1\xf4\xf6\xfa\x11\t\x06\x00C-\x006%\x15\x0c\t\x1b\x0f\x0b\x00A-\x00:\'\x10\x06\x03\xe0\x8bb0\x14\x08\x00P9\xeb\xed\xf2 \x13\x0e\xd8\x87`8\x19\x0bB\x1d\r\x00E/\xfc\xfb\xfb\x03T=\xe8\x96j\xef\xf0\xf3\xe3\x8fd\xc7vN\xcdzRK\'\x16\x01S9\xdc\x83`I\x1f\r\xdc\x89_\x17\x08\x04a1\x1b\xe2\x91i\x01Y@\xd1\x7fV\x1f\x0b\x04\xf3\xf4\xf6\xd5\x85^\x86I-V(\x14\xdb\x8af\xf9\xf8\xf8\xd6\x82Y\xe0\x8dh\xee\x9eri7 \xb7mG\xf0\xa2v\'\x0f\x06~C)\xeb\x9anp;#\xc1rLw?%\x01K7%\x1a\x15B&amp;\x18\xe7\x92g\xf5\xa2}\xf4\x99u\xd5{Y\xa7bA\xe4\x93l\xc7{U\xb7dA\xaefC+\x17\x0f\x8eN2=\x1f\x10Z0\x1c\xc0lIP!\x0eXH@\xa0\\;7)$\xd3ySk2\x1aR,\x1a\x9bbF\xf1\x95p\xe7\x96p. \x1a\xa8jL\xc0xUL1#\xbchB\xccnH\xd0sM\xdd\x7fW\x9cT4\xd4\x8fq\xf4\x9dy\xe9\xe7\xe8\xce\x83^P7)\xe5\xe2\xe1\xac]&lt;\xcf\xdc\xe1\xe4\xe9\xed`&amp;\x10\xb2pN\xa7W6K:2`8%\xd1\xd1\xd1MA;\xec\x9bx\xf5\xa8\x82:\x14\x05\x03^F\xc8\x7f\\`QJ\x94S4\xf0\x8eiE-!X&gt;/5 \x16A4.\xbauQ\xb3\xc0\xc6\x8bB$\xde\xd9\xd9\xd2\x9a\x83\x85j_\x96J-\x8a[D\xd9\xa2\x8a\xc5kD\xda\xe3\xe9\xe7\x8ag\x02.\x1e6`6D\x17\x07\x9f\xa9\xb3\xa9\xa4\xa2\x1c[8|S&gt;mE3\xf7\xab\x8bwcY\x96X&lt;\xd0\x88k\xcd\xc5\xc4xJ3\xb8\xb1\xaf\x86S;\x00$\x16\xbb\xd2\xceh*\x15No;~:\x1c\xb3]8sYM\xc2\xca\xd5\x9d\x9a\x97\x85~y\xdb\xae\x9caC3h[T.W0\x96\x98O\xa9\xb2\xbc\xf1\xa5{kRE\xa9\x97\x92-pc\xb5\xa1\x98\x18]L\x0eR2\xe6\x84_(%\x1es1\x1a\x8e\x88\x86\xe1\xb9\xa9\x18iWU\x8e\x81\x1cK*\x06A\'\xc4\xa0B\x92\x9d\xa4\x8f\x95\x97\x9e\x7f.\xe3\xce\xc7\x89\x8bG\xd2\xacM\xe5\x99y\xa5\x8f\x86zpl\xf4\xe8\xe4+K\'\x82n)v\x84D\x8by2\xa4\x9cM\xe8\xa2\x84\xa3L.\xea\xc3\xb3\x99\x87\x7fC\x7fqjda\xc1\xbc\xbc\x98\x8f\x8cek2d}D\x8atk\x99xi\xc1cRO]+x\x9f\x9b\xdd\x94t\x11B&amp;\xbb}a\xaau^\xc0\xac\xa36kA\x84\x8d\x91h\x97\x92\xea\xdb\xd6\xbe\x8aq\xad\x91:\xc5\xb2X\x9c\xbb\xb9\xf7\xf1\xef\xd2\xb8\xb0\xb5\xa9V\xdcpI\x87\xaf\xa9TSPiV\x1f\xba\x98&lt;\x99\x8b@\xeb\xc0X\xd3\xa6\x93\xdf\xb8W\xda\xbe^\xca`;\xe8\xbcN\xb3\x97\x8d\xef\xb1\x98h\x84\x84\x18?8Nlex\x94R\xea\'bF\x00\x00 \x00IDATx\xda\xcc\x98\xddO\x13\xeb\x16\xc6\x9d\x8b\x99No&amp;\x99I\x06\xe2H\xd3\xec\x1eJ\n\xc5\xd0n\xe9G4\x10$\xe3N\n"\xf2\xe5T\x08\x05\xcbW\xaa%\xd1\xd6\xd6\xec\x80\xa1v\xc7\xfa\x11\xc2M#Q\xf9Hvd\x87Fo\xd87v\xf3\x0f(w\x1aRH\xdc\x17\x04\xcf\x8d\x17\xe7\x86?\xe1&lt;\xeb\x1dP\xcf\xb9=\x03\x9e\x17"\x85\x08\xfcx\xd6\xb3\x9e\xb5\xde9u\xea\x7f:N\x7f\xd0\xe9\x0c\x06\xfdxw%\x13~\xbf\xf3\xd4\xff\xc1\xb1\x07\xfd\x85L2\x91\xc9d\n\x99\x95\xcd\x83\xca\xe6R\xc6o\xff\xe1Pvg\xa6\xb4\xb5\xb9\xbe^\xda,\x96\xf2\xba\xaeh\xe9Je\xe7t\xd0n\xffqDt\x9c\x89\xcd\xb2\xa6\x97\xcbz9_\x968\x8e\x93dI\xce\xaf\'3\x99\xe0\x8f\xa9\xa5\xb3\x90I\xc0QK[Y]\x96pdY\x968A\x10TI\xd2*%#[L\x142\xc1\x1f@up\xb0\x9e\\*\x1eh\x8a\x02  \x01\x8d\x138Y\xc6\x0bM\x93\xe5\xecf%[&lt;\xe1b\xc2\xe7+\x86~pP\x86R*\x908V?\x8e\x17$EV\xc1\x05\xc9dB\xcb@\xd1\x13\xa4r\xfa3\x15M\xd35\xd2I\xe6P;I\x108P\t\x92$\xf0\xf8 \x10\xa5$\x19\x95\xad\x95D\xf0\xa4\x04\xb3\xbbNg\xb6\xca\xb2\xac(\x12G\x86\xe2A\xc2\xf3\x92 \x82G\xb4\xd9DQ\xe4\xe9K\x1c\'kzv=\xe9r\xdaO\xa6\x82\xc9"\xf9\x9cLN\xb2\x00\x06\x02\x11\x9d\xc8\xb0\xd8G\x06\x86\xff\xa2\x19\xbb\x05W\xf0\x04\xc0\xec\xc1Bq@\x91%\x05U\x128\xd3X\x84%\xda\x08E\xb4\x89\x02O\xef\x90\x8c\xb0d%\xbd\x92L$\x82\'P\xc2B\xa9L\x81@\xad\x07\xadX\x11\xe1$\xc1\xc6\x83\xc4\x84\xa3j\x12*\xfe\x8b\x82:f\n\xc7\x1d\xfcv\xfb\xe9\x957\x86\xc2bSVdR\n\xc6\xc2\xef\xe7I&amp;\xbc\x14XU\x05\xf3\x1f\xc4\x06\x04+\x97\x92\xaec\xe5B\xaa\x17v\xb3\nK)\x952\x8a|%2\x12x\x8a#S\x99&gt;#\x05E\xd6\x92`\x97\xd3\xc5c\xf5\xbd=\xe8\x0c\x16\xf3\x88\x05V\x1e\x8eJ(\x8a\x0c\x84\xb7\xd9l\x00\xb4q\xccX\x12\x90\xa8!E\xeaG\xc8\xaa\x19[\x19\xff\xb1\xe9e\xf7\'3\xc9]\x1d\xa5#3\xd3\xa8\x91\xd0x&amp;\t(\xc8\xee\xa8\xa5\r\x06\xa3\x98\x00(!s\xaa\xa0\xa2!\xf3\xc5d\xe2\x98\x04\xb3\xfbw6+\x07\x186\x92\xaap*s\x0f\x89\xc4\xdc\xcd\xa8\xf0\x89\x8d\x02\x82\xa0H@\xca/NU%\xaf$+\xf9\xd2\x8e\xebXF\x11\xa8*eD\xa8$Se` \x91\xe3D\x91\n&amp;\xf2\x9c\xc0\xf4!\x99\xe8\xd0\x97\xe8\x0b\xa2\x08\xd7\x0b*\xc8TY\xaf\xac\x1fK\xe2c:\xc7\x98\xdber2\xe6\r\xc4@\xc5x\xd3D\xe2\xa1N\x8cJ\x90x\xf1\xf0\x15\xebM\x95\xbeK\xcbg\xfc\xd6s\xd9\x13\xbb\x86\xa6\x91J\x92\xd9\xfe\x14P\x87\xba\xf0\xcc\xe3\xfc\x11\x16\x9cn\xfb\xa6\x1b\xb5\'\xf6\x1d\xaf\xa2\xed\x16\xac\x9f\xdc\xf6\xdd\xb2\x86\x8d\x85\x11Q$H\x8cK\xe4(B\xcd)x\xa8\x90YN\x9b\xed\xeb\'\xe0\xe2TLP}3\xe3\xb2&lt;\xee\xed\xe6\xce\xa0\xd2\xa6\xc0&amp;!\x8593\xbbx\x98\x05G(\xfc7\x93\x99`\xe8\t\xc2\xca\xafg\x92Vc\xd9\x9d\xc5\x98\xa2+\xb4\xb1\xf0\xb4\xf0\xa18\x1cgN?T\xcaF\x0e;\xa4\x10\xcc\xaa~\'\x19\x989\xd4\xb0{`%iuz\xd9]\xebeESP:t )E\xbfK&lt;\nM\xe8\xc1\x7f\x13\xc7\x14\xc8\xcc\x0f\x93J\x14TE\xd3\x94r\xc9\xe2\xb4G:\x0c\x10\x15\x15Odc\x90?jA3\xe8\xbd*\xbd\xa4\xc5\xebP7\xda \xf8\xc3\x0e\x10\tKQ\xbc\xde\x81\xa4\xb5X\xce\xa5\x8a\xa1(\xe6\x10\x84\xb7xZ\xfb\x0e1\x04\xd5\xd7]}\xe9no\x9d\xc3\xd1\xd3S\xd3\xe2EL1\xc3\x11\xd9W\xfdh\x9fV\xbd\xcal\xc1R,{\xe6 \xa6k\xecjC\xbb\x0b\xc1\x99[)z\xac\xa5npqyu\xa8\xa3\xe3\xdc\xb9\xd6\xd6\xf6\xb6\xf3\xbd\xf55\xd5^\xe1\xbfL/\x8a*\r\x87l\xd1o\xa5X\xc1\xcd\xbc\x1e\xa3\x12\x02\x86\xdeXL\t\x9c\xb7\xa5\xa6f\xb0\xed\xea\xb5kW.\xba\xa3\xee\x0bW\xa6S\x93\x93O\x9e&lt;l\xbd\xde\xech\xf1\n\xe2\x7f`\tHbU\x99MX\xa9\x96s\x05WfMf\x99e\xf6\x1e\xaf\xaa\xbe\x16G\xdb\xb9\xc9\xe9\xb5\xaex|~l&lt;\x12\x1d\x9b_[K\xa5&gt;\x82\xeb\xd5_\xb7\xfb\xeb\xab\xbf\x07\xc3w \xec\x15-\xbfdaD\xd8\x83;Y`Il\x92\xb0\xdf%\xa8-\x8e\xc6\xf6\xc9\xe9\xae\xf8\xfc\xfc\x18\x9d\xf1hd\x1cXk\xa9\x8f\x1f\x1f\x02\xeb\xf7\xdb\xcd\x8ej\x9f\xfa]{\xa21\x80e\xec\x9e\xb6P.W\xa5\xack\n\xedY\xb4b\xc1]\xd5\x83\xad\x93\xa9\xb5#&amp;\x86\x15\x1d\x1f\x8bw\x11\x17\xa9u\xfdvs\x7fMu\x8bO=\x14\x8c\xaeE\xd8e\xb5\xd8V\xd2i\xe1&lt;\x1c\xd0u]F\x03R\x84\xe2oW\xcf_K\xa5\xd6\xe6A5N\x07\xffF#\x11\x941\x0e0\xc6\x05\xacf\x07qy\xbf\n\xc6\xcb*\xe4\x9a\xdd\xb1\xb0\x8a\xceM=\x16\x939\xd6\x82T\x92\x9e\xab\xa9\xd4t|\x8c\xe1x\xc0\x837\x8f\'\x04\xbd\xe6\xfb\xe6\xa7S$\xd7\xef\xcd\xfd\xf5\x8e\xef\xf5\x12%I\xc3\xcd1\xbf\xeb\xb2p\xf2\xd0\x9cf\t\xcf\x16\x19_\xbbY\xc1\xf1\xf1\x88\'\x80\xf3\xb3\'\x14\xc2\x8b\x88\xbb\xb6\xaf\xafom\x1aX\xafL,\xe2\x12X\xb4"\xe80HU\xcdX\xf1[X\xc4-CSX\xc2\xb3\xe9\\s.EXh?Ox\xf8\xdd\xde^\xe0\xcc\x19\x8f\xe7L(\xe2\xbe\x08\xac\xf8\xf4$\xf3|\xbf\x83\xb0\xaa[T\xda!8\xda\x9e)\xeb\xe72\x16zk%\x1d\xd3\xd8#\x19J+\x81\xef\xb9\x9fJu\xc5a\xf3P\xf8\xdd\x87\x0f\x1f\xf6\x02\x1ev"Q7\xc3zbb\xd5;zjj(Z\xcd\xdc\xf2R\xfek[.\xeb:\xd1\xbfn\xd0\xed^\x92i9G\xa3\x03\x0bb\x8d\x8fO0*`\x85\xa7\xc2\xe1\x80\'\x14\x89^\x84\xe9\'M\xacf\xc8\x05\xb0jr\x17=\x03\xa0\xeb\x92fl\xff\xcb\xc2\x90\xdfI\xebt\x135G"\xa7\xf4\\\xeb \xb1"Ug\x87\xdf\xe1\x00+\xdc\x19\x0e\x04 \x17Y\xeb\xe3\x93WH\x08VE\xd2\xab\xc5K\x8b\x86\x8d\x82\xcb\xdb=\xb7}\xdaB\xac\x02\x1b\xd4\xe6\x0e\x88\xa1;x\xed\n\xa8&amp;&amp;&lt;\xe1\xb3g\x87\x87;\x87\xe1\xfap\x98Uq&gt;\x8e\xa0\x7f\xf2\x90%\x17a1\xb9h\xe7\xe0\xd9\xb0\x8a\r\x14-T\xcb\xee\xdf4b\xb8 *,#d\xedn\xc7\x95\xbeZw\xe4\x08\xab3\x10h ($\xc5|\xd7\x1a\x05\xc4CJ\xae\xfe\xfazS.\x81\xaeF\xb4j+\x0fJ\x96n\xf3Ax\x1e\xc3G\xa6K\x8f\xa2h\xbd\xd7.`6OLT\x85q\xf6:\xc3U\x9e*PQr\x8d\xcd\xc7\xa1\x17\xdc\xf5\xf0zc3\xc3\xea\xe9\xe9VyAV4\xac\xcd\xb0\x96\xcb\xd2\xc5fi\x00j\xb1\x07\x92\xb2\xa6u\xf7v\\\xa8u7y&lt;\x84\x15\x08WUQ\x1bND"\r!\x9a\xd7\xf3\xf1i\nz\xe4\xbc\x89uiN\xc1$\xd5p\xc5\xd0\xbb\xd3\xcf\x0b\x96.\xa7KY\x04\x17,\xaf\xd0#\x85\x07\x83\x1d\x10\xab\xc9SU\xb5@`\xc0{[\x05_EC\xa1P\x04\xa3h\x1e\x13\xe8\xe3\xc3\xbfnS\xa0:\x1c\x97n\xe4\x0c$\xa9\x86\xe9\xa5\xe7?\xad\xb8\xac\xc4r\xad\xa7\x11\x11*\x90`\xb0\x07\x0fz!V$\x12j@\xf1\xc2\x0b(\xe1[\xcf\x82\x07@Q\xe6z\x9c\xb1\xae\xd4\x93W\xd7{\x9b\xc9]u\xb7r\xe9\xbc\xa4\xc6\x08+\xbdc\xed\xfd\xd5\xbf&gt;`\xd0\n\xa1\xe1^\xdd}\xab\xf7\xc5\xe8\xe5\xa6(\xc6 \xe4\xfai\xf8\xde\xbd_\x16\xaa\x16\x16\xdeF\xc7"\xa8\xe6D\x83\'\xd4T\x1b\x9f\xbe\xdf\xdav\xbe\xb1\xb9\xbf\xae\xbe.\x97\xdbxn(\xba\x16\x8b\xe9\xb1]ko&gt;\xf6d)m\xc0\xb41\\\xac\x1f\xdc\x1d\x1a\x1dmr\xd7\xba\xa3\xa1\xaa\x7f\xfc\xf2\xd3=\x9c\xe1\x85\x85\xce\x85\xc8X\x14\xa254\x80\xab\xf6B\xc7\xd5s\xed\xed\xed\xe7\x1b\x07\xeb\xe6r\x1b\x8f\x9f\xbf\x89u\xc7t\xfc\x807\tk/d\xfeb6\xa6C,#vinu\x7ff\xa6\xe9\xf2E7\x06bg\'\xc4\xfapo\xb8\x13y\x1a\x8aF\xc3g\xc3\x813?\xdf\x1c\xbd3tuy\x19k}co\xef\xe0`\xee\xf9\xa7\xc7\xa5\xbc\xa1\xc7\x0cE\xab$-~.RLc\x97\x8f\xc5\x0c#wkh\xe6\xe6\xcd\xa6\xda\x8bQO`jj\x0f!\xffao/Lk\x04a\x06\xce\xcc\x8c\xfe6\xb4|w\xb0\x0e\xe7\x12B\xab\xa7\xee\xf5\xf3O\xdb\xbbi\x03\xdf\xab\xcc\xee\xf8-\xc6Z\xc1\x0f\x96u\xc3\xb8\xf5\xfa\xf5\xe7\xa9\x97/gF\xdd\x81\xc0\xfe\xe7/_\xbe\xec\xef\xef\x7f\x1e\x19\xb9\xf3\xdbLS\xa8!\x1c\x88\xd4^\x18Y]\xbc\xf1\xa0\xdb\xa7tcL\xfb|\xbe\xee\xdc\xe3\xd2\xfb\xed\xac\x81\xbfH\xcf\xaeX|\xd9\xb7\'\xff,\xe1\xfej\x187r\x8b\xfb\x8f\xa6\x80u\xf9\xce\xc8\xc8\xc8\xd3\xa7\xcf\x16_?\xdbX\\\\\xbe\xdaQ\x8b\xe5&amp;T\xdb5yu\xb9\xb7\xc7\xe7\xf5u\xf7\xf4\xd0r\xea\xf5\xdd\xf8\xb4\xfd\xfe\xfd,\xb0\xf2\xf9\xd2\x8e\xd5\xcf \x12K\xeb\x18\x8b\xf9|\xee\xf5\xb3\xfd\xa9\xa9\x97\xfb\xa3/\x86\x86V\x17\x17\xff\xd8\xc8\xe5\xe0\x9f\xbb\xed\xad\xf7\xfbBg\x88\n\x96\xaa\xab\xa9v\x0c\xde\xed\x1d\xac\xc3m\xd6\xd72\xf7i\xfb\xcf\xf7o\xf2\xf9|\xd6\xfaG\x10\x98\xd6\x9b\x88\x08#;\xb0\xf1\xf4\xcb\xd4\xa3\x973w^\x0c\xad.\xaf&gt;}\xf6luu\xf9|cc[\xebd\xdfD\xc8\x1d\x9f|\xd5\xec\xf8\xb5\xfa\xd7\xfe\xb6\xd6\xd66L\x1f\xac\xcd\xd5\xc6c`U\xb2\xd9\x81\x7f\x1e\xc3\xc3@\xbb\xbf\x98O\xcf\x0e\xccn\xfc\xf1\xf7\x97G\x8f^\xee\x8f&lt;\x1d\x1a\xb9s\xe7\xdf\xbc\x9b\xdfOZ[\x16\xc7}\xf5e\x926)d\n\xc40 \x01\xa5\xd1\x00\xd6\n\x03"\xb9p\x80\x02\xf2\xfb\n\x1c/\xa2\x05\x19\xb8$ g\x04\x02\x82\x96X\x11\x1a\x12r\xa3bkMH/\x99\xa2\x0f\xa3!1\x96W\x13\xa9O-f2Im\xd2T\x1f\xec\x83\x8d\x99\x97&amp;F_fm{\'\xf3\x17\x1c\xf6\xe1\x0f\xf8\xe4\xbb\xd6^\xfb\xbb\xf6^\xb8]\xf6u\xa3\xcc\x11\x0eW^\xfb\x9e{\xbdc\x93\x8b\xe1\x84\xb4\xbf\x9fNl\xcdg\xc0;P\x91=UV\x8fww\xdf\xa5R\xef\xfeF\xca\x95\xee\x9f_\xfd\xf6\xf2m\xaa\x9aCX\xd3_\\\x91l6b\xb0\xcfm\xae\x12\x1cz"Qr\x00\x96J\xc5^\xe4I{\xa1\xfd\x9f\x8fn\xdfAw\xa6\xf7\xfa\x01-\x9a\xab\xef~,\x97wI{\xae{\xf66\x95;9\xf9Z(,e\'&amp;$\x869\xb9\xd8\xb3\x10\xbd\x0f-\x7f\xa2T\x01\xac\xf4p\xf7b\xa9\x1fX&lt;\'\xdb\xff\xb9\xd3\xdb\x0f\xc6\x14a)\xcb\xf5\xdd7\xef\xca\xaf\xc8z\xf3\xec\xfc\xcb?R\'?\xb0\x92:]\xd6\xc8\xe7\xd0\x83?\xcd\xde\xed\xe7\x10%\xabL\xff\xc4\x9b\xde{\x0eX\xbd\xbd\xd4\xd5\\\x8e\x91(\x89\xf8\x0c\xa9\x14\xe2h\xdaj\xd6\xdfl\xff\xeb\xe5\xdf\x9f\x91\xc4\xd5\xf5\xec\xed\xc9)`-\xbd\x98\xc8f\xe1|\x91\xcb6\t^\xa2$\x16\x87\x15\xf6\xee\xb1K\xaf\xf7j\xd1*\xedO\x886\xd6]y\x99\x1c\xac\r\xecI\xbaI\xb9\xf5\xb1~\xbc\xfd4\xe5\xa9\x92\xc3\xd5yq\xfek\xfd\xf4t\xa90\x1d\xe8fK\x0cv\xc3H\x16\x92^\xa8\x90\xcb\xf7\x8d\x11\xdd\xd4\xe5\xa5w\xea\x03\xa4&lt;U$\x16n\x1a\x852\x85\xdc\xcc\xa0[E\x1c\xce|\xb9~l3\x998\xabgd&lt;dt&gt;\xac\x05\xa6\xbf\x7f\x01\xac\x17\x82\xc1\xc1\xee\xee&gt;6[\x97\xccj}\xb0\x15\xf7\xe7\x0c\xcf\xa7.\xf7\xf6\x9e\xccTJ\x89\x84\x95/\xe6;P\x8f\xc1\xe3\x89\xc5f\xc0\xaa^\xef\xce\xd2\x19D\xf8\x9a\x94\xf7\x95\xa3\xa5\x81b\x91\xfb\xa5P\x98\xa6\x81Q\x18\x04\x03c\x91h\xa1W}\xed\xd3[\xa6\x80*\x9d\x1e\x9bq\x94\x12%+_!4\xc2\x87~\n0\x11\xc1js7J\'D\xe13R^W\x8e&amp;&gt;\x14\xd5C/\x00\xab\xa7\xc7\xdbC\x81\xfe\x82\xa2\x19\xd1\xeb-\xdd}\x1a\xaf\xf7\xd2\x9b\xc6\xd3\x9a\x90\x03r\xcdZQ\x18}!X\xa8\xa8\xc9\xf9\xce\xe0Ns\xf7)\x83\xb0VH\xc2b\x7f\xc0\x87\xfc\x8fk\x85iJ\x0f\x85\x85\x9c\xd6\xf08\x0b\xac\xdf \x17\x84\xda\xdbK\xe38\xc2*\x95\xac\x8e\xd7\xcb\xbe\x90^\xaf\x9f\x81\x00+\x08\'\xb1\xd3\xac\xcfr8\xce\n)A\xec&lt;\xd2\\a\x18~X+|f\xb1T\xc3\x7f\xc5\xb0\xb8\x1fW\x15\xb9\xdc\xbdbZ\x9d\x062\xb5Z\x13\x92[\x01\xab\xb2\xb8&lt;\x13\xd2O\xea\xeds\xb0\x1f\x08\xf3&lt;`m+\x19\x0c\xa2INni.\xfd8\xf3\xb0Q\xf8\xfc\x809\xfcO,\xbe\x16\x8f\xfb\xfd\xe3\xe0\x98q?\x06X\xb8Z\xed\r)D\xbc\x12\xaf"\x9c\x01\xad\xf4!;\xc4Pl6\xcfW\x8f\xcf\xca\x89DB\xd4$G-.\x1e\x8fS\x0e\x1b5\x84\x05Tk\xc0\x15\x8b\xe1\xc54\x8eai\x08\xa1\x1a\xe7\xeae\xd0\x86\xddbY,\xfa\x90\xef\x7fX\xcd\xb3\xb2\xb5\x94\xb0\x92\x14\xc4C\x8c{\xf5\xfb\x83\xd6\xff\xb1\xd6\xd6\xfc\xb1q\x1c\x8f!,\xb5Z\x8d\xefM\n\xf9\xd0\xed\x84e?\xb0\xe6n3\xde\tX\xafl\x0ek\x89,\xac5\xe6\xd5\xd5e\xac\xd58|\xfcx\xd8\x1f\x07\xae\x9b5\xcc\xefOC\x0c\x91Zj?^\x9c\xf2\x89E"\x9e\x15J\x86\xde\x02\xed\x8f\x11J\xaa38_\xad\xbf\xf2\x88\xc3%Q\x9d\x94\x89\x9b\x8b\x9b\xe2\xd5e\x1ak\xb5\n\x0fT\xcc!\x0c\xc3\x90\\\x98?\x9d\x06,|\xaf\xa8\x06\xe54!\x05\x9f\xcf\xe79\x8c\xa1\x10\xc4pY\x88\xc4\xf2\xccW\xcf~\xf3\xec\x87KfR\nDGW\x8bru\x89c7\x07\x85G,\n\xe2Bq\xc4\xd4xZ\x8d\xa1\x94\xf7\xc7\xd7b\x03!\x99\x98\x90\x8bx\x8a\xb9\x99\x90\xcfgT\x88\xc1\xba\x82Zg\xff&amp;*a\xde\xc67R\xd4\xeal=\xfa\x81U\x1b\xa0\xb0X\xc3j\x14\xc78\x06\xa9\xae\xc6\xfc\x90Y\xfe\x9b\x9bC\xc1\x8c\x02@8\xe0(|v\x9f\x11\x89\xc5\xf1x\xe6sg\xc7\xe1\xb0\x95\x93?#gl\xaa\xf5\xfe\xc9U\xda\xff\xbe\xd5\x98\xa6P(L\xa8\\\xf18\x02\xf2\xa3\x0f\x8b\x15\xc7\x0fi\x16#z\x92\x82b\x10\x96\xcd\x19\xd1+\x0b\x07\xb0\x82\xb9\xfa\x1b\x9e\x88 V_\x92\xe3lZ\xb1\xd8\x93K&lt;\xd6h\xc0\xa1\x08\x1d\xf5\x90\x1f\x92\xeaV(H\xadn\x8bE\xa0\xb1\xf8\xe4\x1c\xe8z\xa4p\\\xcb\x85p \x8a\x81*\x03X\xbb\xef\x94\xce\xd5\xad\xdc\x059XG1|\xbc\xe8\x1dh4&gt;\xc3Y\xcdR\x01\x17`a1\xb5\xdf\xaf\x9eZ\\\xf6I$F\xb9Hz\xef^\xaf\x14\xceE\x87L\x08\xd5\x01\xb0\x94\x80\xd5,\xd39\xe6\xfc\x01I6\xf0\xe2\x06\x8f\xc5\xb1\xc7\xb5\xc6\x12\x8d;H\xa1\xa8 \xbdn\xd5\x82*Q\x9c\x1a\xe3\xea\xb4\n+\xf5^/P\xf1\xaca\x87\x02\x19.N\xc6\xa3\xccx\xca\xcd\x1c\x83cn\x926\xf8v\xfe&gt;\x86\xf9\x87\x11\x16\xad\x076\xe3\xf00\xc2\x82\x94\x07\xb9\xf0\xf1\x81@V\x0b\x9b0A\xa53D"0\\\n\xb9\xc3\x0c\x99\xa5Tfv\x9a9\x8es\xe5\x9c\xbc\xe9\x9fV\x0c\x8b\xc5\n\x8d\x02\xado\x10\x8ek\xe6\xf0\x10\x02B\xf5\x9d\xf9@\x00}\xb6qnS!b0@\x1a\xbeX\x8cn\x92\x9c\xc1`F\x99\x01\xbf\xf5\xb1y@\xe2\xac\xd4\xc5\r\x16\x1b/\xb4\n\x02\xc1`\x0f\x8b\t\x9b\xd1\x8f\xa3\xc5dqu\xeeu\xbb\x90/\\\xf7\xc1\xf1\x03m\x85\x13\xa0\xf8"\xc0\x9aGX\xd7\xbfvu\x929\xec\xd9u\xd4\xb8\xa9\x1d\xb4\n4\x01\x8d\x82\xdc\xcd\xd0\x10\x8e\x0f3\x1f\xd1\x92\x12\xad\xc12\x12Z\\\x0e\xd9e\x80C\x97J\x95N\xb3\x08\xf9x\x1bl\xc5\x9d\xeb_\xc9\x9e\x0e\xecz\xd8\xf5\xf0\xa0\xf6B \xe8\xb9\x8d"\x93\xc9T=\x08D$l\x9dfB\xa2\xb5k\xd7\xc5\xb7W\x93\xd4\xfe~\x13\x87\xc3\xe19\xb7l\xd1Lp\xe7\xfa\x88d*4\xcb\xfc\xf0\xe0\xfb4D\x11*\x97J\x95V1\x03n\x97\xb6o`\x04\x1d\x812\x05\xdf\xca\x80\x9c\xa7\x02\x96\xd4\xa4dp&lt;;\xa9\xa8\'\xb8S\xbf\xe8 \x7f!,\xd4dPTh=\xcao\xac\xeb\x92\xe0\xf8d2\x85#\xccCw\x10\xfd\xe8\x02\x89\x8aZ\xc4`u;\x1a\x0cV\xcf\xda1\xde\xdcuP\xfb\x81\x05r\xb1X\x13r\xf9f\xc4\xb8_\xa9\xec\xc3\xaaT*\x0e\x87\x88\x87\xaeG\xccJ*`\x95\xb7g\x83\xd1\xdc\xb7v`u\x02\x96@@\x83\xc5b\x15i\x111t\x85\xe1\xfd\x0f\x9f\xfeX\xeeu\x05\xf4\x86t\x9e\xdcl2)m\xb9\xb2-8\xff\xf1Y[\x06uoS\x9e6(@\xdb\xb1Gg\x9f\x9b\xd3\x86&gt;i\xb8\x03\xdc\x01\r`-\x83\xb5q\xd2\xa9&lt;1\x9fa\xca\xec\xe4\xb6g\xa3\xb6\xe3\xa3\x8e6a%\x03\x02A\xa0/\x00G\x10M\x87\x9e\xa5\x92\x9a\x17h}\x9aY\x06\x1f\x08TT\x1e\xdfi2e\xca\x1f\xb7\xa3\xd1\x9dz{\xe6\xc0\x0f\x1aKI] \xa0\xd3%\x93\x82\xc1\xbe\x11v\xdf\xd8\x93\x11\xcb\xa7O\x06\xed\x9cP\x0c\x99\x05PT:\x8f\xc3\xa0/\xcc\x97\xdf\xcdf\xa2\xb9\x83\xf6L\x81\x9f\xd7j_t\x81\xe4Dv"\xa9\xd3\xe9\xd8}\x83c\xec\xc9\x90\xdd\'\xe3[y\xf4\x04r[p\xfe\xd0Mt\xea\x82\xad\x9c\x8af \x86\xed\x99\x01?/|\xfb\x9a\x9d\xd0M\x00WV"a\xf7\xf5\x8du\x03\x97\x0f]\x97ZyV\x91\xd5j\xe5\x99\xd0\xfddf{\xdb\xf6\x14b\xf8\xb0]X\xb5\xa5\xd3H\x16V$bpK\xd8l\xb6\xe5\xf9$\xb4\x14B\x85(\xecp8\xfe\xb8\xcb\x1d\x1d\x9dM\xa5l\xd1h\xb9MX\x1d\xe7\x85\xa5\xef_\xdd\x91HD\x12qk\xb5Z\x89drr\x12\xb5\xd1\x12\xadPh\x94\xddbAzQ\x7f\x9e\xb5\xcd\xce\xdaR\xe5z{\x06\xf9;\x8e\x96\xa6\x97\xaeO].\xb7\xdb\x1dq\x1b\xb4\x06\x89~R\xa2\x97X\x06\x07\xb2\xeb2\xa1\x029\x07\x06\x12+j\x9b\xb5\xa1\xbb\xe9\xb3\xf6`u\x1d\x15\xa6\x93\xa7\'y\x17\x02\x8b\x18\x0c\x12\x90kD\xd7\xdd#H\xba6\t\xb9B.\xe7#\xb5F\x17l\xb0R\xa9h\xf5\xacM\x7f\xc78*\xbc\x08d]\xb9|&gt;\x8f\x04\x93\x8c\xb0G\xd8\xdd\x02Z@\x97\xddX%\xcc\xe0\xb38\x90\xef\xa3\xa3OS\x00e{\x1a\xac~k#V\xd2\x9d_YY\xc9\xaf\x83d\xe8\x8a&gt;\x1b\x99\x88\xb867\x08B\t\x8b&gt;:\xfaC\xac\x94\xed\xe7\x05\xc0\xeah\x17V \x19\x98pm\xae\x02\x98\x0b)\xe6\xca\xe77\xe0\'\'&lt;\x9c\x85Q\xa9\xb4\xff\xee\xdd\xbb\xf7\x17R\xa0\xd5/\xbf,\x04\xcb/\xdb\xa3V\xe7\xc5R\x00j|\xc4\xb5\xb1\x01z\xe5\xf3\x9b+\x04\xb1E\xac\xae\x10N\xcf\xc2\xe8\xfd\xbb\xbd\xbdw\xfet\xe7\xde\x9d\x9f\xa2@5:\xda&gt;\xac\x0e\x84\x05\xe5=\x0bQ[\xd9\xfc/\xef\xe6\x1f\xd3\xf4\x9d\xc6\xf1\xd9\xf2O-L\xb4\xb5\xb4t\xb2\xfe\x02r\x85\xb6\xb6\x08\x05\xf9Qj\x85K\xda\x1e\x05={q\x04A\xff\x90\xf0\xe3\xda\x98\xc040"H\xc3\xcc%\r\x04\x94\xc8\x0f\x91,\xb1*:\x98\xa6\x97EA\x04t\x9e\x81qKFT\\\xe0\xc8N\xb9yl\t\xe7\x1c.\xb7\x80\xb9\xf7\xf3iQ\xccew\xfb!&lt;-$4Mx\xe5\xfd&lt;\x9f\xf7\xe7\xf9~\xbf\xcf\xa7\xebdm\x19.\xba\xb2\xb2\xf6\xef\xaf\xab\x03\xd4\xc67i\xe0{\xdd\xc6\x9d\xc7\xde\xdd\xb9ikz]\xd9Z\xed=\xbc\xaf\x17J\xa5T\xe1\x87\xdaNR\x1ek\xeb"\x1du\x0e\x87c_d\xe4\x9bl\x92\x9e\x9d&amp;\xdbyl\xdf\xa6\xb8\xad\x8e\xba\xfdk\x85\xf5\xc6\xd7\x0b\xd4\xd8\x18\x8a\xec\x85\xa8\xaf\xce\x93e\x10\x89\x1dq\xa3i\xfa\xc0\x84\xfc:$\x11T\x84U{\xbca\r\xb1\xa4RCii=\x96cOk\xcf\xfe:\x82Z&gt;!\xc5N\xf8l\x8c\x8c\x8c\x8c#\xac\xac\xb2\xe3\xffX+\xac\x0b\xc5\x89:\xa3\xb4\xb4\xba\x1ak\xb0\xb3\x07X\x91\x9b\xd8\xc9-FE\x93Z\x9bH&gt;`\xa5\xaf!\x16/\xe9B;z\xf9DC\xb5\xbd\xbe0?\xffdkY\x16\x95\x15=?dz\xad\xa3CS\x91q\x1b!V\xba#\xaf\xf6\xc1\x1abQ\xbf\x9c\\ZM\xcf\xa2 \x183\x86Mq4\xa7\x074,C:2ET\x91\x8e\xac\xda\x077\xd7\xea\xcc\xdd5\xba|\x15I\r\xf6Rs\x11\xb6\x9f\xfcN\x9a1H\xdf\x04\x1b%\xcd@\xb7ys\\$\xae\xcb\xd2\x91\xc4\x9e\x07\x97O+\xd6\xe2X\'\xc3\xa2+\xb2d\xcac\x11\x1a\x9c\xc2\xc2\xae\xd6\xcc\x8a&lt;6\xff\x8a\xd8\x8cW\x1c\xa0\x90\xc3\xba\xa3=_|~\xf1^\xf9\xda`\x15\xc3\x1f\x0cJ\x91:1\x99z\xe7z;v\xc5\xc2\xb6\xce\xf8\x18\x9a} 2\xa6\x14\xb4\x8a \xac\x07\xef\x9e\xbaW\xb2\x06\x8dM\xc9\x05\xc2\x92\x8aD"6\xbeR]T]\x8aUYo\xcd\xcd\xa4F+=\x80D\x8d`\x84#\xefh\xcf\xa9S\x7f\xd8s\xa7E\xbf\xeaT\x92\x8e\x05V["\xa5R\xa3\xd1\xd0\x98n)]\xcc\x96\x16Y\x13\xf6\xd2-\x88\x88t\x1a5\xa0f&gt;""k\x7f\xed\xd9\x8b\xfb\x8e]&lt;\xbf\xda\x1b#O\xdf\xf0\xc3\xfb\xed\xec\xd2U\xa9\xb1\xd94\xb6\xc4\xe4\xc4\xc4d\xd0\xc1\xf6k\xf6\xd2\x84\x1b\x88\xb6l\xf9\r\xeb\xe7\xdf\x02\xd6G{\x1c\xfb\xde\xbbsN\xc2[m\xb1\xbe(nG\x0e\xd5\x1a\r\xb8\n\x82\x82\xd1o\xbb3p\x1bi\xcb\xef\xb7m\xdb\x16C3\xcdy\xc0\xea)sD\xee\xb9s\xb5cU\xafaya\x92\xd3_\x16\x17K\xa5j\x91&amp;\xdbf\xb3\xc9m6\x1a\xdf\x82b\xd8\xbc\x81\xc5"&gt;~{&lt;\xb8\xf2\xf2\x80UVv\xd4\xb1\xf5\xbd\xf3W[\xcaW\xf3\xe8\xe4\xdbz\xf7\xe5\xc2\xf6\xf6D5\xb04\x05\x05\x05\xb6l[\xb2\x06\\\x1a\x98Ej\xee^\x00\xd1\xc8M&amp;\xdd8\x8d\t\x0cR\x1e\xcdrl\xbdx\xf5\xd1\xb9\xd3%\xab\xe7^\xbc0\xbd\xfb/\xf9\x94B\x91\x08\x95E\\6\x8d\x06ox\x98=\xa7&amp;c\xc7\x0e\\b\xec\x08\x1ca\x89\x89\xa1\xb1\xd3\xac\xac&lt;G\xe4\x9d\xa1\xe1\xe1\x96\xbb%o\xaf\x12\x18\xa8\xf4\xee{m0-Z\x87r\x93\tiD\x85\x11\x97AW\x94\xe3\xacIH\x00Y\x06\xfdfi\xdcB\xad}\x9e\xc3q\xb5yh\xf8\\\xcb\xe9\x8e\xcaU9\xc6\x8f\x14B\xad\xcb\xb9Ri"-D\x9b\xc9T\x00 \x8a\xe4D\xa9\x8eF6\xc0\x85\xa8\xc9M \xacm11Y[\x08\xebhKo\xf3\xf0\xf0\xb9s-\xe7\x17+_\xbfb\xa0\x02\x96\xa4%AjP\x1b\xd4\xcal\xb9&lt;[\x0e.\x9b-\x88e\xce\xb1:krsskjj\x08k\xd766"\x18\x93\x15\xb1\xc7\xe7\x81\\\xe0:\xbf\xf4p\xda\xa5\x7f\xad7\xc3yDEXw;\x8dFz\x16\xa5\x04V6s\x08`\xa9\x8d\xc0J\xb5:\x0f\x1e\xac9\xe8\xa4G\xfa(\xfd]A\xac\xb7\xee\xb8|\xbd\xc0\x1a\x1e^\xe4\x0b,\xfeE\x8f\x9b\xf7\xfa\xc8\x14\xe5\x80\n\x03Ve\xab\x19\xaeN\xf7\xe5\xb3\xe5J\x92\x0b\xd5\x053%\xac\x1c\xab\xd5\xe9\xb4Z\xadm\x01\xac]\xefP\xc4\xe4\xb5\x10\xd6\xa3G\x8f\x86\x1f\x85\x87s\x05\xa1\xb2+\xd3\xdd\x8a\xd7\x02\xc6\xe3\xb9\x87\xbca\x8cK\xd1p\xd6I\xb6E9\xcc\x86b\x90K\x94,52\xb5\xc0\xf5\xc7\x1cD\x00\x0b\xb1\x0b\xf1NY\xa57\x885\xbc\x14\x1e\x1e.\xe4B\xb2\x899\xf7\xaf\x06\xe3\xf1\x92\xba\'\xa6\x93\x08\nX%\x0f2\x0c46\x82\x85hBu\xc95"\xb5\xda`\xd4\xd1\xb9\x95\xd4\x03\xa9tO"\x87f\x87)*\xe2\xe3+*v\x9du{}\xcd\xc3\x845\xf4\xaf\xc6p\n&gt;\x93\xac\xf2WU\x19\xa0\\\xd3\xfd~\x0fe\x90e\xf1\xf2v\x95\x88a\xc9)l"\xa9\xceHT\xe6\xdd\xa9\x14f\x94XM\xc6\xf6L\xbaI\x92\xb9\x1dx\x15\x97\xdd.\x8654\xd4\xfc&lt;\x80\x15.\xe4sC-\xfe\x01\x8f\xe4\x97Z?*\x1dPZm\xbfK\x1f\x16\x90Kr\xb7"G)\xa7\xe7c)) \xb3%\x1b\xe9~\xa0Y\x05\x1e\xa2\xb2\xdb\xcd\xd6\xdc\x1d\xdba_p\xd5\x8c\xd6\x1d\xad\xad\x1dn\x17V"Q\xf5.6\x8630\xa1P\xc8\x17DYd\xbf4\x97&lt;}\xf7l\xbfV&amp;\x93]q\x07\xa0Xq\xe5J\xe5\x8c\x8a\xc2&amp;5F\xeb \x16\xb0\x10\xd1:\x83\xce\xecL\x00R\x02\x9b\x94\xca\xc8\xe8&lt;^\xc2\xb0\x88\xca\xb3\x18T\x8bqq\x01\xe6\xbf2\xef\xe6\xfd\\\xa1\x005\x00(1^\x13\x8a\xb0\xe5p\xdf\xcb\xb4\x13U\x1aE\x8a\\\xadS\xa9\xa2Uv\x95=\xdan\x8f\xd6aI\xa62W\xcd\xadik\x83\xafve\xfc]\xe2\x05V\xf3Pss\xafo\xba\xf1%\x95P\xc8\xc5\xb2$\xc5\xf4?C0@I&lt;\x04%\x13[\xc4\x16\xcblX0\x87azEG\x8fUi\nP\xa5\xa5\x98\x94\xba\xe8`\xe8t:C\xb2Hg\x86\xdb\xe7\x92}9\xdb\xda\xba\xba\xfe\xd4\x80\x8a\xf7\xf467\x13\xd6P\xf8\x8b\x10\x06\x05\x0b\x15k\x07\xba\x7f\xf2\xa6\xc4K\xf2\xceO\xf8\xb5\xc4\xc4\tY/\xe6\xcc\xbf\x10+L\xe1&gt;\x9e ]\x81%\x8dV\x11\x94]\x87\xe60Y\xa3\x91\xda\xb1\x0b9\xad\xcc\xc3\xda\xda\xda\xbe\x92,c\xf5z\\\xcd\xe1+C\xc8\x07\x177\xca"\xf6\x0f\xfc$#\xc3W\\\xf3W\xaa\xb4b1t\xb2p8\xf8\x99{\x89\x85\xfd\'\xb3H\x1e\xcc!\xaa^\n&amp;\xe4Q\x87\r\t=\x85Md4\xc3*\xe0\x14d\xad\xf9\xf9\xdfH\xb0\x10=\xbd\x08\x8f\xcf\xebY\x12\x06\x80\xd8\x0f\x12\xc9\xe7\xa3\xf4\xa382\xff\x84\xe7\xff\xa4\x92\x95\xd4l\x7f\x15e\x8f\x988\x0c\xab[\xbfB\xae\xca\x8f\x9c\x1aV\xef&amp;Z\x8aj\x1da!\x7f\x1a\xf9\xe1\xb4\xc3\xb7\xb3\xf1\xb7\x8aaQ|Y\x82\xd2bX\x1eO\xa5\xd7\xeb\xa7\xe4Q\x06\x03Y$,\x08&amp;\x08\xe5\xc0a=\xff\xeb\xb8\r\x8f\xa7\xa0:\xa7\xf4\x11S(\xbd-\x16\x99k\x05\x96\xde\xfdy\x82\xc1\x94FX68\x18a@,\xa9\xad\xe0p\xdfgX\x03J\x911\x9amD\xd6\x9cC\x85\x0b\n7aQ\xf8\\nI\xf3\x12\x93J\x18`bX|.)\xb6\x81#\xae\x1a\xe8\xfe1\xc5\xd8\xe2\xab\xaa\x92\x05\xb2\xc7\x98H-\xces\xb7b\xa5\\w[\x8bL\x94\xbfl8\xbcZm$,\xa3Z\x03\xac\xbe&gt;T\x1b\xf4\x02\x16\xe2Pj\xfdM\xc2r\xf9|&gt;\x8f\xaf\xd2+\x91\xf4.5\x06\x17\xe2+!\xa0E\x89T\xfeH\xf1\xf3\xc2\x98#\xc8\x02\xd9\x0b\reP\x88\x13w%\x12\xfdK.\xbd\xf7\xb8\xd5FbeC\x98h\xe6\xf1\xc0R\x16\xa4\xf5\xfd\x16`}&amp;\x11\xdb S\x0f\xd5\x17}U\xee\x9b\x9b]\x9c\x9d&amp;\xd3\xf2x\xe0\xf2g\xce4\x06\x8a\xfd\x95\xe0r\xf9\\\x12L\xd6O\x8a\xfdWQy\xa9\xa6 T(c\x02U\x10\xcc\xdf-Q(\x14\xd4\xd8$\x81\xc9\xe5\xf3\x9e\xeeJd\xa6E\x00d\x0c\x80\x13e\x9b\xd2\xfa\xfa\x8e\xf4\x1d9\x92&amp;7\x02\x0b\xaf\xa2\xa2k\xbe\x81\xa53\x8d\x8dg\x1a?\xeey\xf2\xe4I\xd9\xc7g\x1a\t\xebE\xf2\x10\xcb\x84\\\x81 \x8a\x13j\xd1\xf6\x93b\xafty\xb4\xfa\xa0\x14\xd3i%VH\x08\xc7\xf2\xbc\xa5\xb2\xb2\xa1\xa1{nz\xc2/\xb3\xc8\xa6\x15?T\x9b\x08K\xa93\xef6\xdb\x89\xcb(\xb2\xe1\x13p\x1d9\xd2gR\xab\x0e\x90\xe7\xb7\xdft\xcdZ\xe0\x9a\\\xfe\xcc\xfd\x91\x91\xfbS\xf7\xa7\xa6f\xc2\x85\xcb)|\x15\x8bO\x82\t\xa2\xc4Pl\xda\xb5\x9cI\xb6\x1f\x03J\x1c\xb2\x9e\xb3,\x15\xc3\x02\x14\xb0.}zk\xb2\xe9\xe1??\x99\x14\xf0\x05\x1c\xb1E\xe6\x9fw\xdf\\\xb8M\x16\x1f}\xe0w\xbbU\xb4W\x1biv*\xad/\x8d\xb0\n\x92\xe1\xfc\xe6\xea\x85\x06\xd7\xb4\x0c}\x0c\xb8\xae\x8f\x8f\x8c\xcd\x0c\x0e^\x1a\x1f\x9b\x9a\x99\x11\x06\x89\x08J\xf8j.\x05\xa1\xf0\xd7\xaa+\xf3\xae \x95w:`\tL)NT\x90* \xd5\x89[\x9f&lt;;\x11"nz\xf6l\x12\xe5/\x96i\xd7\xcb\xb4\xb3\x92\x92o&gt;;\\ \x8a\xde}\x00XR\x11=\xe97\x91\x93\xa1\xe8\xd3L\x1a\xf4\xd0\xc57\xdd\xae9\x19\xaaY\x00\xae\xc1\xfb#\xe3M\x83\xfc\xd1\xf1\x91\x91\xf1\xf1\xeb\xe1\xec3&gt;\x7f\xe6\xd2\xd4\xd4u\x12\x8cj+\xf0\x16P.\xc5\xfe\x89@\x93G\xe6)#\xf7d\xa5\xf4\x12\nT\x7f\x9e\xfc\xf0\xaf\xff\xfe\xfe\xc4\xfa\xd8\xa6g\xdfM\x86\xc2\xf2c\xb5\xb2\xd8X\xed\x80[\xd1p\xe1o\x89F\x95j7\xd5;=\xe8g\xbb7s~\x8d\xb4\xf8Z\xb9\xd7;\xe7\x17Pl \xb9\xc05C\xa9\x1c\x1f\xbb?::z}\x10\x9f\x8d&gt;\xfd\xf6\xdb\xc7MMOo]\x12\x10&lt;"\xe0\x16\xd8\xc2\xb5\xe4\t\x9e\t@\xc5\x82*\x84r\xc6y\xc1\x04\xa8\x90\xa6\x0f\'OL~GX\x0f\x9f}\xff\x01&gt;\x01\x96V+\x8e\xad\x1a\xf0\xeaK:\xde/\r8\xbcQ*b\xb3@)i)\x84u\xfbZ\xb9\xdb\xeb\x06\xd5\x06\xfa\x87\x84\xc5\x1f\x1c\xbd48522v}fjll\xe4\xf1\xad\xa6\x99\xa6\xa77\x1eO\x8d\x0e~z\xe3\xc6\x07\\|\x05\xf8\x1b\xb8\x81\xf4bCz#\tF\xc5\xa0\xd6\x03"h\x08/\xb0\xfe\xd3\xb6\x19\xbb\xb6\x8d\xc5q\xdc\'i\x92\x1f\xc8 \x0f\xf2"Dn\xd0\xa6#cg\xc3M\xfd#n\r\x94d\xb8\x83\x03w-\xedP\x825h\xba\x1b\x1c4K\x8b\xa98\xb8\xd4\x16\xf8\xa4\xc5\x96\x95+\x19\xec!\x87\xa1\xa2\xad\x1d*\x82\xed\xe0\x92\xa9\xf7\xfd\xbd\'\xfb\x1a\xb8\xc7\x8b\x88\x92g\xf4\xf1\xf7\xf7}\xdf\xdfKB\xbcdU\xa8\xb6\xc0\xf2\xbe\x16v\x9b\xb0,\x0b}\xc9\xea\\\x9f\x1f\x1d\x9d\xbc\xff\xf4\x94\xfe\x14%\xb0\xc0EXW\x7f~l\x9d\x9d\x9d\xdd\xb5M\x13\xef\\\xa8Ed\xf5\x1b\x14P\x1eO&amp;\x93\x9b\xe5f;\x8b7q\x9c\xcdf\xb3\xed&lt;b\xa6,k\x1a\x96c\x15oH\xac\x86L\x00\x95\xaa\xaamE:`\x91j\x91\xe7z\xf3\x87\x95g\x1b\x19aAK"WU\x03%\xc4+,\xa7\x8f\xd8h\xbd|\xff\xe9\xa7\xa7$\xd7\xf7?\x02\xec\xc9\x93_\xaf\xde}&lt;\x01\xd4\xf9\x07\x831M\xd7LMT\x88\xb0\xea\x8b\x81,\x07\x93\xe9t\xb4Y\xfa7\x9bx\xeb\x07\xd3\xe5&amp;\x0f\x02\xd7\r\xb0\xccdXF\xe1\x8f\xd4\xafu\xe8\xecBTm^A\x89\x17\x92I\xc1&lt;Ow\xab\xe4a\x15\x11V\x1e\x81\x87&amp;\xc7\x82\xeb-\xc7\xb1;\x97\xb7\xc7\xc8\xb3g\xbf\xbfz\xfe\x03~\xea\xe0\xbf\xc1\xb9z\xf7\xacE\xe3\xf4\x1aM\xc245\x1a\xdc6\x82\x0b\x9e\x1eL\xa6\x08\x8a\xc1p\x1ao\x82\xa19[n\xb2$\x8e\xd3\xc4\xa4C\x0e\xd3d\x9c\xf4\x9bu\xa6\xd5\xc8\xe9\x06=\xb0-\xb5y\x15\xa1\xd2&lt;\xc9\xcb\xc4\xdf&gt;\xa4\xe1\xc3\nB\x16ET1\x11\x16\x86\x05\xb1:\x96\xddy\xf3\x0f\x1a\nI\xf6\xf9\xd5o\xf4\x7f\xcc{\xa8\xb3\x8b~\xbb\xad`\xb3s.S\x90\t,\xb99\x86\xb5\xb2\xa1\xbb\x89gC-\x18-\xb7~\x9c\xe6\xfe`\x81}\x80@\xd2\xbb\x8dzCf:\xc7\x02\x0f\r"\xf2\xdd$\x0f3\xdf\r\x8adEX\xa5\r\xa2\x83T\x15\x96M{\x11\xb3\xe3\xbc=\xe5\x1c\xad\x93\x97\x9f_\xbf\xfe\xebD\xdc\xb4n/\xdbX\n\xcd\x05W\xa5\x96,\xdaL}1v\x07\x83m\x9c\x0fL\x13\x84~\x10\xa7q0^O&amp;\xdb\xc4\x8f\xf4n\xb7\xde\xd5\xcdz\xcd6\xda\xfci\x92\xe7g!\x88&lt;/\x1a\xb8\xb3\xa4,3T0\xbf\x0f\tK\xdd3)\xe2\xc6\xb6\r\x1b\x95\'\xb0~\xc5\x05\x89Z\xc7\xd5gwV[\x15\x1b\xa7\xaa\xa2&amp;j(\xeaX\x97\x87\xc1l\xba\xd9\xf8\x9a\xe9MG\x19\x12"M\xfd5\xb0\x96\xe9\xae\xf4\xba\xddfCj\xd6\xa1\x16\x1ee\xd8nX\x86\xf3"\x08\x82\xc8\xcfK\x92+\x8a\x92\x872\x9b{\xeac\xb5\x14a/\x9a\n&gt;\xc0u\xb1\xe7B51avK\xd8\x13^\x11X\x07\xb9\xc4\x86\x94\x87\xd9r\xb9\xf4\x87\xa8\xee\xc0GL\xa4i2^\xaf\x83\xc54\xdd\x85R\xb7\xd7hH\r\xbdF\xd62\xacb\xb5\xf3\xbd"+\xf3\xc4\x8d\xd30RX\xe4\x86_r\x9fh\x0c\x01\xa3\x1c\xb0($\xa0\x18\xbd\x1b\x94\xd3\xb9\xbc\xe5H\xc4\x84\x01\xb3\xf3&gt;J\x9d\x8b{\xcb\xe4X2\xefA\xfb0_\x8c\x03\x04*\xbe5\x94\x99\x9f\xa1v\xc0Z\xcc6\xe9\xaa`\xe8\xe5u\xd6&gt;vj\x13\x00\x00\x01kIDAT\xd4j6\x86e\x85\xf7\xbbpU~-"\xc9\x03\x96\xeb\'\xe5*,\x84\x91\xf6,\xca#,R\xcb6\x10\x1b\x86\xd3\xf9p.\xb0\x8e\x81u\xda\xaf\x0e\x8f\x90\x8a\xb6\x96f\xea\xdf`q2\xaa&amp;\xef2\x94S\x1c\x9c-~YOF\xf1nn\x11\x96\xce\x9a\xb0&lt;\x02\xc2\xb1\xc3\xfb/Y\xe1!\x8f\xd4(\x8f\xe32\xcf|\xaf*\x98\xf2\x7f\x83\xfc\x85i\xd0\x04\xd75%\x18\xc7\xba\xe8s\xa5D\x05\xcd}\x11\xc9]\x9ah0U\xb6\xea\x88OFX\x1a\x16JJ\xe3\x8f\x9b\xf5(\rm\x07X=]o\xc85l\'\x87cy\x14F\x8e\xadDn\xe0\xa9{ q\x95\xf8|DE\xb5\xb5\xb9h\x06\xde\xd6\x9b\xbb\x16W\xeb\xb4\xcf\xd3\x8f\xb0L\xc2\xa2\xe8&gt;\xd8\x8bKT]!\xa1)\x11\x16\xd2\n/h\xf4\xba7\xa3\xb4,\x1c\xd6\x03V\xb3\xab\x13\x16N\xc9\x02\xcb\xc2\x8d\xad\xa0\x04\x07CQ\xdd\xa4\x8al\xff\x05n~jV\xc2\xf9P\x0c\x82\xbd==j\x1d\x83\xaa\xc2\x12R\x994x\x11\t\xab&gt;\x1c\xc8\x1c\x88\xb4\x03\x16\x16@A\x13\xdd\x9f\x01k\xe8\xe7\xa1e\xb1\xdew=\xbd\xd1`\x02\xcb\t\xefW\x14\xf7\x0e\xd7\x8b1\xa1\x92\xf4\x8d\x9d\xfe\xbb\xdb\x87\x17\xcef\x00\xb2y\xec#\xf7\xfb/Z\xa02T\xb1\x0b\x85\xdf9\xd6A\xad\xf1\xcf\x7f\x8fa$\xbe\x07\xf6X\xb8J\xaa\x02\xac^\x93E\x91-\xb0\xbaM\xf6/q\xad\xcf\x16\x88\x1a\xdc\xde\x00\x00\x00\x00IEND\xaeB`\x82'</t>
        </is>
      </c>
      <c r="M278" s="3" t="n">
        <v>45492.6762962963</v>
      </c>
    </row>
    <row r="279">
      <c r="A279" t="n">
        <v>874739</v>
      </c>
      <c r="B279" t="n">
        <v>1958</v>
      </c>
      <c r="C279" t="inlineStr">
        <is>
          <t>Jefferson Savarino</t>
        </is>
      </c>
      <c r="D279" t="inlineStr">
        <is>
          <t>Jefferson Savarino</t>
        </is>
      </c>
      <c r="E279" t="inlineStr">
        <is>
          <t>PD</t>
        </is>
      </c>
      <c r="F279" t="inlineStr">
        <is>
          <t>ATA</t>
        </is>
      </c>
      <c r="G279" t="inlineStr">
        <is>
          <t>PD/MD</t>
        </is>
      </c>
      <c r="H279" t="n">
        <v>169</v>
      </c>
      <c r="I279" t="n">
        <v>10</v>
      </c>
      <c r="J279" s="2" t="n">
        <v>35379</v>
      </c>
      <c r="K279" t="inlineStr">
        <is>
          <t>Right</t>
        </is>
      </c>
      <c r="L2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906583ff-0f26-423e-acb2-10951ae376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b5\xa2\x99\x00\x00\x03\x00PLTE\xff\xff\xff\xfb\xf2\xe9\xf8\xef\xe6.)&amp;\xfa\xf3\xeb2-)/+\'\xfd\xf4\xeb\xfd\xf5\xee\xf9\xf1\xe8\xfd\xf3\xea4/,\xfe\xfb\xf2\xff\xf9\xf1\xfe\xfc\xf4\xfe\xf6\xec\xff\xf7\xf0\xfc\xfa\xf5\xfd\xc5\x9e\x1c\x18\x15+&amp;# \x1b\x17\xfd\xfc\xf7\xfc\xf7\xf1)$!"\x1e\x1a&amp;#\x1f,(%81.\xf5\xed\xe4\xfd\xf7\xee\xfd\xc1\x99\xfa\xf5\xef2*&amp;\xf0\xba\x94\xff\xfb\xf3\xfb\xbd\x93\xfc\xbb\x91\xf2\xea\xe1\xff\xf6\xee\xff\xfc\xf6\xfd\xca\xa6\xf9\xc6\xa1:31\xfd\xfa\xf0&amp;!\x1c\xf9\xb4\x89\x18\x14\x11\xfe\xfd\xfc\xf5\xc0\x9b\xfd\xcc\xa9\xf4\xb1\x85\xef\xaf\x83\xff\xff\xfe\xd4\x9cs\xb4\x81Y\xfd\xbf\x96\xec\xb7\x91@97\xf6\xc4\x9f\xfc\xb9\x8e\xff\xf7\xef\xfb\xb6\x8c\xf3\xab~=63\xfd\xc2\x9c\xe5\xa6y\xb6uO\xc0\x8cd\xbd\x89`\xf4\xbe\x96\xe9\xb4\x8d\xe7\xb1\x8b\xf8\xb0\x86\xd9\x9ds\xd8\x98m\xb0\x7fW\xc5\x91i\xfd\xc9\xa2\xf6\xb5\x8a\xf0\xa7x" \x1e\xd4\xa0y\xf1\xbe\x9a\xe4\xa2u\xf9\xc9\xa5\xea\xac\x81\xf7\xb8\x8d\xf9\xc2\x9b\xf6\xf0\xe8\xe1\xa9\x82\xfd\xcf\xad0\'#\xcb\x98p\xf3\xb4\x89\xff\xfe\xf9\xa4mG\xde\xa7\x7f\xf0\xe7\xdd\xd9\xa2{\xe6\xa9\x7fD?=\xb9\x83[\xea\xa8|\x99lK\xdd\xa1w\xf5\xae\x81kJ4\xb9\x87^`D3\xe3\xac\x86S=.\xa9zV\xfc\xbd\x97\xff\xfe\xf6\xfb\xfa\xfa\xa8sM\xa1qM\xa9wQ\xe6\xaf\x87\xc9\x95m\xf7\xf3\xee\xed\xe3\xda\xec\xa5v\xb4\x84^\xaerK\xbczR?*\x1f\xcb\x86[\xc3\x85\\\xed\xa0r\xc5\x8ee\xee\xab~\xde\xa4|\xd0\x98p\xf6\xbb\x92\xe0\xa0s\xdd\xdb\xd8\xcd\x92h\xa2vS\xa7}\\-$\x1eN5&amp;\x82]C\xef\xb2\x88\xe6\x9en\xe0\x97g\xf7\xf6\xf4E0%\xfd\xd3\xb2\xd9\x92d\xfd\xc5\xa2\xc1\x80V\xdf\x9cm\xce\x9cy\x98c?7+&amp;~zy\xe8\xe0\xd8KDBPJG\xe6\xde\xd5\xd2\x94h\x9btV\xb4|U\xcc\x8db\x8deHZ=*\xe2\xda\xd0\'\x1d\x17tS=\xf2\xf0\xee\xb1\xad\xabUPN\xae{T\xa2yZrnl\x11\x0e\x0c\xa3f@\xfd\xd8\xbb\xab\x7f^~R7\xb8\xb5\xb4\xb0W:\xea\xe8\xe5a][\xadlD\xf0\xed\xe9\x8c\x89\x87\xb6\x89f\xec\x95\x81\x8d]&gt;\xee\xb6\x8e\x97\x95\x92\x9f\x9c\x9a7$\x1a-\x1f\x18\xd9\xd6\xd1\xc7\xc5\xc2\x8fmR\xbf\xbc\xba\xce\xca\xc9yZE\xd3\x8d_\xbd\x8fm\xe3\xe2\xe0[WT\x8cU2xG*\xa8\xa5\xa2\xe4\xd0\xc4\xff\xfd\xf4\x84dMgdb\xda\xa3\x80\xfa\xb5\x92H81\xd2\xd0\xce\xe6\x8fw\xc3\x94t\x97{f\xb7kL\xda\x81kgO?\xf3\xd0\xb5\xf2\x9f\x8b\xb9_A\xec\xc9\xb1\xe7\xc3\xa4\xf7\xa5\x95i@&amp;\xc5qY\xbe\xa0\x8a\xc6|e\xfa\xb5\xa1\xdc\xb5\x9a\xd2\xb7\xa8\xab\x85j\xdf{T\xf3\xa1{\xec\x97j\xa7O1\xf6\xdc\xc7\xd7h@\xd0\xa6\x8f\x9a@!\xd4\x8bq\xf9\xaa\x82\xea\x8fd\xde\xad\x8b\xdb\xc3\xb5\xcb\xaf\x9d\xfa\xe4\xdb\xe5\x82_\xac\x92}\xc6nK\xecmq\xba\x00\x00 \x00IDATx\xda\xdc\x97\xddO\x1a\xf9\x1a\xc771p3w\x0c\x93\xcc\x00\t\xb1\xc1\x0bk\x86q\xebK)K\x04_{\x94\xaa\xe8ZmN\xb1\xb1\xd1\xb1S\xa6,\x1a\xb4\x9a\xe0:bk\xd5* \xca\xfa\xb2B V P\xb5\xa5\x11Sw5\xb4\xca\xa9\xb6\xb6\xb6&amp;u\x8fMO\xd2\x9b\x13o6{wnzw\x9e\xb1\xffB\xc7\x9e\x9c\x07BxI\xf4\x93\xef\xf3}\xbe\xbf\xe7\xf7\xddw\xff\xbfU`\xb7\xdb\xa7\xa6\xa6\xec\xb9\xff;DS\x1f\x96\x0e\x9eol\x04\x02\x8f\x03\x1b\x07\xbb\x1f\xdeL\xe5~s\x8d\x1e\x8e\xae=\x0f\xec\x87\xb4\xb8TL\xd3")\xa2\xa5\xd7\xf7\x03\x81\xe7\xbb\xa3\x0f\xed\x05\xdf\x08\xca\xfe\xf4\xe5\xd6\xb2A\xa1\xc80\x04i-"\xce\xd1\xd2\xc1`\xd0/\xca\xd4\xd2Z\x05\xbd\xbe\xf5m\xc8r\x1f\xee\x1e\x1a\x14\x08n\x16a(B\xd3A$\x91H\xa0\x14\x8ak\x97i-\x9d\xa3\xc8$\xe8\xc7k\xbf\x9f\xbeT/\x02Z\x97\x14A22\xc4\xda:\xaaN\xaa]\xd6\x12(\x95HPur\xa9\x1c1\xc8\xebd\x04\x85?\xde}x\xcaZ-\xd1\x99\x88\x8b\x14\x19\x82\xfb\xeb\xeb\xfb\xd0C$\x18\xda__\x0e)0\x8a\xe2e\x93\xcb\t\x94 Q\xd1\xe1\x9b\xd3\xd5jYd&amp;\xb5R\x14C\x0c\x06\xfa\xf0\x10\xc8\xc4\xb8!\x18Z\xa63\xead$\x06\xa2\xa1\x192\x0c\xc71by\xed\xe9\xa9\r\xe6\xd4R\x10G\xd1\x9c\x83\xc72\x0c\xd4\xc10\x14\xc5\xf0\x0c\x9c\x94\xe1\xb8\xd4L\xa0\xd8\x97n""B*\x92\xa2\xb2\xc3\x97S\xa7c}\xfb\x9a(\x01(\x08\xad@Db9N\xa2P\x14\x14F\x921\x97\x88\x84\xf7\x18\x80a\x06\x84\xc0\x11\x82@\xb5KS\xa7C\x95\x83"rB\x06\xbd\xc2\x100\x94A\x84\x83D\x14OC\xc6b.\x17\x86b\'\x8aar)F\x8aI\xe0Z\xb3\x9f\x02\xd6(M\xe1r\x0c\x93*\x104\x81\xd6i\xe9L\x9c\xe0\xfbH\xa12\x97\xcb\x95i\x8ea\x04\xdfU\x02\xda\x0b\xe8x&amp;I`9K\xc2\xfbk*P\'\xab\x037c8M\x130t\x06\x1a\x91\x11$\x89a\x04\x14\x16\x8b\x01\x11A\x82^\xd0H\n%\x08\x11P\xa3\xf4\x07\xa1\xb9\xecK\n9\x0e\x81\x95c\x10!\xa1e\xa4NF\xafC\x80j\x15~\x17\xaf\x11\x16K\xc7\xd2\xdbP\xe9\x18\x00\x82\xdfP\xb3\x99\x94\x11\xc4\xfa\x1b\x81m?\x1a$P\x94\x00\x1f\xc9p\x99(\xb8\x1f\x82T\x08\xc1\xe1cP\x98\x01\x87\xe3\xdc\xd6Oq\x96=\xb6Zmnn;\xcd\xfb\r\xb8@\xcb\x80\xb0\xc1:\xb5\x81\xa2b\x82\x9f\xb6\x04\xfc\xcbLmh9H#\xa2\x9c#\x9f\xdb\xfajg\xe7\x15\xcb\xc6_yR\x0c\xe3\x89\x03\x9c\xd5\xc6\x81hi\x1czK\xd4\x1d\xd8\x05\xcdQ1E\xd0"*\x01\x0e\xc2]b\x91\x82\xde\xdf\x0f\xb9mQ6\xe9y0&gt;\xfe\x9e\x8d\x1eG\x8f=\xdd\x8c\'\x99|\x17\x81O6\x8e\xf3\xc7(\\,#\xb0\xe5Q\x01\xb1\x1e\x060\x12\x13\x93|\\\xc6\xd2G6\xe0y\x15y\xb4\xf9qs|l\x9e\x19\x8b\xb0\xd6x2\xd2Q\xee|2??\xcfD\x92Q\xab\x9b\xe3\xb84d-\xc8%\xde\x12\xce\xf5\x05\x1f\x10\x99\x14f\xbf\x8eB9\xdbv\xdag\xb3FV{\xeb\x9f}\xff\xe3\x0f\x17\xeao\xf51)f\xb5\xba\xadg\xe2\xee@\xbf\xb3l\xe5m\x92\xe5\r\x96N\xbb GP\x94\x0c=\x15N\xac\xc7\x98X\x8aRr\x02;\xb2ZY\x96\xf5\x8c\xbd\xfe\xe3\xd9pEE\xb1\xa4\xe6\xcaDc\xeb\xf5\xb6\xc6Z\xa8\xbc\xbb\r\r#\x03-\xf3\x91\xb8\x95\xd7\xcbL\xf2\x07\x14\xa1\xd8\x15\x0ckK\x0c\xedH\xc8\x0c\xd8\xb6\x8de\x99\xbe\xcd\xde\xd6\x9f\xce\\\x91hTY*\xa5F\xd5\xa4\x827Y\xba\xa2J\xb5:\xdfa\x1aY\xe8\xedc\xc0^nN*\x83\xe8 e!\xc1\xb6\x89\xa7\xeb\x19p\x96$\x10E:\xeaa\xfa\xca\xca\x9a\x0b\x87\xce\xd4\xd4H\x94\xaaa\x95\xb23K\x97\xa5\x01(]Q\x1e\x94\xe9\xee\x8d\x92\xaa\xe6\xb2K)6\xea3\xf31K`\xf2\x9c\x03a\xdc\x95\xbb\xa4\xcd4+d\x94X\xc1y\xfa\xca\xea\x9b\x0b{&amp;&amp;\x86g$\x12\xa5F\xa9,\xee\xcc\x82\xd2\xa9\xd5\x80\xa5\xb7\xe4\xe9o\x94\x94\xdc4.\x84\xcf\xc3\x1c\xb8\xfdd\x8c\xc0H"cC\x98#\xdb\xbeA\x90~\x91,!\xf3\xb9W\x9b{[\xeb[\x1b\xf3\xf3\x9a\x8a\x01K\xa9\xe9\xd4t\xaaT&lt;UQ\x91\xda\xa2\xd7[\xf4&amp;\xb0\xd7\xdc\xc2\x9d\xf2\x95K\x0ck\xf3\xc7\xa0\x8b\x19\x10\xf5\xc2\x18\xfe\x90r\x99e(\x15;\x8aw\xf4V\x15\x0e\xddl\xcbS\xeb@)\r\xe8\xa4\x01\xaa\xa6"\x80\x02,\x8b\xc9\xe409\xbcssFg\xfb\xf9\xaenO\x94s\x11\x94,\x83\x90\n\xb3I\x8c\x86\x08h\x07E\xc5l\x9e\x8e\xc2\x92\x9b7G\x1a\x01\xeb\xa4w\xbc\xad\xe0UW\xa4V\xab+\xf5z\x87\xc31\x08Ts\xc6\xb0\xb3}\xb1+b\xe5\xfc$J\xe0\x18%\xc8\tT\xf0\xc2\x00\x7f\x1d\x16\xbc\x98\xed\xd5\xa5{\r%%7\xf2-j\x1d4N]t\x02\x97\xa5\xabUWVVZ@\xa8\xc1A\xafwn\xda\x08\xe6\n\x97ux\xac\x9c\x19\xf6\n\x92\xa0B\xa3\x02\x1c\xd8\xf6\xa5L\xfcdKH[#}\xf7G\x00\xca\xc2\xdb\xc8\xa2V\xd7\xd6\xc2\x00\x16\xe9tM\xa0\x95\xc5\xe2\xf0NNN\xc3szoa/\x1c\x0e\x9fOE9X`\xf9\x8dL\xba\xf6\xf5g\xb1\xc0\xbe\xe5\x82\x95.\xcdq\xdbQ\x1e\x0b\x98Lz\x93\xc9d\x01\x85j\xc1U\x950\x84j\x98B\xbdc\x90G\xda\x1b8)\xe7\xecb\xca\xeaKS\xfc\xc6\x8a\xa2\xcf\x050\xd7\xef\x01\xd8&gt;I\x9f\xdb\xe7\xb3\xee\xdc\xba\xdf\xc0#9\x1c&amp;}e\xe5\x97\x1e\xf2nW\xe7\x01$x\x0b:\xf8\x05+\xcccE93\x06\x05\x0e\xd8\xb0\x0b\xe1\xf8L\xbf\xdf\xef\xf3q\xd68\xd3\x17\x9e\x1b\x1ct\x98\x06\xbd\x0eK\xa5:K\xa5\xd2\x80\xe5\x8bj\xaf\xd5\x16UZ\xd4\xbc\xbb\x1aF&amp;y.\xa7\xb3\xbf\x9f\xc7\xf2\xf3\xcb+\\\xd4\x02_\x1f\xab\xe0\x03P\x19|\xdb&gt;\xb7-\xce\xac\xf0X^x\xe8A+\x8d\xf2\x8aR\xa9\xe2=\x0f\x01\x91\x07=\xbd{\xb7\xb1d\x84\xd7kv\xb6\xb4\x9fo\xa2\xd9\x05\xab`\x0c\xa3\xd6\xbf~\xa0\xda_J\xfd\x8a#\x1f\xe7\xb6\xb9=\xdd\x8b\xe1I(\xef\xa0E\x9d\xd5\xd9y\xe5\xe4\x00\x02\xc5\xe0L\xe43\x82\xf7\x18\x1c\xd70\x87\x03\xb3\xa5\xa5\xfd-I_\x8c4\xbb\\\xb1\x98\x10X\xb9\x80\x95s\xe4\x06*v\xec\xb6s\x0ffm\xd2\xa1Ww\xce\x9c\xad\x91\xd4\x00W1\x84}q1d\xabF\xc7\xc3\xd5\xe6\xb7\x95\x0c\r\x19\xc3\xfd\xa5?w\xcd\xb3\\\xcc\xe5\xe7\x97\xfd\xd0\xd7\x0f\xae\xdc\x17.\xee\xc8g\xb3Y\xa3\x91\xf6\xfb\xc6\xe9\xc99\xaf\xa9R\xa7\x92d_\xce\xae\xa99\x9b\x9d\r\xaf&lt;\x9d\xa4F\xa2R\r\xd7&gt;\xeb\xe9ik\x1b\xbaYUu\xbf\xfd\xfcJ\x0b\x03A\xef\x83N\xa2\xf4\xd7\xdf\xb9rwa\xed\x03*k\xaa\xacjdzz\x12\xdc\xfeOMg\xf1\xcc\xcc\xb9\xec\xcb\x97\xb3\xcfeg_\xbdz\xf5\\\xcd\xd9\x8a\x8b\x17{\xea{_\x7f\xac\xff\xf5\x8f\xd6\xfa\xaa\xc2\xe6;\xce\xfe\x96\']p`\xfb2\xcd\xa4vT\x10,k\x94eS\xbd\r\x0e\xe3\xde\xe4 $iS\xc5\x99\x1f\xff\xfd\xe7\x9f\xff\xf9\xfc\xb7\x8b\xdf\xcf\xcc\\\xfd\xe5\x97s5\x92\xfc{\x85\xcd\xab;Vw\x94}\xff\xe0\x11&lt;\xc6\xfb\xca\x17\x19\xa6{\x1e\xf4\xf2\x93\xc8?\x04\x08y\x97\xcd\xca\xc6#w\x1a\xbc\x93{s\xf9%\x85\xd5\xd5\xd5\x1f7\xff\xf5\xfe\x13|\x99\xda\xac?S|\xf6\xea9I\xf1pOa\xf9\xe6\xaa\xc7\xcd\x99\xd3i\x18Z7\xfc\xba\xf3\xd78\xd3r;\xee\xf6q.\xc3\xa80X\x9f&lt;+^\x08qcc!\x93d\xe3\x9f\xe0:\xe8\xe3\xb6\xb9\xe8q\xe4\xf5\xc5\xa6\x0b\x97\xcf\x0e_k\xbc\xde{\xabls\x07\xb6R\x1f\\b9\x9b\xdb\xed\xb3\xb1;\x1d-\xdd \xe0\x91+G\x00\xac\xad\xb4\xedS\xdc\x13n\xf0N\x1b\xebW\xf8\xfbC4\x1a\x85\xb9\x8c\x1e\xb3\x9eG\x1d\xb7~\x9a\x98\xa8P\xc1\xfcUU\x97\xb7\xb7\xdf\x9eO\xa5\x92\x1e\xe6\xd1\xf8_\x11\x00tG\xdf?\xea~\x90\x8c\xda\xb6\x15/\x05\xc0\xda\x86\x1b3S\xd80\xb9p\x8fy\x97\xec\xee^}\xfd\xb1\xcc\xf9s\xcb\x93\'\xbf\xf5\x0f\xec\r4\xe47U\x0c7]k4\xdei\xbf\r\xdf\xcd\x97:\x9b\xaf\x7f\xfe\xfc\xb9\xb5\xb9\x0fn\x1a\xec\xce\xd8X\nn\xb3~\x01\xb0\x0e\x00\xcbs~hr\xfa\xde\xed$\xb3\xf9\xeb\xdf/\xfcp\xe6Y\xa3\xd1\xd95\xff\xf6\xb7\xd9=c\x83E%\x91t\xd6\x96\xdc_laRo\xdf\xbd}R\xda\xee\x0c\x1b\xab\x86\xaa\xeeU\xf7E\x92\x9e\xb1\x0e&amp;n\xf3\xe5\x08\x80\xb5\xc4\x81\xe1\xcb\x87\xe6\xe6\xaa\x99\xc5\xd6\x9e\x89\xda\xc6\xc2\xf1\xf9$\x1b\x8d\x1e\x03\xc3\xec\x82W_\xa4\x94(\xaf\x8d8K\xbbR\xff\xa5\xd5\xdc~\xd3H\xcf0\xbe\xda\xdeT\xbd[\xf7\xb0\x17\xd5\n5bVu\xa4\x8e\x12\x0f\x0b\xac\x84\x98z\xc6$\x9e\x19\xdb g\xc2X\xf1\x06a\x85\x05\x0fubP\xc1\xf1.\x9e\t\x03\x18#\x8cbC\x1d\x0cK\xdbl1$]\xb7\xb5#\xba\x16-U\xe2\xa8\x89\x14m\\\xd5(\xaaD\xe4\x84$v\x94C\xd3\xc6\x87x\xbdvw\xed\xa6\xefD\xfd\x13&amp;\x1f\x07\x89\xbb\x9f\x9e\xef\xfd\x9ey\x9f\xf7\xa3Z\xcd\x15\x86\x86\xfc\xf3\xb9\x92\xbd\xd0\xd2n\xba\x9c\xb816\xe5\x19\xbd\xd9?q\xfbu`M\xdc\xbfy!Lg\x99p\xfb0\xebb\xf3\xfe\xe93\x1f|\xeb\xfb?\x99\xb8\x0fX\xf5`\xca\x82"\x08\xa7aD\xa1\xb7Z\xb5;\x85\xb1\xfe\xdb\xd7\x7f9q\xb1\xbahw\xb6\r\xf4\xdeH$&lt;7\xfb\xcf\xdeV\xde \xde\xfa\xfdYP\xab\x85\xa7\xb5\x0cAdY\xe1\xf1\xd9O?\xf8\xf0\xcf?\xed\xbf\xff\xcdT\xae$J\xe9\x80\xdc\xd3\xb0\x19\xc1\xbeX\xcd\x89\xb9\xde\xbb\xe7/\xfd\xf0\xc3\xcf\xae\x9f\xb9X\xb5\xcf\xf8\xfc\xfeY\xcf+\xac\xd7a\x10\xfd7\xa7\xc7\x86x-\xcd\xba\x88\x98\xf4\xf8\xcc\xf4\xd3K\x9f]\xbb\xfe\xa3_=\xf8\x0f\x9d\x0ef\xf2\x81\xa4\xc5\x92\xcc\x93\x80\xb5(\x94&lt;\x0f\xbf\xf8\xc3\xf7\xbe{\xed\xda\xdf\xcf_;[\xf5\r\x0c\xf8G?\xf7\xfc\xa3\xff\xf6y\xe5\xb3\xcf\x81/\xa6/LO;{x\x16\xda\xf8t\tv\xea\x93\xa7\xd3`\xfb\xcfM\xce`p!\x9dM&amp;\xf1PZ\x12*\xf6\x9c\xbdR\x1a\xb8\xfc\xf4.\xe4\xfc\x93w\xc1X\x1f\xe7|&gt;\xbf\xcf\x93\xb8\xd1?\xf1\xa9\xb2X\xef\xc9\xebOw\xab\xd37M\'b,\xcb&amp;\xa13\xa8\x90\xc1\xce\xe8e\x9f\xbdT\xa9\x88L,\x9bJ\x85(K:#T*\x15\x81,T*\x92\xc9\xde\xeb\x1f\xcd-\xce\x9d\x84\xf2\xf2\xdbA\xae\x1b?;{_\xd1G\xf5\xcfw\x9f\xed{\xf8\xf1\xbb\xff\x9d\x9b\x9bn\xe1c\xac\x1c\x01\xd9Tz!\x15\xeb\xec\x8c\x03\xa0X\xcc3\xd944\x14k\x80e\xaf\x08B\xc9\xee+\xc4\x99b\xd8DV\xc0W\xfd\x02\xec\xa2\xdd\x9f\xb8qq\xe2\xd2\xef\xde8\xf0\x0b\xc5:\xd4\xdd\xd5\xcd\xd0\xfaW\x9f&lt;\x9f\xaf\xceA\xf7\x00\xc1"\xe0\xd2\x04X&amp;\x95\xcc\x12\xd9t:\x98\xcf/d\xb3 \x96\x11O\x81Z\x02\t\xf5EJ\xc5\x85\x85\xb4DV\xc0"La\x9dN70\x90\x98\xea?\xf3\xd7\xbf\xfc\xfa\xd67_\xbf\xa5\x10V\xeb\xe6=\x1c\xb7\xec\xbc\x14\xaaca\x9a\x85l\x83\xbb\xac\x9a\x885\x00!\x83pE\x08"\x06\xeds2D!\x08\x1e\x84-\x14H\xa7\x13\xb0\x98T:\x1f\xccH\xe1b\xb4\xbd\xc5\xe4,xd\xac\x1b\xcf\xed\xf6r\xf9keb\xd9\xb7\xf7V)\xc4\x1dZ\xb3,\xcc\x8d\xc5iB\x03A\x0c\xc7m\x1cj\xb6\xd9\x8c\xfb\x0e\x8d\\u\x11\xd0\xd4\xaf[0\xb5\x1eK\xcb\x95E\x8a\xf1`&amp;L[\x1d\x0e6\x0b\xd9[;\xd8\xdeg2y\x12\xb3\xfd\x17\x17\x17+\xf5\x95\x8d\'\x1f)\x82\xf5bs\xddXk\x1e\t\xe0\x81\xdc\x85(`an\x0cs\x9b\rF\xb5\xd7\xdb\xdc\xd1\x05\x01\x0c\xb7\x84 \x07\xe1\x06#\x95"\xed\x80EJt\xbe\xb8\x10\x03E]\x04\x1fc\xa2\xd1\xf6pK[b\xea\xe4\\\xa9B\xd6W\xca\xe5\xdf(\x82\xf5`3\x84\xa0\r\xdd\xe6$\xea\xe9\xa5i\x02\xc3 \xdf\x9b\x11\xb5W\xa5\x82\xb4\x83ARt\xbf\xca\x8c8g\xd8N\x89\x82\x8c%j\tH\x181\x87\xcbj%\xe8&lt;\xa3\x8d\xb6\x9b\x86\x12S\xd3\x17\x04Rz\xb9R\xde\xb8\xa5\x08\xd6\xd1\xcd5d\xbb\xeb\x1c\xb2\xe6\xce\xf8iY-\xa3\x11\xf1\xaa\x9aUz5J\xd5j\x88\x1e\xc5#\x10Y!n4S)I\xa6"3y\xc7\xb8\x86\xa5\x99\x98Kc%xF\xabm7\xe9\x12\xb3c\xbdB1\xb8\xb2R\xde\xfa\xb7"\xa3\x88\x87\x9bkTH\xdf=BQ\x0b\x19&amp;\x16\x89`\xf2\x84F\xa52\xa0\x9cZ\xdd\xdc\xd8\xd1\x8c\xca\x93\x08\xdc\x8d4t\x18C\x0b\xa2\x8c%\xe5\xd9q\x9b\xcdJ\xb0\x84\x03\x16A\x1f\x1f\x0c\x0f\xcd\xce\x8e\xe5H&amp;\x08bm}\xa9H\xcd\xffqsim\xdd\xdb\xdd\xe1\xb5,HZ\xde\x15A\xd5\xb0Tz\xd0L\xdf\xdc\xd1\xd8\xe0E\xe1ahq\xa3\xde\xaeI\x04\xcfJ2V\x91a\xad\xe3\x1cg\xd6X\x1d\x04\xb0\xf5D\x8f\x0f\x0e\x81Zv\xb1(\xc9j)\x83\xb5\xbb\nX]\xdd\xea\xd4\x8aX\xa4yB\x83@P\xd5\xcb\xb9P\xa5Wut\xa8\xbc\x08\n\xa5E\x19\xbc\x93]^\xd4\x11\'\x05A\x90h\xc2\x8a\x99\xcdf\xca\x8ci\\\xb1\x18\x7fB\xdb.c\xe5\xc4\xa0XVj\x13\xdf{suo;t\xd4\x1bZ\xdd\x0c\xc6A-\x0c\xd1#jU\xf3$\xc4\xc3\xfd\x93MM\x93\rzM\xd2\xe26\x9a\xbb\xceMzk\xe3t\xe6\x95C@\x05\xca\xa3\x12\xa3M\xa3\x89\xc4\xb4\x9d\xaf\xb0\xe6\xb6\xca\x19\x19K\xa1\x92\xff\xc1\xd2\xde\xf6\xdaQ|}u3@k\xf9\x08\xc6\x19\x0cjUW\x03D\xd6\xa6\xee\xa6I5\x87Z\xd6(\xd4\x80&lt;x\xd1\xd4&lt;\x89i%Q\x92H1\x9d\xc4\x8c\x1c\xc7\xa1\xb6\xf1\xab\xe3\x84V;\xd8\xa2KL-n\x95E\t|\xab\xfe\xae2.\x7fd/\x14\xe9\n\xed\xac\xae\xda\x86\xa3|\xc4f6  WC\x13\xc4\xd5\x06\x04\xa3\x8c\x94\x85\x02e\x8c\x93\xdd\x93\xaa\x83|&amp;Sd\x98\x0c)\x06Y\xd4h0\x18m6NC\xd0\xd1p\x9f\x8c\xb5Q^\x91\xc8\xf2\xd6\x1d\x85\x86o\xbbK!7\xb2\xb3\xb7\x9a:xZ\xc6\x02.\xf9(6\x9d;\xd7LYBn\x03\xeaF\xcd5\n\xabyk\xe8R\x90t\xc6\xa3\xf1\x0ct\x15\xc1\x00p\xa1\x98f\xdc\xc1\xf2\x83ag[b\xd6W.\x97EQ)7\x85V\xeb\xd9\xba\xc5\xb8\xb3\xba\x877\xb6\x02\x96\x993\xcb\xd3\xdb\x91\xc6n/\x06Tj\xaf!\xc2\x88u1\x1e\xa1\xd0\xb5{dn~17#\x80\x9dg\xd28\x85\xcag\x91\x8d\xd1a\xa7\xae\xcd3\xab\x03\xac:\xb9\xf1O\xa5Z\x88\xf7v\x97\xd6\xb1\xd4\xe6*\xd5\xf8\xbe\\\xf2f\xb3&lt;\xea\xeej\x9c\x84\x13\x88!*\xb5\x1a\x93r\xf5L0\x1dp\xa53\xb9\xb9\xea\xe3\xc7\x10{2\xf0;\xb4M\x995D\x8cg\x8a\xa6&gt;\xdd\x8c\'1\x04\xd5^\xa9+T\xf0\xf2\xfa\xf1\x83\x1d\xdc\xb2\xf92T{\xff\x04\xef\xb2\xda\xe0\x19M\xd5\x9a\x1bj\x96\x80\r\\\x02\xe1\x0cn\x96\r\xb8\x98|\x91,\xcd\xcf\xe7rv!\x13,\xc6\xb3,t`\x98&amp;\xc6\xe4\xf3\x92\xd3$c\x89\x1b[[\x95\xf2\x1d\x05g\\\xdf\xd9\xb7\xbe\xbd\x9c\xdcyy\xa2\x87vY1\xa3&amp;\x82zUT\xc8\x85\xc87+P[\xaeX\x96\x1e&gt;\x16\x05o\xf0\xe5\xe6s\xbeBF\x8agC\x81@\x12G#\x81t\x11\xb6\xb0O\xe7\x19\x1d--V7\x84\xf2-\x05\xa7\xcd\x07v\xd7v4#\xe3+e-o\xd5\xd8\xd0\x08n\xf0b)V\xadR\xeb\xd5\x1c\xc62 \xc9\x89N\xad6\x9f\x973\xb5\xdf\x07\xcdi\x98I\xba"\x81\x94\x1b\x0b0\x92sf\xa6\xaf\xcd\x03\r\xb4O\x10+O?zC\xc1u\xa0i=\xc9\x1d\xd5&lt;\x89\xf3V8\x898&gt;\xc2\xad\x87\xf4\xfbGj5\xcc\xea\xd0Jq"\xdey\x8c\xa7\x19x\x17M\x85\xb6\x19\xbf0\xa3\x93\x9d\x97a\xb8H:S\xf0\xf9d\xac\xde\x8a\xd3Y\xaf\xffV\xd9\x1b\x83\xb7\xdd\xebXC#G\x83Zf#\x8eq\xae\x1d\xf5\xfe\xc3=\x0e\x9eah^\xabu\xf0\xa7\xaf\x9e&gt;|\xfa\xd8\xf00\x93\xcf\x14t3\x82\xcf\x0f\x12\xf1\xc3y\x02c\xc4\x82\xdd\xd7\x02XmR\xbbP\xfeR\xe9Y\xf3\x8b5\ni\xecr\xd0\x0e\rgta#)K\xc3\x91S\x9d\xdax\x9c!\x1c\xd6q\x1b\xa7\xb6\xb9\xac\xcbW\xae\xf0\x84+\x0b\xf5.\x15|\xa5^\xbf)\x1a\x8d\xdbb\x05\xa1$\xb4\xcc\x0c|\xae3]\xae;?V&lt;\xbe&gt;\x88p\x07\xd5Vm\x8f\xc6`t\xd9\xccI\xecPk\xeb\xa9\x1e\x9e\xb0\xb8\xc1Ik\xdeg\xde\xda\xf2\xf2\x95%\xf9\xb5\xc40y\xa9 \xccxt\x97\xdb\x9dV\x87`/\x15L3\xa3\x1e]\x9f\xc9\xa9d\xbd\xff\x7f\xbd\x83S\x88A\xc3\xf7\x8c\x1b\xd1\x80\x99\x0b!WO\x1d\xde7\x82Ac\xbf\xbd\xbc\xbc\xfc\xe8\xd1#\xd0\xea\x8aLu\xef^0\x18\x14E\xd19\xd4\xf2\xb7\xe3&gt;\xfa4DI\xa7\xc9\xe3O\xe8D\xf2_\xaf\xe1\xa2\xf3\xed\xa3\xdb(r\xa8\x87\x8d\xd80\xc2f\x88\x18\xae\xb6\x9ej=F3\xe9{\xb0\xbe\x82\xcf\x93\'\xf0U\x17\x9f\xd4\xcb\xb9R\xa5T\xb2\xfb\x07Z\x06O\xb5\xd0\xad\x80%\x0ey\x06\x86\xda\xc8;\xef\xbc\x8e\xbf\xb4\xbcy\xc4h\xfe\x1f\xeff\x1b\x9b\xd6y\xc5\xf1\x1aY\xc3D\xc9\x1c\xe3&amp;L\xdb\xa8#\x8a\x89@Q\x02\xe6\x9a\x97\x91M\xc2\xe1m\x98k4\xb0\x81\xe0A\x81\x8b\x00\xd77\x04+\x80)a\xfd0\x1bp\x8d\'\xf3\xa1\x91\x93\x1b\x05\x89`YV\xd2\xda\xdb\x8a\xa5M\t\x0e\xd1\x14\xa5\xca\xd0\xb2Z\x9e+\xc5Kg\xcbv\x1d\xe2t\x1f\xa2\xca\xd2\x92M\xday\xa8\xf6\xbd/\xb9;\x80\x04\xdf~\xfa\x9f\xf3\x9c\xe7\x7ft\x0f6bb&lt;\xef\x0eb|\xa99;\xea\x9f\xb8|\xe7\xf3;\xbb\xef^\xae\xd7\xeb\xfb\xf5\xfd\xfdz]S+W*W=\x0f\x1fB\xb3\xff\xeb\xc3w\xd3\xbc\x8c\xd2\xeb\x01\xb5\xc8Hd1\xb0^\xa4\xe7a\xf5\xbf\x07\xb7\x9e\xafx\x83??\x8d\x8d\xf3\xcd\xee\x0e\xfdh\x16\x9b\xfd|\xf5\xd9\x8b\xed\x8d\x8d\xe7\x82\r\x9foc%\xe9[\x99\xdf\xd8\xdb\xaa\xfd\xfd\xfe\xf9?\r\x07\xfa\xf3\xe1!\xd5\xa4\xc7\x13\xc5\x03\x0b_&lt;y&amp;\xa0\x87\xea51\x87#\xe6\xec\xf9\xdf&gt;)\r\xda;\xdd\x8a,O\xcd\xce\xf6\xd6\xa9=\xab\xca\xf2le\xef\xa3\x8dm\xebG\xcf\xb7\xb6\xbe\xa4\xb6k_\x94\x96~\x9f\xb1a=2ku\xd6\xe31ifc/o\xb5\xd1\xb9\x94\xd4\xfd\xc2\t\x8e\xab\x07\xb2(\xe5\xab\x1dl5\xff\xd7\xffy\xb4\xbc\xfcY\xbd\xbe\xb7\xbd\xb7\xa7\xdf\xfbr\xbf\xbe{\xe6\xb2\xe7\xf1\xe3\xcbW\xc6m6\xa3w`\xd2\x13\x8bjS\xb3S\xf3\xe2\xd7h\r\xc8\xa2\xdbn\xf3\x9bOb`Q\x1d\xea\x11{\xff\xf2\xf2\xce\xd3\x9dG\xcbaCX\xe9\xfc\xf3\xeeg\x8f\x1e\xd5ww\x1f\x8fY\x86\xfc\x98_b0y&lt;g4\xa9\xe8\x13\xbaWcW\xd6\xfcX\x1e\xeb\x19?\x89\xb9\x1dl&gt;\x0c\xb1\x9fn.o&gt;\x9d\x11}\xd5  6\x97\xc7\xe2g\x02c\xd7\xfb{z\xdcUm4\x1e\rhM\xb1gm4c\xcd\xaf\x11\xd0\xd5\xfb\xfb\xcdf,\xdb\xa1P\xf0;:Fv67\x9f\x0e^\x1a|\x8ab\x07\x1a\xd7\xee\x99\x80\x06\x97\r\x19\xfd\xf9L4\x1e\x8f\x83}\x88\xac\x88iW\x8bJ\xdb\xdc\xc1+A\xa9\xd4\rC,\x9a\xf9\xd5\x9f\xeel\xee\x00\x11\x8ae\xe8_\xf51\x1cO\xc8\x8cF\xafl\x16\xc4\x92\x03\xd5\xd4\n\xdd\xbb\xa7+\x16\x0b\xe1\xc4\xb0\xfe+A\xb3\x1b\x1c=\x0c\xd6\x0e\x95\xca\xf1\xd5\xcd\x03]\xfe\x9f\x00EQ\x89\xc4dF&amp;\xcb\x04\xe2\xf1h\x1c\xfcr9\xf2\x82~\xb5,\x84\xd7i\x0b\xf6\xf7K\xddf{\'_\xd1\xa1V\xab%:C\x980\xae\xed\xef\xefOf\x8c\x16Y\x02\x9f\x84\x18\xd3\x02T\xd4\xb4P\x9e*\xe7\xfe\x0fX\x94\xcc\x92\xf6\xdbz&amp;\x82\x18\xd8z\x10l\x04N\xe4\x88\x19s\xca\xb45&lt;A\x10\x84\xa5w\xf2z\x83*\x85\xc4\x02\xb7\xbc\x98\x8b\xbd\xa0{#v%m\x814\xa6\xfdA\xb46r\x1a-m\xf1\x11\x99\x9a\x9fO\xe3\t\xa3\x17\xf3\xfb\xd3Fc\x06\xc7\xd1\xb4\x13\x8fz\xe2\x91Hy*\x17{F7\xd6\xd6\xc4\x10a\xa1,^\xd0\xab\xc7\x06T02\xaa;F\xd8\xea\xce\xbc\r\xc3l\x98\x14\x0b\x06\'&amp;zq\x8dF._@\xe702U\x8eG\xe9o\x10[\xfdCiBF\x11N\xbf\x1f\xfc_\xb6\xd3\xfe3&gt;\xaa.\xc5H6\xef6\xe7mR\xe9\xf8\xf8\x84\xf1\xfa\x18IjS\xb9\\\x04\xae\xe8r)\x16\xf7\xbc\xa4{\xddz\x0b\xb2\xd7\x93\x96\xb9\x88\xb4\xd3\xef\x0c\xf3\xf8|;\x9a\xfc\xe1\x1e\x12\xb2GF\xb2\xd9j\x1e\xeb\x1f\xca\x8ci\xb5\x1ar\xb1\x14\xcb\xe5\xca\xe5\xc5\\|!\xfa\xe4&amp;\xfdX~\x9b-\xedrQp \x89j6;\xc2\xb7\xf3\xd9\xec\x99.\xa1H\xed\x90\xe8\xaay\xdbPF\xa3\x19\xc35\x91P)\x07\x95\x15\x8b\xc5\xe3\xa6_\xd5\xe8\xbe|\xb6.\x06Q\x11\xa53\t\x97\x8c\xb0\xac\xe9u\xbal\xb6C\xed\x10\x0e\x0e\n\x1d&lt;\xabD\x1f\xb6\xb84)\x12\xaf\x94J\xa5\x10\xa8\x15\xf3\xc4M&amp;S\xb4"\xa0\x19k;\x88a\xf9j&gt;\xef\x97\xe1\xb8\xcb\x92Y\xd3+G\x95\x12\x91Jx\xa9kF\xc2\xe3Y\r\x96Z\xa5R.\xa7\x16\xe7VK\xb1\xfb\xa5X(n\x9a5A\xef\xf2\xd1\x8d\xd5\x03T\xbc\xac]\xea7&amp;p\x97+A\xe9\xc3^\xc3\x80J\xa2\xb2\xf2xJ\xbdR\xef\xaaT\xa6\x16\xcb\x8b\xa5\xd5\xe9Ph\x0e\xf42\xc9\xe5&amp;h\x15\x05zo\x1f\xf1v\xbf4\xcb\xcbB\xa5c\xc1!\x99\x0b\xaf\xd4\xfe\xe5\xb4\xac)\x95zC\xd8\x19v\xae9\x89\xda"\xc4\xd4\xfd\xd5\x07\xab\xf7\xe7B\xb9\xdc\x82\xdc\x14\x00\xb0(\xcd~Kl\xedq\xeb$:]\x87\xc2\x8e\xf9\x87dk\xb5\xf2\xba\xc5\x89b\xcdb\xf1:\xa9\xc4z9V\x02\xa9V\xa7\xa7\xe7\xe6\xe6P]\xc9\xe5H\xae(\xcd\x16\xe2\x825\xe8\xe6\xa9T\x12\x07\x1c@\xe8\xe8N\xaf&amp;W\xa1(\xcaE\xad\xafS\x965\n\xca*4\x07R=X\x9a\x0b\x85b\xd1\x05S\x03JnZ\xa0\xb9\x9f\xb6\xf1\xc6\xddV\x95H$r\x8c(\xec6\x9b\xdf\x10\xae\x85\xa6j\xeb\x95Z\xadV\xa9\xad\xaf\x03\x16@\xfd\xe3\xc6j(\x16\x8f\x99\x80\n^(fkIZ\xb18\xfa\x8by\x9eC\x84V\xb6\xd4\x8aj\xd50ZUR\xe5\x1ct\x83\xc5)\xf8\x94J\xf7\xe7n\x0c\x9f\x1b\x9eFU\x85\x88\xe4\xf2\x14\xe8\x95J\x05b\xb7o\xd1\x99F\x96\xe1\xa2;\xcbw\xa0\x8d(\xb5H\xc53\x18\x94\xbc\xac\x81*\x87\x96\xa6\xa7\xa7\x1f&lt;\xb81&lt;\x0cPKWc\x8dZ\x87\x17\x99"Sr\x92$\x03\xb3\xe7?\xb9I\xdf\x7f\xf0\xc4I\x7f\xd0\xccW\xa8E\x03\xd0\xd5E\xd0\xd4G\xf5:\x89Db\rg*\x91\xd0\xd5\xabw\x96\x96\x96\xee\xc4"&amp;$\x93\t4\xd2jIm\x00\xaeG\xa0;\xff\xe1{\xc9\xc2\xad61\x1dd\xdd7_^\x19wwv*\xd8Ba\x9fP\xe4\xd0\xe9\xf4\x06\x1d\x1b1\xb2%J\'\x91\x01\xe3\xa0\x01O\xa3\t\x04\xc8T*Ej5Z\x08\x84E\x92\xe7~\xf4q\xb28?\xff\x87w^\xb9d\xdd\x17n~\xb0ze&lt;\xdf\xd99\xc2\x16\xce8\xfa\x84\x00\xa3\xe3\xf1\xe0K\x17\x84P$\xa9\x8ez\xd3^/t3\xc0\x92\x07\xb4p5\x02\x98FK\x02l\xe5\xdc\x91\xbb\x85\xe2\xfc\xbd\xf9{\x85\x9b\x17^e\x95u\x1f\xe5p\xde\xfbp\xfa\xe2\xb8\x1d\x8c\x1f`\xcd\xa0\xcd;\x11`\xe9D\x08kp\xb0K\xd8\'Q\xea\xf5\xa3T\x02l\r9\x1b\x80\xfb\x1a\x87O\x02\xd7\x02^\xea\xfc\xa9k\x85bq\xa5X\xbc7\xef;\xcby5\xb9\xec\x16\x8b\xdbZ\x9a\x9b\xdb&gt;\xfe^h\x1c\xb3\xf3;;\xc024$\xear\x00\x96D5000x\xe9\xd2`\xd7\x80\xca\xaa\xf4\xba \x95Z\xd2\x14\xc0\x13p7\xe1\tp\xcf\x1a|l\xea\xc7\xbf\xfb[\x01\xe4\x9aG\xef\xa4\xe0,\x90}g4\xb1\x98\xd3\xdc\xd2t\xe0p\xdb\xdd\x1f\x86\xa4y\xc0R\xa8\x81\xab\x0fa\xb1yU\xe0\x82&gt;\x86v\x03\x85*\t\xcf`I@E\x91)\x13\x89\xb02\x19\xd9u\x1c\xca\xcd\x15\xfa\xc1\xa9\xbf\x14\xff\x87U\xf0\xf9|\x82\xb3\xc7\x8e~\'\xb2n\x80jjb\xb2\x98o^\xb8}\xa4$\xcd\x9b\xb3\xe8\xe1kC\xaf\xc1.\x94E$\x98U\xa7\x12\r\x08E \x16\x8eJ\n\xeeAM\xc2\x05\xc3\x88\xcc\xd8\x9bq\xb9pj\xba\xbd\x81U@X\x88*\x99L\n\xb8,\xce\xd1o\x0b\xd6-&gt;\xd6\xc4b5A\n\x7fz\xb8\xed\xda\x91\xb9\xb7\xf3n\x98\xa4;:\xd8}33]\r\x93\xc5k\x90\x81\xa9Q\x81\x8b\x08S\xa0\x11\xaeI\xc9\xb5`{`\x0c2\x1ae2*1\xb9~\xbe\xbd\xfd\x8f\xc5B!Yl$\xd1\xc7\xe5\xfa\xe0\x87\x80\xcb`\x81f\xdf\xaa\xd0\x9b\xb9\x8c&amp;\x16\x93\xc9j&gt;\xc8\xe1\\k\x7f`s\xdbu\x92\x06\x17\x1b\xba\x04\x08$\x01\xa9 t:\xab\x04RH\x80\xd5I\x8cA\x12\xb5\t\xc2K\x10k^\x84Eer\xbfi?u;Y\x00\x8d\xa0K@\x12\x19\\\x06\x17~\n\x04\x02n\xf3;p\x00\xbe\x91f\xdd\xddo\x1dj\xe6\xb2\x0e\x1c`\xbe\xd1\xcax\xe3\x04\x07\xd4:\x97v\x83\x83p\xa8a\xc4G\xcb\xaf\xd0\xbb\x00J\x02w7j\xaa&lt;}\x1a\x06j\x17\x14&lt;\x99\xd2\x10N\xa77\x9dv\x0e\x19\xd1S\xce\xe1\xf6\xf6_|\x92\x84\xec\t|E\xa4\x96\x80q\xa0\xa9\xc1\xc5\x00@V\xf3\xb1o\xd0f\x01\xea\xcd\xc3,.\xab\xb5\xa9\xa9\xe5\xd0\xe1\xe6\x13\x079mw\xdb\xdf\xa7\xccv4\xe9\xa0\xe2\xeac;\xd83l\t\xa8\xa4\x12\xa9 \x83J\x03\xf4,\x881\r)\xd7X\xc2\xe1\xd1p\x18\xec&gt;A\xc8z\x17_?\xd5\xfe\x93{&gt;\x94&lt;Aa\x1eD\xf31\x98\xad\xad,\x1f\xca#\xe8\xc6\x80\\\xb6\x89\xbf^2\xbb\xdf\xfa\xfe!&amp;T\xd5q\xe6\x01f\xcb\xe1\x16\xd6\x89\x83\x07\xdb&gt;\xf8\xe5\xebS\xd9\xd3v\xf4\x0f\x1av#\x1cp;B\xee\xac\xa2\x01\x11\x94\xbb&gt;L \n\x1c\'\xb5\xae4x\xb0\xb0\xd3\xebL\xa7\x8d\xd73\xe7\xda\x8f\x9c\xfa-P\xf9\xb8\x0c\x84\x85\x0ebSkk+SP,\x08\x18\\.\xe2b5s\xbeF\x95u\x8b\x8frZ\x99,F\x13\x93\xd9\n\xef\xe3\xc7[\x0e\x9e\xf8/\xe1f\x13\xdaF~\x86q\xcfh&gt;5\xdf\xb6&lt;#[\x9a\xc9Hr5\xb24&amp;\xb5!K$U\xa0\\,\x9d\\dc\xb0\x1c\x07a\xa79\x94\xb2.\xab\x1e\x14\xe5Z\x92T\x87\x9c\xbc\xc6\x10\xecu\x96^\x92\xb5\x03\x82\x80Q\x88\x0f\x89w\xed\xb8a\x1d\x08Y\xa715$\xd0\x1c\x02%\xb7\\\x96\x85\xd2\xe7/\x95\xa5e\xfb1\x11\x92\xe2/\xfd\xf4\xbc\xcf\xfb\xbc\xef\x1fl\xd5&lt;\xc9T~S\xc6\x11\xec&lt;\x9cu\x81T\xb1\xff\x0c\xb8\xd2\xe3\xc4\xee(d\xbc\x04\x90\xcb\xd3\x97\xae\xfe\xfe\xea\xf4\xf5\xf9F\xb9&lt;\x0f\xbd.\x7f\xf2\x87?V\x06\x86*\xdb\xd5k\xd7l\x91J~y\xb7\xeb)"\x17O%\xf11t\x14\xdd\xbdH-\xffo\xa4\xeb\x0e/R&lt;yO\xe4\xceq\xe4\x97\xaaz\xf4p\xe0\xebo\xe7~9r\xe6\xfc\x99\x919\x9cY!\xda\xdc\xdc\x1cf6\n\x89\x955\x0b\x8a\xc5\xe5yp]\x9an\x94\xe2\xd9Fc\xfe\xfa\xe2\xe5_\x7f\xfb\xfale\xa0\xdd\x81DIZ\x03\x16\xa1\x82\xb9\xc8{e\xe8\xa5kI\x86\xff\'\x99\xc80\xff+e\xcf\xfd&lt;e\xe9\xa4\x82A^+(=\xb5\x1c\xbf\xae\xaa\x8f6\x06\xef\xbd\xf9\xfe\xf1\xcd\xee\x1fB\xf5\x9f\xb99ra\xad\x9f\x98\x8b\xec\x85p\xfcd\xb6Q.5\x16\xa7o\\\xba1\x9f\xc5\x81\xa3\xb1&lt;\x8fS\xee\xf4W\x03\x95Jd\xc7%,\x14\xbft\x17X(\x1c\xe1\xd2uO\xa0\x93KI1H\xf5\x04c\x18\xa6\xe9\xfe\xee\xbf\x80\x9d3\x15\xdd\x83\x9b\xc4\xa0Fz\xd0\xd3\xbc\x02\xf4\xf2_\xd6Uk\x87\x1d\x1bz\x9a\x1e\x19\xf9\xf3\x99\xb5\xf4\xdc\xf9\x11\x9c[\x01\x94\x9f\xc1\xbe::\x91.g\x91`8\x08A\xadi\x9c\x81pCM\xaf\x97O\xbf\x19\xa8\x0clt\x00\x92\xb4\x85\xc2\xd2\xdd/\xa1\x1a\xf1\x13\xc5\x0b\x9e\xeey\x94\xbd\xb4$:A\x8aBS\x02K\xb4\xed\xff\xdc\x97\x18\x7f\x90G\xa3\x88T\xb89P\x0bw\x9a\xfc\xb2\x9eR[\xf7+\xe1\xf5\xdbS\xe7\x7fA6\xc1\x11b\xb1t?\xdapf\x1c\xcbM\xba\xb1\x8c3Y\xb9\xf1\n\xcdx\xb9\\\xcaf\xe3\xe5\xc6\xe2\xaf\xca\xb7_\x0fV\x06\xd9\x03\x97\x06\x17/\x88\xd7\x90Z\xc4\xe36\x82G\x10&lt;\xfcc\xc0E\xe3\x91\xa7`|\x91\x94\xb3\xcaX?\x95\xca\x07\x88\xc3\x13[\xa1z\xbe\xa2\x14xAQ\xf0,UK\xc9\xeev$\\y\xfdqj\xe4g\x9f\x91\xdf\x1b\x99\xeb\x9f\x9aZ\xeb\x9fM\x93\xd9\x93\x9f\x99$\'E\x88u\xf5\xea\'\xa8\xe1d&lt;\x8bf,\x7f\xff\xd5\xe0Peh\xaf\n\x12\xa8\xa1\xdb_tS\x0bEC^\x05yO\xe9\xe9\x85f@kQAP\xe1\xce\xb6\xab?\xe9?]\xc0\x9b\xf0(\xd2\xc0A\xca\x91}|\x9f\xae\xc8\x9aVPk\xf5\x84\xda\xba3\x1c\x1a|\xf3nj\xe4\xb3\xfe&lt;b\xab\x7fm\r\xcbs\x1a~\x07\xd1cl5\r\x18\xfe\xd2\x8d\xc5.U\xe9\xfa\xf5F\xf9\xf4\xd6ph\xec\xce\xbeK\xd3\xc9*\xe38"2t\x89p\x91\xa2\x89\x94\xa6+\x8a\xe2Q]\x83Q\x0cf\t\x11\x0c\x9f\xb2\xff=?\r\xcb\x13t\x801"\xb4\x82\xbeJ\xc2\x97\x05\xc4\x96_\xd0\x04\xa3V\xaf\xfb\xd6\xa14\x14\x1az\xfan\xee\xc2Z\xbe\xa7\xd5\x05\x92\x103\xa8\xde\xf2\xfc|\x03ZM_~\xf5\xaaLf$\x94k\x94\xff\xf2y%&lt;,\x1d\x18U:H\']\xd5\x11\x01@\xb0D\x8a\xd4\x8b\xef\xd9K\x10\xc8\x87a6\xadk}4\xa4\xf8\xafJ\x19\xba\xe3XH\x06\x87\xa1y\xc5\xd3\xf8\xa0\x92\x90}\x9fat\xd9\x975\xd77k\xc0^i\x87\xd9\xca\xbd\xd3\xd9\xfe)\xdc\xc8\x82:9\x97\xce\xcf"\xb5\xc0\xb5\x88\xe5\xf4\xd5|cq9\x9b\xc5\x88\x8c?.\x97o\x7f:\x18\t\x0f\xb7\x9b\x0c\xb4\xc1\x8e\xa5@\xae\xce\xc9\xd1#\x84\x15jA\x03\x84Q\xac\x02\xca\x03.\xf4)\x9a,Hu\xdde\xffh)\xc3\x12\n\xb0\x11\xb4\xf2x\x9a\xc2\xd7\xf2bPQ|_\xd3,C\x96\x1d\xdf\x17\xe4\x9a\x89\xa4o\x1d\x0fpC\xe1\x0f\xe9\t\xf2K6X\x95\xa7\xd2$\xe2Ij\x95QB\x08Tn,\x97\xb2q\x8c\xcaRi\xf9\xd9X\x98\x1bh\x7f\xc1\x88]\xb1\x14\x1e\xad\xd6\xd9m\x9fl5\xabx1\x86\x08\xd3ME\x8f\x04E\x92\xf0\xa0\xb8@\xeba\x9dCzz\xe4\xf3\xe8@b,Qt4\xec}\xa2\x96P&lt;E\xab\x1a\x86\xeb\xfbrBWR5U6\xcc\x83+!\xf6\xde\xfa\x87\xb7X\xb6\xa6\xc8\xdf\x86\xccb\xd3\xca\xc7\xb3YDB\xa9\\.\x11\xac\xc7\x93\xd8)\xe2\xa5\xd2\xd3\x85\x10;|\xe5\xc0\x12\x88]\xaa\x8e\x17d\x98\xea\xd1\xf1\xd9\xdc.\xc0,W`\xaa\xa8%E\x9a\x0byD\xb8\x82\xc1\xae\\`#\xd5\xab\xa9\x85\xee|\xf14\x07\xbe\xd2\x82\xa2\x83\xa0\xe2\xab&lt;\x89/\x8fw\xf7w\x8ed\x941\xa1$\x90\\\xaa\xb9\xb2#\x85\x17\xeeq\x7f\x7f;\x91\xee\x9f\xba\x88\r\x15E\x1c\x8fw=N\xd2\nT\xcb\xf1\xf1\xfc\xf8\xe4\xcd\xf8\x87h%\x14\x08\xec4\xdd\xaa\xc8\'\x93\xae\xe3\x89\xd5j\xb2\xf5\xfc\xecp%\xb7\xb1\xd3\xea\xb8V\xd3u\x19\xd2{\x9a\x83\x97\x15\x936B\t`|P\xa41\x92\x13\x02\xcf\xf3\x1e\x89\xdc\x02\xa93E\x0b2\xcf;\xa2h)\x02\x1a\xb8y\xb8\x9990eL\x1f\xd5W\xe5:\xe4\xda\xda\xe5\xa2R%t\xfan"?J.\xac\xf0\xe8&lt;\x12\xf1\xe5,\xa8\xa0\x186\x9d\xc9\x9b3\xef_\x8f\xc5"\xe1\x8dNS(\x90\xa6w}\x81\xe4\xe8a\xa6\xc2I\xe1\xb3\xe1\xcd\xf6\x8b?\xedw\\\xc3\xb5,\x86\xc1\xcb\x92\tLw\xf5\xe21\x8c\xfa\x0c\x1dT\x00*x\x980\xf0\x16ES\xbe\x851E\x0bJA\xd3\x13F\xeb\xce\xd8\x95CS\x10\x1c\xb5\x9ePj\xaa\x9a2\xcd\xadb\x85\x8eY\x00\x00\n\xb0IDAT\x8d\xe1@&amp;\xf4\xf5\xe9\xdb\x8b\xb3\x138]\x8c\x8eb-\xcd\xc6au\x82\x85\xac\xc7\xa6\x93\x9f\xc9\x7f|S\x89I\xa1\xe7G\x06~\x9a`\'\x05\xd7!\xbe\xb6w\xd80\xbb\x10\xe0"\xc3\x95Hn\xf3\xe1\xee\xf6a\xabiY\x16\x18\xd0\x03D8\xa4\x17\xae&gt;&lt;B*\x05R\xa1\x88\x8c\xc6\xd3\x8c\xec\xc3\x88\xb4\xa8\x17\x04JV;\x1b\xa1L\xee\xc5\x8a\x10\x14\xd4:\xa6".\xd3\xac\x1dmH\xc5\xe8\xad\xd8\xe9_/\xce\x12\xdb\xcf\xceb{\x88\x97H\xb2c\x10\xc6\xc9\x89c&lt;\x9f}V\x89H\xe1\xcd\x03\xc3\xc5\xcf\xa9b\x1ec\xae$\xeddu\x8f\x8d\xc4b\x81\x00\'\xb1,\x1b\x08q\x9c\xb4\xd9~rx\xb4bX.N\x0c\xc4\xf0P+H\xf5\x051\xca\x0b\xf0\x10V=\x81PQ\xb2\xe50\x1aE\xf3\xbeC\xf3\x89\xad\x17\xe1h\xb1\xb8\x0b\xd3:/S\xf5z\nW\xadf\x9aG\xed\x8a\xb4\x1ecO\xdfu\xf5J\x8f\x12.0\x81-\x9b\x9d\x19\x1d%s\xf2\xbb\xf5\x08\x17\x8al[\x16&amp;\x04\x16o\x1e\t\x01,\xba\xba\xc7\x85b\x0b,\xc7J\x12\x9b\x89\x06X\xfc/4\xcc\xde\xd9\xd89z\xd4dp\x8e!d\xe0\xea\xeb\rr\xaf\x1b\xa3\x8cc\xdb\x8a\xef0NP\xa4\xf0\xe8\x1a\x9d\x17\xb9P.\x17\xdd\xe80\x94\x93\xeaa\xd5k)\xc34[m\xa9\xb8.q\xe0\x9a\x00\xd5\xd4(\x06P\xf7\x084\x89\n\x12\xb3\xe5O\xd7cQ\x8e\xdd\xdb2|\xdf\xe1i\x1b\xc3\xc6\xaeV1b\x9a{\xa0\x8aI,\xec\t\xb2\x00KD\xe3\xb8\xe1\xc1\xc8\x9d\xdd}\x97\'D\xc4\xf3T\x1f\xbcN\xb2\x8ad\xadW\xa0\x93\x8c"8&lt;o\xd3n\xcah\xb6\xb6\xdb\x81J4\x97\x93\x8e\x8f\x1c\xc6O\xa9\x80\x82\xb7j\xb5T\xdd\xac\xb5\x1e\xa2\xb8l\xec\xbbw\xab\x90\x0be\xc4v:NV\xe7\xde\x89q\xf6\x03\xb4\xe4B\xbb[\xa6\xaa:\xbe\xd8\xa5\xb2I\x16\x00K\x8a\xc5\x08\x16\xd4\x8a\xc58\x98\x8cc\xb9\x00\x1b\r\x0c\x9e}\xd2\x14x\x86h\x85\xab\xaf\x80\\G\xfd\xb0\x17\x0b\n,P\xf0\x14\x06C\xddJ\xb9\'O\x9es\x91H\xa4\x98+J\xf7OdG\x06R\x02\\\xc0\xaa\xc3_f\xeb8\x90\x89F\xa3\xcf\xfe\xf6`\xb5k\xaf\xd1|\x1a\xe73r\xec_]]}\xff\xf9-)S\xd9\xe8\x98\x86ZGO\x93\x99BFsP(4\x9fDzXpV\xd7c \xc3\x1d4\x8b\xbcp-\xc1a\xe0k\xdc\xfa\x04\xc1\xd2uG((\xba.&amp;\x19_+\xa0\x94\xd6\xca\xa3\x9dv1&lt;\xc6eB\xb1L\x91`!\x1c\xcc.\x16\xf1\x16\xe42\x0cs\xff8P,\x16\xa3o~\x00\x179\xc9\xce\xe2\xd8\x08\xa2\x07\xab\x0f\x1e\xbc\x7f\x1d\x8a\xb2\xa1\xe3\x96\xa9\xd61\xbd\xb0\xe4\x92m\x05}\x86\x17lng\x16b\x01\x14\x8e\xe5"16\xc6u\x9fp \x8d\r\xef5\x11I\x05]\x01\x01\x03,B\x05\xc3\xeb\x02\xd61\xa5\xe0\t\x96\xdb\xd9i\x07\x86\x16n\x85\xa2RH*f\xa4\x85\xcd\x134a\xcaH%\xe4\x1eW\xca4\xcc\x9aA\xf4\xca\x15\xd9O?\xbe]\x05\xd1\x8fL\x0f\x1e\xfc\xf0[hu\xeba\xcbH\xc9\xaa\xec0d]\xa1{\x93\x99\xe1\xddm\x89`q\x11\xa8E\\\xc5\x92:\x06\xf04\x16\xde}\x84\xf8r\xb0R\xa0x}\xc4Z\n\xc6\xb3\xc6\xdb\xb6\xaf\xeb\x96\xb2r\xb4s\xcc\x8e\xe1\xeb\x16X\x89\x0b\x17s\xd1\xd8\xd8\xfd}3%+\x89\xc4?z0{\xd7F\xb2,\x8aK\xaeO\xeb\xbd*\xe9\xe1r}\xbe\x16%\n\xba5\xbc\x12=LX \xa8\x7fA\xc1\x04\xc5\x08\x1c)\\\x16\xbc\x91\xa2\x8d\x1d\xf4&amp;\x9a\xce\xdc+\xe7\xb6\xc1\x9b\x08\x0b9\x91A\xc2\x1ah\x83\xd14L\xc3\x04\x03\xb3\xc1\xc0\xce&amp;\xcd\xc6\xc3\x9e[\xee\xe9B\x92\x8d1\xd4\xaf\xee=\xef\x9c{\x959N\xdf\xc7 \xe1Rj\x0b\xe8^\x16ei\xfc\xe3\x8f_\xde\xbe\xfd\xea\x1b\xa2\xa2\xeb\xd3\xef\x17\x1e\x93\xf1\xf5G\x81\xf1?w^\xb5\xea\xe1\xae\xd5$)[\xed\xe9\x15t\x0e\x8ag,\xad\xc6\xd2\xd0N\xd3\x0c\xd7\x970P\xab\xdd\xc5\x8dx\x03L\x9d\xce\x90\xc3d_v\xb18\x8b\xd5\xd5#\x1b\xf4$\t\xd3\x80\xf3\x15\xa5\xf4p\x0bP9N\xe6:\x1c\xaeu\xea\x9e\x92I\xe0\xba}gz\xe8\xb1\xfc\xf9\xd7\xb7\xdf~\xf5\xdd\x17\xaa\x1e\x93\xe1\xe3F\xf4]dV:\xa4\x9d\x80\xf6r\x8b\x1c\xb3\x9d&gt;\x14Z-,\xd2\x16\xa9\x8a\xe4E?\x81\x05\xc9\xdbP&lt;\xb5\xaf\xe1\x10\x16\xd6\x1c\xebe\x95\xa5b\xb6\xbda\x03\x93I\t\'\xd6X2P\x85\xea\x85\xe6\xc5N\xa0\xa4\x08E\x9eaF\xed\xc3Xq\x16\xd1\xc8\xafoq\xae\x94*\x8d\x1f\xfe\xf3\xf6\xbboj\xaeO\xbf\xcf\xf1\x97\xc1\xe3G\xe1"\xad8\xf2\x0bX\xb4\xd4\x81\xa9\xd5nZ\xe9B\x99u\xa9\xc0\x02,@%\t}\x1a\xbd\xf8\xae\x02\x16\x1a\x8d\xc8I\x1bNg\x08\xb9[\xed\x83\x17\x18\x13V\xeb\x89\tW\x91J\x92\xe5\xb18,\x95\x19{l\xbeu\xf1O\x0e\xb5\x11\xda\xda\xd7^\x7f\xe2\xbb\x00[\xdd\x17\x89,\xd5\xf9_~\xfb\xa5\xc6\xfa\xf4\xdb\x9c)\xc3[\x9e\x05`\xca8\xc2\xde\xae\xcb\xd4\xa6\xa4\x03V+\xd8]\x84$s*\x11\xae\xc4|\xae\x178\x07wU\xb7\xc6BB\xea\r\x18\xc3\xb0cw\x9b/\xbbx\xbc\xb3G\r\xedC\xb1\xa4F\x878f\xa51\x8a\x98\xba\xd8\xba\xb5\x14Q-p\xed\xb1\x03\xa1\x8f~?\x87\xaf\xce\xb6\xf3\xc4P\xa5\xf9\xfd\x7f\xff]S\xfddH\x99\xdc\x9c\xf9\xfe\x9es\x0cC8HXW\x9e\xb1\xa0\xac\x96\x95\xee\xe6\xe3\xf1\xb8\xae\x936\xa6:iu\xc9P\xba\xe8\xdd\xaan\xe2\x9fXC\x07\xc3\xd6\x8b\x8aJ\xb0Y\xf6\x14\xec\xb9T\xd4|\x16\xc6e\x99\x1c\x0fd1_\xe0\x16\x0e\xdex\xe1\xda\x9f\x82\xcc?A3}!\xc4\xf6\x06"\x94\xc6\xf9\x0f\xff\xfb\xf6\xd7?\x94&amp;=\xe3\xeeV\x88\x93=\x94\xd5\x19b$&amp;\xaa\xba\x850o4q;\x7f\x03\xd9\xd6:O\x9e\xb1\x9e\xb9z\x83\xbbK[Oa\xa74\xc84\xbam\x87c\xbb\xad\xdc\xfe\xa9\x8b3?&gt;\x97\xc8*\xc6\x98\xc9\xccH+\xd9\xe0X+\xe5\xe4\xc1u\xba \xe2T\x81L\xe0\x01 \xae\xbe \xddS@\xde\x19\xb1\x94\xe6\xf8\xaf?\xff\xf8w\xc3\x88\xcb\xa7KW\x88S\xee\xeey\x1b\xea\xb0\xeb\xe651\xac`F\xc5z\xfa0\t{\xe7\xf5\t\xa4\xa46\xeab\xd1\x89D\x13\xa70,,\x1aX\xd4\xacF\x1b\xa3\x83=D\xe4e\xdc\xf5oo\xbcs%\x15T)M6\x88$\x0b\x8f\xa3\xb2\xec\x15\xdb&gt;\xe6\xad~\x9f\xb4\x857fB4\xd1\xc5\xcd\xfd&gt;\x05\xe4\xea\xe1z\x84\xa4{C\x8ft|\xbd\x9d\xe1\xacr\xccfA\xb7\xdd\xc1,\x05,0\xc1\xe8\xc9S\xab\xe9\xa2\x88\xc7\xbd\xe4\x0b\x96\x07\xafH\xc8\xbf\x80\xb5\xd2\xf1\x0c\x08\xc6\xd4n5\xc8\xc28\xb7\xf3~`g\x18cBx\x83R\t\xba\xc2\x8e\x93R;&gt;\xf2\n\x19^oj,Qc9\xc2\xb1\x83\xcfS\x0e\xba\xe8S#7\xef\x98\xe9\x9d\xa3d\xc9\xcdf\x86j\x82\xbb\xeb\xe4\x96\xd5\xb1\x9bT-\x8cI\xb4\x18R0N\x9f\x920\xd4&lt;OK\xe8e\x9a\x9e\xc9\xb4\xc4H\xf0\x19\xad/1\xea\x1fL[\xc0B\xf8t\xb2=Om\xd7\xb5a\x01\x97k\x0f\xb5\x92,A\xc0{\x03U\xc6G\x91!\xc7\xcfX\xb0v7#\xd1\xf3\xa1\xd5\x05</t>
        </is>
      </c>
      <c r="M279" s="3" t="n">
        <v>45492.67630787037</v>
      </c>
    </row>
    <row r="280">
      <c r="A280" t="n">
        <v>874964</v>
      </c>
      <c r="B280" t="n">
        <v>1974</v>
      </c>
      <c r="C280" t="inlineStr">
        <is>
          <t>Robert Rojas</t>
        </is>
      </c>
      <c r="D280" t="inlineStr">
        <is>
          <t>R. Rojas</t>
        </is>
      </c>
      <c r="E280" t="inlineStr">
        <is>
          <t>ZAG</t>
        </is>
      </c>
      <c r="F280" t="inlineStr">
        <is>
          <t>ZAG</t>
        </is>
      </c>
      <c r="G280" t="inlineStr">
        <is>
          <t>ZAG/LD</t>
        </is>
      </c>
      <c r="H280" t="n">
        <v>176</v>
      </c>
      <c r="I280" t="n">
        <v>32</v>
      </c>
      <c r="J280" s="2" t="n">
        <v>35184</v>
      </c>
      <c r="K280" t="inlineStr">
        <is>
          <t>Right</t>
        </is>
      </c>
      <c r="L280" t="inlineStr">
        <is>
          <t>b'\x89PNG\r\n\x1a\n\x00\x00\x00\rIHDR\x00\x00\x00\x96\x00\x00\x00\x96\x08\x03\x00\x00\x00\x0b\xdf\x81\xd0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1a0b281-fb1c-4b89-8dd8-5b5a5f63fc2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5[l\xd5\x00\x00\x00\tpHYs\x00\x00\x0e\xc4\x00\x00\x0e\xc4\x01\x95+\x0e\x1b\x00\x00\x03\x00PLTE\xff\xff\xff\xf7\xf7\xf9\xff\xfe\xfe\xf7\xf8\xfa\xfb\xfb\xfe\x05\x05\x05\x07\x07\x08\x00\x00\x00\xf9\xfa\xfd\x03\x02\x02\xfa\xfa\xfb\xf5\xf5\xf8\xf6\xf6\xf9\xf3\xf4\xf7\x13\x16\x1d\x10\x12\x19\xf1\xf2\xf6\x16\x19!\xfd\xfd\xfd\t\t\x0b\xf8\xf9\xfb\xcf\x97\x85\xd1\x99\x87\xd9\xa2\x91\xfb\xfb\xfc\xc7\x8c}\xcd\x94\x84\x0e\x10\x14\x1a\x1d%\xd7\x9f\x8e\xcd\x93\x81\xc9\x8f~\xc3\x89y\xca\x91\x80\xee\xef\xf4\x1d )\xd3\x9a\x89 #-\xacqd\xc0\x86w\r\r\x0e\xbe\x83s\xeb\xec\xf1),5\xda\xa5\x93\x14\x14\x15\xdd\xa8\x96#&amp;/\xd1\x92\x82+/9\xbd\x80o\xb9}n\xc3\x8b}\xa2k^&amp;)2\xe0\xab\x9a\xd6\x9c\x8b\xaewj\xa9l]\xc7\x88x\xc7\x86s\xcf\x8f|\xba\x80s\xd2\x9b\x8b\xd3\x95\x83\xcc\x8cz\xd3\x9e\x8e\x9ch[\xcb\x8aw/3=\xd5\x98\x88\xa1gY\xc1\x85t\xe0\xa7\x99\r\x05\x04\x9dbU\xe4\xe8\xe6\xc4\x90\x82\xafte\xd0\x95\x89\xea\xb2\xa8\xed\xee\xec\xb5\x7fs\xb3{o\xe3\xad\x9f\xbc\x89|\xa8ob\xe8\xea\xec48C\xc7\x94\x86\n\x0c\x10\x16\n\x08\x1a\x1b\x1c\x8f\\Q\xde\xa4\x94\x9cob\xcc\x8d\x80\xa7vhhB&lt;\xd1\x91~\xb5yj\xe0\xe1\xe0\xe6\xb0\xa4:&gt;I\xf5\xf5\xf4\xf2\xf1\xf0\xbf\x8d\x80\xd5\x98\x8e\xae}o\x8fb[\x8eSF\xd9\xa1\x99\xba\x84x\x96bU\xcf\x9e\x97\xb5ud\xa7}w\xdf\xe1\xe5\xda\x9c\x8d\xa7hX\x97\\P\x85WO\xb0jY\xdf\x9f\x90\xb3tj0\x14\x10s@6\xa5bT\xa2rd\xca\x8f\x84Z96oGD\xdc\xa6\xa0\xbbvc\xd7\xd9\xdc\x95g[\xd4\xa1\x93\xc4\x7fo\x84J?\xc6\x97\x91\x97kb\xe5\xa8\x9c\xd6\x93\x88\x9d_OC\x1f\x18\xb0o_e5-\xe4\xe5\xea\xa9\x84|\xd7\x9c\x93\xb6o^\xc2|i\xe8\xab\xa0\x90XK\x1f\x0e\x0b:\x1c\x18\xb5\x87{DGO\x86RF}WT\xe2\xa2\x96o:/\xc9\xcb\xce\xef\xbd\xb8\xec\xb7\xaf\xd3\xa4\x9e{D8\xc5\x80wT)#\xe3\xb1\xae!#"\xcc\x96\x89\xaa\xad\xaf\xbdzg\xcd\x9a\x8d\xf2\xc6\xc2\x8egc\x9d\x9f\x9e`ee\xc3\xc3\xc8\xa8ym\x9arn}J&gt;\x88\\U\xd1\x8a\x82|QJ\xd1\xd2\xd5\xbc\x8f\x8a\x95niL.+\xafYc\x8bL=\xbc\xbc\xc0\xa1tlnqz\x8faU\xf2\xdf\xdb_&gt;?KNY\xec\xe6\xe5\xa0\xa2\xa9\x8b\x8f\x94RUS\xdd\xab\xa8\xcc\x85}\x99WI\xb4\xb6\xb7\x85_\\\xbc\x98\x913\x1e\x1cV[aqOM\xe4\xca\xc6\x9fyt\xb5\x8a\x84y~~\xb5clW3,\'\x14\x12\xae\x88\x83465\xc6\x9d\x97\x83\x86\x89\xdf}\x94?(\'\xd4\xbe\xbc\xd0z\x8a\xce\x82rM!\x1d\xd8\xca\xcb\xc9o|\x92\x95\x9d\xbeun\xc1sx\xe3\xd6\xd6kpp?C@\xce\xb2\xab^($\xf8\xec\xe5\xf0\xd6\xcf\xe1\x93\xa5\xa3\x8c\x85\xc1\x81\x82\x83=;}2%\xae\x92\x8b\x9aFG\xd5\x8d\x98\xe7\x9e\xb1\xa4RZ\xdc\x9c\xa4\xe7\xc0\xb8\xc0dq\xbf\xa5\xa3yek\xc1\nNd\x00\x00 \x00IDATx\xda\xc4\x98\xefOSY\x1a\xc7\xa1\x9bso./\xf6E\xafH\x9d\x1b\xd0M\x8c^"\x17Y*\xbf[\x96"YJ\xa9\x8c(\xca\xb8\xbd\xc3f\xd0\x12J\x96"`\x02t\xa7\xed\x84Z\x84\xea\x86B\x9c\x12\xda\x11\x072\xd3@-dZ\x1c\x8c\x8e\x06f&amp;$R\x03\x06\x88\x12kC&amp;\x19\x92y\x01\xf1o\xd8\xe7\x9cR\x98\xd9\xec\xbb\x16=iIoo\xb5\x9f|\x9f\xef\xf9\x9e\xe7iRR\x1cK\x82\x9f\x12\xf2J"\x91\xa5\xc8$IR\xa9$\xe9\x83/\x89D;\xab%\xaf\x0e\xfd\xa9y6\xe0\xefK\x96\x1e2\xd4\x1bd\xd2\x0fK\x95\xa4\xdd\x0c\xae\x18j\xf5\xf5}\xfe\x95@(\xffTpevi;\xb8\xbd\xf1\xdb\x84\xb66Y\x12\xd3\xf3\xbd\xaf\xe6\xc0\xe9\x9d\xa5\xc0F(\xb4\xe3;\xe5\xe3(F\xdc\x89\x08\x0cM\tbd\xe7\xde\x86\x7fE\x9f"\x95|\x00\xaef\x7f\x84=\x15\x8a\x08,\xa2x\x96gY\x96\xe78\x96\xa1\x19x\xd2\xb4\xe0\xf3\x85\x02\xfa\x94\xf7j)ir\xb3\xc1\xa0\x0fD\x10\xe2\x01\x87\xe39A\x14Y\x96\xc2x\x0c\xa2X\xc4\n&lt;\x03/|k\xcf\x9f\xd4\xbe/\xa3I\x93\x93\xb5\x0b\x81\xc0R0\x9fB\x88\xa1(\xc0A\x88\xa2\x10\x80\xf0\x02K\xb1,\xc3\xf0&lt;b\xc4\xd3\x02\x8d\xc4\xc8\xf6J\xad\xe4\xfdP=\tl\x87N\xfbD\xa8\x1dE\xa0p\xcd\x10\x8fh\x86\x12}\x80G\xd3\xac\xc8Q&lt;\xe8\x077\x18*\xb2\xd1\'I:P\x8fId\xf89\xb1\xed\x83B\x01\x06\x02$\xac\x0b\x03\x0f\xb8F\x14\xbcA\xfd\x03\xf0\xc4O\x04\x81C\xbc\x8f\xa7\x19\xb8\xe3\x0b\xaehe\x07\x1c\tI)\xb3!\x01\x04\xe2\xf0\x1fL\x07fB\xd8N\x0c\xe8\x86\xed\xceb\xbb\x83\xd1\x18$\xfe\x95\xa3\xa1\xca\xbc\xc0\xef\xac\x1c\xa8\xf5\x93\xeb\r\xb5\xfe\x1d\x8ee\xc1\xeaPB\x96\xe2\x05\x01\xc4\xa1i\x1e\nFQ\xb8f\x98\x8c\x02\x8dh\xc8\t\x8e\x01A\xf16\x15\xb6\xf5\x07(\x95a\xc1?\xb1\x99\x0f\xbb\x0c{\x9c\xc1\xf2\xb0&lt;\x05\xe2\xd0\x8c r\xfc\xae\xeb\x19\xb8\x8f\xdf\x03\xa1\x00\r2\x0co\x07q\xe3\xc0\xb8dZ\xffZ(\xe8C\x02\xc1\x02A0\x1c\x01\xc0\xa5\x83\r\x08vb@\x1dp\x1bfb\xf0M\x16&lt;\x06\xb7\x11\x127\r\x07\x92\xf8\xd2\xe6\xbe\x955Q\x14\xc0\xc2\xb0\xfb\x08\x0e)U\x14\x0b\xbb\x8b\xe5p2p,\x8a\x9a\x8d\xc75E\x1cKt\xa3\xd8\xd3\x81\xe6\x83\xc02&lt;\xf1\xaf\t\x82\x0fP\xf0\xb7\xc6xbT\xc0\x80\xc8-\xc0\x02\xc5H\x8e\x91\xcf\x90\xec\xc0WT\xc4\xdf\x9cx\xaa\x94\x89@P\xa4x\x1e[\x9aB\xf4\xff,&amp;\xca\x00\t\x81-\x8e?\x83\xa8=)\xf1\x05\xdc\xe0B\x0b\xb2\xa4D\xe7\x97~\t\\\x05j\x90\xda\xd1\xff\x7f\x91\xe2a%\x19\xe2?j\xef\xc3\x14\x87CM\x08\xeaq[\x96\xd0d\x98\x08\xee\x88\xfb\xdf\xbf\xff\x8a!Y\xbaK\x05z\xe1K\x10O\x10\x05\xd8\xa74\xd9\xb0\x10a\x10np\xc3\xb7\xa4\x95&amp;\xd8\xef\xfa\x9f|\x02\xfa\x1dK\xd4J\x1a\x1dY\x1aX\x0c\xf3\x07\x15\x19\\N\xc8Z\xf0?\'\xb0$h\x19&gt;\x12\xa8oN$X\xb2\x16\x0e\x9chD\xedi\x84\x18\x8dFg\xf6x\x9cN\xa7\xc7lvc6\xe6\x0f\xfb\x93b9\x11\x1f\x94\xc4Y\xb8\x9f\xa0 \xed\r\x87\x12\x98\xa3O\x02\x1b;\xd0\x1b\xc4\xb0\x10\x85\xf5\xd1\xe8\xc2\x9eI\x8b\xd71\xef\xf0\x8e\x0f\xbfs\x02\x99\xce\x1d6{\x9ca"\x1dV\x13R\x8b\xdd\xb7\xbd\xc0\xb1|P/M\x98\\\x92\xfa\x95\x85M\x1f\xa9\xc4\xeew@\xf1\xdcn\x80\x1a\x9f\x1f\xb4\x9a\x8a\xbb\xac\xcbF\xa3q\xfc\x9d\xd39&lt;\xe70:\xc6\'\x01\xd1\x8d\xd1(\xde\'2{5\xe5a\x17\x88\x81\xe4\x04\x86\x83\xdf\xbf\x06{i/\xae4a\xa8\x9csr\xdc1hru\xda;]C]]\xa6\xa1A\xa3\xd7\xd2]\xdc\xd5e\x1d\\\x9e\xf7\x02#\x06\xa3\xfe,D\x9b\x1b\x88\x96\xe8\xd1\x1e\xd2\'$\xece0di\x03\x9b\xf7\x04b\xf1\xa8y4\xe6\xc9qX\xdee\x93\xcb&gt;m\xc7kzzd\xba\xcbd\x1d\xb5\xda]&amp;\x93\xcbe\xb2\x02\x9b\xc5\xa9\xc3\xa7\x12\xee\xa2\x11n\xa9\xb1\xc3(\xe4{nH\xc8A\x98|\xa8ya3\xc4\xefA\xd1\x8c\x0e\xa8\xbc\xf3\x8e\xf9e\x93}z$\xba\x14\n\xc5\x80}\xba\xd3j\xed\x9cv\xc1\xbb.\xe0\x1d\xb2\xceOj@\'\x12\xaf$b\xc9\x05\x17\x84\xa1-\x01zId\xfa\xc0\x86\xb8\x9f\xa1\x98j\xd82\xbf\xbcl\x1d\x02\xa8\x01\xc5\xc0\xaf\xbf*\x06\x14*U\xc9\xc0\xc0\xb4\xbd\xcb4\xe2r\x8d\x8c\xd8M\xf6\x91NS\x97\xd1\x0c \xa4\xf2\xd8\x00`M\xec\xaf|\x7f\xb2,!e\xec\x0b\x84\xd8\x18\x16D\x95{k\xdc\xe2\x18\x1d,\xee\x94\xab\xd5\x8a\x92\n\x95R\xa5\xac\xa8P\xa9*J\xb0bC\x9d\xd3\xf6\x91\x91\xe9\xe9\x01\x80t\rn\xe94\xe2\xee\xa1\x8eg\x11\xdc\xe2\xb3\xfc\x9a61\xfbpv[`b5DH\xe7\x19\xf6\xce\x19\xbb+\xaf\xc93\x8f\x9d,)\xa9P*\x95W\x95JU\x85\xaa\xa2B\xa9R\xd8M&amp;\xd3\x90}\xa4DU\x01\x8c\x83\xc3f\xb7\xc8\xfe\xeeX`\x04\x81\xa2\xc5@B\x0e \x99?\x82bG\x0cCi\xc2\x93\x16\x87c\xb4\xfa\x84\\^\xaa\x06\xb9\x00G\xa5$K\x85%S\x8ct\xdas\x15\xaa\x9c\x1cU\x89:\xb3\xd81\xe9qk\xa2\x8dW\x14\x8b\xc7\x87c0\x11\xa6O1l\xf0$x\x08\x16B\xe17^\x87\xb1;\xef\xf3k\xf2\xdc\xdc\\\xb5\x02DR)\xaf\xc2Rb\xa8\x8a\n\x85B\x99\x93\x93S\x06X%%\'F-\x93\x1eH\x7f\x16\xed\x1fI,OGf\x13\x90\x11)}\xf7h\x02\x14m\xd4Qxxn\xac\xbb\xfa\xf2E9\xc6\x1aP\x10\xa8\xb2\xb2\x9c\xabJ,\x16P)@\xbc\x9c\x9c\x0c%\xa8\xd59\xea\x18v\x9a5\xb8\xf3\xdf\xfd\xd7dn\x13\x96\xe2\x9f7$R\xbf/\x8a\x85;\x03p&lt;X\xcb\xd8^y\xa2\x14c\x81\xe51U\x06`d`\xa90\x15\xb6?(\xa7R\xe4\xe6\xca\x07\x1d\x96\xc9\xad\xb0\x0e\xe2\x1d\xdaS\xc8\xd4hw\x8dB}q\xcb%m\xdef\xa3-^t\x1c\xd49\xc7\xe7\x00\xab\xa6\xb4477\x13\xa0222\xca\xca\x0e\x1f?~&lt;\x15\xd7\x11\x98\xaeB\x053\xc0i\x8a\x01\xb5z\xc8\xe8\x1d\x9e\xdc2C\x8f\x11k\xfcy\x01\xdc\x95\xff\xbc9\xee\xd4\xaa\x0fQh\xbf\xb3Bn\x8c\xd5]Y#\xcf\xcc\xcc&lt;v4#\xa7\xec\xef\x85\xe9iYY\xd9\xd9YYi\xe9\x85\xc0\x97^X\x98\x9e\x9e^\x98\x8a\xcd\xa5\xbe\xd6\xed}7\t\xc7\x90[\x13\xf3&lt;\xcf\n\x94\xb8\xa9\x8f\xf3\xbc\x96$\xe9\xef!j\x17\x0b\x8e\x0f\r\xc1\x1a\xac,\x92\xabO\xaa\x8f\xfc%\xf5xz: e\x17\xd4\x15d\x93\xd5\xd0@\x1eiY\xe9eW3\x8e\x96\xa8\xe5\xc5\xcb\xde\xf1-\xe8\xc8b\xcd\x0e\x1e\xbcQ0~\xac\xbe\x10\xc5\xecu\xe4\xac\xc6\r\xad\x8c\xb1\xfa\xf2\xe7\xf2L\xb5\xfa\xd8\xd1\xc3\x85iY\x05U@UW\x97\xdd\x90]U\xd5P\x05\xab\xa0\xa0 ;+\xad\xf0pj\xc61u\xae\xbc\xd348\xef\xd4\xe1S\x1a\x11\xb5\xf0\x00\xbe\xf3$ns\xd5o\xf0\xb1\xcd\r\xfd\x13`y\xe7F\xab/\x9f\xa8\xb9Xz\xf2\xcc\xd1\xd4\xf2\xb4\xac*,VS\x1d\xe0\x10\xa4:\xbc\xaa\xa0\xa0\xc7\x0f\x7ftD\x9d\t\\C\xd6\xf1U\r\xc3\x8a\xd0\xde3\x1c\x07\x938\x93\x806"\xd9/\xd2\xb1\xdd-\xf848\x1f&gt;\xad\xce\xcb\xcb\xfb\xec\xc2W\x97Z\xae\xcc\x94\xf7\xb7\x11\xac&amp;\x80\xf9\xfa\xdf_\xd7\x9d?\xdf\xd445\xd5t\xf3\xcb\xfe\xf2\xc3\xa9GOf\xc2~\x1c\xea\x9a\x7f\x13\x86\x81_\x14E\x16\xe1\xdf*h8\x7f\xe2\xc5\x92\xcd\x9e\xda\xc3\xe2|\x1a\xf38\x84i{\xfb\xcf\xadw\x9e\xbezu\xf7\xed\xdd\xd7\xb7;\xda\xda\xdan\xd6\xd5\x15T\x81H\xff\x99\xfa\xe6\x9b\xa9\xa9\xa9\x17/n~\xfb\xed\xcc\xed\xdb-\xd7K\xe5\xa5\xf2\x9a\xe2\xee\xe10\xcc\xfc\x1c\x8c\x1d4\x19C"\x13I\xd2x\x1b\x9b\x85\x08\xc1\xc2\x11\xc1\xf2\x1a\xa7wnl\xf4\xb1\xcd\xb6\xbe\x0e\x8f\xf5\xc5\xc5\xfbOo\xbc\xfe\xe16\x96\xac\xaa\xa0\xa9\xe9&lt;(\xf5\xa2\xa3\xe3\xf6\x0f\xaf\xdf\xbe\xbd\xf1\xea\xd5\xf77\x1e~Qt\xb1\xa6\xd8\xea5\xe3\x1fx\xf00@FH\xdfB\x9cX\x12Y\xcaD(\xba\x13\xf1\xe0\xce\xe8\xc0Zs\xb6\xde\xde\xc5\xc5g\xbf\xfc\xb2\xba\x1a\x0e\xaf&gt;[\\\x7fz\xb7\xe5Jy\x03\xd8\xbd\xeef[[\xc7\xeb\xef\xbf{y\xdf\xb6\x08\x9fY\x7f\xf9\xf4\xbbG\xadg\xf3\xf2*G\xb7x\xf2\x1b\\t\xf2F\xf9\x0b\xf1\x16QrH\x1f\xf5&lt;\xfc\x8f\xd0\x00\x87\x87\xbd\x16\xf8\xc2\xc6\xc6E\xdb\xe3\xc7\x8d\xbd\xcf\x9c\x9eU\xcf\x9b\xfb?^\xb8\xf4QZC\xda\x97\xe5\x0fZ.}u\xc7\xf6\xcc\xb3j\x0e\x87=\xcf\x16m\xf7_&gt;j\xedyt6opX\x87\x7f\xc6a\x88^\x88\xba7\x11\xbf\xb7\xb4\x1b\x02\x91\x9e\x8c`\x1e\x8b\xad\xb1\xd7\xb6~\xff\xe5\x8f-3WZ\xfeu\xb6g\x0e.{Z\xbf\xb8p\xe6\xe3\x8f\xffV\xfe\xe0R\xd1\xc3\x87\xed\xb6\xde7\xbd\x8d\x8d\xb6GwZ\x1f\xb5\xde\xba\xf3\xcf[=\x9f\x9e\xadv\x84\x11\x8bG4\x86d\xeaF\xdc\xbf\xdeHRj\x7f\x13!\x051\x16\x055\xb4X\xf07&gt;&lt;\xd7\xd1\xd1\xdf\xdf?s\xeezQ\xe5\xe8\xd8\xd8X{\xcd\xf5#GR\xcbg\xce\xd4\xe4]&gt;\xdb\x0ee;q\xe1\x1cl\xd2\xf2+\xd7\x8b.?\xbc\xd5\xf3s\xbb\xd1I\x8e.\xd2\xe20| n\xb1$\xd2\xa4\xe7"\xcd\xb2$\xe5\x19\xf7\x1b\x8bm\xae\xa7\xbd\xe8\xd2LG\xc7\xcc\xcc\x83+\xe7\xce\x94\xc2&gt;\x1b3V\xd7\x94B\xb6\xf6\xcf\x1c\xeb,..\xfe/\xab\xe6\xff\x93v~\xc7q\xaf\x89\x1a\xfb\xabi\xd9\xc7\x85\x8aI\x03%g\x1d\xe1\xcb\xea\x07\x91\xe2l@\xca\x81\x1c\x88[C\xa1\x80\x8c\\\xc5)\x1c\t\xa0 \x88_f$\x07\x08\x89\xa8\xb0Y\x1c(Z\xe75k\xee\x14\x97\xa0\xbb\xd9f7\xab\x97\xb0krJ\xba\x86\xab\xa6\xd1\xa5g{Qcc\xaf\xe9^\x1f\xbc\xdb?\xb0\xcf;\xf9\x90\xf0\x0b&lt;\xf2|\xbd\xdf\xaf\xf7\xeb\xf9z}\xc8\x12\t\x83\x84\xa5\x8e\xa9)\x00\x97\xa3\xdaU\x95y&lt;t\xbd8_I`\xfb\xe1\xe6\x97\xff\x7fes\xa6\x00\x12\x17\xfc\x1c\xd6\x86)\xe9\x9et-\xa8\xea\xc9\x8c\xd6\x1b\xa6\xcf\xbe\xf8\xe2\xd6\xadz\x95\xca.\x08Lx\xedl\x06\x89WM&lt;\xcf\xb1\x04\x83l\x1b\xbbY\x82\xa2m2\x93\xe2\xc6\xa7sb\n\x175w\xaa\xec\x0b\xdd\xc5\x85\xa5?:\xba\xbb\x7f\xc6\x03\xebowO\xefi\xf0\x87\xc3@%`\x91\xe5\xf2z\xd5\xe2\x1d]o\xef\xd7w\x96\xfa\xa6\xbd.\xd7J@RS]I\xa0\r\r\x84\xd9\xf6\x15\xef\xc2\xc2\xd2\xd2\xd2\xea\'\x83\xe6z\x94J\xa12$"\xfb8&amp;W!V\xd5\x00\xd9\xdd\xaf\xf0\xc0\xfa\xd3\x93S\xa9J \x86\x13f\x81\x80M\x16,\x84\xb6rw\x7fyY\xf9$\xf7\xb0O\xb7\xbf\xb3?\xbd\x11\xac!VU\xd6\x82\x15\x0bxC;3\xbd\xe9L6\x97\xee\xd5-,\x8c\xb3\xa1\x8c\x05.{{\x142\x0c\xe6\x16K\x8aq\xb8\x12\xe1\x07\xfe\x9a\xcf\xa7\x98\xe9\xc9\xba\xec\x02\x81\x80\xa5\n\rg3/n\xbe\x7f\xb9\xe87O\xde\xf5mE\xa3!\xefF\xb0\x96XU\xc5\x1b\xed\xearO\xeftw\xe7\x9e\xbc_r\xf3\xee\xcd\\z\xcb\xe5\xb51\xa8\xf4\xa0@\x14p)\x8b\x7f~\xda\xf4\xba\xff!\x1e\x9d\xf8\xdf\xbe(\xfe\xc9MO\x070\xaa\xadne$\xb7\x96\xcbF\x94\x99\xb5/?Ow\xcfL\xaf\x04,\x17\x88\xea*\xfehW\x98=\xb1?\xb3\xf5n\xed\x17\xc5\x97/\xbf\x7f?\x97\xddq\x8d7\xd3\x1b\xe8\x16\x9b\xa8}\xb88\xef\x1aK0,\x1c\xd4\xfa\xf5\xda\x8f\x95Md\xd8\x1b\x10\x99U\xae\x9da0\xb0}}}\xbaP\xdf\xe2\xe7\x9d\xa1\x9d\xd0B\xbb\xdbRKT\x130\xb5\xd8\xed\xd3}\x0f\xbf~\x18\x8dd\xbb\x1f\xbe\xeb\xcd*\xa3.\xbb\x84\x9e\xd7\x0bvWQ\xfe0\xae}\x80G\x1f\xe2g\x7f\xb9|*V441\xde&gt;\xb1\x00\x97\xa2\x80,\x97\xc9\xe4l\xd82\'\xed\x93;\xe0\xb1\x01\xab\xb2\x8a\xc0\x1b\x1a\xe8\xb2\xd9\x0fC\xc0=\xe9\xea\\\\\xec\x9c\x9e\x9c\xd9\xd9\xf7\x8a$\xf3\xf3\x16\x9bm!\x82mz\xc8\xa8\x7f\xc4\xa3=\x02\x95\xe0\xe9\xe6\x8a\x84\xbc\x13\xed\xe3\xaa\xfaf\x96\x80%\x91\xeb\x9d\xce \xec$\xb7\xdb\x0b5E\xc0=O\xab\xbc\xa2\xe6qF\x07\xc26\xac\x80\xdf\x87\xd8\xc9L&amp;\xbd\x04C\x0f\x88\xba,\x16\x81M\x95\xc1\x1a\x96\x97pR\xebL\xc1\x07/\xf2\x9e\xba\xdb\x05y\xb3\x07\xe5\x9a\xb8r\xbd$\x18\xb4X\xc2\xe1\x81\xd1\xa1]\xc18\xd6\x8f\xe0\xf0\xab\xae\x10\x00k~`\x00\xf2\xeb\xe1\xe1\x8a\x08\xd2\x88\xde\xa9\x87s\x08\x95\x8d-\x08j\x99s\x85\xc5\xf9\xbe\xcd\xdf\xcf\xe2\xd1\x1b)\xf8\xf0~&gt;\x9bF!z,\x19\x93\xc9D\x98\x94\x86\x86\xa1\xe4\x10\xac$\x85\xc1\x16\xb0\x83zz\x1d\xd1\xd0D\xe0\xb7\x00\xd7\xe8\x10UN\x86\x9c\xeadP\xc0\xb2\x91\xca\xcb\x11R\x83&gt;\xd8e\xb3\xd9s\xf9\xe1ci\xe9\xd3\x02\\\xb0n\x7f\x83\x15$\xc5i\xb8\xfb\xda\x14b\x12RQ^\xae\xd1hh\xf0 $J\x83^\xa2\xa73\xe8uj\xa9Tm\xe5\xf3Z\xc0+"\x08\xe2\xa1p\xa9\xc9\x9a\x8a\xf2\x8a\xb2s\xb0\xca\xa9z\xb6[\x00XX\xe3\xa6\xf4\xd2S|\xc6,\xb7\xff\x99QB&gt;\xddZ\x98\xb8eR0\x91\x8a2&gt;,?\xbf\xb1\xb1\x91\xcf\xe7\xd5H\x82\x0c\xae\x9eNkJ$\x9a\xac\xd5\xd5\x00F\xa3\x955\x1a\x7fu\xb5\xd1\xe3);Wv\xfe\xeaU0\x91\xe5t\x8b@dNc\xb3*p&gt;\xdf\xe02\xc5;\xf3\xde\xb7K\xc3\x10\xc6\xf4\xf4D\x0f`\x95\xf1\xadP[Y\xad|\xa3U\xadvp\xdcn2\x97\xcb\xd0\xa8\xa5\x89\xb8\xc1\xc1\xe3\xf1y\xb5-|\xab\x1a\xf3\x1bj\x02\x81\x80yF\x02\xd8\xa0\x0b\x0c\x81Y\x94\x06(\xf0\xbf\x91\xfb\xb7qQ\xeb\xecw+;\xd7\x8bK\xa2.\x95V\xa1\xf04\x12\xa0\x0e\xf5\xf9\x84\xb1\x98\xcf\x17\xab\xdb8\x0e2(TR\x87T*\x8d\'b\x80E\x03?\xbd\xcdS\x83\xe9\x00\xdb\x01NH]\x05\xfe\x8c@\xa4\xb0\xcd\xe64l\x85K3+[k\xf8$\x88\xdb\x8a#\xac\x0f\x1a\xd1\r\xb6)Z\xe7F\xd4\xbe\xb1\xb11)&lt;c\xb1\x96\x8dC[RS\x86x\x1e\xc5A\xad{\x06\xab\xb5\x9aG\xab\x1b\r\x0f\xd4Y}\x060A&gt;\xcc\x12a\xb6\x91X.\xa9WaAL\xbb\x8f\'\xff\xf5{\\\xb0^\xea\x8f&amp;\xa3%\x80U\xdffj\x9d\xeb\xe8\x1f\x83\x7f\x04,\x9f\xcf\xef&gt;Zah\x8cF\x0f\xd2\x01\xdf\x13\xf7\x9a\x1c1\xa1\xc3\xea_\xdf\r\x0fl\xfbc\x86\x84\xd4\xe7K$\x12\x06\xc3\x15\x02\xf1\x1c]\xa0\xca\x15\x15*U\xf3\xc7\xae\xa7\xf8\xf4\x03\x1f\x04\x8f\xdc\xaelID\xc7j\x93)\xe6\xfa1\xa8&lt;\x96\xd5=9\xd9\x9e\\G\xb8\xa8\xcc\x13\xc3bj\xb5\xc2\x87\xcf\x91\x1a\nw\x859\xbc\x18\x845\x11\x87%m\xaa\xbcx\x9e\xc2\x1a\xcf\x15\x16e\x82\xa3]\x1b_\x9d\xc5ed\xf0\xc0}di\x1f.\xcc\xeaX(j\x9a\xeb\x07\x01\xb0\x10\xfa\x1cz(\xb46\x9c\xf6P4\xda\xdb\xec\xf1\xfb\x8d\xfeu\x99\x8c9"\x8c\xa5F\xe7\xc3\x98^c\xf1\xf8=X\xf1DSU\xf59R\xb3*WX\xda;\xdf\xb2=\xff\x18\x9f1\xd9+\xdb\x91E\xb0\xa5\xcc\xea\xeaY\xcd\\\xc0\x8a\xc7\x13\xbeX\xcc\xe1\xb7y7ll\xf6\xe1ptfr\x9c\xec\x84\x8c.r\xcd\xcc\xb8\x9c\xa9\xd4\xfa:\xd6pN\xc5\x12\xff\xc3\xba\x98\xc7**\xd5\x8d\xb6lo?&gt;\x83W\x10\xf5\x16W7\x86\xc5\xe2z\xfa\xe3\xf7\xe2\x06\x1fP\xad[\x82d\xa7\\.\xf2z\xed`\x05Ev\xb7\x9c\xcbn\x0f\xed\x1f\xee\x1a\x85#\x9a\xb0\xbb+\xf9\x13\x96\xf4J\xe5\xc5\x0b\xa4\xe6\xce\xcc\xf5\xa2%N-`\xe13\xf6\xf9\x8fe\xa5\xc1\xb22\x1c\xe9\xc5\xd4\x02\xacxb\x0c\xb0h\xc9$$y\x93\x9c\xccb\xc1\xad,wZv=\x1d\xc6\xa4\xd3\x16DF\x84\x1d\xc6\xa1\x8d\x8d]\x07v:_\x9dbU\x90z\x962\xd7\x95\xab&lt;\xfc\xb0^2\xdd\x88%\x90V\xa6\xc1j\xc9\xc4\x1d\xb3q)\xc4\xd0ZC)\xf7x&lt;\n9JF\xe5b1\xa9\x8e\x96\xf2\xf7\xf7\x7f,\xa6P\x902\xe3\x88\xd1\xef&lt;\x0e\xfb}\xd28\x16CC\x15\x11\xee\x1f\x96.{=\xd3\xech\xd9\xbe\xf6\n\x9f\x17En\xff[\xdf\x10\x0c\xea\x94\x99\t\xc0b\x1a\x1f\xcd\x1ab\x0e\x87\x9fBa*L&amp;\x19J&amp;\xa3&amp;f\x03\x9dS{Mc\x9c\x9a\xfa\x94Ib"\x8dF\xe3H\xa3\xb3+\x15\x1bK`\xe7\x10\xee\xcar\x92|\xf0aV\xd9\xcbQ\xf3\xb7\t\x0f\xf0\xc1\xfahJ\xef\x0eX\xcc\x99\xcc\x92\x19\xb0\x1a;\x9a\x841\x87\x95ijU\xc8P\x14\x95`\xad.Fp`\x88\xc3\xa9Ij&gt;\x9ec2\xc5L\x04d\x9c\x13\x93-\x98\\\t\x83\x90x\xb1\x0cl\xd9j:\x9b\x19\xe7\t\x1d\xb5?|\x84\x0f\xd6{\xdf\xb1W\x0e%\x8c\xadt\x1e\xcbc\x14\n\x1d\x0e\x1e\x17\xb0@)\xb2\xc4)\xe7\x1e$wG\xb12g(5\xd2X\x83h\xa0\x82@(\xcc\x1b2\xfb\xae\xc3ghrX\xab\xf9\x15T\xb9v5\x17\xd9\xb2\xd4V[\xf98m-\xb8\x13\xd9+GnR\xa7ni\x95%3!\x17\t\x0e\xab\x15\xe1\xb6\x82\xd3\'C^\xe0\x1e\x1c\xecm\xee\xee\x0emo\xaf\xfb\xdf\xbc\x19I\xad\xa7RX\xc5C\x12\x8b\xeb7\xd6\x1d\xc2\x18T;4D\x86j\x173\x99U\xceh-\xaf\xea%^\xd3\xd7o\x9b\xc9\x81\x80\\\xbb\xd4\xb9Z\x8f\xca(4\xbe\xd5\xca\xa3(n\x88eh\xb3\x88\xe5\xdc;8\xd8\\\x86\xb5\xf9\xf6\xf9\xb37o^?;\xd8Kjh\xb5\x08S\xac\xf8\xc3D\x97\x1f\xce\x06MSCE\xb5=\xbf\xdb\xea\xe3r\x06Zh\xb38\xbd\x9ct\xa6\xe01KO\xd5\xeb\xd1\xce;\xab\x83=r*\xc2\xb7:x\x10\xa4V\xb9\xc0{\xbc\x9cGZ&gt;\xe5z\xfb\x0c\xa3\xda\xdc\xdct&amp;5\xe5L\x93b0\x90\x8a\xa9\xf9\xb55T\x06\xaa\xd5~\xd2\xa9E\xae\xb5\xd0\xca\x1e\xe3%V\xc1?\xda\xc8\x14\x12C\xb2\xda\xb9:x\x0b\x95\x91\xf8\x8eX5S,V\xb0\xa6\x0fO\x96O0\xa0\xcd\xb7\xc9\xbd\xb7\xcf\x9f\xef=\xc7\x98\x80\xf4\xc4\xed$1M\xf2\xcf\xec5&gt;\x07\xbf\xae\x81\xcam\xd3jo\xf54\xd4\xf1\xd5us\xb8\xc5\x102D3\x97B\x97\xd4/\x02\x96\x16%\x9d\x176\x11\xc5\xe2V\xb9+tx|\xb2\x9cz=;\xfb\xfd\xec\xbd\xd9\xef\x1f\xfd0\xfb\xe6\xf5\xeb\xe7{\xbb\xcb\'\xc7\x87^\x11j2\x99\x04\x80\xc5\xab\xa1R\xa9\x18\x16z\x8dO\xa8\xd6L\xfd\x97\x97s\x7fi3\xcd\xe2\xb8\xb6\xbf\x94\xec\x0cH\xf1\xd2\xf7\x05s\x11I\x88\x14\x91\\0\x17\'\xb1II"\xb9in\x12\x96\xdcj*\xd6\xc4\xaail\x153\x90\xd4\xd0\xb8ct\xd85B]\x82\xc2\x0c\xe2H\xd8\xd4\xd2\x88mu\x87\x86D\xfcAY\x05kp\x08\xa5T\xa62\x16:\xc6v\xc6m\xab3\xecy^\xbb\xf3\x07l\x93=I\x04\xf1\x97\x0f\xdf\xf3}\xce{\x0e\xcf\x89\xf9\xdb\xb49\xff\x82/b0\xd9\x08\xcb\xef\xe03\xf0&amp;\x83\xd5\xac\xe6h~\xfe\xf1\xe7_\xff\xfd\xf6\xde\\.}/}\x90\xce\xa5\x0f\x0e\xee\xe5rs\xdf\xce\xed~\xff\x0b\xfciJ\xcfQ\xfb\x1a\xef\x0e\xb650\x99\x0c\xb7\xc3\xefg\xb7\rZe\xf8\xd3\xfc-\x1c\x14\xad.\xf5`\x14\xcc\x9fJ\x85\x12\t\x87\x08o\xbak\x90\x989\x8c\xaf\xbe\xfc\xf3\x95\xb7\x9e\xdcI\xee \xf7\x11+w\x90&gt;\xc9\xdd\x9b;\xde\xf9\xee\xef?\xca\xb1\x80\x1ak\xba+\xbb$\x84\xba\xabs\xf8\x1d\x94\xc1\xc1\xdar\xcfj\x1e\xd73H/:\xb5Z\x8c\x9b\nI\x01KO\xab0\xb4\xd7\xc6\x028\xfbo_No\xce\x9c\x9c&lt;M?M\xa7\xd3\xb9\\:\xfd\xf4\xde\xc9\xdc\xdc\xf1\xdc\xda\xc8\xd0wR;\x8ek+\x9aG\x1b/\xc3\xa1\xec\x04,&gt;\xfcb-\x7fQ\x9cG\xac\xa2\x96\xd7f\x0e?\xbc\x18\n;\xdc\x0e&gt;G\xd6\xd4\\/\xc6qL\xf0\xcbW;\xfb\xeb\xef\xde\x1d\x1f\x1e\xbe\x7f\x7f\x0c\x9f\xf7\x87\x87\xcf\x9f\xef\xee\xee\xef|`\x8fi\xb5\xd5\x95\x86f+\x99\xc2Q\xc7\x10\x96\x9f\xd3\xdc&lt;:\x9c\xcb\xebF\xd2\x99\x83\x17\xaf_\xfek\xa3W\xeaw;\x12\x0c\xdc\xdan\x90h\xb5\x01\xc6_?|\xf8\xb0\xb3\xb7\xfb\xfcc\x00\x18@\xed\xfd\xf6\xfd\xceC\x1e\xccl\xbc\xfaf\x83\x8cBS\x9b\xe3\x9dn\xbfmaI\xdc&gt;:w\xad(\xbfQ\xdcQtu9d\xb3\xb9\xdd\t\x1d\xa5\xb2\xbeV\x0cc"\xe6\x14@}\xd8\xdb=\xfc\x83\xea\xfd\xee\xde\xdeo;?\xcd&gt;\x94\xdd\x94\xc9*\xeb\r\x954\nP\x99;\x13\xfe\xd4\x9b\xd5\x17k\'\xe9\xbco\x12C\x9dx\x13\xb2\xf9\xdd\x10\x8c\xf2\x8a\xe1@@\xeb\xd22}&gt;\xdf\xce\xfe.(\x04\xb1\xbb\xfb\xee\xf0\xdd\xee\xde\xfe\xfeO\xb3\xebc0\xc7\xd6\xf1j+p\xccl\x8e\xc5\xd5\xc6Dx\xfeIQ\xc7AG\xfe\xf7\x9b\xa1\x93\xf8=l\xb39\x00KG)+\xa7QbbI@\xa4g\x8b\xdeB\x97\xbc\xbf\xbf7\xbb\xbe\xfe\xee\xf8\xd8\xe5\xd2\xda\x85\x97d\x83\x15\xbcF\x9cWQN\xa1\x98!:{\x12\xa1\xed\xc2mx\xbe\xb6\xd9l\xfe\x84[\x0f\x0f Z@\x1d\x88\x89\xb5\x98H\xc4\xc0\x02\xda\x80}\xbdN\xabuM\x04\xd7\x82\xdd\xae:\xbbl\xd0j\xe5\x95UWHhTZ\xcc\xcc\x81\x0e\x08r\xd8Q(\xac\xa2\x97I?\x92K\xcf\xe7\x8b\xa0\xabR\x9b\xc1^\x01\xe8\xaf\x02\x01\xe8e\x02(&amp;\x82\xdd\xdd\x13.\xd7Mk\xad\x95W-\x11\xe3T\x06\r\x89\x15u\xdbRG\x85\xc2:S\xf4\xca\x8b\xb0\xf8n\xb7\x86\x0e\xdd\x96Q\xad\xd5\xc6\xc4\x13\x92X\xc0&gt;;;+bP\xa9vW0\xd8\xd4d\xb5\x0eZk+$\x928\x8e)\xa8\x80\xa5\x06\xacP\xe8wR\xc1\xb0V#6[\xd8\xefp@K\xea\x8eFuF\x1c\x12\xd7\x1d\x0cv\x8f\xad\x03\xd7\xba}lp\xb4\xb9\xd90\x8a.\x86/J\xe2\x08\x8bJAX\xc6h\xc2"}}\xa1`X-oBad/\xbf\xc9\xe4pG\xddQ\xb3X\xacu\x05\rM7Q\xef7FP5\xdf545\x19\xea\x87\xe3\xf1x\x8c\x86aD\x0e\x8d:\x9b\xc5_@\xac\xd5H\naq\xb9R\xae?\xe1\xf5F\xd5q\t\xae\x057\x8d!(\x84\xd5\xde~w\xd4\xd0n0\xd4Jb\xf1\x18\x85\x8a\xd1p\x1c\xe50\x11\xeaM\xbc&lt;_@\xac\xc5.\xe0\x92B\xf8\x93I/\xba\xac\xc6\xb5\x95.\xed\x18\x0ccc0\xed4\x05\r\xf5\xe8^\xbf{\x18]SA\xe3L#\xa8t\xb6^\xa9\xeeUQ\x01\xb1\x06\x06&gt;r\xd9\x92\xdb\x80e4\x9acp\x1c\xc7\xc6\x1e\x8e\xb9&amp;&amp;&amp;\x82\x10\xdd\xc3\x00\x05T\xe6\xceN*\x1cVu\xa71\x9a\xb4qM\xee\x82bMN\x01W8\x14\x92\x86m\xdb\x90\xc5h\xb4\xd3\xac\x0e\xc0\xb4\xea\x9a\xe8FXP\xb6\x86=\x1e\xcf\xb3\x91\x91\x91%\x80V\xab\x11U\xc2\xe6\xa7\xd3\xa3W\x0b\x89e\xe9\x9f\x1a\x98\x07\xac\x10\xc8\xe5\xf5F2\x99%s\xa7:&gt;1\xe1\x02\x87u\x07\xd7\xe6\xd6f&lt;\x08+&gt;2\x92\x01d\x14Q\xaf\xcd\x0f\'7\xb3ZT\xc0\x938\xa9\xec\x1fXD\\\xe1\xf0\xc2\xb67\x92]Z2\x8f\x8c\xc4=\x13\xdd\x10kh\xd5`f\xc6\xf3\x0cbs\t\xb0\x8c\x9d\xa0\x95\xd7f\xd3\xeb\t\xac3\x85\xc4RZ\xc0_\xf3]]\xf3\xcb\xc0\x95]\xda\x1c\xf1\x80@\xddP\xdd\x83kkH\xad\x99\x19D\x95\xc9F"\x90E\xd0jA\xcag;}\x9aLK!\xb1\xae+\x95\xfd\x96\xa9\x81\x8d\xae\xc5E\x00\xdb\x8ed3\x8053\x13\x9c\x81\xaa\nX\x88j\x06i\x95\x8dd#\xe0\xbc\xa8w9\xaca2\x9d&gt;z\xa4\x80\xde\xbavt])\x97\xcb\xfb\xa7\x1eMOOol\xcc\x83^ \xd8\x08!\x98g\x06\x8e! y\x9em&gt;\xdb&lt;:\x02\xb5 \xb6\xc3a\x07\xb3A\xc1bk\xb2\x05\xf4\xd65PK\xce\x15\xc8\xfb\x1f\r\x9dr-//,x3\xc8_\xc0\xe6\x19!bsi\xf3(\x0bT^\xaf7\x19\x0e\xd1Y\n\xa1P\xc1\xba\xb1Y\xc0$"\xb5n\t\x04r\xa5\x85\xd0\x0b\xc8\xa6\x11\x19\x80\xfd\x11\x99L6s\n\xb5\x9d\\\x00\xad\xd8\r\xc2\xcb\x97\x1bX\x9a\xcdk\x05\xc5\xfa\xfa\x96\x00^\xca\xc9\x81\xc5E\xc0\xda\xda\x02\xcd6\x08\xf7\xa3 h \x16\xe0\x9dL&amp;\xc36\x07[\x81\xf6e\x1bX\xf4Bc\xc9\x05\x02\x94FK\xaa\xabk\x03\xb0\xb6\xd0\x16\xd0\x7f\xe9\xe6A\xbby\xf4c\x01\xde\xc9\xa4\xdf\xc1f\n\x89-\xd9\xff\x0b\x96\x80.P\xf6\xf6vA,N?\x1aZY\xb9}\x1a+\x08\x0f\x12\x0b\xe2!\xad`\xfe\xd63\x85\x97.\xa1\xbd\xe2\x02\'1;\xd5\x0f\xe62\xd1\x05ry/\xc8\xd5\x15\xeaZ|4te\xe5\xf6\x0f\xffD\xf1\xc3\xed\x95\xa1\xad\x8d\xf90\x82J@W\xa6cR)mh\xb3\xb8\xe1\x1f\x08\xabpU&gt;r\xbd\x1f\xe4\xa2\x9b\xb8\xd0\xdb\xa4R\xa9\xae\x10\xe2\xda\x1a\x02\xaeS\xbd\x86\xb6\xa0\xc5XN&amp;`\xf6\xe6\xf3\xf5=\x1c\n\xb9\xad\xae\xad\r\x92X\xc8rz\xe6\xd5\xc2uP\xcbD\xa7\x9bL\x02\x90\x0b\xf9k~q\x80\xd0k\xe5\n\xc4\xd0#\xd4`$\x13\xee\x04\x1f2(\xa2\x92\x1b\x1b\x1b\x89\x8d]\x96&amp;R\xb0\x87Oi\xcb\xe3\xe5\xc9\xfe\xaf\x05@E\x874*{-\x16\xe4/\xc0\x1a\xbaB\xc4\x10\x81\x05Tn\x98B\xf4"\x0e\x86\xcb\xca\x01\xab\xedr\xc3_4\xde\xc7\x1d\x85iO/\xa8\xc6\xbf\x99\x9f\xecW\n\x04&amp;\xa4\x97\x1c\xaa\xd7@\xaa+\x85\xd4"\xb8\x10T*\xe4O$t==:\x9dN\x04}|Yu5\xc8\xf5\xc5\xe5\x06\x05`\xb5\xaa\xae\xe5\x9f\xec|\x87j\xbc\xf5I\x8a\xc0\xa2\xd35\x1a\x8dI\x00\xf6\xb2\xf4\xa6R\x03\x03S(\x06,))\x17Z|]\x0f4\x87="&amp;\x15\xa3\xe0&lt;^\xb5\xac\xb1\x11\xbc\xa5\xb8\x91xPU\xd5z\xb5\xb5\xa3\xf8L^\xa1ZT\xe3U\xe3\xf7-\xfd\xa7\x05\x82\xae\x81\x16\xca\xc4\x95JC\xbd\xbd\x96\xfe^xPrAA\xbe\xd3\tP\x1cc\x8f\x91\xca\x00*ZuEE%`\xd1\x84\rL\xa7\xe3\xe8Ni\xf1\x9f\xaaT\xaa\x96\x92|IF\xaaR\xf5\xa9jj\xaa\xee,X\x94J9\xd8\x1d\xa8\x9c\xc0\x85\xce#\xa0q\x05t\x9f\x0f-\xaa3\x19\x0c\x0eE\xcd1\x1a1\x0e\xbah/#n\xa9eu\x14\x8c\xcat\xf2\x97\xef\x7fVz\x81TZ\xa2R\xb5\xe6g\x90=\xabz\xdcWU\x03\xafo6&amp;\x95\xf2[\xe8\x8a\xc0\xc9f\xeb\x9d|\x13*\x14\\\xae\xc9\x07D\n\xaa\xf0\x92\x9dL\xc6i4\x18\xb7i\x80E.\xaf\xbcH\xac_\x93\xd1"\x04[\x97\xbcO*--%\x91\xce\x9d\xadQ\xe5\x83\xabCu\xa7\xaf\x8a\x88\x07\x1b\x90.\xc4\xc4\x82\t\x9a\xca\xd0\xf1Q\x01\x03\xff\xb3\x99T!F!7\xcad\xbcJ\xb1\x16\x0f\x00\x08F\xec\x15[/V\xf2\xcai\x14\xaa\x82%\xd2e\x1f\x9c#\x9d\x03,\x12\tq}\xb2\xc3:\xfa\xfa\xee\xb4\x12b\xd5&lt;\x99W*o\xd1\x9d\xf0\xa0\x03\x08\x9c\xc6\x11\x11\x97v&amp;\xbaS!\xc4\xec\xf6\xba:\x19\x8f\xc0\xc2q\x1a\x15\xc3\xab\x01\x0b\xc4\xaa.\xc7)T&amp;\x8b\xa5\xcb\xbe\x04\xadJ\x91`\x9f}^\xa3*\xf9D\xaeb\x15`\xd5\x80\xb1\xaa\x10\x16\x9c\xb5\x1b\xe8[\x05 Fu\x19\x8d\xd3\xa3\x07(\x9f\xd3\xc7\x9e\x15\xa25\x12\xb4\xb5\xa1\xc5\xc9d\x1a\x0c\xf9e&lt;0\x16Z\xb8.#\x83\xb5XL\x11\xc2"\xb8HgKJ\xfa\xfa&gt;\xe1D\x9e\xbf\xd0\xa1\xba\xda7\xde\xd7Ws\x9aD\x02\xcb\x87\x16\xf8\x854\xbc\\\\\x8e\x83^|\xe4v\x11\x15\xb3\xd7\xc1\x0c[\x87\xbe\xfd\x10\xb0\xdb\xc1\xee&lt;\xa4U\x05\x8f\xc7\xc3\x91\xe3E\x0cQ\xe6*\xa1\x15DqI\xc9\xe3;`|\xd2\xff\xf4\xdf,\xce\x17\xb7\xf4\x01TM\xcdxM\xc9\xe7%%%\xe0\xad0\xd4\x01\rK\xc1T`d\xbcL,\x11\xd3\xa8\xff\xa1\xdc\xfa^\xdbH\xaf\xa8&amp;#\x96a~H3\xce\xccX?F\x925\x1a\xc5xd&lt;\x9eD\x1dgY\x12\xa5j\xb5\r\xac7\xc6\xddMg\xe2\'\x17"\x14w\xa1\ra\xf5\xd0\x7f\xc0\x08\xd27=\xab\x0f\x86\x90\x87\x84e\x13S\xda\xba}0\xea"\xdb\x10\xbc\xc1\xa4\x9b\x87\x12\x83)\xc6\xe0\xe0\x97\xfc\x01\xa1\xe7~\xa3\xec\x96\xd2\x96\xdd\x9bX\xb1D4s\xe6\xdcs\xcf\xbd\x9f4\xdf\xd5O&gt;\x01\xaa\x99\xeb\x0f?xF_Q\xffii\xbeX\x06(\xb3\xc9\xf4\x8e(\x18\xa4\xad\x99\xe9\xbb\xcf]1N\xa2.\xab\xcaz\xdfv\xc3pq\xf9\x0e7\xf1\x83\x9d\xaa\xdd\xed\x86\xaa\xa4(\xb6"#\x14\xdb\xde\xf8\x1d\xd8\xba}\xf1:L\xa9l\x98\x8dF\xf3Q}\xfa*b\x06@\x1f&gt;\xfc\'P\xad\xce\xe7rE\xa3\xd1h\xb0\x9d\x10\x93ss\xb3\x05\xb3X.M\xcfL\xdf&lt;SX\x1d\x02\x96dK]WWH\x16\xb0\xb1\xb5\x1f\xf0\x89\xf8\xc4Z\xd8\xee\xf7]\x89\xe3\x14E\x96d\x9e\xe79\xc5V\xb7\xbe\xfc\x88`\xcd\xd0\xddO9\xd3q\x9a\x8d\x12\n\x12n5U\xcf~\xf0\xf0\xe1\xb3g\xab\xabE\x08\xdel4\xe9\xc6\x9a\x85\x85\xd9\xb9\xb9I\xc0*\x95\xea\xd3\xd3\xdf\x1c\xf3\xcc\x1ft\x9dW\x145TD\xc5\xb5)\x07a\x1b\x9c}?\x83\x15\xd7\x16\xdb\x8b(=\x02\xa3J\x9c\xc41A\xd8R\x1b\xda\xbap\xe3\x12`e\xb3E\xc3\xbc\\h\x1a\xd9\xa9if\xe8e\xbau\xea\xca\xea\xaaa\x18\xa6\xd9(LN\xce}\xfa\xe9\x02m\x1bi:\xc5l);=\xfd|g\x8c\nG\x92TE\xcf(\xa1-#\x15\x92\x0c\xe7\x0f\xd7&amp;\xbe\x87O-\xb6\xfb\x90\x92\n\x8ep=r\x0cK\xb6]\xb9\xff\xe5G\x17n@\xf2p\xadl\x0e\xe7o4\x1d\x03g\xacCME#W\x9c\x9f_-\x19&amp;R\xd8, }\x0b\x0b\xf8\x99+4\x00+[\x9f\xbey\xa4\xea\xcc\xb4HZ2\x11\xa7\xa8\xbc\xce\x03\x97\xc2\x89R\x88d\xfe_\xc6\xce-\xb7\x17!s\xe4]\xe1x^\x02*\x99\x939&amp;\x08[r\xdf\xfc\xed\xc6\x8d\xdb\x10\x17\xf8)\x92\xb8L\xd3\xc9MQ\n\xcbE\xc3\x98\xbf\xf6\xa1\x99\x8b\xd1\x12\xacY\xb6S\xa4p\xd9\x80_d\xa7\xff\xd2\xd6yR&lt;pI2\x03\'3\x908\x83\x82\xa6$/C\xff\xe2\xff\x9a\xc8D&amp;\xf30tmU\x82\x08\xf0\x1e\t\xb089\x86\xa5*\xfb\xbf\xbdt\xfb6m\xb5\xcb\xc6{i\x1c\xd3\xc8\xd51\xc0\xb0\xe2s\x1c\xd8\x81I9l\xb2=6\x0cU\x01\xbe\x05\xd3\xbfy\xa4\xc4V\n$&lt;a\xe391C!"!\x84+\xa9\xaf\x85\x8b!\x7f\xee\xbf}\xdf\x14\x02\x94\xeb\x12*\x05\t\x8cQI\x90\xbd\xc43X\xb6\xb0\xf5\xf5\x85K\x04\xeb\xfa\xd4T\xa9\x88\xd37\x9b\xa6Q\xceB\xe5t\xab]\xa3\x00X\r\x13\xbfL\xce\xce\xb1O\xdf&amp;gi\xff\x8aQ.g_\xedP\xdf\xd1\x01E\xe0)\x83\xc0\x06H,\x90Tp \x8e\x81\xfd\xa7a\x88\x1c\x81B\x97\x81K!\xf9&lt;\xc0\x90\xae\x00\x0b\xe2"\x8c`Kv\xdf\xfc\xfa\x12paT\xa0\xcf\x1f\xe1\\\x85\x06rT.R\xf55\x00\x0b\xb5I\x9a/0e\x91o\x15\x9a\x8e\x83\xa6x\xebX\x8f1\x08\x82N\xb0p\xbc\xf1\x0b"\x11\x86\x12\xe0E!3!\xaaH%\'~\xc7\x13L\xaa\x8d1OU\xdd&gt;\\\x8a\x83\xac`T\n\xd2\'\xf1\x82\xc0\xc1!8\x96Da\xf3\xcf\xbf\x98\xb9x\t\xfeIt\x01\x00Rf\x10\xb0\xf2-\x18F\xf3\xb2\x89\x0eh\x18\xce\xecB\xbc\x03\xa9\x00\xa3\x80\xfer\x1f\x1f\xdd\x19SC\xaaJ\x9e\x139\xee\x1d*1\x133&amp;\xd3\x0b\x99\xa4x\x07\xa3\xa2\xca\xd1\r\xa0w\xd6\x96\x17\xdb\xeb\xfd0\xb4%\xc5v\x81\x85\x02,!\x14.\xe9nm?~\xbc\xce`\xd9\x8a\xee\xbe\xf9\xfd\xc5\x99\x99\xab\xf4\x19|\xa9\xcc\xee\x924\x1d\xc3\xc8A\xd4u\x9a\x90\xe9\xaeI\x87\xed\xdeB\x11\xc6\xb8\x1c\xd3\xbcu\xb6\x9c\x1c\x83\x10\x94\xcd\xc7\x9b]\xe5\\\x86\xe7\xf81Y,\x99B\\\xa6x\n\xff \xc3\xb8\x93\x00O\xa8&lt;\xd7\x96`\xe4jL\x14\x83\x04\x8bP\xba\xdb{\x07\x91W\xdb\x83\xa7\xa2\xf9\xa8\xd2\xc4\xf1\xd7?\x83\x81\xceP\x16Y5:\r\xc7\xa0\x91\xa1\x84Zt\xa8\n\x10\x17&lt;\xd3\x00\x00\x08:IDAT\x0blS\x19\xdb\xea\xd6+\xf4@\x96\xf3\xe8U\xfb\x1dWzr\xe3\xa05x\xbd\xbb\xd1\xd7\x13\x13\xa2&gt;\x86\xc5\x80e\x18\x93\xec\x05\x9d\x86\xd8\x04aB\xd7\xe3d\xb2NH\n\x16\x07\x1f\xa6\xd6\xb0\xb5;\x8c4+\xa8\x05OC\x99^Q`\xado\xffx\x15\x9eM\xb8X\x1a)\x8b\xe8\x8f9b\xce\xa4jD9N\xce\xb1\x1dx\x93M\xd4\x04L\xe4\xd5\xa9 \xc6\x13\xa0(\xda\x87-\xdf\xf7\xa3\xd1\xcb\xdd\xed\x8d&gt;\x97\x89_e\xc0\x04\xa8\x99\xe3\xa9(\xa01\x98@\x82\x86\x162MTj\x8c\x87\xba\xb2m\xf77\xf7\x0e\xfc\x8a\x95\xd2*5\xaf\xb3-\xa9\x0c\x96\xac\xef\xbc\xf9\xc9\x14Y;\xf3\xf6\x9cIi\xc3$ClQ\xcc;\xa6\xc3&amp;\x1a4\xea^\x93\xa2q\xff\x98\x17\xe3\x16\x8d\\\xed\x0f|\x82\x85\x18\x1d\x0c\x0f\xf7\xfbz&amp;fH\x14b\xed\xf01_I\x91O\xa01)\x12\xe5\xc8\x1d\x07\x92\xe7n&lt;\x19\x8e\x82J\xadU\xf3\xb4t:\x9dz\xcdl\x1fl\xc9\xfa\xe9\xdf\x7fT\xafO\xc5k\x084lb\x0b\xcd\x18\x86Z.\x95\x88?\x07]\x1a\xb0z\xbd\x1e\xd8*4\xef\x1fs\x991,=\xb3\xfe\xb4\xe6\xd7\xfcV\xa73\x18\x0c\xa2j\xd0\x19\xeen\x84&lt;)\x1d\x88\xf4w\xe3X\\\x9e\tL-v\x8c&amp;\x9e\xaa\xdc\xee\xc6\xeep\xe0[Z\xb5R\t|\xbf\xe6Y\x96\xd6\xd9Wc\xf4\xb8\xa0\xe3\xbf^\xc8\xd6\xa7\x80\xacL\xd6\x80\xd4ah\xc0\xaf\xe5\xd2\x95\xd2\x95"\x14\x06Th\xd4\xc4U\x83\xb8\x92\x92\xe2\xbb\x1cJ\'\x91\xef\x07\xb5V\xd4\x19\r:-\xe0\x8b:\x07\xfb.\xecg\x9c=!3\xf6\\\xfc\x9e`\x88`i\x92\xbb\xbe\xf9\xf8\xe4\xe5\xeb\xa7\xa3N\x90^\x01E\x1a\xa2\xe2\xe1\xfa\x02\xaf6\xec\x13,\x85`qG\x7fx\xbfN7\\cy\nU\xc5Y,Q\xac2\xb1\x15\x80j\xb2\xc7R\xf8\xe8\xd5\xb1$\xc4\xb6\x80\x106G~\xcb\x0f\xfc\xa8\xd3\xe9D\x0cU\x14\xed\xad\xd3\xd8\x84\nC\x9f\x8c\x8d6\x0eb\x8b:\x8c\xe0n\x0f\x07\x91_M!g\xf9\x95\x95\x95\xf3\x88\x95|&gt;\x0fmU\xbdj\xb5\xb3\x8f2\xa5wS\xa5\x1e}\xfe\xfe\xd4\xc7\xf5z\x89\xcc=\x87\xbeH#\x15\xd8\xfaq\x89\xc8c9\xec\xcd\x12\xae\xfboO\xf9\xb8\x08a\x00\xbc\xd0\x1d\xb6\xa2\x16Q\xd4!\xdd\xd7(\x97\'a\x06pX\x81\x91D\xa8\xb7P\x0b\x90e&gt;\xc1,W\xdd\xda\xebX\xa9T*\x9dOkx\xc8\xe7\x81\xeb=\x16+i\xcb\xb2*\xd5a\x97\x08\x95\xe8\xad\xbat\xfc\x8f_\xde-\xd32\x83*\xd1\xa1y\x1d\xb2Z\xfd)I\x8b\x1c\x02\xa8~3\xdb{t\xffh\x87\xd5\xbd\x80%\x8f\xa8g\xec\x13p\xd4\x82\xac:Q\xe01X\xa3\'}@@\xad\x91&lt;p\xc1\x18z8`\xe4\'\x92\x92\x94\x90y\xc9\xddz2\xaaZ\x15\n\xab\xa2\xa5SDY\x8a\x91\x06\xda\xf2@\xabi\xb5\'6%\x91\x8d\x84\xbc\xbe\xf3\xf6\xf3\x9fO\x95\xa9\x17\x02U\xdc\xf7r\xab\xd4\xbfM\x13\x8d\x11\xd2\x9a\xeb}\xf1\xf6T\xc9\x10$\x06\x0bt\xedw\x02\xa8}0\xea\xf8\xd5J\xb5\xe6\xfb\xad\xd1n\xc8fq\xf4\xea\xb1\xfahD\x84\xa6\xba}T\xa2\xbb\xbe\x7fx\x10X\x01\xc4\xed\xd5j\x1e\xdeS\xb54\xfa\x038)K\x03\xba\xf3++\xf9\xf4`SQX\xbaiT\xd5\x95\xe3\xe7\xdf\xdc\xcd\x12,\x82A\xcb.c\xc9\x98\x9fGB\xf1\xb47\xd9\xbbwv\xc4\xac]`\x9eE&amp;\xbeq@\xd6\x00\x9dx\x15+h\xb5\xfc\xe8`\xb7O\x95\x86\x8b\x95\xe3\xf9\x90\x17i p\xed\xfe\xdeaWH\x1c\x1e\xb4,H\xdb\xabh\xd0Q\x00\xd2\xbc\xa0V\x0b\xaa\xf4&lt;ey\x15b\x0e\xfci\x95aW&amp;\xb6\xd0\xbe\x891\xd1&gt;~\xfb\xfcWYt\x1c\xb6_\xf9\xf2\xd2\x92\xf3!\xb9)\x9e7\x9b\xf7\xce\x8e\xe3\xfc\x8du\x85\xbf\xeb\xc3\x08\xe5\x17E\x01.\xb8\x06m\x8d\x0e\xb7\xfb\x18U\xc8\x0by\x1av(\x7f:O\xdc\xe9\xdd\xa7\xd1I\x98\xb0VV\xac\x8a\x95^9\xff\xde\xf9\xb4\xc6\xa2\x02\xe2\x82\x9aG\x19\xad\x90\xe0H\xf5^\xd5\xdfs%Zl\xc4\xb0p\xfdk\xa7Gg\xf7s\xb1\xc6\x0b\x0e\xda\xd0\xb5k\xb0\xb1\xc6\xbd\x07G\xa7\xcbb\xf2\xdb\x86C\xab\n\xb1\xfb2jQ\xf9UI\xa8A08\xdc\xc6*Oa\xdc\xeb\x98!x\x86J\xa6\xe1^Mn\x8dZ\x83\x97\t\xca\x93\xa6AH\xf9\xbc\x86\xb3{UM\x83\xb7{-2\x06\xa4\x14\xc8@#\xa1k\xedb\xfa\xa6EP\xec\xc7\x98\x05\xf4\xe5\xf6\x8b\xa3\x07\xf7z\xf4u~\xf3\xb3\xcf\x96\x96\xbexp\xf6\xe2tGIN\xb0F\x17g\x90\xec1&lt;\x8c\xe8p\x15\x1c\x1a\xe1=\xdd\'P\xfc\xd8@u9\xf6R^b\xea\xd7\xb7Q\xaf~\xc2\xb2Ryh\x87\xe5\xaa\x02\x8b\x8ajx7\x0c\xbe\x85k\xf3\xe0~\x04\x8e\x0e\xe8U;\x8f]\x89\xe1"`&lt;\x19MrBPw\xbe:=}\x11\xc7\xe9W;k\x120\xfd[\xfa\x10\xba\x10\xeeE \x9f\x11\x8fC\x0f\xf6\xb6\x98!\xc8\xb1\xc9\x92\x1d\xb0\x8f&amp;\xa0]\x90%+\xbb8u+\xa1i\xe4\x0by\xe6\n\xf9t\x8aZ3\xb3\xf7\xc0\xc7\xbf^@Q\xf3A&gt;*\xa1\xb3\xeb\xd2\\\xc8FVYf\xf3\x1cZG\x92\xaa\\b\x96\x98L&amp;\xd1\xe5\x84\xb1Y\xeb\xb1\xd8\x85\xfe^\x04\xcd\xa6\x98A[\xd1p3\xa4\xdaa\x05\xc4\tl\xe5H\xac\xd2r\x83\x9cB\xb0\xf7\x80\xaa\x93\xa0\xff\xcc\xb8"G\x00.\xc8\xbfZ\xf5\x02J\'$\xe5\xd1c\xb5\xa2\xc5\xba\x8fN\xfa\x00E\xe3=\xd9\xea\xd8\x96\xd9#\xb5\xdbo\x9b\xdfwf-@\xcf\xeb\x87@\x05)\x00S%8x\xdcU\x19 \x8e\x96c\xb2\x1e\x8f\xa9\x98\xed\x95\x7f5a\xc5\xca\xa9BQP\x86\x14\x8c \xca\x1b\x8a\xccH\x15\x87\x06\x8a\x8c\r\x7f\xc07$\x7f\xc0\x17\xf8\x0b\xfe\x805\r\xb5\x95tT\x0e\x05\xa3M\n\x9bti)\xdeO\xbc\xdd=\xd7y\xa10\x86\x18\xef\xde={v\xcfee@\x97\x1b\xc0\xda\x03VL\xf1\x90`\x06\x0e\x1a/\xa6\xd2\x13\xe7\x10$qK\x07\xdb\x12VV\x8f}\x11\x18\xb0\xc8\x17av\xfd\x0e\x8e\xe7/"\xe2\xe5\xedz\xc12\xf0\xa9\x12W\xf3\xddq\x9c\xc4\xb0\xc29\x1c\'=\xecM~\x15\x86\x0e\x15\xcc\xfa\x06i}.\x08\x88\xeb\xafYM\x16\x94\xe0\xccJ-\x82\xf0C,\x9a\x8d\xb4\xf3\xb0IY0\xcf\xbe\xf49\x9c\xffzuL\x81\xba\xd7\xe08\xb7\x15\xc3\x8fA\xd8L\xf3\x81\x96\xcc\x83\x8b\x92F\xff\xe2I\xec\xc0\xe5L\x11\x92G{\x00\xd6\xday\x13\x15\xc6R*z\x9e\x98t\x0f\x98`\x124Z\xd4a\x9a\xbb7n\x15\xb2\'_\xbe\xa7\x87\x01\xecM_\x19\xf0\x9f\xb8\xe0t\xbe\xec\xf3\x1c\xee\x89$l\x1b\xd9\xfaJM\x9c\xe2\x94\x90\xcai|\xbe\x83\xb08\x05\xc0&amp;R/\x18&amp;\x08{!\xa6b\xd5o\xbbu%\x93\xfa\xb7B$I@b\xe8\xc8\\V\x81~\x98\xee]\x01\xbe\xa2\xd0&lt;\x8c\x9c\t[\x14\xb9V\xb0\xeb\xf456\x15l\x81c\x08\x18\x9bn\'K?\x1eA\xb9\x1fs\x1a\x9c\x138\x97\x84N\xaa\xfe\x9f\xc3\x08\x1b\xa0\xe4c]R=\xd0\xe856\x8e\xd8\x80\x88#@\xa2\xeb\x10;\x9c\xbf\x02\xb0\xf16\x14"G\xe2\xe7\xee#\xc2\xf2\xad\x10\xe8E\xffp\x1e\x1b\xb82\xd5\xbec\x1d\x1f_\x1f+\x0b{\xac\xcd\xb1\xcf\xe7\x1e\xd8A\xbcI\x9b\xc7\xb1\x03UX\x16w\x84\xe7\xc2 \xb9x\x164\xbe\xcb\xc8LB\xa3G\xf12\'\x7f\xc2J2\x82\xdc\xe5\xf54\xce\xfdi\x13r\</t>
        </is>
      </c>
      <c r="M280" s="3" t="n">
        <v>45492.67670138889</v>
      </c>
    </row>
    <row r="281">
      <c r="A281" t="n">
        <v>874979</v>
      </c>
      <c r="B281" t="n">
        <v>1981</v>
      </c>
      <c r="C281" t="inlineStr">
        <is>
          <t>Jandrei</t>
        </is>
      </c>
      <c r="D281" t="inlineStr">
        <is>
          <t>Jandrei</t>
        </is>
      </c>
      <c r="E281" t="inlineStr">
        <is>
          <t>GOL</t>
        </is>
      </c>
      <c r="F281" t="inlineStr">
        <is>
          <t>GOL</t>
        </is>
      </c>
      <c r="G281" t="inlineStr">
        <is>
          <t>GOL</t>
        </is>
      </c>
      <c r="H281" t="n">
        <v>186</v>
      </c>
      <c r="I281" t="n">
        <v>93</v>
      </c>
      <c r="J281" s="2" t="n">
        <v>34028</v>
      </c>
      <c r="K281" t="inlineStr">
        <is>
          <t>Right</t>
        </is>
      </c>
      <c r="L28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3f2e8b4-e552-4d79-9902-936a4a139bb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Lz\x84\x15\x00\x00\x03\x00PLTE\xff\xff\xff\x17\x16\x1a\'e\xa1\x13\x12\x17\xff\xfe\xff \x1f"#"&amp;\x1d\x1c \x1a\x19\x1d+/;5z\xb2J\x8d\xc0F\x87\xbb-h\xa2\xdc\x9b\x88\'&amp;*\xda\xb2\xa7:~\xb4\xdf\x9e\x8d;y\xb0*#$?\x81\xb6-(*\xdb\x96\x82&amp;S\x85\xe0\xa3\x92\xfd\xfc\xfd\xe3\xb6\xaa#U\x8e3u\xaf/,.(,8\xd2\xaa\xa0O\x92\xc44035)*&amp;a\x9c\xe0\xb2\xa6/2=\xd5\xa3\x93!Z\x8a\xe4\xab\x9b\xd6\xaf\xa54$#\xf9\xf9\xfaR=:\xa0h[V\x97\xc7$\\\x96\x10\x0e\x14&lt;**K-*^:4&amp;\x1e \xe3\xa6\x96\xd8\x92|\xdd\xb6\xac\x16Dq\xda\xa6\x96\xd5\x9f\x8f\xc2\x91\x85935-m\xa8,`\x911\x1f 3p\xab\x158a\xc5v]+b\x97[B&gt;\xcb\x93\x85\xcb\x9a\x8d\xdf\xae\xa2\xcf\x8d{E@C\xd0\xa6\x9a@\x85\xba\xa4pd\x1dKy&lt;8&lt;U40dE@&lt;!!\xd2\x88qC.,\xd8\xac\xa0\x7fODC\'%\x1fFt\xbb\x8b\x7f\xdb\xa9\x9c\xf5\xf4\xf5-g\x9a\x15Jv!\x19\x1a\xd4\x95\x81\xc0\x86x\xf0\xef\xf0b[Z\xd4\x8cu3q\xa1\'\x17\x19%(2\xb7fP\xe8\xb2\xa45i\x9b\xce\x83l\xca{b O\x81\xc2\x80mE;;\xbcmWK30\xc5\x8c~\xb8\x83v-\x1b\x1bB54lLEz\\UcNK\xb8}n\x1eAk\x92dY#\\\x91\xd2\x9b\x89\xcd\xa0\x94\xc9\x86s\x1bT\x84uKBB}\xaf\xeb\xc3\xb9\x14&gt;jr;/\xb0wi\xc9\xa5\x9b\xe1\xc2\xbb\x92^R\xee\xe1\xdfnVQ\x85WK6v\xab\xdc\xbb\xb3\x17N|KFL\x97i_\x9cyp\xafj]VIH\xe8\xe7\xea\xa3WEg;3*q\xab\xc5\x9f\x96tE:\xc2\x9b\x90+Y\x8b\x82b[\x8dXM&gt;t\xa6\xafaM\x81}\x80\xa8\xa0\x9d\xc7\xc5\xcb\xe3\xbc\xb3\xd0\xad\xa4\xe2\xe1\xe5slp\x95ph\x9eaS\xe6\xb9\xae\xd6\xb6\xac\xe9\xac\xa2\xd6\x96\x87\x152XkB:0V\x83\xa8ym\xec\xb6\xacyTKI\x83\xb4\xae\x87~\xb3\x90\x87\xd3\x91{\xb2\xaa\xa8+,5VQS_\x9a\xc8|uu\xc1\xbb\xbd&amp;k\xa7\xbatd\xee\xbe\xb3U+\'\x84E5\xde\xd2\xcf\xa0\x99\x9a\xbb\x96\x8d\x92\x8c\x8d\xaf~t\x89^T}gc6k\xa3\xd6\xd2\xd47_\x8c\xb8\xb3\xb5\x9a\x94\x94\xdd\xdb\xdd\xa6~v\x9eN;pdb.Nx\x89jd\xac[F\xd1~j\xe8\xcf\xc9\xe0\xcc\xc6\xe7\xa8\x9c\x93I6\xb8\xa0\x9a\x97TE\x8bOA\x8cwu\xa7\xa5\xae\xc4mZ\x92\x84\x82\xec\xc7\xc0\xb1s`c2(\xa4\x84}\xe5\x9c\x9aa^m\xe3\xd8\xd5\xd7\xc5\xbf)3G\xd6\x87\x83\xc5uw\xed\xd5\xd1\xc3\xb0\xab\xd7\x92\x92\xceqb\x15+J\xe5\x8e\x8a\xa3\x8e\x89m\x89\xae0Ef$:Z\xcd\xd6\xe2Hl\x96\xcf\xcc\xcfYVb\xaf\xbc\xd069G\x83\x97\xb4av\x99o\xa4\xcf\x88\xa2\xc1\x927\xc3=\x00\x00 \x00IDATx\xda\xcc\x98_H\x9a}\x1b\xc7\x1b\xcf\x9dvd!C\xd1A\x84\xb2G\\\x1a\xbc\xb5\xe5X\n\x03Q\xeb\x0e\xb1r-\x9c\x07\xd6\xedA\xa1\xa4%\xa5\x12\x16cT\x1b\x8d\xa1\xa6\x8d\xbdQ\xe4\xedRg\xcfx\x91(E\x94\xda\xe6\xdc"\xb4&amp;\xb5w\xcf\xdaZ\xee\x0f{:\x89\x17:jg\xef\xf5s\xec\xe0=~\xb9\xeb\xb9L\xa1\xfb\xc4\x0f\xdf\xefu}\xaf\xdf\xcf\xb2\xb2\xff\xaf0\xacL\x14\xc4\xb8\xa2\x9e2\xbf\xbe\xec\xefS\x18\xb7\x0c\xf3ob\x98~+\x14\xfa\x1ba\x95\x89z\xf4\xdc\x13.\xc8\xb5\x99\xd6\xff\xaf\x8ag)\x96h3\x97 s!\xbd\x7f3\x9b\xdd\x04\xe9\xb8\xf0\x10\xbdEg\x89%\xda\x0c\x06\xd3[\xa1Db+\x1d\xfe\xb4\x19&lt;\x11qQ\xaf\x89\xca0=\xf7L\xa9\xb6\xfc\xfe\xad`.\x98\xc9\x873\xc1L\x8e\x04D\x91H\x8f\xe9\xfd\xdc3\xb5\x10+\xf9\x18J\x11\xd9l\x00\xa82yx\xa5R\x99D:\x17\x0c\x85\xfc\xfa\xb33\x12\xd3\x9f|\n$\x89p6\x9b$\x88|\xa0\x98\xcd\x93$\xe0%r\xe9\xe0I\xee\xe4lD\xe3\xeaC\x9b\x89|6P\xed+\x86\xdd\x9ad\xa0H\xe6\x12\xc7d"A&amp;H\xf8L\x0777\xcf\x86K\x7f\x92\'\x13\xa9JM8\x95\xd4\xb0\n\x01V*\x9bI\x90\x19\x12A%r\'\xc1\x10\xf7Ll\x14mer\x99$\xad:\xe9Ni\xaa\xdd\xd9d\xa0:\x91\xcd\x92)_2\xbc\x9f\x87\xd8\xc8\xe5C\xa2\xb3\xd0\xeaS&gt;\x11\xc0-n\x99&amp;\x90\xa4\x11\x01"\xa3)\xa6\x08\x82\xf0id\x81\x0c\xb9wt\x94\xce\xe5zN].\x8c\x1b\x0egR\xacs&lt;\x9a/\x99\xe4\xe1\x04\xaf@\x10\x81j\x19]F\xc8\xc2)wa\xbf\xb8\x97N\'\xc8\xf4)\x83\x89\x82a\x1f\x99r\xff\xa6)\xff\x87F\x86\xf34\x95&lt;\x1cO\x12\xd5\xe7*\xaeX\xdc\x04k\xc8\x97\x02\xae\xa3t&amp;On\x9d\xa2\x91\x98?\xac\xf1\x056R\xb4\xdf\xdc\xf4\xdf4t\r\x8fF\x93\xc9x\xf8\x10\x8bu\x85\x7f\x85\x8f\xe3\x8e\x94\xa5x\xbc\x9f8\xcee\x8b\xc5Ss\x12\xc3Da\xb7,\\\xd8(T\xe22\xfeu\x9c\xc5g\x9d\xe7\x0fYXb\x8b\xcf\'\x1e\x1a\xb2\x88q\xf1\xbe\xa5\xb0G\x92\xa9"\x99\xdd\x0f\x17O\'\'\xb0\xd0V\xd82dIn\x84\x93\xfc\xc2\xe5\x7f\r\xb7\x8b\xc5\n\x85\xa2\xbd]\xe1\xb0o\xd8\xa7\xecS\x1b\xf6\xfd\xe3\x1d\xc5\x94\xf7\x88\xcc\x17R\x81\xfdlj#\xdds\nT[9\r\xed\x8a\xcfGd\t\xc7\xc6\xfd\x8f\x1f?|\xb8\x7f\xff\xf5=\x8fz\xc432\xe2\xf5x\xbe\xad\xce\xce\xbe\\\xdd\x1e\xb9\xed9:\x82]\xb9\x11.\xe6S\xa9D\x88r#\xf5\x19\x9cv\x0ew\x13\xd9\xe2\xe5\xb9\xf9\xf7\x1f\xde\xbf\x99\x99Y\x98\xfe\xb2\xe6\xb4\xd9\xbam6]w\x8dJ\xa5T\x8d\xba\x94u\xcfW\x8f\xbe\x1d\x03z\xb8\x90\x82\x98\xdd\xa2\x96\x8b\x1b\n\xbb++\xcf\xbb\x93\x8e\x8de\xfb\xfc\xf3\xf7@\xb5\xbb\xb0\xdbk\xb5\xae\x8d\xa9FUJ\xa5\xcbuM\xd0\xa4t\x19\xe2\xfd3\x93:\xdd\x04\x19\x90\xe1\x04Q\xc8g3~\x11\xa5#\x18p\xf3*\xe9\x16\x0b\xe1x8\xfe\x1c\xa8\xde\xbf\xd9\xdd]\xe8\x05,\xb9\xb9\x7f\xac\xc5`x\xfa\xd4 p\x19\x0c\xf1\x961\xa7\xb4[\xb7\xa6K\xe4\x932\x0b\x11\xce\xe7\xd3=\xd4qaz}\x18\xaf&gt;\x07\x999\xfc\xf0\xe1\xf88@!\xb1JTkf\xb9\xd9d4\x1a\xe3Fm\x8b\xd1\xa8\xd5\xf6\xab\xcc\xf25\xab\xd5\xb9\n\x82\xc1\xbe,\xe6\xb7(\xe4\xd2\x07\xc3&lt;V\x05\xcd7\xf0\xf5+\xa2\xfa\x85\xd5k\x95C\x99LZ\x13`\x19\xb5&amp;\xb3\xd9d2\x99\xe5\x07V\xeb\xf4t\xa4@$+\xf1\x14\x91\xe8\xa1n\x1eE\xa1\xef\x95\xb4\xf2\xda\x81g_K\x16\xbey\x03PV\xc4\x04 f-\x941\xaeEDf\xf4\xbf\\n\xb5\xf6\xf6\xd6\r\xf3-\xc9j\x1f\xb1\x11\xa4.W\xb1\xb4\xbb\x9c~\xa5\xf6\x19\x88\xf5\x8b\xaa\xd7zp\x00X&amp;\xadQ\xc2\x96@\x19Mo\xcdf\xc4)\xff\x89\xb5\xa0\x9eb\xc9\x92x\x81\xc8\xfa1\xca2\xcbM/\xaf8\xdf\x85\xc4\x02(p\x10\xb8\x0eJ]\x15\x97\x18\xd8\x0c\x06\x1b\xc8\x8c\xc6\xb7\x08\t\xc8~bM\xc7p~\x92\x80\xbe\xcfQu\xfe\x12e\xe9\xe5\xe5\xe7\xf9\r\xc8BD\x05\x0e"\x9d@(\t\x1b\xa88B\x06\x83\xc9d\xb0%\xda\xb7o\xcd\xff\x91\x83\x88\x07\xbd\xd6\x85\xde\x89\xb9\xf3,\x0baI}\xa2\xe8\x9a\x86\x05\x7f\xaf\xa8\xa0\xcb\xf8\xcf\xc6\xc7\x9f\x7f\x98\xd9ET\x07`^\x9c\x014\xa0\x14\x03\x15\x9b\x8d\x14\x93h\x81\x0c)\x06\\\xbd_\xd4C|\x1fA$3\xd4\\:\xb0\x1c^Yq\x8e&amp;\xabGS8\x03\x06"\xad\xb4&amp;-H\x05H\x1cf\xa3\x90\xd3(l\xe4p8H0\x00C\x8d/\x07\x1b\'\xbeLY\x08\xb7\xc6M\xa4)\x91\x8b\xfb\xe9Gy\x05\x9d\xc5\xef\xfa\x8a\xc4\x82d\xb0\xa2F\xd7\xb2\x19L@\x01\x9cF\xa1\xb0\xaf\xafO(\xfcS(l\x04\xf5P\xf3\x9b\xcc\x10\x12k_"\xe2!\x1c\x87\xb3b\x88\x92\xb3DO\x80N\xa7\xb1\xf8\x1d_\x9f\xbf\x9fYXX@}e2H\xd8L!\x00\xa1\xea+\xd5\x05 kl\x16r\x98h*M\xf2\x83~\x9b3\xe6\x18\xb2\xe0,\x1aAI\xa0\xeaC?\xe8\xe5\xd5\xac\xda\xae\x12V\xef\xb4Un\xd2\xc6\rq\t\xa3\x91\xf3\x8bK\x18\x8d\x82^\x8d\x8d\xf0\xa4\x91\xc9\x94\x80\x96&amp;y?\xac\xf09\xc5\x10\xcf\xc2\x0bP\x92\\\xdc\x9c\x9b\xc6\xaa\xae\xed\xe8\x02\x0f!\x18\xd0\x18Bt\x9a\xe2h\xfcPW\x01\x1b\xfc!?\x990\x95Lh1\x891n2\x03\x96\xd3k\x17\xf3\x92\x9a,%?6a=\xee\xca\xdfY\xb5\x1d\xcf\xc6?~(\x99hE\xa9\xf9\xd6\x089\xca\x06\x08&amp;\xe0 \xa4R\xcb\x03(\x1aK\xb4\x89\xc6\xba\x9d_b\x11\xbb\xc5"\x0bP\xb2~0}R\xa3\xe1w\x00\x16\xeax\xb4\nK\xb1e4\xa1\xd8\x022\x14\x12L(6\x13\xc5\x04(\xc6f\xc3\xce\x1e\x1b\x93N8m\xde9\xc7\x90,O\xcd\xe9\xb9\xc7\x8d\x83\x87?\xb1\x90\x8b\xbb\xbbVy\xbf\xd6\x04z\xb1K\\\xe8\xcda0KY\x8f\x9eH\x10V\x8brppP\xb7\xe2\xdd\xf0\xc9\x8a\xd4\xfc\x90\xe9\xff\x81\xf3k\xbb\xba\x9e\xa1\xcd\x03\xa9\xf5S-\x14\xf3\x12\x03$(R\xa7\x94\xa6\xc8=\x98B\t|\x82\x89-\xf1\xb1n\xc0\xda\xf6\x122\x92\x12,n\xe8\x87\x86U\xc2\xfa\x88b\xabw\x1a\x9d\x1e\xcc\xa6x\x1c\xe1\x00P\xa9\xa5J\xadUrQ\xc2@io\x8c\x1b\x94*\xe5\xec\xcb\x97\xc7\xfbx\x82\x12\x13aQ\xcb\xf8\xf5]]m\x80\x85\\\\X\x98\xb6\xf6\x8f\x19Ji\n0\x1c\x08y\xa8?Q40\xc1@\x10\xcd`4\x02\xb5\xb2\xb5uq\xf1h\x8f\xa4(M\xb1\xa0\x9bW[\xdb\xd5P\xc2z\x82n\x16k\xceneS\xe7\xad\xe6\xe6\xe6\xbeFN_\xf4\x8f\xbe\xbe\xe8\x85\x0b\xd1h\xb3\xb0\x99\xf9\x14\x02\x8dm\x90\x18\xb5.WSk\xcd\xd2\xd2\xd1d"@\xd190\x8d:\xbe\x84\x05\\\xf3\xf7&lt;\x9e\x88\'\x12{\xa5\x93\x8e^\xbc\x18\xfd#\xba\xbe\x1e\xbds\xa7\xaa\xa6\xe6\xc1\x83\x075UWo5)!k\r\x06\x97\xcb%\xa8Y\\Z\x9a\xdcKS\xd3ZeXF\x03\x1d\xdf\xd0p\xf9\xe1?o\xdf\x1en\x9f\x82\x97cj\xd8~\xbf\xce6z\x11DZ\xbf\xb3\xfe\xf9\xee\xa3\x97\xde\xed\xd7#\xde\xed\xed\xd8\x8a\xd4\t\x0e\x1b\x9e\xba\x04\x02\xc1\xd5\xc5\xa5w\x87\x879\x8a\xb0\x022&gt;\xbfk`\xa0\xad\xedr\xdb\xf0\xf0\x94\xc3G8|Sb\xc5\xb0G\xad\xab\xbax!z\xe7\xf3\xe3\xbb\x8fg\xb7#;\x0e\xc5\xd4\xdc\xdc\x9c=\xe2Q?\xe9o\x01\xb1\x04\x9dU\x8b\x87\xef\x0e_\xa4\xa9\xc1\x12\x85y\xfc\xfa\x86\x81\xb6\x1b]\x03b\xb1c\xd8\xeep\x88\xc5\x03\x03\xe2\xcb\xb7#\xab\xad\x9d\x17\xc1\xc1;\x8f\x97V\xb7#\xed\n\x85X1e\x9f\xdb\xf1F\xd4j\xa7\xd2\xd5$\xb8\xd4\xb9\xf4\xe0\xf0\xdd_Aj\xb0\xf4\xdfa\x10\x1b\x1an\xd4v\x88\x15\xcb\x91\xd5=\xb8\xd5{\xed\xcb\xcb\xcb\xaf\xd5:\x95\xe0\x16\xc2\xaaZ|\xb9\x12\x99\x1bV\xb4\xb5\xdb\x01j\xe7\xdb\xcavL\nru\n\xaa\xee\x1e\x1e\xfeuB\rV\xcfwP\xebF\xfd\xf5\xebmv\xef\x8aN\xaa\x82k\xb4N\xedQ{F\xd4\xb1n\xd7\xb5\xe8\xe7\xf5hs\xabTg\x8b\xd5=\xb1\xcdNN.N\xaezc\xd0b\xa3.AU\xe7\xd2\xbbw/^P\x84\xe5Gj\xdd\xa8\xbd&gt;`\xf7n\xbf\xb2\xe9\x06\x07\xa5\xaa\x9aG\xab#\xf3\xaf\xe7G\xd4c\x0c\xe1\xfa\xfa\x85[\x02\xe5\xa0S]W7a\x93JU\xad\x97.=\xd2\xc5\x1e-\xb6\xb6^\xed\xbc\x0bT/Nz(\xc2\xd2\xf0\xeb;\xea\xdb\x96A\x9e\xd8\xab\xd8\xc4\x84M\x07\xdf&gt;\xeb\xbdy\xf3\xe6\xbdi-\x9c\x99\x85\xd7\x9a\xa4N\x9d\r6s\xb7tR%U\x8e^\xeb\x1cm\x9d\xaci\xbdTu\xf7\xdf\xc0\xb5\xa9\xa7\x0e\xab~\xa0\xfd\xfe\x88\xa7n\xe4\xe6\xfc\xfc\xf2\xdc\xce\x8ewE\xfa\xc8\xf3_Z\xcd\xef\'\x8d5\x8d\xe3{\x81\xda+j\x08\xb1\xa1M\x9aFc\x08\xa5\xcc\x05\xcc\xaaahB\xd2\x80\x8e\r)CG\x084)\xe3i\xcc\x92\xb3\xc1\xf2C\x90\x10KH\x03\x15$\xa6\x96VR\x1a\xc9\x9e\xb3v\xdb\xa9L\x88\x10k\xd3l\x83\xe8i\xc04\xbb\xf54\xae\xca\xfa\xa3\xb6X\x8e\x86Z\x1b\xbc\xdb\xbb}\xc6\xfe\x0b\xf0^\xcc\xf5\'\xdf\xf7}\xbe\xef\xf3}\x9f\x89\xc7\xe2\x93\xbb\xd7;\xb9\x02\xa1\x9aR\x18\xa3\x082Qx\x00vf\xb7C\x15\xde1&gt;\x99\x19\xef\x1a]_\xda\xdf\xaf\x0f\x16\x87\xc5"I\xd4_\x00\xaaT\x0c\x95\x19\x94\x83*\x89[\xa3~\x1b\xd8\x0bL\xb2i\x83QP\xf6\xee\x12\xad\'\x0c\x06\x956\xa3q@\x19\n\x85W\x8dO\xc7g\xc6\xeb\x87\xc5\xaa%\x95i]\x11/\x82Dr\x06\xf4\x13\x91kK\xad\xfe\xfd\x0b\xed\xd1\xa3\x81\xdf!\xc5\xfe\xd5GY\xd5\xdd\xd1\xc4\xe6\xce\xde\xe5\x1dt\x87\xf0j\xb2f\xb0\x87;\xf7f\xba\xe0l\xed/\xbd\xbbT7,\x1b\x91\xf1NxCq\x83\xaa0\xb7\x13\x8f\x17^\x1d&lt;F\xb6\xe3\x80u\xfb\xca\xda\x1a`\xf9`\x1bg6#{\x81\xcc\x9b/\xb1\x90\xddn\xc6\xc0M\xc7\xbb\xc6\x0f\x0e\x96\xf6\xeb\x84\xd5\xff\xbfkR\xad\xbf\x80 \t}L\x16\xd3\'&amp;\xd8\'\xc9\xcd\xb7\x9aH\x0c\rL\xee\xaeA{\xec\xf3Pv*\x1a\x9c\x9b\xf0N\xbc\xbc\xa0\x08-z\xb0\x11L.\x94w\xb1j\x01V=\x1a\x08\x0e\xe7\xc6\x1f\xd7H\xad?\x84 \xdb\x8b\t\x7f&lt;A#H\xfe\xed\xe3\x0b\xf9D*\x15c\xb1:o\xf9|V\xa8A\x87\'\x88\xe4W\xf2\x88#X\x1a\x19a\x84r\xa1\xf0"`m,\xbd{_\x07,\xce\xfb\xf7\x97\x00\x0b\xd5\x87\x10\x9a%\xf2\x829Qj\xb5\xc2\x83\xe8\xe3\xf1X\xe0\xf7\xdd5\xd8D\xdf\xcfV\x0f\xe5\x80s\xcf\xbeW\xaa\xd5\x18\x86\xe1\x98I.7\xfd\xc0\xaa\xc3\xbb.\xe7W\xa9\xf2ao/\xd4a\x02\t\x85hM0\xef\xa0(\xbb\x9d\x02e~`\xfd\xe5\xfb\xf7\xefk&gt;H\x14\x94\xd5\xae\xc6L&amp;!\xc6\xc3\xe4\xd8\x08n\xc6\x00\xab}\x9c\xb5\xadG5\x9f\xacs\xde\xdb\x0cJg+\xa8\xe5\x8f\x84\n!:\x1a\xf4x\xc0\xe6)\x85"\xb8\xb5\xbd\x18\xdf;\xc1\xda\xbdm\x85\x1e\x19\xb7\xe3\xe0\x0b&amp;\x10I.\xc7\xcc8n\x16\xc8M\xa6\xf1\x8d\xfd\xa57\xfd\xfd\x87\x87\xb5}\x858\xfbJ"\xd3)\xdb@\xad\x98^\x1f\xd9\x02\xac\xa0\x07T\xe9\xeev\xd0\xf4\xb6&gt;\xa6]\xfc\xcf.\xa8\xb5\x9b\xf5AK:o\x16\x8e0\xcc\x11\xef\x08\xe3\t1\xf3-\x86\xc1\xe4\xa6\xf1\xf5\xfd\xa5\'j|\xed\xbb\xb0\xb6\xd5\xf8o\x99\x0e\xb0\xee\x93Z4\x1e_\x9c\x8cF\xa1_\x86\xbd\xc2\xb3\xd1\x12\xbd\x1d\xcf\xed\x81Xkk\xc0e5\xb3\x01h\x1e\xda{\x86ax&lt;\x86;\x8f\xdf\x9ag\x84\xed\xa3\xe1\xf0\x81\xb0\xa3\xa3Z\xf9zX\xd3*&lt;\xce\x01\x96\xf4\xf5\x90L\x1b\x8b/\xd2\xd1\xe8\xed\xac\xd5\n\x85w\xc5\x9aE\xb6c\xb9\xc5\xbf]Y\xeb&lt;s}\xed\xbb\xd5|\x12c;\xd9\xf7..\x03_\xf6-\xdc\x8cu\x01\xd6\x0c\xf4\xfbG\x95\xdd\xe9Z\xee"\xe7SN\xe7t\xb6\xbd\x1e2\xc8\xd0\xc06\x1b.\xacp\xbc\xc1\xa8|\x80\x95\xcb-f\x7f\xee\x14\x88x\x9d\xd7}8$\xb2\xa2\x80{\x92\xb0\xcf\x9c\xa9p\xb9\x9dl\xdb&lt;\xba\x1e\x0e?mo7\x1d\x95\xd7zj\x8a\xb5\x03X\x03\xca\xd7p\xfb\xe4\xe2\xdb4P\xe1\xb7n\xe1p\x9eq0\x88\\l;\x8a\x0b&gt;\x1fZ\x04&lt;\xc6*\x10\x15a\xb1\xc9\xac\xcc\x06\x7f\xd0\x0c\x136o\x1c\x86\xf7/\xb6\xbf\xb0\x94\x93\xd5d\xcd\xb1\x94\xe2\xfb\x83p)\xea\xb7\xe9l\xd6\x87\xb3\xcbl\xc6\xadH \xa0\x8f\x84(\xde\x8b\x05\x11\x94^\xc5\x9c\xb6X\x92\xb0\x8a\xc5$\xc0A\x94\x15\xb47\xb3b-\xf5\xf5\x94\x8b\xd5d5]S\xac\xd5\x9cR\xa9t\xf6\xf6^\x06CMD\x83V\xc0\x82C\xc3pq*\xb4\xb7MG\xfc\x08\xd3\xde#\xefV\x0by\xf8B:mIZX\xaeb\xb9\x03R\xad\xbc\x8b\xa5z\xf4\xadO^\xadTj\x8d\xb5c\xd0)\x9d\x03\xd7\xee\x0f\x82s\x854\xe0\x0e\xc0ef0.c\x0f\x04hD&lt;\x10\xf7\x08\x85\nTW\x120\x96\xbb,\x18\xab\x18\xab\x96@ \x9f^?\x0c\x87\xc3\x9b\xea\xe9d\xb5\x92\xae~\xe6\xd4\xb2\x12\x7f\x03\xdb\x1ap\xb6\xb2&gt;\xaf\x0fiJp\xb6p\x9ca\x04\x02\x13\xb5\x17\x88\xce\xc6t:\xff\xacQ1\x1b\xfb/\xceX\x16\xee\xa6\xd3\'`\xc5\x13*\xd3\t\xd6\xd2\xbd\xdd3\xc92\xa8\x15\xae\xed\xf4Bfp\x0e8[z{\x87\xe0\xb2\xa6\x91\xd2\x89Z\\A\xc79\xfb\xe2\xded&gt;DhS^\xc5\x85\xe6\x1e\xccg\xb6,\xb0\xcb\x02;Y&lt;\xe1\xea\x99^\x0f\xef\x87\xdf&lt;\xc5x\xc9\xbb\xbcr\xb5\xa6\xfd&lt;\xe7\x91\xc400\xe0&lt;\xdf\xda;dKEN\xb0|,\x96\xc8\x84g\xc1\xe6\xb5\xa4\xea\xd3\xdc\xe3\xb9\t\n\xf71\xc54\xc4\xeb\x85\x05\x90\xab(\x82]\x94\xf7\x8c\xb2bm&gt;m/\'\x17\xca\xd5tm\xbb\x88\xb3\xcf\x00\x0b\xe4\xba|\xd9\x96\x82&amp;"h\xb5\xfb\xf0y.\xb7\x83\xf1Y=4\nN\x0bAzU\xebB\xd4\xf2\x8ed\x9a\x95\x0b\xb6Q\x04\x99C\xde\xc3\xbaC\xf8`sf\xbaXN\x97\xcb\xeb\xb5\xbd\xac9\x1feJ\xe7\xcd\xa6\xd3-\x97I\x02\x9a\x88\x92\x95\xa2p\xf3&lt;\xcfl\xb5\x96h\xbfV\'v\x0e\x91\xb6e\x95\xad\xe0`\x04\x1d\xa2t\x9aU+\rb\x01V\xd7\xc6Rx\x7f\xf3x\x14\x98\xca\xe5dM\x8f\x16`\xbd{(\x15\x0f\xf0O7\xb6H!c\xd0%\x0f\xc5\x9e.\xdc\x1a\xa5\xf51\x9b\x8c\x94\x8a\xdb\x9c\xa4\xdb%q?G\xec\\\x9e\xe8\xc7\x99\xb7\x80X\xf2\xbe\xae\xf5\xf5\xfd\x83\xe3/w\x93\xbcJ\xb5\xdaU\xe3N\x90\xd3\xff\xd3\xa0T\xc9ol\xe2\x8b\xb5\xd0\xdb\xc0Mm\x85\x95\r\xe9Q\x99L\xa9\xd3I\xc4\xfc\x9b\xca\x87(\xa4\xfc)M\xd0\xce\x88\x92\'T\xa2\x0eyO;\xdb&lt;l\x1eo^\xa8T*\xd5\xf2h\xed_\x91\xeeK\xc5|~\xd3\x9f\xc56B\x9f@\x82\xc1l6\x1b\xd5\xa3Z\x83N7\xe0\xd4I\xc8\x16~\x1b)\xb1\xd9HW&amp;\x12\xd2P\x1d"K\x92\xa52\x81\xc5o,};\xfe\xf4\xf2b\xb9\xddT\xee\t\xd7\xbaA\x85N^\xaal\xe375)m\x84?\x82\x94J\xd1\x12\xe2\x97\xc9\x0c:\x99r@)Q\xd9\xc86\xf1\xa0J\x06\xc9\x88\x90\xa1\xa9\x90Z\xc0\x0e5\x00\xab\x19\xfa\xe5\x83\xcd\x9d\x9d\xc7=\xe7F\xbb\xe4\xa6\xdaw\xf3\x9c\x8fC\xca\xb6\xf3\r\x8d|\x1b\x9a\xd2CT\xa4i\xd4`\x10\x93\x06\x99N\x16\x8b\'\n\x99\x89D\x0eM\xa5T\x84V+#\xd0\x90\x9d\xc7\xce3L\xf2\xe6\xd1\x83\x8do_vv\x14\xc9\xe9\xcf\xe3G\xe1?\xd5~\x9d\xfd\x85\x94\xb665\xb4\x91(\\\x8b4\x9dH\x89\xa5\x06\xa9\x96H\x854\x0e\x08\x1b\xf6\xa3#\x85\xc6aL\xf8S\x84\nU\x11\xde\x11vf&amp;\xefk\x1e\xdf8x\xbb\xbc\xba\xd3-:7=zX\x97y\xe2\x8d_z\x01\xabE*\x81\x86&gt;\x91\xd0\xdb\x94R\x9b\xcd\x0f\t\xc8\xc3\x86\x8d\xaf\x15\xf5I\xde1j"*\x15!!\x1c\\\xb8\xa5M\xec{\xdb\xb7\xe3\xe1\xe5\xe5\xaeb\xcf\x8bp}\x1e\x9a9\x97~\xebmhl\x94J\x08\x97?\x12qI\xdbl\xdaT\x01"\xf6\xd6\xe4\xe4\xd6d4\xfb5\x1a\xfd\x9a\xb5\xab\xedF=a\xb3\xb9&amp;FxBS_\xf3\xc5\x99{/W\xc7&gt;,_L~\x0e\xd7k\x82~\xf6ck+T\x9cM\xe5\xf2g2\xaa!\xd2\xe5\x9d\x8bdb\xfa-\xe0aW\x85\xfd\x04=\xc6|\x04\xd5\xba\xa6\x8c\x98\xbc\xaf\xef\xea\xd5;/\xbf\x8c\x8d-\x7fz\xd2\x17\xae\xdb\xefR\x9c\xf7\xad\x8d\xe7\x1b\xdb\x06%.\xbf\xdfE\xcaT^\x87\x11I$\xb6\x00\xaar\xf4c\xa9+\xf6\xaf\x94G\x13"\\\xee&lt;`\xdd\xe9V(VV\xc7\x86\x87_\xd5\xf3\xbfu\xce\x8d\xfb\xa7\x9bN\xb5H\xb5*\xc2\xe5"I\xb7&amp;\x88\x14"\xe0av\xf5U\x93\xa9\x9d\x9d\x13\x98F\xd4v\xbbZ\xa8\x88\xb8\xfc\x13\x98\xb0\xdbh\xcc\xcf&gt;X\x1e\x1b\xfb\xf0k=\xff\xe0\xe2\xf4?;\xcd\x8e\x85\xc5C\x12\x95DJ\xba\xdc\x85\x82\xcb\xaf/x5\xf9\x95\x95\xd9\xfc\x9c\xa2[\xad\xa0\xe0\xb2Tw\xcfM\xa9R\x99|\xb7#\xbf\xf2`e\xca=&lt;\xf6\xe1M]\xffG\xea\xffgcc\x13\xdc?|0\xf4!\xa9\xcd\xed\xce\x10\x19"\xe5\x8f\xb8\xc7\\\x84k,\x03\x84^\x8d\xc7C\x19\xbd\xa8\x0c\x9d\x9a\x98]Y}\xfe\xfc\xc1\xd4\x87\xe1\x87\x1f\xfeU\xcf\xff\xf087\x9e\x9dnh8u\xf3&amp;\x9f?$\x15\x8b\xc9e\x97V\x85\x12\xae\x94J%\x91\x90$;F\xc8d"\x88\xc7c,hu\x12\xb7\xfb\xf9\x1416\xf5|jxx\xf8\xa7\xfa\xaa\xf5\x8f?Z\x1bN\x9djhj8\xff\x7f\xda\xcd7\xa4\x8d4\x8f\xe3;M\xe6\x99\xe9r2.\x9d\x1b$\xa6S\x99T\x03\xc6H\x8d\x0e\xb8j\xbai\xa9[\xcf`\xa3\xc1\xc4?=r\x9bB\x84\x82\x04\xaf\x89\xa6\xc6J-\xc7y\x9e\xa5h."jmq\xad\xd6[A+\x9eBK\xfb\xa2p\xd6\xfew\xa9\xbe[\xee\xc2\xb1H\xf7\xfa\xe2\x0e\xb9jK\xeb.\xbd\xef3\xca\xdd\xdb\xddm\xe7\xa7\x92\xbc\xcb\x87\xef\xef\xfb\xfb\xf3\x98yX\x15\xa2\x85[\xea\n\x0bk\xca\xcb\xcb\xc3\x94\xd2V\xeb-\x9c\x1d\x1c\xf6\xf7\xff\xbe\xaa\xad\xc5Q\xdb6\xda\xdaZ^\xd36\xda\xd6\x1b\xbbu[\xdf\xa7\xaeWn{X\x8e\xe1y\x9e\xc8\x0caE\xd1ek\xa1J\xd9\xa3\x92(\x06,6o]Q\x97\xdf\xef\xbf?j\xb79l\xb1\xde\x9a\xd6X\xac\xb7-\xd9k?\xf5\x8f\x01]\x1fo\x0e&gt;U\x08\xa0\x80\xc43&lt;\'\xaa\xa2\xc3\xe1\xb0D\xc3Q\x8b\x18\x08\x84\xd4\x90\xcd\xeb\xad.o\xad\xa9)\xaf\xb5\xd9\xc4h\x142\xf6\xc6\xec\xf6d\xf2\xd4\xed\xa0\x9ej\x99\x82w&lt;&lt;\x01\x10G8\x03\x0f.QT#6\x8bEU\x99\x80\xaaF\xd4P\xc4\xe6B;\xb3#\xa3\xa2\x1a\x8e\xda\xed-\xb1$\xa8\x92\xcf\xfe\xaa\xeb-\x08c\xde\x13\x85\x83X\xc8#k\xe08F\xe4xQ\x95$\x85c\x0c\x01I\xb5Y\xc4\x88\xcbe\xb3\xd8\x1c\xae\x80MR\xa3\xe1p\xd8n\x0f\x87+\x93}\xd7\xc7\xf5}D\xdd4\xfe\x86\xa3Id\x0c\x0c\xb08\x96\'\x1c\xe1\t\xcbr\x92EA"%\t\xfb~ \xa0"\xa5\xb2\xa8X,\xce\xb0#\x1aU&lt;\xc9g\x93y\xbaZ\xfe\xe4\xca\x1b\x8eaxP\xf1\x06\x96\x07\x16&lt;\xc6\xf0b@\x8dF\xa3\xa2\x85W\x9dhi,\xc7\xb3\x0c\xc3rD\x96\x14\xc5\xe2\tWz*\xbf\x0c\x06O\xea\xd8!\x8c\x03\x93\xcf\xf1\xa9\x1cg00\xe8_\x04|\x06\x03o@&amp;\x9dQQR9V\x11E\xf0"\xa7\x14\x8beeY\x96\x9c\x1egr&lt;\xa8k\x12M\xc1\x957\x02\x04\x02\x19\x8c\xcfp\x86\x82\x02\x03\xcf\xf1D\x15i\xec\xd4\x00\xa12\xa2\x87\xb02\x11\x89\xac\x81\xdd\x1a0\xe9\x99Dc^\xde\xa3\x1c\x810\x0c\x81$\x05`B\xc0d \xb3\xa8,\x1b`\x91NYD\xbb\x85\x98\x02\xc7\n\xac@\xb1\x14\x8f\xf3\xd4\xf8\x80\xae\x95h\x1a\xb8\xb3\r,8\x8bav\xb1\n\x90F\x03LF\x8d\x0f\xd9$\x99\xf65\x9e\x91XA\x16\x04A\x91\x15Eq^\x1f\x0f\xeak\xf9\xe0\x9d\x1c\x81\xff?\x14Mb\x01-\x00V\xf3\x12\x01\x14\xde \xc7\x82\x0c\xefI\x12\xf1\x80KPN=\xd5\xf7\x9a\x941\x98j\x92\xd0\xe1y\xde\xa0qq\x14\x8d\xb6\x0b\xc2\xb1,\xa1S\x9c\xd0\xea\xe4\x04\t}C\xf2\xc0V\xb2"\t\x95}c\x8ft\xbd\xbch:\x99j"\xf031P\x18\xd6\xc00\x9aR\x05\x06(d@\x1d\x00\xcd 0D\x16\xa0\x9c\xa0T\xa2\xd1"\x95\xb2\xa725\xbe\xa2\xab\\y)A\xd0\xba)\xc7\x15\xe0\xd5@\x00\x04\x87\xc3` \x14P\x94X.\xe0*"\t&lt;Q$\xfcP\xcbW\xde\xba\xa7\xeb\xce\x8cR|\n\xb5\x80\x836\nu\xd0\xdd\x19\x80\xa1\x06\x0cT0:\xbf\x91K\x18\x0bn\'\x82\xcc)\n\x91\x9c\x8a396&gt;\xa9\xeb\xd3\xf2\x1f\x19\xc7\x9a\x08A\x0f\x17X\x06#\x91.\xd0\xe8\x162Om\xc6\xd1F\x86\x11\x0e\x9dd\x8e\xc0h\xb2\xecTXI\x13k%\xa8\xf3%\x91\xebZ\x03\xa0\xb6\x02\x18\x98\xe0$8\x1cb\xb1hV\x05\x0c\xdc\x05j\x99\x08\x9c$H\xceJ\x99\xc8\x1eg\xdf\xed\'z\xdfW4\xbd\x01\x055\x17m\x12\x04\xc2\xa0\x9b\xf3\x84\x00\x8b\x87t(K\x16\xd6\xe3\xd0\xb0\xb0\xbf*\x1eO\xa5$;\xc3\x0f\xbe\xf9N\xef\x9b\xb0y}*\'h\xf9\xe2\r\x90\x06\xd3\x11\x80\x02\xf5&lt;H\x19\r\x0b\xc6\x07\x17\xcf\x8a\x82\xd3S\xa9\xc8\xe1\xde\xc47\x7f\xfcH\xe7\x08:U\xcc?\x80\xe1\xb3\xb1\'\xd07&lt;\xa6\x0cx8T#\x1dEt\xd3\xc1\x91\x8d\x10Q\x92\x95J\xf8=1\xf2O\xbd\xb1L\x8fdU\xc5\xb9\x87\x85 t\x7f\x11\xe8\xa0\xc1\x80d\xe8\x08"p&gt;Z\x1a-G\x99\x95\xe0x)\xe9\x8c&amp;\xa7\xca&amp;\xfe\xa07\x961%\xa9\xa1P@\xa5\xce\xe6\xb5\xd5\x19\xd9$\x0cZ\x18\x1a\x16\x12J-F\x97W\x01\xa5(+N{\xacw\xb4\xa13W\x7f\xac{\x1a\x16\xf6v\x8c@z\xd2\xe0Y\xda.8\xba[\xd1-\xab\x00uI\x81\xa1\x99\x84\x1c\xc6\xa6\xbe^8\xeeN\xd7\x1f\xeb\xbaH\xb1B*\x96x\xaa\x14\x07\x8d\xe8*H\xe8\x02\x8d\xa9d \x8c\x02`M+K\xd4\xfe`a\xe4x\xa75\xfd\x92\xdeX\'\xfbT\x15\\\xd0+\x10\x80\xb5 \x0bf\r\xca\x12#\x07oP\x98\x84\xb6S\xbc\x93,\xd1X,\x01\xaa\xe3\xd6\x92\\\xbd\xb1\x8c)\x05\xc7.\xa8\xb5\xc3E\x1b\x18\xcb\x89\x0c\x05\x04\x16\xad@"\x08\x92$:\x9d\xe1X\xec\xc1\xfa\xe2H\xa7\xd5ZZ\xaa+\x16:\xa21\xe5\x91\xd4H$\x14\xda\xd5+\xa0\x06D\x01+\xbc\xa4\xaate`\xe9\xee\x8c\xa5\xc1\x19\x85\xd5\xd7\xd6\x17F\xba\xdd\x9d\xd6\xd2sP\xeb;\xdd.\xd2\x98V\x9e\xa4\xee\t\xb2\x18\x89\xd0C\xea\xff\xb8T\x19\x07~\x8b(\xe2\x04+J6\x0b\xce\xd8\x80\xaa\xe9}\x90X\x1f\xe9\xeev\xbb\xdd\xa5\xa5\xe7\xac\xbe\xe9\x7f\xa5\xf4\xd8\x1fL\x93\xa9\xb177\x15\'\xce\xf6.\xfa\x15\xac\x16`\x0bD""\x0e\xab\x16\x0bpjk\x1d\xb5\xd1\xb0\xbd\xbc\xbc\x06JM%\x16\x97\xba\xb3\xb2|Y\x8dV\r\xab{\xfe\xf9\x87\xff\xaf\x9bq|u\x8b\xe3U\x8b+\x12R#.\x9b\xcb\x86p\xed\x86\xcd\xe6\xa0H\xf4Xo\x8f\x81\xa8\xb7mttmjaq\xa8{"\xcbW\xe1\xf3\xc1Z\xa5\x8d\xd3\xdd\x7f\xb2\xdf\xfe\xe0wV\xee\xbc\xd8|\xc1\xb9\xbc^\xaf+\x14\xa2/\xde\xba\xba:\x87\xa3\xce\xab\xc9T\x1bmi\xb1\xdb\xcbw\x89\x80\x94H$\x16\x96\x86\x86\xb2\xd2s}&gt;_#\xb5&lt;\xd4\xfa\xb6|{l\xf2\x83~\x19\x9c7\xbe\xb9\xd5\xbe\xed(\xa4_\xa3DB6 \x15\xeeFKmm\xed.S\xab&amp;\xd2\xdf\x13\x89\xf5\xf5\xf5\x85\xc5\xc5%wV:\xc2\xd7X\x02*kV\xee\xd0\xb7\xe1\xed\xed\xbe\xd4\x07[oL\xc1\xd4\xf3\xcd\xf6\xad\xf6\xcd\xea\xa2\xa2\xea\xc2:W\xc4K\xa1\xee\xd2\x87\x87\x8b\x10\xf4*nMMk+\x84\x9a\x9aJ|\xbd\xbe\x0e\xa2\xa5\xc5\xa5\x91\xa1,`eWT4\x96\x94X\xadVw\xeeHON\xce6\xc0\xc6\x1e}\x80\xc3\xb51o\xf2\xfb\xd5\xd5v\xc4\xd6j\xd7\xf0\xec\xe0\xdd\xbb\xdeH\x1d\x85**\x1a\x1c\x1c\x9c\x9d\x05OkM\xeb\xfc|\xdb\xe8\xda\xda\xda\x14\xe6\xcc"\x92744\x02\xaa\xdc\xf4\xecL`\x954\x96\xc0[n\xf7\x92=\x87\xc6\x8b\x17\xdb?\xbcz_.\xd3\xf8\xeb\xcb7V\xdb\xeb\xdb\xeb\xeb\xb7V\xdb\xfc\xfe\xe1\xc1\xea:Waau\x11\x88\x86\x87\x87\xbb\xba\xe6\xfd\xf3\x88\xb66\xea\'0-\x02\xa9\x1b1\xe4v\xfb|\x99_egW4"\x8b\xa5\xe7\xceuv&amp;(\xd4^D\xce\xe5\xbf\xbc\x9b|\xaf\x9d\xd0\xf8\xf6qG\xf3\x89\x13\xf5\x88\xf6\x8d\x99\xebW.\x82\xab\xd0\xabQuuu\xf9\xfd\x17/\xc6{\xe2\xf1\xfb\xf7\xef\xc7\x91\xbe\x05\xaa\x14\x1a\xd5\x04"\xcb\xed\x83V\x99\x99\x15H\xa2\x86u\xbc,\xb6K\xb5\xf7\xc5\xb1\x0biW\xdf\xbd\xca{\x0f\xadn\x98\xcd\xcd\xcd\xcd\xf53\x1b\x88\x03\xab\xf1\x1epU\xd7Q\xaaa ]\xb9\xd2\x13\xcf\xaf\xaa\xea\xef\x8f\xc7\xfb\xe7h\xfaFF\xba\'\xa6\'\xf0\x9b\xe5\xf3\xe5\x16\x03+\xbb"s\x07\xeb\xf3\xdf\xf6S(\x8dk\xebw\x8f\x8f\x1c&gt;}\xf5\xe5\xab\x9f\xe71\xa3\xe9\xed\xaa\x19\x91\xd1|\x94Rm\xccd\xac\xc5\xe3W\xfcE\xc0\xa2T===\xf1?\xe7W\xcd\xcd\xcdU!4*4\xaa\xe9\xe9\xe9b\xd4\x1f|U\x0c*$\x11rYK\x7f\xf3\xab3\xe1\x9c\x03\x074\xb1\xf6\x9eN\xbb|zO\xda\xc3\x87\x0f_\xbe\xfa9X\x03/32\xcc\x1d\xe6\xf3\xe6\xf6\x99\x99\xa3\xed\'@\xf7\xbc*?~\xb1\x88\xde+\xf0_\xe9\xc9\xcf\xcf\xaf\xca\xa7O\x07./\xcf\xcd-//\x02*+7\x17T\x97\x8a\x8bs\xb5\x0cR\xb5h%Z\xcf}\xfeEl\xef\x81\x9b\x94\xe9\xc0\xde\xcd#\xfb.\x9c\xb8\x9c\x96F\xc1\xde\xfd\xe4\xbe\x9f\xf7\xf6\xb19\xc3\x0c\xac\x0e\xa4\xf1\xbc\xf9\xd0\xa1\x8e\xe6\x8d\xad\xf5\xb9\xaa\xfb\xb3\xd5\x94\n:!\xe6\xe8\xf3\xd4\r\rg\xce,4\xa0\x00\xdd\x13\xe9\xd3\xc5\xc5\x97\xae]+N\xaf\xd0\xb04\xb1*(V\xdb\xcd\xa6\xa6\x9b;\xcez\xb8o\xdf/\xf7\xd4\xd7\x7fv\xec\xd8\xb1\xc77^\x8f\xff$\x8b\x19_\xfd\x90q\xd9\x0c\x18\xc4\xc1\x83\xcdG?=t\xc8\xdc\xbe\xb1\xf1|y.&gt;[4&lt;\xfc\xb7\x1e\xe8\xa4\xc5\xd9\xb2\x86\xb22\xfc-a*\xa3%\x80J\xc3\xda\x15\x0b\\\xd94\x89\x0f@\xd5\xb4\x93\xc2\x1b\xa0\xfad\xff\xe1\xe6O\xeb\xebWo|\xf6\xeb\xd3/\x7f\xfc\x15]c\xf0\xfb\xc7\x802wP\xa6\x83{\xf6t\xcc\xccdd \x95\x1b\x9b\xff\x99\xeb\xef\x9a\xed\xba\x18\xcfG\xf2\x10g\xcf\x9e\xa5O,\x96\x95\xa1Ou\xbbi\xff\x9c\xbet\xad\x18\xe6\xda\xc1\xda\xe1\xf2\xb9\x9f\xddl"\xbbbm\xee\xbf\xb0\xef\x17\x9f|\xfc\xf1\xfe\xc3H\xe3\xd5#G\x0e\x1f\xbe\xf0\xf6\xc7MJc\xde\xdb\xd7\x97i\xf6\x0e\xedR\xa5\xed9\x0fw\xcd V_\xafO\xcdw\xf9\xa1\xd5\xb2&amp;RC\xc3\x17e\xc7\xe9\xfd\x02\xda?\xdd\xee\x7f7B.\n\x95\x0e\xa4\xaf@\x95Y\x9c\x9d\xed\x1bI\xfe\xb7q\xf3\x0bm\xdd\xbe\xe2x0yI,\x81\x85\xd0\x10\x8b\xbd\xc4\xc5I\x85)8\x8fQoj\xe1 \x9a\xb2\xb8\xeaS\xc0)\x12tE\x14\x04bp\xfbP0\xc2\x08\xc5p3\x98\xa2\xde=\xb9L \xee\xea\x8c\x91\xc2\xc5c\xda\xc0\x04\xfc\xb4\xbb\xf6\x1a3\xc6\xf5C\x06\x176z\x1f\x03\xed\xcb\x9240\x92\xbb}\xcfO\xce\xbd\xdd\xe8\xfe\x1c\xcb\xc1\xb1\xe3\xdf\xef\xe3\xef\xf9\x9es~~\xc8\x02\xa8&gt;`\x86?s@\xd5\x04\xd6b\xa9\xd4k4\x1a\xbd\xd1\xa8\x0e\xeb\xff\x1f\\\xf3\xbf\xbc\x89I*@\xe9\xc02\t\xab\xb2\xae\x12\xd5\xc3-\xe7\xe6g_\xfc\xe6\xa7\xc8\xe0\x87\x9b\xdb8\x0co\xeeA\xac\xce\xab\x9dN\xe7\x93\x0e\xe4\xda\x81\xe7\xa9\nI,F\x05\xb9\n\x7f{\x87\xa8fe8U\x06v\x9ea\x81\x0bT\xbdQ\xbd&gt;\xe6\xc7\xff\xf8_\x99\x9c\x7f\xedz"\x13\xd4\x0b\xad\xb2\xe0+~wkk\xabe?\xb8\xff\xc5O\xde\xfe\x1cT`\xe9l2*doge\xe7\x1ee\xb1\n\xb0\xddBac\xe9\xf8\x98\x92\x08\xed\x9e\xac-\xc0W3\xaaK\xb5\xa5F\xa1 \x80K\xec\x95\xc2\x0c\xab\xce\xe7\xf8\xe4\xef\xff\xb5\x89\xcd\x7fz%\x13\x15\x89U!*\xcf\xe4o\xc9\xd6Up=l?\xb9\x7f\xff\xed\xcf7q\x18^\xd9\xd9\xd9\xbe{w\xfb\xdd\xdd\xddBu%\x8b\xa3*\x82\x19\xeb\xb8\x7f\xbc\xb4\xba\xb1\xf1\xf4\xe3\x05\xb8}\xd6\x1b\x96\xa7N"6yK\x17\x16E\x88U\x02Uo\x040\x1e\\\xfc\xf9\x7f&gt;\xf3|\xffG\xd73(\x96B\xd2\xaab\xe83.~\x94sU(\xd6~\xfc\xab_\xef=\xea@\x99\xeaNgs\xb3\x03?Q\xff\\!\xc9\x08\nR\xad\xae.\x11U\xa1\xf0\xe5+k\xc3\xe1p9\x83Z\xbet\x82E.\xdf\\Wc\xe4P\x84\xb9X\xd4!\x18\xcf\x04\xfbn\xeb\xc3\xea\x93[\xa9\x8aL\xab\x8aY\xe1\xd7\xbb\xb2\x9eA\x8dx\xbe\x9e[\x97\xe5\xc1\x83?=\xfa\xe4\x08\xfb\x17V\xb6\xf76wv7\xfa\xc7\xc0\xaa\xaet0\x9e\x89j\x86\xb5\xba{\xef}\x9a6\x04\xb5FTmg\x12%y8\xab\x1e\xb9\xa1(\x96z\xa4W\xbd&gt;"\xb9\x88\x0b\xcdu\xfe;\xcez\x9f\xde\x0c\x18\x95\xe7\xb6\xb7\x1en\xc9,\x879\x93\xd7eCU]\xa5\x82\xb7\x8e\xf8z\xbd\xd7\x08\xd2?&lt;\xbawT8&lt;\xdc\xa8v\xf6\xee\xdey\xab\xbf\xdf\xef\x03\x8b%\x92\xa9\x85&amp;\n\xc7\xef\xfe\xf6\x9dl6/3\xaa\x85\xc1\xd8QlO$\xbf\x8b\xba\xa5\x95JbC\x14\xd1!F\x149J\x89\x99\xfe\xbb`\xf3\xf3\xdf\x9cgP\xc4\xd46\x8an\xb7\xedz\x94D\x96\xc2J\xd1\xb7\xba\xaa\xe5j&amp;\xb8z\x81t\xfe\xf4\xe8\xb0\x7fpX\xd8\xd9{o{i\xff\xd9\xfe\x01\xf2\xb8{\xb4r\x0b\xf6\xfa\xeb\xabK\xd5\xc7?X\x98\x1d\x19(\x83\x0b\xd3$0m\xd3\xf6xV\x86\r\xb95\x8d\xd1L\xc7c*sOQ|\x19G\x82\xc1\xe4\xe6_\xc0^cP\xb2\xdb\xeab\xfa\xb9\x99\xdb\xd7}CmEr&lt;\xf3\x16\xde\xee\xb9V\xb7\xdb\x92u3I&amp;\xbf\x07\xd6\xc1\xe1\xd1\xde\x87o\xae\x02\x0bza\x10\xe28C\xc5X}\xf5\xce\xbb\xfd\xa7?\x1c\xbe82\x00\xeal\xa2\xc5V\x14\xf9\xba\xee)\xb6\x88\x0c.6&lt;\xc5\xf7\xe5A\xec)\xb8y\x1a".\x02ap\xf3\xadq\x84\xf4\x19l \xbb\xb7\xf3&amp;G\xad\x81\xe7\xd7\x15C\x85L\xb2v\xdb\' \x9ca\xa9\x86\x93\x9e\x7f}p\x80,\xbe\xf7\xe6[\x84\xf5\xecY\xffp\xe33j\x0fp\xfe\xf6\x9d{O\x86\x84D`\xcb\xcb\xe8\x0e\x97\xf2U"\xf0~dYrl*&gt;_B!\xea\xc0\x02\x97,\xfb\xbe;\x18\xa0U\xc6\x8a\xe2i\xba\xe3\xe0\xc43\xc3\x9a\xc2L-w6\x03\x8b\xf0R[5d\xf4\x06\x9e\xd0r\xebE\xc8\x08\x99&lt;P\xc1^\xa8\x9cFO\xcc\xa7\xd7_\xef\xaet6gX\xa7\xa7\x10o\x03~\xaf\xaelo~\xf4\x06Q\xade\xf5\x87\xf6&gt;\x11SQW\x02Q\xb1T\xb5%\xc7Nl(\xba\xd6nw\xd5n\x844\x8eFf&lt;\x90\t\x9126\x18\x0c&amp;\xd7\xb3\x7f\x08\xdfj\xc9\xd4\x11t\x1dHhN\xf8{\xea\x9d[\xdd\x96\xab\xa0\x0cYS\x85\xbd\x80\x1b\xc1\xfa#\x80anH\xf9\xe0\xe6wh\xa9\xbb}\x86\xf5\xd5\xe9\xe9\x9f\x0f\x80V\xfd\xf9G\xaf\xb06\x95)ER9\\*4\x9b\xa2bJ\xbc\x8f\x95-_3\x95.\x02_\x10\xac^\x18\x96r\x16\x1eu\r\xcdq\x9c\x89&lt;\x9dN\x07\x83\xab\xebo\xe8T\x9du)\xcd`H2\xdf\xc0\xb8\xca\xe9\xc5\xa8\xdd\xc5$\xdc\x82p\x95\xcc\xfa\xa3\x1c\xb0\xa1\x1a\x8a\xd2\xd4\x15c\x1aO\xce\x7fqT`X\xcf\xbeB\x9c\x9e\xf6\x9f&gt;\xf9\xdep\xb8\x90\x9d\x8f\x97\xa9\xbd\x9f]q\x89\x96H\xcdfS\xd0e;\x0c\xeb(mY6\xc7\xb1kX\xc6`\x8c\x82\x14z\xaf)*\x00\x00\x03mIDAT=\x0b\xc7\t\xc3\x0b\x13\xcdP\x99\x1c\xed\x16\x14C*i\xf6\xc5-b\x8a\xc7\x8d\xb0\x14\xd2\x14\xc5po\xf0\x15\xd9`h]C1\xd1\xbap\xa1p\x8a\x91a\x18n\xac7\xc2\xb4|r\xf2\xd7C`Q\x9c\x9e~\xf6\x97\x1f\x0f\xc9RY[\x00\xd4\x07g\x13e\xa2\x05\x1c2(a\xe4\x84E\xd7.\x950\x0e=_\xd1f\x81*\x84\xbd\x14\xcd\tCg\xdaR\xdbm\x98\t\x1ai\x93\xab\xeb\xb9\x8a\xee\x02\xb3+\xf3a\x89\xe6\xc2b),50\xe1i\xc8\xe3\x04\xc2^\xc4\xcb\x96\xc2\xd7Y\x03\x040\x04\xc5\xe7\x0c\xc4$=\xa9\x9d\xff\xf1p\x7f\xff\xe0\xd1\xe3\x8f\x87\xc3\xb5,\x16h\xe4\x10TZK\x03\xd35\xa5P\x8eC\x1a\xcfu\xc5\x0f\xd9\x9c\x1ekE\xb8\t.\x8fA\x16\x03n\xa2)\xcaD\xaf8I\xa3\xce\xbaF\xc5\xb9\x9ak\xd1\x14.\xf2\xd8\xa9$\xa2\xdb\xd1d(\x01\r\xbf`oQ\x10D^1\x18\x9a\xeakvP\xc2xm\xd4M\xc5\xb2T\x0b!O\xe2\xe9\x83\xf7\xdf\x00\x13\xf9|\xf6\xb5\x0b^?\x1bp\xb52\x97\xcfs\xa2\xee\x9b\x81-\xcb\x0eV\x92\x1a\x8a\x86s \xb4\x0bD\xb1n\x8f\x1d\xd3qL\xd3\xc4\xddqt\x12o\xe2\x81t\xdd\x1c\xf3\x15g\xae\x0b&amp;\xda+\x14\x17i\x8c\x8aD\'\xb2\x0b\xd2\x0bd\x0cI\x12M4\x0b\x8aH\xd1u\xcd\xc5\x83\x16\x99\xb7\x11\x08b\x18\xa4\xb7\x8ds\xede\xffLk\'\xf92\xa8\x9a\\S\xd2}GJ\xe4H\xb7CA2#S\xa4U\x05h\x88\xd2\xc4eX\x96\x81\xb6\xd3\xc2\x92j\xbbeMe\x1f\xe7V\xbe2\x87i\x87\xbc\x90D\x94\xc4E&amp;\x18\xae\x0cJ\x92\xb8\x94C`\xf9\xc0\xd6\xfc(r#\xd7@/\xab\x84\x92D\xbc\x12&gt;\xbat\xc9\xce.\xb3;\xae\x8b\xa0|R.\xd7\x80\x050z\xb3\xa9\xd8\x9c\x88\xce\x15\xe9\x82\xa0\xbb\x9aH\xeb\xfaV\xcb \xa0\xc8\x11\xc3d\xec\x13\x14\xb0\xbam\x14iK\xd1\xf49\xa2\xaa3,\x82\xa1\x1bT\x13\xe8bTMZ8O7\xda#\x15C\xc8\xc3\xe1\x05z\xbe\xc9\x82\xbb\xa0V0\\\xce\x98\x16.\x93\x93\x93\x1a\xaeZ\x9eq\xb1\x9f\xa9\xee\x05\x92\x1d\xa1\xe6\xb4@0#\x19\x03\x07Dh\xfd\x91\x16`\xa5\x10\x95\xd9\xb2,"C\x1aP\x9aV&lt;G\x13\x98\xa9E@\xa2\x90!-\x02I\xc86or\x19\xd3,\xca\xf9r\xed$S"S\xa3\xc9M\xa8\x19dG\x98\xb3\x8b\xab\xe7\x19T\xf9e\xe4q\x85\x8a\xc3\xa1u\xc1\x8e\x00\xe11qt\xddI\x920\xa5\xe5%\x19\xe5M\xca\x19\x91\x16\x06\xd2b\xe8\xb8\xd6\x1c\x15\xddm\x02\x85\xccR,9,K\xa4\x08\xc7\x82x\x00EQ{\xb1/m\x08-\xf0\x85\x8b\xb4:\xbb\x98\x94\x9f3*p\xd7\x10\xe5[8\xfa\x00\xb6\x17p\x9c\xe9B!\x85\x80\xec$\xb1)\x1c4A&lt;\x17\xe1\x87l\xa6L\x85f3u\xe6\x98\xa9f\x9e\x122;\xb2`\xd6aP\xcd\x97reT\xc4\x85\xed\xd9\xbe\xf4\xdb\x19\x8e\xa0g\xd3\xe0\xe49\xa0(jY\x94o\xff"\x03\xe34\x07\x0b9\xbe\xebG\x9e\x9d\x8cm;\xb1y\xaaD\x0c\x18\xd4\xa2\x9d\x909\xd24\xcd\xdc2GD\x82\x90\x01}\x9bjf\xac&amp;\'\x05\t&gt;\x93\xce\xba_\x16\x9a\xa7\x99\xf4I\x13\xf8\x8c\x96\xb98\xbb\x18\xd8xh\xb3gY\xf4\x02\x82\x9f\xe11\xd5 \xb6\xa9$yN\xb0\xed\x00\xab&amp;\x9a\xaf\xc8\xd9r:\x8f\x95\xc2D\x0c\x82\x00\xad\xc3\xd6\x9d\xb4\x9c\xff\'\xdf\xe2\xa4\xca#\x1a\x86\xdf\x00\x00\x00\x00IEND\xaeB`\x82'</t>
        </is>
      </c>
      <c r="M281" s="3" t="n">
        <v>45492.67671296297</v>
      </c>
    </row>
    <row r="282">
      <c r="A282" t="n">
        <v>875295</v>
      </c>
      <c r="B282" t="n">
        <v>5981</v>
      </c>
      <c r="C282" t="inlineStr">
        <is>
          <t>Matías Viña</t>
        </is>
      </c>
      <c r="D282" t="inlineStr">
        <is>
          <t>M. Viña</t>
        </is>
      </c>
      <c r="E282" t="inlineStr">
        <is>
          <t>LE</t>
        </is>
      </c>
      <c r="F282" t="inlineStr">
        <is>
          <t>LAT</t>
        </is>
      </c>
      <c r="G282" t="inlineStr">
        <is>
          <t>LE/ME</t>
        </is>
      </c>
      <c r="H282" t="n">
        <v>180</v>
      </c>
      <c r="I282" t="n">
        <v>17</v>
      </c>
      <c r="J282" s="2" t="n">
        <v>35742</v>
      </c>
      <c r="K282" t="inlineStr">
        <is>
          <t>Left</t>
        </is>
      </c>
      <c r="L282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e\xfd\xfd\x1e\x17%!\x17#\'\x1d*!\x19("\x1b+$\x1b)\xfe\xfe\xfe\xff\xff\xff/%3(\x1f,#\x1a&amp;,"/&amp;\x1d-\xcf\x8as) /\x1b\x13\x1f\xe9\xb1\xa25\x1c\x1b\xd1\x81e\xce\x87oA\'(:! \xd6\x87j+"33\'6&gt;$#\xb6eN\xc0o]E*+\xda\x8bn\xe3\xa9\x92\xbakW\xdc\x8fp\xe7\xab\x94\xc0wdL.*L02\xca\x83k\xb9p`\xe5\xb2\xa0\xcax_+\x1c,\xe2\x94wQ2-\xe3\xac\x9b\xe8\xb5\xa7\xd7\x9a\x88\xc7rX0\x14\x14\x93[L\x8eRE\xd8\x84c\xc0kS]&gt;9\xa2\x17/\xde\x9d\x8b\xfc\xfb\xfb\xe3\xa5\x8c\xb2l_zPF[72\xdc\x99\x82\xd0\x8cz\x87M?d7-\x7fH&lt;\xb7xh\xdd\x91vG-/U61\xa9iZ\x96j`\xde\xa4\x92(\x17%3\x1b\'\xda\x94\x7f\xa1j\\\xd8\x91{1\x16 \xe5\x9d\x89v?4\x97P?\xfa\xf6\xf6\xabeS\xa5`Q\xd4\x8dw\xe4\xb4\xa6\xb1hW\xc7|g\xe7\x9b~\xbe\xb2\xbd\xd1|^\xc5\xb9\xc4\xe1\x96~\xe9\xaf\x9b\xb1\xa4\xaf\xc9\x89x\xbe\x7fkp8+\xb7gUI($\xe2\xa1\x85tH&gt;\x97dW\xd5\x94\x82\x97\x8b\x97\xab\x9d\xa7`0%A\x1c\x16\xac]GbDA\x9feU\x83\x12(\xd1\x91~\x8eaW\xaao]\xc7\x1d;\xbe\x1b6\xe1\x8cu\x9aXHj@6\xd3\xa5\xa2b&gt;7iGB\xadte\xcf\x95\x8c}q|@\x0c\x1a\xa2[K~XS\xf6\xf1\xf2\xcc\xc1\xcaN48\xc7\x8e\x87q\x06\x12\xbc\x7fr\xb0aL\xcf\x18+*\x14\x1cV.%D9F}\x07\x16\xa3\x95\xa0\xc4\x17+V98bVc\x80&gt;2\xc4\x85q\xb1\x1b7\xb6\xab\xb60 .O%\x1c\xee\xe9\xeb\xd9\x13&amp;\xcf\x9a\x98\xd8\xa0\x8e\x89c`b\x04\x0f\xd6\xcc\xd2\'\x0c\x0e\x85z\x85\x95\x0c\x1c\x91\x190\xba ?\xcf\x189\xa1rg\x87YN\xe0\xd9\xdbNBO\xe7\xb6\xb0\x9b_Q\xae}u\x89\x08\x18\xae\x0f#\x8cG8YMYO\x05\x12\xdf\xa9\x98\xa4WB\xd2&amp;Gr\x14(\xe9\xa1\x8d9#/\xd9\x1a8\xdc\xac\xa4\xcd\x7ft@\x16&amp;\x8d\x81\x8dqOLX?D\xe8\xe1\xe2\xbe\x84|\xbb\x8b\x85m_k\xb6\x19+\xe6\xbd\xbc9.&lt;sgs\xd3rf\xb3.E\xc4je\x80__sT[\x9f\x7f~\xd8\xa1\x9a\x18\x04\n\xf6\xc2\xcb\xa2\x0e\x19f\x0b\x1d\xa6&amp;=\xe9\xa4\x80\x92v{[AL\xa6\x8c\x8e\xdc\x82o\xc0\x0c\x14\x8ajl\xdb\x86\x81]\x0f"\xec\xbc\xad\xc6\x96\x94\xf9\xea\xed\x9926\xd3u}N\x0f!S9B\xc4.K\xc5wo\xadKE\xb1ZV\xa2?CeHS\xb5\x94\x97\xc3]U\xdf\x04\x08\x96on\xbaVG\xf0\x03\t\xc0\xae\xb1\xf4\xe0\xe2A*4\xc4\x9f\xa2\xdd\xb6\xaf\xd2\xae\xad\xd7C`\xe7\xcd\xcc\xd1\x0e\x19\xe1s\x8b\xd6Zt\xf2\xd4\xd9\xd5\xbc\xc0\xe8\xa0\xb1\xed\xb1\xbe\xe3\x88\x9bM\x1a,\xfb\x07ba\x00\x00 \x00IDATx\xda\xcc\x99\xcfO\x1b\xe9\x19\xc7\xe76&gt;\xe5`\xc7\xb640\x96\x11\xe3\xa0(#56\xc9(^p\x04\x84\x19"\xa5\xc5\x05L\xe4\x08R\x11\xc0\xa5\r\xc9\x0ej"\x15\xd6\xb3\x1b\xf1\xc3\xd1FFB\xd3DU\xac6\x82^\xba\x96\x12)\x87\x1crYC\x9aC\x0e\x98\xe6dSq\xc8\x05\xf5@\xa4\x95\x10\xfb\x17\xf4\xfb\xcc\x8c\xc766\x0b\xcef\xa5&gt;\x103\x8c\xed\xd7\x1f\x9e\xe7\xfb~\xdf\xe7}\xc3\xb0\xff\x97\xc1\x9c\xe05\x8e\xc6\x87u\xd8\xefr4:\xb6\xe33a1Ca&lt;P|V,\x87\x19\xa5\x8b\xd2\xeft\xc7~\xceQ\xf3\x9c}\xe5`\x862\x8bCCC\x8bDWq\xdbQ\xfe\xe5\xf8\xa1\xd9\xd2\r\xeb\x07\xfe\xc4C\xefe\xca\x9fg?\xc78j\x9e+\xfd\x0c/f\xb2K#\xfb#7o.md\x10\x80;\x12\xeb\xe8\xa1)\xdbUX\x8e\x9f\x11L8\xb3\xb1:2\xb6R\xc8\xef\xed\xe57\x0b\xdb\xd3\xd3c\xfbK\xd9\xc50\xeb\xf8\xb9\xc1|JXR\ngV\xc7\ny]\xd7\x03\x01A\xe0\xe5\x80\xec\x0e\xec\xee\xed\xac,e\xc2\x0c{\xd2\xa1j\x00X\x87}Q\x91V\xe3u\xac\x8d\\z\x0eYf\xad?\xc2\xd0\xa41`flS\xd5\x15Q\x90EAT\x88\x8e\x97e~}\xaf0\x82\x84\x95&gt;\xcf\x1c\xb1rh*Sy\xe4:E\xa4{\x0c[\x93q\xe6$5`\xc3\xab\xdbyu]R\x02\xa0\t\x04x\xde\xcd\x03JN!\x90\xb1\xef\xa7W\xc3\x87&amp;@\xf5\xd0L\xcd\x870L\xf5\x0bk\xde\xcb\x1e\x8f\xc5\x0ee\x01%\x05x\x8e\xd7\xd7u9\x10@\x9a(Un\x0e_(\xe7n\xf1\xed\xd8\xd2"s\xf4\xd0\xb5\xc8\xd57\x98O\xf1\xe0\xf0\xc6\xd8\x8e&amp;ED7\x97\x10\x14\xdd`B\xe01 \x9b9\xd3S\xa9\xfc\xbb\xdbK\x99O\xf1D\xd3\xb7J.h\xbba\xd9\x15\xed\xab\xaa\x0b\x86\xc9\x8c\x14\xf2\x92*BU\xa2\xa4\xaa\x12\xf2e\xc8\xde\x0eQ\xd7S\xeb\xa8\xe5\x83\x15\xcaX\xbd\xa1\xcbw\x1cL\xf5\x1d\x92\xbc\xe5\xf2\xd5i-\xe7\x97)\xdf\xaa\xc84\x8bT\xe5\x90+I\x92\x08\x07\x99\x01\x92\x9e\n@U\x90\x18\xef\xa6"\x06\x02\xbb\xbb\xeb\xc5\xbd\xb7\xff\xf8k\x86\xa9\x1a\xa7tQ\xba\xc5\xd6\xb1S\xf6\x18\xdf\xaa\xab163\xbd\x99\xd3\x92\xc9\x88.\xe9"\xb4\xee\x96\xdd\xd0\x13\x15\x0f0\xb2\x81E\x0frj\xb7\xb8\xbb\xbb\xf7n,\xcb\xd4\x13\xebq\xf2m\xd8N3cy\r\xb9\x8a(\x82(@\xe2\x1c\xef\xf68=\x1c\xcf\xe3\n\xa2\x92\r2|s|j}\x17ho\xa7\xb3\x9f\xe2\xaeu\\\xf2\xa7"\x9c\xd9\xcf\x89RD\x91\xc0$\x04\xdcN\xa7\x1b\xb9rz\x90"*\x9e\x1c\xc0O\x8f\xc7\x1d\xa0r\xa6v\xd7\x01V|w\x9b\\\xacq;\xad\xf5N\xd6J\xfb\xa1\xe7@\x1d\xce\xac\xa8BB\xa4\x10\x84\x14\xe7t\xbe&gt;p\xcb\x01#Ud\x12\xb2\xccy\x9cNXDJ\x97\xdd\xb2\xbe\xbe\xbe\x9eJ\xad\xef=\x80\xed\xd7\x1d\xd0Q\xf6Z\xd3N\xcd\xce\x83);\xf0\xc9\xect(\xfb\xc0\xed\xe4\x04\x01d\x92\xaa\xf3\x1e0\x18\x14\x1e\xf2\x06d\x08\t\xe39g0\x18tr\xb2\x0c\xc5\xa5\x90\xaf\xddb\xf1/+\x1b\xcc\xe1\x05\xfa\x90\xcb\xdbvj`5\xa4-63\x92\xe78\xe4JH\x08\x92\xa6\xea(\xa1\x87\xe38Op-\xe8\xf4x@\xc7\xa1~()\x85[\xa6%\x12\\E\x80\xed\x16og\x1b\xd4\xd7\xc9\xed4\x0c\xb1\xa3t\n\xec\n\xc9\x8a\xf0T:7\xa0\x82\xe9 a\x81\xc5C"\x03\x1b\x853\x1d=@\x04\x0e\x0e\x8a\xeb\xc5b~:\xd3\xb0\x9d\x9a\x1dj\xa5\xd5\xd5sX&amp;\xbb\xbd\xa7\x8b\xa2"\x81KIJ"\xa5\t&lt;`q\xa3zF\x92&lt;\x9c\x914\x9a\x87\\4\x9aN_;\xc0\x02YD\xec\x81k\xa8z@\xc6\x1a\xb5\xcaN\x19\xd3NKH\x96\xc3U\xe4\xcf\xbe2\x1d\x14\xde\x93\xdd\xce\xa1[\x88$#\x84%)\t\x80\x00*\xb8\x86\x08rF1\x9dF\xce\x0c0\x9a\x90\xd1t\xf4\xb5\xfb5\xe6#T\xbf\xb7\xf7`\x83\xb5\x06\xb4\xed\xd4\x18\xb9\xd4A\x10aI\xf2,[\xa1\xad:\x9dm\xc5s\x1b\xdby\xd8\xba\x92\x8c\x88\xc0\xa2uG\x86\x13 ai*\xa2\xd3 \xb2k\t27e\xcc\x19\x8dF\x0fR\xaf\xa3\xf0\xfb\xe2\xdb\x9b\xe1#\x86\xae{qBm-\xeeoJ\x12\x96?M\x8cD 0A\x10\x03nCB\xc6?\xe3\x11\xca7\xb8\x08\r~\x01r\xfeZ:\x1d\xbd\x96\x8eB\xf8\xaaY\xc5\x86\x96\xea\xe3#\xbc\xba\x95K\xd2\xb2\xacE\x92J\x02\x06\xc1\x0b\x86E\x19\xa91\xd5\x1e$,"\xe5\xc8\xfaQ\xed\xb9\xa4._K\xaf\xbd_\xbbF\x13ro;\xd3\xa0\x9d\xb2\x86e\xd4Z\x9d\xc3R(\xde\xba\xf8q3\x99TUUS\x93\x11\xccC\x01k\x0bG\x93\xaeT=J\x14.\x13b\x02!\x88\x045\xd5\xd9\xa9E\xb8\xb5\xf7\xef\xdf\xa7\xd32\x0c\xbf\xb0j"P&gt;\xecY\xc5\x1c\xeeNM\xc9\xd7\xdd\xf9\xd4\xb6\x90\xe1\xd5MMA\xb2(]X\nQ\x1eR\x0fG\x1e\x81\x82Q\xbe\xee"\x12\xcb\x91$\x96\xf0H\xf7\x1c\x98\xbe\xebBL\t\xc1\xf7\xc4u\xc0\xf3z~,\\\xefO?\xbc:7\xb2\xf3\x19\xda\xcaI:\xfa\x184\xecP\x98\xa2\xf0\xd4\x82\x92\xc2\xdcd\xe9A\x82z\xba|\xa7{\xa0\xa7g\x8a\xa2\xa7\xa7\xab=D\xd1&gt;\x97\xa0tEa\xfe\xb2Z\xd8`&gt;\xef\xce\'\x9c]\xd0\xa8\xbb"{\xc7\x85\xa2\x08\xf0\x00\x81s\x07\x04X\x17\xe5iy\xf9\xce\\O\x17X\xf0\x85$\xb5\xb7\x87fg\x87\x87\x87gB\x9d\x11\xf8G4\xcd\xa3\x17\x93\xf2\xd3\xe1\xc6v&gt;\xec\xa16\xf5P\x0b\xc9,\x8e-\xa8\x98\x86\x8a\x90H\xc0\xb1$\xda\xec$ /A\xe0\x88\x89\x1251@T\x83\xed\x83\xf8~9\xd8&gt;;;\xfb|x8\xd6\xf7\x9b\xd0\xd4\xdd\xb5`:\xea\x0e\xe8\xba\xba9\x12\xae\x1a\xdaR5\xc3\xd8\x13\xcf\xb6S\xe3\xb9C\r\xa3]\xf6\xd2\x1dvq%\xa7\xa9\xaan,\xd1\xb0R\r]\x8d\xa9\xec\xe5\xa7O\xa9x\x13\x8f{^\xbe|98\xf8j\xf6\x15\xfe\r\xce\xce\xcf\xcf\x03*\xd6\xd7\xd77\xf3\xdd2\xb2\x85}\x08j_\xd8`\xab\x866\xad\xc0\xecX\xcdd\xd8vZ\xf6\xf6\n;\xad9yX\\\xda\xcc\xa1v\xa6_I\x12T\x1d\x11\x97\x13\x89\xe5\xe5\xee;`\x1a\xe8\x01\xd1\xe0+\x8a/\xf1M1\x0f\xa8x,\x0e\xae\xd0\xdc\xdd\xb55\x8f\xac\xabj~e\xa8\xce\xd05g\x12\xa5\xa6\xf9D\x8bt\x01\x92\x17\x13\x1c\'$\x14\xccH\xf4\xa6\x91\xc8r\xa4\xfb\xce\xc4\xc4\xc0\xe3.d\'\xf6\x08a\x00}\xf9\xa8\xa9)\xd6\x14{\x14\x8b\xc7\xe3\x1d\xf8\x9e\xe9y\x1a\x0cFy4\x1c\x9b\xfb\xe1\x86\xed\xd4\xb6U\xd6\xde\xa6W8-\x1b\xde\x87\xb8Dt\xa1\x02\xaf(0\x81n\xb8@\xf7\xdc\xc4\x04f\xdc\xe0|\xcc\xefon&gt;\x7f\xfe\xfc\xc5&amp;\x8a\x8b~\xffE\xffd\xd3\xe4d\xbc\xa3\x03`}\xedw\xee\xa2\xcd\xd15mg\xb5\xde\xd0%/\xb3&gt;\x9ca\xcb\x927\xb7\xe4\xa5i\xe0\xb0\x16w\xcbM\xcdU&gt;\xbb\xa3\xa9\xa23\xc8\x89"\x8c)9\xd7\xdd\r7\x18\x18\xe8\n\xa1Z\xfe\xd6\x1b7\\\xae\xd1\xd1Q\x80!\xc0w\xbe\xd9?\x89\xf0\xfb\xc1\xd5\x17\xeaN\xc0\xdaDU\xdb\xda\xb0\xe4mm\xf6m;5;_\x83\xc2\xd2Vu\xd3|\xb4\x9d:\xc2\x1f\x174\x11\xc3\x07\xa4\x9c\xb6\xdc=5@\x1e\xf5\xb8}&amp;\x16ok\xbdq\xc6\xe5u]\xb8p\x81\xb8\x10g)\x9a\xfd~P\xf9\xdb\xda\xe2}\xcf\xa7\x96\xb1L\nR\x0e\xd2*\x9b\xe41g\x10\'\xedN\x99\x8d\x82*x\x9c\x9c\xaev\xce=\x9d\xea\x19\x98\xe8i\xefj\xbf\xdf\xd6\n\xa8\xd3^\xaf\xcbua\xd4\x023\xa8\xce\xdbXm\x10W7\x9a\x1eA\xcf\xef3\xbf\xc0A\x92c?\xafp\x1e^\xd1\x16\xa6\xba\xc9\xc5C3\xb31\x03\xca\xd7\xe2\xf3\xfa([\x14\xa3@\xa2\xaf\x8b\x93F\x15\x9b\xc1\xd5\x07\xa7GK+\xed,}\xc2A\x12s\xe8 \xc9&gt;6*\x9d\xfb82\x05M\x11\xf5H\xee^\xd7@\x0fL\xbc\xef\xca&lt;r\x85T\xf9Z\xc0\xe5\xf5ZXTF\x08l\xb2\xa9\x89\xb8\xda\xf0\x92\xfb\xa1)\x18\x9c\x94+\xac\x96\x86\xb6\xa4e\xe9\xbcR\xf2\x0e\xb6\xd4\x9d\x9el\xa9\xc6\x88P\x97\n\xcb\xea\x0c\xdd\x0fu=\x1f\x8e\xb5\xb6\xc5Z\x9b!+\x97\xcb,\xa2\x95,0\x19\xf3\xb1i\xb2\xe9Q\xd3d3\xb0\xae\xcctF\x94\x88\x9a\xdb\xca\x1e\xb5!\xab\xaf\xad\xda#\xdd:\xa7=x\xed\xfeNNE\xbb\x12\xba\xd278\x1c\xef\xb8A\xf3\x0f@\x04\x06,W)Y%\xac\xa68\x92\xd5\xdc\xdc\xda:~\xbfk.\x92\xd4L\xac\xcas\x8ec\xce N\xba\xefY-`\x05JN=\x1f\xbf2\x1c\x8b7\x9f&gt;M&lt;^\x88\xe9\xac\x8b\xec\xc1\x9a\x8b\x17-,2.h\xab\x15X_\xff\xa1sN\xcb-le\x1b8\xd2\xaf&gt;Hb\xace\xb3\xb4\\W\xad\xac\xd9\xad\x85\x9c675\xf3\xe4V[\xbc\xa9\xd5\x0b&amp;$\x0be#,\x97\x81EE4\xcd\x0b\xb3\x90\xa6"\xb0n&lt;\x19\xff\xfajg\xce\xc2\xaaY\xaaYs\x8fS\xd13\x18\x07I\x86\xf1\x966#\xd6\xbe\xa4\xcef\x9f^\xbf\xb1\xbd\xb9\xa0i\x9d\xf7o\xfd\xe9t\x9b\xff\xac\xcb\xeb\xf3\xf9HUf\x11G\xf1H\xe9\x1a\x05Y\xb3\x11D\x05i\xfd\xf7\xc9\x937/\xae.,lVk\xab\xfca\x86\x92,P[[\xec\t%O\'5\xc0\xea\xec\xbc\xf7\xed\xaf.\xf7\x9f1\xa8Z\xcc9\xe8\xf5\xfe\xc7\x12\x17\\\xd5\xe5",\x7f\xb3\xbf\r\x16\x0f{\x00\xd6\xad\x87\x0f_\xec&lt;\xdb\xd9\xce\xfe\xe4f\xff\xd3\xec\x94\xda\x88\x8f\xcf\x9e-\xdc{\xf3\xc7/~\xdf\x7f\x8a`|\xbe\xdes-\xbe\xebH\x1a\xd1\xb9\xbcfY\xbd\xe4\xf0\xf1\x18\x1a\x08\xac&lt;\x1d\x1dm\xad\xdf\xbey\xf8\xe1\xc3V\xe1\x87\x8f\x1b\xbf\xcc\xb9|xz\xe7\xea\xd5\x17\xdf\\\xfa\xe2r\x7f\x0b\xd5\xcfw\xbd\xb7\xb7\xbf\x17\x0f\xd7\xff\xdc\xdb\xdbb\x82\xfa\\\xa0\x8a\xc7\x86\xe7g\xa9\xe3\x1a\x1e\xee\xeb\xb8\x02\xac\xbf}\xf5ak\xeb\xc7\xcc\x91\xc7\xfbG\x9f\xfd\xdb\'\xee\x96\x93\xb1\xd6\xf2mL\x0c\xd3\xf2\xc2\xfb[?\xfc\xf3_\x7f\xbf\xf4\xdb\xcb\xfd\xd7I\xed\xa7(\xae_\xef\xef\xef?\xf7\xbbs\xe7\xc0\xd9\xd2{\xcew\xa6\xd5\x1f\x9b\x9f\x1d\xa4\xc69\x84\x87P\x1fa}\xf3\xd5\x8f\x1f\xb7\xf7\x87\xac.\xc0\x1e\xb0\xbcT\xd7\xda)S\xdb\x06\xd6\xfeO\x8fq\xc5\xde\xdc\xdez\xf1\xe1\xdf\x97~\xdd\x7f\xea\xf4\x9937Z\xcf\x8c\x8f?\x19\x1f\xff\x1f\xabV\x17\x92\xd8\xbe\xc5}\xd3\xa7\xe0\xa2\xd0\x83\x1bQ&lt;\xb8\t\x19\xf2\xb8\x13\x12\xe7\xfa\xb5\x05\xbb\xe0\x16\xbfQ\xe9n\xf0\xe34\xca1\x11\x13\xb6\xcd\\\x05\t"\xa1\xb7|p\xf0\x0e\xe7&lt;\xd5\x90A\x0fA\x90p\x99\xe2\x04\x1ea\x84\x0b\r#\'\xa8y8\xda0\x91L\x9c9\xf4P/w\xfdw\xd6\xd1\xcc&gt;\xe6\xce\x9f\xdd \xdb\xa1\xfdk\xad\xb5\xd7Z\xbf\xdfZ\xc1!\xab\xc7D\xd3~\t\xd8K"\x87\xfb.\x00e\xb4\xc7\xa0\x8d\xb6\x87BKDy\r\xc1z\xfe\xe9\xd3\x85z\xc0\x10\xe9:\xb6x_\x15[\x9c\xd7\x7f\xec\xecd\xeb\xe3V\x8fN u\xe5\xdc\xa9\x94\x19\xe8\x04\x916K\x05V\xbf\x1f\xc5\xbfDb\x12H\xbd\xb9\xb4\xde\x18\x8a\x15\x8b\xa1g\xa8\xbd\x8f\xac\x1d\x80\x13\x9f\xff\xf1\xf9\x91J\xd2\xc3\x85\xa4\x97\x9fwvJ\xf5\xd1\xa4.\x98J\x94\x95\xca\xb2R\x0f\xcd)\x14\xc8\x9cT@\xef\xf9!\xfcE\x12\x93G\x8a\x9b\x13\xc0~\x8c\xf0\x05K\xca\xa8\xedR\t\xc1\xbax\xf3\xc8\xe9+g\xe0\xd8\x88\xdb\xfb\xc1y\xf1i\'\xfb\xefh2\xd0AedQ\xe9\xcb`.\x8b\x7foO.\x19\x16\x99\x86|\x1a\xe0\x15\xe5D\x822S\x14\xb4\xf2\xe6\xcc\xf6A\xe9\x00\xc1z\xc9Q;\xe7n&gt;\x8b{uu\xb7\xc6\xdcn&gt;\xd6\xa5=\xf5\xb5\xd9\x9d\xae\x12\xbc8\x8f`e\x12\t\x00\xa6G\x96"\x94eJ#\x95y\xe8\xbd\xbd=\xc8\x13\x02\x19\xaeI\x99\xcb\x04\xba\x0f\xc8R\x1a\r\t\xb0\xc0\\\x00\xcbyvpp\xe6\xec\x9b?\xf0\xba&amp;\x11\xbc\xce\xd3\xb8\\.\xa7\xaf.\xdf\x12\x04\xecW\xdc7\x7f"X\xd1\x00\x99\x81\x8c\x84\\E \xae\x9aN\x91Ad.\xbfd\x98/\x95\x82\xb1\xd2\xfa%\xe4C\xa2\x9c.\xbb4\x0b(=\xc0u1w\xb6\xe3&gt;*\x1drn\xce\x1fx\xb7\x0cE\x1f\x1e\xf2\xce\xd39\xf5\xcb\x0b\x805\x1a\r,\x90ARc\xa6"+\xf6\x10"?i\r\x89\xcc\xe5GI\x0b\xd7\xb8\xd3K!\xb8]\x8c\xa1\xe0J\xbb\xc8\xed,\xc0*\xed\xfcy\x01\xa8j\xcdS\xf57M\xa7\xea\xb3\xe7_\xce\xe1\x0f\x9e\x1f\x1d\xd5\x05\x02\x85\xa0\xc6]\x8e\xcc\xcc\x16\xa7\x8b1H\x05i|\xc8C\xfb\xfd\xa2I\x05$\xf8\x1c\xa0\x8aMO\xff&lt;]\x9c\xb5\xeb\x1d90W\x1d\xbc\xb8\xb3\x96\xc9\x1d\xd5\xaa\xb5S\xf5\xfd#T\xdeC\xbe\xbd\xcct\x87Q\x9f\xb8tv6\x8f\x9c\x08\xf6\x82\x04A\x18\x9f\xfe\x00D~1\x04\xd9\xc9\\\x192\xc9\xe5\xc3\n\xb10\xefv,\x85\xec\xb3\x8b\xdf\xfd\xfc\xaf\x17\x13F\xfbz\xceKn\x97\xb2\x00\xcb\xbc\x01\xa8\xda\xedsuw\x1a\x1f$$\xf5H:w\x95\xeaC[\xa3\x8ae\x9f\x07\x92\xa3Q-\x94j\xdc\x9b\x0eE\xd6\xfe\xf3\xe2\xfb\xe2\xec3\xbb^\xef\x96\xfa\xa0\xf2L\xaa\xf2\xf1\r\xc7\xba\x11X\xd1\xe2\xf4\xf4\xdf\x9f.+\x8dK\x0e\x14]\xf3\xd9\xfa\xb6&amp;\xac\xa8V\x7fiC\xcc\x7fK\xe63\xd7l0|\x05&amp;\xd3E-\x16\xadG\x86\xe5\xd6\xf5k\x07\xb3\xd3\xd3E\x03\x90 \xb7\xc6\x8bA_\xa3\x10"T\xeb\xa1X\xcc`X,\x1aV\x08"\xe1\x06\xc2\x8d\x03\xae\xd26\x8e\xf1\x1b\xc7\xff\xfd\xfd\xcc\xf9Mc\xcbY9n0\xa2a\x8f.i\xb5Z&lt;\xa8\xf2\xa5\xa8\xb5e#\x90E\xfb\xd2:\x90\rlrlR\xd5\x06X\xb94aG\xf9\x0c\xd2Y*Ej\\q\x97\x99\x04ke\x0b2~\xf5\xf8\x97_\xcf\x9c\x8f\x8a\xad+\x8e\xdfIn=i\x0e}\xa7\xdeoW\x199m\t\xe8\xacV\x13\xbcr\xd2`\x90\xdc&amp;\x13ib}i\x89pK\xa5\nh\x00U\xed\xfc\x86\xc3A\x18\x8dl-\xd4\xa0\xe3r\xc5\xe3nx\x19\xeb\xd9\x80\xa0\x01\xb0.c\xabKP\xb8"\xf8](:\xba|G\xd2\xe1\xf5k\x15]\xb7\xd4\xe3-\x05\xe3\xb7Y\x90\xb5&lt;\xa8\xeb\x93\t O@6X__O\xbb\xbd\xd8\xc8\x08j\xe4\x85qp\xe2\x122 \xe1F\xa8\xcc\xae|&lt;~\x84/ ka\xc7\xd5\xea\xaf\xc7\xa7\x1d\xb6\xdf\x95\xb3\xbb&amp;\x12\xbc\xeb\xe9\xeb\xc3\xc6\xf8&lt;\xce\x13\x80E\xd3\x96d\xd4j\x15\x01,\x99L\xe0\t\x14\x9a\xb8\xd7\x9d\x86\xd6\n`M\x8e5\xaa\nU|\x03\xc1\x82\xe3\xc8\xa1&amp;\xd0\x0b\xb0\xf2a|\xbb\xb4U\x92\xb6Z\xc7\xd5\xe3\xca\xe1\xa0\xad\x18vZ\xf0h\xe6\xc3Y=\x9ed$\xd0]Y,,,\x006\xe4\x19\x92\xf9\x00W\xce\xe5\x95\x8e\xf0\x1b\r\xa6QU\xe5\xf3\x0e\x87\x03\x01\x03\x13\xba\xbc^V_\x02X\xf5\xd5,\xde\xfa\xd8RT\xebs\x9c\x81B\x12\xe7f\xa9~\xc89\xe37D#Xe_\x8b`!s\x81\x1b\xa1\xe9\x12{\xf3y\x0c\xb8\x0f\x03\x07`\t\x85\x1b\x1b\x10_H\x1ad\x05\xb8&lt;p\xd80&gt;\x0f\xb0j\xed\x0f\x1f\xdb\xd5/\xce\xfb\xc9~WZ\xe3]/\x84\\f\xabK\xf9\x88\xd7\x19n"\x93\x9e[\x18\xbeP\xe8\xb3j\xa3\x10[c\xc8^&gt;\x1f\xa0\x02\xee\x0c\xb9aX$\xef\xc0\x82X\xda`\x919\x1c\x00\x0b\xe8"PFr~ku\xbe\xd9\xfe\xf0\xa1U\xbdJ[\xbd\xdd\xe9\xb5un\x90}ng\\p\x8d\x8f\xfb\x17!\xebp\xb4C\x1b\xa3h\xab\x1a\xb4g\xd4\xe2a\xbbv\x11 \x1b\x01\xd252,\x910\x12F\xc4x\x1a\x93`-V\x10\xcc\xb3be^\xc8\x12F\xac\x99]\xddba\xb5\xabo\xd4\xfdd\x9fw\xfb\x98\xf3\xae\x1d\x91k\xc9\x80\xe7\xdcl\xa8Z\xc7\x8c\xcd:\xae\xb5\x88$\xc8g\xd0_!\xd1\x88/2\xa1\xc6T\x04\xd6\x9aT\x00,\x88&amp;!+Xn\xc4\x85*\x0cp\xe1\x00\xab4_\x8b\xb7\xda5(\x89\xdc\x07n\xcc&lt;\x94\xf7&lt;i\x1c\xb7\xda\x8c-0&gt;N\x9bLrF.g\xa0\x91\x99\xe4#\xc1F$\x91\x83\xc5\x98\xc6\x98B\x15f\xfd&amp;D\xce\x8c\x0b\x85\x88`c\xd2@i5K\xa6\x1d\xaaj\xad\xe6T?z\xebi`\x08\xb2\xceV\xff\x8d\xa9\xb6\x15\xfe\xcd\xa1\xe8\xa8\x05\xca2\xe0b\xa0\xed\x1b\xe3\x83\x0b\x01\xa5\xc4\x0f\xc1\x05y^\xa5\x92\x8aY\x85\x12\x80!\x1d\x15R\x99X\x1a\xa8\xaf.\x10\x0eq\xb5v\xf4\xbc\xe7iw\xc5\x16\xe7\xe6\xc2\n\xaf\x7f\x99\x85\xad\xa3\xbb4\xd3h\x0c\xfbm\x050\x97\x9c\xc5\x85\xf46D^\xe5~\xbf\x1cu\xf2c\x90P\xc3Ro\x07\x97\xb8c,\xac\t\x11\xbf\xa0\xc1}\x95J\xe5\xfc\x9ee\x16^\xcf2\x0bo\xd02K\xf7\xadsK\x83\xa6\x87\x05\x9b\xe4\xe8\xb8\x16p1\x88RK\xd8C\xfb\xe9aD\xac\x01V\xf8H\x8a\x871$Q\n\xc5*\xf6`\xcdJvk+\xe3\xc5\xb0Ze\xd59@H\xead\xaf\xaf\x11\x92\xe6\x9ehm6\xda\xb4\xa9\t\x8cj!\xba\xc0wp\xc9\xe1\x1f\x89\xc9F\x0f\x9b\x90\xe5\xa0\xf7\t7\x9b8\xabA\x88\xc5\n\x85J\xa1\xc0jM]}\xab\x9er\x89\xc3X\xf6\x94\xf38!\xe9a\t\xf5\x89\xcd\xb6i\xa3\xcd\xc1\xe8\xb8\xc5$A\xde\x93\xa0 \x03k\xd9\x80\xbe\xca\xe1\x82\xcc\xd5\xd4\xe9*R\x0c\xc3\xe0\x1dD\xea.6\xe2\xabD\xeb[\x07\x94K\x8c\x05v\xef\x8dw\xee\xfd\xddi\xdf9\xdc\xfd\x87\xcd\xe6\xa7S\xa9$\x10\xebKXr9\xd8\xcbD#\xb8\xb6\xcdM\x08\xbe\xfd\xca\xf8\xfe\xbe\x8f\x15\x92.5\xe7\x11\xf0!\xf4\xa6\x91T!\xb9{\xd8\x9f\xc6\xb9\xbd\x1fzC\xfe~]\x9eMu\xa7\xbb\xe34#\xcf$\x16\xb4Z\x0bx\x11\x99\n@\xc9i\x1ap\t,\x9b\x9b\xfb\xcc\xfe~\xa5\x89\xb3\xd6\x023\x8d\xb0W\xa52\x9f\xddY[&gt;\xf8r6\xc7y\x9cv\xfa`\xfe}\n\xf6\xd2nG2I-D\x17\xbc\x7f~\xf4\n\x02*\x8b\xb5\x92\xc3uQO\xa5\xd2$\t}\xd9\x15F\xa8\xf8H%\xf4\xc9*\x95\xed\xf9\xb5\xb7\xef;[Iw&gt;\x8c\xf3u\x0b\x9e\\\xb5\xf3|w\xf7M\x84\n&amp;-\x10M{{,0?m\xf1Tp\x12_\x08\x14H\xdcL@\xc3J\xb8\xc5\x18\xab\\\xf2G\x00Vaam\xf9\xe4\xfd\xeb\xaf\xd8H\xba\xe4\x1f]\xff\xef\xb2Tw}\xe2\\i\xf5\x1c\xce\xdcr$S\xd0Y\x11\x8d\xf6\x03g\xf5\xd3Vk\xc0\x9c\x06*Ke(\xa5=\x06\x14\xcdN@_\xe8c\x9b\x1f\x9f/HR\xcb,\xac\x1e\xd1\xa8\xe7\xc9\xdd\xb1\xd5\xbf(\xc5\xeb\xda\xbd\xeb\xaf\x89\xd7\xb6U\xbf\x9d\xa02\xc1\x82G\xbb\x87\x8e\xdf4\x14$\x95\xc6\x90\xc1\xf0bv\xd6\x00\x84\xe7\xfb\x1f\xbe\x8b\x85\xec\xfa\x1c\xee\xf3A\xeb3T\xc8\x94#\x13\x13\xbf\xbd\x7f\xcd\xbd\xf1\x0bo_\x1e\xbeZ\x94\xbaM\x97\xbfkE\x9a\xcb\x05X3\x14\x19Hj\xa7\x10,\xad\xccE\xe8\xed\xb3\x86\x17\x8b\x8bEv@\x8cf\xd7\x8b\x86\x90\x9d\xf0\xca\x04\x02A\x81\xa4"\x91\xc8\xc4\xc9\xa7\xd77H_\xd7\x867\xa7\xebF\x0f\xac\xc7)&lt;\xefOf&amp;R\x99\x02\x825\xa5-\xa0h\x9ae\x07y\xb1"\x9aZ\x17\xd9\xb3h0\x96\x83C\xba\x02\x99JDf\x96\x97\xdf\xfe\xf8\x863pM\xff\xe6\x80\xbcS|n\xa8F\xbd\t\x96\xdb\xab(\xa1\xf3\xfed\x82\xa2(R755\xa5\x1dJ\x11\xc6g\xf6\xa7+OW\x94\t%\x101=\xf0\x9eg\xb3\x86\xd8\xe2\xa2\xdd\x98\x08 !,\x81\x8c\xf5\xf6\xf3\xcb\x81\xbf\x90;8\xe4;b\x11\xe7z\x04yc\\\xc0\xeb*\xb1\xbc\x1fO&amp;\x96)*\x15\xb4LM%\x83\tB\xbf\xb2\x12Y#\xc9\xe0\x02iv\xbb4fw\xa2\xac\x04\x03\x1af\xed\xca\x85\x00\t\xa0ff&amp;N\xde]\xcc\xf5\xeaG\xbc\xbf\x86\x14&lt;\xce\x8d\xbd\x82\xbbJug\xa4\x7f\xdb\xde\xe9?O^\x01\xae\x8498\xae\r\xa6\xca\xca\x08\x95!\x17\x9a\xcd\x1a{\xc2GGG\xee#w\x99\x95s\x83\x81\x0c\x0b\xeb\xe4\xb7w?9\xfb\x9fqU\xaa9\x8f\xde;\xbd\xf5\xfc\xf4\x0e\xc1\x8a\x94S\xc9$rR\xc2\x9c\xc15G\xe8\xb4\x8eZp&gt;~\x84&gt;\x9eP\x96\x95\t2\x90\xa1XX\'\xef^\xab\xef\xef\x80\xff\xcf}\xf9\x97\x00k"\xa2LP\xc1@\x01p\xa5\x11Q\x040p&gt;\xa0\x9f\x0f\xc0\xc7BKis\n\x8c\x98\x02T\x13\xaf^\x9d\xfc\x8f\x94s\x8fi\xfb\xba\xe2\xb8CB\x80\x14\xcc\xc8\xbc\x8aD\x9a\xbc\xc2\x86#*\x17\xc5\xf9\xc3\x0f&lt;;\xc4U\xb1\x01\x1bk&lt;\x04\xa9\n\xfd\xb1\xe1G\xd3i\xf1\x0b\x85\x04g\xc4l\xd8"\x94Y+\x1e\r\x05\x87b\xe3_\x9a\x80S\x90y\xb4i\x04\x8c\xa6\xa3,\xe5\xf5G\xb5$\x1a\ts\x95hS\xa4\xb0\xb4l\xc0H\xb6s~\xe6\xe9\xd8\x10\xba\xf3\x03\xd9X\xf6O\x1f\x9f{\xee\xf7\x9e{\xef\xb9|5\xb8\x93\xact#Rt\xb0\xd4\x85\xfdT\xcd\xcd\xb1V\x83\xc1\xa01J\x1a\x01+\xff\xdc\xcf\xae\x9e\xbb\x8f~\x02\xa2\xbb\x01\xbaw\x7f~\xf5\\&amp;r\xc9\xa5\x1a\xb2\xb5u\xec\xd6\x1b5\xdb\xd4\x9dn\xecg;\x1a\xaa\xd7\xeb\xf9\xf9_\x01\x96\x90\xd4\x18m\x04\x01\xa1\x9e\x92\x92\xcc\xfa\xfa\xf6=\x08\xac\x7f\xa0\xdd\xff\xc5}\x98e\xb3X\xf9\x05\x99\x12\xb3\\j \xc7Zo\xfd\xfa\x12?*\xec\r\xa3ikjJ[\x1d\xaai\xa1b\x8b\xb6Ea1\xbc\xc2\x7fl\xb1\xe0\x9e\x94\xc7\xa6\'$et\x05\xd8m\xb0{\xf7\xfe\xf4\x05\\\x9f\xb0~\x04\xf9Crqz\xa6\x11\x06C)i\xb1\x8c\xfd\xf9w!\x0eg\x84(\xe3\xdff]\x9e\xb6\xc5\xd1$x\x85\xff\xad\x01\xb0,\xa4F\xd2Xf\x96\xd0!\x99P\xd0o\xdf~\x8a`\xf7\xbe\xf8\xe4k\xdcq\x85\xa10\xddlF,\xf8\x06cc\x17\xf9|Z\xa8u\xf7\xad\xceA\x05iZ\xd4\xda^\xe73k\xe8+o\xe5\x7f\xd3i\x10\x82\x91f[cY\x19`\xbd\xfc*\xbd\x18\x14"=\x1d:d:\x0bw\xeb\x8aS\x8a%F\xa3\xd9\xeci\xb5\xb4\xb6\xde\xbaY\xf3L\x15\n-\x9c\x9cn\xda&amp;X=\xf4\x11P\xac\xd5\x17\xd6\x14vE\x06\x03o\x02\xac\xb3r\xa1\xf0\xba\x90\xf4H\xa0+\x12\xa2\x92\x92\x97\x18\xac\xa2sG\xae\xe2\x12\xdc\x91s\xf9TqD\x8a\xe4\xcaI\xb3GJa=\n\xdcz\xb5\xechu*\xb5V\xe0\xb7!K]+\x94\xda\xb0\xfb\x1a\xb5\xa1\xee4\xe8\xd9\xc6\xc2~\xfee\x19\xa1AoI;m\xb6\xb2FH\xbd^})\x85\x95\x7f\xe4]\\\xdc\xe5\x14\xb0\x80\t\xcc\xc8\xe1x\x10\xcb\xd2z\xf3b\x88I\xd5\x9a\x8c\xaf\xac\xcbS\x8bo\xabC\xf5\xeaP\xb3\xb3\xd8\xba,\xe3\r\x19\xd4\x16\xa1\xc1,1K\x08\xc0*yY\xc1(3r\x8e\x1d;z*=9\x85\x8e\x1bh\x8d\x99\x1c\x8e\\*m\x1d\xb3&lt;||)\xcc\xa6N\xf0\x9f\x9b\xc6\xec\x1d\xcb)\xff\x1b\x1e/\xad\x93\x04wy\xccF\x1b$8*UI\x89\x82\x91\x9cYPPPT\x86\xcb^\x88e\xe4h\x90j\xac\xb5\xf3\xf4 \xed;[\xf4\xf3\xae\x05\x00\xd6e\x9e\x92\x976$T\x930\x06\x01V\x9fRU\xa2(LIN\xa6\xa2\x1d\xeb[\x18\x8c\x14I&amp;Gc \xaf_\xb7&lt;\x1c\xde\x06+\xfc\xfa\xd6sT$m(j\xe7_V*\x95\xb2\x163\x84\x97A\xdaI\x88TJ\x95\xa2\x90^LQ\xb1\xd2\x8b\x8aX\x922P\x7f\xf9\x11\x8d\xc1Ru]:\\{zp\xe3\x92\xff\x9a,\xaf\xd7\xce\x04B*\xdc\xba|\xd8J\xd0 \xa9Co\xf5%1[\x86\x8f\x81\xd4{l\x84XO\x10ee\xac\xcc\xfc"VQ~\xc1\xa9S\x9cLI\x99\xd9l6\x90\x16\xb5\xda`\xab=\xfb\xf1\x85\xe8-\xee\xbc\x9e\x9d\xfe\x9fGD\xa2\x00K\xc9c2{\x86*\xcf\xa8\r\x9dC6\xe3\x95\x93F\xe3\xc9Lc\xa6&lt;\x13\x93-\x0e\xc91pH\r\xa9\x16\xaa561\x81X\xdf\xe5\xc4]\xf8b\xbd\xe8\x90\xf5{\xfc\xcf\x00K `2[&lt;\x19\x19\xd0\x8e\x90\x13j\xe4\xf2\x93r\xa3\xd9(\xd7pH\xe1QR\xadF\xb9\xcdPKmt\xba\xf8\xec\x97\x8fO\x0c\xf2\x9f\xefTT\xf4\xe62\xfeM\xc3\xc1z*\x1a\x1d*;\x1d|t\x1a\xb1T\x00vVZ\x99\xa1&amp;!\xfd\xd4x\xa4\x013\x90X7\xac\x06\xae\xaa\xca\x0c\x8d\x84`\x00\xd6\xfb\x0f\xfb?\xbf\x98G{\x9eSQ[/$\xadO\xd1\x82w\xa9\xa2\xf9\x83\x7f\xfcU-`\xa9\x10\xab\xe7\xacG]\xa9\xb6\x90\x06\xa9\x01\x7f\xc0H!L\xcc\xaa\xaa*\xcfT\x9d\xa9\xd4\xd8\x1a\x19\x14V\xebx\xd6\xe7\x17\xf9\xc17\xa4\x85\xcfN\xc3\xcc|B\x1c"[m\xc0\x9a\xb7\xc6\xdb:y"\xc4R\x01WK\'\t\x01\x06#\xf7u!\xfa\xa8J\x8d\x95\xd6`\xaf\xd5\xab\xe5\x04\x01J\xc1\x10\xa7\x01\xd6\xf8\xee\xb7\x06\xc3\x9fO\x0b\x99+\xecH\xde\xf2~\xf37\xc4\xe2\x01\x16\xe5/Y\xcb\x10y\xa6\x1e\xfc\x13\xc0\xa9\xffi=U\xbf[\xff\xb6Z\xdeH\x07\xa8\xef\xd3\x01\xebf\xdb\xf8\xf8Go\xf0\xb7\xdb\xa7\xdf\xe2\x95mK\xae?=?\xfe\xcb\xa1&gt;%\xb6"`%1{d\xc3\x86\xcaz\x00\x02\xc3\xf9\xe1{8\x89\xad\xcf8\x1a\xa0\xc2F\xd4~\xf9\xd7\xd7\xc6\xc7c&gt;\xbdx\xa1\xa6\xa6&amp;\xc4\x92\xee\xf6\xa7\xa2\x82\x9fDm^H\x8a\xe6_x\xf3\xc3\xf16um\x1f\x98J\xc5L\x120\x93@\'` \x82\xa9!5\x81E\xab\x7f;\xe3\xd8IHZ\x19\x01\x13\xeby-\x9e\xf7\xc6#&gt;\xfc\xe0\xc4\xeb\xaf\xff\xe1?\xffZ\x9a\xe1G\xedh\x9b3D\t\xcb\xba\x84\xc2\x17\xad\xb9p\xe9\xc4G\xfd\xe3\x196\x1eb\tP"\x80+\x89)\x93\xf5\xb4\x0c{\xa40\xa9\xbf\xc2\x01\xd5\x92C\x1a\x96R\xbcJE\x17\xeb\xd3x6\xf2\xf0\xf9\x03\xef\xbcs\xa3\xffZ\xef\xf4\xe2\xf2\xd2L\x1e-T\x19?m\xc7r\x1a\x95\xf7\xed\xdf\x1f\xbd\xf9\xc1\xef\xdf\xb9\x91}xH\xabD,\xd0y\xe0\x02*t\x18\xbb\xe7\x95C\xcc\x96\xb44-\x08~cc#\x95\xd9`a\x10\x03tK\xacM#\xe4\xe5\xb9\xa9\xb11\x07\x00\xcba\xea\xf0-.\xcf\xd0v\xbe\xfb\x1a\xfd\xcc\xbchfy\xde\xdf\xfb\xdf\x7f\xde\xb8q#\xe6\xa0Z+\xc2\xa8\xeaS"\x14r\x01\x18\xbb\x87\xcd.M\x12\xa8D\xa2B\x1c\xa6\xd1\x8a\xd7\xb0\xf4\xda4\xbd\xf9\xc7\xd9MM\xb1\xb1\xd9\xd7\xeeL\xbb+*L&amp;\xff\xc2\xd2\x0e\xca\xf87kg \x99\xa4\xe5M&lt;\x9d\x1f\x18pOQX\xfd?\x94\x8a\x8e\x1fG.\x88\xf7\x15c2el6\xc5\xa5\x04,\xc4A2z\xa1\x02\xc1\xc4\x10\xf3"\xb1\xb9&lt;7611&gt;5\xfb\xf0lo\xaf\xeb\xee\xb4\xdb\xef[x2C%\xf8ku\xce\x1bw_\x03\x15\x83a\xd7\xe5i\xfc\x99\'\x0b\xf3\xbe\x81\x01\x1fw\xf6\xda\x01\xb0\xa6\xf2N\xd5\xf1\x808@\\\x95R\x17x\xeb\x10\xbb\xa7\xa7\xb4\x94\xa9R\xa40\x02T\xf0\x10\xc0\x020\xad^,/\xcf\x02\xac}\xa9\xa9m\xb3w\xa6\xa6\xa6z]\x0e\x93i~\xf1\xe9R\xde\xca\xae\xefZ\xba\x1aPy\xbch[\xfc\xe3\x82\x89\xa7\x8b&gt;\x93{tZ\xd7\xd0]\xdd\x8fX1?\xe8\x14\x04\xa0P\x1d\x92\x92\x80E\x06\x0f\xec\x84\x84\xd2\xd2\xa4&gt;\x11\x1ds@\xa4*,,T\x14B\x8b"\x96^O\x18\x0ef\xc5\xc7\xc7\xc7\xed\xce\xaa\xd6q\xbd\xde\xc9\xf6\xae\x06\x1dw\xd4\xed\x9f_X^\xca\x0bN\x85i[\xaf\xcb\xe7\xcd\xa1\xa3|\x1d\x0e\x97\xae\xb7\xb7\xb7;7\x06\xec@\xd3\xc1\x87L\xc4b\x06\x02\xbe\x14\xb0\x10\x8e\xc9F,\xa5\x02\xa3\x89\x01\x9d\x10\\\xa5\xc8Y\xc1\xa2\x13\xfaZ\xe1\x8b\x88\xb5;5\xab\xda5b\xb7\xdbG\xb8.\x1d\x80\xb9M\xbe\xf9E \x9b\xe1\x87\x99\xec\x07\x1f\xaf\x83\xc6\x9bX\x06(\x93\xdb\xc1moo\x9f\xe4r\xa7\xae5%&amp;&amp;\xc64\xf5\x8f\xb1U"\x9e\x80\n)t\xd6\x8aAd1!\xb2\x90\nY\xa8\xcd\xe3\rXgr\x01k\xdf\xde\xddY\x87\xa1\xfd \xe8+*\xf0\xbe\\.\xd7\x01.[|\xba\xfc\xd9\x1c\xa5\xb3A\xcbnA\'ChyKO\xa0\xf5\x06\x06L\xf0\xad\xba\xda\xbd\xf6:{\x85\x95\xc2Jl\xea\xafb\x0bD(W`l\x8a(\x812\xf0\x9e\x08rThD\xea\x17\xa8V\xb1\x0811T\x9e\x9b\xb5/&gt;.r\xef\xee\xb6\xea;\xbd.\xae\xa3\xc2\xd4\xd1Q\xc1\xed\xd2\xe9\\\\\xf0\x99\xdf\x0fd\x13s5\xfc-\xd6\xe5\xa3\xa2j\x96\xb0\xf5\xf0+y\xbb\x1a\xda\xb9\x15\xa6:\xf0\xba3\xe0\xad\x98\xfe\x9f\xb4P\xd1\x0e\x17P%\xacR%P\xfa\x00\xe1\xa4\x10\x17"N\x8e(\'\x07)\x81\x8aN\x10\x9e\xfd\xe7_\x88\x8b\x8f\xdb\xfbBV[w\xb7\xd3\xe9l\xa0\xc8\xb0%\xba\xba\xe0\x99\xdb\xedpPdKs\xeb\xab\x02\x1b\x95\r\xa2|f\xee\xc9\xa2\xbf\x02\xc2\xdc\xa5\xb36x\xed\x03\xcduv\xc7\xb4n\xaa:;\x96\xc2j\xda?,\x13P\xe2\x9eD!QX\xaf`d1\x05&lt;Q\x8eV\xa4\xd5\x83\xe5\x88\x10K\x1cP\x08\x82\x10\xee\x8f\x88\x88\x8c\x8b\xdb\x9b\x95[\xadko\xb0:\xbb\xbb\xbb{A%\xc0e\x1dv\xaf\x17;\x80\xce5\xbd\xd2\x05\xe6`\x0c\x88\n\x96\xd3\x9a\x89\x85\xf9\x0e\x9f\xcf\xd1nuZ\x1b\xb8\x8e\xba\xba\xe6:\x93\xa3\x0b\xee\xd3\x86\xc2\x93\x98\x18\xdb\xb4\xdf\xd0\x02Q%\x80\x8b\xa2:DQQ\x1d\x91\xc9\x13\xa5\x01\x0eri\xe1\x19H\xbe8`\xb5\xe5\xe7\xbf\xb7+2.rOj\xf6\x9di\x0c\xab\x06\xb8\xa1\xb3\x81k\xf2u\x98*\x1c\xe0\x81i\x17\x04\x0b\xd7\xed\x03L\xd3\xfc\xc2\x93\xb9\xbcM;\xfb\xa0Q\xe0\'\xffh\x97\xb5\xa1k\xf2/u\xcd\xcd\xcdu#\\\x1d\xde\xc2\xda0u-{_&lt;re\x97\x0f\xf7\xf4 \x17\x93}h\x13\x17\x9b)\x13\xf0`\x06\xa9\xd5j\xd3\xe0A\x8fx\x08\xa5\'&lt;\x87#"v\xed\xda\xb3\x07\xbcu\xc7\xd1\xd1L\xddw\x12\x9c\xe6t\xf6\xea\xee&gt;x0::\x8a\x8e3y\xa1\x0f\x8c\xfaG\xdd\x10l\x0b\x13\x81l\x16\xc2|\x02\xe5\xc0W\xe1mw\xb9\xb8##\xf6\xba\x7f\xe3\xa7\xc1kN+\xfe\xed\x9a\xcd\x8e\xa7\xb0\x9a^\xbc\xf5~\x0f\x13\xad\xf4\xd0\x8a\x05\x82\x0b\xb9x\x14W\x1ab\x01\x1e\x85\xa5\xaf\x1d\xaaj\x8b\x00\xa8={"\xb3\xb2gu\xd0\x81\x9a\x9b\x07\xea\xecn\xae\x8e"sN\x81T@\xa4\x99@\x1f\x1d\xd3.\x8c5\xc0\xf0/\xe2\xf4\x1d\xfc\xb48\xefw{\xc1\xa0\xdb\xd9A[F\xc0\xd7:\xab\xd5\xda5\x19\x00\xe4\xcef\xa7\xc6\xc5\xc5#\xd7o\x87?f\xb3\x93`\xb8\xd9\x84\x95\x00J/\x93!\x0fR\xc9V\xb8\xc0jo\xee_\xa1\x8a\xdc\x9bu\xbe\xba\xbb{\n\x15\xcbT\x07-\x06=|\x04C\xcbju\x82\xf2?@G\x81\xd7F\xbc\\\x87\xdfO\x9b\x01-\x9f\xf7;@E\xa6\x1d\x8e\x11S\x07\xea\x9dw\xb2\xeb\x7f\\\x98Oh\xdbx\x16\xc7-\xcb\x16\xe8\x1f\xf2,\x14\xac\xb9\xec\xa9P\x04\xcd\xd2S\x96\xbd\xf7\x10\xfb\xe0c\x0eB\xac\xae#\x1d\x96,$\x87\x1c"\xb3x\'0AUVP\x19:M\x82\xd2\xf6\xa0\xd0\x04eipM\xbc\xcb\x8e36e\xb2e\x13\xd3-\xe9&amp;\xa5\r=lC\x86B\x93@vO\x99\xef\xfb\xc9I\x98\xf9\xc5\xb1\xe3"\xeb\xf7\xf9}\xdf{\xdf\xf7\\:\xcb\xf2\xe8\xda|&amp;\xfar\x9d\xb0\xc0\xa5\x88\xd5\x1fN\xda\xb73\xaa\xf1\x9fa\xdd\x06\xd6C\xa2\x1a\x1b#,$\xd7\x1f\xbf\xfaj\xe6\xe9\x1f\xe62,\xacR~n\xaeV?\xdc\xdf\x98\x18\x9dz\xf2\xe4\xf9\xf3\xe7`\x9b\xda\x1a\x85\x00\x8b\x046x\x0c\xa1P\xa1/\xee\x8f\xde\xcf\xfd\xe7\xff\x1f&amp;\t\xe5\xfe\xe0\xc5\x7f\xdf\xbd{\xb4\xba\xbaz\x0fkuuy\x07\xd2}s&gt;?O\x07\xda\xbfS\xe1\xd5L.\xe5\xee?\xa7\xdbL\xaa\xf1\xf1\xf1K(\xb4ER\xeb!a=\x1c\xfb5\xc3\x9a\xf9\xcd\xcc\xcc\xcc\xd7\x0b_V2\xa6b\xb1P*\xe4\xf3y\xd4#\xc8@1\xca\x82Gy&gt;\xb5\x06\xaf\xc0\xa6\xa8\xc8w\x03\xca\xb5\xa9\xc9\x1c\x9e\xa6\xe6\'\x9fM\xde\x1f\xa563K\xeb^\xc6\xf4\xe0\xc1\xf9\x1et\x9b]\xaf\xd7k\xa5\xbc 0,\x84\xf1\xe3\xeb\xe96\xa3\xc2c\xe8[\x80bT\xbf\x05\x94\xd3\'S\x00\x00\t\nIDAT\xd4\x18f\n&amp;\x1b\xb8\xbe~\xfa\x97\x8a&lt;\xa4\x02\x16\'\xcby\xb9R\xa9\xd4j\x99h\xf0\xd3\xady\x92\xed\xf9\x13\xeaH\x1b\xbb\xfb\x1b\x1b\x13L\xb5\xdcc\xe0\r\x06\xa3\x19/xvv\xd6\xd6\xb6\xb6\xa6&amp;\x87\xb1\\\\\xaf\xdf\xa9\xcd\xc9yN\x10\x8a\xc3\xecjm\x1f\xb5\xdb\xc4Dk\x88ET\xc4\x05\xa9@\xf5;\xa2\x02\xd7\xcc\xd3\xed\x9aL:\x01\x0b\x0f\x0e7\xc9\xa4\x13\x0c\xa3\xba\xb9yxx\xb8?1t\xfd\'\x93\xcfH\x98\t\x08\x03\xb0A\xee\xc5\xe0\xdd\xa3\x8d]\x98\x00\x14"[@\x86\x9f\xc3\xd8\x89~\x97t\xba3W\xa9\xe4\xe5|^V\xd5bQ\xd5DMi~\x06\x17!\x11\xd9\xc8\xc8\xb5Z\xb40\x12\xa2&amp;\x87X\xdf\xfd\xd0\xaa\xc8\xc5l\x158\xb5\xc0\x15\x04\x9c\x0e\xc7S\r\xbd\xd9\xacV\x81\x0664\xa4\xc1}(D\xa2!\xd5&amp;&amp; Z\x8e|w\x11U\x8a.CE\xf7\xe0\xfc\xfc|\x9edbL5 \x81\x88W$A\xc6\xfd \x18|\x02\x1d{\xfb\xe44\x13k|e\x84\x8c\x0b\xa9\x05\xb0\xdb4\xa7\xde\xfe=\xb2\x8c\xe5\x18\x12\xebnE(\x0c\xb18N-r\x05\x0e-\x1bT\x82Z1\x0c\x817\x9ax\x90l\xfb\xac&gt;\xa9\x0c\x9eL~\x18@\xa6\xdc\xe2\xbd\xe5-4\x19Vq\xdf\x00\x16q\x83\x85\xd6\x89in\xae"c\xd1\x93\xc4\xee\x0e\xf9\x11G\xcc]\x9f?\x1e\x9d\xae\x90T++\x8ckd\x04\xd9\xcf\xeas\xe8\x15\x08\xe7\xc3o\x17\xee\xa2\x19B\x1c\x92\x87\x82X\xd4$\x95\x97T\xa1 h&lt;/I\xbc\xa0)\x12o00&amp;\xda\xc4\xbb\x17\x1fH\xb3\xe7\xcf\x1e\xe7\x06$\x131Q\xc9\xcd\xee\xee\x1f\xd6\x7fU\xab6\r\x83d"\xa5d\x1eC\x89\xc4\xd3q\xd9*\xaa\xe8\x8d\xe8\xd9\xafOO\x815\xb2\x82(\xe2\x87\x9en\xe1\x87\x08\x19\xd6\xd8\xcb\xb7\x7f\xba1\'\x0f\xc5\x02\x15}\xb6\xc0\x98\x90Z@".\tQ\xe0%MSDl\xd8\xaan\x1eB\xb4)\x06\x96#\x8d\xe0\x9d\x1b\xbbL\xa2\xcdMD\xbcj\xe0\x08\xb8\xd00x\x01d%DQ\x924^\xe6\xb8\x12W*q\x05UQ\x94\xe6\x8dWg\xc0:\xc0\x0f\xcb\xb0\xe1:88\x18\xb9\xd5\xfe\xeb\xd8\xcb\x97o\xb7\xbfD\xd3\xb9\x0e!\x13\rs\x04%\x98\xca\x93\\\x1a\xb8x\xa4\x85\xa2\x19\x18\xa9%\xa8\xd6"\xd5v\'\x06\x1f\x9e\xe5\xe6\xb7\x98H\x17\xe0i6+\x04!\xf0X\x82!\xea\xa2X6x\x99\xc0@&amp;\x01\xab\x00*p\t\x12\xb8\xaa7\xdfL3\xae\x91[\x97L\xe3#_\x80j\x1cX\xa0\xfa\xdb\rC\x96\x87X$\x15\xe2O\x8b\xb0@\x03$JX\x86\xa55\xcbbY\xe5el\xa8#o/.\xf67Fs\x14\xb7\x8b\xcd\xcdV\xcb04\xa8#\xc8\xc4AdM\x05\x93\xae(\xe2\xc3\x84U"4\xe85\x04C=\x82\xeb\xdbq\xa8s\x00Oen\xb1\xb2B\xef(\x88\xed\x97\xdf-\xdc\xa8\xf0\xacH\x88J\xa6\x12\x84\x1f\xe3\x15.\x86\xbf\x04\xca\x0b&lt;x\xbe\x8c\x10\x96\xb52\xb2L\x13\xd9\xd2[\x9f/.vs\xf5\xcd,h\xa2B\x18\x8aBJ\x91\\\x12\x8aO\x03\xbe\x82\xe8\xe5eBc@\\\xf6"K\xc4\xb5\xf0\xf6\x94\x82v\xeb\x8bk*\x92\xab=\xfdv\xe1f\xadR\x1c\xa6\x15\xc4\x92\xe9\xb8\x05\x88&amp;#\x97T\x15\xa7\xc7\xc2\x16\x8a"*\x0665\x14\xb4\x8f\x8c\n\xab\xf5y3\x07&amp;\xba\x86\xaeG\x02)\n\x05H!C\x00\x0cOXYZJ\x82@HC\xb9\xf0\x87\nG\xbc\xb9ptz\xdan\xb7\xa7\xd9j\x9f\x9e\x1e\xd0\xdb\xe9\xe9\xa37\xa0\xba\xb2\x06P\xf9i\xd2SxT4\xcbt^\xa0\x83\xf2\xec\xf0"t\xc3\x1e\x8a\x88)\x93\xc8t\xc6\xd5\xca!\xb5\xc1#\xf1\xb8\x10U\x87\xfd3,\x99\x95!\xdeBc\x8cZ\x1a}\xa3"\x83\xb8\xe2*\x82\xab\xf6\xe77\'ggg\x0c\xebdz\xfa\xec\xf4\x14\xef\xa6O\x8e^\xfd\x1dT\xc2\x95V\x1c\x9fz\xb1\xd7\r\x93\xc4\xd7Y4\xe4!\x1485\x94#r\x18\xe7/\x97\xaf\xb0t1Go\xe8W\xd2\xa8\xeap}\xf6\t|\x98e\x93,H\xa8\x12MUi:\x05\x1b\x05\x82\x81\x15\n8v\xf5\xe3\xeb\xb3\xef\x7f\xb9\xce\x8e\xb6\xab\x15\xf9Z+\x8e\xeb\xa5\x9e\x13\x99\x91\xebx]\x9f\xfe\x93\xa4\x07\x1d(\x8a\xb4\x8b \r\xa3\'^\x86\x91\x9er,\xd5\x14e\xa8\x11\x8c\x93H\xe8\x02\x8d\t\x86\xfd\xf1Q\x88\x06\xb7b\xe3&lt;\x15w\x9ee\x19\xdd\xb6\x15\x9e|\xff\xaf_\xac\xb3W-^\x16\x8a\x97X\x05N\x08\x838\x8c#\xcb\xb4,3\x0c\x03\'\xee\xfb\x92\x84\xdd!\x1d%\x9a\xc6\xe6q]\x93\x18\x91\xce\x9es\xaa*1\n\x9d\xc1I\x02\x87\x94BN\xe9\xf4\x90d\x96F\xb0*\x01\x8ai\xcc\xe0\xd9U\xcc\xc28$\xa4\xdc\xfa\xf7\x8f\xffx\xff\xfe\x7f\xef\xaf\xd7\x8f\xdb\x9f\r\xea\xeb,\x82p\xacRA\x02R\x10\xf6-7\xb2\xdc\xb4oF\xa6e\xfa~\x07t\tl\x1f`P\x0e\xc5\x85j\xccv\x153,|\x81\xd3\x98~(:\x04\x8e\xa4\x90%\xb1\xa7\x93\xa8(CL\x0f\x98j\x88VRz&gt;\x95&amp;q\x11/\xfe\x99\x06\xf4\x89\x9d\xbd\xeb\xb5\xf6h\xe3\xb0J\x89P\x94\x861\x8439\x96e9\xbd\x04/\x9d\xb4\x13\xa4bj\xc5};\xb2M\xd3\xe9y\xa6\x1d\xc4\t\xf6\x02\x82\xde\xcb\x12\x0b\x121,J!V\x8eH&amp;\xec\xc9\xec\x13\xfa09a(\xba\x9f\x86\xa9(\xf6\xa3\xc6\xd2R#\x05\x17\xac5\xcf\xb1\xfc*\xcas\xf5\xd9\xb5\xf3\xe3\xcbu\xbe\xb6\xba_\xafP\xdc\xb3f\x08\xb5\nE\xdf\xb5\xcc\xa0\xdbMl\xcb\xecv\x03\xd7\xebv\x1a\xdd\x8e\xd9\x17\x13\xc7\x0e\x1d\xab\x83\xb4\xeb\x8b\x125\xa12KyR,G\xceK5\x01(R\x05\xd3\x02Hx\xbc\xe8J/\t\xfb^\xd8K#\xabaYq\xda\xb1\x1c\xcfY\xf2(_\xc9\xd4X\x87,\xc8\x95\xda\xfa\xea\xde\xf1\xa7O\x9f\xf0{|\xbc\xb7\xbcX\xafd\xb3\x8b:T\xabP\n\xc1\x13\x99\xb6\xd7oXi\xdf\xc6\x9f\x91\xa3\x07Q\xb7\x17\xban\x1a\xd9&gt;\x14\x8bu\xb8\x97\x06\x93.g\x9eZ\xceA&gt;\xd8\x03a\xe1kS^V\xc2n\xdf\x8b;N\x10\x04\xba\xe7\xda\xb8\x85\x176p\xc7\xc8\xf6p6\xdf[\xea\x02\x8b&gt;!\x14.\xb9\xee,\xee\x9c\x7f\xca\xd6\xf9\xceb\xbdF\x93\x0bZ\n\x9b\x1a\xd85}\x1bA\xb4L\xd7\xb7\xa2$\xb6\xbd\xb4\xef\xda=\xdb\xb2]\xdb\xf6\x12\xcb\xect\xdc \x84M\xf1\x92Q\xce\xaa\x8ar\x0ba\xe2\xb9\x12\xe4\xe1i\xba\x95\xc5n\x1c \'-\xab\x11\xe9\xae\xe9Ad\xa7\xdb\xe8\xf4|\xdb\x8e\x03\xdc\xc1\x8e\x12=\xc3\xcaJ\x1f+\x8f0\xee\x9c\x1f3\xaa\xbd\xd9:\x1c\x8b\xb4\x82\x99\xa8\xd9\xd4\x90\xe7\xfc\xec\x96\x91o:\x14\xb7f\xe2Z\xa9\x198D\x156\x02\x04\xb1\x934\r\xf4H\xe2i*C,\x05\xf5\xce\xd1\xa0A\x89*\xa6\x9d\x18\x1e\x83t\xb4\\\xc5\x8cB\xdc\xa6\xe35:!t\xf6p@\xbba&amp;\xf0e\xc2BJfb\xe4\x19\x17\xc5\xf1xou\xbdV\x81m\x90Z4\xc3\xe4Y\xd3\xc9\xf3~\xda\xed\xc7\x9d\x8e\xeft\x13\'r\xbc8\n&lt;\xd3K;n\xb7\xe75\xc2\x04\x96\x91\xd2\xbc"f\x8d\x88y\x17\xb0\xb2\x84\xe7\x89K\xf2c3\xf0\xfa^\'0-GG\xf98Q\xd0\x8f\x97l\xb7\xe1\xa6^\x14y^\xb0\x14\xea,\xb7\xf8\xab\x18\xc1\xdcj\xeb\xc4E\x89U\x83\x1f\xab\xc4%\xd1\x88\xc5:\x07\xeb4\x82\xa4\xfb\x89\x9e\xfa\xbd.\xa5\x87\x93\xc6Q\xaaw\xed8q\x1aa\xda\rH-\x98:\xd0\x14\xe5R-H$R\x0b\x94\xc9q}\x07\xd5\x16\']\xc8\xd2\xf1\x1b\x96\xeb\x82\xd2Y\xb2Md\xba\x87r\xf6c`\x19\x12\x1d\x81gC\nf\x1d\x14ee\x8e\xb8\xf6vv\x91\xeeY\xb2\xabW1FfP\xb3\x90\xa9\xc7b\xd0E\x1d\xa5\xa9\xcf\x87\x1d_H\x9cN\xe8\xd8\x8e\xe3\xbaa\x8f\xfe\x8bC-\xd0\x84\x89\xaf\xa2H\xb1\x9c$3\xf3\x94\xb2F\xea\x07\x8d\x86\x15\xc7}\xa7\x81\xbcZ\x8a\xfd\x9ec\x06\xae\xe5{\x8d\x80tD,M_\xcbz\x13\t\x822\xcb\x04+\xddY\x9f]\xde\xb9W\x9f\xab\x14/+\xf0r"\xe586*1.\xd6gQo&lt;\xb9(_NR\xdf\xef\xf6\xfb\xfd\x84,Z\x85\xdb\x90ck*\xf3-r*\xe2R\xa8\xb3\xf3I\xd4h\xb8\xe6\x92\x1b\xbbQ\xb7\xbf\xe4\xfd\xb4\x95\x1b\xb2\xfb\x81\xc9\\K2;v\xd2\x9e\xe8\x96\x16`n\xe2\x84U\x99\xc0\x92\x1c\x96\xba\xb8\x99\xba\r\x1bno\xdd\xe8\xcf\xe4\xc5\xa6\xc5\x06\xea\xb6\x81\xd2\x1e$\x82\xa1Monp\xef\t\xd8\x92\xe3\xe9\x9d4\t\\H\x82:f\xa0\x92\x19\xdcp\xe1\x076\xc5@\xd9\x04\xd4R\x01\x17\x10\x02L@\x07\xf1\x83\xcaV\t`1\xb9\x12h\xf7\xfc\xf9\xf3\x81\x016m\xd2\xc2\xf9\xb1@\x87\x1c\x9b\x94\x90\xcd\xcc9)\xeb\xd0\x86I\x876\xf4\xf2\x00\xabrn\xb0\xb3@\xa6\x02\x1bd\x9c\xe0d\xc9\xcd\x05\xea\'4\x00\x9d\x05\x04\xc0\x96\xb6\x173\xb0\x08d\xc2\x00@\x0f\xac\x04\xe6\xf4=+\x8f\x82\x1a\xa9\xc0\x1a\x8d\x17\x14\x14@\xa7\x01\xcb\x02`E\xcc\xc5\xcb\xc3\tl\xc9\x80\xea7\x00\x93fEP\n\xe0\xb8j\x00\x00\x00\x00IEND\xaeB`\x82'</t>
        </is>
      </c>
      <c r="M282" s="3" t="n">
        <v>45492.6772337963</v>
      </c>
    </row>
    <row r="283">
      <c r="A283" t="n">
        <v>875402</v>
      </c>
      <c r="B283" t="n">
        <v>1981</v>
      </c>
      <c r="C283" t="inlineStr">
        <is>
          <t>Alan Franco</t>
        </is>
      </c>
      <c r="D283" t="inlineStr">
        <is>
          <t>Alan Franco</t>
        </is>
      </c>
      <c r="E283" t="inlineStr">
        <is>
          <t>ZAG</t>
        </is>
      </c>
      <c r="F283" t="inlineStr">
        <is>
          <t>ZAG</t>
        </is>
      </c>
      <c r="G283" t="inlineStr">
        <is>
          <t>ZAG</t>
        </is>
      </c>
      <c r="H283" t="n">
        <v>183</v>
      </c>
      <c r="I283" t="n">
        <v>28</v>
      </c>
      <c r="J283" s="2" t="n">
        <v>35348</v>
      </c>
      <c r="K283" t="inlineStr">
        <is>
          <t>Right</t>
        </is>
      </c>
      <c r="L28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9dcbd10-c803-4f6f-a1b4-9117239b801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02S\xe0\x00\x00\x03\x00PLTE\xff\xff\xff\xe4\xe5\xf1\xed\xed\xf5\xe6\xe7\xf2\xf3\xf3\xfa\xee\xee\xf7\xf1\xf1\xf9\xeb\xeb\xf4\xf0\xef\xf7\xe9\xe9\xf4\xf7\xf8\xfc\xe7\xe8\xf3\xcd\xa3\x8c\xec\xed\xf6\xe3\xe3\xee\xf4\xf5\xfa\xfe\xfe\xff\xc9\x9d\x87\xd7\xda\xe7\xdb\xdd\xea\xde\xe0\xec\xcb\xa0\x89\xce\xa6\x8f\xef\xef\xf9\xc5\x92y\x1b\x1a!rK@\xcf\xa8\x92\x8c\x8b\x8d\xf5\xf6\xfb\xe0\xe2\xee(%+\xb2\x81k\xcb\xce\xde\xc5\x89s&lt;9&gt;!\x1f&amp;\x96\x95\x96\xdd\xbb\xad\xf9\xf9\xfd-*0\xc8\x98\x80\xc1\x8ev\xd1\xd4\xe2\xbf\x92}fA9qqv4%&amp;{RF=01\x83\x82\x84|{\x80xMA\xc5\x96}nlo\xc2\x95\x81:**\xd6\xb1\x9f\xcf\x9a\x83\x90\x90\x92gfj\xc4\x99\x84\xea\xeb\xf6\xc9\x9c\x83wvy\xbc\x8br\x9dkX\xda\xb5\xa6\x98fSU72G/-\xa8s`KIM\xfc\xfc\xfd\xe0\xc0\xb3^GD\xaayd\xbc\x8exDBJSPU\x9f\x9e\xa0\x92aO\xc9\x8fw\xb7\x87n\xc4\x83nL42\x88VE\xd2\xaa\x96\xb1{f\xbcwb\xbf\x80jC56b`e\x87\x86\x89\xd4\xad\x9a\xb0u`\x9a\x9a\x9d64:\xc4\xc8\xda][a\xacoY^:2\xb6x`\xc9\x92\x7f1/6hHB\xbe\x86n\xb8}g\xe1\xc6\xbb\xb3pZV=:\xf1\xf2\xfb\xa4jVnE&lt;\xb9\x81k\x8e]L\x80OA\xa4\xa4\xa5\xca\x94\x86L&lt;&lt;\xa3p\\*!%f91^A&lt;\x89[K\xb9\xbe\xd1TBC\x82WGxE9&gt;=G\xae\xad\xb2XV[\xd1\xb4\xab\xaa|m\xb3\x87s\xd1\x9e\x88\xc5\xb5\xb1\xca\xa0\x92\xd7\xa2\x91\xc2{e\xaaiT\xa1eR\x80XM\xd4\xad\xa3\xc4\x9a\x8d\xaa\xa9\xa9\xd3\xa0\x8e\x99`MC&gt;@\xac\xb0\xc3\xd5\xbf\xba\xd0\xcd\xd5\xba\xac\xab\xbf\xc1\xd1\xcc\x94{\xba\x8b}\x88_S\xb1iT\xca\xac\xa2\xe4\xce\xc5\xc8\xc7\xd0\xb9q\\}yy\xeb\xeb\xf6\xcd\x9c\x8c\x96i^\x98\x9b\xb2z\\U\x8feZ\xc4\x8b}\xba\x92\x86\xa3^K\xb2\xb7\xcb\xe4\xd6\xd2\x94YE\x8dP?\xe9\xe7\xea\xd3\xa3\x98V/*\x86pk\xb6\xb4\xb5\xd2\xbb\xb458F\xd0\x92\x82\xaf\x8c\x81\xbe\xbc\xc2\xce\x97\x8b\xad\x85z\xa9eOmOIq=4\xcc\x89y\xa2\xa7\xbe\xa1yp\xde\xdc\xe3\xda\xa8\x99GJX\xe9\xdf\xdf\x97si\xd8\xd6\xdc\xd8\xc4\xbe\xf2\xee\xef\xd3\x9a\x90\x82e`\xb6\xb4\xc2\x92zunVR\xec+8\x9bZFC\'&amp;\x8fme\x85H9\xa0qd\xcd\xc3\xc2WKL\xdb\xca\xc6\xba\x83u`SQ\x87\x89\x9d\xba\x9a\x8f\xd9\x96\x86rca\xf5\xf4\xf5\xca\xa6\x98\xdb\xd1\xcf7\x1c\x1e\xa2\x83yhZ[\xb9un\xab_N\xc1\xa4\x9b\x96\x83\x81\xe4\x97\x94\x7f|\x8d\xdc$/\xf4:C\xa5\xa3\xb1\xc2\x80y\xefZa\x92\x90\xa1\x9c\x8c\x8b\xa9\x97\x93\xb1\xa2\x9d\xcd\x80s\xe6\xa5\xa4\xe5v\x80\xc6(6\x9bQC\xdb\x8e\x81\xc5uq\xdc?M\xbca`\xe6\xb4\xbd\xee\xc9\xd1\xe0]i\xa94?(\xc90u\x00\x00 \x00IDATx\xda\xdc\x98\xffk\x14w\x1a\xc7K\xef\x87\x1e"G\xf2\x83\xc7\xa6~degG7\x12\xe7\x9a\xcf\x94OB&gt;\x13\x98\xb3\x8d\xce\x12\xdd\x99K\xb7\xc5lf\x9aY&amp;\xc9n\x12R\xac\xcdl\xaa\x15\xc9\xce\xa0%$\x9a\x8e.\xcdq*$\xc3\xda\x18\x0b\xf9\xa2s\xd7\xee\x19\x0b\x11\xdb\xe0iCH\xeb\xd2E\x92\x96\x0b\x87\x08\xc2\xf5\xee\x97\xfb\xf5\x9eI\xcb\xfd\x05\xbbZ\xee3\xcbf\xc3\xb0\xe4\x95\xe7\xfd~\xde\xcf\xb3\xfb\xc2\x0b\xff\xbf\xa7j\xef\xde\xbd\xd1\x8d{\x1b\xbb\xa2\xd1_\n\xd1\xae\xf9\xe5\xc9\xc9\x87\x05\xcb\xd1Y\xaax\x13w~!`/N&gt;eYVw\x14\x96r\x84`\xd6Z\xbe\x17\xadz\xdeP{\xe7\x1f\xe8\xac\xae\xeb\xa6\xa9\x98\xa6N5\x8cE\x0e[\x13\xf3\xcf\xb3f\xd1\xf9\tOQLG\xa1&lt;/j\x88WU\xc1 ,\xcb\x13\x17{\xf7\x9eW\xc5\xaa6&amp;\x15\x1d\xe9,\xd0P\x13s\x9c\xc6R8X\xe3\x04\xa2\x1a&lt;*&lt;\x9f\x8aE\x0b\x96EA@\x96j\xba\xc9R\x10\x8fp\x9c`\xd8\x98r\x82*\x1b\xae\x86\xcd/\x9f}\xc5\xe6\x9f\xf2\xbc\xc0\x03\x15\xab\x9b\x0e\\\x96i\x9a\x8e\x86y\xd5\x16D\x8d\x179\xc3\xe0\xb1VX\x9e\x7f\xa6\xfaE\x97)\xe2\x05\x0ei\x8a\xc9bM\xa7\x88\xd5\x94B\xa1`\x99\xba\x8ey"\xcb\x92l\x08D\xc4\xaci\xfe\xb0\xed\x99Q\xbd4ai\x1cO8\x8cL\x05Q\xc5\xb2&lt;SQtj9\x9a\x10K\xaa\x08\xe9\x94\xe7\x10\xc6X\xa3\x8a\xe3x\xf7\x9eUR\x15\xa8Ax\x848^\x03\x04\x13\xf1T\x01-\x15\xa7\xe09\x16 \xb2\x8ag9\x14QA\x14\xb1\xa9+\xa6u\xef\xd94`\x01\t\x82\x08.\x12T\x1e\x82\x8aB\xa5@D\xc7\x03\t\xe1\xa5gQM\xf4=\xa7SU\x10x\x8a\x10V~\xa8|ZD\xe7=\x9d\xc7\x1c/\xa8\x86\xcdi\x1c\'r"\xaf\x03\x84i)pX\r9\x9e\x07\xb1\xa1{\x96brP/,\xaaD\xf1\xe6+\xcc\x15\xbd\xf3@\xd74\x8d\x10\xc1\x16xH\'b\x80\x8a&gt;\x1c\x8f1bY\xccs*\xc6\x84\x88\xc8)\x14\x14\xaa W\xa3\xa2KY\xab\xb2\\Uwt$\x8a"\xe1\x88A8\x95\xf0\x18\xb4\xc2D \x18\xf3\x02\xf4\x9e*\xc7$\x10Xt\xb7\xa6\xa4\xc3\x8aX\xc3"d\x1aK\x1fnT\x90\xabj\xd2\xd2lQ4\xe0\xef\xab\xb6,\x08\xc4\xe5\x88-\x80\x8c\x1abM\xa0\xe0X_I\xcf\xa1&lt;\xa2\xa6\x8e4^\xa3:%\xa0,b\'*\xe7\xaf\xaa\xc9\x07\x10\x93\x82$\xc8\xb2\xaa\xda\xaa\rR\n\xaa\xcas~\x07`\x9e\x07\xab\x8bHq\xfc\xc0\xc7.2\x1d\x87\xb2\xbc\xefyW1\x15\x02\\\x15K\xf6;D\x90\x8c\x98*\xcb\x86,I\x06\x07\xc3F \x02\xfc\x80IMM\x13\xe9\x8a\xee\x07\x95c\x81\xe9)\xb0\xb0\n+B\xa8R\x98Q\xc8\xb1\n\x1b\x95\xa1\xda6O\xef\xca2s7&amp;I\xb1lL\x92%\x18\xcbD\x90%\xbfh\x90\xf8\xe0x^T\x05N\xe0x]a\x11\xd5x\x98\xe3\x1a\x11\tr]\xecj\xacw\xa7"2F_\x9c\x14\x8cXV\x02\xa8$\x13\x8b\x01\x97\x8aEX\x16l\x83\x17y\x8c\x10e\x91(\xa7\x83\x0c\xcci\xffW\xcd\x85V\x00A! \xa0\r\\\xf1GS\xaf\x88\x8c\xd1\xa8b\xc4\xa4l,\xcb$\x93\xd9l,\x99\x95U\x03\x8a#\xba\x1cTF$\x04\xe6"\x8c\xc2\\\xd2V\xa1n\x14iD\xb2\r,b\xf0\xa2(\xc0=\xd6q&amp;+\xb1\xeaD\'\t\x88\xc7\x00U\x04\xc0\x82Y\x9b\xa8\x12#I~L\x80\x82&lt;rL^\x100\x82A\r\x9d\x07\xe3P\x90"9\x81#\xaa\xa8\x89\x88\xf5t\n\x83`\xa3\x12CG\xb7\x81*\x96\x0cF\xd2\x91 \xc3\x80\x90\xb6\x0cz&amp;m\x91R\rq\xfe2\x01\x0f\x1d\x81\xbbuA\x85\x96Pc\x0c\xc3s\x86\x8b(\x07\xa5\xfa\xa3\x8a\xbd/+\x91\x0e&lt;\x08\x98NF\x92\x11\xe0JB\xc9l\xce\xce&amp;\x93IFV\x11X\x1cB^G\xb0A{\x9e\x07\xc3Q\x83V`r\x8cdk\x82\x81\xfd@E\xfe\xfec\x96?\xec7\x9e\x1aY\x10\x10\xca\x04P\x91\x9ap0\x18\x061\xd3Lr\x88\xac\x0bji\xd3\x90\x0c\xd6\xf2\x1e&gt;,\xfc\xdbd\x11\xd9,\x95\x8aE9\x19\xc9\xb9\x84p.f5\x18A\x1ca\x1fV\x95}\xec|\x02\x9adcL:\x08T\xc9`MM\x18\xd0\x18\xe9\xf4\xfa\xed\x95\xfbX\xc1\xeb\xf2Pis}\xfd\xf1\x8f\x8f\xe1q\xf3\xeb\xe9\x95\xf5\x92\xbb\t]\xcb\xa9\xbc\x8bd\xd8\x08\x15\x84ED\'\xca\xccU5\xffO\xb0\xbb\x94\x8c\xa4!\x03"P\xaa &lt;\xa5#C\xeb\xd3\xd7\xd6.\xaf=~\xfc\xf5\xca\xed\xe9\xe9\xaf\x96&gt;\x7f\xf4\xaf\xbf/-\xddZ\xbazme\xd3\xe5`D\x12\x11&gt;\r\x899\xd95\x88\r\xc9Q\xf6L\xddx\x92\xcd\xfa\x89\x95f\x18\xb0|\r\x80\xc1\xa9o\x9d\xfe\xf6\xf0\xfb\x07\x96v\xdf\xbat\xf6\xd6\xd53\r\xcd\xcd\xcd\xd7\x9b\x9b\x1b\x1a\xce\xec^:\xdf\xbaI\x8c\x18#\x97D9\'\xc7b`D\x92\x8b\x88\x13\xe5\xde\xa1_z\x12Kg%&amp;\x12\xf1\xc1\xc0\xf5\xc9`\xf8D}\xeb\xf9\x03\x9dG\xfb\x8f\x1f\xef\xeb\xab\xab\xbb~6P[\x9b\xffp\xc7o/\\\xc87\x9c\xfd\xea\xfe\xfdR\xe94S\xcf\xe4J\x90\xafr,\'\xdb\x80\xa7\xb2\xe56\xfd\xae\'\xd0vR:\x9c\x05\x11\xc1_\x0c\xc8\x08\xb5:u\xac\xb3\x07N\x7f\xa2\xaf/\xd1\x17j\xabmj\xda\xde\xd4T\x9b\xa9\xbdt\xe9\xd6Z\xb1X:\x9d\x1b\x92r9[\x95\x0cF\xe5\x8c\x9c,\xdb\xe5\x8e\xd4_\xf1\xd9t\x1a\x1c\xef\x87C\xda\xcf\x88H\xfdP\xef\xa9\xd7\x8fuuu\r\x0c\xb4\xf7\'\xe2\xa1T&amp;\xd5\xd6\xd4T\x9d\xcfgR\x81\xba\x86KW\xd7[\x87N\x0f\x15\x8b\xb9\x9c$G\x18A\xe3%;\'\xe5\xf0F\x99ck+\xa3\xc0\xf0i?R\xc1\xed\xf5-\xbd\xaf\x9c\xba8\xb6\xb88600\xd5\xde\x17\x0f\xa4jS\xa9T[\xa6\xcd\x7fn\x0e4\xdc\xba\xb9\xd2\xda[*\x0e\xd5\xdb\xae\x14\xce!\x0b3\x10d\xcc\x93]e\xc6\x8aD\xa0\xf9"\xe9\xb0/ 8\xbe\xa3\xf7\xdd\xc1\xc1\x8b\xe7V?\xdd\xc2\xfa.4\x93\xc9d\x80\'\x95\x8a\x87\xe0\xb4\xc5\xe3\xdf}{y\xfa\xf6Ji\x88\x91\xddtP\xb2&lt;\xd7f\xe0\xcd\xb8\xcc\xf3z9\x12\x0eBVA`\xa5\xe1U\xb0\xbe\xf7\xe5W\xdf\x9a\x9d\x9d]]\\\xbc2\xd0\xd3?\x93\x19\xf9&gt;S]\x9b\xcf\xe7S3\xf1x\x08\xaex\xbc\xbf\xf3\xf5\xf7\xae\xddo-\x1a\x1c\x93\xc4\x0e\xec8\xe9p8h\x949!\xb6\xc5\xfcD\x00\xb0\xad\xd3\xf8\xce\xcb\x83\x83o\xcd\xcd\xcd~\xeaW\xab\xa7=1\x93\xcaTo\xaf\x1d\xa9\xae\xadN\x85\x80*\x11O\x8c\x8e\x8e\xf6\xf4\x1c\xbav\xbf\xa8\xda\xb6\xbf\xafR)Y\x13\x0e\xa3r\xe7)\xe7S\xfd|N\xd4\x7f\xf0\xea\xe0\xdc7ss\xab\xab\xa0\xe2\x15\xf0V"\xd4wd\xdf\xbex\x02\xca4\x9a\xf0\xeb5:\xda&gt;\xda\xde\xdes\xf8\xe6f\xc9&amp;.\xb8]\x8eE\xa0\xd8z\x99;\xb1\xea\x93\xff\x95\xaa&amp;\xdc\xf8\xe6\xfe\xe1\xe1o\x00k\xf6?\xab\xff\xb8255\x1a\x9a\x99\t$\x00#1\x1a\x0f\xb5\x85\x12\x89Q\xffjo\x9f\xea9\xb4t\xb3(\x17!W!\xf2\xe0\xff\n\x16\xca=\x14\x1f\x04\x81\xea\xa7\x8a5\x1e\xdc\xff\xee0p\xcd\xcdB\xad\x06\x06z\x12\xa1P\xa0!\x15\x00\x9c\xf8L\xe6o\x7f\x85\xa0\xf0\x8b55\x05\xb7:\x0f\\.u\xe4r9&amp;\xe9\xcf\x85`\xb6\xec_\xe1\xfc&amp;\r@A\x1f\xebD}\xcb\xc9\x93_|1&lt;7{\xf1\xdc\x96\xb1 \xb42\x99\xd0V\x07f\xf2\xe3\x0b\xf9|\xd3\x9f@\xc5\xf6\xa9+p\xba\xde\xbb\xdd\x01Y\x9f\x83\xb0\x0b\x06\x83j\xd9\xbf\xc0\xf9\xf5_j\xb6\xd6\x06\xc0j\xe9&gt;\t\\\xc3s\xab\xe7\xba:{\x8eC\xc2Ch\xa523\xa1@fdd\x1c\xce\x85\x0f\x9b&gt;k\x03\xb0\xa9+\x8b\x8b\x8b\xc7\xce\xbf\xd3X\xdf\x01\x91\xd5\x01\\\xb4\xec\x0bW\xf4\xee\xcf\xc6:q\xb0\xbb\xfbFw\xf7\xc9\xc1Y\x88\xf8N\x18\x88\xfb\xfa\xfaB\xa9|\xf5B~da\xfc\xcf\x1f\x7f\xbc\xe7\xb5\x9d\xdb\xf3yH\xb0P\xa2gllq\xec\xd8\xe5\xde\x8e\\\x11\x12\x1e\xd6\x8f\x07\xe5\xc7\xb2\x7fr\xfc\x89\xc67[Zn\xdc89&lt;\xf8\x87\x03\xef\x1f&gt;\xbc\xfb\x8d#G\xfa\x8f\x07\x02\xb5\x0b\xe3\x0b\x0b\xe3\xe3{\xf6\xbc\xbdsg]`\xe4\xfb\x8f\x9a?\xaa\xfb\xfd\xf1\x9e\xae\xae\xb1\xaeCWK\xa7K\x9b\x9b\x12\x18l\xb9\xecX\x90\x10[X\xbfk&lt;\xd8r\xf0\xe0\x8d\xfd\xdd\x1f\xbcrymm\r\xb6\xab\xa3G\x0f\xbf\xd1\x17\xc8_\xc8\x8f\xbf6&gt;\xde\xb4cG\xf3\x91\xba\xbaG\x8f&gt;\xbf~\xfd\xec\x99\xa3\xff\xa5\xd5lc\xd2\xda\xef8~\xdfmY\xee\x0b\x9a\xa5\x8d;\xdd"!\x8d\xed\x1a\t\xc7\xe5\xf4\xca\xc8\x9aE\xe5\xe1Z\xf1\xeeB\xe1T0)Y\xc2C\x95b@\x18-h\n\xd9@\x11yp\xd0P"\x0f\x8d\x8d\x0c\x94D\x0b\x86\xe1P!\x8e[fa6Ru\xdaHso{\xd5\xba\x17M\xd6\xda\xa4\xdew\xfb\x1d\xda,\xd9\xfb\xd3\x7fr^\xf1\xe6\x93\xef\xef\xe1|\xbf\xe7\xcf \x95O\r\xcd\x96\xbe\x7f\xfe\xe0\x8bg_&gt;\xfb\x8a\xfcLF\xf971\x8a?;\x07X\xdc*\x87Sm\xe9\xbdu\xf7\xd6\xad\x7fuU\xe2q\xcfJ\x8c\xdf\xd6\xa02\xa6\xae_;\xdd=\xb2\xb4\xf4r\xb5\xb4\x10\xaf&lt;\xafT*+\xb1\xee\xd0\xde\xde\xe1\xde\xfa\xfa\x83\x85\xe7\xcf\x1f\xfc\xe6\x13D\xb2\xbf\xdc\xa8o\x08\xc0\xaaV\xb9\x0c\x13\x13F\xeb\\\xe3\r\xe6\xad\x96\xde^\xf1J\x82?x\xb1a\xec\xfa\x99\xe6\xad\xd2\xd3.f\x0b\x98~\x88\x187\xeetu%f\x1d\x8e\xe8\xe1\xde\xabW\x0f\xbeX\xff\xd5\xcf)\xe4\xab\xf5\xcf\xdf\x13\x8e\xd4\xc4`2\x99\x0c\xd39\x13\xb3\xe5\xce\x93\xca\xfa\xd3\'C\xe2\xaa\x98\xde\x87\xb4\xf7\xb4]\xfa\xfc\xda\xa9\xee\xadR|@&lt;0\xd0\x15_Xx\xfe\xa4\x0b\xcej4z\x18u\xbc\xa9\xbb\xfc?~\x82\xbc\xff\xd3\xbf~\xc4b\xc0\xe1\x0e\xf4\xa1\t\xfbHhvq\xd1\xceo\x17\xa0V\\~\xf5\xd2\xe9\xb3\xa7\xdb\xa8|&gt;\x8fO\x1d\x99\xbd&lt;1\xb1\xf7\xb2\x94\xa8\xac\xa0o\x1c\x87\xd1@\xf0?o\xbe~\xf3\xf5\xbdO\x10\xab\x7f\xf1\r\x81\xd5H@1\xc5}\x88\x87\x1dKX&lt;\x95\xca\xd3D\xd8"\xd0c\xd69e\xff\xd8\xd9\x86\xb6\xfe\xfe\x1e\x99\x96\xcd\xbe\xcd\x1f\tM\xb4vS\xed\x89x\xe9\xf00\x9aq\xbc\x85\xf3g\x92\xf3+\xe5\'\x8f\xcfS(\xdf\x10\x81\xa7\x11\xc4\xe2\x0e\xad`\x9e0\xa2P@\x8b1ZV,O\x11\xab\xcelXV\xd2\x84\xfd\x83\x83j\x9e`\x187\xa0\xc3\xeb%v;\xb5{\xc4n/-\xee\x01V\xf0m0\x18|\xf8Y\xe7c\xf2\xbe\x0bv\xfe\xed\xa9\xa7\x12|\xfcU\xa3\xa9\xb1\x91h-:\xea\t\'\x86\xaa\xa6^&amp;\xe3\xc2\x83\x81\xb7\x0b\xba-\x9d"m\x9e_\x9e\x92(\x952\xd7m\x81\xc1\xcc}a\xba\xcb\xe5\x0c\x0b\xdaGF\xa8\xfc\xa5\xbdh \x03P\x0e\xc7\xe3\xef\xec\xfb\x13dIF\xd9\x0e\xa3`EW\xa0\xd3M\x8d\x8c*S\x8cx\x86\x05\x08\xc34T\xe1\xa4\x19\xdc&gt;\xc7a\xc9\xaa7s\xd3\xd6\x8d\x88&amp;\x02\xd6^\x86\xeb\xd6\x9fU\x1b\xffT\xbd\xd3\x92\xd6\xb7w7w\x8f\xece\x02k\x0e\xc0\xda\x9eu\x89f\xf6\x8d$9\xc1\xce\xc5\xada\xb3\xc2\x80q\t,\xd8Z\x1c\x04\xb5`\x8a\xaa\x02\xf1x\xe8\x8a\xf8\xfa\xe2\x16\x1b3\xe4\xc5\x8a\xcd\xf7\x07\x91\x88\xcb\xa5\xe4\xbd\x8c--(\xb8\x1c\xc5\xabx\x95+\x90\xb55_\x1c\xb3e\x02\x0e8\xc1\x83\xe3\xdcL\xb6p\x9f\x1c\xb1\x1e\xed\xee\xfb\xf3\xe94\xa2`0\x00K\xcc\x19B0\x0cAtV\xdcb\xf1\x84c\xa5%;_\x80\x99\xd3\xe6\x0fXZ\x19O\xeb\x9f\x13\xa0h%\x11c\xb3\xc3\xc3\xfc\xab\x17\xdbZ\xa3\xb6\xc06`\x85\nec\xa1v\xd2D\x0e\xd6\xda\xcc~\xd2jN\xa7\x15L\x93\t\xde\x88\n\x04E0\xab\xc1`\x00c\xa3m\xe7\xdd\xe6\xdb\xb5\x82&lt;\x87C`\x1d\x00\x96\xaby\xb6\x87\xdf\xbeUz\x19\xb3\x8fP\xaf\xf2d2\xb5\xbam\x82\xc0\xca\x1c\xaa\xb2\x85\xdcq\xadV$e\xd7S2\x04V\x1e\xb8\xa0\xb9`7(t(f\xc5\xf4\xb8\xde\xcf\x9e\xdb\xf0\xbb\xb5&lt;\x1e\xdbjVp&gt;\xa8\xa5q-\xcbCv\xadV\xce\xdb\xddU\x0f*\x95T\x99\x12\x8c\xcfD4\xb3\xed\xd8n5\xfaj\xd3\xc7\'$a}f\x03\xac|\xde`\xaeV?`!\x08b5\xe0~\x9e\\&amp;\xaf\x1f\xfff\xde\x0c\x93\xb8\x99\x8cLE\x94rWDC\r-\xf1\xb4\xdae\xe2\xf7A\xb5\x0c|bs\x94P\xeb\xd4\xf5+\xb5\xb1\x1fN\x8e\x8e\xc8Q\xcb\xf6z\xff=\x98Qs\x95\xf1\x01\x8b\xae\xc30\xeb&lt;8S\xe2\xc8]\x1bs\x9b\x84\x94\xe6\xcd\x83\xa9\xa9)u\x0f\x118\xa6\x94j\xf5\xa0\xba\x87\n\x15\x1cTC^\xbbl\x03\xb52c\xce\xa6Z\xea\xf8\xe8\xe8\n\x85$\xac\xd0\xfb\xbc\xd5\x9a\xe6\xbe\xa8cq\xe8\xd0Z\x9bsn"\xf2h"\xcb\xc9\x8d\r\x02K\x91\x07\xac\xf1q\xe9 \x91\xb1\xeb\xa9g\n\xd6\x98F\xa3\x06,%\xf4V h;3Z;\xe9\x00,r\xdcMg`\x7fw\xdel\xb5\xc2\x8e|\x01K\x9dK`a`\x98\xdd\xeeeH\x89\xf0$\xe7a \x14\xd6\xf9\x88\x04\xc2\xd8\xaeL95%"\xa8$\xe34\xda\x8cT\xadT*\x07[aq\x05\'"Yh\xf7\xec\xd1;\x92\xdc\xcd\xa3\xfd\xfd\xf9\xbc\x01z\x8b\xc0b\xd6\xb1\x0c\x02\x01D\xead\xf2`9\xb2\x1c\x01,h\xad\xfc&lt;\xa1\xd6\xebV\x99F2.\xaasi\x80\x8f\x06\\\xea\xe6\x89\x0c,\xae\x89B\xc1\xe9\xac\x15\x8f\xee\x93\xb4\xe4;\x17e\x9by=\x81e\xfa\x88e\xc0\x87q"\x8d%\x0f\xa0\x8e\xca\x08l5HB\xa0\xd6\xf8\xb8hW#\x87\xf8Z \x12\x19\x08\x06\xb9V*\xedo\x8e\xc2&gt;\rN\xd4\xb25\xa7\xb3X#\xcb\xa1R\x1c\xbcMk\xcc\x93~\xf1?,\xd4\x82\xd7\xb1"\x1a\t\x94Jm\xe0(6\xad\xd6\xa4\xa4\xa0*@\xdaq\xa9\'\xb3\x85\x02\xc4k\t\xd1aRQ\xffE\xa2\xb5v\x82\xb3\xc5Z\xad\xf6\xae\\&amp;\xcb\xa1R\x1e\xc5\x0c\xd6\x12\x96\x86\x8eo$\xb0`\x10Q\x03\x0e5\\\x86z\xd1\n9\x9e\xc2l\xc577$\xaaT\x87\xb7 \x95Jd\x93\xc5rVuL\xa0\x81p\xfd\xb4\xe6\xb1@`m\'\xd8\xda\xf1\xce\tXE\xf2B\xcf*\x9e\x8f\xe9\xaa\x1f\xb1\x06t\x18\x82\xe1\xf8\\\xd2\xa5\x91Hi\xe5\x94\xd1j6\xe0z\x81\\\x94j\xbay\xdf\x99KM\xcf\xd0\x9c\xber*\x97\xcb\xb2\xea\x9fI.\x9d\x8af\xd6\x00\xebr\xb1\xa9vR\xccy\xc9\xb3[\x0e\xbd9\x9c\'\xb0.0[\xc4\x03\x88\x0eAq\xdc\x0f\x81\x9a&amp;2\xa6\xbc\xb2t\x9e\x1d\x8b\x85\xdd\xb4Q\xe8\x1cgnz\xda8\xc3\xf2\xf9 \x9c\x95\xb3\x10bi\xc2\xe9k\xb6\xc0\xce\xceN\xf0t\xf1\xdd\xc9\xb1\xb3|\x93&lt;\xacG\xc3:\x8c\x18D\x06\x815D\xef\xd3\xa1\xf8\x9c_.S\xcf\xd0R\xdeiw\x1a\xb3\xc7\xb8\\\x8c\xdaj4N\xb7\x96\xc2\xb2\x9cj\xdaY\xf3y\x9bReV\x16\xe2\xff\xe7\xb6\xcc\xda\xce\xce\xda\xdb3\xcew\xc7\xc7N#\x89\x0e\x95\xf2\n\xd3}\xc0\xba\x01X}t\xc0\xf2\xbb\xe5J\xa9H\xe5\xf4\xa9\xb4f3o\x15\xab\xbe\xa0\xdb\xed\xbb!\x0f\xb2\xe5\x9f\x99q:Y\xd9TGG.[\x10\n\xa7\xbd\xb6&amp;\xc0\xda&gt;\xfcu1;^+g\xcf\x93\xe8\x9a\xbfC\xe9\x84C6]hi\x11\xd3\xe9\xf4&gt;T\xef\xd7jeRZ\xd6\x97\xa3)\xe7\xf2y\x1c\xc7\r\x98%\xb1\x1a2\xe6\x8c\x832U\xd9\xc9*\x8c\x16;|\x04\xd6YH\xda\x80\x959\x1c\xd3\x88\xa6\xb3\xc7\x1ddz\xf9\xf3\xeb:\xae\x98\xcb`\xd4\xb1t\x04\x96[+\x97I\x85,\x96H\xa2\xd1\xb8\xdc~\xbd`\x8b\x07\xa1"g\x9c\xd9}\xad\xcafGGiB_\xca\xc7\x9a\x14\n\xcf\xd8\xbc^\x18\xc4\xcc!k\xd2\xd7T8&amp;7e\xfc}E\xcc\x01\xb9\xeaXD\xcb\xeb\xd9Z\xb0,\xc2\x9c*\xa9qi\xe4Zw{\xfbV\xac\'4\xbb\x1b\n\x19U\x85\x82p\x92E\x93NB)\'\'\x85\xd7l\xdfzam9fYY\x9f\xb75En\xae\xee\xfcC\xd7\x10\xe4\x06\xc0\x82m\x8a\xc0$\xb2\xebj\xa9\xa4\xae\xe4\xb2K\xeb\xf6\x0b\xd8\xe1p\x82\x17\x8b\xad\xbe\\\x0c\x89D0\x7f\rJ\x11\x8bPk\xf2\xba\xf7\xd4Y\xdb\xda\x9a\xa3\xb9PPMO\x90}\xa5\xf8\x8f&gt;:\x14\xf1F\x1d\x0bCQ\x0b\xdb\rX\rR\xf9\xc6\x9c\xdf\xaf\xb7x0\x0f\x1a.\xad\x86\xe3\xf1x"\xc6\x93I\x00L\xad\x11\x8e\xb2X\xc2_^\xfb\xf6\x121\x8b\xc11\x95\xaa\x90\xcd\x91}\x15\xf5\xe3\x8a\x8e\xc3\xe5\xf6\xf6\x02\x16\x86Y&lt;D\x155\xa2~\xb9{\x1e|=\x180\x0f\x8a$\xec[aO\xbc\x82&amp;\x12\t\xbf\xb6\xa7\xbfM+e\x81Z\xa7\xbcc\x17O\xd9\x02koS\xcel!K\x8e\xd5\xfa\xbf\x0b\xc5WO\xfa\xfa\xbe\xbf\x0bX\x06T?\x8c\xa1\x02\xb7F\xd8\xe3\xd6\xd3a_\xd0\xe9\xbay\x1cO\xba6\xc0C\xb7\xa3z\xbd\x00\xc5\x05l\xf6\xd6\xf2$K8y\xdavY\xf8[o`\xe7\xcdX\xb1\\\xf6~\x82\xcb\xfd\xce\x87\xf7\x1e\xde\xfb\xb2\x97C\xb7X\x04l\x04\xc1\xdd\xea\x066F\xe7\x0c\xd0\xe9\xd6\xf9\x8d\x83\x88\xe4\x87\xd7\xfb\xaf\x8d\xb9\x99]\xe9\x94\x9c=l\t\xc3\x0b\x8a\xc6\x82A\xf46\x03Vfg\xfb\xe1\xce\x95\x9b\x9f\xe4/\x07\x14\n\xe5G\xbf\x03,\xc3\xb0\xfb6B\xc7\xdd\xd2]\x0c\xed\xa3+\xfe\xcb\xbb\xdd\xff4\x95fq\x00\xc7\x99\x8a\x0e[\xa1ux\xb9\\\x16)\xc5\xc4\xf6N+\xed\xdaz\x1bvk\xd3\xa6/\x92\x82Xf\xdb\xad\xd6M\xe3\x08bK\xac\xd0\x12\xda\xb1\xb5\xdd\xdd\xa1\x94\x12\xc1n\x19^l\xd9\x0e3\xcbk\x15\x95e\xccv\xe8\x92\x00F \x8c\x90\x19ED\x88\x0b\x01\xd4\x98\x8cQ\x9c\x1f\x0c\xe1\x97=\x17\xb3\xfb\x07\x8ct\x1f\xda\x12~\xfb\xe4\xfb\x9c\xe7\xdc\xd3\xe4\x01T7\xde\xfe\xf0\xf6\xda\xd3\xa7kk\xe7\xbf^\xfbz\xf3\xc4Z\xb9\xdef\xe9\xaaD\xcd\xb0\x89\x19!\xac8\xa5\x06\x86\xe68J\x1c%.F\xeb\xc0A\xab\x9a]eiP\xf0\xd8\xae\x06cme{{\xe3\xc5?\x11\xd3W\xd7\x03\x9b\xbb\xa9\xc1\x1d\xbd|\xb9\xe2\xed\xb5\n\xbd\x96VP u\x9c\x85\x06A\xf6b\xc5\x9d5\xb7\xeb\xc6\xe2b\xb8(\xc7\x8f\xaa\xd9&lt;K\x83\xdee\xe7T\x9c\xac\xd5H\xdc\x1a\x18L\xc7\xdb"-\xe1\x96G5K\xfd\xfd\xa1\xc9I\xdf\xd2\x8d\xaa\x8b\x17o\x18\x91\x82\xf2\xbc\x00\xd3\x8bo=\x7f\xdabz\x15\x8f\xd2Zd\xb5\xf34R}\xbb\x9d\xd3`\xc4\xa5\xb4&gt;7\xaa\x9eYy\xd4\xb6\\\xb7|\xf7\xee\xe4\xbf\xef~u\xb7\xff\xab\xfe\xbau\xe5?*\xe8yb$/\x80P\xb1@\xa03TS\x17\xdb\xcb\xb1\x1f\x9cr\x9a\x0c\xae\xa6\x12)\x9b\'9I\xd5\x1b\x11\xac\xa2\x8a\xd3U\xf7\xe6!\xb0\xfa\x97\xef\xde\x82\xcf\xfe\xe5G\xeb\x96\x12c\xc0\xc3\xf7\xe4\x15#8\xb0\xbcK\xa1\x871U\xc5\xe5\x1f\x9f3\xd9y\x96\n\t\x8a6\x95\xf3\xb5f\xf1\xbc\xc2\xf2\xe0\xc1\xcdk\xd1\xae\xba\xbao\x9f\xd5\xd5Ej\x96|}k\xff*\xa7\x07\xf2\xa8y\x9e@1\x9f\x85\xc0F&gt;{3\x11[V\\\xeb\x17N{\xa5\x06\xda\x13j\xd1\x8bi\xe0\xd2J47o\xbe}\xba\xb9\xf6\xac&amp;&lt;\xbf\xb1\xb1\xb1\xb9\xb9y\xfe$\x92\x07\xcb\x93\x17\xc0XX\xa0\x98\xe9[\\\x8f\xf5-\xcf\xc4\xc3sN6\xafI\xe2@]6\xb3V_0\xaf\x95H\xa5\rO\xff\xb6\xb6\xf1\x12\xba\xd6\xd4?\x7f\xde\xd8&lt;\xf1{,\xcf\x03\x0f\x1e\x0f\x13\xc1\x0b\x91\x00"\xf4-\xb6Qb\xcc\xbau\xe8\x0b%\x11\x97\x85\xe7\x92\x16(l\x15f\x9aBb\x83\xa7 \xa0\xaa\xab\xa7`N\xfeyk\x80\x00\x163\x8f\xc9ga\x08\x9f/\x0c\xaf\xc7\xb8\xb4\xe2\xe2\x92\x0f\xffnNi\x80\xaf\xaf\x1c\x8e\xca&amp;\x914h\xcd\x8a\x12\x85Vaf\x19\xfb\x86^nx\xa6\xfcS~b\xff \xac&lt;\x11\x13g!\x08\x1f\x0f\xaf\xbc~\x14k\xd6X\xd1\xa9"\xa7\x12\xb5\xa8\\\xa8\x03\xb6O\xaa/\xd7k\xb5\xe5ZZ\x10\x16\x8e{\xab;\xfd~\xff\x16*\x8f\xc9\x14\xe2\x08\x82\xe0\xe1\xc8\xf3\xf5\xe5X\xb3&amp;\x8e\xcd\x9dq:\r.\x95\x03\xe5HU\x16U\x85\xdel6\xcf\xcf\xd3h\xeeh4\xea\x8e\xb2:\xfd\xf5\xf5\xf5\xfe\x00\xec!\x1fX|:\x12\x8c&lt;\x7f};\xe6\xac\xd6\x1c\xee\x1c\x11\x97\xcb\x82\xf2T\x12\x87E\xaa0\x9b\xc5X\x1f\x16\xec\x1a\x1d\x1f\xed\rz\x07\xee\xdc\xa9\xaf\xf7@^T\xa6\x90H\x8b\x15Y\x99~s\xbb?\xf6,\x81\xee(\xc4\xc5spP\x97\xc4\xa1\x91*h\x9fb\xc6\xb2\xb2\xbe\xd9\xd9\xae.\x9a\xef\x0f\xf5w\xc0\x05,*5\xc5\'\xe4\x83j|p%\xd4\x12k\x16\xa55\'W\xa0\x9b\x83\xaawq\x0c\xb0\x8b\x8d\xaa\n\xad\x19\xc3\xca\x98e\xb8{\xd4\xed\xf3\xfb\x81\xe5\xf7\xf8="\xaa(u\x89\xcad\x85\xa7\x07_\xfb\xfe\x0f\xac\x8e\x9c\xdc\\\xae\xd5\xe9\xb4\xa3\x8d(j\x91:\x1c\xc0\xa2#H\xf5\xd0Pu\xd075\x00\x85U\xef\xf1\xfbEL\x119\xb4$\x12\x06\xa3\x83\xd3aoh2\xe6\x9b\xd8\xa1\xcb\xcd\x15\x10.\x03:L\x14\xbe\xa6\xa9\xc4L/++\x1b\x1a\x1a\x9a\x1a\x98\xda\xaa\xacz?\x9cBQ\xc6\x15\xafP\xb828\xb8\xe2[\nM.\xc7\x9e%\x80\xb8tV\xab\xc9`\xb0\x1b\\\x1a\x87\xe5r9\x9dN\xef\xa3\xf7A`SS\x03\xd0\x1f\x0208\xf0S\xae\x84\x96\x08\xd5h\xd8\xe7\xad\x89uZ\x94\xfc{:\x81\x00\xe2\xe2\xeaLN\xbb\xdd\x80\x82\xab\xe1\xbc\xf1\xec\xd9\x13\'N\xbe|\xd9\xd7W\xd69\x04\x85U\\\x8c0\x97\xaex\xbd\x91\xe9\xc1\xc1\xb0\x10\xe6\x87\x96\xd8\xa6\x95\xdfz\xf8\x8cN.\x10\x08\xe4[y\x11\xae*\xd8\xc5\xb3%\xe7O\x94\xcf\xf7\xf9\x88[IC~\x98\x1b\x8a\x91\x94\xd0\xd2\xe2\xe2\xf4\xf4`\x04\x17\xfa\xa0\xb6\x96w\xc7\xf0\xa1x\xeb\x8f\xc7tE:\xb9\xfcG\x81\\n\xb5\xea\xac&amp;\x90Ur\xa0\xa5*\xb4\xda\xf9j_8\xc8by\xbd\x03\x9d\x98\xb8\x18f\x99\xc5Hdz%\xcab\t\x85&gt;`\xedK\x8c\xd9\x7f\xd6L,\x1c\xfc\x92{L\xaeV\xab\xe5?\xca\xd5V\x1dW\xa7\x03\x1a\n\xdf\xcf\n\xe6\xdd\xc1`8\x8c\xfb\xc2&gt;\xdf@\xa1\xf8S\xbeoq\x11\xdah$\x1a,d\xb1p"\xad\x0fw$\xee\x8a\xc9\x80JIl\xfe\xcb\x8b?3r\xe42\x99L-\x07\x16W\xc0\xe0\xea\xb8V\x13\x1bmT\x15\x8c\x06\xa3\x91\xc5\xb0w\xd1\x1b\xc4gi\xb5,\x08jzz:\x12,\xc4X\x08N\r=Z\x1eKLL\xdcq \x16uu\xfd\xb3\xe6C9\x8c\x1c\xb5LVJ\xb8\xacN.T&gt;\xf4\n\xbbr\xb8\xbd\x97\xb8\x0f\x11u\x87\xe1\xc18:\xeb\x8e\xc2\t\x84\xb5\x02*X\x08\x1e\x9a|\xd81A\xc0b\xe0\x9a\xb8\xf4\xc9Og\xcee\x9dV\xcbJK\t\x97\xda\x04\xdb\x08.\x9d\x1a\\==\xbd\xbd\xee\xfb]]\xe3\xf7a\x8d\xdf\x1f|\xb2\xfa\xe4\xc9xm\xe1\x7fY-\x0f\x7f\xba\x07\xb0\xb1\xdd\xdb\xbe\x8f\xf9\xcd\xd9{\xbbs\x18Y9\xd6\xd2R6\xb8\xe4r\x93S\xa9\x13\xe8\xac\x02\xe2L*\x95\x00\xeb\xf9\xbe\xe7\xfb\x99\x19\xe2\xfdxuu\xf5&gt;\xa8\xc4\x80B0|\xa9\xa5\xed\x9b\xdf\xfc\xf6\xaf\x1d\xdf%en\xf7\x81\xdc\xdb\xbc7y\xe4\\\xd6\xfe\x1c\x93\x9d\xcd\xder\xa9MJ\'\x14=\x97\xc1\x80\x0f\x9d\xd3\xa9\xb4:!@\xeb\x9csn\xe6\xc9\xcc\x0c\x91\x15\xcc\xa6L&gt;\x82a\xde\x9a\xf5\xa2S\xab\xab\xdft$\xa5%l\xaf+\xbf\xfbR\xf2\x8e{\x8c\xfd\xe9_\x02\xab\xb2\x12`25\xb8\x94\x00\xe2\nr\x19YY\x0c8\x01\xa7\x19p\x08\xac\xce\x9e\x9ew\xaa\xc2B&gt;\x13\xe6@\xac\x10\x7f6z\xfa\xdc\xb1\xa2ScI\xf1\xf1\xdb\x9a\x17\xa5\xa3\xfb\xb3\xe4\x8f.\xedOOw:\xd9\xecJ\xf4\x9d\xcbd\xb2\x9bLV5\xb4W\xa2\xedouXHp\xf8\xf1cB\xc5\x82\xd6 B\xf8\xc5\x88X\xcc\n\xdf7d\xa53\x0e&amp;&amp;]\x88\'m\xa3\x8b\xd2\xba0\x92\xbd\xef\xc8\xd5\xf4\xfd\x9f;\x95\x86\xcaJ\x14\x05X\xa9L\x06\n;\x04\x96\xcb%\xae\xaf(\x95\xc3\xc3J\xa7\x12^=\xeeZ0\xb1\x98\xb0\x10\x84N\x17\xcf\xbb{Q{n\xfa\xaf?\xcc$\xa5\x91H\xdbw!\xf6\xea\xabW\xcd\xd9\xfb\xf6\xece|\x9eK\xb0P\x1e\x8f\xf7.0\xc8\xcbnw\xaa\xd5\xd0V\x95\x06\xf8Q\x02\xb3g\xb6\xb6\x10\xc7q!L\xcd\x84\x0b3\x1ai6\x15\xafR\xcd\xfdvW&amp;)\x9e\x94DJ\xd8\xae\x1d\\X\xe8\xbe\x9e\xbdo\xe7\x91\xa3\xb9\\`\x81\xaa\xea\x1d\x0cLv\xa5\xdd\x00\xb3\x84\xdd$\x83\x97\tZ\xd8\xac\xbb\x90\x85\xe3L&gt;UD\x05X\x19B7\x9a\xb5\x15\x96*T\xe6l\xdd\x9d@\x8aOJ\xda\x1e\x17\xe5\x00\xa8^\x8d\\\x02\xd6\x9eC\\\x9d\xd20\x8cr8.\x97\x8b\xc3\xe1\xa0\x95 2\xa0\xf07\x0f\xfe\xe2\xb8\x1c\x12\x05\r\x8a\n\x17\xe2\xb8(%%\x85J\xb8\xe8Fc\xb9\xde\xe6\xd0\xf0\xd4\xabc\xf1\xc0"eBd\xef\x7f\x1e)\xc9\xdd\x90Uw\xf3\xa5\xec\xe4\x9d;\x8f\xabuP@\x84J\xe3p\x104\x14\x1d\xe646\xb6\xab\xa4R\x89\xa2\x80&amp;&amp;H\xc4bRS\xc8\x1ep\x89\xa0\xb6\xc4\xc0\xaap\xdc\xa8\x92?O$%$\x11\xac\x0bi;\xdf\xd3E\xf9\xe0\xd2\x8b\x85W\xdd##\xc0\xda\xb7\'\xfe\xaaZM\xb0\\\x0e\x87C\x05\x0bd\x8d\x80\xea\xed\x92\x14\x10)\t\x85T\xaa\x08\x17BJ"*\x84E&amp;\x93!.\x0c3k\xf5\x12\xcd\x0f&lt;\xf5w\xbb2\x13H\x17\x92\x122\xe3\xd3\xd2\xde\xabO\x00\xaa{\xe1\xc5\x02\xa8\x80\xf5\xc9\xc7\x7f\'\xedp\xaaM\x10\x8f\xcba\x81|\xa4\x12\xa9\xc5\xd1N\xa0f\x0b\xdc4P\x01GD`\xc0E\x15\x91\xc9\xa9\xe4\x14\xb2\x88\x8f\x19\xcd\xe5\xfa\x06M\x13\xaa\x9c\xd8\x99\x99\x90D\x827\xb0\xd2\xe2w%\xe5\xff\xd2\xed\xbb\xde\xdd=\xb2@\xa8\x9a\x9b\xaf_\xcd\xfe\xf8\x08)\xfe\x90\xcc4\xdc\xd3\xb8\xa5\x92H$6\x89\xaa\xbd]\xba\xa5\xaa-\x14\x92SSS32R3\xc8DUQ\x81\x05\xbf\x99\xffc\xb1\x07\x93\xe3\x13\x12\xa0=$\x90\xd2\x88\xb5\'1\xf1\x97&lt;!\x89\xa4\xc0s\x1dT\xcd\xcd\xefX\x1f] \xdd\x93\x95\x1a\x88ZRI%6\x9b\xc2f\x93H{\xbb\x08\x15\xadV\x8cS\t\x15,HKD\xf5\x903RS\xc9T\x11\x82\x89\xcd\xe5%\r7,\xb2\xb6_\xfd\x87rs\x8bm"?\xa3\xb8\xc7\xe3\x99\xf1x2cbO\xe2\x15\xc1\xa3\xccC\x13\xc2\x00B\n\x16rw\xe3\x90u\x11"\nY\xa1H8\x0f\xbb\xa65\xb0b!\xddp{\xe0\x81HMHQ\x1fV\xdbV\x08\x1cK\x15\x89j-\xbbBFB\xdan\xd4\xa8/lJ\x1a!R"!\xf5\x85\xaa\xda&gt;U\xe4R\x82*\x12\xb5,\x97\x9e\xf3\x1f\x9bKo\xdb\xfd\xec8q0\xe4\xe7\xf3\x9d\xff\xf9\xbeA\x10\x12XI\x1f+\xe18\x92\xa4\xb7~\xcb^\x06\x87n\\\xb9Q\x19*\x14@U\xa9b\x19\xa1h\xfc\xc3]\x1fT-~\xa6\xa7g7\xc1&gt;9C\xb1h\xad\xba\xc6\xa6\x1c\xa8\x84\xb5(\x1d\xbd\x85\xd8:\xd9\x7f\xe8\xc2\xbe\xd3\x1f\xccj\xb0U(\x84|\xf0\xb12\x86$Yq+\xfa-\xfe\xa2\xdb\xaa\xdc\xe0\xe1\xf3b\x8e\x07\xaaJ\xe5be\xa8\xe4\xc6\x0c59\xf8\xa7][\xb6\xfd\xe23\x88\x05\xac\xfe~\x82\xbd}f\xf7\x8f\xfdX\xa8\xafc\x13\x81U\xdf\xd0(\x9a\xd9\x99\xc2D&lt;z\xec\xfdC\x17Nm\xf9\xfdt\x98\xd6B\xd1\xf1\xc0\x922&amp;\xc0\xe2q-\xf2\x7fB\xd9\x17\xaf@*\x0c\x1b\xa5,\x15@5\x04\xb0\xa1\x82\x1b\x93\x13\xd1\xd0\xcf\x05\x16\xa8\x8e\x13\xab\x19`g\x84Z{\x85\xe5\xebhx\x1eBP\x01\xab\r\xfb\x03\xac\xf5\xc3\x8f.\xec\xdf\xf5\x139\xcc\x1e\xa2\x06\x07\x13!UM\xc8q[\xcad\xc0%\x05\xbf9.\xd6\xad\x8b\x03\xaar\xf1\x8ac\xea\x96\xed8%\x0854\x84\x0f`IJ4:\xfb\xe1\x96\xedg\x05\xd6\xee\x9e\xfefT\x0f\xb0\x9a\x9b\xfb\xba\xa8\x16ZW\'\n.C\x13\xe1\xb1\xd4\x1b\xb0\xd6\x81\x8f.\xac\xbf3\xab\x85Z\x81\xa5\x12\x0b\xa5\xaa$\x8a\xdb2\x143\xb4\xf07\x80\xed\xb1*\xc2R\x15\xd7\xd6\r\xc7\xb6c\x85\xe5\xa1R\t`C\x05/&amp;\x99\xa1\xa4r\xe7\xf0\xf6\xb3\xfb\x04\xd6\xee\xfe\xe6\xbe\xbe\xbef\xf1\xef9\xf7\xee\xdd\x91b\x13\x1b\xeb\xd8&lt;\x9a,\x97\xc3\x17h"zx\xe0\xf8\x85\xc3\x0f\xa7\x95Hk\xb2\xaa\xd6 \x1e\x12\x8ai\xd8\xf1X\xdc\xb6m\'cj\xda\xff\x00\xdbc]\x84\xa3\n (\xc4\xf4\xb2lY\x8eSX)\x14\x88Ura\xb4r(\xa9~\xe7\xf0\x89\xfd\x02\xebL\x15\xab\x19\xaa\xf9\xd6j\x10\x01A\xc1\x1a\xf3\xa8&amp;\xe4\x84o\xad\xe3gw\xfdA\x8e\xb6\xd2Z*\xa1\x80\x152\xcb\xa6nH6\x04#\x9c\x1e\xd4\xfe[\\\x08(\xd7v\xd0\xba\x82k):\xae\xa1d\xc9\xbd\xe7\n\xae\x02\xb12\xa1d\xb4\xb8\xe5\xc4i\xe1\xf83\x90\x0bT}\xcd\xa0;\x8f\xb1\xd3\xd1\xd9\xc0\xd3\xd7\xc8\x0e6\xe5@\xd5\xd8Y\x9f\xda\xd4u\xf4\xfd\x03\x87\x8e\xaf\xff|Zi\xa5X\xa2\x818\x8d\x83\x83\x86\xaek\xba.\xfb\\\xf1X\xcc\xd6\xb5\xd0\x9e\xffx\xbdu\xa3\x10\x97\x1c\xbc"\xe6\x16\x1cP\xc9\x8e,\xcb\xde\x02\xb0\nC%\x81\xa5\'\x92I\xfd\xce\x89\xd3\xa7\x00\x05\xac\x9e\xaa\\\xc2Z\x9bS\x8c\x05a\xae\x86\x9c\x08\n\xe4WGj\xd3I\xe4\xc3&gt;\x18&gt;J\xac*\x15n\xb0\x96\xac\x97u8\x85m\xc4\x0f\xf5\xbc\x98\x11\xfeW\xb0ur\xe5\x8aK"\x96\x87\xa9\xac\xcb\x86#K\x92\xe4.\x14\x88E*\xf83\x11\x8d\xa8\x0f\x7ft\xfa\x94\x08Sb\x1d\x13\\}]\x1c\xd2mm\r\x9c;\r"\x1dDR\xb4\xd5cP\xf7\x1d\xdb\xbd\xed\xd3\xd9p\x84=\x14T\xc9$\xb8\x14\x9crI\xcf\x80K\x82\x85k`\xcek`\xeb\x82%,..\xbe\xcf\x82\xac\x8aI\xad\x10w\x8e\xbbPr\x0b\xa5\x02\xb0\x8a\xff\x88\xcbJ(\x12*n\xdb\x7f\xea{\x82\nX\'\xfb\xba\x88\xc5&amp;\xa6R\xa96FV\x1d\xb1D&gt;\xd47 Ma\xae\xb7\xb7\x8c\xf9b\xa93X\x9a\xa3\x91\x08\xb8\x94r\xb9lH\xe8$\xb8,\xa7\xc6\xe5y\xb6R\x03[\x17\xf6\\\xcf-\x15&lt;\x81\x84\x1c\xb1\x83A\xf8J\x97\x1d\xbc\xbe\xb00\xc7.\xba\xae\xbb\xb6xI\x02V2xw\xff&gt;DhO\x0f\xb1\xa0S\x9f\xa8\xae\xbd;\x00\xd6\xd6\xd9\xe9\xaf\x0e\x08\xf8\x86N\xec5)\xb8\xab\xf9\xac/Vh\xf0\xe9\xd2\xd3\xc1h\x92X\xaaR\xd63ZF\x96\x01f\x18\x16\xa2\x88?Y\xa8b\xebI\x8e\xa4p\xdc\xf3p\xd4\xdc\x1a\x95\xed\xe8\xa6\xa0\xc2\xbbpl\xf7\xde\xb2\x0b\xa8\xa1wK_/\xae\xca&amp;\xc6\x9a\xfa\xb7}\\\xae\x98\xa5\xfd\x10\xabK\x80\xe1\x91\x97\x84\xa9T\'\xaa\x8ed\r\x9dD\xc4\x06\xb1i\xf7\t!V4\x14~\xb0\xf4t\x1aT\xc0J\xc0V\x99L\xc6\x84W\x0c\x9dS\x88\'\xcd\xa2l\x84s\x94\x80\xed\xb9\x95JI@\x91\n)b\xe8\x92\x05*`Y\xc4\xda\x00\xa5\xdc\x85\x8do\x8e..Z\xa6\x1a\x8dD\xa7\xc5\xca\xc7\xa2Z\xb8l&amp;\xda\xd1M\xe4\xc2\xf6\xde\xd9\xf9]\xfa^\x80\xe1\x8b\x8eT\xd7\xbeO\x99YX\x1c\x9e.=Pn\xb6S\xadP\x06\x1a\xb1\x83Z\x86\x8f2]\x8cX\x95\r\x19Nc;\x03\x85R\x89PBC\x81\xc5_\xb1\x0c\xbe\x92\xb9\xe5\xae\xec\xf4\x80uc\xe3;\xb1\xc7\x8b\x8f\x14\x15r\x85\x7f\x03\xad\xfa\xc4!D\xef\xc0\xf2\x06\xd1\x84Xm\xc4bN \xe1\x01\x06\xdb\xd7u\xf4\xac\x1f\x93B\x10K\x85XO\x96\x87\xb7F\x88\x18R2\xf8\x11z\xb5\x0c\x83\xcd\xccP?\x9dN\x8b\xc7\x024\x8e\'\xc26\x8e\x9b\xe3\x90J\x82\xac\xfe\x1b\xb0\xdd\xefo\xa5Z\x85\xc9#\x13\xab\x8b\xcf\x94\x04\xbb8F\x95\xf6V\xbbG\xab\xa7\x90\xe6\xec`J4\x8e\x19/\xb2\x0b)\x91k\xda\xf1\xd9\xedY\x93\x01\x0fg-\xddzkx\x04jE\x07\x91\x10\xe1DB)\x13\xc4/M3\x91\xf5x*\x04\x0b\x88\x03\x18\xb7\xa9\x0c\x9aK\x12\x07j\xd6\'H\xbdG\x00\x00\x06gIDAT\xb0,\xf7\xca\xce"_\xb2u\xe3\xca\x9f\x17\x17\xaf\xa1\x89\xad\xc9\xd9\xf3\xa0\xc2\xd5)\xaf\x9b7\xa7:h\'\x0ceax.5u\x08\xd3\xa6\\:\x9d\xce\xe3\xdet~\xfb\x98\xa5\xb6\xf2\xdabu\xe9~\xac\xb7\x17\x9b37.\x13\'1\x93\xd1@\xa2i\x06d2Y\x1a%#\x97\x13`*\x90\xca\x12Lt\x14\xd4\xad\x16\xce\x08\xb0&amp;@\xe5]&lt;\xd2\xeb&lt;[\xbcO\xac\x88r\x95{{\xc7\x0e^7\xef@Nq9\xee\x10XL\xad\x86\xc6\\&gt;\x9dMgY\xe9\xf4\xcf~w\xbbh$\x895\xb3\xb44sox\x03S\x0b:\x99eHcb\x02\x01+\xa3\xe9\xe0\xe3W~K\xa1H\xc0\x13A%\xa8\xc8\xc1\x81\xf3\xb2d\xcb[\xde9Ero\xf8\xc8\xd4\xfd\xf9\x07I\x9c\xef\xd6\xe8(\x06`}=\xff\xa7\xf2\xe6\x0e\x7f\x10bY\xf0\xa5\xc2S\n\x95mii\xe9\xeen\xc9\x8e^\xdd66\x1dn\xa5\x9b\x1e-=\x08\x9e\x9b\x9c\x88&amp;\x93Il[\x8a\xa2@\x1d\xb3\x8cO\xa0\xd1|\xd9jX\xb2\x14\xe0\x01\xb4m\xbf\x7f\xb2Q\xfdn\x15\n\x1e\xf3\x96\xdb\x97E\xccn=\xf2\x9e5?\xff4\xc4\xdc\x99\x15\xab\x15f\x0b\xaeu\xearhV\x9e\xeb\x82\x90\nX\xf9l\x96L\x03\x03\x03--_}yw\xc2\x82X\xc9h\xf8\xf1\xfc\x93\xd2\xf0\xb90\xae\xc8\xa2b\rTH\x06\xa8rF\xafa\xd5N\x80,\x07\xfcX \x16\xa0x{Q\xcc:\xc7\x1di\x7f\x93\xf1\x1b\xab\x1c\x19\xb6V\xe7WUb\xa9\x97\xfd\x9dX\\J\xe4\xd0\xb1\x01\x01\xd6\xc8\xc0j\xcaS\xab\xee\x81k\xe3\xe3\x03-\xa3W?\x1e\x9bU8v\xd4\'\xf3\x8f\xafo\xed\x1d\t*\xe10\x97\xc0*\x17$#\xd4kX\x06\xb1D\x82\x8a\x16\x8a&amp;\x1aU.\xae\x0fhi\xdc\x1bYh\xf70\x00\x1c\xe9\xe6\x0f~\xf5d~\xe9\x16\xcc\xd5\x1a\x99\x15\xfb\x8b \x838\xdd\xe8XK:\x9d\xcbqN7\xa5\xf1d`\xfc\xda\xb5q\xa8u\xf9\xcb\x87EK\x8dP-\xbc%o\xb8\xd7\x02\xa0b\xaa\x89\xb0\xdfFb\x95MS\t\xd2j\xafa\xc5\xe2~\x0f-\xf6\xd0\x8f8B\x91R\xc2\xf4\xf1\xe6\x16\xdaK\x85\x98#\xeb\xf7&amp;w\x06\x91&lt;\x02+t)\xc7\xcd\xaaI\xac0\x80@\xc1Hy\xe6B^&lt;\xa7V\x03\xdd\xa3\x7f\xbc[\xb4M\xe3\xfa\xf5`(z\x7f\xf5\xe9\xd4\xbb\x1b\xf8\x9bU\x85XJ\xad\xcc Z\xc9cX\xb3\x16S,\x10\x7f\x81%\x06\x94\xe6\x87\x1b\xcf!\xe2T\xb2\xbc\xb9\xf7\xdaG\\d\x86\xe9\xdc|g\xfa\xd1\xb3\xfb\xd7gn\xc1\xf43\x0c%\xee\xa0\xf9|\xba\xe5\x1ak\xbc%\xcbN6\xa5\xbbI\tcu\x0ft\x7f\xf5\xc9Xl\xe4\xe0\xe4\xe4Jen\xee\xe2\xdc\\\xa9X,\xbaq-\xac\xb2\x89\xe1\xaa\\U\xcd\x14\x01\xf6"\\\x03\xf1\x9a\xe1\x05\xd5+%\xda\xe8xS+\x0b\x1b\xbc\x8c\x11/N\x8d\x8c,\x8f\xcc\x8d,?\x7f\xfe\xfc\xaf\xd3\xca(\xb6\xe2|\x8eQ\x90\xcd\x8e\xcf\x10\xab;\xcb&gt;\xe6\xd2\xf0\x15\x0cO\xc7\x7f\xf1\xeb\x8f\xaf\xdc\x9c\x9c&lt;W\x94l,K\xc8\xed\x89Ri"\xa6\xab\x88\xd20\xa8\xc25\xb9\xaa&amp;\x83\xfdk\xd9\xeacQ\x96\xaaX\xd5\x82jt\x9al\xc5&amp;\x96WV\xe6\xa6\xc4\x9bEM\x14\'\xc6\x9e\xaf\xad}]\xbc\x86\xad\x98T\x8c\x02\xda{\x9cj\xa5\xa1]:-\xb2\x01\\\xdd\x97o\xf7\x0eON\x1e\xbc\x0eu\x13\xa6\xc8#\xcb\xb1\xf4\x046gr)\xffV\xbe\\"\xf7\x03\xd4J\xe4\xa8!\xa8\x82\xb8\x07\xab\xf6\xd3\xc0e{%\x00M\x14\x19\xa9\x1c\xee\xb2a]Z[[{6\x93\xaeQe\xd15\xfa\xbb[p\xa5\xf3\x8cQ\x80\r\x8c\xfe\xe5\xad\xdeIheE\xf6\xb4\xfa\x17\x88\xd8\xe1U5T\xa5J\x84_\x91\xaa\xc6E\xe7\x97\xd9\xce\x80\x88\x06\xbf\x81\x9a@\xe2\xdd\xa7\x12\xad\xb4\xb95\xda\x1676MQd]U\x95\'kk\x8b\x0f\xfe\x0e,Pe[\x06\x84\xc3\x19RLu!\x18\xa8.}\xf1K\xf4orr\xeb+T\xb5\xf2\xa9|\xbd\xf8),\xea5\xca\x80U\x15J`\x05k\xc5\xe0\xd5\x04\x98!\x983\xa6\xffg(XP\xd5\xe0O\xc15\x0f\xb0\xfco\xd3\xd4j\x80\xd5\xed\x0f\x1b`!\xc8\xb2\xa3\x0f\x0f\x0e\x93j%\xc8\xb3\x97|\x89\x05\xc1|\xb5|\x94\x17Pa%\xf1\x12*\x91\xf8g\x19f\xef\xd20\x10\x87\xe1pM\xee\xd2\x84\x90M\x87\x92\xb5\xa3\x8b\x93 "\xb8H\x87\xf8\x0f\x88\x8b\xab\xe0\xdf \xb88\xe9V\xdc\x84\xce\x82"H\xbbj\x8a8HwA]K+\x05\xa1\x11)Z\xfc}\xdcG\xac\'E+\x8aO\x9f\xdf{\xef\x9d\xf5L\xd29S\x86J)\xad\xcc,8%\xe8\x15&amp;\xb50M\xe2\xeb\xcf\xd1h0\x9e|\xddcq\xc2\x07F\xa9\xd9B]\xe0\xb0\xb1w\xfc\xb1\x8b\xa9\xba\xcd{X\'Y\xf6G\x16\xecC\xe9\xfc\x84\xf4\xb0\xcf\r\xaf\x17\xd7]\xd0\xa1l\x9d/N\x18o\x00\xb8\x7ft\x12\xfc\x1d\x19\xd4\xe3P\xd6k\xdf3\xe0\x02\xb0!!\xd12C\\:\xe9\xae\x17D\xb5\n\xc7\x0e\xaa\xc2\xb7K}?uPP\xf1v\x86\x16\x8a\x17\x10\xe3\x8fx4\xbbD\x90\x1b&lt;\xc9+\xbe\x98\x8c\x17\x82\x81]\xd0U\x8f\x93\x00\xb6h9\x03.\x00\x9bB\xd6[\xcd\x03\xc6\x02\xb0F\xf7\xa5(\xf2&lt;?Z\xefe\x86\xaa\xaa\x8a\xfe\xf8\xf2\x82\x1c\xf3-$\xc2M\xe1{fp\x89a\x10\x89\x95%\x943\xa6\xac1\xd8\xa0p\t\x8f\xaf\x86\x1al\xd8D0\xad\xeb\xec&amp;/p\xad\x9cG\x08\x15\xa5\x0bT\x92\x840D\x85I\x1a&amp;\xc6J=j\x04\xc8\x9a1D\x98\\\x12\xa2b\x0b\xb9\xa0S:\xa8\x0c\x06\x19\xab@\xd5\xd4O9\x03\xb0\x01\x80\x11\xd9\xd6\xda\xdb\xd362\xed?\xdf\xc1\xd5\x98U\xf9\xa6\x1b\xb4,Y\x91\xf3g!\x90\xf4_\x11*M=\xf2\x13\x10\x96\xd0fh\xa6\x9aK\xb7\x05~\xc6;-\xde#1\x13\x18C\xac?q9\x9d\x03\xda\xb8\x9cB\x89\x9evw\x88\xe9"d\xa8\xc8\x88\x92\xce\x95\xb6U\xd9\x8a\xcc(C=&gt;\xe6Z\xc0\xa2\x1b5\x7fUQe\xdb\x83k\xb8\x93\xe8\x86\t\xf1h[\x16\xfd\xefi9\x9f\x94_/y\xb1\xf9\xde\x06&amp;\xa4\xa2\xff\xbb|kJR\xd8\xff\x13\xd9\xa4\x9bT\x91,\xc4\x82\x9c\x07\x81\x99"w\x83P6[B\xb9\x80\t\xa5\x8f\xd3\r\xbc\x8dPduk\xfb\xe9\xe3U\xbf\xfd \xa2,\xd3L\x91\x93\x85P\x87\x9a\x8a|-NPo?\xdfa\xfd\x02\xad\x7f\x14\xb2\xba\x1d]i\x00\x00\x00\x00IEND\xaeB`\x82'</t>
        </is>
      </c>
      <c r="M283" s="3" t="n">
        <v>45492.67739583334</v>
      </c>
    </row>
    <row r="284">
      <c r="A284" t="n">
        <v>876286</v>
      </c>
      <c r="B284" t="n">
        <v>49202</v>
      </c>
      <c r="C284" t="inlineStr">
        <is>
          <t>André Luís</t>
        </is>
      </c>
      <c r="D284" t="inlineStr">
        <is>
          <t>A. Luís</t>
        </is>
      </c>
      <c r="E284" t="inlineStr">
        <is>
          <t>PD</t>
        </is>
      </c>
      <c r="F284" t="inlineStr">
        <is>
          <t>ATA</t>
        </is>
      </c>
      <c r="G284" t="inlineStr">
        <is>
          <t>PD/CA</t>
        </is>
      </c>
      <c r="H284" t="n">
        <v>179</v>
      </c>
      <c r="I284" t="n">
        <v>97</v>
      </c>
      <c r="J284" s="2" t="n">
        <v>35540</v>
      </c>
      <c r="K284" t="inlineStr">
        <is>
          <t>Left</t>
        </is>
      </c>
      <c r="L28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5c5be6e-b806-47a2-9b52-f586f2cb7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8e@\xc0\x00\x00\x03\x00PLTE\xff\xff\xff\xfe\xe3&lt;\xce\xa4\x84\xfa\xdc+\xff\xe7&lt;\xf9\xda%\xfd\xe07\xfe\xfe\xfe\xff\xe78\xff\xe7B\xfe\xe9G\xff\xff\xfe\xfe\xe3.\xd1\x9e\x83\xf4\xd8$\xc8\xa8\x82\xc5\x9a|\xd3\xa8\x87\xd4\xaa\x8e\x1a\x18\x13\xd1\xa6\x8c\x17\x81R\xfe\xe33\xfc\xdd(\xfe\xde/\xd5\xa3\x86\xf5\xd5&amp;\x1b\x89X\xc7\x9b\x82$\x1f\x19\xfe\xe4D\xcb\x9e\x85\xbb\x99v\x1d\x91]\xce\x9a~\xcb\xa3\x8a\xd3\xb1\x8c\xc5\x8ew\x14gA\xbd\x8dw\xc5\xa3}aNB7-%\xd5\xa5\x8d\xcb\xa0~\xbf\x9f{-&amp; \xf1\xd2!\xba\x88r\xa3|f\xd6\xa8\x94\xff\xe54\xdb\xb6\x8cPC9I?7\xc0\x93{\x13rH\xb0\x91n\xb0\x8ei\xb0y_\xfd\xeaO\xd4\xad\x87\xcd\xad\x87\xb4\x84m[F8\xac\x7fj\xd0\xa1|\x16mF\x9cu\\\xd3\xac\x93@3*VI?\xd8\xae\x8e\xb8\x9b{\x15yM\xc0\xa5\x86\x93nW\x91s]\xb5\x96{\xe0\xbd\x92\xba\x9f\x82\xd0\x9f\x8b~YE\xda\xb2\x9e\x9enU\xac\x8de\xb4\x94m\xee\xc9\x19\xd8\xad\x96\x8ajT\xfa\xf9\xf8R?0\xc8\x94~\xbf\x97\x7f\xb4\x97t\xb7\x8en\x8acN\xa5u`\xfe\xe1&amp;\xfd\xdc \xd0\xaa|mQ&gt;\xab\x89p\xd2\xa6\x80\x95gQ\x11b&lt;\x99zc\x81fTlVH\xd6\xac\x9a\xa5\x81^\xd3\xae\x80\xc1\x89q\xc3\x9cs\xcf\xa5\x92\xdc\xa9\x8c\xa9\x87b\xbb\x82iG:.\xd3\xb4\x91\xdc\xbc\x97iI7uVA\xb4}g\xaaqV\xa3\x85m\xfa\xdd2\x82aI\xe0\xbc\xac\xa1\x82W\xca\xa4y\x81O@\xb4\x8ew\xdc\xb1\x93\xf5\xf2\xf0\xdb\xb6\xa5\xbd\x94p\xec\xd1-tZM\x9a}PK0%];,\xa8\x94|\xe2\xc3\xb6\xa0dO\xdf\xb4\x9a\xb0\x85e\xe1\xc71vJ9y`M\xc6\xad\x8b\x96\x8e~#\x9bdfA1\x88YH\xcc\x94x\x87n^\x8fxF\xd7\xb8\x95\xcc\x95\x84\x90_I\x97ZHS5*\xe6\xcb\xbd\xee\xea\xe7\xf8\xdeA\xd4\xbe4\xf7\xe6X\x8dU:\x98\x85*\xf4\xd74\xf7\xe3K\xe0\xd3q_XM\x97\x80n)xM\xac\x9a7\xc3\xbf\xb7\xfc\xd5\x15\xef\xded\xcd\x8am\xe7\xd1&gt;\x85zg\xb2V:\xbe{_\xf4\xe16\xae\x9c\x88=$\x1c\xba\xa7?\xc5\xb0\x9d\xe3\xd1T\xcb\xb9H\xb6\xa7\x8b\x85\x82}\xd9\xc6J\xc7\xb01\xfe\xf9\xdb\xb7\xa2(\xd6\xcd\x84[\x91A\xd8\x9b}\xde\xd65\xc1\x9e\x8a\xec\xda\xcc\x89y-\xcf\xc9\xc2\xae\xcd9\xec\xe3E\xe1\xdf\xdc\xff\xfd\xf0d\x86f\xd8\xd5\xd0\xb3\xa8\xa1\xb7\xa7T\xfd\xed\x87\x0bT2+\x86S\xcf\xca\x9a~\x93r\x9e\x98\x92\xec\xdd4\xc3\xb3]\xb1\xaaqC\x81]wwP|\x9a:\xec\xdbS\xfd\xeaf\xa0\x8f?\x99\x8ed\xcc\xc2w\xd0\xc1_\xef\xe1\xd9\xdc\xb9\x1b\x9e\xb2&gt;\xa8\x9dT\xfd\xf2\xaakgb.^9\xca\xe0N\xfd\xf5\xc0\xa4E)\x82G,\xca\xcf=\xb7\xba:si4Ay?5\x98dC\x92N{\xa7H\xc0mP\x98\xa5\x85ua#d\xa9\x86\xaf\xcdg\x97\xac`\xa0\x19)\n\x00\x00 \x00IDATx\xda\xcc\x99\xdfK\x1b\xe9\x1e\xc6\xcb\xdc\xe4b\t\x9d\x99\xceM %\x92Y\xc9\xc6\xc9\x96L \t\xad\xd8IBb,\x9b\t\x1as\x91hf3\x81\xcd$\xe4G\xb7\xc6VH\xdc\xa0\xb4\xa9J\xf0\x07\rzD\r\xb4Xo\x13\x10\x0e^(\xc2zw\xf0 \x08z\xe7\xf5\xb9\xf4\x7f8\xcf;\xba\x87\xf3\x07$\xba\xdfq\xe6"\x11\xe6\xe3\xf3}\xde\xe7\xfd\xbe\xed\x93\'\xbd(\xc3\xff\xd7\x93\xbfG\x11\x94\xa9\xa5\xa5\x83\xcb\x83\x83\xa5\xa5\xa5\xa9\xbf\x07\x19\x90\x0e.\x0f\xaf\xb7\x8f:\x9d\xdb\xdb\xdb\xb3\x9b\xeb\xc3\xcb\xa5\xc7&amp;#:]\xdc\x1cu\xc2\x1e\xb7\xdb\x83\x9a\xc3\xed\xbe=;&lt;xL0\xbcz\xe9j\xbb\x13v\x03J\x7f\xdc\xb1y&lt;\xe1\xdb\x9b\xcb\xa9\xc7\xe22&lt;9\xb88\xeb\x00\xc7\xe3\x0e\x87\xc3\x84,\x1c\xf6\xfcU\x9dG\x02\x83R\x87g\x1d\x8f.\x94=l\x0f\xdf\x95\xfb/\xacQ\xcf\xed\xf5\xd2#pM]\x9e\x91\xf6\xe9J\xd9;M{\xb8c/\xd9I\x1f\xff\xa7Y\xf8\xecj\xca\xf0\xd0\xcb\xef\xf0V\xb7\x12\x94\nw:\xcd\xa3\x92\xbdT\x02[\t\xc2\x81v\xce\xa3\xf7\xb6\x03\xc1\x1e\xb6\x81\xd7\x1d\xddO\xee\xb0\xdd\xdd\xb9-\xb6\xdb\xcdR\xb3X,\x95\xda[\xd0\x8c\x90\xda\xc3\x04:\xbc}\xf0p\x8d\x04\xd5\r$A\x0b\xc3v\x88T&lt;\xda\xden7\x9bE9\xa9\xca\x85d\xad\xd9\xdc\xdajn5K\x10\x0ehg\x97\x0f\xc5e0\x1cl\xdb\xedD\x13@5\xdb\xddnw\xfd\xb8+\xcb]-\xe8\x974Q.\x04#\xc1`\xb1\xd8nfKM\xb4\xf5\xe8\xca\xf0@T\x97\xdb\xa5R\xa9C\x84*\xb5\xbb\xc7\xe7\xe7\xa7\xa7\x8b\xa7\xa7\xa7\x15\xb3B\x9b\xcdf\x057\xad\xd8\x1a\x8dz\xa1 \x8b\xed\x92\xfd\xe8\xd2\xf0PThR3\xdbl\x17\xbb\xe7\xa7\x8b\x1b\x1b\xdf\xbf\x7f\xdfX\\\x0e\tF\xab\xd5H\x19)\x93I\xe0\x04\xa1R\xa9\x9c+\xe7b\xb2\xd8\x84\xbf\x1e\xa4\x83[h\x91\xac\xb6\xd7OO\x97u&amp;Pml,\xbbL\x04K/\x13\xc8X\x97+\x14\xaa\x9cG5y\xeb\xb8\xef\xbe\x07\xd5MQ.D\xb4\xf3\xf3\xca\xe4"\x94\xda H\xe4\xa1c\x11&amp;\xeb=V"\xc1\xba8\x97\x8bW\xb4d\xff\x83u\xea\xba]\xb7y\xbd|\xa8\\\x9e\\\xd6\x1b\xb8\xb1\xb1H\xaeI`\x11&amp;k@o#\xb0\\BE\x108\x8a\xe2\x7f\x95\xaf\xfb\x9b\xab\x06\xc3\xc5\x91v\xceq\xac+QNL.C%\xddV\x93\xcb\xcb\x93e\x16j9t\xb1\x8c\x01\xbd\x89!\x17\xa88\x13\xb8\xb4\xe4a_\xb9`\xacu\x9ee\x05V\x10\\."\xd7"\x80H-O&amp;X\xc6h\xa4P\xa02B-\xfcB\x82\xe5P\xc0\xe2\xeb\xc5\x8b~b-]w+\xa02q\x94Ip%@sO5Y.\x87X\xca\x81\xcbH\x04\xc3\xcd\xb1\xd0\x13\\&amp;\x13\x81\xb5\xc8\xed\xab\xbe\xd9\xcb`\xb8::gY\x8ea\x18\x81\x11\x84\xb1\xc4d\x19&lt;\x93\t\x97\xab\xe2r\xb98\xcaA\xcal\xd5\xcb8\xc1%\x12\t\xf8\rVs8\xf8hs\xbbo\xdb#\xf6\x9c.\xba\x02*\xc6d\xca\x19\x8dl\xb9\x0c\xa0\x90\x0b\x9f\t\x15\x8e\xb7\xd0zYi\xab5\xb5G\xd6#\x91*\x10\xa0(\xfc\xf0b\xb1_r\xfd`8\xec\xf2\x1cG^\x17\x08\x90\x8c\x12\\e\\\xc8\xcd\nW\xe1-f:\x95\xa2i3!K\xa1\xe0/\x862\x06\xac\x01T\x8eb\xcc\x85\x9b&gt;\xc9E\xfc\xce\xe9\x9e6\x92w\x19\x8dB\xa2\x0c\xbdp\x97u\xadR\xb4\x99\xe7y\x0b\xcaj\xb6L`\xb9r\x0c\x15\xd0\xcb\x9a\xa3\xb8F\x9f\xdc\x85\x11\xab{\xce9,\x94\xc3\x1a\xb0:\x02\x0e"\x16r\x81@Ut\xb1\xc8\x8eh\xb1LL\x00{\x02T!\x96e\x98\x9c\x8e\xb5\x17`\x18s{\xbb/!A\xc4\x82V\x0e\xe2\xec\x00\xae\xdcl\x82\xac\xc4e\xb2\x0c\x81u\xaf\x16\x80\x10VHS\x96\x1d\x03\x16\x93\xcb\x05\xfeE\xda\x98\xa3\xb4\xbe\xc8e0\x1c\x1e\x8dSz9\x1c\x1f\xe1d\x86\xa8\xb5\x88\xe4"\xe9\x80.\x9aSf\x0b?A\xb8\xd8\x10.6\x81[\x07\xd3\xdd\x95\xcb\xfd\xdc\x97\xac7,m\xd7)\x86 \x91\x18 .\x16\\\xd8\x15\x81\xa5SM\xa0\x8df\xe2+\xe2*Rl(4\x96 \x82a5\x02\n\x7f\xc7\xcbn\x1fF\tdV\x83H\x15\xd0\xc1\x029\x06#B\x82x\x1es\x02\xa8&amp;,\xc0"\x95\xb2|\xd5\xe9`.\x14I9\x13\xa1\xfa\x98\xa3\x06\xe4&gt;lA\x86\xebv\x94\xbao"b\x1c)\xefr\t\xb07A\xe0\xf9{\xa6\xbblH\xa5\xf4\x86\xf2\x95;\xb0{\xe7\xe7\x06\xe4\xdeG*z(Gy\xee\x9e\x8b\x82&lt;\xd8\xf6&amp;\xbe\xa6\x06\xbd^\xafBxh\xc5K*\xe5\xb5\xa1\xbc6%\xeaU\x143_\x81fc\xba\xf3s\xbf}|+\xf7\xdc\xf4\x86\xcbn\xe1\xcd\xeb\xd7HH\x06l\x1c\xb0&amp;\xbe\x02\xca\xe6$\x05\x0e/\xc1\xd1\x1f\x92?\x93)\x04\xe5d\xb1](\x14\xb4F\xd4\x0c\xb9t\xb5&gt;\xbe\x92\x0f{\x8eu\xd1\xee*\xa0\xfa\xc9\xc10\x14\xc7Vx^\xf1:%\xff\xb0\xdf\xef\x97$\x9d\xccF\x1eN\xa7\x94\x89,\xc4j\xd9\xac\xcf\xed\xf3\xf9\xec[I\xb9\x10\xbd\xc7\xca\xa5\x0b\xd7=\xc62L]\x17\xc5\x15\x92\rd\x05b\x18\xd6\xea\xb2\x9c\\\x88\xc5\x16\x92\x91\x8c\x7f~^\x02\x91\x8e\'\rGT@U}s\xa3\xa3CC\xa3\x1e_\xa9\xd6nX\xa8\xdco\xb8\x06\n\xc7\xbd\xc6Z:n\xd7\x07f\x10\r\x14\x9b\xe0\x95\x86\xdc\xc4\x81\xcc=777m\xaf\xa9\xf1\xcc\xb0\xe4$X\x12\xc1\x8a\'\x8b\xc5\xadfv\x1a\\sn\x9f\xbd\x16\x8b\xa9\xe2\x00\xc9\x88\xdcSm\xbd\xc7\x9eG\xc4\xcb/\x07Vh\x98\x9d\xb3hr\xd1\x8e\x97\xbex1444\xe7\xcb\xc6\xf2\x99\x0c\x90\xa4y\x88&amp;9[\x99\x8c\x88\xb3Xd\x0b\x07\x11tP\xf4\x8bIU-\xd0\xb9\xdfs\xb9\x11z\xbd\xb7\xc9\x85\x93E\xb7;03\x03,\x8aV\xe4\x9a\x0f\x1d\x02\xd4\xe8\xdc4\xa8\x16\xf2\xc1\x0c\x88@5\xff\xe1n\x054\x1a\r\xcd\xaf\xc1v~\xa7\xcd\xabD\xeb\x91\xa4\x96\xcb\x99~\x1fy\x1a\xed5\xd6eWS\x90\x02\x0eK#\xd3\x10\xb3Y\x9c\\\xed&gt;_5\x1b\xdbUU\x15X\xc3\xfe\xe1\xf9\xf9\xe1y\xe9\xdd )\x9b--\xf9\xdff2X\x0eN\x1b\x12,Z\x17\x1d\xcc\x083\xf2c\xb4\xb7G\x7f\xcc\xa5\xdd\xe8\x00M\xff\xe4P"\xaa\xa8\x15\xe4H2\xa9\xc2\xf0\xa0\xfa\x96\xcf\xc7\xe3\x99\x8cN\xd5r\x0e\xa6\x06S{6\xa7\xdf\x9f\x89\xe3S}\x95z\x91^\x8a8\xc0\x8c\x80+z\xd5c\xac\x8b\xee\xcb_i\xfa\xa9Y\xdc\x8d\xc0.\x99x$\xa2\xaa\xbb\xb1O\x9f@\xf6-\xafcI\xd2\x07\xe7;L\x82\xde\xb4_\x0c\xc6\x01\x9b\x91\xd2zt\x98S|\xa5\x91\xa6\x18v\x84\x1d\xbf\xeaq\x13q\x10\x8b\xa2\x8765"fP@\x0bF\xd4Xms\xb3v\xc7\xe5GD\xa0}\x98\x97\xd3A\x00\xab\xf9HP\xf4Ki\x12\xb0^\x85\x0f\xf1^\nr\xfd8~\xd1\xeb\xa9\xa6\xab\xa1\x89t:\x12\xcc\x04\xf1B\x8d`-\xd46\xab\xd5\xcdZ-\x86\x88\x90\x9c\x80\xda\xdb3Z\xbd~u\xb3\xba\x89TH\x06EM\x93\xd2\xe9\xf4\n\xb0B&lt;v \xa8uh\xe85\xd6\xba\x82A\xbdA\xfa\x13\x17\xc5`~7\xb6\x90\xddY[[\xdb\x81\xef\xd5||\xdek\xb1\xeea\xbe\xb7z\xc5\xd8\x0e&gt;$q\x95i\x1cG\xb5\xf7\xaf\xd2+\xf4\xdd\xa8\xca\xb0\xd1\xde\xee&gt;d`\x8e*\xbf\xf0\x16\x05@\xdf\xe2\xf1o\xb1b\xa1\xdb.\xf9\xd6\xf6W\xf7\xd7\xaa\xb5\x85|\xfc\xc3W\xc1d\xc4\xb9z\xcfV\x8f\x01v\xad\xba\xb6\xba\xbaoo\xaf+\x8dVk\x80\x86\\c\x00{=~:\xd5c\xaczT\xe19^y\x1f\x8c\xe4\xd5Z\xad\xd8.\x86G_&lt;\x7fq\x82\x97\xef\xd4\xd4|fP\xf82;;k\xb2\xfeS\x12kk\xa0=y\xfe\xfc\xd9\xb3!\x8f\xafX\xd0^\xa5i\x9e\x1b\x1b\xc3\x10\xcdE{\x8b\xf5\x84`\x8d\x03k\xe0\xfd\xdb\xa0Z\xadf}`\xc2{\x9f\x9d\x9c\x9c\xecW\xd1D\xc9\xf8e\xf13\xe1\xda\xfb\x10\xcc\xae\x9e\x9c\xac\x0e\xe1\xeb\xa1[\xfb\xf4\xfeNL\xb4\x99)\x06\x93\xea\x18\xfb\xfaM\x8f\xd52\\\x10,\xde\xb2\xd2z\x9b\xff\xb4\xb3\xbf\xba\x8a\r\xcf\xf3\xfc\xf9\x8bQ\x82P\xcb\x0f\x0f\n\x8b\x8b_f?\x7f\x9e5\x0e\xb6T|\xbf\xbf:4:\xea.m\x15\xb4\xba\xe8o5h\xc4\xc3\xd8X\xe8\x1f\xe3\x87S?\xf4\xb4\x89\x17\xf5\xf57P\xeb\xe7t+\xbeY[H\xb6\x8bM\xbbozz\x7f\x1f\x9e\x07\xd5;\xeb\xec\xe2\x06\xba\xf8\x19m\xdc\x93\xf2\x9b;\xa8jvA\x16\x1b\r)J+\xe9W\x18\x87t\xac\x8b^\xe7V}=\xca\x87\x9e\xb6Z\x7f\xfc\x81\xf0\x16\xc5\x02\x19kjU\xf43\x16\x1f~\xb7g\x156\xbeO\xce\xce&amp;fM\x84\xeb\x1b"b3\xb6\x9bGD4\x143\xedp\xcc\xcc0\xf0V\xe8\x97?\xafz\xfa_T\xc0\xfa\x8f\xf6\xa6\x12\x9aI\xaf\xac\xd0\xe9Vk\x18\xb1\x15\xcc\xab\xb1\xcd\xcdOy\xf1\x03\xa8\x8c\x89\xef\xff^\xc6\x91C \xffBc\xb5ev\xf1\xcd.\xc9Y$\xda f4\x84\xe9\x7fi5\x9b\xd7\xc4\xb24\x8c\x0fn\\\x14\x82\xb9\xe3\xe6\xc2-,\xb4/\x12\xccB\xa5k.U\x97ncq\x9d\xb1\xa9k\x88\x1f\x0c\x9a\\G]h\x89\x89\xc1h9U~a\x185J\xa8$^I\xbaPC\xabI\x16\xae\x02\x05RJB \xbd\x93\x84\x82\x86\xe9\xcd0\xff@\xb6\xc92\xaby\x8e\xd50\x7f@\x99\x93]\x10\xfc\xf9\x9e\xf7\xbc\xef\xf3\xbc\xe7&lt;\x0eV1\xba\xfc\xb3^\xfd/(\x08mJ\xcf\xd9\xbc\xbdv\x99@\xd9L&amp;BeL\xec\x9f\xd4,\x9e\x9a\x8f\xc6z\xa33X\xc3\xb1\x1eV\xcc\xcb\x9b$r\n\xdf\xa0\xc6;\xa8\xe5\xd77\xb773\x14\x11\xca\'\x04\xcb\xaeG\xea.P\x88\t\xa5Q[\xd1\x8c\xcd\x15\x8e\xd4v\x9d\xcaE\x9cl\xc2\xe8\xd9\xaaY\x08\x17\xbd\xc0\x992XP\xd1j\x06Tsi@9\xbe\xd3\xe0\x17\xe9\xe8\xea\xadrFi\xbfrz[{\x1b]\xbe$\xf6\x95\xaaR\xb4JcO\xa4\xe01$\xa9\xab%\xc3,\x17\xcc\x99\xc5\xe7R\xf9\xb6\xb6&lt;4\x19\xe8\xce\xa9\xd9$\x16\x98\x19\xbd\xdd\xe7H\xff\xe0 \\\x94\x02\xce\x7f2\xa4\xb7g\x82\xf5d\xe5D\xae\xd9\xff\xfe\xf2\xda\xfe\x1d1&gt;\x14m\xf4M\xdd\xb4\x05\xee\xc7\x85\x96\xd3uY|\xb0\x8c\xda\xae\xe4\xf2ly,F\x95J\xd5a\x93_\x95\x97\xa4r\xd5\xf6k\x8et\xda1\xe7\xa8\x82\x8d\xa6\x87\xa3\x87\x9b\x99\xe4\x97\xf2d8I;~|\xf6\x9a`\x91\xceV\x95\t\x96\xc7\x82\x801\x1dVBJ%,.\t\x10]\xa3\xd1\xe7IX\x8ctg&lt;\x1eg\x08\x99\xe4\xb2l\x9dl\xc9\xd5\xb4\xc3\x01,\xc7\xf7\x0e`\x8d\xb6f\x82\xb5\xcd\xde\x8d\x86\xaf~P\xe8\xed\xef\xe6`\x12AU\xf5\x91\x01d\xaa+%\x93c\xd6\xe7\xf1$\x8cZ5\xacO\x12\xc1\xa1\x91zU\x07\x9di4\n|\x1e\xff\xd0Z\x12\xbe4\xa9\xb3\x7f`M:\xe3Qz&amp;\xc1:\x1d\xdf\x8d\xf8\xcd\x05d\xc9\x8fs\xf8\xb3We\x07\xed2"\xb1\x92\xf9B\x83\xa7\x8d\xb4K+AW\xc1d$%\re4N{Pc0\x00X\x86\x95\xba*\xf8op9\xaaU\xdf\\\x9aFn\x8d\x863\xf1?\xb7\x0f\xc0J\xaa\xd5zjN\x81&amp;bw8P2Y\x96@\xf5\xfb\x19\x1d\x9bd\x93\x99f\xd3\xc6\xf3|\xa6\xeb\xf3iT:\x90v\n\x83\xfbA\x1f\\Iv\xca%\xcbU\xfc\x1a\x05\x80\xe9\xe1\xdd\xc3\xed\x0c\xb0\x947\xa3Qa\x9c\xa9\xd7\x19\x8dFA\x86|\x90/\x12\x9b\xc9\xf3\x05\x12\x91\xcc\x98/\xf4\xda\xd0:^/ $\xc6\xd6+\x0f\xfa\xfc0Yh\xdc\xdf#^\xe3\x0c\xdb\xe9\xaa\x8c\x16\xd9#\xcb\xbfP\x1a\xba\xe3H\x0f\xefF\xfb\xca\x19T\xd2\xfd\xd1(\xc3\xd6\x83AF\xafW(4v\x84\x83eM$T\x03\x12\x0f|\xff1d\x9f\xbb\xd7\xf0\x16\xe0\xca\xfa\xb1\xb0\xb7_\xc8d\xf8B\xff\xfe\xbe\x0f.\x84\x0b\'\xd5S\xf3\x00\xcbU\x18M\xaa\x93\xd1(\xfd\xed:B\xb9\x92\xb8{Pu\n\xa3f@\xab\xd5\xc2Tk\x90I\x06+\xbe\x16\xdb\xe4\xe53\xfc\xe0\xbeUF\xc5/\xf7\x1b\r&gt;\xecm\xe4\xf3\x05/\x8f\x1d&amp;\\\xd3m$X\x1e\x8f\xec\xa9V5\xc9\xbb\xbb\xa1\x9c\x1e\x8f&amp;\xdf\x9e\\\xca\xed\xee\xdd\xb03\xbe\xbb\xe7\x97\x19\x06^_\x81X\x19Ld\x07\xc9&amp;e\x92\xa6&gt;\x9a\xd0\x01iD\xbd\x10\xa1#~\xc3\xd0e3&lt;6\x17\x9f\x98b%&lt;\xe0\xaa:\x148;\xe3tz2\x93\x9c?\xc5\xaf\x1bf\x1a\x83\xc0\xeb\x80z\x13\x07\x12\x95\xf2\xff[\x88\xe2T\x98v\xc7]"q Kw[\x91\x90M"\xb97\xe6\xbd\x83\x83A\x81Ov\x8d\tpU\x1d\x94V7\x1a\x8d\x87\xc3\xc9\xc3\xb7c)\x957\x0fc\x15\x9b\x1c\x8f\xed\x81\x9f\xa6\xb7\x14\x06\x93)\xcf{A5\r\x16+\xe5c\xed\x1c\x94;t*\xc4\xdf\xc5\x87\xd5\xc8\x9a\xcd\x00\xf4iz\x95\x0f\x90g]2\xcd\x94=\x14\xa5\xa6\xc6\xa3\x87\xc2\xc3d\xf8\xed\x9b\xa8\\\xd9\x7f\x18\xea\xf0-:*\xb0D\x86~h\xc2\xc8\x9bXo\xd0#\x99\x85\xbad\xf0\xe6\x88\\%X\xa0\xfa\xb0\x9au\xc7l\xd6\xbc\x95|\xcc;(\xdf72\x92\x91\\[\xc9&gt;}\x00X#\x94\xe6\x89\xbc\xf2\xed\xd1:\x19O&amp;P\x03,\x15\xa8\x00\x8b\xab\x9b\x10\x06\x98fp\x01+i\xe08\xc1=U\xc90\x1b\x10\xab\xd9\x03\xa2\xfeb\x82-\x8f:\xc6\xf7\xca\xe5A\xbeC\xaeb\x91[\xfa\x80\xcb\xd4\xb8#X3\xe8&gt;\xcaSH\x02\xb4\xb8$\x1d(.\xab\xd5\x9b\xf5 _(\xa0J\xf5z\xc4J\x93\xb9\x96Y,E\xe0b\xe1\xfc\xcbm\xf2O\x13W\xb1\xd9\x88\xeeA\xf2\xb7{\x83\x02K\x1b5\x94\xc7\xf3\x8bV\xdda\x92\x8d\xd1x\x92&gt;\x99A\xddZ\xd9J\xcb\xc3\xf1\xb0C\xfft\x06,\xb6\x8e`\x15\n\xbc\xd0\x83\x89\r\x0b^\x9b\xa9R\xb1\t\xa16Y}\xb2\x1a^2=b$+\x0cn[\x14b\xb1\xc6\x90\xa6\x80U{\xb7\xc4$\x87i\x15\xda~z&amp;U\xfe\xd6\'\xa7\xe7\xe4\xf4\x9b\xa5\xe25\x83h5\xf9\r\x1e\x92&gt;\xe6\x15C%\xb7\x08Y\x1f\x8e\xb5\xcb\x7f\xac)W\x18Q4q\x01b\xfa\xdd\xc2\x06_\xe8\x00\xcb\xee\xf1\xd8+\x0c\x1a\xd0{\x14\x08y\x16=\xf1\xc9\xa9\x87N\xbf\x7f_}S?[f\x9e\xd59(\xf9f0\x08\xbb\x18ieKb\xac\r&amp;R\xb8PRA\x85.\xd9\x98.o\xb8R\xcc\xedf\xc5`\x90\xef\xcc\xf9(\xca\x9e\xb8\x8e2i\x19\xbd\x91\x9e\x9c\xccDA\xacl\xb1,5\xf7\xaa\xfe\x02\xd6\x9d{\x06\x83\xd1\x9cbeWws0\x19\xc4{!N1Al\xc7\xcc\xb6p\xc3f\x0bWl\x8d~\xb9\x1c\x12\xb3\xc7\xad\x10&lt;\xc9+\xca\xae\xd1\xeaSKN\t\n\x07\xd2K\x9e\x89\x9a\xc7Y\xd42s\xeaz\x92s\x16\x03\xc1`\xb0\xf9\xf2e\xb0\x1e\xdc\x08\xed~8\xce\x92\xd9\xc8\x81\xd86\x17\xe3\xe7W\xe7\xc5\xbd\xab\xcb\xcb\xa5\xcb\xeb\xc0;C%\x9a%e\xec\xb8%\x06\xeb\x9b\n\x8d\x9e\xe1\x02\xfa\x8a\xc8T!Qey6\xe2\x14g\xb1&amp;S\xbaM\x95\xde\xe9\xac\x04\x83\xd3Xm\x02\xab\x852\xf5\xf4"\xeb\x0f\xed\xed\x9d\x9f\x9f_\xfe~u\x0e\xaaO\x97X\xffY\xfey\xaf\xf5\xf4\xe9\xc5b\xa4$\xbe\xdcT+\xb4\x01\x83\xa1\x12\x88\x8a\xdaj\xf5\xfb\xaa|3#\xbf\x8fBO\x11qI9\x9d\xc5\xe6\xdb\x8d\x8d\xa65\xa8\xae\x0b\xb1\xec\xee\xee\xd3?_\xac\x17\xcf\x00u\xfe\x11T\xe7WW\x97\x9f\xfe{\xfe\xf1\xfc\xcb\xd5\xe5Y\xeb\xe2C6\x14\n\xf9\x9b0\xaf\x01\xab\x953|\xc5\xaa\xca\xb73\x9bB(WN\xe8WpY\xce#sQ\x10\xc0\x15|\x86h\xb9\xdd\xee\x83\xd5\xe3\xc8\x9es\xef\xf3_\xfez\xf1\xb7\xc5\xe7\xab\xcf\xe7\xd7\xe7\x8f\x17\x8f\x8f\xae\xfd\x15\xb1\xdc\x16\xc9`\xae\xf4V\xbd\xf0,j\x8e\x06*\x15\xa7S\xeb\x90Of\xf9\xdcF\xa9\xbc\xad\xe9\x92A\xf1(\x1e\x17\x04\xc1\xfc\xf6m0(\x94\xfcqXys,\x1c\x0b\x9bwvv\xe6\xc9\x00\x0eN\xbaa\xbbN\x05\xac\xf9&lt;j\xaa\xc9j\x0e\xb9m\xcf\xeaMx\xfe\xa5J\xd4\xb9w{\xba\xad\x9c\xf1Hw\xe5v\x7f\x7f\xcfOF\xcc\x88\x82\xd0\xac\x0b!\xa1h\xe5\xf4z\xce`\xe8\xa6j\xfb\xfb)r)\x95\x07N\xaa\x96\x80\x81\xd4\xba\xb4\x9c\x813\x08\xb1\xe8?\x9a\xa2(\xd8\xa2\xc5b\xfc\xcb#\xbc\x91\x05\xd8\xca\x975\xa7\xb3\x14\x12E\xbf\x7f\xe3\xa5\x10\x8aW\x02j}\xea\x9a\x91\xba\xddn*\xd55\x90\xde\x0c\xb3\xd3%\xee1\x85\x92 ut\x9cY,F\xe3%\xfc\x12\xb3\xb3x\xf6H\xcf\xf1\x94\xff&gt;Zs\x96JH\x18\xb7\x88&gt;h\x0e0\xe4.\x93\t `@\xca\x03\n\xfa\xcb$\x81\x89&lt;\xd9 \x93\xd4\xa0 \x88fg\xc8\xef\x8f\xc7\xe3g{\xdb\x7fz\x9c\xf5\xdb\xe7\x1d`\xf9\xdd\xee\\I\x10\xdd\xe6\x00\xa0\xbebY\x9b\x1b\xc4c\x88\xb1\x98\x18\xb6\x19\xf4vr/\xab\xd3\xa9\x98\x17f\xb3_\x0c\x85\xc4x\xdc\x89\xca\xf6X\xcf3\xb6\x7f\xdd9Z[sG"\x91\x92\xdf\x9f\xf3W\x18\xad\x96\xd12\x1cW1\x8b\xeeH6\x1b\xc9\xb6Z\x11w\xc8\x96\xb2\x1b\x8dF\xdd\x90\x95\xb8JT@\xa8\x08\x96\x18_{\xac7\\\xca\x95\x8f\xebk\x87k\xb9V6\x92;&lt;t\x8b\xd1\x00\xe1Rs\\P\xcc\xedN\xe5\x16\x19;\xbb\xad\xe41\x19\r\xac\xa4\xd5\\\xf4\xfbE\x9c\x92\xa2\xe0\x8c\x1f&gt;\xd6\x13.\xa5\xf2\xf7\xf9\x9d\xdca.\x9bmes\x915\x7f\x9cct\x0b\x0b\x04+\x1c"mh\x91\xcc\xbd\xdd1\x13\xec*\x99\x84\xeb\x0c6\x9c\x10\x82%\x16\x05\xbf\xff\xf0\x8b\xf2\xb1\xb0\xbe\xcc\xcfG\xd6\xd7\xb3\x91\xc5\xc5\xf9H$\xeb\xaf \xab\x17 X\xc9\x90\xad]v\x93\x1b\xa0^\xd8\xcajU.\x95N\xa1U\x07\xfd\xfe\x12\xb9S\x14\x8a/\xc4\xb5\x9d\xa3\xdf\x1e\xef\xa1\xd4\xe7E\x80e#\xf3\xd9E,\xff\x0b5\xa2\xc5`\x1b\r\xb6\xb0w:\xfdk\x84\xf3\x06\x89\xbc\xfdQ\xa0\x11FKn`\xe5\x9cf\x14\x89\x9d\xf5_\x1f\xefy\xf3\xca\xa7\xe7\xcf\xe7\xe7\x17\x17#\xab\xab\xab\xff$X\n\xf2&gt;D\xff?\xde\xed?\xa6\xe9\xfc\x8c\x038\xa5\x14\xe8\x8fQ{gi\xd7\x1e\xd8\xee\xbe\x07mc\xdbs\x02\xb6\xbd\xb6\xd6\x89\x05\xea!\xd3\xdd\xb7\x1c~g\xc9(`\n\xbdb/\xbd\x965\x01\xae\x8d\xc7\xf1\xc3l\xc9\x99"\xc9\xa4&amp;\xdb\xa9\x11g\xe40\x9a,s\xde"5$\xb7-;u"3q\xa2\xc4(\x19!\xfc1\xc5\xe4B\xb2\xe7\xf9|[\xd4-\x97\xdd\xee\xac\x1f*65\xca\x8b\xf7\xf3|\x9eO-\xdfB\xdb\xbf\xb9u\x1b&lt;\xa3y\xeb\xad\x0f\xca\x8fm\xd8\xbd\xfb\x07\xdf[\x9f\xbb\xa5\xbdcO\xb43\x91\x18\xea\xd8\xd4\xb3\xa9\xa9M{$kW\x07\n\x0b\xbe&lt;\xc38\xb4x\xab\xacd\x1c\x9d\xed\xfb6\xc0\xf3\xbb\x1d0\x0f~\xb8\xfb\xd8\xb1-\xe5\x07\xca\x0f\xbc\xf1\x06\x8e\xd3\r\xeb\xd7o\xd8R\xdd\xe4\xd7&amp;\x86\xb4\xfe\xa6\xfa\x8ez(\xfd\xdf\xb2wq`\xc1\xa7\x17\xc2\x0c\x80\x1c\x90V\xa5\xb6\xb3\xa3}\xe7\x0e|\xa5\xeb\xdd\x9f\xe0Kp\xaf\xe1\xab\x7f\x07\x0e\xfc\x14\x86\xc6\x86\xdc\xd7v\xf5\xd4wj\x1d~\xad#\x01\x03\xa23\xdav\xf4\xcb\x9c\xec\xb1\xfa\x8f\x84\x990\x83\xaa0\xb0:;v}\xf1~\xf2\xdd\xf7\xde{\x7f\x07\x19\xab[\xb6\x1cx\xf3\x83\xf2\xf2}\xeb\xd6\xedCU\xc2\xe1\xf0;\xb4\x9d{\xf6\xf4E\x1d\x8e\x9e\x87\xd9c\t\xfb\xff\xe8p\x86\xc3N\xc2\xaa\xac\x19:\xda\xd3\x0e\xb0\xd7_\xffb\xdf\xbe\xf2\xad\xdb\xc8\xe5\x19\xd0c\xed\xdb\xb6\xf6t\x80\xca\xcf0\xd0\x88C\x89hB\xcb\xd4G\x1ef\xb1\x88\xfd\x7f\xe8t\xea\xc2N\x07\x13\xc6\xab\x1c\xb4CMG;z\x0e\x1el\x87ga\xd5o\xbf\xfd\xb3M\xe4g\xb2\xd5\x1d\x9b\xaa\x9b\x00\xa5\xad\x0c\x87k\xb4\x95\xfe\xa1D\x1b\xe3\xd7wg\x91\x95\xd3\xffq\xbbV\x07\x9e\xf4%!5\t\xbcx\xbf\xbe)\x11\x85J\xf55\xc1A\xd3\x07\xab\xa9\xbe\x13\xaf\xe1\x0f\x87u\xe1\x9a\x1a\xc6\xe1\xf73\xdav\xaa\xfba6{\xebc}S\xd8\xe0t8\xc9u\x10\xceJm\r&lt;\x01\x1c\xf2\xc3\xc8\xc0\x03)\n\xa7e\x9b\xb6\r\x86\x82\xb6\xa6\xb2J\x07\xf2*\x07\x0c\x14\xc6\xd1CU4\xfc)\x8bE\xdc\xfb\xa1\xc6\xd2\xa7\xd3aX\x06X\xf8\x1e\xa8\x9a\xca\x1ah5\x06\xe7+l\x052&gt;\xfc5UUat\x1b\xaa\xc8\xc3\xf5\xf6\x8a\x86,\xb3\xf6\x07Cm:\\\x86\x92\x12\xc8\x0b\x17"\xe1s\xf8\x10\x03\xb7\xaa0l\x86*\xac1\xb0u\xa0s\x1c\xed\x11WTd3-!\xb2\xe2\xee\xe1\xb6\xdf\xc3W\x04\x16\xc0\x0cDh\xd0\x91\xdf\x11\x08&lt;\xd8\x0e:\'\x86\xa9CmB\xb5\xd1\x96]\x16\xbe\xd8\xb5?&gt;@\xc7\xa2\xce\x92\xf42&lt;]:l&amp;v\x19H\x89I\xf7uz4D\x95\xdd\xb4~\xd9\x15\x0f\xba\xe9\xd8\x1e\xddS\xd7\xda=\x1d\xcb\xcb&lt;\x84\x01\xd6\xd4\xb7k\xc4\xc8\xcarZ\xbf\xe9j\xd5\xb8\xe9\xd0X\x94\xd1\xb1?Cg?\xe1G\xc9\x1a\x90}\xcc\xa0sD;T\x1b\xed\xf6W\xb2\xcd\x12"+&gt;\xe0\x0e\xc5\xc6\xf6\xb41a\xc3\xab\xcf\xae\x92\xe7\xee\x96\x18\x9c\xfe\x0ew0.\xa1(\xea\xa3\x97\x91Vk\xd0\x1d\n\r\x8f\x8d\xf5Ab%\xaf~\xcd*1T6Y\x82\xf1x.\x15\xa1"Y\xee-\x92\x16\xc4\xa5\xa2\x03\xa1\xd8\xf0p_\xf4\xe7\x8e\x0c\xec?\xa3\n\'\xee\xd3*\x8d&amp;W"y\x85\xa2*^NZAw\xe0\x13\x1a\xf2\x1a{\xf4\xa8\x8d\xc1\xeb0\xc0\xb1\x86\xc2]P\x05\xf5\xf3\xd4\xe9\x83b\xc9\xc6_Ij+^BZ\xad\xad\xad\xf1\xe0@(\x10\n\x80\x8b\xd0\x18r\x0e\x95d:\xca\xc9\xf8\x13\xf5f\x95F\xac\xd1h\xec\xb9\xeb`h\xd5\xa6\xd3\xca\x9e\xab\xff\xc3.\xe2r\xd3\x01:0\x1c\x83J\x0e\x8f\xf5\xf5\xe1\x05\x9d\x87\x0e1\xcc\xaf\x19\xa6-\xda\x17p\xab\x82\x03AMP\x13\xd7\x88\xc5\x1b\xedTm-I+\x99\xb5\xb7\xde\x15\xec\xfdl\x04X0\xba\x06,!:\x10#\xaca\x8cll\xec\xcf}\x90\xdd0&lt;@\xbb\x83\xb04\x9a\xb8\xd8\x9e+\xb1\xe7R\x94\xe4\xfb\xa8j\xd8y\x0b\\\x05Ba6T\xab\xc8\xc2\xb8,\xa1\x10\xb2b\xc3\xb1@\x0ca\xc8\x8b\xc5h:dq\x0f\x0c\x10\x95\xddn\xb7\xd9(TI&gt;\x02UC\xc5\xdc*\xfb\xb6f\xe1\x8b\x9d\xf09\x05\xd7W\xaf\x89I\x11\xe3\xc1f:\x14\x80\xfe\n\xc4B!\xb0\x11V,\x16\xa2i\xf7\x00\x940\x18\x87\xac\xc4v0E(\x9b\x04z\xbe\x1bY\x17fW?\xfb\xcb\xf5\xd4\x8b\xfc\x0f\x90P\xb8\xb7\xff\xd3\xeb\xab+\xd7\xec\xe9\xb4\x06\xdc\x16de2#a\x81\x8av\xbb\xdd*\xbd\x86\x94\xd0FT\xb0H\r\x1b\x1a\x86\xcf\x8e\xae\xac&lt;\xf9\xe7o\x97_P%\xe1_)H\xfd\xfd\xab\xd5\x15\xb5\xfaVE\x17\x0e\xae\xb8\x06\xba+\x10\xa8~\x87\xb80\xb0\x18)!\xb2Tz=\xb4\xba\x1d\xb3\xa2"X\xc6\xda4\xeb\xfe\xd9Q\xb5Z\xf9x\xe2\xf4r\xea*\xc8\x84\xdfY%\xbc\xbaxyzeT\xadT"\x0b\xd3\x12\x07\x07\x9a?\t\x05\xaa\x03\x90P(\x1d\xd9\xfdX dv{`\x88B\xfd\xecT2BQ\xb6.\x1b{N\xa7YJ\xa5\xd4\xf4h\xd0z\xf2\xdcL\xaa\xe0;\xc9\xe0\xef\nS\x8b3\xa7\xef\xae\x8c\x8e*\xa5\xca[]\x84E\xcah\xa1-\x16\xb3\xc5\x02\xcdOc\xdbC\xef\xbf\x130\x9b=zH\xca\x0e\xa4d\xd2&amp;!%\xa4XU\xc5\x1c\xa4\xa5tm\x7f|\x82\xcfQp\xe7\x17\x17\xd9\xcc\x84\xdf\x12uuy\xc6j=?=\n,\x97\xf2ZW\x17\x81A\xd3\x0f4\x87h\xb3\xdb\xec\xb6\xd0\xd54\xc6\x15\x80\x05\xfbP\x85\xacH$\x99LR?\xdao\xa3l\xb6LX\xd4\x19\x17\xb0L\xbe\xa5\x7fq\xf2\x15\xbd\x9c\xfc\xde\xd33\xcb\xa9o\x03#I-\xcf\xcc[K\xad\x87\x81\xa5\x96\xba\xa4w\xc4\xa8\xeabY\x90\x94\x19Z\xdc\x1c\xa0-X\xc8\x9e\x90\xd9\x8c\x9d\x05%DU\x04\xa3\xea\x82\x031\xd9\xd0\r\x1f\r\x9a\xa5\xb3\xf0\x9d\x01k\x8a\x93/\x93\x15\xf7r\xb9\xdc\xe3\'g\x96\xaf\xfe\x7f\x1b\x00sB\xd3\xbc\xd5*\x10X\x07\t\xcbdZ\xf9\x07\x9b\x16\x14\x117#\ryy\xdcf3\x8d\x1d\x06\xf7U*\xb6\xdd#\xb0p\x13R\xd0\xf1\x15\xdd8\x1e\x1a\xba\xef/\xcd\xaaG\xd5\xa6\xb2\xc7\'\x80\xe5\x95\xc9\x81\xc5U(\xc6OB1\xbfqbl\xf1N\xe6\x15r\xf8V\\iV\x19i\xae\xf4\xe8B\x96\xc5\x82q\x99i\x9c\r\xed\xd0W\xa0\x82\xce\x82\xc1@\x91\xd1`\xabE\x15\xba\xba\xeds&gt;%lD\x97k\xba\x91\xc3\x91\xb1*`\xc1:&gt;\xb3\xbc\xf7\x9b\xc0HG-\xce\x0b\n\xf3\n\x0b\x8b[Z8\x02\xab\xa0\xe8.\xf4\x96\xda\xe53\xdd\xd1C\r\xbb\xe2\xc8R\x81\x0bY\x10\x19\xf8h(h\x1dfE\x86\x03\xdc\xb0\xe1A\x97D\x15\xfc2/\x95!K\xaa&lt;e\xcc\xc7\xb4\xb8k.\xa3q\xfc\xdc\xff\xac%1\xa5\xd2\xa8B~\x9e\xc8\xdbR\xcc\x17\x14O\xac`\\e\xbe\xb3\xb7\xec\x98W&lt;.\xd6\xabTnl/\xc2\x82rZ\xf0\xa9\x0c\x0c\x87\x11\xf1\x88}\x04"\xb3\x13V\x05\xb2`\x89\xe7n\xba\x94J\xa5Z\xf9\xe4\x8a"_\xfe\x1cKall\x1c&lt;\xb7\x98\xda\xfb\xf5\xed\x0f\x7fP\x80[\xaf\x90]y\x02&gt;G\xe6\xf5\x16\x0b\xf8\x0bO\xd4\xeaQ\xa9\xc9Wv\xe7\x17\xe0\xda\xdf\xaa\xd1\xe8\xf5\xc0\x02\x8d\xd9b&amp;\xcd\x95a\x89\xd9\xc0\xc4\xfb\x9fU\x8d\xdc_\xf2I\x91\xa5\xbe\xbb0^,\x92\xb5\xb0,\x9eB\x91\x81\x19\xef\xcd`\x93\xe5\xfc7\rM\xc2\xd4\x0c\x04\xb5\xb6\xf8|N1|k\x1c\xc1\xe0]\xb5\x14:\xa3\xec\xa6\xeb\xdaN&lt;\x80\xc4\xc8\xf247[X\x16I\x0bF)\x9e;\xe2\xb4Lb\x83\x1d\xc9\xaa"\xe63&gt;\x97T\n\xaa\'W\x16zE\xa2\x16\x19\x8f\xb7\x16\x16\xaeFp)\x8e\xcf\xe3,{~\xcc\xa2\x13\xb7\x1e_$*$\xf5K\xe7U\xc8\x91{\xbd"\xc1\xf1+\xb3R\x17\xb2\xa0\x8cb\xbb\xb8\xd5.f\xe3\xc2!\xc1\xd6\x10X\xb8\x11\xe1\xd9\x03\xa2r\xf1\xf4\xc1\xf1ET\x9e\xb9\xa5\xedR`)!\xacF9\xaa\x8a\x8a\x8ax\xcf\xb3\x1a\x8d&lt;no\xe9\xfc\xccb*\x95\xe93az\x98\x9f\xe4C\x8b\xb7\x88 \xa4\xa70\x0et\x82\xb7PpxZm\x92B\x15o\xfaf\x8f\xc0\x97m\x15\x83K\x05y!\x0b\xd3\xb2X\x9a=*U\x90\x94\x91\x9c\xd4\xb0\x1f#\x91Z@%#usKe&amp;T)\xa7\xa7\x16\x8c\xf9r`MN\x16\xf1dkE\xcc\xb8x\\\xb9\\\x0e\xa1]-X\xebr(\x1e\x1f\xd6f\xe2\x82\xa6\xca#2&gt;t\x97\xdc;\xd9\xc2\xff\xdd\xc4\xac\xb4L*-\xbby\xb3\xec\xce\x11\xb6L\xe8r\xb3*\xb2%\x81\xa5\xd7c\x19\x91\x96\t+\xd9\x8d*\xdfv\x17\xa6\x05%\\P\xb0,\xa3\xb1H&amp;\xf3\xf2`\x1f\x1a\xc9nd\xe3".y\xfe\xfcrNz\xe7Y\x01U\xca\xe7\x0b\x04y"\x80\xb5l\x86\xfa\xe1\x82\xe1 @\x97\x88?8\xad4m\xc7\xb8X\x97\x86u\xedB\x95\x19g\x17\x9e\xd2u\xcf\xb3\x92\xb8"?\x06\x15\x86%U\xce\xde]Xh\xe4\x16\xcb\xe5\xa4\x88E\xbd\\/\x179\n\x1e\t\x0b\xeepy&lt;\x99&lt;\x1f`\xa59`\x9a\xb1\xf2\x05\xa5\xa5|\xb2\x04\x02\xfef\x02\xc3\xcc\xfez\xe9\xd2\xe5K\xf7\xee]:_4)\xe7L=V\xfa2\xae\xafv\x92\xb84\xfa:\x8f\xe7 \xc2&lt;\xb8\x08k\xa7^\xff,k\x07\xaaHXJ%4V\xa3\xb1X$\x97s\x07\xcf\x1f&gt;1u\xf9\xf0\xe0\xb8\xb1\x11\xa0\xbd,kR\xc1\xf3\xf2`\xd2B\\\xf99X\xbcR&gt;\x8b*%.\x90\xe5A-E\xe3S\x13\xb7\xc1\xf5\xe0\xc1\x8d\xb1\x89\xc1I/\x17\xba\xdeg\xca\xe4\x05\xe3)\xdd^\x1e\x0f\x89\xca\xe3\xa9\x83\xa5\xd7\xeb3,&lt;\x81"#u\x17@UfB\xd6\xf4T\xe3\xa0\x82[\\&lt;\xf8\xe0\xf6\x8d\x1b\xb7/^\xfc\xfc\xf3\xa9\x8b\x13\xa7N\x9d\xbary\xdc\x98f\xf1x^/\xba\xe49\xa8a\x17\xc2\xf2\xfeM\x85\xf9\x84\xa6\xd1\xa7q\xdc\xd9\x19\x07\x95\xc1\xb7\x97w\x1c\\\x18RXJ\xb7l\xc9\xc1K\ns(\x08oI\x04\xf1\xf2\xb6\x87B\x0f\n\x0b]\xf6\xfc\xc2^\x06\x16\xf6\xb0\xc3\xeez\x19\xb6y\xf7\x90\xcb\xc2(\xfe\t\xfaF\x0c\x18\\\x8d\x8a\x06A"\x84\x15\x92Fm\xe2\x1a\xa5\x91\x90C\x92nCC\xbb\xdf\xe77\xa6y\xf7\xd1(B\x1a&gt;~\x9f\xef\xef\xfb&lt;\xbf\xda\x8ay\x04Q6\x9ae\x93\x17=Z2\xd9\xad\x9eL3J\xc0\xe8\xfc\x8c\xebm\xe8\xcd\x9b\xd0\x9c\xeb\xb9-\xd6\xab[\xac{\x0f\x7f3\xc7\n\xc5\x89\xea\xf5\x03r\xd6\xc7K\xf3\xfd{C7S\x9dA\xbd\xd8\xc8\x1b~\x9d7\xcc\x06q\x8d{\xe5\xf7$\xa4\xd7\xc6B\xc5\x1c\x9c\xfb\x16\n4*\xe7\x92E\xce\rGe\x12\xe5D\xc9\xeb\xdc\xf0\xc9\x1c\'\x8a\x93\x93\xa4\xa6\xb9\xcdc\x9a?\xbf\\!\xae\xdc\xdb\xed;.\xaa0\xb0\xbe\x7f\xbe\x0c\xd7/,\xdc{\xf8\x0b\xc2\xfaU\xe8\x89ME=\xdc?-\xf1\x8b\x86\x91\xb8\xe9\x14\xf1~\xf3]&gt;\x9d\xf6\x1a\t\xd2\xc94\xab\xa9\x9b\x7f\xa4L`\xf1s.\xc5\xc1q\x02I\x84\x83\'`,{\xb8\x80\x8b\xb3\x8a\xa3B\xa5\xdeuwSU\xdf\x86\xe2\xc7\x11\xa9\x9ed`?\x0e)\xc1\xb8\xe8&lt;\xe6\xf6\xc0\xf5\xe6\x9b\xc7\xcb\x0b\x0b\x0b\x84\xb4\x1c~\x15\xfe\xfe\xc9\xf2\x02}\xbe\x87\x89MZ\xfd\xf6w\x1f^?x\xcd\x0c\xbf\x7f\xdd\x97\xbc\x8b\xe9\xe2\xb0g\xe8\xfcb\xea\x87g\x9bS\x9d\xafn\xf6\x0c\n\xd2\xb4\xd9H\xfd\xb3\xc3\xb0b\xac\x8b\xb2C\xe0\x849\x18tQ\xb5L\xa5ZnT\xab\xd3\xa4\xe6\xd1\xca\xebG\x15_\x14~\\\xcc\xaf\x95$\xfc\x0e\x97\xb0\xb9\xd0\xc8\xd7s.8\x1c h_x9\x1c\x06\x19R\xe2\xcfX\x05\xd1\xc47\xa1W\'\xeb\xa4\x15\x89\xb5\x7f\xdd\x96y\x0c\xe5\xc1\xd0\xc2[\xe3ok\x9b\x87[\x15\xf3U\xed\xacl\xbcXLC\xb3\xc5\xd4K\x13R!#\xc9\xf2\x82\x83\x05\x01\x99]\x08\xc82W\x9cN*\x96ev\x8e*\x9a\xa7~tv6\xcc(\x8b~]\xccwJ\xb1\xa8\x14P\xdd\xe0Z\x02\x17\x04{\x1d\xcc\xedm1\xae\xe5\x850\xd3\x8a~\x16\xc2\x10\x0b7}\x8c\xeb\xd0\xab\xf8\x1eI\x05,\xd2* \xf9\x17\xbd\xfd\xe1T\x96\xbdF\xa7c\xf6\x0e\x0f\x87\xb3\xf8\xe6\xfa\xaf\x9b/\xfc:\x86\xa2\xbf\xf12\x01&amp;\x9f\x93\x17}\n\x17p\xc8\x92\x1c@\xff\x10[\x02\x17\xe8\xa7\xaapX\xfd\xe8\xd9\xfafa4\xdb&lt;\xab\x1dN\xd2\x86\xc5I\xcdT)\x16\xdb\x88\xf9D\xa1}\xbd\xcf\xb8\xb0|\x05W\xde}B\x1bI/\xbb\xc2T\x90\x0e\xfb\rp#\xcb{\x0f\x1e\xa0\x87\x0f`\xf8\x9dn\x00b\xf9\xf5\xe2\xb0"+\xce\xe6_;\xe5\xeaIm5^/\xaf?{\xda\xf4S@\xf8\x1b\x7f01O\xfc~\x9eWDYv\xa8rT\x92\x02vh\xa9\xcd|Ir\xd5\x87\xd5\xa7\xebg\xc3^\xb5~T;\\\x9d\xaa\x9cj\xe5\xcb\x98J\xb1\x98\x97/u\xcf\x19\xd7\xb7X\xa1\x97\x82+\xfb0~\xe8q\xe4\xf1\xe3Hd9\xb2\xbc\x0c\xc5(\xe8#!\xaam\x9b\n\xce\xda\xbf\xde\xdd\xbdh\xb7\x8d~\xa9\xf8\xa4.\xf3/n\xaeR\xe3\xd9I\xadV\xab\x9a\x7f\\\x7f\xf4C\xd9"\xb5:\x9dt\xcc\xa9\xe8\xba\xa8+2\xb0DU\x90|\n\x0b\x07OeV\x94\xa5R\xaa\x9c\xc9o\xd6j\xc3Q\xf5\xefg\xb5\xdaI\xd7\xad\x8df#\x1c\x89R\xbf}\xb1\xbb\xbb{~\xfa\x11J\xd1&gt;\xb1\xb4\xb4D\x07\x12\x08\x11*[2bz\x18\xfa&amp;\x14\x01\x15\xab`\xee\xba\xe4j\xe3\x1f\x9e\xe2\xe7\xb8\xd7n\xa7n\xea\xfd~\xa9__\xad}\x1a\xae\xad?{\xf4\xac\x01\xf76o`-\x1dT\xa2\xce\xcb\x9c\xecP\x14\x0ec\x8f\xf4\x12\xea\xc3\xacGv%:\xc5\xc4\xec\xf0\xa7\x7f\x1f\x0e\xd7f\xdb\x87\xab\x87\x13\xad0\xc9v\xcf\xcf\xcf\xf1Ww/\xfa%\x97\xe7bg\t\x87\x0b\x8d\x04\xd8\xca\xde\x16\xd3\x06j\xd13\x12\t\xddiEj\x81\xea\xb4$K\x12\xef\xf5\xf6\xdb\xed\x8b\xcb\xa3\xd3\xddS\xe2C}\xa9\xd5\xe2\xd5\xf2\xd1w\x8f\x9e6\x8b\x8d\x9b\x04]:D\x91\x13\x15\xa7(F\x1d&lt;\xaf\xeev\x00\x00\x05\'IDAT\x8aO\x91U\x95\x93D\xc1\xe8\xf40\x19\xb9\xce\xef\xd7\xae\xd6H\xe2\xd5lw\xfa\t\xf5y\xf8\xf9\x9c\xaa\xdb-\xb9\x02\x92$\xc9\x1c\xb8\x82\xc4E`0\xd8v\x84!m\x11\xd4\x9c*\xfe\xeeAp\xae\x15\xa8d)Js\x05\xa9d4;\xf9v\xbf\xef\xed3\xc6/G\xe3\x8b\xd3\x97W\xf9D\xb3\x930\x12&amp;\xb4BF*\xbc\xa8\xc4\x1c\xb4\xb7(\x9c\xca)r\xf3\xaa\xeb\xf6d\xea\x7f\x19\x0f*\xdd\x8b\xcd\xb7o\xbf\x80\xe6\xf3\xe7\xf3\xcf\xdb\x13\x8d&amp;\xb6\x87V\n\x99*\xe0j\xef@(\xacu\xe0Z\x81\xc1\xb6"\xb0;\xd3j.\xd5j\xee\x8eJ\x97@\x15\xc5\x19\xc3\xee\xe7\xe4\xcdf\'\xd50x%\x8a\x93-\x81\rp\xa6\x99J\x99\xe9D"\x8d\x0e\xa2d^\xf7\xf9\x1c&gt;\xec\x07\xe0B\x90&amp;n\xean\xad1\xaeh\x82\xd5&gt;?\x1f%\xbb\xa8\xa4V\x19\x14\x92\xc9B\x06\'\xd5coa\x81@\x80\x13\xda\xc7\xb7\\\x00\xfbv/\xbe\x1c\x8e3\xb0\xd06\xe4\xda\xda\xcb\x05\x83\x0c+\xf8\xe1\x92\xc7t\x8dF}\xc4\xc4\xcah\x8c\xc7\xbdj1\xcd\xeb\xd8\xe9}&gt;I1\xf2\x9dFZO\xa7u\x1e\xfc2aa\xbbql\x10\xd7\x86\xa8Z\xba\x91J\x15\xd3\t3m\xa9j\x86\xd4\xf1hZf\x94\x9d\x14\xb4d\xb6U\xa0\xc5\x87\xed`\x01*Yn\x1f\xe7\xc0C\x97\x06\x90}\xfb\xeem&lt;\x1c\x7f\x12\x0e\xb3.\xae\xbe\x0bB+\x02#*\xec\xed\xac\xe6TX\xe0\rL\xe8|\xbe\\\xad\x17\xb1G`X7M\x1c\xbft\x91\n\xa7\x10M\xc4J\xe6\xd8\xb0\xb9\xd2V\xc6\xaa\xe4g\xf5\x8c\xa5j\x9a\xeaq\x83+S\xc9\x0e\x06Y\xc4}2\x9bMb\xad\xf0\xd8K+\xa8\xf0\xb5\x02\xfd\xe3\x1c[\x83\xef3\xc5r{\xab\xe1?\x01-\x12\x89\xef1$V;\t\xb4\x0e\x8a\xfc\x1f\x16\xaf\x07t\xb3\xd1\xcc\xb3\x1a\x97\xabi9m\x9a\x89|\xaa7\xed\xf5,4Q\xf1\xf9u\xc5\x11#.\x9f.bZ[\xf5\xdel\x90-$3\x10KKVz\x03\xf4\x8e\xb9Jc\xe2\x11\x16\x81\t.\xa6W\xfft\x9fQ\xdd\'\xc1VH0\xd4*\xeb_\x90I\x15\xdc\xa1q\x82\xe4\xe6\xf1\xf0\xd9L\x89\x84\xd9(\xa2#fI\x16\xadR\xa9$\x07\x02Q\x89\x87\xdf\xae\xaef\x83\xd9I\x05{\x01\xd61\xbf\xee\x907\xd0B\x0es\x08\x13\xd1*V\x87\x93\xd6d\x9a\xcdf[\xadi%C\xdb)\rG\x14\xc9\xc5\xc2\x8da\xc9t K\x97\x1f\xef\xdf\xff\xca\xb5\x92\x03\xd8W(\xaac\x93.\x12s\x89\xe8\xcd\xebL\xa7\xd6\xc6\xe3j\x07/\xe5\x925(V\xeb\xf5\xa2\x99n6S\xe3T\xbe\xdc\x9bV\xa7\x84\x85\xedUq:\x04i\x03\xab\xa7\xa8\xe2h"\'\xd4Q%;\x19\xb4\xb2\xd0\x8cp2\x99B\xabP(\x10&amp;\x04ck4i\x85+\x15\xb8$\x04\xc5\xfd\x1f\xe7X\x94a\xb9w+\x14\xb1\x08\x0f@\xe5\x8e\r\xef\x1c\xcb\x86",\xa3s\xb5\xb66\x03V/U,n\x0e\xc6\x9b\xb3\xf2M=\x95J4L\x0ba p"g\x91\\:\xefpK1`\xa9\x1a\xf6\x16\xabhYj&amp;c\xb1\x1e\x12\xcd\x7f&amp;\x93\xd6\xc1\xc1\xc1O\x07\xad\xc9\xbf\n\x1e\xdb\xf2\xe4z\x89\xd4\x92d\xd9\xd5\xbe\xa6\xdb6\xb3\x17\x15\xd2\xe2\x96+w\xca\xa8n\xf5"8\xa7\x97\xf7&amp;Pu&lt;\xcb\x8d\x92Y\xc6\x82:\x18_\xe5ayA\xd4i\xad\x9b\x17\xc2\xde!\xb8\xa2\n\t\x95\xa9T\xca\xd5\xf2l\xd2jU&lt;\xa3A\xe1\xe0\xa0\xd5:@\xbc\xb7\x88\xab\xd5\x9a\xb4F\xb6TtE\x83^2\x14\x0b\xe0\x1e\xd2=\xfdhsQ\x11\xd8\x12\xe3Z\xfapj,zq\xa7a\\\xf6\x83\xc9\x06\xfbS\x0eH:\xe2\x0f\xd6\x12KE\xc3p*@\xd29\x95"\x9e\xe2\x94\xc8\x1c\x82\x00\xf9Dto\xf8|6\x18\xc6\xdf\xb4\x86S-\xbbM0\xc09@\xff\n\xc8-t\x14D\x1c\xed\x8a\xf3\x88`\xc5\xb9\xdd\x99\x0b\x9b\xcb\xee$\xd3ke\x05\xc1`\x18\xc6\xe2\x1c\x8b\x04#.\x1e\xef8\x92\xd1\xa8\xc2\xc4f\x82\xc3\x0e\xb1\x98\x8c/*3\x8a[\xbd\xb0\x9d\xd2\xc6\xccqVv\xbb7\xee\xc1D\xd9j7\xd3j\xc1[D\x93\xd4l\xa3\xbbI(|\x01Ze]\xb7`\xf8@\xbb?k\xe4\x8f\xb6`\x0cl\xe9\xc3q\x02\xd7?/\x9e6\x17\xef%"\xb2\x18K0\xc5\xf6\x80D\x03\x83\xf2?\xca\x01K\x80\xbb\xb9\xbbF:d\xb6\xc9\x8b\xd6\xa80\x1ae\x90\xa3V\xc6\xad&amp;5\x9b\xc7\x0e+\xb6#\n\xb6R\xd4B&lt;\xa8\x7f.\xe64T\xf7\xe2\xfa\xbf_O$\xda\xb8si\xe0&gt;j02\xefm\x1bI/\xf4\xd0G\xa1\xaf\xd8B\x11\x15\xd4\x8a\x8a\xec\x0fq?\xa7\x02\x16}dm\xa4\xd2T\x8b\xc6\x0c\xa5\xd5\xed\xb5\xd1\xadzT\xf7\x9d\xab\x88\x87\xbd\xb2\xff\xa2\xb0\xab{\xb9ccQ\xb0\x1e\xb7\x01b\xab\xb58w=\xa9\xc5\x93\xb3\x9cQ&gt;*\xddJ\x15 ,E\x91\xd8\xd7\x15\x04\x16\x06\xdcW,\x00q\x16\x14\x84\xeb\x81e\xa9$\xd1]\xdd\xf5\x90U\xe0\x0e\x07/n\xfb\x15\x9d\x85\xf5Y\x0b\x97&gt;\\\xa6\x9dD5\x07\xbb\xe5\xb2=\xff\xbf\x01\x03\x0b\x14ZPw\x01\xab?\xa0\xb3\xc4\x80\xe5\x02\xa31\xd0&lt;`\xc8 B\x0b\x00\xa9\xb8\xd6\xd6\xd3\x18zI\x00\x00\x00\x00IEND\xaeB`\x82'</t>
        </is>
      </c>
      <c r="M284" s="3" t="n">
        <v>45492.67869212963</v>
      </c>
    </row>
    <row r="285">
      <c r="A285" t="n">
        <v>876625</v>
      </c>
      <c r="B285" t="n">
        <v>1966</v>
      </c>
      <c r="C285" t="inlineStr">
        <is>
          <t>Vitão</t>
        </is>
      </c>
      <c r="D285" t="inlineStr">
        <is>
          <t>Vitão</t>
        </is>
      </c>
      <c r="E285" t="inlineStr">
        <is>
          <t>ZAG</t>
        </is>
      </c>
      <c r="F285" t="inlineStr">
        <is>
          <t>ZAG</t>
        </is>
      </c>
      <c r="G285" t="inlineStr">
        <is>
          <t>ZAG</t>
        </is>
      </c>
      <c r="H285" t="n">
        <v>185</v>
      </c>
      <c r="I285" t="n">
        <v>44</v>
      </c>
      <c r="J285" s="2" t="n">
        <v>36557</v>
      </c>
      <c r="K285" t="inlineStr">
        <is>
          <t>Right</t>
        </is>
      </c>
      <c r="L28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c112ad6-343e-439c-8400-2723124ad3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dxA\x9c\x00\x00\x02\xfdPLTE\xff\xff\xffhE:rJ=J50\xd7*\x1euL?eC8\xfe\xfe\xfe\xfd\xfd\xfd\xd8*!N60\x1f\x1c\x1anI&gt;jH&lt;\'# mH;\xfd\xfc\xfabA8\xfe\xfe\xff\x1c\x1a\x1a#\x1f\x1ewNB*%#K94%!\x1erH;N93yPDQ;4O&lt;6iD7W=5I3,\xdc\xdd\xe8\xff\xfe\xffY?8V?8\xff\xfe\xfe\xd8,#zO@ \x1e\x1c`A6\xdc\xe0\xea[&gt;4\xd5, T&lt;5\xfc\xfe\xfc]@7}QD\xdf\xde\xe9lE9\x1b\x19\x19\xde\xde\xe6rJ@\xde\xe0\xf1S&gt;8pG8bD&lt;\xda+\x1fhA4_&gt;5];2\xe0\xde\xecU91$\x1e\x1bY&lt;2\xdc\xe1\xedQ81M4,a&gt;3pMA.)&amp;YB;uJ;\xd5("e&gt;2\xfd\xfe\xffG62eE&lt;fB6F0*sRG\xd5)\x1dY9/\xdc\xde\xedc@4\xfa\xf8\xf7eI@oTJ}TGsNCS6.lD6^B:\xe1\xe1\xeeD3.yL&lt;nOFW6,\xdb/$\x80SG\xe3\xe0\xe9\xff\xfe\xfdiLA\xe0\xe3\xf4TC=\\:.&gt;/+\xdc\xe2\xf3eNF\x19\x17\x17\xde,"\x80WJ\xd1)\x1e]E=\xda\xda\xe4\xe1\xe4\xf1\x8aZIM/(`HAYHBa;04/-\xf7\xf5\xf4&lt;63S2(3%!iSK7*&amp;\xd9\xd6\xdd\xd52+\xfd\xff\xfdjXS\xe5\xe4\xf2sYN\xcf83\x83WG\xdd\x91\x94\xde2*- \x1d\xe0\xe2\xe9\xe5\xe2\xecE,&amp;C?&lt;\xcfjj\xd8B9\xf0\xd1\xd8\xa3\x9b\x9b\xcfA;\xdf\xdb\xda\xe7\xd5\xdd\xd9UL\xe4\xdb\xe5&gt;*$\\LG\xd7JC\xea\xe7\xe6\xe7\xb9\xbd\x9c\x94\x91\xcd\xca\xce\xe1\xc2\xc6\xd0b`\xed\xde\xe9\xf3\xf0\xef\xcf/(\xe1I=MHF\xef\xc8\xce\xd8{|\xef\xec\xea\x88T&gt;\xee\xc0\xc6\xccXWT+\x1e\xde&lt;3\xc7CB\xd4\xd2\xd6\xd6\x9b\x9c\xcdID\xe5\xb1\xb6jedbSO\xcfPM\xe3\xe0\xf0\xdc\xa4\xa5\x80QB\xde\xab\xae\xd8\x84\x86\xe7\xe3\xe2upp\xd6\xd0\xce\xe4\xd1\xd3\xe6\xc9\xce`8,\xba\xb5\xb4\xb3\xaa\xa7\xfc\xf3\xf2\xc5MJ\x7fO;K=:[5(\xee\xd6\xe1\xd8]X\xd0su\xe9\xab\xad\x88\x83\x83F"\x17^YX\xd9ic\xb2\xaf\xb2\xe45-\xec\xe4\xefzfa\x7fzz\xef\xb8\xb7\xa8\xa3\xa6\xe0\x9c\xa0\xe0\x8b\x8b\xd1\x8a\x89\x93\x8c\x8c\x88QO\xe8\xa6\xa6\x94\x84\x81UPP\xca1-\xf1\xcf\xd0\xe9\x9e\x9bs^XL\'\x1d\xc5\xb9\xb4\xc461\xddrn\xbc\xb9\xbf\xf9\xe8\xe5\xeb\xdd\xe2\xcc\xc4\xc1\xe1\x83\x80\xc4\xc0\xc2\xf7\xdd\xdd\xc5fd\x92SO\xc7}|\x80ql\x9ad[\xce\xa7\xa7\xc7\x8d\x8c\xbfqp\xd8\xb6\xb9\x97]V\x89xs\x90xq\xc0VV\xbd% \xbe\x96\x94\xb9;9_L\xec$\x00\x00 \x00IDATx\xda\xbc\x99\xcfK\x1b\xeb\x1e\xc6M$\x99\xe0\xc4Ib~8\xf1G\x12\xa2bBh#\x061\xc1\x14\'\xa8\x89rjk\x11#ZC\xda\x83\x1c\xb1\xa1"n\xf4L\x06O\xcauQ\x10\xccB\\T\x82.\x02\x01w.&lt;\x8b\x0b\xc6\x85]\x9cU\x08.\x82\x0b\xe1\xba\xbaP(\xfe\x0f\xf7\xf9\xbe\x93\xdb\x1e\xb8\xbb\xdb\xb1_\xfa\x8e\x83\x998\x9f&lt;\xdf\xe7}\xdew\xd2\x96\x96\xff\xaf8\x8e3q\\\xf3hJ\x97\xf3&amp;V\xd6|&gt;\xad\xfe\x9e\xe3Z~ju\xe0\x8e\x18\x0c\xcc\x8a\xfa\xcddM\x9f\x9f|)\xe5\xcb\x97Gg\xe5\xab\xcf\xa7i\xee\x7f\xea\'a\x11\x92\x89K_\x9e_\x1d\x9d_\x9e\x95K\xd7\x95\xca\xdd\xcda\xed\xe2\xe4\xf4\xb0^\xbb*\x95\xca\xd0\xcc\xf47*\xeeg`5\xfbU\xfep[\xadVk\xb5\x93\xdb\xdbzJ\x90+EE\xa9\\\xdc\xcb\xc5j\xadqx}s\x94\xa6\x8b~\x9a\\\xaaR&amp;S\xfe\xf2K\xed^\x91e\xa5X\xac_\xc8\x82Cr\xa5\xa8\\\xf8!\x17+\xf5\xfa\xdd\xe9\x99\xf5;\xd7\xcf\xa0\xb2\xa2Gg\xa7\xb5zQ\x06\x05JQp\x10\\)Ap\x08T.Y\x06\xda\xc5\xed\xf9e\xd9\xda\x04{D\x1a\xb5\xd0\xc3\xb3\x87\x9b\x87\xcf\xd5b\n(PI\x12\tJ\x14p\x10$\x91\xe8\x18kJ\xb9\xaf6n\x8f\xf2\x8c\xcb?\xf08l\x7f\x9fV\xd6\xf2a\xbd~\xaf\xb8$I\x12D\x89\x8fHb*%HT\xa2(\n\x84\'\t\xe8fJ\x96\xe5\xfb\x93\xd3\xb3\xf4#\x1aL\xcd\xa7\xe7p\x955\x9d?\xaaR\xf7DIt@(1\xc0\x07\xa0\x19\xcf\xf3v&gt;\xe0p80D^\x82Z\xd4W\xcc\x81\xbb\xd3&lt;\xde\xc84{,\xa3[\xd3\xe9\xfc\xe5\xf5]\xb5(J\xacq\x0etQ\x10\x03\x81\x00\x0f\xd1"\x1b\x1b\xbc#\x008{ \xe0\x90\xf0\x125\x19\x1ek\x9c\x83I\xb5\xd8\xe34\xd1\x94\xbfz\xb8\xba\xbe\x80T\xd4%\xf4\t\xf6\x16\x1d\x0e\x9e\x0f\x88\x04\xc7G\xa0\x17\xbf\xb1\x11q\x88\x0e;\xef\xc0%h\xaaK\xae\x7f\xc9#r\xb9G\xc2\xa2O\\\xben4.\x94\x94\x80\xbb\xa9Xh\x9a(\xf2\xbc\x83\x94\xa3\x82Xv\x10\xb9D;\xcf\xe3\x1a\xd8OHUN\xae\x8eJ\xdfW$N{\xb5\xd2_\xab\x15%\xe5"\xefP\x10\x88\x12\xb5K \x93A14\xcf\x01\xc1\xc0\x87\x97\xa8\xafd~\xa0\xa6\xea\xd5\xc6\xc9U\x9a\xeb\xa0?\xa3q\xde3\xb5\xac\xf9\x87\xba\xcc\x80\\.\x89\xa7\xa9\xc7\xdb#\x12\xe1\x91H\xb0\x16\x06\xd0`\xfa@\x00\xf2\xa1\x85\xa4&amp;M\xc9\xe2\xc9\xd9\x7f\x03\x8c\xd3V,\n\xf6\xa3\x93\n\x8b\x05\xf4\x8c\x8fl \x19pD\xb3\x04\xfc\xd8\xb0c\xe0h\xb7G\xd0F4\x92\xf5\x97\x0e\x01\xc1%\xa6\xeaW,X5\x9e\x8f\x0c\xabt\x8d\xd5\x06\xb9\ty`\xa8\x08\xcf\x03\x0b\xbe\xc2\xcd!\x1a\x80\x88\x8b\x8d\x08\x91\xf1h0\xe6\x01\xa0\xf1)\\\xc5\xeb\xb4\xf51\xb0\x90\x0e\xe7\x8d\xa2\xec"*d9\x80\x02\x92C\x94\xa8_\x81\x80\xaa\x91\x9d!\xb1a\xa7\xc2\x04\x05\x97@o\x11\x95\xc3\xb3&lt;\xb8L\x9a5\x916V*V\xe9\x8e\xec\x0eq$\x12\x08m\xa2Tw\x90\xad\x18\x144"\x9d\x98d8\xe1I0\x91$\xc3\x95\x01\xf9\xe2\xf0\x06\x0b\x11s\x97\xdf\xdf\xe2\xd7j\xd9\x81\xb5.\x1br\x8a\x1a\x08\xbf\xb0\x7f\xc8L\xdcP\x05Q\xb1XE\xd4N\x06X\x1f\xb1\x04\xe0\x04p\xb2R9,\xa9\xeb#\x95&amp;j1.\xebi=\xc5\x1aB\xcb\x8b(\xd1r\xc371"\x8cI=\xf2\x04\x08,\xbc\x88x%\xcdT\xa3\x89\x95\x9b3\xab\x86X\xcd\xedz\xfe\xbcVl\xe6:-}\x0e\xf5\xa6\x11r\x14cR\x8b\xb9\x8aN\xec\x01\x9a\xab\xccbD\x857\xdc\xdf\x1e\xa55\xc5bIz\xda(R\xae3;\xa17\x8c\x8a\xcc\xceh\xec\xdf\xe5"u\x08\x07Z\xd2\x0b\x88YL\x0e\xda\xf6(\xf7\x8ds\xb2\xa9\x96M4\x95\xee*2Q\xa9\xd9\x1e \x80@\x80u\x9264\xd8\xd7 \xef\xc5}\x94\xa4\xb6\x97o\xf6\x98\x84\x12\x055\x83\x8b7\xd6\xa6X\x9aa\x9d\xd3\n-\x90\xd5\xc9\xc5$\x13/\xee\xef\xee\xeec\xec\x16&gt;\x15\xe8\xacP\xf8\x84\xa23\x95\x8e\xf8\x18\x97(\xa8U\xbc\xb6j\x19\x10pD\xfa\xe1\x9e\x8cE\xa6\xe2U\xab\x88\xfb\x85\x839\x94\xcf\xe7\x9b\x9c\x9c;88\xc8\xcd\xf9&amp;_\x8f\xbf\x9e\xa4_\xcd\x1d\x10)\xed\xc5\x9aW\xb3\xf4\xaa|\xd14\xb7\x10\x0e\xe5\xc3\xa2K]y\x03\x14\xec.Ht\xe0{\x9dH$B\xcf\xde\xbd{\xf6\xec\xd7_\xe7\x13\xe3\xe3\xf3\xcf\xa6\xa6\x9e\xcd\xcf\xe3\xb7\xf3\xe3\xaf\xdb|\xb9\xdd\x94dg\xd2" \xa8\xfd\x95\x1b&lt;B\x0eh\x89\x85\xcc\x02\x16\x85\x15\x1c\xb5\xbf[\xc8\xf9&amp;\xfa\xe2\xf1\x85\x85\xa9\x85_~\xf9e\x0cc\x81\x8a\xce\xa6P\xbf\xff\xfen&gt;\xf1\xa45\x97\xdbUw\xad\x94\x0f\xc0Rj%xK+,\xf4\xd0\xfa\xe1\x82\x1er \x15\x1c\xb3_\xc8\xb6\xf5$\xc2\xb6\x85\x85\x97/\xc7\xc6&lt;c\x9e\x15\x94g\x0c\xe5\xa1\xe3K\x14x\xe3aoO\xdb\xdc.\xae\xb7G0s\xb1\xdbq\xa5\xee\x1f\xac\x9c\x96\xde2\x1d\x11\x96\xe0\xe0%8&lt;\xd7\xfa$\x11\x9aZ0\xeat/t\x96h4\xba\xb22l\xb1\x0c{&lt;+\x1e\x8f\x07H\x1e\x8f\xceH\x15\x0c\x87\xc6\'\xb2\xb0\x98\xc4\x1aI\xcfG\xca\t\xad?\x1a6\x11X\x88x\x87\xb4\x9f\xcb\xb6\xf6xC\xa1)\xdc\xbe\xbd\xddl\xd6\xa3\xa2Q\xb7\xdb\x02&gt;\xa0\xe9&lt;T:pa\x04C\xa1DOk6\xb7\xcb\xf6\x89$\x97\\+\x9b4\xea"\xe7\xa7|8\xba`\xcf\x14\xfb\x85N(\x15\x0e\xc7m\xb8/\xa8\x92\x06\x83A\xaf\x9fq\xbb\xddQ\xc2\x1a^\xf1\x0cS14\x95+1\xde\x95Ed\x08,\xbd\xe4jI#\xb5\xfc\x9c\x9f\xbeo\xf8ZqQ\xc6\xeffG\xfb@\x15\x0c\xda\xa0G\xbb9IX\x06\x83\xdb=c\xd0\xbbI\xb2a\xa0Y\x18\x96\x87\xda\x18\n\xc5C\xde\'=\xad\xb9]\x9a-\xd8\xa7^\x94\xb42\x97\x9f\x9a\x98\xbe.\xe2a4\x95*tN\xf7\x01J\xc5\x82X\xcbD533\xe3t:I6\xb3\xd9\x0c2\x8b\x8e\x95\xd1\x16\x0c\x85\xe3a\xe2\xea\xcc\x16hK\x0b\xcf\x7f\xb0j\xa6\x16\xad\xd3\xb7\na\x15r\xbd\xd3\xe1obY\xcc\xc9\x11\x88\xa4wG\xdd\x06g7\xb8FFF\x92\xc4\xd5\x8e\x06\xb7\xb7\xeb\x08+\x1c\n\xf7y\xbd\xa3\xbd9\x12;\xe5\xaa\x9cjhy\xceT&gt;Q\xe4\\N\xc9\xe5F\x19\x96\x8df\x1a\xb8FF\x9a\xd6\x9a10\xa8\x91\x11\xb3\xb9\x9d\xf9\xaa\xdd\xdc\x0eo\x81*\x14\xc2\xe8\x1b\x9d\xcd\x15\n\x85T\xaa\xa8iBt\x94\xef\x80\xa4\xcc\xe6r\xfd[\x99p(hD\x83l\xc6a\xf3\x88^m\xa2\xdbMZQ\x0f\xcd\x16\x1dayh&amp;\xeala\xc6\x05\xc1\xfaz\tKN\x155S\x8b\xad\xd4\xe5\x9a\xa2\xccf\xb3\xd9\xd6\xe9\xadL0\x1e\x0f\xda\xe2q\x1b\x14aXo\xde\x80\x8b\xd4jzkXu\x97\xd1f\xb4\x11T\x1f\x81\xf5\x8d\xe6\xa8d\xed\xd4\xa2&amp;&gt;?k\x14gg;gg{\xb62\x192&lt;\xc3Bj\x19\x9c\x83T\xd0\xcai\x18a}4[X\x8a\x81\x8c\x05j\x08\x19\x17J\x84\xfaz\xb2\xd9\xd9NEVn\xb0\x13\xd4\xee\xeb\xa3R\xb5\xf8Wggo\x17z\xc8\xa8lA`Y\xccf`\r\r\x11\x17\x9b\x8a\x06\xc3\xb2\x13\x93\x00aAX\x1eR\xcb\xeb\ry\xb1\x9e{{\xf0\x99f\xb39\xe53mP\x7f\x1b\x18\xf8\xc1lh\xf1\xb3\xaf\xda\x80\xb5\xbe\xde\xdb\xdb\xd3\x9f\xc9d\xc0\x14\x0c\xb2&amp;Z\xf4$\xd7\x10\x13\x0c3\x11d4!\xd1S=\x81a&amp;\x86\xc3^V\xa1\xbe\xfe^`\xcd*ERk\x80\xfb!,\xff\xf7/\xdfK\x8d\xca\xfa\xfa\xe8h\xfft\x86\xa4\xb2\xd1\xc1\xd8n\xd6\xabM\x84^\xdd\x80\x03\x92\xb3\xbb\xbb{\x90\xbc6\x03.\x9a\x8aA\xc4&lt;\xca\xdb?\xda\x05\x0ft\xfeU\xb9f\xdb\xf9\x1f\xc6\xfa\x87\x89\xeb\x180q\x97\x8d\x9d\x9d\x9d\xf5\xe9\xfe\xe9\x18\x92\x81\xe2A\xe7\x196\xeb\x97\x93\x86\xc1\xee!\xd4\x12\x1d\x80\xb4\xd4\xcd\xb8\x0cz\x83\x1e.Ct\x19\x17\xa6\x00\xe6%\xac\xce\xde\xce&amp;\x966ju\xd0N\xbe\xf6\xe7\xf1\xce\xfa\xd6V&amp;\xf6\xc2h\xc4\x1e\x01\xd3-\n\xa9\x88\x84jsusi\x95\x9d,-\xad\xae\x0e9\xb1~//\'\x93I\x16^\xf0&lt;\x02\xb5\xab\x13T\xeb\xf7ZaAq,&gt;\x97\xb5\xbd?\x8e\xa7\xb7\xb6\xb7c\x90`\x85\x96eK\xf2\x15Ql\xb2\xfa\xf8q\xb5{\xf3[-u\'\x11\xf2ko\xdf\xae-..\xc6b1JUo\x0f\xe4Z?\xfe\x93\xb0\xfc\x1d?\xf4\x88\xe1\xff\xf6D\xcd\x95\xfe\xb5\xb7\xf7~g{{q\x117\xb4D\xf5\x16\xdc\x96\xee\x8b\x01\xbd\x86&gt;n.9\x97\xbeQ\x19,F\xec\xb4&amp;\xdaz\xba\xba\xba\xda\xda\xbc[\x0c\xac\x7f\xb4w}G#\xac\xe6\xff\xa3&lt;\x7fzv\x02\xac\xed\xed\xed\xb5\xb55,\xd0f]\xf8IW+\x92\xa8u"\x11\xd7\xe9\r\x83\xff\\\x1d\x82\xaf\xd4~n:\xa3/\xe3\x89\t_\xeeS\xa1\x80\x04\xfd47\x91y\x11\x8bmM\xaf\xaf\x03\xab\xae\x11V\x0bY\xeb\xf9\xd3\xf2\xe1\xde\xde\x1f\x10k\xed-\x1c\x93\x8cM\xf8f\xb3x\xfc\xcae\'\xc7\x13\x0b\x96\x997\x83\xcc\xf0\xac\x96\x86\xf4c\x0b\xc1\xd0\xa4\xcf\x97\xcda\xc1\xc9}\xfa4\xe7\x8d\xbd\x88m\x81k\xe7\xf8x\xef\xabU3\xb5\x06\xb8\xa7\xf9\xcf\xc0z\xff\xfe=\xc3\x8a\x8d\xfb|]\xads\xadO\xa6\xc3H1\xa3\'\n\xaeAB\xa2P\xedvF\xb1s\x0e\xb2\x08\xed\x9a\xf4\xd1\xd3\xd9dfq{k\x1bS\xf9\xf8\xf8\xe2\xca\xaa\x99\xb7\x06\xb8\xe7\xe9\x7f\x13\xd6\xf6\xfb\xb7\xaf\x92\xc9\xf6\xc4\xe4\xa47\x03\xe1^-\x93\xc7\xc8j3\x86f\xcaS4\xac\x8c\xd1\xb3\xc7K\x0f\xf6=I\xf3b\xd8\xfbz2\xb4\xb8\x88\xd9B\\\xd5Kz\xae\xfe1,\xae\x19\x10\xc0\xb2\xfe\x87u3\x08i\xe3\xcf\xe2\xb83\x7f2\x86e\xd2I\n\xe9v\x9a\x12\x8b6\x04\x91\x7f\x12\x06\x02#I\xc8\x86:i\xc3\xb8\x89a\x88I\x93H\x93 \x91M\t,\x05\xa3Y\x1bSPD(\xb8\x07\xf1\xa0\x94\xb2\xd0\x93Bn\x7f\x0f\x82(\xc1\x92\xcd\xe5\xef\xc9\xdb\x1f\xbc\xa8\'o\xf6\xb0\xfb\x17\x16\xf6\xfb~\xb1\xfb\xdf\xb3\xf9\xcf\xb1\x88\xfd\xf0\xde\x9b\xf7\xbe\xdf\xf7\xc6\xa3\x9fV\xf7\x11\xadb&amp;\x19\xe5*!K2\x89\xda\x9eu\x17b\xd0\xf0\x92\x045\x1fcC\x11\xd2K\r\xe8p?y9V( \x86&gt;\xfcx\xb0\x14I\xa7\x17\xee\xb0H\x9d\xa2A\x0c\xf6;\x11{X\xe6\xad\x9b}`5\x19\x16gr\xbc^\x9f\x9f__?p\xbb\x0b&lt;/A!\xe7e\x16/Y\xc9\x93gTx\xbb\xefn$\xb9M\xbc$\x8c\xc6\xd1*\x16\x16w\x16\x17\x7f\xde\xb5\xf6}h\xf9\xed\xe6\xeb\xa1~\n\xaeL&amp;\x99\x14%\xbcy\x07\xb3\xc0z\xed\x80t\x80h\x90\x10\x1d\x95t\xb3_\xce\x93\x99\x95\xb2Tg\xd9,\x15\x9a)&amp;\xab\xac\x9b \x8f\xc0\xda\\\xb2Z\xd9\x12\xb5\x1f,\x8c\xe9\x87\x93\x93\x93f\xab\xd5\xb3\xb4\xb9\xbf\xdfl\x82\xcaa2\xb9;\x1d7\xbaA\x92\x13\x12\xb6\x19\xef\xa8\xa0\x04`_U\x93\x1d\xa2\xc6Y\xafk\x9ch\xb1\x8d\xce\x8c\x8c\x8cx9\x11\xa3\x11I\xeeq-\xee\xfce\xff\xea\xd3\xf1\xd5\xc9\xf5R_\x9a\x8b\xb0(\x81_\x8f\x8f\x0e\xa7\xafWw\x9a\xcd"a!71\xc5\x92\x1e\xf9\x01\xce\xf4\xc3\xdb7S\x13\xb9\nq\xc9H\xa1\xa2W*\xc1`\xb8\xb61\x85\xde\xb0\xfc\xe1\xcd\xd3\x1f#\xa3\x82\xd3\xc9\xb0\xaa\x0b\x8b\x7f\xdc9??k.\x9c]\x9b\xfb\x8c\x96\xb5\x0c\xd7suv\xf1\xeb\xc9?\xce\x16{Xv\x94\x8bP\x9a\xda\xfe\xf8\xe0\xfd\xa3\x97\x7f\xffi\xff\xed\xf6F-\xa8\x04\x02\xaa\xac*\x81z\xc9\x88\xd46\xb6\xdf\xec\xef\xbf\xff\xdb\xe3G\x7fZ\xfe\xb0\xbd\x11\x1e\x15H\xdb\xcfU\xab\x8b\xcf6\x9e\x0c\xcd\x8c\x87\'&gt;O\x0f\xb2\x9b\xc6}\xaf\xd2+\xa0\xf2\xec\xde\x04\xe33\xef\x9aO\x9f6\xa9\xb4\xd0\x07$\xa1\xb1\xfd\xf1\xcd?_\xbe|\xf0\xe8\xfd\xcd\xcd\x0e\xb8\x0cA\xd7\xf3\xa8\xa2&lt;\xb0\xc2h\xa0\x8bg?}x\xf4\xf8\xf1\x83?\xbf\xfd\xb8L\\\x82\x10O\xcfU\x9fOM\x8c\xd9\xb8D\xa8q\xbb\x8b\x17\xe9\xee\xb9\xd7\xb1\xdc:\xe8\xf1|\xba\x08I\x16!R{\xd1\xcc\x14\x8bQ\x13\xaf:+\x8d\xda\xc6\xb3\'\xdb0\xcbo\xab\xaf\x9eLm\xd4\x0c\xad\xae\xab\x05p\xe9\xa5\\nc\xe3\xd9\x1f~|\xfevyyy\xfb\x87\xa9\xed\x8dgwX\xe9\xea\xf3\x17\xc8(\xe2\xda&gt;;4\xf7\xf3:&gt;\xc4{\x88yx\xab\xcbp\x0f\xb6\x08a\xf9M1^!\xc9\x15\x8f{#\xb9\\8\x1c\xceML\xe4\x8cJW\x97!\xfe\xd4@\xa9\x91\x9b\xc0?\x0f\xc1\x1d\x86#\xe3\x96\xf8\xab\xe7C\xd0\xb1\x1c\xc3z\xe7\xe50@\x91\xe9\xe4\x16a\xad\xac\xac\xdc\xbfELN~\xfd\x0fg\xf2\xf9\xec\xd1x&amp;\x93\x89\x92\x85\xe6I\xd7\x88Y\xa8)\xc16\x16\xae5rF\xa8\xd2\xd61\x82\n\xb1|\xa5\x91\xcb\x95\xc2\x00\xf3\xda\xc8H:G\xa1\xb1\x13ph\x84\xb5`\xe3\x9c~\xbb\x98\xd0\xd2G\xbdh\xdd\x13\xcb5&lt;\xe8\x9a\xf4x\xfe\x15\x85\x98*8D`e\xf9\x18{dY\x85\xf9\xb2$\x82\x88\x96\x11\xd2\xea\xed\xba\x13}\xbdSP\xb5R\x0eU\x8f8\x1ac\xa9\x04mH,\x16g\xc0\xa9pT[\x0b\xc1\x94\x13]n\xd4\x88\\\xb1\xa6:0y\xbf\xda\x1apQ\x8f\xb0\x1ee\x92\x8e\x98\x1a\x133k\x99(Bbbc\x85\x9a:/r\xa3A-\x95@g\x0f(r\xa1\xd3\xe9\xa8\xbaa\x84\xeaA\xefX$\x94\x82\x8d\xa4\xd6\xcf\xdf\xb9\xff\xb9jz\xac\xa2\x9b\x1c\xd1`#w\xb2d6O\x0e\xde3\x89\xae\x81r\xd9u\x87\xe5.\xa8\n\xb0\xb2l\xd4\xa1\xc9\xaf\xe3\x99\xf5\x150x\x14\xbc\x80\xa0\x02\xd6\xde^\'\x16\x08\x19Z\xc2I\xbb742\x87\x0f\x12\x11\xf4\x92H\x9d\xabY5.[z6)\xd4&amp;6\xe93\x84\xc9\xc1{Fk\x98aM_e\x92\x7f5\xb5[\x89\xbbh\xb9\x0f^\xafc$\xd2L\xc4\xcbG3Z\xc5\xf4\xc9\xab\x85\xbd\xf9\xbdX^\xaf\xd4\x13\x92\xa4\xc0\xc3\xcan\xdf,\t|\x8a*\xc3J7NO[\x89\xa8\xd8 ,T\xd6=k\xcb\xe5r\r\x96\xcb\xe5\xa5\x93\xa2\xcf\xad_\x9e\x1a\x99\xb5d\x94\x07\x15\x83"\xae\x03\x98/\xb7\xcf\x91\x95\x9c\x84\xd5\x99\x9f\xdf\xeb\xe4\xf5\xba&amp;\x88\xf0\xb0(B\xb7\x0f\x11E\xbc\xd0\x7fE\x16\xad\xca\xe5\xe9e7 Vr\'\xd3}\x1c\xfa]\xc3\x84\x85q\x98\xb4\xab\xdd\xd3\xcbz\x91\xb0b\xc0\xba\xa3"\x05A5\xe6\x97\x9cp\x1d\x9d=D\xab\x83\x84j\x02\xe7G\x84b$ZY\xb8\xfe\x87\x95\xe8"\\m\xa52rm\xed\xeb\x03\x04\x97\x0b\xd1\xfa\xba\x99\xe4\xf5\xd6e+\x91\xfc\x7f\xac\xf5\x1e\x154\x02\x0c\xa1\x82\xee\x00,*.5\xa1\xd9\x12\x12\xb4\x83\x9b\xaa\x10\xc5\x05\x99ob\x96$S\x15\xea\xadS\x94We\xe1\xc8\xda\xd3&amp;\xf7n[+e\xeb\xd2fFm\xb7Z]\xa5\x87Up\xcf2\xb15;{@\x9e\x15\xcaF\x84i\xc4k\xc8\xb0\nj \xa5\xa5\x9c&lt;\xb9Z7i|`\xb9\xed=\xac"\xa7\xb7\x10.\xddhnyh{}\x7f\xac\x95\x15ky\xfa$\x13\xe8\xb6Zm\x89\xb0$\x9e\xb0\xc04\xeb\xa3\x0c\xc1\xa9\xca\xa2\x82\x1c\xf6\x82\x05,H\xe6z= \xd9\xc9g\x1f\xf8\xe8\xc7\xd0\x8a\t\xab\x98)Z\x9cT\xf4)\xa3\xcf\xe13\x80`\x95\xcb\xd6\xeb\x8c\xdej\xb5t&gt;\x897QTQ\xc9x\x88\n\xb2\xd9a\x92\xf3\xce&lt;r\xd8\xd9Cb\xf7\xe6\xd7\x81\x95\x0f\x80\x8b\x07\x11{|\x0e\xc2\x12\xe1f3s\x9c\x13I\xecj\xb9\xf3/\xb4M\xea\x0b\xcbS^9\xbe\xe0\x10\xad\xaeT\\\xcb\x14E9\x06%\x8cZ\xa6\xff\x16\xa6U\xce\x07\x02\x12\xcf\xc7\x0e\xe6\xbf}\x9b\x9f\xff\xf6o\xb7\xac\xf2j\xa0]\xcf#\xa6\xb3\xeb\xb4\x04\xb0C\xa9\xfa\x19VZC\xb0J\xa9\xd2\xab\x93&gt;\x953\xa6iy\xd0|x\x1be\xe1\x9a\x03V\x947\xb1\x1d\r\x15\xcd\xeb\xd7\x0e\xb4,=\x0f\x8d\xecv\xdfa\xf9b\xbc\xdd.\xd51"\xdd\xc4M\xce\x9fQ\x11\x96\xb7vzZ\x0b\x96j\x17\x18\x89}-\xb8\x80E\x1b\xca\xcfE\x1e\xd5\xd5\xf0R?e\xbb#\xf8\x07j\xe0\x0e;\x89w%\x9b\xcd\xf2\xa6\x03\xd64\x0exQ\xccf\xfd\x81v;\x1f\xa3,\xa3=\xe0]E7\x8d\xcf\x15\x9b\x13\xa7\x97%#W\x1b\xfa\xe5K\x9f_C`@\xd0=\xf8*\x93P\xf2\xdd\xcbZ\x95a\x99\xdcv\xe4\x91V\x0f,X\xba\x93\xab4\xday\x13\xd5\xfcAAM\x19\xa5\xa0\xa0\xb7\xdb\x01\xd9\x8d\xd9C\x96\x96:\x08\xbd\x88\xcd\x175#\xed\xad\xe5\xd6\xaei\x0b\xd4\xff\x92\xd2zx\x1b\xc7\xd4\xeb^\x8e\x03\x8b\x8d_;\xbc=\xd2\xe8@\xbd;u\xaa\x98\xcb\x8a3\xd6\xe9\x1c\xf8\xa0\x03\xd1\xc9Km\x14\x97\xcc\xb6]v{\xd6/\x8a\x9c%=\xd7l\x8e\x0c\x8dy\xbdC3\x9fw=}b\xb9\\l12}u1\x1ap\x88\xa14\x8a\x8bV\xf1pZ\xb4t\x00\x96"I\x89J\xa3U\xd2R)v\xb9\xd3B\xa1R\xed\xb2\xd1\x86+3\x01\xdb\x9e5Q\xacD\x8eKW\x9b\xcdWC/\xc2\xde\x91\xb3#\xab\xa7\xcf\xad\xeeCHn`\x99?}\x9e\x13,\x16\xdbw,\xc6\x85x9\xe8\xd0\xe3\xacw\x1b\x8dJJ\xd3\xea\xdd.;\xc4\xd6\x1a\x15\x1d\x82\x82\xa2\x9a\xa5\xa5\xb8\x85\x1e`UGh\xe7\xbc\xb0\xf9\xc5\xdc\xefwI\x83\x83e\xd2\xa7f\xeb\xf1\xafi(\xe5\xf4\xdaZ1Kw\x0b\x13[\x04:\x98;U\x02\x9a\xa6U*\x88\x17\xc7\xa5B\x90[!-\xa1H\xb2\xcc\xf7\xf6\xe1$\x1e,Hb5\xf3\x0eR\xde\xf6\xeef\xcb\xda\xf7wo\xc0*\xd3\x17\x9d\xd6\xafWkq\x0b\x17\xcf\xac\xa1C\xd0\x99\x87V\xca\x84\xe5\x86\xb4Q\x9c\x89T\x1dX6!\x15\x0c\xe1I\tNU\xa6;#A\x89\x16v\x96\x8a\xa7\x9b\xab\x17OF\xd2\xe3\xabW\xd3\x1e3\xf9\x9e\xbe\x1a\x04a\r\xd0\xe1n\xf7s\xd4\xef\x17\xe6\xa8\xe6)s\x94!\xcac\x81\xb0\x02\x89\x84\xa6\xd1\x05\x81\xa0B\x90\xab\x90\x80\xc4EP\x16\x0e\xaeG \xac\x8b\x93\xf3\x9d\xea\xd9\xc9\xae\xc73\xd9\x7f\xb4\xd0\xb8\xd8\x92\xcbz|[\xcc\xda\xd6\xcehZ\xb3\x04\xb1\n\xb3\x83\x8a\xa2%\xa4\x88\n\\\x94\xc3\x10Tt^\x85\xe2bT\x1c\xdbK\xe3E\xbc\xd9\xda\xbd\xbe\xda\xfaj\xfd\x1d&gt;^$\t\xc9\xae\xaf\xd0\xa8G\xe7g\xe7W\xb7k\xc9,;\xd6\xf1\xac\xc0\xe0eeI\xe1l\xc1\x10"\x05\xaa\x88\x111\x8cJH\xa3\xea\xba\xab*\x81\xdd\xf8\xe6\xaa\xcd\xf3\xddA\xeb\xb4\x95Q\xf5y\x8e\x1av\xb9\x88i\x80\xda\x84u\xfap\xebpw\xf3b-\xeb\xf7\xd3\r\x11%F1\x83\x81\xe0\x84\xa0a\xb0\x0c\x06\x83x\xd7\x8c^\xd5[$2\x16\\\xdcF\xe6\x15\x1ap\x15\xb6\x02.\xea\xfb\x16\xa8\xafm\xa0\x0b\x85\xb5\xd2\x8b\xba\x07\x95\x8a\x06vF\xe1",X2\x99\xf7\xf3\\j\x14\xc9\x8bx\xe3\xf1\xb8\xcd\x16\x8f\x8f\xcf\xf4\xce\x16F0N\t\x14\xe8\x90A\x86q\xaey\x01E\xea\xc1/\xe9\xff;\xe2avz\xfd\xfe\x9bP\xf8\x1e\xeb\xd1\r\xb0\xa2\xb2\xcc\x0e\xd3\x88\x983\x18\x01\xc7x:M\x9bq1&gt;&gt;&gt;&gt;3C\xf7\xa7p8(\xb0\xcf\x0el\xecRk\xa9\xae\xde\x1c\x9b\xe9o\x11&lt;+\xbfC\xb4\x08\xcb\xfc\x1b\xd6\xa4\xe7\xd3\xf9\x05\xb0DI\xa6\xeb\x1c\x12\x98\xb2ygf\xc6\xc7\xe3q\x8b-\xd8\xabz\xafwdf\xe4\xf9P\xd8\x08\xf6&gt;\x86`\xd1\x9a+\xae\xfe\xb2k&amp;\xbf\xb2\xc2\x96\xb1\xfd]1\x86\x87\xefB\xee\xfa/-\xe7\x1f\xd3D\x9a\xc6q\xd6I`2\xa9GKb\x9a\x9b\x9dq*3\xfc\xe1\x91iO"\x19\x1b\xe1\x1aR\xc0\xb9\xd0\x82\xa6\xa1\x1aJ\xd3\xa3\xd9p\xa9\x86?\xaeM\n\x1c\xea\xd9]\xb2\x84\x90\xb0\x18\x01]V~\x186\xbb\x18\xc9A\xf10\x88?\xf0\x07M\xc8\xeae]\xb3\xab\x88\xe8\xad\xec\xa9\x8b\xab \xbb\x80\x9a[\xcd=\xcf;\xa0^\xee\xee\x0fY\xfb\xc6\x00\x9aH&gt;|\x9f\xe7}~\xbc\xef\xf3\x92F\xd2\x10d\xed\xeb\xdf\xc1^\xd4%\xe3\xe8\xc3\xaa|0R\xa1W\rz\xd3\xb3\xb2\x0c9\xb6\xec,\xf4*\x97M\x96$Y\x10sr\x0c\x9aX\x80U\x086\x04\xd7zy\x0f\xf8\x0b\xb1\x12RS\xd2^a\xa5`\x04\xfb\x01\x9d+_\x87VD\xac\xd5\x85"Z,;\xdb\x16\x0e3\xb6\xdcp\xd8\xe3a\x18#\xcbp\x90h\xb4\xbb4\xc0*\x84\xa8\xf5u\'\xee\xc1\xb4\xb7\x81\xf5\xbf\xc6\xf1N?\xfbp\x1b\x84.\xa8GW\xadJ\x86\x8d\xa6\xb2\xac,\x1a\x12\r\xfe\x7f\x86%\x15\xd8&lt;\xd9\x16\x81\xa3L\x8c`I\xb7\xac_\xc6\x82\xa8\xf5\xac\x85\x8e\xd7\x1b\x03\x8c\xce5\x10"@.\x8c[\xab2\x8a\x12\xad\n\xc5\xa8\xdb3K\xa0\x00\xd5\x95\x95e\xea \xdf\x14Z\x05\xc6d\x17-\x96t\r\x0b\xc5\xfac\xed\xed\xc3t\x9c\xa8\xb4qJ\xb4"p\xe5\xaf\xca\xcfG,U\x96\xc5\xede\xefNj\xeb\xf1\xe4\xe4\x9a\x0c\xab`\xe7d\xc4\xb2\x00V\xd6\xfaD\xc0\xaa\xa8\xed\xe8\x8e\x93Z$\xe2\xd3\xfa\x96gX\xd1\x97\x94@\x8a$I\xd8\xe0\xf5\x16\x96\xad\x99|\xfa\xd3\xd3\xc7\xb0\x9e&gt;\x9e\xcc\xb4\x8a\x82(z\xbd\xeb\xd3\xb3\xc8x\x89\xb5\xd0\xba\xfd/\x83q\xc2JKK\xd1\xa2\xc4\xe9\xdb\xdf\xed\xd8V\x86\x97\x98\x90\xf1p&gt;\xca`\xb0\xea\xd6L\xfeD\xb0&amp;\x1f?~/\xd3*\x08\xe9^\x03\x89\r\x16\x0c\xb1\x85\xd6\x8a\x8a\xb6\x8e\xee\xb8\x88\x85\x01\xa2\x9cLT\xde\xae\xfdp[\x19r\xe9\x92\x93u\x9b6e\x14\x19\x0c\x89\xbf~\x0f\xd5:y\x12\xecX\x02b\t\xd9K\xc1\x01\xa4\x02\xaa\xed\x88U\x13/\xacr\x82u\xf4\xe6 D\xae\xb2\x92m%dFd\x13V[\xc5\x05\x9b~;9y\xf2\x0f\xbf_\x93\x99\x91\x95c\x93s\xf2p\xe2-\xd1\x00A\x1f\x03\x7fE\x05^_\xd0\xbf\xe8\xd0\xfb\xff\x1f*aEH\xd3\xdd\x1dm`\xc4\xb22\x12\xec\xc9\xac\xdb\xe6\xcd\x05\xd5\xd5\x05\xf0\xe1&lt;t\x16\xe7\xb1p\x86\xbfm.(.\x02g\x07\xad\xac\x95\x15A\xa5\xea\x80;\x1eT\tiZ\xd9\x95D\xd7\x1ch\xab\xdc\xb1\x03\xb0@.&lt;^C\xae\x82\xea\x9d.\xff\x1e\\ccc\xe7\xabq\x86\x11*\xe9b\xe2W\x80\x15\xe4\x00+&gt;F\\NC\xb4\xfbb\x9b\xa4q\xbd\x9b\x89\xf34\xa5\xa5\x9bJK\x81\xcb\xef"k\'\x11\xae\x08:\x8eb\xc4B\xaa*\x9eU\xaa:j\x1c\xf1\xc0J!\xf7Ri\x04KQ\x90\x0b\xe5Z\x9dA\xa6(K\xa1\x11\xdbI*f\xa8\x00\x0b6\x17U\xe3\x90\'\xec\x04BU\xa90\xac\xa2\xde\xec\x8e\x0f\x16,\x07\xc1\xfajP\xe2\x15r\x85W\x92\xbf\x1a\':\xd7\x96f\xac][\x9c\x07\x02\xe5e\xa3H8z\x9a\x9d\x07\xd9[\x13K5R\x9c\xa0\x92(\xff\xf6\xc1\x90\xca\x81\x83\x1a\xee\x0b\xb5*\xcfI\x84+\x7fu"\x0e\x9bf@\x85\n\xabH\x1b8%\xf3\xb0X\xaa\x12\xacJ\x95\xa5\x18YP\x9f\xbd&lt;\xd2J\x8a\x1b\x96\xc4qj\x19\xca\x95L\xc6LK\xa1p\xcf,\x81b\xba\x844\xf6\x89\xc5y\xa4\x82\xc6\xf8`\r\xf2\x94\x8f\x02\xac\x1f[\xe8\xa5\xfa!~j\xa9\x92,\x07\x89\\8g\x9a\x91\x81P\xcb\x0bz\xfbDM,\x83\xb5\xd2j\x95)\xa7\x8f\x81\xbc\xf9u\x8b9.j\xa5"V\xca\x92Z\xa2(\xcb\xdbQ.\x1dp\x81V(\x95\x8et\xab:\x94\x0b\x1a\xb3\xec\xf5(VPf\x9c&gt;\'\xcf\xc9R-\xb9\xe6y\xeb\xef\xee4\x97\xd7\xd4\x82\xec"B\x01J\xb8\x92\xdf\x01\xb5\x92\x11(\x19\xc2\xd8;E\xc5\x89hC\x97+\x1d\xa9\xbc2EQN\xa3\x91\xb1K\x83w1\xcc\xbf%\xac\xd4T\xc4!\xa3\x10I\xda\'\xba\xe6b\xad*\xc8P\x18K"p\x95\xe82\xd0\xbb`+B\x04]\xbb\x16\xe3\x15\xce\xa6\xfb]YPY\x88r.\xc5\xb2\x94\xd1I\xd9\xb9\xb6\xeb-G\xc9\xe3\xe1\x84W\xaf\x87W\xecii\xaf\xbd\xe1$_;\xdc\x87/\xd6\x8a\xe92\xc7\x07\x02\xc0U\x96\x9f\x99\\\x90\x87C\xe9y\xe7\xc7\xaa\xe1S\xf6NX~?\xd8\xd0b\xf1\x02\x15\xa7\xb0N\xa7\x93b\xb8\xb6\x8e\xce\xc8\xe9\x9a\xd7\xb1^u\t+;v\x838H\x97\xe3{L|\xf8{\xb4\x05\xd4\x92$\x85\xe3%\xf0\xfcJ(H\x8b\xaaa\x01\xcb\x18\x02\xed\xf1\xe3reg\xa5\x8b"\x97\xcb\x08\x12gt\xfa\x8cF\x13_u\xb3\xb3\xb3\xbf\xe5\xa8\x1e\x9a13\xf9\x96I\x0eX\xe6\x95\xd4\xf5\xf0\x93\x95\xd3\xe4\\\x9f.\xa7q\xec\xc0\xdd\xfd\xe0P\x84`\xc9\x8a\xa2H\x95\x92b\xd5\xad.\xcc\x06\x89\\\x003\xe6\xd7\xf2"\xa0\xb9l6\x995AE/\xe3\xa8"8\x18_u\xbb\xb3\xbf\xffl\xe4\xc1a\xb7\x99|C\xbc!\x83&amp;\x1b\x9fS\xae\x00\xcb\x8c\xe7\x89f\xad\xe74\xebg\xc6\xe7#\xa1\xeb\xb5* \xe1RU^\xf0Z-6H\x87~B\xe3\xdf\x13\x86\xe6\x07\xba\x1f\xe8\x7f(\x9f\x8fbe\xc0\xa2\xc0\xe5Y.P\xdb\xf1\xa8\xbf?\xd2\xf5\xfc\x0ej\x0e\r#&gt;&lt;\xd5\x97\xebW\x84\xa5\x1d\xfa\x10K\x82\r\xa7\xa7z\x9f\x84B\xd7\x07\x03\x8a\xa2\x8a\xb0\xc0\xef9Y\x16\x90bO8\x8c:\x85\xc3\x8d\x80\x95\xcb0&amp;\x93\xcf\xe7t\x1a9\x8e\xa5X\x9ea\xed\\\xa0*\xf0\xe3\xdd\xb3\x91s\x8b\xa7\xa6\xa1\xb7\xc6\xe7\xe2\x0e\x9a\xdc\x84\xbf\xb9\xdb\'\xa5\x80N\xe4\xf5\x1em6\xebGg\xa6z\x9b\xce\x85"\x07\x06U\x1e\x1dK\x85 \x01\xe1\x9e\xe3\xec\x0c\xc3\xe4"\x0e@56\xe2K\x16\xd3\xd6\xad&gt;\xc4\xa2X\x8e\xa1x\x9e\xb1\xdb\xedJ\x9b\xb2\xeb\xcc\x0f\xfd-C\xb3\xe3\xd7&gt;\x9f\x86=\xa9\xd7\x8c\xe9x\xf33\x89$&lt;\x0c$z9\xcc\xee\x99\xcb\x0f\x0f\xc6\xa2\xad\x91Gg\xdaT\x9e\xe5$1\x88\\,\xcf\xb1,CQ\x8c)\x97@\x91\'6\xf8\xca\x06G\xe1(\x86a\xc9\x00%k\xb7\xcbUU\xbbvu\x9c\x8d\x8cL\xf4\x9e\xf8\xd7\xc4\x9dQ=\x1e\xde\xd0i\xf8\xe7M\xb9\x92Rq\xf3\x81Pzz\xf4\xd8\xa5\xbeO\x06zFB\xfd\xdf\x04*%\xc0\x929\xb1R\x95\x04\x96Ud\x08MN\xa7\xc9\xd4\xd8\xf81Y\xbb|\xe4\xed\x0f\xf89\xaa\xc4\x1a!l\xb1\x0c\xc3\xa9\x01_\xc3?.DZ\xba\x9a\x9a\xef\xbdX\x8c\xce\xe8\xf1\xdb\xa6\xad\xe4\x08\x87\xf8\xb9\x19\xff\xff\xf4\xf0\xe2\x8b\xbf\xeeoj?\x149\xe0\xe3\xab\x14\x9e\x07\xdb\xc9\xc1\xa0(q,\'\xc8,\xec6#\x83O\x90&gt;n$\xe6\xa3r\x99\xdc\\\xc6\xce\xd8\x05\x01\xc3\x96\x93\xf8|\xc0\xd4\xb0\xe5f$2\x12\x8d\xd5}1\xfe|\xa1}\xdaM~\xe67\x7f\x11\xbb\x84\xa5\xef\x1e\x99\x8f\xde\xf8d\xff@\xb4%\xd4\xf9eC \x08A\x8b\xe3y\xf0\xfb`\x10\x02\x98M\xe0\x8cF4\x14\xf1t\xd4\t\xcc\x8aT6\x9b\xe0\x15p8\x17\xcc\xc9r\n\xbfuo\xc3\x99\xfeH\xa4\xebH\xdd\xc0\xadcCs\x0b\xc7\xa6G\x81KKG\xff\xad\xd6R\x07H\xe2xjJ\xaa6\xf9\x92\xba|xdvO\x9f\x1b\x8a\x0e\r]\xd9\xbf\x7f\xb6+\x14\xfa\xfe\xa3_\x05\x80\x85\xe7\x8d&lt;H\xa6\x82\x1d%\x01\xb1\x94\x80`\xf3\x90\t\x120\x9c\x9dP\t\x82M\x10m\x90\x12\x9d&gt;\x82\xc5"V\'p\x9dj\xae\x8b\xcd\x8d\x0f\xcd\xcdN\x1c\x9f\x01\x1f{\xfd\xd7Y$\xbd\x1a\xbdy=\xbd\x90\x0c\x98\xa2}\x9d\x86T\xee\xe9\xf6\xe8\xc4\xa9\x9e#/\xbe\xbd\xda&lt;7\xb2q\xc3W\xbb\xb7T\xa1\xed\x08\x16/\xab\x92"\x89\x82l4\xf2\x92e=\xb4b\x00\xe6\xb1{`c\xa2V6\x1b\xc4\x10\n\xc2\x16\x18\xd1.+\xaco\xef\x96o\x80*R\xdf\xf7\xe9\xcf\xf7\x9a\xaf\xdc\x88\xce\xcd^\x9a\x02\xe7\xd7\xbf\x04K\xd1\xb8\x96\xf4C\xd3\xd2K\xe5\x90&amp;\x134^X\xc3L\xdf\x19~\xbe\xf0\xf0\xfe\xc1\xbe{?\xff\xe9js}\xeb\xc6u\xdf\xef\xde\x17\x00,\x05\xb0\x14I\xc5!WY\x04.\xd8i\xa2\xa1(\x0fc=\x08\xc6\x98\xc0\xd9q\x9eE\x94!@\x10\x0bs\x9cb\x04\xac\xbfG"\xa1\xc88b\xdd\xab\x1b\xb8?5\xb5\xb0\xb8X\x7f\r$+\'\x19.\x89\xfe\xc0A/\xf1%\x90&lt;\x90D\x9b\x97\xff\x81\xd6~9\x86~\xf4A\xd7\xfc\xc2D}Oo__o/\xaa\x15m\r\xad\xeb\xfcl\x9f\nX\xa0\x14+\x89\x16(\x12\x14\x08\x15b:\xe8$d\xe5af\xd4\xb0\xec\x8c-\xc7\xe2E^\x86E\xb9PZ\xe3\xae\xbd[n\x86B\xa1\xc8\xadX\xdd\xbd#\xb3\xb1\xba\xba\x137\xae\x1d\xaf_\x9c]\x8c\xde\x99v\xd3\xcb\x8b\x9c\xd3\xd2I\tz\xed*\xd4\xf1\x01\x11\x11\x8f]!#\xb8\x8f\x9e\x9d\x9f\x9f\x1f\x1e\xef9\xd8\x1ck\x8av\xb57\x11\xac\x8d\x1bB\x7f\xdb\'\xa9\xa2\xa2\xf0,\x8fSv\xa0\x16\xc7\x89^o\xba\xcdc\xcf\xc1\xea\xc1\xe5\xf2\x84s\xd1\xc1@C\xc8\x8b\xb2\x9d%\xdb\x94ey(\x9e\x1b\xfe| \x02X\xc7cu\xb1\xcb\xe7\x9e\\\xea\xabk\xfe\xa2\xe7\xf2\xb1\xe1\x89\xa6\xa6S\xc33\xc4\x98x\xbaZ^\xae\x87\xa0\x86y\x8f\xe4&lt;mJ\xd8A~)\xcd\x83\xae\xbb\xf3CS\x0f\xaf\x9c\xe8\x8b-F\xbbF \xd8\xd4!\xd6\xa1\r\x1b:vs\x18F\xb1\xe0\xc4c\x190\'\'{\xad\xde\x1c\x1b\xc3x&lt;~\x17^c2\x8c]\xe1d`\x92m\x10\xb7@&amp;0"|t\xfa\x1a&gt;\xba\x80j\xb5\xf7\xbe?p\xab\xb5\xb5kh1\xd6\xbc\xff\xe0\xfd\xa9k\xed\xc3\x0bs=\xc4\x98x\x18\xed ;\r\x8d\x08XhI3\xa4t\xb3{tz\xe4\xc9\xfc\xf8\xd4\x8d\xfb\'\x06\x06b\x97\x00j\xa4}\xe8T\xec\xd3\xab\xcd\x13\xad\x1b\x7f\xf7\x9bG\x9fQ\xa2\x05&lt;]!\x07\xa4"\xc1"\xd6\xc4\xed\x87`\x9e\\\x86\x85\xe2\x1d\x92\xa5\x8c\xd1\xf4?\xb0\xbe\xec\x0c\x85\xd6E\xae\xf5\xbe\xff\xed\x95\xfa\xe3##\xe7\xfe\xcd\xb3\xf9\xc6\xa4\xb5\xdeq\x9cF\xd6\r3\xb3t\xc9fb\xecE\xa2a\xe9\x81\xc6\x9c\xe5\x04s\xbd\xed1\xa2k\x9c\x99\xbd\xc6K\xe7\xab\x1e_4\xe4JjcT\x926K_\\\xc9\x0c\xc1@\n\x94\x01\x19\xe3\n\x04\x85\x04\x02U,\x10\xb8\x8d$\xab! M\xfd\xb3Z\xb5aW{\x13\xf5\x1aScr\xbb\xbe\xe8\xdd\xb2\xef\xef\xe8\xf6\xa4B\xb0\x1e\xf8\x9c\xef\xf7\xfb\xfc\x9e\xdf\x03\x9c\xf9\x95\xb4\xc3\xe1[\xdd\xaenn\xbe\xdd9\xdd\xc9\xc6\xde=\xff\xd9\xf9*,\xf9\xdf[\xc9`B\xa0\xbe\xdfKe-\xf9\x95`\xda\xe5J\x9f\xec\xe4\n{\x81l&gt;\xb8`\xfeql\xda\xbc\xe2dyf\xf2\xd9\x90\x1c\x14\xe8\xb5\xb0N7\xa2\xbf\xa1\xc5Z\xde\x89*\x81%\xa8\xfb\xacF\xd4b\xd5A1\xc5\xca\xd3H\xdf\x92G\xd7L\xd1\xea\xbb\xfb\xeb\x17\x93\x9cB1Q]0\x8d\x99\x1c\xe5|j\t\x8aE\xe3.\x87\xc3\xb3\xba]\xd9L\xbd\xcd\x9f\xbe\xcf9\x9f\x8b\x1ft\xfcR\xf2\x074Ug\xdf\xe2\xc4\xcc\xdb\xb4D\x0f\xca&gt;\xdfB2\xbe\xb2\x93\x0b,\xed\xa5\xb6W}\x0e\xb3\x19X\xeb\x89xL\xc10\xfc\xda\\\x97\n\xae5\xcb[\xa8|]n\x03\x15\xc5\xa8\x03T(\xeeh&amp;\xba\xfb\xc5\x95\x87\xd0\x00&amp;\xf6\xf2\r"\xd6W\x8f\xd6\x14:\x9dn\xc2\xe22\xfdhJ$\x1c\xe5\xe3j\xc4Y\xf8`\xb1\x93d\x9e\x83\xedJ\xccOs\xcc/\x9a)\x01\xcfO\xa9A\xf8&gt;\x820\x95=\x0b\xcb\xcb\x1fON\xe7\xfd\x91\xbd\xc8&amp;\x8ep%\x12\xe6\xe4\xc7\x7f}\xdc]O,\xe4\xbc\xc0\x9a|U\xdf&lt;88x\x1b\xfe\xa1L\xb4\xa1\xd1\x93\xcb[U\x9d]\xddM\xe2Z\x88\xbc\x8b\x95\xbe\xe6\x1c\r7\xa8%T\x7f\x87\xbeZ|\xc2\xe84\x8a\xc9h\xc2\xf4\x9fx\xda\x91H\xb8\xd2\x07oc\xceR$\xb5s\x92\xf6\x81l\xf5\xb8\xba\x99\xca\xfe\xfb\xfd\x0f\xa8\xff\x12\x9a\x00`\xaaF\x83\xcb\xcb\xf1\xb8}e\'\x9b\x8a\xed\xed\xc5*\x96\x03\x0f\x0eu,\xc4W\xe6\xfdK\xfexb\xdd\x91w2\x8c \x1c&gt;m\x1b\x177\xa6W/\xd3\xbb\xcc\xf2\x0e\xba\x00V\x05\xb5\xa8\x9f\x01Y7\xc9t\x8eUCM`\xc3e\x83\x88\xf5\xf01\xa8tl \x88&lt;\xc4*\x88\x06\x9e\x1e\xc1\xaa\xc4J\xeeH%\xbf\xea9#{[\xa9d\xe7\x7f\xf8\x80\x02\xf1\xdc\x99\xcb\xdb\xcbA{~&gt;\xe7\x0f\x14\x96\n\xb1\xd4|t\xd53\xeb\x80\xb6\xe5h\xe0E\x18\'\x00\x00\t\xafIDAT60\xe9\xd5\xeb\xdd\x96d"\x11\x8c\xe9\x05\xc1\xa8\xf8z\xce0~\x9bv[\xc8\x96\xfc\x9a\xaa\xa3Su\xfd\x8b\xce\x8e.B!\xb2\xa6Zq\xd4\x0c\x89k\xa1\xb8\x1a\x88Xw_\xceh\xe1a\t\xd1Z\xf8\xe0\xf5\xba\x03\xf3+\x1e\xbc\xc4\xacgu\'\x15q:\x039\xcbA\xd93;;[\x8eZ\xb2\x95\xaa\xe4\x8f\xcej\xd4\xbe\xf2&gt;\xe7/\x14"\x11\x7f\x05S\x90\xfe7\x01$\xfbN6\xb0\xe4\xe55,\xcby\x03\'\x89D\xba\x1a\x12\x8c\xc6\x91\x99W\xf5\x06\x14\x07\xec\x16\xe5\xcd\xad\xd7:\xbf\xe8\xec\xbc\x8erJ\x91\xa7A&gt;\x82\xae\xa6\x86\x1a.\xc2\x02R\x1b\xfa\xd9\xbe\xbe\xc7&lt;\x0f\xb1\x9cQ\x97\xd9\xeed9\xce\xeb.|\xd8\xb1{f\x13\xb3\xb3b\xb0\x9c\xeeB \xbb\xb3R\xf6x@z,\xf1\xbf?\x9d\xaf\xc4\xf6b\x9b\x15\xcb\xf1\x01I\t\x91|\xf1`\xd4\x92+\x94BzL\x1d\x9c"\xcb\xba-\xae\x84#Z\xb2\t\x825s\xf8\xb2hhim\xbd&amp;^K\xf6E\xa7\x8a\xa4j\xa8\xa7\xf5\xb9\xb6V\xc4\x12\xfb\xc0\xfe&amp;J}\xcd\xe5\xb6"\xd6\xa9\x96\xb6\x87\x8bO2&lt;\xcf\x87R\xe9\xe9\xe4|H\xc1Mp\xac^_\x8aa\x9e\xa7!\x82h\xdf&amp;D\x8b\xa4\xb2p\xce\x93\x96\xcc\xa767\xab\x16J\xbb\xcf\xe7r-\xa4\xe3\xf6\xa8\xa5\xea\x8f\xb8\xf5@\xe09\x8e\x9b 0\x86\x8d!]e\xbfM0Z\x87\xf9\xb5o\x8b\x86f\xd5\xb5[\x9f\x7f~\xb3U.G\xd5\xa4\x0b3j\x08\x8b\x02\xd6-\xa6\xbf\x7f\xa8\t=|W\xed\xe5"\xb0\xe4=\x86\xb9\xb5\x0c\xcf2|i\xdb&lt;\x1d\x0f\xe8Y\xee/\x1c\xc7\xb2 s\x17\x90\xea\xb4\xcbA\xf6\x11\xda\xde\xbbw\x11\xff\xd6\xb1\xa4J\xae\xf9|&gt;O:xpl\xc9~\x08,\xb9\x8fB6=\xce\x8cgY\x05N\x0b%P\xa7eJ;\xaeu\x9f%4&lt;l4\x1a\xd9\xd7\xe0\xeaQ]\xbfr\xa9\x15\x01k\x10\xdb\xe6\x9a\xa6\xb3&amp;^lM\x87\x86\xce\xa4\xaa\xa5\xc5\x07&amp;\xb6\x18\x0co&amp;\xf0$\x8c6\x124\x99\xa3%/L\xe4Pn\x14\x9c^\xaf\x0f\x95\n\xb9m\xd8\xe4\x03\x99\xaf|\x80\xe2\xba\xe7tJ&lt;\x0b\x0b\x9e\xb2\xfd\x14q\x8f8\xdf\x8566\xa626\x1b\xcf\xe0\x10\x05\xceG\xc7+@\xa5\xa0\xf3\xf2/\xac\'\xca\x91)p\t\x82\r\\m-\x1d\xaa\xd6\xab\xd4\x1f\xd4S\xdb^#V\x85\xfe\xfe\xbb\xfdt\xdbTC\\\xd4\x11R\xf3`0\x14\x9f=\xe1u\x1a\xadn8\xe53%\xb3zF4A\xa1Sp^\x12\xcd\xb6q\xe4\xf4\xcf\x9f\xda\xcb\xb3\xe2 \xd5$HQu3R\nmLM\xe1\x05y\x9ea\xf1\xc3\x90{\x13\nF\xc7\xb3\xe0\x9a@&gt;#\x15\xcf\xfa\xba/\x1b\x82Z\xc8=\xbf\xf6\xf2a\x1f6=(\x96\xc5b\x11E\x80\xfcB\x9f\x05\xbd\x9aj\t\xab\x81\xc4\xea\xaf\xa1\xb5\x13\x0e&gt;Z&lt;\xe4\x05-\xc3\xf3\x99-G\xe2\xa40\xc5p\x04\xa5\xa33\xf7r\x0c\xa3\xd3\t6[\xa8\x14\xd9\xdc\xca\xdb\xe3\x1e\x11M\x12pC"\x9b\xcdf\xb5ZE\xd7h0\xac\xd7\xeb%*Q4L\xe6\x1c*\x9eiz\x1d\xfa\x1b\x8dSF\xe3\xb0\x91?|\xf6\x10\xed]\x13\xb0\xc4\x86\nX]\xb4k\xedn"\xb8\xfe\xa6F\xf8G\xd66b\xebf\xe8{\xb9\xc6j4Z\xad\x90)\xe5\x13\xd3AT\xaa\x90W|%\x96\xb4R0\n\x00\xc3\x82\xa9)\x9b\xb7\x90\xdaBq\xf2\xcdJ6\xf00#X\x198\x858\x89T,\r\x05\x1d\x88L\xe2/\xb7\x83\xae\xddpX6:j\nF2\xc6\xcc\x94\x18\xb0\x99\x17\x8f\xfa\x88\xa8\xad\xad\xbe\x9e\xcc\xea\xbaJ\xad)\xb5\xcb(a\x8d-]\x8dmW\xa9\xe3\x1f\x1f\x7fP?\xf7Z\xa1\xc1\x18\xd6\x08\x91\xe0t{\xd8\x15\xcfW"GzN\x0c=\xc7\x9d\xdd\xb3,\x92g\x9c\xda\xd8\xf8\xdbQ\x01%L\x02\x95\xb4Z-\x85\xe9L*/\xcc\xa3\xbf\xc1\x11\xac-\xe4L\xe5\x83\xc9\xfd\xb0Z=6\xd6+%,\xcd\xc8\xf0\xf0\xf0\x08\xb0\x86\'\x1e\x7f\xfb\xa7\xa1b\xd1`\xc0^Q\x8c\xb7\xbc\x13\xf5\xab\x16\xcdVM\x03V\xf0\x96\xb37\x04\x0c\x86\xbe\xb9\xd7\x9c\x16\x87\t\x1a\x8d\xde\xbf|g@\xdd\x1b\xdeO\xc6\xb7\xfdNL,\x96E\xbe\xc4\x81\t\x00;\xad\xfao\xa0\xd2F\xc8)\xc1ot4I8\x05\'bqg\xbe3\x8c\x1e9\xb4\x9c,\xef\x87{\xd5j\xf5\xc0\x00\xb8da\xfb\x9efdD\x14\x0bp:\x18\xf9\xb0hx\xd0\x83\xe9\x88\xf9\xd8\xd5\xa1\xba\x82\xc2\x8aU\x11T\r\x8d=\xe3==\xe3\x83\xf7\r\xc5\x97k\x9c\xa0\xd5j4\x82 \xe8+I\x93L\xad\xee\x1d\x1b\xdb\xdd_^\xd9\x82\x99\xbc\xe8$\xc7\x91Y\xb8\xb3r\x1cj@fjC\x82\xf4\xe8\xa8\x18\x9c\x87\x9c\xd2\xa4\xd0\t\x99\x10V\x07\xfb\xf2n\xd8\xa4\xee\xc5\x90\xc9d\x03\x03\xbd\xbd\xc0\xe25\xf4\x12$\x19&lt;y\xf2zq\xaeh\xc0\xfe\x1a\xfdq\x8b\xbc\xf3w\x9f|v\xebz\xa7J\x8e\xed#\xf6\xdd\x80\xfa\xf2\xcb\xfb\x7f}v\xc8 U\x02a\xf1\xfajR)S\x8f\xc9\xa4\x03j\xb5\xd2d\x8e\x9f\xe6`\xa6\x15\r\x00R\x8c\xc0`\x95\xa3\x07,\xcf\xea%&lt;\td\xc5\xec#\xa5\x90/\x86G-\x81\xbf\xd1\xb49\xacV\xca\xa4\x18Pj\xa0w@*\xeb\xed\xc5&gt;\x83\xd71\xe0\x12\x153\x8e\xe8f\x1e/&gt;\xe8\xe9\xb9M\x9f\xef\xdf\xbc\xf8\xd9\xef\x7f\xf3\xab\x9f\xfc\xbc\xeeR3\xedn\xa1\xd5\xa7\x97Z\xff\xfc\xf5\x8cvdD\xc3\xf3bP\xbco\xcd\xa3\xedx\xc2\xd1\xd1\xf6;\x18\xe1]\xd7\xeaV\xe1Ho\xe3yr\x07\x83%\xe3\x14,\xc3Ih6(pB\x0c\x0b\xf7X^0\xdaJX\xd0\x83\xc9\xdd\xb0\xb2\x1d"\x01\x8a\x06\xc0\xa4x0\x96\x8c\xc6\xbch\x04\xa0\x97\x86\x9c\xd4\x08\x8a\x99\xd7\xaf\x9e\x8e\x8f\xdf\xbcx\xa1\xee\xe2\xad\xdf\xde\xb8q\xa3\xee\xc2%\x95\xf8\xd9ks\x9b\xe1\xe9\x8b\xc3I^\xf3\x7f\xaco\xfcA\xd3\xa8T\xda\xde\xde&gt;z\xa7]\xa9\x94)\x95\xea\xb0+\x98O!e\x02"n\x85(b\x9c8\xbdU\xc2S\xdcHf\x88\' \xe3\xb1\xad\xe8\xc7\xa49,S+E\xadd\x03g`\xe0\x12\xef\xf6\xed97N\x8e\xc8\x88\rC\xf7d\xed\xc5w\xf7\x06\xeb.\xd0\xa5\x9b\xd7\xae\xd0\xd72.\xdc\xfct\xfc\xfe\xd3\xc57\x87\x93\xa4,\x88x\xaa\x85\xeeJ\xd0|g\xb4]\xad\x04\x17$\x93!ej\xa52L)\xf3\xef\x95B\xb6s,\x96d\x93h\xc0\x85\x86%\x93\xc9ll\x94\x02\xd9\x95\xf4\xfe.\xccS\xd3\x80&lt;\xf4O\xe4\x1aC\xe4\xc7\xc8\xcc\xddd\xbep\xe4\xc5\xf1 \xa3\xf8\xd3\xed\xc4\xe1\x9b\xef\xee\xdd\x1c\xac\xab\xbb\xf0I\xdd/\xe8\x8a\x82\xc1{\xff\xf8\xe7\xdfgX\x00iu&lt;N\x1ar\xb1\xee\xadtX\t\x07\xc6\xd4j\xa9TM\\xv\x99\xac\x1d\x92\xed/\xd8-\xa4\x99M{Fe\xb5J\x04\xacLV-\xcd\xca\xc2\xd6\xca21\xa9\xdb\xa58\x9bs0\x99h\xa4T\n\xaa^\xd1\xca\xffV]\xc6\xacmCQ\x14v\xc1\x8b\xc6\xfe\x84.o\x08\x1a\x83\x877x\xf0\xa8\xb1\x08\xda\xa5Z\x1e\xc6\x1e\\D\xb1\xff@\x1f1B\xa2\x06\xe3\x1aa(\xa9cch\xc1\xa6\x0e2D\xc5\x1dRZ2\x18w\xa9\x1d\x1a\x87B\xf0\xd4B K\xb7\xd0\xa5\xe7\xde\'\x87\xe6fH \xf8\xe9{\xe7\x9e{\xae,\x9d\xed$\xfc\x8c\'\xban\xcd\x14\x9e\xed\xd5o^\xffy\xfe\xec\xe1\x030U\x9e\x1c\x9c_]\xf4!\x14\xaa\x80-o4\x88/\xa7#\xc1D\xb6\x83\xf6\xf1\xa1\xe0\x92$\x1d\xc8\x82d\x10\xbe\x1b"\xd7\t\nX\x90\x0e\x01\xbbF@M\xc8O\xe8\xb7\xa0\xb2XckW\x8e\xed`\x12)\xbc\xa4\xb4G\xd3\xf6\xc7\xd3}\xd</t>
        </is>
      </c>
      <c r="M285" s="3" t="n">
        <v>45492.67605324074</v>
      </c>
    </row>
    <row r="286">
      <c r="A286" t="n">
        <v>877470</v>
      </c>
      <c r="B286" t="n">
        <v>1962</v>
      </c>
      <c r="C286" t="inlineStr">
        <is>
          <t>Reynaldo</t>
        </is>
      </c>
      <c r="D286" t="inlineStr">
        <is>
          <t>Reynaldo</t>
        </is>
      </c>
      <c r="E286" t="inlineStr">
        <is>
          <t>ZAG</t>
        </is>
      </c>
      <c r="F286" t="inlineStr">
        <is>
          <t>ZAG</t>
        </is>
      </c>
      <c r="G286" t="inlineStr">
        <is>
          <t>ZAG</t>
        </is>
      </c>
      <c r="H286" t="n">
        <v>186</v>
      </c>
      <c r="I286" t="n">
        <v>40</v>
      </c>
      <c r="J286" s="2" t="n">
        <v>35432</v>
      </c>
      <c r="K286" t="inlineStr">
        <is>
          <t>Left</t>
        </is>
      </c>
      <c r="L28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5&lt;/Attrib:Created&gt;\n        &lt;Attrib:ExtId&gt;3477ac97-f0a0-49b8-8f0a-30ad82ed92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b3U\xe3\x00\x00\x00&gt;tEXtComment\x00xr:d:DAEewil2SDw:3229,j:6278419846953054749,t:230905141p\x9a\x06\x00\x00\x00\tpHYs\x00\x00\x0e\xc4\x00\x00\x0e\xc4\x01\x95+\x0e\x1b\x00\x00\x03\x00PLTE\xff\xff\xff\xcb\xca\xc6\xcd\xce\xc9\xc5\xc8\xc7\x1c\x1b\x1c\xcc\xcc\xc7\xfd\xfd\xfd\xff\xfe\xfe\xc4\xc6\xc4\x19\x18\x1a\xc7\xc6\xc1\xce\xcf\xcb\xd1\xcf\xc9"""\x15\x15\x17 \x1e\x1eh?2)$"\xce\xcc\xc8jD7\x88I2\xc4\xc4\xc0\xd2\xd1\xcc\xcf\xd1\xcc\xc2\xc4\xc3\xc8\xca\xc7\xba\xbf\xc0\\;0P93\x81C/\' \x1d\xbf\xc1\xc0b&lt;0pD6/(#4)$.# \xce\xd0\xc8\xc9\xcc\xcb\x84G1\xadqV\x84K6@.\'\xc2\xc1\xbcK4,H.%E1*:*$\x8bK1\xbd\x81f\xb3\xb9\xba\xb9|a\xb0sW\xc8\xca\xc4]@7\xaamQyI7\xd3\xd3\xcfQ6,W&lt;3|M:\x89M8\xc8\xc7\xc4nA3\xb5z_sG:}C0tA0nI;\xc0\x84hc@4V8.\x1cXCeE9@*#P0&amp;tE45$\x1f]6+\xa3jP\xbc\xc3\xc4\xbc~a\x9caEuL&lt;{&gt;-\xb7\xbd\xbd\x9deK\x17J86.,\x88T?\xb4vZ\x98X&lt;\x82Q&lt;\xa5gJt&lt;.\x8eS;\x95aI\xbf\xc7\xc7\xaew]\x93V&lt;\xaf\xb4\xb6W4)m=-\xc6\xc4\xbd{O?\x8eN4\x14R?\x9eiQ#_F\xa2cFzD4\x90[D$%(\xcc\xc7\xc0G82\xa8rW\xbd\xbd\xbb&gt;21\x1ddI\x15]F\xd3\xd0\xc6\x8aYD\xa4mU~I5+)(\xf9\xf9\xf9\x82K:\xf4\xf4\xf5\xc1\xc6\xc0\xce\xcc\xc3h=-\x94R6\x97]C\x9b\\?\xabd@j7-\xc2\xb6\xa3d6,WB;\x11\x11\x12\x82VD\xba\xb9\xb9\xc0\xcc\xcc#\x18\x15/`F\x97fO\xef\xef\xef M9\xbc\x90t,/4\xb1kJ\xe2\xe3\xe4\xc4\x87i\xa1^=[,!\x8d_J/\x1d\x19\x13cL\xcb\xd4\xd1q4.\xd6\xd0\xcc\xb3\xb1\xa2\xbawW\xb7pN&amp;S?\xa0\x9e\x919F3\xb7\x88m\xc8\xc1\xb3*J5\xcd\xce\xce\xa9\xae\xac\xc0\xb4\x95\x81D7IjQ\x81OC)fJ\xc2\xbb\xabKo^\xda\xde\xdf\xc8\xcf\xc6{97\x8d\x88}K%\x1e\x90\x9c\x99\xc2hh\xb4\xb7\xa9Tyk\x0eG7\xb7\xb8\xb3c5%\xbf\xbe\xb4\xd3\xd8\xd96YC\x9c\xb2\xab\xe7\xeb\xec_xb\xd0\xc8\xba\xa4\xa8\x9c"jM}yi\x97\x9b\x8d\xaf\xa3\x92&gt;\x1f\x18t\x8c~wTH:dJ\xc5\xd0\xd0\xb5\xc4\xbctp]dfV\xbb\xa9\x8f\x91\xaa\xa2g\x80uKG9\x86\x83u\xbb\xcb\xc6\xa8\xb8\xb08;@CFK}\x96\x8at\x86l\x8b?=`WO\x94ri\xb1\x81fxy~\x9e\xa3\xa6\x9f\x92\x7f8gUjln\xdb\xd6\xd2\xba[[LQU\x8aeYWZ_\xcc\x90m\xb6\xa4\x81VOG\xc4\x81]\xb4\xac\x9a\xac\xbf\xbb\x83\x86\x8e\x8b\x99\x86\x9f~t\x9cJI\xc4\xcb\xbb\x8f\x90\x8d\xabUR}^R\xce\xc1\xa9\xd4\x9bu\xae\xc8\xc6\xcaxt\x16=-L]\x83\x0b\x99\xf7t\x00\x00 \x00IDATx\xda\xcc\x98\xcbkbi\x1a\xc6\x0bRxV\x92#\xbah\xfa\x98\xb4&amp;\xa1\xbcp\xbc\xa4\x15u\xbc\xe0]\x89\x1a\xadhF\xbcDM\xeb(J\xd0\x88\xe2"jJPCH\x13\xa6I\x88\x93J\xa5\xe9^\nU4\xb5\xa8Eg\x15\n\xb2\x1b\x08\xb3\xd7E\x91\x04\x02U\x99\xd9\x84\x86bV3\xef{\xac\xff`rR\xf3\xe2\r\\\x9c\x1f\xcf\xf3|\xcf\xf7\x9d\xf3\xe4\xc9\xff&lt;\x04\x87C\xc0\x9b\xb3\xcd|\x11O\xfe\x1f\x06I:\x9dwS?|{\xf6\x9f\x9b\xa9_.\xb6\x91\xf1\xab3\x81T\x9d\x7f\xdc\xdf\x7f\x1cT\xabUnu0\xba\xbd\xf9\xe5\xb8\xc3y\xf25\xc1\x08\xd0\xa5\xf3\xfc\xe6z\\e\x98\xb8\\\x86l|w\xfd}\x87\xf8z^r\xb6;\xef\xfe|;\x1a\x00O\x9b\x19.\x97;\x8d\xef\xea\xe8v\xea\xf0kqq:\x7f\x05\xef\x00\xa4\xca\xe5M\xb0\xda&lt;\x1e\x8f;\xfd\xf4)\xa86\xba\x7f\xb6\xfd5"F\x10\x877\xe3*\xf7)wzv\x967\xf7e\x00\x8b7=\x8d\x8aq\xab\xe37\x1d\xe2\xb1\xc1`\xf5]|F\xf7\x00b\x9a\xc7`\xc1\xc7\xc2\x02\x8f7\xcb\xe5&gt;E.\x1ewt\xfdz\xfb\x91\x9d\xe4t\xbe\xbdC*\xee,\x0c\xf0\x00\xd1\xc2\xdc\xfc\xfc\xdc&lt;\x901\x9a\xa1\x9d\xed\xf1\xe7\xe3m\xe2Q\r&lt;\x1bq\xab\x98\xa5\xd99`Q\xa9Tr\xf9&lt;|\xcd\xc7\xe6\x00\x0b\xf9\x16P\xb9\xf6\xe0\xf6\xbb\xc3G3\x92\xe0\x1c_\x83T&lt;\x1e\x08\xb4&lt;\xaf\x9a_\x96+\x95\xb4\x12&gt;\xe0\xa5\xfaB\xa9Z^\x06\xb0v{t\xffhK\x92s\x01T\x00\xf5\xf3\xb2\xcf\'\x97#\x04\xad\xa4\xf1E\xd3\n\xa5\\%W\xca\xe5\n\x85\xc2\xa7\x02\xd1\xda\xed\xc1\xfd1\xf18\x0ev\xce\x06\xdc\xb6J\xe5\xa3\xfd\n\xbc\xbcO\xe5S*\x8c^\xca\xe3\xf1PF#\xadP\x18\x8d~\x7f0\x98\xf7+|\xcbh\xe4\xfdc\xf8H\x10\xdboF&lt;\x95\x92\xf6\x8aH2H\xe1\xc5\x95r\x05\x9d\xef\x8a\xcdfC\xa0P\xe8\x9ew\x0b\xddn\xb7\x00\xbfDy\x85\n\x8c\x1c\xbdy\x04\x1b\x89\xed\x9bQ\xbb!4Q\xa48\xe0tZ\xad\xa4\x08\x84\xc9\x8b\xba\x81\xf8\xfaf&amp;c\xc9X,\x02\x99L"\x11\x08$\xad\x8a\x95\xf2\xfb`\x85\x8e\xbfa\x9dkBe\xf2\x00T\xc5\xe1p\xcc\xc8d-\xf8r\xb4\xe2\x9b\x1b\xcd\x8dP4\x1a\xdeI\xc2\xf4J%\xb5Z0\xe3p\xee\xe5\xe5\x0b\x0b\xd5\xdbw,s\x11\xdbS\xe3\xb6\x92\x12\x91\x95VK&amp;\x13\x08\x04j\xb5\xbaT\xea\xe5\x92\xe5P3{\x95\xad\xd7\xf5e\x06\xac\x87X\x02\x89#\xbd\x1bT\xcc\xf1 ^\x1c\x96\xab\xe1\x0e\xb4\xa2\xc8@K"\x91\t,\x08\xd5\xeb\xf5\x92\xc9\x9dr={5\x1c^!Y(\x1c\x0e\xef \x97Z\x82\\\x94r\x9e78c\x17\xabs=h\x08ud\xa1"\x83\xb1\x94`z\xc9\x93\x9d\xe4\xceI\xaa~5&lt;\x1a\x0e\x91\x0c\xd0\xb4\xa9dI]RK\x04\x92\xd5\xf4\xae\xd77\xcb\x1d\xff\xc0\xa6\x8d\xc4\xcd &amp;4\x89\xac\xce\x8a,\x1e\x87xgr\xb9\xe4I\xf9\xe4\xe4\xa4\x1c\xca\x1e\xe1\x0c\x19\xb2l6\xc4\xc4\x0bl\x9cI\xa7EF\x15\xd8\xd8aO/\xce\xf1\xc7v\r\x8a\xc1\xe94\x98\xd7\xe2[\xf1\xccf\x7f\xe7\x04\xa7\x0cb\x1d\x1d\xfd\x0b\xb0\x90\xec\xea\xaa\x19\n\xe7z\xe0\xa2@-XM\x17D\xf4\xdc\xech\x8a5\xb9\x88\xce\rX\xe8\x15Y\r\x01\xc0\xda\xda\xda\\_\x87\x18\x9d\x84\xcb\xe5\x94\x14\x93\xf5\xcf\xa3/\x8a]e\x9b)&amp;\xf5\xa8\xd7\xaa\xd3J\xc9g\xb9\xd7\x87\xac\xe5\xfd\xfd\xc7XMH\x89\xc4\x06\x83y\x7f\xeb\xf4t}}=\x1a\x8d\xa6R)\xbd\xd4f\x03\xac\xa3/j\r\x87\xd9f9\xd9\xeba\xbc\xd4\x12\xc7\xaa\xb3K\xcf\xcf\x0e\xde\xb3\xa4\x16g\xfb\xac\nba\x8f\x02\xd6\xe9\xc1\xc1Atc#\x14\xd2\xeb\xa5\xda\xacM\xb3\x083\\\x04\xa4\xa3\xe1\x95-\xdb\x84\xb5\x88rA\xbe$3\x0e\x90\x8bW=c\xc7E\x82\xb8\x80d\x99(\xf0\x10,d\xb0\x0e\x90J*\xd5j\x13\x885\\\\\xbc\xba\xc2O[\x16J\x02\xb0z%\xc1\x84\xabb\xa5\x17\xb8w\x17\xecl\x8d\x9c7\x039XH\x06\xcc\xe6\xe2\xfe\xfe)p\xa1Xu\xad6\x9b`\xb0\xdc\x8b\x1a\x8d\xe6Jc\xb3e\xb5X\xaa\x80\xd5c\xe4\x82V\rx\xe8\xd8\xe8\x86\x15\xb9\x88\xce]\xb5\xa6\x03,;bmA\xb2\x00k\x03\xb0\xb2Z\xad\xd6\xa6Y\x01\x1356\x8d-k\xcbf\xa1\xeb\xa1\xeas WiR\x13\x15\xb1I\x19\xbbf\xa5\xea9\xcf\xc61\xa1N\xe7\xe1\xdb#\xe6\xe2\xda\xda\x16#W\x08\xe4\xca\x82\x8d\t\x8dfqeq\x05\xa0\xc0\xc1z3\x04X\x13(f\x13\x92U\x9c \xd7G6vF\x02&lt;l\x98t\xb0G\xdb#\x113\xd6\x16\xe8\x15\x05\xae&amp;\xa6+a\xb3\x81Xh C\xc5\xec\xd8\x13,\xe4\x928\x9c\xa4\xb01\xfe\x13\x1bX\x9d\xfbA\xcd\xe4\xe1\xf3\xc5\x113`!\xd7&amp;\x16Dh\xb2\x16\x13\x8c\x8d\x9a\x89X\x1b\xd1p?\x97\xcb\xf52\xa5\x92\x05+\x15\xb0\nT\xadq\xc3\xc2\xfd\x06n\xd2\x88\x05b\x15\x8b\x0c\xd6\x84\x0b}D\xac\x04\x86k\x05\xb0\xa4\xf5\x10\xa8\xd5O\xe620\x13\xb1$3\x80E\xc7\xd8\xd8\x80\xb6\xdfA\x97\x9a\xf8|\x97\x0b\xb0\x10\x0c\xe4\x02\xae(\xd3\\u)\xb3\x16WV\xc0\xc7,\x82E\xfb \x17`Y\x98\xa2\x87\x93\x84\x93\x126n/XH&lt;bA\xe0\xf9\x13,\x08=\xa8\xb5\tT\xcd\xbaTZ\xaf\xa3\x89\xa8\x17\xb3\x1e\xb3\xf5\x8dp\x9f\x01\xb3\xa0V\xa0\xd6\x8cSd\x94\x8f\x1e\xbe\xe8\t\xe2\xfdx\x82\x85\\\xfb\xfb\xb0%2\x1e\x86\xea\xd0\xf1Y\x8c\x96f\xc5\xedvC{\xb9\xdd\x1a\x9bV\x0fr\x01W\xa64\x81\x02\x17\xbb\xdeZ\xec\xd9\xc3cq\xbe\x19\x81\x89K\x13,\xe8-\xa4:\xd8hb\xc5C\x8bj\xd0?Dz\t3\xd4$\xa4\x18\xaf~\x1fz^\x02L0\x8e\x02%d\x01\x8b\xc3y&gt;\x8a\xd1\x80E\xf2\xf9\x11lS\x18\xa8-\xc0\x9a4)\x08\xc5\xc8\x85X\xeeE[B\x1fJ\x85Q-5B\xad\xae\x02VP\xd8`C\xad\xa9\xd1\xbc\xdc\xeb\xf1\x90\xd0\x10(\x16\xe3 P\xc1\nt\xbb\x19\xfb\xf0\xc7K\x04s/\xaehl\t\xd8\x81\x92\xb9\x12\xc8\xe5X]]u\xc0]\x90\xb0\xf1\xdd\x83\x17\x17\xc1y=\x8e)Mp\x8bJ\x02\x16t)JUG\x03\x91\x06^\xb0\x12\x01\x8a\x11\xcb\xbd\x02\xe9\xd7h\x12\xfa0,F\x19\xacB\x1c4\xf1\xe1\x8b\x8b ^\x8f\x1bJ!\xe5Y\x9a\xa8\xb5~\xd0\xacg\xe1&lt;\x03\xb2h\x18\x95\x16q\xb3vO\x980l6\xc0\x02\xb92\xa0V\x05\xa9\xba\x80\xf5\xb9C\xb0\xb0\x12\x1b\xb4\xd7DA\xa1b\xb4\x80\xaa\x8e\xbbr6\xcb\x9c\xb5\xc0\xc5!n\x8a\x88\xa9\xad3\xb3\x11\x8d\x9e\xc6\xe3P]\xa0\x96\x95\xec\x8a\x00\xeb\xbe\xf3\xf0\xe1z\xf7\x11\xb0(J\xc4\xb7\xa3X\x1bx\xe5\xe6\x06\x9e!\xa0\xb8\x18\xd9l\x89\x84V+\xd5G7\xe3kf(\xb6\x88+\xe2\xe2\xf3\x03k\x19\x19P\x91"\xc0j\xb0\x80\x05u\x8a\xb7\xf8\x14\xe5\x89\xbc\xdd\x87\x86\xd8\xbf\xc4\xab\xf2]\xc5\xad\xf5(\x9c\x9aa\xf4z}*U\xee\xb7\xbaA\xbfBA\xcb\x95&gt;\xa5\x91V\xf8\x83\xceV\xc5i-tE^a\xec\x9a\r\xac;81\x1b\xe1\xcc\x1c\xd9/z\xbcFZ)\x97+\xe5&gt;\x85\xbf\xbb\x96\xeb\x97\xe1@_\x86\t\'sq\xe7y\xde\xef\xf3\xa9\x96}&gt;\xf83\x9f\x0f\x9e\x9f\x17\xd0E4\x91%\xac\x9a\xd1\xeb\xf5z\x8a\x11\x8a\xa6kJ\xe6I\x96\x82\xce\x8b\x02\x96L?&lt;\x99\x9d\\FV\xb1\xee\xe5\xf3\xfe|\x90\x14\x8b\xc5\xceJ\xabe\xe8\x06E\xf8\x04\xc5\xc4\x0e\xd6\xf1m\xa3&amp;4\x1a\xbdK.\x93BI\x1b\x8d&amp;\xaf\x1f\x06/\xdf\x92er\xc9\x9d/\x8f\x1ef\xd2\xbb{{\xa4\x15\x96\xeb\xdb\xb7kk/d\xb2\x17k\xe2\xaeU\xcc\xf7\x00\xd6\xd9\xc3\x9fl8\x9d\xcf\x80%\x14\x9at^\xa3Q\xb7\xe4\x8aD\x8a\x11\xb1\x95\xdc\x0b\xeeu\xe1\xd6\xdf\x92\x81\x1bl8a\xa9gV\x7fE,\x92\xb4Z\r\xce\xb4\xb3\xf2\x9bLby\x11\x00\xe1\x96L\xb5\xd8\xf7\x0f\x7f\xb0!8\x7f\x19!\x96\xd0H\xc1\xae\x085\xbf\xff\xb6h\xb0#\xd8\xf9\xf9n\xda!\xb3\xe4\xf0\x81\x08\x88\xf5\xebn0\x1f\xd4-]~\xfatj\x0f\xbe:\xaf\xfc\x06&gt;\x06\xecb\x8f\x89nL\x11\x0f\xff\xa4\x9e\xf3|\x8cX\xb4\x91o7\xac\xed\xbf\x15w\x03\xf6b\x84\x0c\x82Z\x10j\x87,\x17\xd6KS\xc9\x92d5}\x9e\xf7\xe8h\xa5\xd2H\xb9\x8aE\xfe\xabW\xe9J\xc5l\x08\x88I8\x07\xde\x1c\x1ev\x1ez\xff!0\xf3 \x96\xc7e7\x18\xba\xafD\xff\xfe\xf4\xe9\xd2\xb5\xb4\xe4\t\x9ew\x0b\xceV&lt;\xaa\xb7\xadh\xcb=\x81#\xbdKRK\xc2\xc6\xdd\xed\xdcO\xbe\xbc\x8b\xef?OW@.+\xdf#\x94\x7f\xf8cxtA&lt;t\xe6\x01\xcbd\xd2\xb9\xecvq\xfew\xea2\xe2Q(k?\xd3\x14\xd9\xddu\x1a\xe2\xfd\xa8v\xe5\xe5J*)p\xbc0\xec]\xfe\xf1A\xd5\xa8\xcd\xcf}\xf8QA\x05\xf7\n\x95\xd6\x0b\x83\x98\xbf$T\xb8\x0e\xd6\xcd\x7f\xe7&lt;l\xc0\x08\x06K\xe7r\xd9\xc5{\xbf\x1bu\xc2\xe5\x9fb\xb7\xb7\xbc\x1f/Iq\xd1\xb0\xb6\xd9Oi5/_\xfe\xed\xbf\xb4\x9b\xefkZi\x16\xc7\x076(}\x114\xd8w\xd7\x8aF\xa1\xc6\xbd^\xbb[Q\xb9*\xd6\xc6zI\xae?P\x83h\xe2M\xa4\x19\x83%\xa8\x19C`4\x8d\x03\xa9\x9a&amp;\xb8H\n1\xd5\x08i\x94\xc0\xb0\x8bH\x19\x92\xb4oB\xd9a\x87\x12\xf1\xc5Pf\n;`\x9cn\x99\xa6ih\xc3\x92@\xb2\xa5\xb0\xe71\xd3\xf9\x0b\xf4\x89\x10H\xee\x8b\x0f\xdf\xe7&lt;\xe7\x9c\xefs\x8f\xf9kW\xbd\xe1L\xf3\xe4p0\x9b-\xbe\xdf\xfeQ.\x0f,\x1a\xfag\xfbt\x10\\$\xee\x8a\xf4\x15L\xab\xed\xdcF6\x8b\xfd\xdd&gt;\xa4y\x95\xc9e\xe4\x06\xe4$\x11\xfd\x19\xbd\xa9\xb0\x9e\xbf&gt;\xa9\x1b\xc0\x9b9\x19e\xe9\xd6Q)\x7f\xef\x9a\xde\x0b\x96\xbby\x1e\x95-=o\xd6\x17\x0bta\xbe\x1f\xb2\x84Fd\xc60\x9f~}\x87\xbe\xdf\xc6\xa8g\xcf=x\xb4\x1d\x8d.\xa1\xcc`\xe1\x06\xc8A\xeb\xfb\xe7\xef\x05\xd9\xe2R\xb3yX\x85\xfa\xe3w:\xa5%\xc7\xd1\x87t~\xe4\x8e\xd7\xe7\xcd\xac\x1d\x1e\x9eg\x82\xe1p\xd8`@\x81\xe7\xf5i \xe6\xb9\xbe\xc4h\xa1p\xd2\xbe\xe4\xc5\x9e\xfbs\xf3\\+\x8b.i!9\x18\rfyM&gt;\xf0\xfc\xf9\xfe\xd2&gt;@%tP\xb9\x9d\xce\x90\x1a\xb0`\x17\xd3\xa91\xa8\xd4\x1a\x8bEcAm\xd6,\xf8\x90H\x0c\xb0,&lt;!\xcf\xd7\x17^(4\xdb\x97\xeaY\xab\xfb\x14\xcf\xc4\xc7\xf9\xa0\x96\xd1d\x16B\tr\xd5\xcf\x0f\xcfA\x91\xaaF\xa3\x8b\xb9\xdd\xa1\x90\xda\x01j\x95\xd3\xf9\x10\xe3\xf7j\x0c\x13\x17\xab\xdf\xeb\x87\xae&gt;2\xe6\xd5Y\xb8fC\xe2\xea\xcd\xd1\xc2a\x1b\xb1\x1e\xe15l@\xdb\xc2r\xf1\xcc\xa6\xba\x89g\x04\xd5D\x06\x91\xc8h\xd4\xc5&amp;\xd5\xf6\x10\xa3t\xdc:\xfa\x90K\xe7\xd3\xb9\xe1\xb8\xdfg\x99@/2nF\x9c\xe0"\x99$\xf4:\x1a\xe8n,C\xfa\xc4n\xfb\xb0\xd8\xacGT\r3\xa9ZXAWpm-h1\x9a\x8c&lt;\xae\x99k\xd4d"\x93q5\x13b\x86\x1d\x0f\x91Z\xc0Ur\x00X\x0c\x8cd\xc4\x8d\xfc\xb6\xd2\x8e\xe4\x9a5\x08m\xbbCzo\x7f;\xb1\xde\x0c\xd0\xa6\xcfX\xc1\xcc\xdaZ\x0cbx~^8/\xca@\x9f*U3N\xa4\xd6\xc3\x8f\x08+\x9d\xce9n9nO\xc7\xed\xa8\x7f\x85\x05^\x03zz\x9fH\x88\x15\n\xbbC\xb3\xed\x8c\xad7\x03\xb6L]Ej\xd1&amp;\x02\x95\x1fq\xa1\x0bT\xffd\xfc\xf60\xc2r2\xa5\x0fG\x9f\xb1J\x8e[\x7fi\xb9~\xe5\x8d\x1b\xc8j\x84\xa0\xe1\x01,a\x7f\xa1\xb0\xae\x7f=\xd7N\xb5x\x99\xfaEl\xa1t\xb0|\xb1&amp;\'\xc1g\x80\xf3bB\xa9|\xe8\x02+\x87\xb0\xca\x8e\x96E\x83&gt;\x1a\x9c\x86\xa3\x94K\x03\x96\xdeb\x16&amp;n\xae\x0f\x8d\xed\xb5\x11\xeb+L\xa43R\x17X\x11t\x0b\xd8Z\xd3\xd3Rp\x14R\x06\xba\xd2T\xba\xf4\x01\xc5V+\xe6\x11\x162f\xe8\x0e\xc7\x81\xb0\xf2#\xa0\x16\x86y\xc7\x86.\xfb_\xb4\x13\xcb$Z\x08\x0c\x12|\x15\xcf\xe5\x03,\xf0\x16\xf1x\xcb\xfb\\\x07\xb1\xd0mV*]\xfe\xacV&gt;].9\x90i\x04.0C\xa5\xf2\x05\x16OK%\xee\\\x19q\xbf`\xb51\xb6\xce\r\x85\x9d?\xb0\xe2\xd3\x00\x05`Rdx\x94qw\x12z\xd3t\xe9\xe1\xc7\x8fG\xe5r\x0e B\xca\xd2\xf5\x96\xefw \xb1\xcaL:?&gt;\xa63\xf3\xc9\xd1;WR\xcb\xed\xc3b\xb3V\x0f\'\n;r\xc02\xb9|k\xcb\xd3\xe8\xca\x0f\xd4\x82\x83\x86nA\xfc\xc9$\x9c\xc4[G\x80U*\xc3\xca\x85\x18\xf5\xf0\xc5\x1d\xef\xf5\xdf\xc5\x1a\xd7\x03\x16=:r\xcf&gt;y\xbf\x8dj}\xf3ZT\xd8\xa1\x88(`e"\xee8\x98\xd6itc\n^\x7f8\xee\x06G\x16b@\xad#\x14[\xb92\xc8\xc30j8\x84\xe0\xf8\x87\x81*\xc7\xa4F\xc6\xfa,B\x92\x1e\x1a\t\xd9\xdd\xffjc\xa5f\xdd\xaf\xb7\xb0\xb4&amp;\x17$I\xfbt\xcbN+\x81kX\nT\xe0\x10\x9d)&amp;WV\xa2\xda\x93\xcb\x81Zv\xc6\x8e\xb2\x038Z\x10\x0b\xf2\x83^\xc3\xa5p\xd2\xc7\x84\xf4\xcbo\xda\xa7\x16\x9b\xfd\xe8pq\'@\xcch\x07\\&gt;\xaf\xdf\r\xfb\x07\x06Z\x89\xb8\xc0E;\xedv?\xfc\x95\t\xe5\x9d\xe3\xe1\xdd\x89\xbe\xf1\xf1\x94Z\rE\x12=\xa0\xcc1\xf9\xd4\x88^\'\x12R\x04\xe5\xb6\'\xfb~m\xe7\\\x04\xfbA\x93\xb7\x13\xe0{\xf8\x90 |\x11H\xa2\xc8F#,\xa5\xd4\x0e=\x82\xa5V\xa3E\x19/T\xbcZ\xad\xb6\xb30tO9\xcc\xa4R\x00&amp;U\xb7\x8ea\x9f\x85\x8bi\t\x9b{\xd2\xbd\xfc\xbf\xf6\x9a\x8c\xcd:\xd76(\x8e\xaa@\xaeX\x04]A\xa8\xd1\xbd7\xc8e\xf7\xcdN\xec\x00M\x8d\xb6\xd9\xc0PTFw\x0bC\xf6\x1b%\xe8\xebGR\x0c\xd8\xff|k\x0b\xc1\xbd\x12\x98\x9dq\xbfh\xebP\x04\x9b\xfd\x15\xd4hR&lt;\x03ri\x80\xcb\xdd\xba\x8do\xbd\x85\x92\xea\'\n\x85E\xa3\xc8F\x17\n\x0ba\xef\xd8\xe5+WR%X\xe5{\x97\xef\x8c\x84B!\x10+\x01\xf5\x90\x8f\xcb0\xf7\xf4\xfd\xf6\xbe`a\xb3W\xeb\xa6\xa0Y\xe1\x01\xb9D\x16h\xdd\xdd\x8c]-U\xa3\xb38\xecNX&amp;\xc2\x89p8\xe1\x05\x13\x0bb\xf5\xcf&amp;\xcb\xe5\xd2pI}y\xe8Z*\x04\xb9\x01\x9a\x07-\xc5\xc7\x15K\'_\xb7\xdb\x8e\xb1\xe6\xf6\xeaA\x13!F/\xd0E:o\xc4\xe9\x06\xb9@08\x8a\x90\xc1\x96\xbd"\xae!1\x1e\x19\x9b\xdd\xa5\x03t@\x93\x84\x0c\x01\xb6\xf1\xea\x90&gt;\x99\xd4[&amp;\x84\x18\x05{\xe8y\xb5\xda\x81K\xca7M(\xd6b0?f\x91\xce\x87\xb8Z\xef]\xe1(N\xfa3\xc2\x80\\N\xcfW\xf4}\xfd\xf363)\xa70\xaeE\x07\x92\xfaG\x87\xc6\xc6f\x11\x15\xd8\xde\x99\x9f;2&lt;2\xf7u\x13\xb0&lt;Q(@\x16\x8d\xef\xe2\x92\xc6=\r\'1\xe2\xa2\xad\xd6Az\xbe\x7fV\x0f\x1da\xcch\xa3)\x92\xc0)\xca\xa0\xf3\xfaF\xaf\xea\x01\x8b"q\x9c\x98y\xfb\xac\x13XP\x816\x9e\xcfx\x90\\\\\x03\xd2"\x99\xf4\xbb\'\'\xdd1.-\x97\r\x06DUol9~;\x1eK\x8c.\xf0T8.S\x0cb\x86`\x7f?((D\x97a\x9e\xce\xbc\xb8k\xcd\x03&gt;x\xf2o0\xfcZ\xf4\x16\xdd\x0b\x8efm-\x93qa4\x89\x93@U\xad\xa2\xcbzp9\x89JxaQ5X,Zq^p\xa2Oo\xb1\x81V\x9e\xbbw\xdf}\xdf\x99Q\x086\x9b\xfd\xfd;O\x14\x1c?6oH ;\x981a\xa4\\\xae\x82\x96&gt;\x08X\x95D\xb5Ri4*\x95\xad\xd1\x85E\xb2\x98\xcdJH\x1e&lt;\xa7\xa1\x08\xc2\xe3\xf1\xac\xfc\xb7cs\x82l\xf6\x93\x15t\xf9F\ta\x1b}U\x17\x98!\x85\x0c\x13\x1a\x8cU\xa3\xd1\xb8\xf5\xc7Z_\x077m\x05.\x05\xc9\xd5x]\x94\xa2\xb7W\xecYy\xd2\xb1\x01\r\x16\xeb\x9f+\x9e\x19\x02\')\xae\xce\x17\x04\xcfA\x88\xad\x04\xb6\xc8]X_\x07\x96\xcfL\xeb\x85\x82\xbcV,"\xb9d$\xd78\x80\xa31\xc6\xbb+\xff\xe9\xdc\xdc\x08\xfb\xaf+S\x10\xf5$)\xd4\xe9x|B\xd6+\xb0\xe2t\x00\x8a\xce\xe2\x82\xb1Z=&lt;iB\xb4\xd5\xebu\x15_\x96\xcd\x16\x8b\x92^\x05!\xc4H\x05\x9a\x01\xed\xfd\xe5\xef\x1d\xc4\xfa\xee\xedT\x8f\'\x8aSf\xa3Q%\x13\x8b\x05\x02+d,Z\xbb\x7f\xde\xdc\xdc\xdb\xdb{\xfc\xed\xf1\xde\xde\xe6\xe6\xe6\xcb\x1f\x97\x06\x8bh\x98R,\xd3\xf2e\xf0T\xef\xdd\x9ew\x1d\x1cAe=\xf8i\xaa\xbbG\xac \xb4\x03\xaa\xa8\xb8G \x80\xbd\xaa\xe1\xfb/7\xf7\x8e7\x1e\x7f\x0b\x9f\xc7\x1b\x1b{\xdb\xaf\xcf\xebB\x9a\x92[\xadV\xb1\x0c\'\x14\x12\x81\xa0\xa7g\xeaU\x07\xb1\xd8s_N\x01W\xaf\x98\xe0Ggz\x05\x82l1[\xac\xa9\xb6\x7f\xf8a\xe3xcc\xe3\xf8\xf8xo\xbb\xd9l\x9c\x9e6\xd6\r&lt;R!\x16\xcb\x08\x99\x02M\xee\nz\xa6\xfe\xd6\xc9\t.\x16\xec"\x1a\x84\x85*\xe4\x81\xcd\x91H\xac;\xeb\x8d\xd8a\xf3\xe4\xe45Z\'\'\xcd\xf8\x01\xac\xd3j\x95G)@\xd5\xa8L\x0cb\t8\x9c\xa9g_tr\xb1\x9e\xac\xa09\xea\x1e\xb1\xa7\xd7\xd3\x0bT2z\xeb\x14\xd49M.\x03\xda\xaf\xb7\x9f&gt;\xfd\xf4\xe9\xe9\xc1\xa9~-\xc8S\xc9z\x81Kf\x15d\x11\xd6Jg\xb1\xbex\xf6\x0b\x9a;\xefnMTCH\xe3*^uR\xfa\xf4\xe0\xe9\xc5\xfa\x04\xeb\xe0\xacQ\r\x8a\xb8\x18!\x81\xff\x8b\xad\x12D\xc5y\xbb\xdaQ*\xf67\xbf\xdd\x9d\xe2\x00\x16,8\x87\x83\xf4@=X9ET\x9f\xe0\xa7\xf5\xeb\xacQI\xe8\x0cf\x84e\x85\xc0B{\xd8\xc5\xe9\xd8X\xd9\xe7\xca\xf8\x8f\xd6Dz7\xa2\xcaZ\x15\xb8\xd9\xe42VN\xcfZr\xa1\xb0\x02\xad\xb6*\x16\x11WH\xc9\xac\x12\xc9\xefT]\x82\x97\x9d\xc6\xfa\xd3\n\xa7\xf5\x9d\x0b\xf4=\x02\x88-\xad\xd9d\xdc\xaa4\xce\x0e\x0e\x10\xd6\xd9\xd9ic\x0bj"W\xc4\xc3p+d\x06\x89 \xdb\xd5u\x89#\xe94\x16\x94k\xf4\x95\x02\x84\xd6\xc5\xe9\x11\x88\t\x12\x13r\xb7\x1a\x8d\xd33X\x10\xfc\x8d\xad\xf5E\x9bM\xc8\x13\xd2\x90G9\x82\x1eA\x17,\x81g\xbb\xb3X\xe0\xb0\x7f\xe3twuq`g.uus$2\x9c$\x03\xb6\x05\xa8\x86\x8d\xc6\x05\x13Mc\x81\x00\x86\xa3\xd2\x04\xf4=\xf0\x98@\x12}\xd9q\xacW\xdd\x9cK\x97\xba\xd0\x87\xd3\xcd\xf9?-g\x1b\xd2\xf6\xb9\x86q\xd4\xa8I:\x93\xcc4k\x9aD\x13\xdf*&amp;\xd1\x80\x90\x90\xfaJ\xea\x88\xd3U\t\xd4\x10?\x1c\x04A\x1b\x16D\x88\xa4\xe9@\xadq_\xb4\tj\xa8\x0c\xa14\xb6\x05\x11m\x8d\xf8\xd23Kuk\x8do\xb4\x15\xedj\xecQ\x8e2\xd89\x0e\xf6\xc1R)\xf4@\x91r\xae\xfb\x89\xf5\xec\x9c\x8ds\xb6\x9d\xe51\x8dA\x84\xfe\xbc\xee\xeb\xb9\xee\xe7o\xfe\xb7\xa9\xea&lt;\xad6\xb7\x92\xde\xd4\x9c\xc9\x9d\x99\x99\xa9|\xfa4\xb7\x11\xe7QE\x9e\xae6\x13\xe8\xf8\x11\x04\x9c\xd4J\xc5W\xd1.b\xc7\xf7m`\x8a\x80\xc1\xf8Hr`\xa1\x01\xde\xc8D\'\xc2\xf19W+\x97\xe7\xaa)\xddS\xf1]\xa84\x87\x93\xa9-\x8c:\xd6\xc0\xf3Z!\xc3\x12\x08xp\x172\xb32O]Y\xa9\xd3e\xa0\tB4\xf4n\xaa \xa8\x84\x0c\x8b\xc7\xc1\xb9+\xfaXw^^"_\t\x04&gt;\x01\x94\x10\xa6f\xeat8\x15\xab\xd9\xbb\xd3j-\r\x1c|Z\xaefTB!\xc0\x81u\x03\xd7BQ\xdf\x891/[\xd2\t\x0bzq\x928H\xd5t\x9d\x9a\xbdsM\x97\x15yZ\xbc\xd4* \x1dQ\tIPN_UA\xb5\xfc\xdb\x85\xa8cy/\xa1&lt;\x02\x1e\xc4\x12\xf2\xe0\xae\xf4\x0c\xb5Z]\x9b\xa7U(\xf0Y\xdd\x92\xc7\xa6k2(\xdaY\x9dy}\x95\x8d*\xf9w\xd1m&gt;\t\x89\xb7\xbe\xf3*2"\xa6\xa7\x94\xa0c\x0eV\x95\x8e\x98\xaah\x9a&amp;\x9d\xa6\x90\xa8\x86\x1c\xf6]\xbc\x1b\xb9\xd5*\xf9\x0bnT\'\x0c\xc8\xf2^&amp;\x17qQ\xdcC.\xf4\xec\x8c\x8cZ\x9a\xa0\xc9\xac\xc5Sz:\x0eX\x14\x0e\x84%\xe8\xd3\x95W\xab\x0c\x8a(O&gt;$^\xfb\xde\xebmI\x85\x93\x11HI\xa4VRR\x1b\xd0jk\xdb\x00\x84\x03\x0f]P|\x98$\xa4-\x08,\xa1\xb0J+W\xa9T\xde\xda\x1f\xa2:\x88\x94\xd0\xf1\x95\x17Udj\xc1[B\x1a\x96\xc4j\xc3\x05j-D\x8a\x8c\x90\xd1\xcc[\xc4Z\xa9\x19Z\xf9U\x95\xca\\\x98\xce\xf9[G4\'\x0c:\xfe\xe1\xf5\x16\xaa#\xd1\xc5\x11Ff8\x19\\[\x1b`\xe8\xe5Q\xcb$\xac\xbe\x8c\xdc\xea\xab]"\x95\xc8\xa0\xf3})K\x88\xdeh`\x02\xb0\x0c\x06EU*\xf33;KP\xbdp,nc\xdd\x9b\xc3\xaaG\xc3\x80\x94"\xa9\xea\xc6\xab]\x17E"\x91A\xcd\xe1\xfdx\xd0\x9e\x18%\xb0\xc4\x84\x81\x1f\xbc\xc4u)\x9d\x1cM\x18P\x85B\x93CPL#\xf6ez\xf0R+\x1b\xab\x19\x96\xd9\x90\xd7\xe7K\xda;\\Xh\x8f\xd2/H\xee\xbe$,CaK:S\x89p(\x9d|\x02&amp;\x92\x90"M@\x87\x19\xda\x84U\x05W\xbb\xba.^,\x15\x8b\xcc\xe5U&gt;\xde\xd0N\xe8\xf5\x9b\x81\xf6(\xfc\x8a$\xe1\xcc\x8f/@e\xae`\\\x11]X\xe4\x13\x16\x01\xf1\x04&gt;\x1f\x8f\xce&lt;&lt;^_fn5\xa0\xeaJKKEfyA\x9f\xa0\x7fj{qm\xf7\xcd\x02]2\xfe\xa1\xb7\x1d,\x84\xfeZ\xeb\xad\xa8\xa8\xa0\xf1:E^\x06v"\x1a\x0c\x02\x1f\x1d\xd2\'\xa0W\xa8!\xb0\xd0\x018\xd0\nv\xbfYWG\xb7o\x89\xcdr\xf9Sa\xff|h\xc7\xed\xde}\xf3h\xa0\xa3\xfd\x8f\x99\xbdfc\xef\t\x0b\xe1y_&amp;a\x89\xc1e6(t4\x19L\x99\xe9;\xa6\xc2k\xd6\xc59\xa9:mc\x17\xa8\xea\xca\xce\xa7\x95\x8a\xc5rUn\xdb\'C\xe1\xf0\xc4\xca\xf8\xb2\xbe\xfe\xcc\xa3\x85\x8e\xff\xb3\x98\x89\xec&gt;\x88\x85\xe9\xc1\x81\xe9\xc3\xd9wGXX\x15\x15\x8c+\x89\x13\xa1\xe2\t"e$&gt;\x9f\x00\xc7\xd6\x82\xea\xae\xba\x9a\x1a\xc2:\x9f\x96&amp;V\xa9\nF\x1dC\xf7C{+\xfe\xd7\x9d\x1e\x8f\xb4\xfe\x0e\xc8~\xbf\xfd\xb1\xa3\x13\x16\x1e\r\xf66l\xee\xcdn\x87\xf7\xde\xf9\xd2\xbd\x11*\x02\xc3\x86\xcc\xc0\xf1\x93U\x90\xf2Bp\xb4|\x02Fu\xb3\x86VY\x19\xf4\x02\xd6\x8b!G\xff\xfd\xd0\xd4\xca\xda_\xde\xf0=\x1e\xa5G\t\xcd\x06\xae\xb5\xff.\x9b%&amp;\xb4/&lt;\xea\xb5\x1cl\xef\xfa?\xd9\x0b\xed\x0c\xd9x\x19\xff\xc2\x12\x93\xf1k?d-\x99\x1d\xad\x98dx\xee\x8bPA\xac?\xd74c\x01\xab\xbcp\xd8a\x1bZ\x86Z\x13\xbbo\xf4\x12._b\xb7{$R\x90\xfdf\xcd\x12Q\xbd\x85G\xf5\x16\x99\xd5z\x7f\xbc\xc91u\xb0:dK\x02\x16\x80\xd2\xd8\x83\x15\xb2\xa5\x16\xe7P\x16\n\x94\xfb&lt;\\\xdbg\xea\xdeS\xd1\xf0b\x04\xab\xa0e\xc8a\x9b\xdf\x0e\xaf\xad\xac\x00\x8b\xcf\x05\x95\xdd\xae\xd1\xd8=\xf5w\xe8o\x0f\xfc\x06\xc9P\xbekPJ\x96\x9f\x9fo]\xf5\x07\x1c\xb3\x87\x9bC\x8ew\xd8\x89b\xba/\x89|,\xae0\x1b\xd0!\xf3t\x99}}Ba_\x1f\x90n\xe0\x88\x93\xab-gT\xe7h\xb4\xf2\\\x90\xb0\xccy\xc3\xa8\xe1\xe2\xb3\xd7~7\xa9\xc5\xc7\xb2\xdb\xf1\x80b\x1e\xe9\x99ij\xe3\x89\xbf\x12\xaa\x9d\xa0\xacV\xa2:\xd8&lt;\xc6j\xf3V\x80\xca\xf4\xf1\xc7i02v$\x92U\xa1\xcd\xab\xd4e\xe8\xaan\xdcx\xfat\x06\x87\xe6\x82r\x95\x88\xec\x1e&lt;\x17Q\xeb|i\xa9\xfc\xd2\xa8\xc31\xba\xda\xbb\xda\xb4\xe2?\xc2\x8a\xa0I\xa8\x9a\xd2;\xd3\x14\xff\xbf\x06\x8cyJ&amp;#\xaa\x86\x86m\x86\xb5\xb5\x8aB|\t,\xa22\x91bh+fC!\xb8\xd8!\x1e\x17d3\xec\xf6J4\x9c:V@\x1a@%\xb1D\x05\xc3C6\xdb\xfc\xf2\xb3\xd9&amp;\xda\x89?\xc5\xa2jbg\xea\x07\x11f\x89\xff\xcbT\t\x1d\xd3\xe4)P5@,k\xfe\xeaZ\xe0\xf2\xd4\xc1\x8e\x1f?\xb2\x02X\x17.\\0\x99LPKd\x8ep\xd1\x1d\xb9X\xd7\x1b\x1b\xaf_gTu5)\xec\xfe}`\x19M\xa5\x85D5\xba\xe8\t\xaf\xb9\'\xd6\x96\xb3\x8e\xb1hI$\xf4O"\xe5\x9ef\x91\xf1_\x9ayb\xfb@/\x84\xb2\xcadP*\xdf*\xb3Xv\xf6\xdc\x81\xbdPx\xca\xe1\xe8\x1f6\x88M\x17\x8c\xa6\xf3&amp;\x8a#\x92K%\x97\xcb\xcb\x0b\xa0R#t\xba\xfa\xcd7\xc7T\xc1\x94`0\xbb\xb5\xd5h2\xb7\x8c\xf6\x93X\xeb\xab~\xb7{\xfc\xc1==\xbf\x84\x11\xe1\xb9\xc4\xe9t28\x8fD\xa9\xf4\xacO_\x83d\xbfL\x86\xed7\xb8uL\xd5\xf0\xf5\xd7=\x0f]\xe1\xf1\xa6\x80;L\xe6r\x8c\xb6\x00\xeb\x82\xd1\x88\x94D\xb3\x13\x99\xbf\xc0\xe1\x93\xc0"T\xe8\xcd]\x88\xf6\x9a\x9a\x14\x9a\xc2\x08\x06\x83\xc6\xd6f1\xa3\xea\xdf\xf5\x1cL\xb9\x03M\xccZ\x04\x14\x13\x03\xa0\x92#\xe5$(\xa7G#\xb3\xc4\x9dE\x96\xb5\xb7\xff\xd2\x89j\x9aL\xd5\xd3\xc3\xa4\xcaw\xc1\x94\x1a\xd7\xf2TS 0\xbb\x15\x9e\xb7A\xaeB\xb1\x89\xa8\xe0\xe4c.B\xab&amp;SQo.+\x83V\xd9\xc1\xec#o\xa5\x15\x12\x95m|{k\xc7\xef\x0e\xf8\x1fg\x91BN~I\x89\x93\x95P\xa2\x91hh\xb9\\\x0f].\x97G)=3xv\xfa\xe7\xfbo`\xdd\x02W\xf5\xb8`\xab\x06\x99\x92\xcb\x9f\x1c\xdb\xd8\xdf\xff\xfbs\xffe\xc8u0\xdbOe,4\x9dg\\\x0c\xec\x0b\xd1\xd1\xeaB\xf9n\xde\xac+\x83T5)4\xdf\x03\xa6s\xad\xc1f\xc3\xf0(\xa8\xe6\x1f\xf7\x86\xc6\x9b\xdc\xee\xf9WKK\x9d\x9d\x9d1N\xa7\x9d_\x02(\xfb{(W\x8f\xeba\x8f\x0b/\x91\xb5q?\xab\x1f\xf6\x1f\xa8\xc8\xe6\x10\xca92\xb6\xbf\xbf\xff\xe4\xd5\xabW\xbb\xf3M\x81\xcb\x9b\x87\xf7!\xd7\\\xff\xb0\xf7ccQ\x911\x82Fp\xecSY\x1d:s\r\xcb\xaa\x94\xec\xe2\x9c`v\xca9\x14\xf1\x88jhu\xeb\xd9"\xa8\xfc\xdfn\x8cau\xbf\x1dY\xba\xf5ygLLL\xc9\xb1\xcd\x88Q\xa3\xe1\x9e\x8e\xd3\xeb\xf5\xff\x11\x9f\xac~\xb0\x15AIK\x00\xf5\xe4v\x8fK)Ur\xefN5\xb9\x03+\xe1\x83\xcd!\xdb\x9cmt\xd8+6\x1a\x8b\x8cpXQQ\x11\xb5\x97f#di\xaea\xb9N\xb6\xca)\xce\xc9a\xd6j.dT\xa3\xbb\xcf\xb6VA\xd54~\xbb\xd392\xd9\xbd\x81\n\x8c\xbd]J\x06\x18\x85*\x82B\x03*\t_\x1f\x1f\xab\x8f\x8f\x8f\xd1\xffT\xa9k\xd3\xac~\xc4duiJ\xecc\xfb\x1b\x93v\xbeT\xa9t\xb9\x94\x96\x9d5w\xe0\xf2\xecah\xaa\x7fn\x0ez\xbd\xa80\x81\xa8\xf5\n\xad\xd6\xc8B\x1a\x80\n;0\x9b\xa6\xaes\x10\xa6)\xc1R\xc50\xf9jt1\xbf\xf7\xbe\xbf\xc9\xbd\xb2\xf68\xebDr\xf2\x07\xc0qNnllt/\xc1d\x92H\r\xd1\x89\xf8%\xf1Y\xb1\xf1\xc0\x8a\xf9\xf7\xf2\xc9dJ\xec?\xa5R)\x918\xbb\x01\xc5G\xf7\xe2*{\x80i\t\x91\xe9/\xefl\x85\xa6l\xe0\xb2\x91\xc1 \xd5\x15\x80\xd1\xecw+\x9e\xd9\xfcS6\x94\xca)&gt;\x99s2\x9b\xf2]D{\xf0\x9d\xad\xff\xf9\xf6\xfa2\x8cE\t\x7f\x0fV\x87\xdf\xf5\xf1\xc9\x1f8\'\xf7\xf7\'\xf9\x9a\x87\x1a\xe6(&gt;\x1f%\x8d=\x11\x0b\xa8\xf7X\t\x1d\x0b\x83\xf5\x94\xe92\x82r)\x95\xf6\x91W\xfb\xddv&gt;?\x8e+\x95JYN\x1c \xba\xdc\x81\x89\xf0a\x98\xe95g\x1b~a\x06\x18\xc4\xca\xc1\xc7\x15ba+\x87\x86\xf9\x8b\x8b\x11\x0f\xc1f3+\xa0m\xf4\xf9\xdd{\xdbSM\x13+\xfe\xc5\x07z}\x0c\xac\x13\x93\x9c\x0c\xdb;\x9d#\x1b\xf8_\xec\x84\x04L\xf0\xc4\x9f:\x95\x15\xaf?\xf2VB\xc7\xc0z\xfd3\x99\xc5\x9a/SZ \x15\xd0G66F\xa0\xae\x94\x1b\x17\x17\'\xe5JQ\xd9|4\xa0\x89\x15d*\xf4\xea\'\xc1\xe6\xc8aE\xac\x8a9\x7f\xba\x82\xaa\x15\xd3"2&amp;VJ\xd0(\x7fO\xf5`\x1dv_\x99\xf0?\xbf\xdd\x19\x9f\x1c\x8bGlr||\t\x8ag\x97\x8c\xedw/\xdd:{\xf6\xa3\x8f\x92\xf1\xa5\xac\x13\xa7\xe2O\xb3-@\xddo`p\xcbb\xb1(eV%\x97\xcb\x95r\xf9\xfa\xce\xc9\'\xddN\xae\xd2\x85\xea\xb9\x94D\xc6\x8d\x93Z\xad\xa1Y\xc4N`*\xd4\xbbM\xbe\x87^\xb0\xbe\xc1x%\x02Fv*.\xfe\xec\xb3\xe2\x934\xfc\x07\xcd\xc8\xec\xb0\x95\x03\xbe\x02\xd5\xe6\x04iu\xfb\x14\x9cu/\x19E\xe2k\xa8r\x12\xbe\x13\x16\x1b{\xfbvii\xe9\xf3\x7f2m~\xa1i\xaci\x18\xd7\x91\x81!3Wr\xfc3\xb2\xe0\xd5\xcc\xe1\xe0\xcd\x12\xf0B8\x11\x16zaaaC\x0fm)g!\x95\x06\x02\xc1\xa5\xb8H\xf4\xdc\x14\x87M@\x0e\xabx\xc8u%B&amp;\x18\rb\xb2"\xa2\x88\xa4\xa8\xd1\x90\x9ah\x135l\x0e\x81\xd3\xa4\xb9\x0b\t\x81\x86\xed\xc5\xb2\xcf\xfbMz\xd874\x84\xc40?\x9f\xf7\xfd\x9e\xf7\xf9\nAqf\xbf \xd8\xe0h^\xb6\x92\x83\xc18\x95S\x10\xfc~\x8bW^\xd8\xc2T\xd9\x90 i%\xceO\xbb\xf0m\xa0M\x82\x85z\xe9-qMn\xcf\xfa\xab\x0f\x13\xf6\xf3\x9f\xbe\xff\xeb\x9b\x19\xa2\xfa\xee\x1b\xc2\xfa#\x93kf\xe6\xcd\x9f\xff\xb0\xb9J&amp;\xb7\xdej\x10\xd5\x1eQ\x95\xbd\xcc\xd3\r\xa7\xf2\xd8\xd0Ji-\xd6\xdeNPm}Y\x93\xd0F\xea0\xcfs\xa6\x7f\x1dZ\xe2\x93x\\\xb0\xc8\xb2\xac\xca\xb2wj!\xf1\xe1&amp;\xb7\x00D(Ga\x0bs5\xed\x86`\xc1I\xb0\xb3C\\\xe8c\xaa\xbaC\x82\xc1\xf27G\x8f\xbf\'\xaco\xbf\xfb\xf6\x1b\xe3\x0f\x96A57\xf3\x06\x0b\x07f\x15X\x853d\x8eZ\xa5\xbdR\xbfE\xbbp\xe1+\x12v\x8fhG\xefp(\xb50lB\xcbm%\xdah0\x87\x92$\xab\xc9\x12\x8c\x0b4df\x8e\xe3\x1dyQ\x0c\x7f\xc0\xe9\xf0\n\xd4:\xb0\x088\x08\xd3\xf3\x85\xc2|\xd2\xe5\x9a\r\xa6\xd8q|[\xaa\x1e\x1e\xbe;I\xaf\xc2Y\xc9\xf3G?\xbc`C\x05\xaa\x19\xd6\xc8\xb9\xb9\x17\x8f76!U`}\x17T\rP\xed\xf5\x7fm&gt;\x04\x07\x81\xd6\xa1U\xb4\x13\x14\x07y\x80\x04\xd3\xe7\xedZb\xab\xbdf\x97\xf2\x8a\xc4\xb0\xcc\x90\x89t3\n?\\\xf0R\xcf\xe0\xb6l\xa8 \x93\x9b\xf5\x92\xe2\xe0\xd1q\xbd\x84\xf9Z:\x98\xa4\x8e\xce\x8a\xebx2\x9e\xbd:z\xf4bnf\x06Tsss\xffx\xf5\xea\xd5kP\xa1\x81\x81@\xa0\x7f\x17?$\xaaR\xb1\xf7Y)\xf3V+\x1e\x84\xce\x11\x92C\xb4\x02\x89\xa7I7\x9b\xad\x8ab\x95\xb4mp\xc5$\x88%I&amp;\xb3\\\xe6\xf92\x80D\x85\xe3\x1cRn+l\x96\x05\x8b\xe0\'g`\x85^\x06gqJ)PL?==\xb9$\xff\xaa\x9f\xa6R\x1f[\xbb\xeb\x8c+\xb0\xf9\xf8\xa7\x9f\xe8Op\xe9\xcfW\x96\x97\x97_?\xdaX]\x0f\x10UO\xcd\x9c\x1aTe\x87\x02\x19\x1c\x0e\x87\x1d\x8d\x13\xd1\x19\x02\xe44fR&lt;H8N\x91\xd6\x0c.\xbc\xc2n\xe2\xcb\xf2\x83P"\'\xad\xe5\xb6r&lt;F\x8ctr\xc2\xde\xdd.\xa3f\x83,\x14\xa2\x9fOo\xcfh\r-^\x1e\x1ffn\x0f\xfa\xec\xe9\xd1\xc0\xe6\xe8\x9f\xaf_\xbfb\xb5\xfc\xe4\xe5\x0f\x1b\xeb\xab\xf8\xf6z\xb1\x93\xc9 z\xec\xf5[\x1d0\x81EAq\x84\xc4T\xa2\x85\x88\x0f\xab\xd5\n,\x85D\x8a\xe5\xb6\xbe\xc4\xd6$;\xd42\x80\xb8|^T\xec\xb1\xc4VN\x83r*f\x1f\\\x84e\x84f\x8a\xa8\x08\x834g\xf3\xb7\xc7uZ\xdb\xa1\x83x&amp;u\xdc\xda\x05\x14!l\xbc\x7f\xb9\xbc\xf2\xe3\xab\x1fW\x96\x9f\xbd\xdfX\'\xd4\xddV-S\xbe+\x960VG\xd42\xb6U0,"\x81y\xbd~\x14\xc0\x00\xa5\x80\x0b\xbc\xa2\xc2kR{\x8b\x06\xcc\xa1\x98\x0c\xa5\xf2\xe5\xb2B\x87!\xac\xf1\xaaj\xc5?\x14\x06\xde\xe9\xa6\xbdM\\\xf3\x05\xb2\x8aY\xea\xe6\xed\xbb\x83\x9dt(\x1a\xad\xbf+\xab\xf3\x07}|\x15\n\x85\x02\x1b\x8f^wV\xe6Z\x00\x00\x06\x14IDAT&gt;YYYy\x02\xaa@\x14\xdf\xea\xd3\x11&lt;H\xa3\x81w\x9f\xcb\xd0\x08D&lt;\xc8d\x00\xb1\xb0\x00/"&amp;\x1a$\x9c=&amp;"`\xb5v\x82\t\x06,L;\xafq\\n\xeb&amp;\xeb\xe7H\xaa\xdf\x0b\x96aq\xba\x92.\xb7\xe1`@\x03\x19\xday\xf4\x11\x13\xb6\xb4\x98&gt;\x9bd\x82\xd5V\x1aT\xd1\xc0\xf3\xcdG/\x9f\xfd\xed\xd9/\xef\xa1_\x14I\xe1\xae\x8c\xb1\n-\x95vz^\x95\x0e\x94\x99xlF\xd1\x85\xc7O\x8d\xc4\x99\x83CH\x8a\xa4\xf0L\xcb2Z\xd9\x06W\xcc\xa4P\x0fE\x87\x96Hl\xd3}\x12\x81\x9aY\x16s\x07Y\xaeu:\x05\xf8\x83\xdb\xa2Z,Ab#2g0\xe8\xaa\xb6v\xc1R?\xcd\xa4N\x0f\x8a\x00\x0b\x04\x9e\xff\xf7\xe7_\xfebPE\xd3\'\xac\x81\x88W\xbf\xd6\x94\x8cHB\xf8)\xf3\xd9&lt;\x94\x02X`\xb6Z}&gt;\x1ft!2\x89F\x8e\xa7\xa9\x179-\x06\xc1\xda&amp;Q\x14U\x11\xa6\xf1ES\xe9\r\tq7\x95\x13\xedr\xc6\xe7{z\xc3\xd6\xe8\xdc\xeb\xe02\xca\xf0\n\x9c\x80 \xd1\x04\x16/\xcf&amp;\x87\x93\xe3\xfa%\xb0\xc05\xfa\xcf\xf5:\xa8\x02\xc5\xbbI\xe6]\xab\xb4\xb4\x87\x06f\x1c\x0e\x8e\xb4\x92\x05\x9b\x9bB\x15\x9a\'\xf3\xacw\xb9\x9bl\xd3+\xd9\x15\xa3D|\xc0&amp;x\x88\xd7\xfe\x90\xa0\xd9\xca\xdb\xb5\xedm\rM\xcb\x8bl\x18\x05\xdctie\xeb\xf7\x85x\xa3\xd7\xeb\xf4\x06\x1d\xecl\x81-\x02\xd9I\xb7l\x17\xb8\xe2\xc7\xf5&gt;\tVH\x1d\xba\xcevJ\x81\xc0\xe2\xf3\xc5E(\x15\x08\xb5\n\x98\xaa~\t\x97\x1c]\xf1\xc1\x13\x14,`\xb3\x80\x08\x80\xd6\x91Uq\xa2\x883\x7fq\xb1\x9f\xadek\x1e,h\xc8%\x12\x14\x9d\n\xbc\x05\xacd\xc2\xb2\xc7\xb6\x13\x1a\xa7zeUe\xae\n\xc9\x89\xa27nD\xf4O=\x81\xbf\xba\xeb\xb9\xfd\x86\xb7Z\xe8\x88B\xb2\xa7\x10,u{V\x0c\x85 \xd8QF-\x1c\\\x92SP\xa5\x0f\x8e0U\xe9\xa5\xbd\xa5b\xd6\x07*8\xb9\xdf\x86\xb5\x1f\xf1\xd0&lt;\x91\x0f\xe0\xccK\xb9\xf1\xfe\xda\x95\x14n6jM\x8d|]\xa1PAO7\xfb\xa7\x16&lt;\xfb&amp;\x0c\x96=\x97\x08\xe3\xb5y\x95\xd4\xa0\x9f\xe1\xc0\xc8\xdeF7\x1b\xe9\x0czO\x83j\xa7[h8Y\x0f\xfd\x06X\x90nk\xe4e\x1f[}\x8c\xd5\xceq\xea0\xf8n\x87\xda\x87\x06VS\x87\xb8\xbe-\x95\x10\xae|\x19\x87\xc8\xdb"\xc9\xc6t\xa3\x81\xb8k\x06\x91\x04\xb7t\xd8\xa5\xd8\xf8\xe2*\x97\xd5/t\xbd\xa2\xd7\xc2\x12iA\xfe\xc5\xe2N3\xd2$\xb5\xec\xedD[\xe1\x14\x07\xb5\xd0,\xd3\x06g\xaf\xca\x0e&lt;\x91\xee\x9d\xc5\xd9\xe8\x8d\x0bz-h\xf9Z\xe4\xb5\xc1Y\xe2r\x06SO\xefv0\xfa\xa1\x93\xd3T\xf52d4\xb0&lt;A\xbe\xde\xc3\xb07\x1dp+\x7f\x84\xdc\xa5\x91\xf4\xf8y\x91\xfc\x9b\x86\nV\x1f\x1e\xdc\x84\x9b\xd9\xeeM\xcc\xee\x19\xef\xb7y&amp;\x94$!\xd7G\x92I\xdc\x80nL\x1c\x0eaNr\x88F\x01\x0ck[6\xcb\xaa\xd8\x186\xf4\xf3\x9e^\x19\xdfG:\xbd\xb8`\xf9\xbf.\n\x04\x06\xdb\xc0\xc4\xa1}\xc5\xf5\xc0b\xba\x9e&amp;\xb1\xd6O\xa6\x0f\x8fp\x95 *O\x863;\xddI\xba\xfeF\x90a\xf2vVR\x0cf\xa9\xd8\xdb\xdd\x84\xb40\xb8\x88)\xdaU\xaf\xa2\x19\x0b\x19\xbd&amp;\xa8$b}\xc2$\xc6\xb6s1r\tt\x93\xb8 \xa4\x19\x8a\xc8\xaa\xd0\x1dd\xab\xd5BC\xf5T\xc6M\x81\\\x83\xf1\xb0\xc0C\xd1\xc2\xd8\x98\x00\xac\xb2\xddH\xc3\x9e&gt;\x8b\x1f\x9e\xd6AU\xda\x1d\x7fVe\x1a\xa9F\x12\xf0f\x8e\xe5\x855\xf4\x8fz\x88M\x14\x1b\\\\\x8d\xbbkW&gt;{\x16\xba\x85\xa5&lt;\xc6\xd9\x83n3(\x94I\xca\xd1\xb8\x13\x12\'\xfe.\x19fL\x90\xb3\xc3a\xaf\xd1\xcc^tu/6\x11\x03\xa3R\x05\x1b\x0b\xb1H\xacT8\x93\xf3g-\xf2z\x8c\xd5DE\xf4\xc1\xb5\xab\x7f\xe7-\x9b\xbd6\xdc\xe4p\xef\x83+\x1aJ!\xb6\xd8\xd9\xc4+\x0ei\xbf\xbb=\x18og;\x17\xe3l\xf8F\xe3e\x9b;\x99$]\xd9\xbdl!l\n\'rSx\x88E&amp;\xbd8Z\x02\xe4d\x98=\xbf\x1c\x19\x9f\x9f\x0f\x07\x95\x88P\xf3&gt;d\x1c\x8b\xd3\xe2.\xb8\x99`FND\xc5\xdd\xb3\xc1\xa3j\xab\xbf\xbbSH\xa5\xaatq.\x15\xf5r\xd9*S\xb02\x92\x15\x8a\xe2\xba\xdd\xae\xc4\x10\\D\x0ev`\xaf\x0ctT\xa7\xb9&amp;\xf5t\x8d\xa0\x92\xc4D\xbfB\xff\r`\xda\xde\xb6r\xb2\x93\xe6\x04\xa70\x8f\xc2Z\x15\xd95\x80kd\x17&lt;n\xbf\xcf?\x18|\xe6\xe0\xf22,\xc8"\x8f\xff\xdd\xb19\r \xf6\xc9\x8d\x05\xee\n\xa6\xe6\x0fNN1V\xe9(\x1d\xc1l\xb9\xec5\xcb~\xca\x96\x06\x14\x94\xf2\x11Z\xa3\xbb\x1f\xa37/\x8a&gt;_\xa7[\xb9i6\x9b\xfa\xa0\xd2lb\xa6"nrZ\x14\xdd\x8b4SB\xc3\xebEUf\x02XTY\xcb\xd6by\x117\x14M?\xaf\x84\xaf\xd0}a8t7\xe2\xb2&lt;\xa5w+\xcd\xda\xf9\xdf\x87\xc9\xaf\re]t\x1b\xc9g\xd6\x95:\xad\x07\xa2oC\xc5J\xb3,{Y\xe0\xe5\xa9\x7f&gt;C(&lt;E[\xeb\x8ct\xba\xe6\xf0\xa2\xc3\xa3\xf7j\x9dJw0\x18\xe8\x80\x8a\xb8\xc9\xd4\x1e\x8a\x92\xa2)\xc7\xb1h\xe6p\xe4Uv\xce\x9a\xe7\x95X\x1e.(6\x87]\xffTV\xbf\xaf\xd9\x86\xa3\xf3\xd1\xb0\xe6\x19_\x7f\xba\x1ef\x87\xd7Y\x9a~\xa3\x87\x8c\x0c\x978\x17\x1dJ\xd7\xc9n4\xba\xdb\xeaxyFE\xa1Jt&lt;\x8c\x15\xca3\xc6D\x8c\xf6\xb5Z\xad\x19\x8bi\xddQ\xb7vue\xf5\x0b~\xea\x88\x91&amp;(\xa8\xe2\x13\x87\xafLazO\xf4\xeb&gt;\x9f\xc8\xa9y\x9f\xe7\xba"\xd5z\x15=\xdc\xbb\xbe\xd6+\xdd\xeeh\x98&lt;\xbf\xbe\xaf\x8c\xc6\xfahx\xff\xe9&lt;\xf2\xdb\xf9\x94\xdfi\x9cG&amp;\x9a\xd3Md\x84e\x99?\xe9\x17\xef\x16(\xa03\xf73[%\xd1\xf1\x95KR.F\x83\xca\xe0\x7f{wj\xff\x89\x13\x17Ol\xdc\x7f\xff\xd2\n`5]Q\xc8u\xf2\xc4\xfeFp\x03\x07\xda|\x063\x99\x00\xad)\xbfJ&lt;\x9c\xa9\xd6\x00\x00\x00\x00IEND\xaeB`\x82'</t>
        </is>
      </c>
      <c r="M286" s="3" t="n">
        <v>45492.67743055556</v>
      </c>
    </row>
    <row r="287">
      <c r="A287" t="n">
        <v>877513</v>
      </c>
      <c r="B287" t="n">
        <v>5981</v>
      </c>
      <c r="C287" t="inlineStr">
        <is>
          <t>Nicolás de la Cruz</t>
        </is>
      </c>
      <c r="D287" t="inlineStr">
        <is>
          <t>N. de la Cruz</t>
        </is>
      </c>
      <c r="E287" t="inlineStr">
        <is>
          <t>MC</t>
        </is>
      </c>
      <c r="F287" t="inlineStr">
        <is>
          <t>MC</t>
        </is>
      </c>
      <c r="G287" t="inlineStr">
        <is>
          <t>MC/MEI</t>
        </is>
      </c>
      <c r="H287" t="n">
        <v>167</v>
      </c>
      <c r="I287" t="n">
        <v>18</v>
      </c>
      <c r="J287" s="2" t="n">
        <v>35581</v>
      </c>
      <c r="K287" t="inlineStr">
        <is>
          <t>Right</t>
        </is>
      </c>
      <c r="L287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d\xfd\xfd\x1d\x1b)\x19\x14"\x1f\x18&amp;!\x1b*&amp;!0\x1b\x16%\xfe\xfe\xfe\xff\xff\xff)#3$\x1f.,&amp;5+!0%\x1d,!\x1e,\x15\x10\x1e\x9e\\O\x9cO:\xc5mK/#3\x89K@\xc5qZ\x9dVH\x8aD5\x9cSB\x92I:\xa9XA\x8eOC\x90XP\x8aTO\xa2_UuB9\xa1R:\xa0SA\xb2\x7f\x890)8\x98K7\x82B4\xb8\x85\x8f\x99YP\xc1hE$\x17"\xbchO\xbbcB\xc1mQ\xba~|\xa3YI\xb7zu\xb3_G\xaf[B\x1b\x12\x1c\xa7`R\xa8h^\xcbrOH&amp;%\xa2WB\xa7T;i&gt;:\x95RH\x96P?\xa1dZ\xbfmW\xb2gR\x9ddbo&lt;2\xd8\x130\xbft^&amp;\n\r\x88PG~JD\xabcW\xf9\xf4\xf6\x84H=\xacbO\xe2\x12.[1-\x95\\W\xa5\\M\x9fK.\x8fSH\xaetu\xcd\xc8\xd4\x95a`9\x18\x160\x1c*M*,\xcawU\xb3tl60?vGB\xb8mWc95\xb5]&lt;\xc5|j\x98hm\xc3\x85\x81\xf2\xee\xf0\xc7w`\xc2\xbc\xc8\xafy~\xb8oa\xc1\x8c\x92\xac^G\xb5eL:!/\x84RO\xabqlG \x1aQEVZ65nDA\xa4u}\xafnd&lt;\x1e"\xc0\x7fuh6,v4(\xc9\x9f\xac\xc0\x87\x8a\xbfvg0\x19 \xfc\xfa\xfb\x16\r\x17\xcbzd\x80NKb-#z&lt;2/\x12\x13Q\x0f"\xcd%@\xc4\x93\x9a@5H\x8cZY}E:O26yQUWQ_%\x13\x19V+&amp;\xe0\xdb\xe4B+3G?O\x97WJ\x95E/\xbc\xb7\xc2\xbayn\xeb\xe3\xe6I2A\xd0xV\xa1kjy\x0b\x1eV\x1e\x16\xa8ke\xb9\x82\x84\xbe\x8f\x9b\xbe&amp;@\xb0iZ\xa3ns\xd6\xb2\xb9\xc9\x81p\x7fx\x86\x88\x81\x8d\xc8\xc2\xce\xcb\x8d\x87\xd5(Ge\x0f!\xb8\x8a\x98\xa9\xa3\xaf\xb0W7`Wgngu\xb6\xb0\xbc\x83Y^\x8dai\xd6\x1b9S\t\x10;,@8);\x98\x91\x9e\xb9\x172\xcb\xa8\xb7\xd6\xd1\xdbp*\x1f\xa1\x9b\xa7wp}\xcd\x172\xc9\x9a\xa2\xe3\xd5\xd9gEJ\xa8~\x88\x849*0\r\x1cW9B\x93\x0e%\xcd\x86z\x82es\xb8e^\xd6\xa7\xa6\xaf%&gt;`&gt;C\x90\x8a\x96\xc6\x1c:\xb0\xaa\xb6f\x03\x11\x87\x0c \xbd\x9b\xa8\x9a|\x8bA\x08\x12\xcf\x93\x91C\x14(h^n\xa5\x1e4rJL\xd2\xa8\xb0k\x19-\xac\x87\x93\xf5\x01\x04\xa7\x13,\xe3bw\xe0\xbc\xc1\x88\x1f5\xaaQ03\x08\n\x97\x1b5z 3\xd5~_\x90:8\xf2\xc9\xd0\xc81M\xd2\x9b\x9b\xf3\xb4\xc0\xf8\xd6\xdd\xee\x9e\xacbM]\x08\x02\t\xb4\x8f\xa0\xd5\x83h\xe1B\\\x8cp\x7f\xa8QV\xb0\x0e\x1c\x9boz\xb68R\xdb\xc5\xc9\xd4A^sWc\xd4\x0c\x12\xe5\x08\r\x9f0G\xe5\x8cl\xe4*F\xc5hk\xfa\xe3\xe8\xeb\x90\x9c\xe3w\x8e\xda\x8dq\xc3-E\xa5\x00\x00 \x00IDATx\xda\xec\x99[LZk\x16\xc7\x89\xdan\x1a%\x81\xe0\x05\x11D+\xd6hZ\x8e\xb7\x80\x16\x0bFA$\xc0x\xb4:9B\xca\xa1\xd4"(\xd0r\xaa\xa3\x18m\x13Ah+^Fb\xb4Mm\xb1\x93\xb4\xd1B\x06L\xad\xc6\xa01\x87LlL\xda4F\xd3\xb7\xf3\xd6\x07\xd2I\x93&gt;\xf8&lt;\xb3&gt;.\x963uR\xb1\xf4t\x1e\xe6\xaf\xeclE\xf7\xf7s\xad\xb5\xd7\x7f}[\x1c\xee\x7fS\xf8D\t\x03}\xed\x15\x0eNq\xff\xd7\xf7Jb\xe2\xae\x86\xc3&gt;\x13\x1e\x8bW8\xd5\xe8\xf2\xf2c\xf5\xe4\xe4\xe3Q\x11.\xfek\x1d\xf2C\x87\xc4\x0f\x8b/\xdc\xa2\xa9gK\xae\x9d\x9d\x9d\x05\xa4E\xd7\x8aZd\x8e\xf3ZX\xc2K@\xd5\xbc2\xbfx\xdbb)\xf0y}&gt;\xaf\xd7k\xb1\xe8o\xcfoC\xcc\xbe\xa3\xccS\xea\xa5\xc5\xdbc^\x1f\xf9TZZ\xea)\xa4\x82T\x9fwl\xc1\xf5\xb4Y\xf5\xdd\xa0T\x8f\x97\x16\xc7\xbc^29\xedD2\x81\x90F \x10RR\x08\'N\x01\x98\xe5\xb6\xeb\xe9WF\x0c;\x9e }\x08*\x95L&amp;\xa4$\'\x9fLN\x86c\n\x12!\xedT\xeaO\x006\xffl\xea\xb8\xd7F\x97?f7\x18\xddv\xe9\x7f*HM\x03\xa8\xf2\xf2\x93\'\x93\x92\x93\x93\x80\r)%\x99PPP\xe0\x1d[\\\x19\x15\x1d\xbfA|\xc1\x06p\xd1\xb3\xd8?\x00\xa7Z\x9e\xd7[\n o\xc9\xc5\xe5 tHB\'I\x03\xe5III)\xa7N\xa4\x16x-z\x97Z\xf4\x1f\x9e\x82?\xe4b\x87X\xcf\xf1\xcc\xc7\xacR\xafZ\xa0\xa4\x08\x84(\xd4@yD\x03pV\x9c\x04\x99L#C\xed/\xaa\xff\xc0\xca\x87F\x15\xf4y\xd3\xc8\xad\xad\xc5\xa0;\xa0\xf2\x08\xd8@\x18o\xa08\x8d@&amp;\x93\xa1],&lt;\x13\xfdQ\xe6\xa3j~\xa9\xd7\x92\xb5\xad\xda\xd6\xfe\xfe~\x93\xc9\x04\xc7;\xfdw"\xea/\x1e(\x1f\xb8S\\\xdcJ\xf6i\xb5&gt;\xe8b\xdbS\xc7\xaa\xde\x08\xdb\xe1\x8d\xf6\xb0\x14\x9b\x9f-8}\xad\x0eG\xbf\x83m2\xb1\xdb\x0c\n\t["1\\D\x82/\xd9\xa6\xfe[\xf5\xf5\x80\xd7\xdf\xdaJ&amp;\xfb,^\xfd\xcbQ\xf3\xe1\x17N\xe8\xf0"R/@\xa0\x1c\x0e\x9b\xc1\xbf[\xad0\x0e\xeat\x83B\x9d\x8e\xde\xce`0\xda\xdb\xdb\xab\x8d\xbbF\x03\xb0\x99LZ-\xfc\x98\x96l\xb1XV\x97\xcd\xdf\xbao\xe1TO\x17\xbc\xadZ\xdb\xd6\x96\xdd\xed\xb6Z\xe9V\xa9\x94F+\x02\xd1\x9a@t:]\x07\x98\xed@\x06r8\x80\xde\t\xbd\xd5\xb5l&gt;F\xdf\x8a\xb5qt\x97\x1e\x9c\x85_\xf8\x98\xb7q\xa2\xa5\xdb\xbe~\xd3\xa6\xdd\xa3T\xf2\xf9-|~M.\xb1\xa8\x88X\x94\x99I\xcc\xcc,:\x7f&gt;\'\xccf\xd5\x19ww\xfd~\xbf\xcd\xb6is\xf8|\x96U\xb59:\xbcF\x17\xc3\xc7,\x11]2v\xb5\x03\xfb\xc6"\x07\xec\xe0,\xfc\xc2b\xde6O\x06}\xad&amp;\x83[9=\rH\xa0\\"\xf0DE\xe1\x9e\xcf\xc9\t\x93\xe9tV\xb7\xdb\xbd\xeb\xdf\xdd\x02.\xaf\xde\xd5l\x0e_\xf4`1,f\x89\xe8\x92\xbf[-\x9e\xc8\xaa\x17\x9dZ\xad\xcd\xae\x9c\x9e\x9d\xad\xc9\x05!(\n%?"\n\x97\xcb\xcd\x06\xb0\x1c\x81@G\xb7Z[&lt;\x1e\xb7\xc7\xee\xb79\xb4P\xf7\xcb\xb8of&gt;Xs\x88j\x17%\xaf&amp;W&amp;cefr\x90\xaa\xf2\xab8UTj~\x1e\x89\xc9\xcc\xe6fg\xe7\xa4\xa7\x0b\x04\x02\xba\xb5\xa5\xa5E\xe9\xf1\xd8mZ\xc45\x8a}\xedt\xfa_\xcb\xdde\xd1j\x1d~+TT.1\x93\xc5\x82\x00q\xa8\x9fT\x85\xb0\x98\xd9\xd9\xe9\xf0\xd9\x08dtZ\x0b_\xa9\xfc\xe8\xd9rh}\xce\xe0\x8a*\xbeh\x1d]\xea1h\x91\x86A~(y\\\x12PQ\xa9e\xa5eeeQ,\xe6\xc4\x04\xe2\x82p566\xa6\x0bhR\x08\x97R\titx\x9d;\xcd\xdf\xc8s\xa6\x16\x1d\xd0\xae\x8c\xb4\x9a\nH\x1f\xe4\x8a\xc9\x01\xa8\xce\xceR\x00\xab*\x03&lt;j\x15`Md#\xae\xec\xac\xac\xc6\xf4\x9c&amp;\x9aT\xda\xa2\x9c\xb3o\xc2\xef9\xf5\xf3\xaaob&gt;\xe6I\xa7\xc3\xd1f\x10\xd2r\x81\x8a\x02KS\xa8\x9a\xd2\xce\x92\x92N\x8dF\x03\xb1\x82\x98U\xfd\t\xa8BXY\x08+==\x07\xe2\xc5Wz\xe0nt8\x9d\x0b\x93\xb8\xb8j\xeb\xa0\xa9\x1e\x0c\xfbX\xb43\xe0C\xb6\x14~O\xe5\x82X\xd9\x8c:\x1a\x11\xa8(\\&amp;\x85%\x13\xf3@b*\xaaz\xc4\x96G\x8a$\x11\x05\xab\x10\x95\x17\x8d&amp;\x05,\x7f\x08k\xcc%\x8a19\xfc\xe7;\x0c\xb4H\xb4\xa8\x8elL\xa2f\'P\x19\x8c\xf4""PA\xc1\xcb\xc4bq\x83X,cQP\x99\x85\xb1B%\x8fbUX\x88\xb0\x84t:`)\xed[6\x9b\xd3\xe9\r.\'&gt;\x89\x98\xea\xa9\xd7\xb9i\xa8n\x8f`A\xac*\xc4\x15\x91*\xcbfR8\x1a*\'\x8f\xc9\x9c\x88B!,h\x12\x10-&gt;\xdf\xae\xb0\x01\x97W\xff\x14\x17\xcf\x04\x11~E\xa7\xc3P\x00Cf\x00\'\xe8#|\x8e\x1b]un\xfa\xb7\x8cB:j\xa1\xa1P\xa1\xc6\xc5\xa5\x84z(p\xe5SH$\xd2A\xa8\nG\xe0^l\x14\x08\x10\x96\xd2j4\xa0p\x8d\xad\x9a\xf1\x11\x0b\xc6\x87G\x08T \x91\x01\x19\x17^\x05\xc3GV\x8d\xe64\xe6\x18\xeb\tX\xd4v\x96\x17\x9c\xfe\xdd\xdd\xf6A\x1a\x11bT\x01\xd9k\xe0\xa1\x04RP\x93\xa70Q\x1eI(\x87\xdc\x83\x1c66\n!\\(Z-\xf6-\xc3\xa6\xd3\xe9\xd4\xab&gt;\x19\x1d\xf6\xa9\x84\xb1\xf0\xeb\xd3;\xe1U\x8f\xd6\xde\x9a\xf5\x9bA\xbb}\x10rX\xd1PQ!n\x00\x01\x16\x07\x9a\x17K\xc3\xa2\x90\xb8\xf9\xa4\xbc&lt;R^\xc8\x81P;-\x0c\x05+\x9cD\xa5\xdbh\xd8\x04\xae1u\xa2\xcd\x073O\xea\xfd\xfbn\x18\xac\x8ars+@\r2\xa8-\xb1\x18\xf5\x06M\xa7\x06"E"\xe5S\xab\xc0\x82\xe0\x0e\xc8\x81\xbc\xa6\x87\r\x08aMOC\xb8\x10\x96s\x1bK\xb4\xf9\xa8\xb6\xf5\xfb0aI\xa5Dh\xf1D\x98f\xc6\xc7\x89\x90N\x84\xc6\xe3uj\x80(\x0fzjYi)\x84\x8e{\x9e\x1b6l\x98q\xc0\x80\xa6\xe7\x940Kl\x01\xd7\xbc9\xc1\xe6cV\xad\xe8\xf7=\xca\xb9\xe9\xd9\xca\\\x18\xfa\x9a\x04B\xd0\x08\x14OzNM\xa5\x98\'\xe7\xa1\xb0\x95\x96@s\x15\xb32\xc7\xc7\x9b\xc2n\r\x93\x84\x8ef\x85F\xaft\xdb\x11\xd7\xa29\xd1\xd3\xe9\xd4\xcb\xa0\xfb\xe3\xb5{?tU\x12\x8bhtamm\xb5\xd1hT\xdc\xa8\xade\x08\x9a\xc6\xc5\x17\xeax\x9d\xa5e%\x19\x17.\xf0\xc4\x14p\xc4\x91\x11\x18\xa1\x85\xc2A\x10L^-\xd7&gt;z\xf6\xf7\x83z\xe7\x8e\x19\x97\xe0\xc1fj&gt;\x18\xb8v\xe6\xea\xbd\xae\x1a"m\xd0\xa8\x80M\x85\xc1P\xad\x90(\x14\xb5\x0c\xc6\x08E\x8e\xb0JK.g\\\xe0e6\xd6\x0e\xddE\x92\x18\x140\xd9\x03\x98[ye\xfdc \xb0\xbf\xaf_\x10aq\x9a\xcf!\x01\xc4a\x91\x0e\x824:\xbf\xffq\xfd*\xc2\x92\n\xabaME\xb5\x02\x96\x85M\x05cd\xe4&amp;\x97W\'\x07k,\xc9\xa8\xe3\x11\x0boH\xd8\x17#2\xb1\rF\xbb\xce:w\xe6\xc9\xdb\xd7\x1f\x00+x\xf0L\xee\xf3\x9dP\xb4E\x85V=\xfa##W\xe0\xf5\x93\xfb\x80\xc5\xa71$\x12\x85Qg\xe5\xb7X\xe9p\xab5\xe5\x8c\x8f\xcb\xe4\x97\xea\xe4\x1a\xaa\x86\'\x17sGjoH\xeevwG\xb8\xba\xdb\x8cn\xcf\xb53\xf7\x9f\xac\x7f\x08\xec\x07\x83\xa2\x04\x9b\x0f6:\x0fXk\xc3W\xafL\xd3\x18\x0czM\xd7\x0f\xbf\xfc\xf5ze\r\x91(\x0b\xf9u\xdd\xa3\xcbu&lt;j&gt;G\xc6\xe2\x86\n\xab\x16I!\xb9\xcb\xeef\xb7\xedzN\x0f\xf7\xbe\x82p\x05\x82A\x15.\x9eG#!\xb6H\xa5E\x03\x1a\xa9\xba\xe8p\x01X\xeb\xf7\xf7\xd6\xae\xde\xfb\x91\xdf\xd4D\xac|\xd0\xd1\xd7\xc1\x93\x81\xdfp\xa0mu\xca/\xff\xeb\x9f\x97y\xe0\x8a\x1cdE\\\xee87\xb4\xd3\xa0\xd1\x07\x8d\x06\x89\xc2}z\xad\x17\xb8&gt;@\xd1\xabp\xe1\xcd\r&gt;\xf4\xf07\xb6X\x0e6`a\x82\xa3\xe6q\xea\xe5\x87\xf5\xf7{kg\xae\xbe9w\x1d\x9cG,\xaf\x93\xf38`7\x13$*\x0c]\x19\x80\x05Y\x84o \x03\xca\xe3p\xf2\x91WB\xa7\xa0\x0b\x85F\xdd\xe9\xfb\xf7Q\xb8\x02;\xc1)sb\x93\x88\x9bZ\n\xbc~\xdf\xdb;\xfc\xee\xdd\xcf\x1dr\xb9\xbc\xeeRG\x03\x91\x9b\xb5\x01\x9a@\\\x7f&gt;[\xa2\xc9C^\r\x86\xc8\x846&amp;fq(\x14\x16+\xb3I \x9d\x9e\x1b^\x1b\xee}\xfe\x1e\xb0v\xe2K\xe2Q\xe6\x9a\x95\xc0\xeb\xb7\xaf\xd6\x86\xdf\xbd\xf9\xb9\x03\x98\x1eT^\xe7\x0b\xda\x197{^\xbc\xd8 \x95d\x9c=[\xd2I%M\x80Go\xf4lP\xe4r\x9e\x8c\x83\xb0d\xd0\xe3\xa4\xfc\x1f\x87{{\x9f\xf7\xbe\x7f\xfdag\xf1\x0b\r"\xf6\x9f+G\xdc\xf5l\x87\xa2\xf5\xee\xcd\xdf~\xe9\xbb\xd4w\xbdr\xe4\xee\xc5\xdf\xea\x7f\xbb\xd8=3\xf3"\xebBF\t\xcc\xf4\x1a\xd2\xc4F\x0f\xe2\xccJ\x1f\xaf!\xa2F\x9fS\x94\xdb\xd5\xc5\xe7_\x19\xee\xdd{\xfe\xfc\x15\xd4\xfc\xea\x17\xdaiLo?\xea\x83\xee\xc9@\xe0\xed\xde?\x00\xeb\xd7G}\xd7\xa5C\xd5l\xff\xd6\xad[m\x92!\xc0\xe2u\xc2VC\xc3!eo\xf4\xf4\xf4\x0c\r\xf5\xdcd0\xa0EtK\xda\xc1x\xce\xcd\xce\xfeexo\xef\xe1C\xc0Zt%\xfa\xd1\x08^\xa4\x06\xac^\xc0\xfa\xf5\xd1\xa5\xbe\x1a\xa1\x15m\xb3\xea\xeb\xdb\x8c\xb57z\xb28y\xe0\xd1\xd4|\x123\xab\xe7\xc5\xd0\xcc\xcc\xcc\r\xba{\xdfT\x7f\x8b\xcdV\xe8\xe6\xba\xbaf\xcf\r\xef=\x0cGk\t\x17\xe7\xa3\x91\x98\xe7#\xf8\xdf\xfd\xcf#\xfa\xac\x02\xd7\x1c\x08\xac\x0f\xafA\xb0.\xf5u&lt;\x80BV\xb2o\xd5\xd7\xb3\xabkk\xb3\xb8\xa4&lt;\xd8\x94\x01\x167\xbb\xb0gf\xe6\xef3\xedJ\xfb\xbfi5\xbf\x98\xb4\xf2,\x8e\xf3\x86\x8f\xb7\xe6\x02"\xffZ2^&amp;V\x84\x06\xd2V\x04\xbc!\x8a\x10a\xb8\xb1\xc9\x12u-\xb2p5b:\x12\xfe\x0e\x01\xee\x03\x91m\xc6Mp1k\x10\x82\xf4\xc1\x0cO;\xf1\xc5!\x1b\xd9\x9a\x8d\x83/\x9bh}X\xd7\x07\x133\xe3\xc6lRM\x9b\xc6\x97i\xdcM\xf7\xfcP\x14\'\xdb\x8ev\xec\x8f\x17\xae\x98\xfc&gt;9\xe7\xfc\xce\xf7\x9c\xf3\xbb\x7f\xfb\xfa\xe5WP\xf8\x0f\xf4{\xe6\xe7\x154\xc2:\xdc\xdc\xfc\xcb\x1fY\xe7s\x96\x86\x8bqH\xfd\xa6\xb5?7\\\x0cB\xceG#\xf5\x1d\xc9\xb9\x97\xcb\xaf\xbe\xdf\xc9%\xc0\x85N\x83!\xec\x96i\xe7\xbe\x04GM\x83\xcbx\xb7&gt;kV*\x9b\x1f\xa2\x02P\xd0\x82\xac\xd5\xf1\xf4\xaf_\xbd|\xf9\xf5\xef\x9f\xfe\xb9#6\xafV\xdbC\xc1\x02\n\xf9\xcdW\xe5\xba\x1a\xf4b\x1cR\xbf)\x9b}\x99\xe7\x97\xa6\xa5\xe5\xefv\xbe\xdf\xa1C\x8ea\xa7\x01\xb2\xc3\xb3\xbcWm\xe9\x96\xf8\xfd\xa5\xc0*\xff\xb3[J\xc0zp\xa7\xb3S\xa3\xb11q0W_\x07\x98\xf2\xd1\x93\xf1\xf1\x98E=\xaf\x9d\xcf\xc2Q\x0c\x1e\xbe\xda\xdc\x1c\xb9\xe1\xce\xa7\xbc\xf1|\xe7\xf9c"\xa4\x08\x83&amp;\x8f\r\xea \x97\xeaU\x9dP\xb1\xf3\xf8\xb7n?T\xb6Bl\x8d\xde\x81\xd4\x9e\x12\xa7\x18d\xaf\xb8?\x1e\xf7Kz\x84\xf3r\xb5\x1a\xd3RD\xae\x8a\xf5w\xd6\xaf\x9d\xcb_\xfe1\xb2K\xf5O=\x9e$Bi\xf7\xe0\x18$\xcf6]\xeb\xe8\x98\xf9\x01h\xcf\xed\x07\xd5\xea\x0f2\xaa\xb2\xbdI\xa3\x91i\xb568\x8b\xc0\x15\x08$M\x02\x99\xda+\x16c\x969W\x11\xb0\xdel\xfenv\xa4\x97\xc5~\xff,\xfe\xba\x97\xc2\xbd\x05\x85\xc2CI\x13\x8bi\xb7~\xf4\xdeo\xef\xb6A\xfal\x1d\xbb\x07j\xd3&lt;j\x1e\xd5\x1bZ\x95\xd5\xb2\x14Ki\xc4\x90\xd1H\x7f\xbcT*\x05\x98\x16\xbe&amp;%CX]\x14\x01Y\xfe\xcd\xce\xce\xe1\xc6\x1f"7\xe8\xc4HB\x93w8\xe8-\x84\xa5T\xde\xfd\xbc\xf1\xf3\xd6V\xc8\xeb\xf7\xd0d\x04*\xe6A\x9d\xee7\x1c\xe0\xb2Z\xb92\x88\xa5$\x13\x08\xac\x82\x08\xad\xf2\xf8\x9d\x1aL,\xd6\xce\x01\x16\x88b\xf1\xcd\xb7\x0b\xb9Y\xf6\xcd\x89\x0fk\xdb\xe8^[\x0cmm\xd9\xdd\xf91\xc0\x82\xd5\xd8\xd8z\xb7:\x18A\x02\xa8\x8b\x1e\xfd\xc8AX*\xae\xcc\xa2\xc5\x03\x0cH%\x0f\xa0\x9a\xb8\x18&amp;\xd6\x82\x13\xe9\xe0\xf2F1GdCt\x99u\x9d\xb9\xfc/\xacB\x98cx\xb6\x082\x9dv\xeb\xda\xda\x1a\x1b\x1b\x91\x17\x91\xc5Z\xa1z\x1f\x1d&lt;z\xfb\xdf\xb7GQ\'$\x0e\xb1\x00\x97\t\xe0$\xf0x3\xbc\x19\xc0\xe2bZu\x97\xc7\x05N\xdc\xc8\xad\x1cl\xfd\xc0\x1cGnn\xb2\xc5.\xd8[\xc7\x0c\xbe\xad\xf5E\xc7\xb0\x81\xc3i\xe3p8:\x08{\xe8(\x00\xab\x95\x13}w\xf4\xf6\xed\x8f\x7f\x8a:\xdd\x15#W\x83\xb0\x10\x17\x8f\xcf\xef\xe4bb\xb5\xd7\xe3\xca\x82\xb5\x82+\x07\x8a\xeb`]E\n\nv\x08%\xef\xd6\xfa\x01$\xf9\xa8\x13\xa88m:\x9d\xee\x04\xb88\xd1\xa3\xa3#\x83\x1e\xa9\xf5(\x84\x96\xd8\x98wc\xa63.\x81\x86\xabR\xdb\x15\x8a,\xbd\xb2\xbd\x0c\x15\xa4\xcc\xb7\xba\x7f|\xd5.\xfe\xf2\xcdz\xbd\xfa\x9c\xcf\xcdY\xbbi\xdd\xdd\xdb\xf8\xd6\xfa:\x92D\xe0r"4\'\x02\x8c\xbe{\xe7\xc4\xfc\x99R\'\xd4Z\x81L\\\x82\xd9\x17}I\x84\x85\xf3q\\\x80\xa9\xd5^;\xa2*,\xaf\xc8\xbd\x9a\xca&gt;~\x86\xd5P7\xa3\xbf4\x99o8\xfb\xfc,\xd5\xd7\xab\xcf\xc5\x1c\xee\xd8\xa7SV\xb1\xc0\\\xcf\xa2Ng4\nXQ\x84u\xf4n\x8d\x9b\xd9\xdb\xcb\xb4\xf0@\x0f\xf7\xf6\x1e\x91Z\xc7\x16S\xc5\x82\xbeZ#V\x83$\x86\x12\x08\xab(\xe4i\x8c|K\xf9b\x1b\xf6\xa5\xc9\xdbG\x8cFX\xbba\xe5\xc3\x07\xe2\xc53\xach\xf4\x08\x119\x11\x973j\xe0-\xbd\x18\x8a\xe1&amp;&amp;\x10\x87\x1a,\x93\xf2\xfa\x98\xeatK`\x93i\x81\xca\x03X\xeb\x85\xdd\x02\xc1|\xc3\xb3\xbe\xee*_\xa3}e\xd7\xe7W\xf6y\xc6e\x9f&gt;\xb1\xd9\x91\x82\xf9\x8b/\x1e\xd8C\xeb\x07\x08k\x18\xb8\x80\xc6`@l\x06\x9d\x99Wb,]\xc2nS\x92$\xfb\xa6\xfd\x02\x99\x0c\xb0\xd0DW#CT\x08k{wwY\x8aCe\xd6N\x95\xcf/sk\xb5B\xed\xa9\xfe\x87\xda\xcc\xabN\x13X\x17\xaf\xa6\x9c\xde\t\x03\xd6v\xfb\xea\xcc\x1d\x9f\xfc\xa0Z\x05\x0e\x0f\x83^;u\xa7X:};\x8f\xb1\x89\x84\xe3=\xb1\x1e\x90n\xbf\x9f\x81\x05.\xc4q[\xea\x0c\x8bFXA\xa2\xeb\x9boJ\xfcP-\x9d\xb2k\rVmSV\xdd\x0fW\xcd[\xbb\xea\xd5\xd2\xbe\x9aZ\xa9a\r\x1b\xdcf\xbd\xc1i\xd0U %\x08Z$\x92\x81\x0e\xe8\xec\x87\xa0\xd4\xc9@\xa9\xd3\x82W\x03K&amp;V{&lt;\x1e\x8a\x02k\x15\n9\xc2SZ\xca\x04\x12\xb37(&gt;\xec\xb2c\xa6T2Q\x89\xc4b\x15\xeb\xd9\xb0[\xdfn\xd5\xebt\x83\x83FU\xaa\x1b\xda\xd5\x81!\xe8\xff\xfb\xeeC\x056MJp\x9b\xed4\xde\xbdv\x05\x85\xb44X\x08\x16\xa5]\x99\xa5\xa5Rp\xe4&amp;;\x9f\xff\xac\xe7\xa1}\x98\xa3\xe9\xc5\xb53,3\xb7]\xaf3\xe8\xf4\xaa\x14\x0e\xa6\xf2K\xfc\xd3\xd3O\x9e@\x13=\xdd\xd7\x81f8\x1a[\xf5\x18\xda\x1d\x94g\x01\xb0\xb6\x83\xc5\x05fii\x89\xb7\xdb\xdbps\xe2\xc3\x1e\xd9MW\xda\x03]\xd9P\xc8\xb1\xe6\x1b\xf6\r\x87\xc3F\xabU\x8f\x1a/\r.\xf1\x0f\xf9\xe3\x8c?3\xd1\xd71=q\x1f\xb8\x86\x06b\xc2\x94\r\xce\xe1\xbcG\x1er-\xb8PS\xbdB\xf4Cy\xc8(foP{X\xac\xc8\xbf@uT\xf6\xac+\xeb\xf0UW8\x9f\x1ft\xe7\x8d\x98\x80!I?\xc9\xb4\xe0\x81\xcc\x04c\x93\xc43\xe0F48\xb1X,\x88*\x0bXRbee%1If\x02\xb2\xf9\x83\x91\x1b\xadNY\xb3\xebk\xce\xb0\xd7%\xcd\xca\x15i_:\x9d\x0e\xbb\xc3\x06\xe8\xab\xf1$\x1at\xdb\xac\xc6\n7P\xe2a20]\xbcozzh@4e\xe9\x9a\xa3\xb2\xd9,\xe5"\xe8\\\xb1H&lt;\xeeIj\xec\x8e\xed+\x0f\xb8X\r5\x19h\xa8\x89@\xed\xf9"\xb9\x80\x17\xd7\x0c\x06\xaf&lt;+\x97\x03W\x1a\xcc\x05`*\x81\x84LB\x9d\xac\xca\x1b\x0c\':k\x13W\xa5\xc2\x04&amp;\x86\xf4O\xf4!\xae\xfe9W6DP.)\x91\xcb\x15\x89\x05\x91L+\xdf*G\xea7\xaa\xbf\t\xaem\xdbp\xf6\xe5\xb4\x0b\xb9\xd0\x9a\x0bY8\x1d\xa6\x9c~\x8f\xfc{+\xec6"(\x85\xc2n\x07\xb0\xb4\x1b\x10\xfc$\x8e\xe5\xc3\x1cH\x13\x95\x8a\xd2|\xa7\xb3\xa9\xa9I\x03``\xb1\x8e/cS\x8f\xa5\x04M\xb8&amp;\xa5\x04pI\xfb\x93b\x8f|;ri\xa3\xfa\x9b`v\xddMSm^\x7f\x85\xd5\xbb+\xf7\xaaO\xb1((\n|iL\x06\xfe\xb3ay\x03G\xd9\xdc\xdc\x0e\xbd\xeb\xad\xfdU\xa8\x1b\xa0P\x16\x98Hr\xa8\xe3\x1f\xb1o\xa5\x84\x94p-\x00W1\'\x9d"-\x14]\xfe\xe8\xb9\xfc{|\xcff\x8d\xec&amp;(\xe4C\xc8\x90v\x85\xdc\xa1\x10\xdaL6\xa8c*\x95\xe6\x99\x99\xfd\xea\n\x94\xe0\x03\xb9\x14\x0c&amp;\x01\xae\x8e\xa7\x939\xe2\x0c\xab(\xed\x1f\xef\n\x1d\xf7~\xf8u\x9f\xba\xc7\x9f_\xa1\xbf\xd7x\xd0+\x1e\x13\xd9\xac\x9c\x9a\x9b\x83#\xb6\xa8\x10vw\xa3\x01=\x97\xbf\x8a\x90~Z\x85\xae\xe2\x87\x00|\xa0\xb70%%\x12\x12\xb0\x16\x124\xed\x9a\\@\xd1E&lt;\'\xb6\xcb\xbd\xac\x0f\rC.=^\xf9\xf5\x0c\x88\xaf\xde\xa24\x0bi\x1b\x04E\xee\xf0\x08E\xddBA\x0b\xd3\xb2\xbf\xdf\xf4\x1a\xd6O\xab\x81*\x1f\x8f\t@\x8f\x18\'A\x8f\xc6!\xfd\xd2\xd4$\x98\xab\x98\x0b\x1e\x97g#\x9f\xe8f?\xb2\x01\tB\xae\xa0(\xbb\xc3\xe1\xb1\x08m\xdd-\x81\x12\xc3\x7f]999\xa9T^\x9f.1\xe4\xd7iPFR2 \x9a\xa3\x13\x10\xf2\x93\x93\x10\xf2\xc7\x91\x1by\xad\xec\xff\xff\xebr\x11\xd2&lt;\xe2\x92\xfb\xd2j\x1b\x8e\x9bL8Wet\x0f\xaf\xad!0Xz\xa3\x11\xb3\x89\x06\x86\xa0\xc0!\x07\xa6\x16\xe8\x95\x9cT\x8aBk\xa3|\xdd\xd7\x92\xae\xd5i\xe4h\xc0\x02.8\x8fj\x01n\xc3\x8c\xde\xb0\xbbR9\x19~v\x12FTF\xb3\x15\xd3\xd8\x84\xfd\xfd1?\xf4\xfa\xe3h:\x89\x02\xabx\x18,\x7f\xca\xf7\xc9\xbe#B\xf4\xa2CN\xc1I\xf4\xc9L\x1a\xcc\x9c\x1f\x1c\xcc\xe7\x8d\xc6\x8a\xd1(\xd3\xa4\xa0\xd7OiR)\xb1\xb6\xbf_4 !\xc9\xd8\x02\x9d\x00k\x01Vqy\xf6\xda{]\xc3\xb2\xb3\t\x1a\xbc\x08K\x01X2\xccjF\xa3\xdbN&gt;\x8f\xf9gfio\xef\xc5\x8bL&lt;\xc00I\xdc&amp;\x14\x8az\x06\x06D\x80U$\x12\x89\\qgy\xa4\xe1\xd7:\xf1\x03n\x1dY\xa1C4\xc2r\xf8\xbcXJ\x9c\xd7\x9bG\x01\x8b\xc7\xc43/\x1eA{\xf1\x08\x15\x81P\x9e\x9alB\x8bp&lt;6\xb5@\x10\x04\x8a\xac\xe2\xe1qo}\x03\xf8\xfem&gt;\xf4\xdb\x07V\x10\xac%\x97\x03\x96\\\xad\x15\x8bUfk{{;\xb7\x13G\xd5\xd6\xc4\xc4\xc4\xfd&gt;t1\xc5$M\x02\xe1\xd4\xf8\xb8\xa8\xdfE\'\x124A\x14w\x0e?\xa2\x97\xbeN2)\xe4\xb2.\x08\xacE\x87\xcf&gt;/F\xb7\x9c\x80\x95\xe2\xb70\xc9$(4\xcaW~R\x02E\x05.\x8a\xf5\xc4\xa6\xba \xdc\xd1\x92&gt;\x87\x83\xf8\t^\x87\xbd\x90\x84rQ\xea\xa2 \xc7; A\x88Ub\xa3\xd1\x8aa)\x01T\xee8\xce\xe3\xb5@\xedEV\xb9\x92==="\xa8 \x90\x0f\x81jg\xf9\x7f\xb4\x9b\rP\xd3\xf7\x19\xc7#\n\xd1\xa2\x12P2\xbb&amp;\x01b5\x1a\xde\x04B$\x08\xa5\x80\x84j\xa2\xb0\x94\x10\x036\x83\x03\xc5\x80y\xc1\x9e\xbc\x99\x0e"\x19\x11_\xd8\xa1%\x07\x06\xecn\x83\xd5m\x80:\xba\xeb\x98\xe1\x02\xd7^X*\xc8\x1c\xa8\'\xc7\t79\xa0\xec\x98\x82z\xc7!r{\x9e\x7f\x02\x06\xe7\xd5\xc2\x95G#\x88\xc2\xff\x93\xef\xf3\xfc\x9f\xdf\xf3\xfb\xff\x9e\xe7\xe2\x92\xa7!H?&amp;\xc1/\x1cvv33\x02%\x81\x10[\x95j\x06\x87_\x8b\xb7a\x08\x83RQ\x01\x0b\xa1\xfdt\x13\xd5\xfa\x88\xc0\xaaC&amp;&amp;P\xdd\xbf\x92F^\xb2ZK\xeaW\xfc\x8a\x99\x08I\x0b\xea-\x89\x04\x98j\xbf\xfd63S\x8d\xe7\xb1\xef\xb1\x12\x10\x0b\xa8\x80\x08\xcf\xceQ,`\xca`f\xb41\xff\xf0t\x19\xcd\xa7Ky\x0fk\x9f\xdeWA\xd6\xf2\x97H\xd4\xf0;\x13,?\xbf\x92\xc3\xa2\xd1&gt;\xa2\xc3\xfe5\x0e\x92\x15O*\xa7\xd3\xb0\xe3\xa7*#\xa3\x06\xb1Tm\xcb\t-\xf2\xd2\xbe\xe3\xe2\x7fT \x17b\xa9\xa1r\xce\x07,\x89:\x02\xd3\x14\x9d\x0e2y}\xf8)O\xaa\xd1\t\x85\xa2\xaa\xba\xc4y\xb1Tm\xdd\xe7\xc8+\xebDR\xe1WmuU\x89P\tfc\x89\n; Iu\x04M\x0eLr\r`I\xbdx\xa9\xca&gt;\x9dH$\xab\xabS!\x16\x93Y\xa7\x9a\x04\xac\x15\xefg~\xda&amp;\x03%\xa0\xb6\t\xc4\x10\xab\xac\x04\xad\xe4\x1a\xb9\x1c\x90\xa4^^J\xa9\x14\x8f\xcdu\x00\xa5\x9a\x84\xf2\x0f\xe2]\xd6$S-c\xe9YZO3\x99t\xf3\xbeL&amp;\xabK\x040\xdclH$\xd5Qx\x92\x19\'U\xf2\x94&lt;4Ej\xaa\xa9\x11\x8a\x19;\x96J\xd64\xd9\xb6\x8c\xfc`\xefFZ\xbbpXK\x94:\xc4\xdfl\x9f\x92\xc8\xf3_\'\xb2\xc9\xc5n\x99NWU\x97]U\x85\xd5s5\x07We)\x8f\x97*\x10\x08\x14\xa9\n\x81\xa2L\\\xd6\xae\x97\xa9&amp;\'\'U\xaa6\x95J\xd6\xd8\xa4\xc2\xb4e\xffyD\xb3\xd3B\xbf&lt;\xfeh\x12\xf1/\xb6\xeb\xd8\x1b\x94\x96\xd1._x\xf1.S\xa4\x91\x8bD:]\xa3\x08L\xa7\x91"\x94B!\xce\x11\x9f\x15\x08\xb8\xdc\\\xc4j\xc2\x8eS\x99\x0c?\xe8\x9b\x98\x97\xaf\xac\xb4\x13\xa1\x88\xb8{$C\x04\x81$\xd7\xa3I\xfb\xfa\x94\xc0\x84-\xcc\\x\xc1\xb2\x98\x9b\xc3-3\xe9\x9f\xeb\xfb\x9e7\x82\xe9\xf5M\xb2\xed\x97\x97\xe5D\xdb\x8b\xec\xf8\x84\x8b\xbc\xd0c\xb6x\xf1!\x11X5\xd94)\x08d\xea\xecT(\xe0%\xe6r\xb9e\xdc\\\xf83\x97h}\xc8\x15wv\xb6\xb7w\x9a\xfaL\x9d&amp;\x93^\x05K\xf5&lt;\x16\xe9\xb5\xc5\x8cD^T!\x93\xc9\x0eW\xb5\xf7u\x91\x16\x1d\xc8.\xf4\x98\xbd\xb6\x1f\x81\xed\xf5\xdd\xbc\x9a\xc0lZ\x1c\x8f\'\x16+\x14eeeb\xa2G\xa4\xb8\x18_\xb1\xc5\xc5\x05\xb9\x05\xc7\xda\xe1\xcb\xed\x04[\x9f\x0ckf\x8c-\xc7\x14\xb9\xd0\x96BZ\x94;I$\x87\xab.1\x01\xa7]\xc9\x83\xd4\x90-\x8aS\x9e\x05}\xc0s\xdc\\\xa0\x89\xb5Y1`\x15\x98\x0b\xb0\x9b\xbe\xacL\xd1i\xd27\xa9\xb0:\x9d\xc7Z\xc1\x81\x1a\xc0\xf2\xaf\xac\x94T\xd3\xe3\x04\x02l\xd7\x07\xd7\x01L1"\x11d\xe5\xc5\xc5\xb9e\xe7!\xce@/S\xa3\xac.#\x91\xb9\xbc\xd8Z\xd2\x9b\x98\xc7RG\xc9\xa5\xa9\xa9bn\x0e\x11O\x1f\x17\xcf\xeb\x15\x1bk\x8e\xcd\xc5Y\x08\xb1\xc2\xd4\xa7\x07,\x15`\x9d\\\xc6\x1c\xd2Rg\x1e\xc0\x89\x95\xb0\x10rhr/\xb8\t\x05\xe0\xca\x9c\x1cG\xac\xe2X\xc0\xc4\x11\r\xa5\xbeQ\'\xabJL\xdc~\xb9\xfbf\xfc\x8aV\xa7\xb8\xe5\xbf\x92w"??_\xcd\x89\xa0i4\x90\xb2 \xb9\xa7\n\xc49 \xd8\xc3\x87\xe8M\xa2=\x8a{V\xc1SJ5r]TUbF\xcd\xe5\xee\xee\xbf|\xfd\xbb4\xd2\n\xc7\x96\x1d+BH\xa7c;\x1b,\x87\xbcT\xd4\x8c0L_\x02\x84\x92\xc6\xc9\xe9B\x02\xeb\xf4\xc9o\xaeo\xfd\xe3\x97iK\xdf\xf9\xccwu\xcd\xf7\x1c\xcf\xef@\x16\xaf\x02\xb8t\xd8\xb12k)\x11Pf\tit:}\xaf\xe6\xd7R|~\xfa\xd9\xa7\x9f\x9d%\xd6 \x9eR/\xd7h\xa0\xee\x82\xb2\xab.#\x0f\xb06\x8d\x17\x1d\xfa.\x9e\xb8\xccB\xfb\xb4\xc3\'\xafo\xbd\x96&gt;j3\x8f\x95Y\xcb\xa0\x00\x96\x90\x96\x90\xb0ws\xc2^\xaf\x0f\x89\x9e-&lt;/HUb\x87\x1b]\x07\xe5\x0e\r\xe4\xf2?r\xfa\xe4\x7fo\x8c\x8f\x17\x9d\xf9\xc5\n.&gt;iW~\x0feV\x0c\xd4\xa5|\n%\x82\x13\xc1\x12\xb2\x126W\xb0\x12\xa0f\xde\xb6\r6\x19\xc4\xb8\x8f\x0e\x96L\xa2\x15N(\xca\xae\xc9;\xf2\xf7\xdb\x97\xc6\xc7\xc7]\x7f\x9b\xf6\xd3&gt;\x1ayu\x02\xb2\xb6\xf0\xe6I\xa2o$%%3e\x1f5\x84\xcfQC\x94\x85\xd4\xe6\x87\x04`w\xee\xb6_m\x83m\x0f-*J$\xc2\xf9\x1f\x1a\x8b%L\xf4\x07\xac\xfb\xed\x80\xe5V\xfa\xf5\xdb\x1e\xe8.w\xdc\x9b|\xee\xf6v&lt;\xc7\x88II\x89\x89I\xf9 %33\xa5\x96\xbf\xef\x03|B\x8f=f\xef\xbe\xfb\xb3\xcd\x9b\xdfcq\xb2\xab\xa3\xa2\x84,Vx\x05\x83!\xf1\xcf\xcb;}\xf9\x9b\x9d\xc0\xe5|\xe1\xcf\x85?b\xeb\xbe\xb4\xd1\xbf\x91\xb9\x17\x8fo\xff\xe3_\xcf\xdb\xecX\x91\x91)\x91111\x99)\x1f\xec\xdbw4\xd2s\xd7\xae \xdb\xe0\xca\x9ep\n\xa7\x1aG\x80X\x15\xe1T\x06G\xe2\xef_s\xe4t\xdb\xf3c\xe3\xe3.\x87\x8e\xff\xed\xcb\xbf\xc6\xffdy\x8b\x14\xffh\xac\xff\xc5\xe3!\xc1\xf7g\x8e\x7f\xafB\xac\xfc\x98\xc8H??\xc4\x8aI\xd9w\xf4h\x16\xdb\x93\xbd+\xe8\xe7\xde\x00\xb6g\xcb\x1ej\x08\xa7\x9a\x83T\xe1\x14F\xad$\x10\xbcx\x9a\xd9d:_\xe4\xe4Zz\xe1\xf8\x99?}w.-\xfe\xedW%9&lt; \x7f\xe3\xf4u\xe1\xe8X\xff\xc4\xb0\xc5P"n\xbfp\xa1\xf48\x81u\xca3\xd2\x8f\xed\x17\xe9\x99\x9e\x9e\x0e\xc2eeEzF\xb2\x83p\xa2\xc6\xdd}\xcb\x16*\x83\xaf\xae\x8e`\x85\x87S)!6\xac#\xcc&amp;}gR\xb0\xeb!\xb4\xd2\xe3\xfa\xc7s\x8f\xe2m\xcf\xfd\xff\xff\x82\xf6\xfa\xc6qT\xea\r\xd3\xd7\xb3#/\xfb\'&amp;f\xea\x8d\x03%\x97JKK\xaf\xb7O"V:\x81\xe5\x87X\xe9\x91\xec\xac,6\x9b\xbd\x8b\x80\x02?n\xa1\x1e\xe0s8\x0c\xc0b1\xf0\x90\xcc\xbf&amp;/\x8f)C\xacM\xae[]\xc1n\x88\x87\xa6\x9e\xf5\x8f\xcd\x92\x16\xcf\x89-:\x95\xfe\xa1\xc2\xa6\x10\x9d\xd7?Q\x8ff\x1c\xbas\x1d\xde\xea\xf5K\xb2_~\x81X\xd8\x0eH\xc8\x05:\xb1\xb3\xb0%\xe9\xe0\xc1\x836\xac\x80\x10&gt;\x9f\xc1\xaaH\x00\xac\x08&lt;\xbb\xf3\xaf\xa9\xc9\x00\xac\x82\xe0\xf5\xeb\x9d\x9d\x9d\xd79\'\xddi\x184\x0e\x03\xd8h\xfc[\xda\xca^k%\xb3\x05\xd4\xe8\xd8\\\xffD\xf3\xfe\xe6f\xed\xf0\xd4\xf4P\xc9\xb1\xad`7\xce\xbf\xc2B\xf3L\xf6\xc4v\x9b]Aa\xde\x07\x7fc\x03\xf3\x01,\x06\x05"\x0b\xd5\xe2#\x96\x7fM\x86H\xa3(\x0f\xde\xb0f\xe3\xc6\x8dk6\x02\x96\xa1k\xd0b\x1c\x9e\x98\x1b\x99-|\xf3\x04\xffZ\x87\xf3{\x87\xd3\xfc\xf8\xd9\x91\xb1\xb9\x89g\xf5Zmk\xab\xd6h\x19\xb8w\'6\xc9u\xdd:\xd7M\xc7\x9a\xfcO8`\xd9\xb8\xe06\x0c\x0b;\xe8\x8dT\xde&gt;&gt;\x01\x07B(T\xa0\xc2\xbe\x1fHl\x95\xc0\x95\x08XE\xc1\xabW\xa1\xadI*1\x0cvu\r\x0c\xb6h\xeb\'\xe6@\xb2\xc27L\xf0\xbf\xb1\xb0I\x1b\xc5\x88\x9a\x99\xa9\xb7\x1a\x8dFKo\xef@CC\x899i\xfd:g\xe7\xf5I\x8d\x81\'\xbeH\x8f\x01\x9ad\x0f;W\xb2\x1f\xdb7(\xe8\xea\xd5\xabaaa\xde\xde\xde&gt;\xbb\x03\x0eP\xa9\xe1{0\xe2\xf9\xfcZ\xb5\x04\xf4\xca\x16J\xc5En..N.`f\xf0a\xcb\x83\xae\xae\xc1^\x8bQ\xfbln\xec\xd1l\xfc\xdb\x17\x1fr\xfc(D\xd4\xb3\xfa\x99\x99\x19p\x9f\xd12=p\xaf\xc1\xd018Pb^\xff\xce\xc65\x1b\x92LU\'0\xe2\x93\xc1B=&lt;\xfc&lt;B\xe1\x97\x9f\x87\xafo\xd0\xe1\xc3A\x871I\xe0D N\xdcPA5&gt;\x9f\x83\\P\xcc\xf2r\x8b\xdc\x9c\xd0\\V\x9b\x1b,\xcd\xd1\xd1\xad\x0f\x0c\x86\xa1A\x8b\xb5\x19%\x1b\x01\xb2\x1fX|\xc8\x85\x84P3Z\xadv\x18t\xb2Xz\xbb\x0c\xb7\x0c]\xbdZmoCO\x12`\xb9\xec,\xd3\x01\x16\xa8\x05T\xa0\x17\x82\xf9y\xec`\xef\xf0\xf5e\xfb\xfa\x12\xb9\xcb{\xb7;\xce\xb3P\xa9\x14\xc4\xaa\xadU\x83E\xc9\x15\xc5E6*\x97\xd5\xe5\xf7\xa6\x8d\xda\xe6\xe8\xd6\x96\x0e\x83\xa1\xe3A\x8b\xd5\xaa\x05\xcdF\x1e-&amp;sL\xe5\xf1\xb3\x98\xa3\xc0yZ\xa3qj\xfa\xdf\xf7n\xdd\x02\xa6\'\xad\xd1\xfb\xf7\xefo1\xf4$mD\xac\x02\xa5\xe4\x93S\xe9\xc96\x03\xbd\x08\x03*4\x9c#\x83\x9c\xeaC\x8c\xd9\x04\x04\x1c\x00.\x0e$\x0bH\x17q\xdc\xd8WX\xe6;CSF\x10,\xda\xfa\xa0\xa3\x0b\xa3\xdfb\xb4"\xd9\xacc\x989xodnbfBK\xc4S\x87\x81`\xea\xb5"Tt\xab\xd5r\xcf\x0cj\xadrr+\x17\x0b?9\x85\\\xa1\xc9\xa1\xa1\x04\xd6\x0e\xf8\r\\\x87\xd10\xd3\xbb\xbb\xef\xb1\xa5U\xb0\x10F\x08\xdc\x97\x0c\x1a\xaf\x00}\xe8\x02\\\xab\xcdh=CS\xda\xe6\xe6\xd6V\xab\xd5\x02h\x84fV-\xa6\x0c\x12y\xb1\x13\xc9\xb3# \xd40\xa84t\x0b\x89:\x9e\xb4\xc0\x1b\x02\x9d\xf67[\xe1N,1\x97oX\x87XN;\x95\xea\xf4S\x9f\xdb\xc4\x02\xae\x1d\x1e\xd8c6/\xd7BN\xf5\xc1\xa6ft$\x18\x83\x92 (\x0f\x0e&amp;b+\xb8\xdc\\\xd2p\xad\xe7\xe1C\x00\x032\xbc@4\xfa\xb3\xabcpzj\xea\xd9\xcb\xd1B\x92\xa3\x13g_B\xda\xd4j[:\x90\t\xb3\n\xe1:\xf8\x9ef\xf8\xd2\xb5\x9e\x82\xa4\x9dE\xab\x9cA.77\x171=?\xc6F\x95\x8cra\xeb\x9b\xed\x03b\x85ag\xfa\xfb\xef\xbb\xfb\xec\xf6\xb1EX@@\x00\x85\x15\xc7%\xc4\x82[\xd1\xc9|\xad\x03"\xf6\xdaC\x00k\x98\x1e\xae\xb7\x83Y\x8d\xbd\x904\x1eh\xeb\xeb\xfbG^\xdd\x97\xa3\xff|1\x05\x8e\xeb\xea\xea\xe8x\xf2\xa4\xb5\xb5\x95\x90)\xba\x19\xfe\xb3\xa1\xa1\xa4\xa4\xe7\xe3\x02\xc0rsz\x87\xc0r+PD\x10X\x9f\xa3Z\xa1\x84Rv*H\x11\xde\xffc\xe2|C\xdb\xb8\xcf8\xae\xd3\xfd\x81\xbb\x93NYE\xfb\xc2\xed\x96\x94\x0b\xacGJh\xdc9va\xcd\x96\x8e\xbch\x0c)Gl\xef\xb66l\xb9\x17\x9e\xa0\xdaV\xb1\x175\xee\x8b\xc8\x88\x0c\x19G\xa9\xcaL\xde$\xb8\x92fO\x91\xc4\xecFF\xe8\x1cV\xdc1\x16d\xa7[jy\x989qf\x9b:]\xc7\x1c\x08\xa9q\xda\xb0\xac\xfb&gt;\xcf\xc9\xce\x9eX\x7f\x1c)\xbe\xcf\xef\xfb|\x9f\xe7\xf9\xc5\x9cn\xff\xbbD\xd5\xaaGpuv\x1e\xdc\xc39lq\xcdN,\xc3U\xbc\xd6\x1b7\x92K+\xf7\xefo\x0c\xe1x\x1433\xd3\xd3\xd3\x1b[[\x9f\xff\x07\x1eC\xf5=\xdaX\\^^\\\\$\xef\xf9*\x91\xb0\xcb\x7f\x04\xd3B\xcf@OOO8l\x89\xc1\xa0\xc0\xe6\x1a\x1cN\xfc\xe2=\x98k\x14Ar\x11\x0f\xdd\x0e\xbcq\xf9\xf6\xed\x13\'\xe8#\x8a\xfb\xf7S\xff\xf2\xe5\xea&lt;x\xf0\xfc\xb1\xde\xe1\x16VP\x9a]\x9b&gt;z\xfc\xc1\xf1\xa3\xd3\xcb\x17\x98l\xea\xfa\x85\xd5k\x1b\xe3\x90\xed\xe8\xe4\xcc\x1c\xaa\xff\xe2\xd0]\xe42\xf0\xd3\xcfnn\rM"\x81\xad\x98\x9b\x9b\x9e\xa6\nA\x0bM.\xc4z\xc2R\x98CT\x14\xc3\xd0\x0c1288|\xf8\x99S\xa7\x01\xd5A\x7f\x18\x8b\r\x7f\x19P\xa0\x02\xd77NP\x9f\xe8\x04Xgg\xe7S{\xbe\xd9=\xd0\x1e!,\xba\x88\xc5\xc0\x12R\xc7\xc9\xe0\x85_\x9fBLL,\xad\xc0Y\x1b\x88\x8bC\xe3\xa0\xdb\xba\x19xtsc\xfc!Mc*\xc1\xe9e"\xa2\xcc-$H\xa6PX\x0e\x875\x8d/#\x12\x94\xc2\xb2,)\x91\xc1\xf6\x81\xee\xef\xbc\xdd7\x8a\x0c\x8e\xfa9$&amp;\x96\x8a\xa9\xde%\xa8}\x9d]\xfcQ\xebg;\x9fz\xe6\xa5\xc4p\xbb\xdfIEQ\xb1b\xddk\xab\xd3\xad\x9c\xcc\xf8\x02L%\x93\xc9\xa5\xa5\xb5\x95\x95E\xd2mh\x0e$\x81\xad\xf1\x8d\xfb\xd7VWV\xd6\xd6\xd6\x96\x96\x96\x00\x94\\XX\x88\xc5\xa2!9D\x17\xa2\xc0\xd4\xd7\x00\x06_A.&lt;\x97\x14\xc85\xf0\xfa[,\x97oy_*\xc6b\xae}]\xfe\x18\x82T\xfb:\x0f\x9e\xdf\x9b\x18\xe6\x86ET\xa8\xe4p\xcf\xc9$\xe6\xc6\xf2\xdcdK3$\x07\xb6\xa6\x86t}biie\x15\xaa\r\xcd\x05\xc6/b\xbet\xf7\x82$\x91H,$ QO4\x1a\xed9\xfa\xc9\xe3\x00\x00\x08[IDAT\t\x81&amp;\x14\n\x91Vr\x087\xecH\x82\x02\xb8`\xaf\xc1A+q\xf6T\x1fa=\xb1\x83\xf5\x7f\\\'ZT\xcf\xb6u\xb6a&gt;\x9e\xed\x1d\xb0v\xb0\x94HD\x14%\x0b\x8d\x0bd\xab\xd3D\xc6f\x9f\x9ca\xe3|&lt;\x91\x9cJN\xac}yqc(\x00\xa8\xdes\xb1+\xd1( p\x87y\x8c\x89\x8c\x00\x16\xebEX26\x0f\xaa\xaa\x04\r\x8d\xe4\nF\x94\xe17Q\x8d-\xb5\xfcFzy\'\x8d\'N\xecc\xac\xae\xb6\xb6\xce\xfe\xfe\x83Ow\x0fX\nww\x16K\x91\xb0\x87\x10-k`\x96\xcap\x15}tfr\xd2G\x1bB\xe1\xa3\xca`\xb5\x95/\xaf\x05\xbac\xc8\x98\xa9Gi\xe3\x084\xf5q\xd0\xa6M\xd7UY\xc3\x83\xa9\xab\x9a\x1c\x91\xa0\x9a&amp;(\xd4\x15{\xc1\xd5\xc1\x1d\x02%x\xd9\xffb\xb9@\xd5v\xe8\x10)\xd6\xd5\xdf\xff\xeak\xaf\x9f\xb4D\xec\x1cDA\x92 \x96\x12\xa6k\xca\x90bak\xa0ga!\tG\xad..N\xfb\x19\xe5\x9c\x12Yr-\x10\xbbB\xfb;S\xa7\x1b]\xb9\'\xca_\xa4\x0e\xb04\xd5T5I6\x89J\xd3#\n\xc9e\x08B\xb0\xdd\x1a\xfe\xd5w_\xf1\xb1\x9e;\x00&amp;R\xab\x85\xd5u\x88&gt;l@\x9f\xb4\xee\x7f\xf1[{\x13,\x16_\xe2F\x0c\x0e\x8a\x9a\xd4\xba\xda\x8d&amp;\x19\xd8&amp;\xf5\xc4\x16\x92\xc9\x89\t\xde\xe4\xf8\xbd\xe9\xe8\xccE\x02\x0b\\1\xaf\x98\xfe&amp;[\'i\xd4h\x94\xd9B$\x15\xc8tU\x02\x1b=SU#"B.\xc3\x80^\xed\xc3g^\xba\xc4\xa3\xba\x83K\xf1r\x0b\xeb\xf6\xed\xae7x+\xd1v\xe8\x85\xfe\xfe=\xc7\x0e\x0f@,E\x11\x18+\x12\x11\x08\x8b\x1bN\x88\xbf\xc0\x15K\xa0\xc4\x00\x87\x94.\xceM\xf2\xb4\x1bZ\xbe\x10\xb8\x02[\xedRqp"\x91:\xfe\x1bC\xd2|&gt;\x10k\x8a\x82\xefP\x94HC\xbbu\xe6\xfb\x97\x9e|\xd2\xf7&lt;7.x\x8bd;p\x00{h:7\xfcgG\xf6\x1c\xebe*\xda\x93"\x14\xf8\xdd`\xa5\xd0r\x08\xcb\x8f(_\xc6\x85t\x9b\xe2\x02\x9d$\xb0\xc0\x07\xc0\xa20\xc9\xf42\x01\x84C\xba\xa9\x8a"\x81 e\x94O&amp;\xa3{E4|\xbd\xf0\xd3\xad3g/\x9d\xe6vJ\xa7\x84\xb3\xf3\xd1\xef\x19\xf3\x05P\xbd\xfc\xe3\x17\xcf\x92\xdd\x99\n6\x17\xc5H\x90\x94"\xaep\x8b\x89;P\x94J\r\x11\x8b\xf9\xa2]\x1b\x7fx\xfc\xf8\x0e\x16IC\xeeb\x83IH\x1c\xe9\x05\x06U&amp;[\x11\x95\x80\xe7\xd4$\xc8^\x1c\xc3g\xf6\x1eA\x9b\xe8\xe3\x89\xc8g\xabw\x8c\xf6\x8d\xae\xa3\xc7\xe2\xffh\xcf\xbf|\xe4\xe9\xee\xc4.\x15\xfc\x1e\xa4-\x84\x88UsHt\xcd `\xc9\xba\x89c\xab\xbe\xad\xa1M\xcfB\xf2\xc2\xe2\xd0\xc3\x80CX\xaa\x9fC@\xc9$\xb3\x84\xae\x00u\x0c\xc2R\x01\x87\x97\rE\x00\x0fV,\xb0\\\x86`H\xd6\x0fN\x9e}e}\xdd\xef_\xcf\x91\xcdFG\xd7\xd77\xd7G\x9f\xa0\xd3\xd6_=\xbf\xf70\xd9\x9d\xb0\xf0v\xf8\x91L\x86{I\xa3\xf6#\x98\xf2\x0e\x16\x1d\x98\xdd\x03,3\x1a;w89\xb1\xc2X!\xc6rL\x0c=\xf8\x06\x99\xa2\xe6%Ip\x93\xa6I\x02\x94\x83\xab\x0cU\xc3\xcf\x97%\x92\x8b\xc5\xa24\xbe\xf9\x1a\xb8\x18\x0cH`\xfa\xea+:E\xbd\xa3\xe3yP\x1d\xeb\xa6&gt;Jj\x19\\%J\xab\xa7r%R\xab\xa1$\xfa\x89h\x05\xe5,\xca&gt;K\x06L5D\x19\x84\x93!\x14QI\x82DS\x86\x94\xd25I\x12x\xe4 \xab\xbaF\x1a\xca\x82BL\x02\xda\xa2!\r\x9f\xe9\xfe\xf6\xdb\x9b\x9b\xeb}}\xa7\xdf\x01\xde\xfa\xd7D\x05,P\xed9\xf6\xf3\xdd\x14\n\xa4\x15\xefM\xb9\xadR\x1b\x934\x81.\xa4D\xd3\x83B\xe7\xa2b\'\xe9\xe4\xb9X\x80\xabP&amp;\x8d\xb0\x06\x060h\x02j\xdcJ\xe99\x19\x9f\x92\xa9\x1a*\x81*A\xce\t\xa0\x8c\xb08\x9c\xf8\xd1[\xef\xf3y\xbb\xa7N\xbd\xbf\xb9\xf95b\xf3\x9d\xd3\xf0\x15\xf6\xc9\tKP\x04\xd2\x8a\xa1\x82-\xb5x/\xc8C[\x0c\xfbk\xa7\x06I\xb5N\xd6\xa6\x84r-\x00K5\xb11\xe0\xf7\x12\x045Q\xd2\x85\xbb\x03\xb3\xa9\xfc\xaf\xb0&lt;\xacJ\x16D\x1c\x8aZ*4\xd5\xd0\xaa?\xfa\xf0\xce\x9f\xfd\xb8s\xe7\x13\xc4o\xe9l\x84\xf7~\xf8\xbd\xbf%,z\xa7\xef+\xb8}g\x00\xf9#\x1b\x0ft0,\x8d\x0f\xc8\x92Q\xc1QB},\xa4\xcfQ\xd1S\xa8|\xcdt\xb9YJ\xc7S\x8e\xa93\x89Fo$D\x13\xfbx\xcd\xc9\xc4\xd3\x19\x93\xa6\x0f\xcbE\x85\x11\xb6\xce\xfdi\xec\x8bO9n\xdd\x1a\x1b\x1b#\xbe\xabW\xaf\xfe\xee\xf7\xbf\xa6\x8e%\xf8\xbe\n\x06#j&amp;\xa5K\x82\xb8sQ3\x91$0\x18\xcb\xb7\x06\xad_\xf7\x07\x9e\x8f\xa5\n\xa2i\xca\xb4\x1b\x165\'W\x9c/\xd6\xaby\xaf\\.e\x9ct\xbaTJ;Z*]j6K\x8e\x9c\xce\xe5\xab\xf5F\xdaQQ\x94\x06\x1b\xc6@\x1a\xad\xdf\xfc\xe5\x8bO\xffI\xb1\x03\x87\x18\xfb\xeb\x1fz,\xeb\xb1\xdb#\x11\xc7\xcbyXp\x06+V}2\xc3\x10\xd9,a\xfe}\t\x8d&gt;\xca\xd3.\x16\xcc\xa2:\xba\xacD\x82\x92\x9c*\xe7\xaa\xf3\xb6]\xb0m\xbb\xe2\xa5\xb3\xd9J\xb6\x92wr\x157\xeb\x16\xf2\x99\xa2],\xba\xb5F\x86\xf2\xc9.\xc6\x8d\xf6u\x1f\xfd\xf2\x93G\x8f\x1e}\x8e\xf8\xcc\x8f[c\xff\x8e\x87,\x08"p\xc5\x12\x95\x1a/7\x8an\x85\x96\x9cK;\xa9x&lt;\x93\xd1%#\x13\xc7\x93\x94\xe9\xc4\x9be\xcf+\xa7\xd40\x15\xa8\xb6\x8b\xa59\x8e\x8e\x81%\xca\xf1b\xbe\x99\x9bw+Y\xd7.z^\xadR\xad\xd7\xecR\xd1\x9eo\xd4\xedJ\xdau\xd3\xe9\x86\xddHQGc,\x85\xb0Dk6\xb9\x86\r\xf8\xd0\xf8\xd6\xdd\xbb7)\xfe\xfb\x93\x0f\xff\x15\x15i\xcf\xc0T\xe4w!\x93\xaf6\xbdz\xb6\xe0b\xc5\x8dR\xbeXm\xe4\x9b\x8e\x93\xab"r\xf1T\xb5\xe0\xe2\x05\xcf\xa1\x1cS}\x86\xf4\x10aIN\xca4\xb0\x172K\xb5Z-\x9fn\xe4\xabY\xbbZn\xb8\x9e\x9e\xaa\xd9^%[6K\x95\xf9r\xad\x92\xca4*M*\x96],\n\xeb\xc6\xf5{\xdb\x0f8\xb6\x1floo\xdf[YJ\xa0a\xf9\xb6a\xaa\xa0R*\xba\xf3^\xbc\x98\x9d\xcf\x16\n^\x13\x8f\x95\x82]NC\x80\x8ak\xd7\xe3Y;\xe7\xd5\xedj\x86*A\xf2\xc7R@\x0b\x06\r\xc7qTe0\xe8x\xb5\x91\x91Z\xd9\xc9\xb9\xb6\x9d/\xcd\xdb\xf9r\xbd\x96\xf7\xb2\xc5f&amp;\x97mx5\xdb-\xd4\xaaq\x9d\r*\xf9I\xa4;k\xf6\xc6\xc7\xdb\x0f\xfe\xde\x8a\x07\xdb\xf7.$\x07,\x86\x92\xe9\xb7\x16H\xa1"{Y\xd7\xcd\xe6Ri\xacw\xbe\xe4\xb9u\xc7\xf1\xecF&gt;\x9b\xcf\xe8\x9e;_\xb6]\xc7\xc9\xe3\xe50\xda\x14\xcf\x00\xc6\x8a\x88\xa6\xe3\x98\x98+\x99\x06\xb0\xea^&gt;W\xb1\xddr\xc9\x1eA\x142^\xa1Pq\x0b\xf5t\xa36\xdf\xa8\x16\xec&amp;\x9cIz\x89\x12\xb5 \xfa\x95\x15\xd28uo\x97\x0bT7P\x84\x94@\xc2\xc2\x86\x14\xe14@U\x8f\xc7\xd3\x10\x0b9t\xab\x99t\xddN\xd7\x0be\'\xd5(\x14s5\x17\x8e.f0.\xb9}\xa2s\xcb\x84\xa5\xa8\xa6\xa3K\x91H\xa6X\xab\xd9\xd9\x91\x11\xaf\x8e%\xe4j\xc5f\xa92\x92/\xc2\x10\xb5z&amp;^\x19\xc9\xe8f\xd1n\xaa\x86\x01.\xc9hq\x91\xbb\x82\xff@\x1a\x1fk5k\x89d*\xad\xb5\xc3\x86Z\xe9"\xca\xa7\xe8\xba\x99\xaa[(\x03\xa7\x80\xe3\xe4\xcc\x8a\r\x0f\x17\xaa\xa5j\xcdE.\xe73t]Dv\x17\xf2\xf1\xbf\xa2\xcbX\x05a\x18\x08\xc3BMAK\xf5!:\xf98\xd9:g\xce[\xb8\x9c\x94\xc0\xe1\xe0\x9cd\tM\xb6BH\x1f\xa1t\x11|\x19W/\xb1b\xf6\x83\x8f\xbb\xcb\x7f\xff\xbf\xa36\xd5\x8c\xda\xd5\xd4g\xc0\xa1&lt;g\xd6\xe4\x17*\xec\xd2\xa0\x11\xfd,\x82\x07\x1b%\x18\x91\xe4\xa9\xa8\xfe\x91\x91\x02mXU}#\xae\xf7\x7f\x82\x97\xfc\xfd\xb7\xb4t\xde\xb0\x04m\xb55&gt;\x04xa\x02\xd0\x1c%bBn\xaej\x15\xd0\xab\xc0\x81e\xe7J\xde"\xc7\x87\x1d%\x87\x8a\xf5\x05\xeb;\xb7\xe1\x1eg\xb7x\xc7\x93^\xa2\xa0\xd5\x02\x95x\x1a\xe3\xc0yt\xb2)\x06\x82\xe5\xc3P$\xbb\x90]n\xcfG^\xfb\xd2\xab\xaam\x7fTYHsp\xed^\xd3\x9a\xb1V\xe9&amp;\xd0\xa8\x0f\xcd\xc8\x83\xb6\x8b2\x96\xe6iC\xd7y\x1b\xd4~K\xcaT\xcf&gt;\xe8\x12q.\xd7quJ\x00\x00\x00\x00IEND\xaeB`\x82'</t>
        </is>
      </c>
      <c r="M287" s="3" t="n">
        <v>45492.6775</v>
      </c>
    </row>
    <row r="288">
      <c r="A288" t="n">
        <v>877591</v>
      </c>
      <c r="B288" t="n">
        <v>1974</v>
      </c>
      <c r="C288" t="inlineStr">
        <is>
          <t>Puma Rodríguez</t>
        </is>
      </c>
      <c r="D288" t="inlineStr">
        <is>
          <t>Puma Rodríguez</t>
        </is>
      </c>
      <c r="E288" t="inlineStr">
        <is>
          <t>LD</t>
        </is>
      </c>
      <c r="F288" t="inlineStr">
        <is>
          <t>LAT</t>
        </is>
      </c>
      <c r="G288" t="inlineStr">
        <is>
          <t>LD</t>
        </is>
      </c>
      <c r="H288" t="n">
        <v>183</v>
      </c>
      <c r="I288" t="n">
        <v>2</v>
      </c>
      <c r="J288" s="2" t="n">
        <v>35502</v>
      </c>
      <c r="K288" t="inlineStr">
        <is>
          <t>Right</t>
        </is>
      </c>
      <c r="L28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6b02140-e744-42a4-b70d-d07076bc7bf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2\xc0\xc4\xe6\x00\x00\x03\x00PLTE\xff\xff\xff\xf6\xf6\xf8\x00\x00\x00\x06\x05\x05\xf3\xf4\xf8\xfa\xfa\xfc\xf9\xf9\xfb\xf8\xf8\xfa\xf2\xf3\xf6\xf7\xf7\xf9\x03\x02\x02\xff\xfe\xfe\xf0\xf1\xf5\xfb\xfb\xfc\xee\xef\xf3\n\t\t\x0b\x0b\x0e\xf5\xf5\xf9\x1b\x1e%\xec\xed\xf2\x0e\x11\x16\x1f")!%-%)1\xde\xb1\xa3\xbf\x85q\x17\x1b"\xbb\x89x\xb6~k\xe9\xeb\xef\xd9\xac\x9d\xdb\xaf\xa0\x0c\r\x11\x15\x18\x1e\xd6\x9f\x8c\xbd\x8f\x80\xc4\x94\x85\xd3\x9b\x87\xb7\x86u\xd7\xa7\x97\xc8\x97\x86\xe6\xe9\xed\x12\x15\x1b\xd1\x97\x83\x11\x10\x11\xbc\x8b|\xd0\xa0\x90\xc0\x92\x83\xdd\xad\x9d\xfc\xfc\xfe(-5\xe1\xb1\x9d\xb3we\xdf\xe2\xe8\xcf\x92\x7f\xc2\x91\x7f\xdb\xa2\x94\xd4\xa8\x9b\xe4\xbb\xab\xd2\xa3\x93\xe2\xb7\xa7\xc2\x8aw\xe0\xb4\xa4\xcd\x9e\x8d\xd4\xa5\x96\xcb\x9b\x89\xd9\xaa\x99\xd7\xa5\x91\xb0\x81q\xa5lZ\xe3\xe6\xea\xdb\xa9\x93\xe0\xa6\x94\xca\x90{\xea\xaf\xa9\xde\xb3\xa8\xb9\x83n-1905&lt;\xc8\x99\x8b\xe5\xb1\xa2\xabp]\xb4\x82r\xc0\x8d|\xed\xf0\xf0\xc8\x8cx\xdb\xde\xe3\xbd\x80k\xe1\xb7\xac\x18\x18\x19\xdb\xa2\x8d\xb8\x8b}\xdc\xa7\x9a\x14\x13\x14\x99_L\xd6\xac\xa1\xe4\xa3\x9c\xb2\x85v\xaf}l\xcc\x9e\x93\xd5\x9d\x9927@\xe0\xa8\x9a\xc7\x94\x81\xf1\xf3\xf3\xb5\x88{\x91[J\xc3\x96\x89\xc5\x87t\xaazh\xc1\x83~\xe5\xbb\xb0\xcc\xd0\xd5\xe1\xa9\xa2\xe4\xab\x9f\xaa\x7fq\xee\xb7\xb2\x9el\\~RC\xc2\x81r\x1f\x11\x0f7&lt;D\xd5\xd8\xdc\xde\xa1\x9c\xcf\xa3\x97\xb3r_\xc7\x8d\x87\xcd\x93\x86\xe7\xbf\xb5\xf2\xbe\xbc\x9cdP\xe9\xa9\xa4\xd9\xaf\xa8\xe3\xb3\xa8\xe6\xb7\xa5\xbbyj\xd6\x94\x87\xcf\x9a\x8d_&gt;4\xc5\x9b\x8f\xa4yj\x1f\x1d\x1eR6.\xc6\x8c\x80E\' \xdb\x99\x8d\x97on\xc1\xc7\xca\xeb\xc8\xbd\x8cOD\xa1gS\xba{v\xed\xb1\xad\xe5\xae\x98\x9fsf\xd3\x99\x93\x93jdoMC3" \x8d\x94\x96GMQF0*\xaf\x84~.\x18\x13\x14\n\t\x87XImG:\xdf\xac\x96\xc9\x84\x7f\xb8{a\xe9\xb6\xac\xabpm&lt;CJ\xe4\xab\xa8\xbb\x82}\xa8\x7fz\xee\xbc\xb4\xc6\x95\x93\xe0\x9b\x96\x96\x9d\xa0\xb4\xbb\xbe\x8a^T\xcd\x8f\x8d\xe3\xe0\xe1\xa3yr\x7fG=\xae\x8b\x8aPX[\xa3\xa7\xa7\xd2\x86\x84\xd2\x91\x90\xbb\x91\x89\x9f\\W\xbboj\xa0ehsVU\xf9\xf3\xf2\x82mm6+,\x96eU\\cd\xa6\xae\xb3v@4\xe4\xcf\xcbi:/\xb1xw\x89e_\xc6\x9d\x9cckl\xe3\xd9\xd7\xfb\xf8\xf7\x83\x8c\x92jty\xda\xc8\xc4\xc1\x8e\x8e\xf5\xec\xea\x82\x86\x84s}\x81\xdc\x92\x92\xdd\xc1\xb9\x93d[\xc7\xbf\xc0]DC\xef\xdd\xd9\x9e\x86\x84~__J::\xadYY\xb2\x98\x99\xd7\xb9\xaf\xca\xa7\x9b\xcc\xb1\xa8\xb5\xb0\xaf\xb7\xa7\xa5\xe3\x90\x9b\xc0qw[0\'\x95zz\xec\x96\xa9\xdc\x8b\x88\xef\xe5\xe2\xd4\x80\x92\xf2\xd0\xcf\xb3[n\xe5\x9a\x9e\xee\xa7\xb5\xd4\xa6\xa5\xbe\xb0\xb8^\x14\x14\xa5@D\x96LW\xd3v\x80\xc3cu\x8a0/o#!\xbab]\xb3\xde\xe3f\x00\x00 \x00IDATx\xda\xcc\x98ol\x13\xf7\x1d\xc6\x1d\x9f\x06\xe2\xac\xe8\xeeM\nV\x0c\x8eL\x0c\xad|\xb4\x89\xb0\x82Q\x17\xba\x94\xba\xc4K\x00\x1b0\xce\x85\xd8\x88\x82\xf2\xc7\x18\x15\x1c\xc51Q"\x90\x85\x97\xf4\x9a\xbb\x98d\xf1\x8b\x14_\xe2\xf8\xcf\x14T-\xa3\xc1\xca\xdf\x8dR\xcfN\x96Y\x01\xa1\xae\xb8#\xb8\xd8E\x1bS\x1dQ\xf5\x05\xeb6u\xdb\xf7g\x93\xae{\x9f\x0b\xfd\x9er\x89N\x91\xee\xa3\xe7y~\xcf\xdd\xefD\xa2\xb5\x1bI\xa1dCssA\xb9\xe8G2\x12\x89H\xd4&lt;07&lt;&lt;\x9c\xfc\xf4\xf3\xe4\xc4\xcd\x8e\xc9f\xc9\x8f\x02l\xd3\xc0\xdd\xcd4E\xb3p\xd0\xec\xc1\x91\x85\x89\xe3\x85/Z*Q\xe1\xe4\x93\xbb\x87h\x0c\'(3E\xd3f\x12#\xa8\x97\x16\xe6\x8eo|\xa1T\x9b:\x86G\xd8\x123\x85a\xa4\xd9L\x11\x04\x9c\xcc\x14YR4;1\xf9\xc2\xa0\xca\x0b\x0b\x9e\xccR8F\x92\x18F\x904\rX\x00\xc6\xc2/\xca\\\xf4i\xc7\xfa\'\xac&lt;\x17\xf5\x82M\x03\x87\xc48\x10\x95\x10\xc0E\x83P$\xc2\xa3\x08\xac\xc4lf\x17\x066\xac\xb7w\x1b\xcb\xd1\xa9`r\x01\x17\xe38ffI\x1c\xa7X\xba\x88\x053\x01\x0cC\xac\x94\xf9\xe2\\\x81H\xb2\xce\xf65\xbf=9y\xfes\xb3\x18\x17c\x18\xc5\x92b1\x80\xb0\xa0V\t\r\xe1\xcaq\x95\x94\x1c\x9ak^W\xb1\x8e\r\xcc%\x17f\x17fi\xa0\xc2\t\x14%\x028`H\x8a2\xa3\xe8\x03#A`\xe4\xe6\xe1c\xebG\xb5\xf1!4\x02!\x06\xfbp1\xa8\x84\xe1(W\x18\xb2\x8dfY3\xa0\x11p\x89$\xd0\x99M\xbeR\xbeNE\xd5&lt;q\x10\x13c\x88\xe8\x7f\x03\x14P\x11\xabJ\xa1\x80a\xb9Kbzx\x9d|\xdc\x9ad\x91a\xff\x8f%&amp;\xe8\x12\xb8j\xa6I\x80!)t&amp;r\x808\xf2q\x1dr/\x19\xa6Q\x9ca\xb5=\x9f\xbc\x95\x84\x19\xa5\x9e\x82\x92 I\xd4\x13\x109(\x8b\x12\xd0\x8d\x1d&gt;\xb6\x0eX\x1d\x17\xd1*#rXx\x9e\nC-\x01W\xc06\x8a"\xe9":\xcf\x8c\xaa\x02\x02\x06&gt;\n\x9d{I\xe1\x86$\x99#!Q\xb8\xf2\x91GPp\x05%\n\xfa\x9e**"\x01\x148\xb1\xdcU\xe0:\xf8p\x83DX*\x11\xaau\xb18\x7f;\x84\x92C\xcb\xe1\xe5\xe0\x80\x86\x02\xcdh\x183E\xd1\xb9\xda\xc0\xa8\xe4&amp;A\xb1\xcaE\xc7\xee\xa2\xe5\x85\x9a\x9d\x04M\x9cN\'\xf6\x9c\xe69\x15\x08\x06`\xd0\x13\xe8\tD\xd0dN0\xf1\xc8\xa4\xa0\xa9\x97\x88\xe6hXg\xc86\xc8\r\x899y\xdeI\x04\x83\xce\xdc\x04\xf3|8\xf4&lt;\r\xff\x82?_\x0f\x08\x97}"$\x96D49\x0b\xeb\x9e\xa2\x88\\\x92\x88\xa0\xd3\xe3\xf7\xf0\x1c\xc3q~\x0f\xfc\x15\x08\x12y`3t*\xea\x86\xef\x97*\x96\xdc$ \x97D\xd4\xf1!\x02\xa2\xd0\x0b\x0cX\xc8sa\x87/\xd4\xd6\xb6\xbc\xbc\x1c\x89D\x96C&gt;\xc6\x1f\x08\x041\x94/\x1a\x96$\xfe=\x97x\xe1\x15A\xb1\x066\xa36\xc8%=\xc8\'\x1cV\xaf\xb6\xcd\xa0Vw\xd7\x9aLR\xa9\xb4]\xfa\xebsm\xd6p\xd6\x13p\x06A8\x0c_\xd5\x0b\x174\\\x12\xd1\xc6$\x8a4\xbaQ0\x90\x9d\xb6\xba\x0c]]j\x98n\x13\x1c\xdd\xdd\xa6v[e\xa5T\xd6\xa5\xb5L\'&lt;\xce A\x04W\xb1\xf0\x8b\xe7\x85\xc4\xda\xba\x80\x1aI\x8c9\x03\xd9\xc5A\x8bWk\x00\xaan\x19\x92\na\x01\x17\x1a\x93\x0cH\xb5\x83@\xb6\xfa\x80\xc21zNH\xac\x8e\x0f\xc5\xc8&gt;Obz0O\xd5\x05JIm\x956\xa3\xd1fko\xb7!*i; \x9aL&amp;\xb5w1\x80\xad\xaaE\x08\x98y\x14-\xb8\x853;8h\xb5X\\Z\x03\xf2\xaf\xddf\xd4\xe9*T\x15\x15\x15F#\x82C\x03)\x93\xd6\x9ad]\x83\x9e\xe0*\xd6\xddf!\xb1\x8a \xee\x1e\x87\xd5\xe2ry\x11\x15\x8a\x93\x111\xa9`\x80Lg\x04F\x9d\xb1\xb2\xd2\x06+\x00\xcct-\x06\xf2&amp;\x12\xc9\r\x02b\xdd\x84W\x1a\'3huy\xbd^\xa0\x92I\xc1\xbd\n\x95R\xa5R*{\x94W\x95=*t\xa8*\x10\x19h\x06\x193L\x07rUF\n\x9a\xad\t\xd8|\xf1\xd3V\x88\x95\x16\xc4\x92\xd5V\xea\x90P\xca\xdc\\\xad\xaf\xafW\xe4G\td\xb0&amp;\xc1F\x83w\x9a\x87\x86\xc3\xcdO\x84\xc4\x9a3\xe3A\xbf\xc3j\xf5\x1a\x0cZ\xb5L&amp;\xedk\xba\x04P*\xe5U\x05@i\x14\x1a\xe0\xba\xaaPh^W*\x81\x0b\xf98fp\x85\x03\xd0)\xf4MQ\xb9\x90j\x81\x87\x10-\xc0\x02\xb1d\xc5y,\xa5R\xa1\xa8\xaf\xaf\xaeFd\x8az\x8dF\x83\xf4\xd2\xa1\xfcKM]\xde\x90\x1f\xe4\xa2\xe6\x84l\xf9$\x11\xe4\xc3\xb0\x0cQ\xdce\xe0a\xdf%\xc0\xca\xf9V\xaf\xa9\xae\xd6\xe4F\xa1\xd1\xfcL\xa1@\x01\xd3\x19m&amp;\xb0\x91q\xc2\xe3sX\xc0o%\x85w1\xa7\x1fE+O%\xad\xec\xab\xba\xa4R\xecG\x1a)\x00\x0b\xa6\xa1\xba\xb1\x01f?\xc8\xa5B\x0b\xd34\xd6\xa5u\x04\xe0A$`A\x88\xee\xcd\xe2\x01X\x87\x08+GU\xa9k\x02\xb14\rH\xa4\xeaF\x90\x0b\xb8\x1a\x1b\x1bv6\xec\xdc\x8f\xb0t\x15F\xe9\xd8\x986\x84\xea~A\xb0}\x86DT0Kx\xc2?\xc02\xea.)\xc1&gt; \xa9\xce\x8b\x05Te\xbbw\x97\x1d8\x00r)\x91\\6\x90\xcb\x1a\xf6\x04\x05T\x0b6\x88#A\xff\x0f\xb0\x8cM\xc8A\xa0jl\xacFr\xa1\xb1\xef\xd6\xebw\x97\xfdj\x95\x0b\xb9\xe8u0Nba\xab\x90XNn:\xf7\xdc\x81\xce\x92\x1em\xaaR\x1c\x8005\xda\xed\xa0Sc\x9e\xca\xae\xd7\xef\xd3\xef\xdbR\xf6\xe6~\x88\xbdJ\x85\\\xec\xb22|p\xe4m\xe1\xb0\x8e\x8d\x04\x98\x90\x05\xb0@\xad\x1dG_~\xe3\xd5\x9d\xf2\xb2\x06p\xcd\x8ex\xe0\'G\xe5v\xeb\x7fZ\xb7O.\x7f\x13\xe5\x0b\xb98\xe6\r{\x9c\x17\x8f\x0b\x87u&lt;\x13\x08\x83X\x16\xafZv\xa4\xb8\xf4\x8d\xd3\xafo\x93\xcb\xb7\x95\xc9\xf5[.\xd8\xdd\xfaF\xbb\xfb\x82\x1d\xa0\xea\xdcu05r\xf9N\x852\x1f.\xad\x83\xe3\x0fu\x08\x87u&gt;\xe3\xf1\x81V\x16\xed;;\x8a\x8b_{\xff\xfd\xd3\x9d{O\xee\xdd&amp;\xaf\xa9q\xbb\xdf\xd57\xba\xaf\xeb/l\xa9\xa9\xa9\xb9\x82\xe6\xe4_:\x0f\x97VU\xa9P\xb8\x0c\x96\xb0\'\xfeP8\xac\x81\x8c\xc7\x01X.\xc3\x91\x1d\xad\xbd\xa3\xa3\xa33\xb7\xee\xdc\x01\xb8\x93\'k\xea\xdcv\xbb\xdb\xddp\xe6\xc6\x8d\x1bw`\x1e?\x9e\x99y4\xde\xdf\xfa\xf2\xcb\x08\x0b\xc9\x15\xff\x83pX7\xfd\\\xc8\x05\xef4\xe7Z\x97|\xd1h:\x1a[Y\xe9\x8f\xc5\xfa\xc7g\x80\xac\xe1\x82[\xfeY\xcbT\x7f\x7f:\x9d\x8e\xc5\xd2Q4\xbe\xa5SGQ\xe6\r!\xce?!\xdc#\xf1I\x1e\xabm\xd9\xe7\xe7y&gt;\x0eS\xc4\xb2|\xc6\x97\x9e:{\xe6L\xc3\x96g\xa3KK\xa9\x14o6\xb3\xf1\xf8\xe6x&amp;\x93\xca\xf8SC\xc5&amp;S\x976\xc4\xf8\x93\x02\xbe@\xe4\xb1"\x1c\xcf\xa2\xad|~\xa7\x8f\xf1\x99T\xb4\xff\xec\x07\rW\x9e\x8d\xa7\xa3\x19\x9eB;\x1e\x8cd\x117\xcbf\x86L\xa61m\x84\xe1b\x12!\xb1\x1c\x16x%\x08\xa2\xcf\x91\xcf\xbf\xad\xe1D\xc0\xcfq\xd1\xd1N\xf9\x95gSi_*\xeeD\xbb\xec@\xdc\x0fG\x1cvf\x8c\x0c\xb0\xe6}\\\xac\\`\xacp\x10\xa3\x9c,\xef\xe7\x18\x06mW\x03\xbc\xc7\xcf,\xdd\x82\xd8_\x99Y\x8a\xfa\x18.\xcb8\xe6\xcf\xb5\xb6\x8eO\xf5/ES&lt;?\x0f/]\xf3&gt;&amp;V \x1c\x16\xe7\xf7\xb9\\\x8c3\xe0OE\xaf\x8d\x8f\xb6\xbce\xb0.&amp;\x12\xe1\xb0/2\xbe\xb7\xa6\xee\xf2\x83\xbd-Cmm^(\x10\xd9\xd1\xc3\x9d\x9d\x9d\xb7F\xa7\xfa\xa3\x9c\xc3d2X}\xe1\x980\xdf\xb8\n\xef\x7f}\xefo\x8c?\xec\x82\xce\xe6\xc2\x91\xf1\x13\xa3\xa3-\'ZZz\x1d\x89\xc5\xd0\xfc;\xa5\xdb\xea\xea._\xaey\xb5\xafXf\x99\x1e\xd4\x1e\xd9\xf5\xda\xd9\xd3\x9d\xa7\x0f\xb7\xb4^\xf3\x85d\x08\xcb\x17\xfb\xfa\x8f\x0f\xbe\xb8\xb7\xe6T\x7f\xda\xfe\xd6\x9d\xc7)\x0f\xe3\x82e\xe5\x8b\xf4\xb6\x0e\x8d\xcf\xac\xc4b+\xe3\xad\x91l\xc2%+\xdd\t\x8d\xfa\xae^s\xa9\xd6\x95p\x9c\x1a\x9dZy\xf4\xf8\xceg\xbbJKO\xb4.\xcf\xd7\x9a\xb4!\xc0\xfak\xcf\xd3\x8f\xbeY\xeb\xdc\x7f\xd1w\xfb\xf6\xc7!\xce\xc3X\xb4\xf3\xa1\xe5\xde\xde\xe5\xa5\xd8\xc8K,\x19\xcf\xa4?Ix\x1c\xea\xe2\xf7\xca\xf4\xd7\xf5\xd5\n\x9da1\x1b\xb9\x16\x8d\x17]\x1c\x89=j\x1d\xda\xb5}\xd7\xa9#R\x93\xd6\x11v\xcc\xb7?}\xfa\xaf\x0b\xf7\xd7\xf8{\xdb\x83\xdb_~u\xdb\xb2\xc8q\xd66\x98!\x87/\xc3\xf3N\x16\xcfdV\x96&lt;\x9eECm\x9fF\xffs\xfb\xd5\x8aJ\xedb6\x1cM\xd1d&lt;\x18OE\xe7\xdbv\x14o?Z\\\xabu0\x11\xd9\xd3?\x7f\xf9\x8f\xdf~\xb3\xb6a\xff\xfd\xb3\xef\xbe\xfdg\xbb\xda\x95\x00\xac\xde\xde\xa1H\xc2\x13H\xc5\xa0\x0b\x02\xa9\xbf\xafd\x13\x0e\x83\xac]\xa1\xbfn\xef1\xda\xd4\x96\xe9\xa5\x99h\xc0\x19\xe0cQ\x90V]\xbc\xa7i\x8f\x14\xd42\xd8z&gt;\xfa\xea\xbb\xff\xfc\xf2\'k\x8au\xffw\xff\xfe\xf6\xe3\xf7Je\xa1\xac\xb5\xed\\k\xef&lt;\xc3s\xe9\x954\xc31\xfd3\x9f,.Z\r\xdd&amp;\xa5\xfe7\xbf\xe8\xb1\xb5\x9b\xb4\x83\xa1\xfe\x18\xe7\xe1b\x8f\xfb\x99lH\xbd\xa7\xaa\xaaIjp8\xfe\xcb\xab\xdd\xfd\xa4\x95`\x01\x00w\xb3\xfbf\xfa\xb4/%\\m\x82\x02&amp;\x04e#A\x1c\x8a_\xc8\xaa\x0c\x89\xa8kwCI\x05J$~p[\x9ck\x99\x0c\xf1R\x17\x15\x98N\xc2`d.\x88ON&amp;\xder\x03\x02I\xa9\x9a@\x81u3\x9bZbjRM\xa8\x8dM\x9c\xb63\xba[\xdb\xba\xd5V\xfb\xb1\xe7\xd2\xfd\x13(\xe7\xc1\xf8\xf8\xcb9\xe7\x9e{\xce\r\x0c\xb6\xc6\x9e{\xfb\x16\xdb((\xeb\x05\xf9\xe1M\xfa\xec\x04\x7f\xf4\x1e\xb0t\xa6\x9f\xaf]\xbb57\xfd\x9f\xe9\xb9\xd9lv\xf4\xee\xf2\x0f]c\x0e\xa7*\x12\xf4\x0c[\x86\x19)\xaf73=\xf7x\xe5\xf1tfT\x8eTI\xaa\xab\x18\xc2k\x97D\xe5\xaf"\x07o\xdf\xdaW\x0b\xf8\xc6\x06V\xfa\xcd\x07G\x00\'L?\r\xcaM\xba\xd6\xefL\xb3\xa3\xb3\xd9\x8b\xfc\x1e\xa9\x05\xaaviL8&amp;t\x8e\x04\x83\xea^\xcb\xb0\x9b\x1a\\Ne\xc3\x9b\xd1h\x05SZW\xd9\xd8$aKo\x0ev\xf1\xb83\x18\xb0b[\x05e\xed||\xf3!\x9dN\xa3\xfa\xfc\xb2\xa5\xd7\xb7\xb6\x9a\xf4\xcc\xcaN[\xef0\xd1%\x1f\x83\x80laA\xb1\xc82\xdc\xeb&amp;\xbaRc\x16\xb7\xd1\xe86666J\xb8-\xd5\xbd7\xe5\x88\xc8y\xe0\xf1\xec\xbeO\xec\x14\x96\xb5\xfb\xe6\xbd\x03EG\x7f\xfe\xe1\x92\xbc\x9b\xa3km\x1d\xe0W\x80\xca\xe6r\xe1\x880=6\x96\xfe\xabG\x11\xc1\xfa\xa1\xe7E"\x1c\xc2msU7\xf5\xf5\xd5K\x80%\xeb\xb8\xd9\x85\x0c\x07F\xda=\x1f\xdf\x9f\xee\x14\xb4\xb7\x80\x95\xb2\xa1\x83o\x96G\xe1\xcd\xc2\xe73u\x15\x9d\x97/K\xe0 \xacv\x13\x0e`9\xd0\x98o\x1c\x1b\xf18{EN\xa7-\xa09\xf7\xe5\xdf\xae\\\x81\xcd\xb9\x9c+\xe3\xd2,%\x95"\xb5\xf6\xc4\xdb\xd3\xc2f\xeb\xc5\xd8\xfb\xb0\xab\xeb\xee\x87\xed\xd1\xbf\xcb\x11&amp;\xbf\xa6\xb2\xb2\xb3\xfe\\\xb9F\xcc\xb6\x91\x84\x03T\x162\xa6\x18\xc7\xecb\x8fS\xe4\xf4x\x9c\x01\xb1\xe0\x13\xeb\xac@\x06\xd9B\x84LCz\xf7\x00\xd3~L\xbc((k\x8b\xf0\xe2\xe1\xd4\xdd\xd4\xe6,\xb0\x94=U\x9dU.I\xc0&amp;\x82\xd4\x90\x8et\x1aT6-6&gt;\xae\xd0\x82\xcb\xe9\x89\xd1\x7f\xc4\x9a\xb3\x93\x93\x93\r\xb5p\xca\xf6\xdeD\xa4\xa1\xd7\x89\x84\xd6\x97\xc8\x15\xb6\xe5W\xdd\xbb\xa8\xdc\x9b\xc2q=&lt;\xf4RcU\x95\xcb\xe5\x02\x95\xcd)\xb28\x1c\x16\x0bJ&amp;\xed\x11\x9a\x05\x07\xa3\'\x06\xe1\xf1x\xc4bA\xc3\xe4\xf9\xda\x856\xd6\xf0M%[\x1c\n\xe5rv\xad\xb9\xb0\x03b\xb5s\x97\xf0z\t\xb7\x9bO\xb3\xc0\xd5\xecr\xb1\x9c&lt;\xa7G\x84ZP\x14u\x939Ed&lt;\xa2\xd0j\xe1R\x1c\xd1B\xe4\xefYU\xc3\x94j\xa1\x8d\xcd\x10Jk\xa7\x82\xdaXNk\x0f\x16v\x9cn\x18v\x89\xf7^\xdc\xe5\xaa\x9c\x95#\x0c\x06\xfd\x05\x89\xed\xe2\xb1\xc5\xe28J\x10\xa8\xdbM\xc6|PDl\x04X\n\xccg\x1f\x19\xa1\xff\x83[V\xa5\xf2\xb7\x89\x94\xc2\xba\xeb\xc1\xeb3\x80\xb6G\n\xba\xda\x94\x9e\x99\xf8H\xa6\x96\r\xf5\x95\x9d\xa6Q!\x03\\\x1d"\x1e\x8f\xa51\x8b\xdd\xe9.\x87\xdb\xe6N*0("TQ\xa5\x1a\t)\x14&gt;\x85B\x05iS\xf9\xfd*\xbfZ\xa4D\x9ag\xcc\xd6W\x11\xad\xdd~\xbd\xb0\x1bW\xe9\xc34\x89\xa7\x880%\xd1\x8d\xeaiV\xaf\x88Vi\xe2Y\xb9\x9c\xb0\xd9p\x03\x98\xc6_\xbd\xc2\xec\n\xa8dL\xeb\xc3\xb0`P\xe1\xf7\xb7\xd3\xac\x0e\x04\x91\xcc$Ik\xcc&gt;n\x9f)\xecF_\xbaC\xa6\x93qr\xd7\xdbt1\xcf\x1a\xee\x10\xb1A\x95$R)\xcam\xc3\xdd\xc0\xc2\xfe\xcf\xc2\xec1\x8f\xd5\x17\x89D0\x15\xb0\xfc~u/\xc28w\xc5\x92N\xc40\x85v\xa7\xa4\xb0\xb1z\x94\xdeO&amp;w\xbd\x9d5\xb3&amp;`1:xb\x8d&amp;\x80\xca\x07S\x84\x1bGQ\xdc\x1aR`\xe3\x98\xd9\x1a\xc20\x85\xd5\xe9\xd4\x06\xe1\t\x98\xf2\xb7\xb7\xfb\x17\xd4R\xa5\xf4\xbc\xc0\x91\xf0\xf9\xb4\x07\xa1\xd5Bo\xcdk\xe4~\xdc\x10\xb7T\r\x99L\xf9\xde\x82vw\xb9)\xafW\x1eF\xa9\x9f\x963h\xd2\x1a\nY\xe3T\x860\x98\xb5\x1e\xd2i\x0eF"AH\x97\xba\x9d%U\xd6\x9d\xef\xf7(\xc6}\xb1\xd8L\xc1\xbf\xa0\xae\xf6\x91I\x83\xc1`\xab\xd4w)i\x96\x8b\xe5\xc2\x89\xd4]/\x85\xa2\xa9{\xff&gt;\xc9\x86\xd1x @fR)\xd4\xaa\x15\x93\xc3\x1eU\x10\xcb\xb3\xd4l\xa9\xd2X;\x05\xad\x17\xf1)\n]C:]\xceD\x12\xda\xcb\xddm\xa2\'\x84\x11\xc6i\x0f\xe5]\x1e%P\x94\xc8\xa42\xd9l&amp;\x13\x8e\xe7\x92\x89D\x0e\xa6\x96\xcd!\xea\x9f\x0cNMA\xd3\xaby\x0c\x06\xafV\x05\x0f\x01\x86\x8d\x17\xbc\x86\xf0\xfe\xb1&amp;\x12\t2\xcf\xa2\xbf1\xdb\x9am=r\xef \xa8\xd0,5\x97\xc9R\xa9\x93,T\x19O\xc6\x80%\xb6X\x02\xaa \xa8\xfc\xed,\x11\x83\xc1\x9e\n*\xec06v\n\x7f\xf0\x97\x9eY\x8b\' \x19B\xc4\xa4\xa7]0\xe8\xeb\xba\x06\xa90\x8a\x86\xa9\xe9\xe9\xc5\xf9\xf9p\x18\x8fF77q:[V\x9b\x85\x14O\xd2,5\xaf\x83!e\x8fD0\x9f\xcfW\xf8d\xd1\xae\xd5\x87\xf1D\x82\x18\x1a2\t\x11%\xedr\xd9\x84B~8\x8cf\x97\x16W`\x19\x85su}}=\xba\x197\xc4bb\x8fMj\xab\x9d\xaa]h\xcf\xb3$\x02\x05\x86\xf9\xc6\xb7&gt;\xcb\xd7\x91\xd2\x8d\xfbO&amp;\x1e\xac&gt;\xd4\xeb\x11D\x880\xa4,\x96\xb4\xf2\xce\xfc\xfc\xfc\xe2\xe2\x9d\xe8z}_\xdf\xc4\xc4\xd1\xc4\x11\xb86\x93\x81\x80X,\xb6\x89\xa7\xfcj\xe8\xf8\x0e\x06\xf3\xe1\xd6+\x18\xb6\x9f#WyW\xe9\xc6\xefJK\xee\x0f\x98h\x96\x12X\xc6;\xf3\x8bK\x8b\xf3\x9bQ\x83\xf9S\x84B\xe6\xa3\xc0&amp;\x9d\xba\xfaI1K\xb5\xc0RC\xb6\x94=k%gVW?\xeb/Q\xa1\xf5\x87LJ%"\x04Vs\xcd\xca\xe2\xd2R6\x8c\'\r\xff\xa5\xc3n\xa7\xfb\xda\x9c\x8cG\xa3\xebO\xbfT\xb1\xfd\x0bl`\xf5*+_\x94|\xfe\xd8x\xfa\x89\xd5+k\x1eZ\x99\x9b\xa5\xa8l\x96 _\xbe&lt;8\xd8\xcb\x87!\x97\x8c\xd3\xae\xbe~v\xfb\x82:\xcf\xba\xb1U\x04\xd6\x9f\x9e\xc0\x84P"\xca\x8e\x96\xea\xcbK\xdf~\xbb\xec=99\xc9\x1c\x1e\x1e\xbe\x83\xd8\x7f\x07\xff\xec\xefS\xdbsC\x06\r\xac\x84\xea6("\xf2t\xb5\x08\xac\x92\x070 8J\xa5\xb1\xa5\xe9\xf2\xad\x1f\x7f\xff\xf5?\xa6ajeNv\x0f\x0f\xc3\xcf\xa2\xd9\xf5E\x8a\xba\xf5\xfd\x8fw\xc3\x06Amm\x9bZ\xc6\xe2I\x91g\x1b\x9f\x1f\x05=\xdf\xaa\xe709\x9c\xba\xf2\xf2z\xea\xde\xf7_\xff\xeb\xd7\xe3\xe3G\xeb\xebGGO\xd6\xfer\xfb\xc1\xed\xab\x8f\x8e\xffyo9\x85j\x1aT\xb0\xc7\xb7\xb1D\xc0:S\x0c\xd6\x8b\x8b&amp;\x0eS\xd9\xcd\xe4\x9e\x134\xa1\xd4\xf2\xf2\xe3_\x8f\xbf\xf9\xe6\xc2\x1f\xcb\xfe\\\xf6\x87\xb2\x0be\x8f\x8eW2dB,8{\xbe\xa1\x85\xb5\xb0\xc0\xea` O\x8a\xc2\xda\xba\x01,f\xb7\xaeQ (7\xc4\xf7w\xa1|\x9b\xbf&lt;*\xbb}\xf5B\xd9\xd5\x95\xf5\xfd\xfd\xfdD\xcc\xaa\xb8\xf2E\x03\xdc\x88m2^/\xb0\x8a\xf2K\xdd\x8dg\xa6V&amp;\xb3\xb5\xb5\x86\x0b\xe7k\x1cM\xbf{wx\x92Y9\xfe\xed\x97\xdf\x8e7\xdf\x9d\x9e\x9e\xe6\xac\xd6P\xf0\xca\x17\xe7\x9a$\xb26\x16&lt;\x88\xfa\xe2\xb0\xce&lt;\xf8\x0e\x9aK\xa7\x1b\xe8l\xe26\x01k\xff\xe5\xcb\xd3\xd3\x97\x9fbo\xef\x00TV\x15\\\x88\xdcj\t\x97n-\xa5\xfea1X\xa5%k_\x99\xba\x99\xfc\x01\x1d\xbfQ\xe2\xc2Qb?\xf7\xfa9\xc4\xde\xde\xf3\xe7\xaf_\xbf6[\xad\xda\x91~\x01\x9c\xd3\x92&amp;\xae\x8cm\x94r\x94Eb\xdd\xd7\x99 ]\xfc\x81\x81\xca*\x1c\xc7\xc3\xe1d(\xef\xca\xabhVH\xd5/\x10\xb4\xc8d-m\xb2F#\xac\xcc\xc5b\r\x98\xf4:\x0e\x9f\xc9\xe1WT\xe05a\x82 s{{\xf9\xd7\xcf^\xccj0\x98\'U\x02\x8d\x86U\xdd\xd6\xd2V\xdd\\\xc7d\xf6\xcc\x14\x87\x05\x13\xc2\xd4\xca\xe1\xf3u\x1c\xe6@\x05:\x0f\xaf\x9f0\x1e\x8f\'\x03Q\x1c\x85\xec\x19B\x93f\x8d\x80\xebbq[d\x8dU\xc6\x9e\x1ec\xd1Xz\xd3WPE\x0eg\x80\x13\xae\x08S\x99\xed\xb9%\xd8o\x96\xa6\xa73Y\xfa\x06\x9a\x14h\x04\x1a\x99L\xd6T\xdd\\U\xc77\xf2\x8a\xc4\xda\xba\xa3\xd7C\xd33\x990\xec\xbb!i\xd9\xccvfiz\xee\xd6\xadm\n7h\xccf\rWS\xde"\xe3r%\xd5\xcd\x95==l\xf6Z\x91X7\x10\x0e\x9d.f7T\x12\xad\x81\xae\'\x08j;C\x11(T0\x04,\x8d@\xc0\x95\xc9\xb8M\x8d\xcd5\xff\xe3\xe5\\\x7f\x9b\xc8\xce0\xceHc\xcf\x8c2\xb6\xe4\xb5\x9a\x18\x19;\xd2\x8e\xe3\x8bV\xbe%MF\xb6\x83o\xb1\x1c%nb\xd56n\xb4\xae\n\xceEq\xf0"{e\x12)!j\xdd\x85E\xa2\xf1\'@*5A $@EP\xa0$\x85\xc2\xaa\xf9\xd0V\xbb\xa1(\x02\xb6\xb4\xa2\xdbl\x83\xc4-\x1f\xf8\x1f\xfa\xbc\x93d?l/bw\x89O\x00\x81\x10\xf0\xe3y\x9f\xf3\xbc\xef\t\xe7\x90\x1eokk\x94Zs)g\xac\x16\xb3\x02\xcb\x9d\xb4\xfc\x14\x07\xb1\xd3?\xfb\xe5o~w\x1aG\xd8\xfe~\xe22\x04\xa3=.W8\x90\xb4\xcb\xe3m\xef7\n\xebO/Rik\r\\\xb1\x9842r\xec\xd8i\x04\xe8o\xf7\xd1\x08x\xaa\xbf\xff\xf2\xe5\xcb\xa5\x12\xb2\xd4\x15\x08\x87\xec\x96\xf1\xb6\x9e\x06b\xed2Z\x87k\x07b\x95a\xe7\xb1Qh5zh\xdf\xe1\xc3\xcalz\xf8\xf0\xe5\x83\xd7\xab%\x8f+\xe4\n\xb8\x92vK\xa4\x07\x13W\x83\xb0\x1e\x01\xcbh=P\xabTj\xf9"\xa8\xfe\xf0\x8f\x0f\xc1C_p\xea\xea?X\xad\x0e\xd9B\xa1P\xb2XLF\xde\xc5l\xd3\xf5EC^c4=z\xb9\xcb\x99\x86\xbbj\x95ZEJ\x8e\x8e\x9e&gt;t\xf0T\xff):\xa0\xd2\xa7\xde\xae\x97J\x89@2Yt\xbb\x93\x11Wo\xef\xa5\xde\xbe\xe7\x8dy$\xf2\xe8\xe5pZN[+\xb5Z\xedv~idt\xf4\xeaA\xe8\x04\xab\x1f&gt;u\xfd\xe7\xd5\xd2P\xc277W\x94\xdc\xc5\x90\xab\xf7\x12V\xdf\xf3\xc6&lt;\xbf\xd3\xbc\x1c\x96e\xd9\x99\x07\xd7\xed\xdb\xb9\xa2r\x1e\xeb\xff\xf8*z\xf4\xbe\x0f\xaf\xd2\x8d\x91\xd9\xb9%\xc9\x9d\x0c\x05\xc2\x80\xea\xe8m V\x1a\\\xe9|\xa5r\x1b\xc7\xc4\xf3\x13\x7f\x83\xe9\x7f\x8c\x1e}\x08\x1dqt\xf6\xc5\x8b\xb9\xa5\x1cQ\xd9&lt;\x1d4\xd0\xf7\xed}\xd4\x10,\xefs\xc2r\xcb\x18\x05\x89\x0b\'\xd8\xdc\r\x94\x12\xeb\xf4\xc8\x8d\x1bssK\x13\x13R2\x14\n\x83\xa9\xa3\xe3W\xbd]\xbe\x86\x9c|\x9av|\x11s\xca\x16Y\xce\xe5\xc1U?N\xeb\xda\xf9%Zw\xee\x9c\xbfs\xfe|%OT.[\x87\xb2.u\x85\x1a\x84\xf58f$,\tU\xac\xd4\x8e\xcf\xaf\xac&lt;}\xba2\xbf2O\xeb\xf8\xf1\xdb\xa0\xb2\x83*\xe0\tvt\x1c\x05\xd6{\xf6\xbf7\x14Kv\xc6*\xf0}}\xe5\xe9\x1f\xcf\x9c\xb9x\xf1\xe2\x993S\x8b\xf3\xf5J\xce\x12q\xb9\\\xb6\xa8\xa7\xe3(\x16\xb0\xc6\xff\xd5(,\xabl\xb1\xc8\x92\x84\xc9\x19z\xd5\xe7\x17\xa7\x14\xac\xa9\xc5\xc9\xca\x84;\x82\xbe\x13\x8ez&lt;\xc1\xa3G\xfd\xc0\xeam\x93\x1f\x0b\x9a\xa6\x06`\xfd%f\x95,\x16\xb7$I\xb9\x89|&gt;\x1f\xabM\xfesqq~~\xb2\x16\x93\xec\xae\xb0-\x1a5\x9b[\rA\xbf\x82u\xa9\xb7m\xcfz9\x9e)0\xaa\xed\xc7J\xd1\xbf\xdd\x81+\x97\xcbML\xd0\xd7\x89\\1\x99\x0c\xb9\xc2fC0hh\x05T\xd0\xef?\xeaW\xd4z\xb7\xaf\xf2\xe7\x9b3\xa6Lf{_\x82o`I[X\x12\xf2\x9c\xee\xe3\xcd\xce\xfa\xcc\x86n?R\xbe\xdb\x00\xacn\xacM\xac\xae]\x17\xbe\\\xbb\xc51\xda\x82j\xbb\xb1\x8c\x92\xdb\xe2vKN`\xd1u\x9a\xb0\xcf\xec3\xb7\x02\xea\xe4\xc9\xaa\xbf;hP\xb0\xfc\xc0\nv\xe0d\xbd\xf3\xfbS_.h8u!\xc3l\xe7\xd5\xe6\xc7\xf9\x18a\x91\\\n\xd7\x08\xa8P8\x7f\xb5JX\xa5\xa0\x01\x1f~\xff\x06\x15\xb0\xdav\xff\xe8\xd7\xbf\xb8\xa9\xe2\xd4\x1a&amp;\x93)\x08\xdbD\xa6)\xacVp|\xb5\xd8\xed\x8a^\x139)\x19\xa6\xfa\r\x95\x00\x05\xac\xa1\x84\xc1\x80j\x92X\xdd\x14\xa7\xf0\xfc\xce\x0f\xa6\xd68N\xadR\xa9\xf9\x8c\xc9\xb1-/\xfa\x9b\n\xf1\xf5\xba\x95\xb0\x92\nWn"\xe7\x1e\x01V\xc2OZ\x81\nX\xad\x86nE-`y\xa0V\xdf\xce=\xfb\xd7\x04\xb5Z\xa5\xe6\xd4\x1c\xaf\xd5\xf2o\x9f\x0b\x06)\xbf\xaeC-\xd9b\x8f\xd8\xddd{\xec\xc2\x11\xdb\xa6\xb3J\x1f\x93V\x9bX\xdd[X\x1f\xf4}\xb4\xa6\x03\x96\x8a\x138A\'d\xde\xf23\xf0&amp;\xde\xe4p\xe8W\xe7\xe98\xe6\x94\x80\xa5\xecFt\xe6\xe2H8\x8a\xca\x95\xfc\x08\x07\x84Vk\x10E\x84\xe77\xb1\xba\xf6\xf4}\xf4Z\xc7)X\x82\xa0\xe3\xf4o\xf7B\x9e&amp;\x9eu\x98\xb4\xa6W\x9f\x1eHA\xae4\xe4\n\xd9%%\xb8\xb0\x1b}\xad\x86\xc4P\xc2\xec\x0b\xfb\xa2\x10\x0b;\x11hA\xc2\xa2\x17\x10]?Y\xe3H-\xb5Z\xcdq\\\xc1\xc1z\x9b\xde\x9e\xd5\xb3Y\x87V\xabu\xacO\x0e\xa7p\x1cs\xca\xc0\x8aX\x88\n\xd957kN$Z\xcdaW\x00\xbb\xd2\x90\xc0^\xec\x0e\x06[=\x8aZm\xefu\xed\x7f\xe6U\x11\x97B\xa6\xd3fL\x05\xce\xfbv\xa0\xe2\x9d3\x0eq\x0b+\x957\x1a\xd3\xe3\x91P(B\xde\x92\x96\xdc\xc5\xe4\x88\xcf\xe7\x0b\xcf\x06\xc2TD\x83\x82e\xf0\xb4\x12\x16\xddQ\xbf\xf0\xaaI\xbd\x85\xc51\x82NDT0\xdf\xfdE\xacZ\x9b\xedtt\x9a\xb4\nV}8\x96\xca[\xadN\x19]9\xe4V\xbc\x85\x85\xe6C\xb9\xea3c)q\n,\x8f\'\xda\xdb\xd3\xdb\xf3~\xd7\xe2\xea\x0e\x05J\x83\xf8\xe2\x18\x8e&lt;\xc6\x83\xec;f\x18W\xd0\x93\xab\xf4\x84\xa5\x7f5\x1f#\xac\xbcre\xdeUDFHh?s\xca\x8dpZ\xd4\xa8i\'\x06=\xd1(\x0e\xfd8\xfd\\\xda\xb9\xf2\xb0i\x0bK%\x10\x16\x87\x1f0\x85L\xe6\xdb\xfe\'\x1bM\x1a5o\xd2\x0b\xac^dy\xaa\xa1^\xb7:\x9f\xc2\x82\\\xc6\xf1P\x00r)]1\xa9@\xed\xa5\x8b\xeaf\n\x0b\xb4\xa0V\xa2\xc2G\xaf\':\xb9\x96\xf1n`\xe1[\x86\x81X\xa8&amp;\x02\x96\xd5f\n\xdc\xb7(\xa5\x86\xcf\xc4;;\x1d\xac\x9a\x13EVG`z]vm\x18\xe7|\x90A.\x1c\x9e-\x92D\x15\xa4\xcb\xf3\xb4\x8e\x18PCj\xd4\x06s4J\x9f\xb8\xb1E;\\\x8b\xaf\xbc*\xd5&amp;\x96\x9a\x11\x88\x88\xbc\xafVq\xac\x98\xf9\xc6\xee\xd70\xa6\xcelV\xa1\x12\x14,\x962\x9a_\xaf\xe3t\x11S\xe4\xc2 \x9atC\xac\x11\xa2\xa2\xfb\xfb\x89!\x9ak\xbai\x8c\x88\x82\xc8\xd6C\x03\xa1\xf3\xf8\xc3\rk\x11\x96\xc0\x80\x86Blck\n,L\xf6\x8d\xde]3&amp;\xbd)\x0b,Q\xe08\x86\xb0t:`\x89\xea\xd5y\xabux8\x95O\xa5\xe4H\xc8\x15\xb1X\xa8\x82\xb3D\x95xN\xcf\x1d\x0c\x94`\x08\x8b\xb0\x82\xd5\x11\x8c\xd6\xd7\xd5\x9aM*Jy\x15am.\xda\x99B\xc1\x94y\xe3\x84\xe52z\x91\xcf\xced;\xf5\xa0",\x86\xb0D^\xd4\xcd\xac\xfc\xd0\x18\x03\x17\xe6\x1b\xc8\x15\xb1\x90Z\xb3T\xbf#\t\x88E\xaf \x0c\t\x83\xd9FX\xd1(\x12\xdfY\xbb\xb5C\x81\xd2\xa8\xa0\x8f\xd7\xab\xc1\xef\xc7)\t\xb6\xb18N\xa75\x99X\xef\x9bQiY6\x8e\nj\xc9\xa1\x9cN\x14u("\xcb\xf3"\xab}}\xc1\nwYS?0\xca\x91H\x04\xe6\xb2$7\x9cu$q\xc4g#\xb5P\xc2@ l\x83\xfb\x83%\xdf\x96X\xf8&amp;\xbe\xb0p\xa2Sh\xf2\xa2iC%N\xfd\x15\x1c\x0b\xb07\x18z\x84\x8c\xa8c\x1d\xd9\xb8\x9e\x17H,\xc2b\x19@\xf1\xa2\xc8\x0b\xaf\xceL\x1a\xe1xk\xca\x88\xa4\x8f\xd8\xb1\x15\x91\xf2\x1b\x8e\xc7\xe9\x02\xf9`@\t\x03\x81\x00}\xd7_\xca_\xbb\xe5\xdd\xa4bnN\x0f^\xf9\xeb\'\'\xb2\xac\xd7\xab\xc6oL\xfaq\xca\x02\x98\xa8G-U\xff\xd7e\x0c\xa8xG\xa7Cd\x04F\x10(\x99\xc9[\xbc\x82\xc5\xean\xad\xfc\x1e\xcd\xda\n\xcf\xa7e\xa5a\x93\xeb\x91\x0f\xb3\xb3\x01\x17i\x84!"\n,\x1b\xb5\xa1\xd2\\}\x15\x7f:*\xa8Qi\xb2\x9f5\xb7\x0f\x0e\x0e^ypv!\xcb\xa3\x9c\xd4\x91\x08I\xf1\x1a\'@2\x84\xff\xff\x04\x13\xe2\x0eVg\xca\xc6\xb5\x80b\xb6\xb0\xb4\x14\\X&lt;\xcb\n\xcf\xee\x7f\x9aNop\x8d\xdb\xc7\x95\xb9\xcb\x9d\x0c\xd1!\xc3\xe5\n\xd8\xd0\xb5=\xc0\xb2Q\xf3.\xed\xad?+x5\xcaRy\x17\xae\x80\xaa\x1dk\xe0\xdc\x83\'g?Y(\x8b\x1b-I\xf9Y\xb5Z\x80wEmF\xf8/\x91\xc0g\x97\x9f&lt;X\x10\xb5\x9dY\x07\x0f~\x1eX\xd4/\x18X\x9dc\xb1\x0fy`q\xe5\xa9{\xc3\xf2\x06\x97&lt;n\x8f$-\x92\xd3)\xc9\x98#F\\\xb0\x14\xb0`\xf8\x80984T\x1d\xca_{\xf8\x15\x95\xfe\xf3\xc1\xb1\xf6\xe6\xe6\xf6\xb1\xb1\xe91\xa0\x8d\xdd]\xd6\xc2\xaf:\xfc\xe51Q+\x05\x15\xb0\xafD\xfd\x7f\xd4\xaeP\x88/|\xd6\xf2$n*\xcfhu\xe4%\xa2\x12\x14\xa3\xeb\xcb\xcb\'\xe2\x14[&lt;\xab\xd3\xaf\xdd\x9f\xb2\x8e\xcb\xe0\xda\x9d\xb6S\xc3v;1\x80a`\x1dq\x85Baz,\x85}\xd8\xda]\xaa\x96\x96\xea\x8f5[XM\'\xce\r\xb4\xbc\xd3&lt;8}ezz\xa0\xbd\xbde\xf0l\xa7\xa2&gt;\xe5\x0f#\x90d\xca\xb6\x14\xd8\xafQ\xf1&amp;^?sby9.\x96\xcbZ\xc4\x14\xb4\xc2/\x11xJ\xd2\xec\xcd+\xcd\xe7\xca\n\x16`W\xa7\xee\xefO\xdb\xd3F\xe3n\xd9\x0e*`9\x9d\xb2\x1b\\!{$L\xdd:j3\'J\xd5\xea\xdc\xfc:\xbbI\xa5\xf1\xb27!\xd5\x00Q\x8d\xa1\x92-\xd3g;\xb5z^\x07\x8f`&lt;d\x140J4\xec\x84\xafE\x82Ct\x94O\x94\xb3\xa2\x90-;X2\x11C\xd3$\xcf\x9b\xca\xcb\x9f\xdf\xfd\xde;\xcd\x03\xcbz\xbdb{\xd6q\xe7\xde\xbdI;\xb8\xd2\x18#\\v\x8bLX\x16K\xb1\x08\xed\xe8\xc5\x1bM\x11C\xd5\x93Gjw\x1c[T*o\xf9n\xcb\xc0 \x15pp\xa0\xa5\xb9\xe5\xeer\\\x0bc\xd0N$\x89t,\xf3\xef\xaa\xad&amp;\xb4m3\x0cGT\xb1$P\x14[\xd6\xa7/|\xa0T\xa2\x81F\x82f\xb1\x86\x19MF\xffhu1\xf2\x0e-!\xb7\xd1\x16\xd1\xadc\xc4\x97\r,v\xe8\xa5\x87\x9c}\xdb\xc5f\xb0\x9bo6\x84\xd5\x81\x1e\x13/\x97\x04\xbbPS\xc6.]{\xddm\xd7=\xef\'\xbb?\x86$H\xd8\xd2\xa3\xe7y\xde\xe7}\xdf\x84\xc8\x19\x91\x1c\xf6\xd9@\x15\x86:P\xe5{\xd5\x8a\x99\xd7\x11\xe7\x96\x89\xc4R\x0c3?\x9e\xf6\xd2\xc0\x0f\xd2\x94\xcdBD,\xe1B\xa4\xfe\xf9\xf3\x8f\x9bO\xee\x7f\xf5\xe4\xf6\xee\xee\xd6\xcdM\xe0\xba\x0f\\\x1b\x1b\x9b$"\r\x11\xfb\xcf\x9e\x1d&lt;|\x81l\x98\xa3ZQ\'Y\xbb\x99\x82\xa84v\xedx\xd6\xd2I&gt;\xc9\x8f\x0c1\x1a\xf3+jg\x9c[\x9fZ\xde\n=\xd5k\xb5\x90\x9f&amp;\x92\xc14\xabU\x0b\x91ehy\xb7\x17s\xd7\xb5\x03\xb7\xd9\x14\xbd\\\xaaH\xd0\xfe\xfb\xf9\x8f\xa7?n&lt;y\x02XW\xaf\xee\xde\x06q\xd7\xee\x13\xb0\xcd\x9bW\xb7\xb7\x91\\\x84\xea\xcao\xd2\xeeE:,\x0f{\xed&amp;\x15"g"\xc8\x06u\xe8f\x94\xe4 a\x14\xd1\x08]Tk\x96\xf5\xa6\xe3O\xcc\x9exJ\x95P%\xd5\xaa\xe7Y\xd8%\xaa\x96\xaah\xfa\xf0TD\x01\xe3\xaem\xf3\x94G|\x8c\xd8R%.\xeb\xed\xefOO\x1em\x1en\x1e\xde\xc2\x00\xb3\x05\xba\xee\x13,\xfa\xaf\xc5\xed\xb5\x1b\xcf\x0f\x0e\x0e\x1a\x1b/\xe7EHm\xb9\x96\x9ff)O\xc1\x94\x08\x82\xfe\xd8R\xe8U\xcc\xf6\xc4\x14@)\xb0K}\xc4\x98\x9b}\x96T\xe6^^\xc7\x10C\xe2\xa9\x166\x1c\xa5R\n\x07\xfd(\xb0m\xe1\xdaNds\xdbw\xa6\x1e\xa8/\xe8J^&lt;=\xf9\xe9\xeem\xf9\xab\xac\xf5[\x87\x9b\xb47\xc2\xf2[\xbbw\xbe|\xbe\xbfsp\xb0\xbe\xf1\xee\xa86\x07\xb5\\Z1\'P\xb0\x00\xc5\xfac\x12\x10O\r#\x11U\x98\xc04E%\x17\xb7z.\x8a\xe1\x83\xdb\x93PG\xab\x01\xaa\xa4Z)\xa1\xd3xI\x98\x0c\x07\xddS\x1e\x04\x91\x10\x82D\x14,\xf2\x9dv\x07L\x13.\xa4\xeb\xc5\x8b\x9fNN\xee\x12\xaa\xb5\xb5\xf5\xdd\xad\xc7[[\x87\x87[\xc8\xfa\xed\xe7;;\xfb7v\xaf\xbc\x7fP\x9b\x83"\xa9 !\xd8\x12\x91p\xd3\xdeq\x95Z\x98\xb1\x80%54d\x1e\r\xfb.\xe7\x0bXZ\x98\x98\x86\x19\x12*\xcf0[\xe3\xeed\xd2\x1d\xcc\x9a"\xf0\xa3\x00l\t\xc1\xed\xc8q|\xdfw\xc4,Q\xa9ac\x1c\xb4\xf4\x8b\xb7\'\'\xf7\xbe\xdf]Cl^\xbe~}\xeb\x16"t\x17\x0b\x196\xb1\x9d\xcb?\xbc|\xa5\xcf}%%\xec\x8c\xb2v\x8cg\xe3\xcdvo@\xf1\x07T\x85\xa3\xa4\x82T\xf2\x8aj\xaa\xc3\xb6\x0b#\xcf\x15\x0c1\xbcT\xac\x90\xb8R\xf7&amp;}X2\xb0\x99p\xcae\'r"\xc1\x02\xe1\x06\xc0T\xc6q\xd0\x1c\xab\x92.\x0b%a\x1e\xbd\xfd\xf5\xde\xa3/\xae6hmm\xac\xdf\xd9FS\xfc\xe5\xf1\xf5\x1b;_\xaf?~\x7f\xa1I\xab\x17\xb0j\xad\xf34F\xc2\xc4\xa8E\xc4\x95\xa9#\x18\x14\xe4OE\x91}\x1a\xd9\x0e\xff\xa3\xbf\xe9\xc36\xe3\xbc\x80UBKV\x14\xe8V\xafW\xd5\xd6)\x0b\x1c\x82\xe0\x83\x9e\xb2\xe3\xc0Sv$\xecH\xc2rlf\x8fZ\x15\xbd\x80\x05\\\xde_/\x1f^\xfbf}\xff\xa0\xd1xv\xb0\xbf\x86Q\xfe\xf1\xe1\xf5\xc6\xfe?o.\x94\xda\\&gt;9;\xe4S\xce\x08S\x96\xba\xcdI\x1d\xa0`%\xc5(r\x11\xa9\x05\xb7C\x02E\'X\x0b\x11k\x0f\x92\xc4\xc4)\xa0\xf2*\xad\x114#\xbd\x00Kb\x8blW\x08;\x88\xe8\xc8\x11\xf8\x0c\x9b\xd6i\xbe!X\x92\xb0W\xef\xdf\xfd\xf2m\xa3\xd1x\xf3l_\xfe\x05\xe3\xdd\x9b\xb3\x8b#\xbd\xf6\x11\x13\x14\xdc\x9b6)G\xc1\x97H\xbb\x1e\x10)4\x88\x18ZQ\x88p\x95B\x02\xe0\xab\xd2Y\xc0Z\t\xc3\xd0\x82Y&lt;H\xa8\xe5\xa7\xc2\x89\x02\x82P\x96\xa2\xc1L0\xbbM\xce\xc2\x0bA\x81\x08\x8b\'!E\x17@\x85\x1e\x85\xbewtqv\xf6\xea\xd5\x19\xbe\x9d]\xfc}\xf4\xaf\x85G/}\x8aj9\x9f!Cq\x1d\xf8\xa1=\xf0\x0c\x85\x02\x99\xd8\xa1 ]\xa0\x02\x02\x9a\x01:}7&amp;X+\x0f\x92*%\xa4\x85A\xd4\xdc\x9b"\t|\x12\xcc/\x17B\n\xa4\x03\xf8\x82\x96\x11\xf9\xcd\x8d]\xe6\xa6\xdd\x90*q\x8e\x0bW\xa3\xd1\xd0\xfc\x8e\xeee\x940\x12/k\xba\xf2\x11\x95V\xcb\xa7\xd0\x0e\xaf\x9d\x1fH\x00\x00\x02\xc3IDAT\x0f\x16\xf0\xb8?\x08MP\x8cF\xa8\x95\x10\xa7\xe87\xd4\xa5\t\x15p\x11a\x14\x10\x80U\xf2\x92\xa2\x9d`\x90\xf1\xf2)s\x19\xc1*\x13Q\x0b\xae\x04s\x03PH%\xc9(W\x19\xcb\xba\x89n\x11./\x94\x1b\xad\xdc&gt;\x8a\xa4.&amp;`ZP\x0b\xc2p\x90O\xdbM|\n\x83L\xb3\xdf\xdd\xa3\xa8\x86~$ \xf0Hp\x05Y\x84J\xd7\xf3\x9e\xcb\xe3x)I(B\xf0\xc2\xd0W\x9f\xa1\xc3\xd8&gt;`\xad\x96\xe7\x0e\x8f\x19\x88wm\xaa\xc7\x08\xc6G\x02\xa3JQ\xe4\x13t\'Ze=o\x81\x8b\xa6&amp;c\x81KS\xa4o\x90V\xcbZ\xe7\x14\x9d9M\x11\x0f\xf1\xe8\xb8\xee\xa1u\xa8E\xbeK\x055,\x8aj\xc1\x96$\xac&gt;r\xe34]J\x00^\x1e\'{I7f0\xf7%?*\xafR2\xf8\x11\xb8\x89\x02Wf\x16`\x05\x10\x94\xb9\\\x90\xc7\xd2Y.a\x81\xb0\xc2\xf94m\x14eU\x9a7\x14\xc9]\xcd\x1a\x8e\x9aY\xb3\x99\xa5L\xf4\'-Z\x0c\xe8m\x8a\xf2\xe1=\x06r\x19\x1b\x15NJ\xc6\xbcs\x0eV\x97&lt;yE\xbc\xc2\xfa\xb8\xc9\xb8m\x07\xabN\xb4\xba\xea\x93\xc1]\x8e\xac\xb09$tH\xc4\x02\x16N\xa2*\xec\xf8\xbcS5%\xa2\xaa\xa4\x0b\x17\xa9\x18\x9f\xc1*\x19ZMm\xbd\xee\xa7T\x81"\xb2\xcf;\x96\xa6\x12\xa9\x0b\xae\xa4\xddQ\x92H/\x956\x06)\xa65\x05\xb3\xcd%\xc9?\xd1U\xed\xf4Pq\x01\x0b\xca\x81\xf0/\x81\xad\xc0\x86\xaf\x1c\xc1]&amp;\xcb\x90Z\x90\x90\xd6\xe2\xb1 \xd3\xf5\x8e\xf7(\xea%,\x1a1\x0b\xb2\x8a}\x81\xb2\xbb\xb4R\xc9\x07#\xcc\x0b\xd2\x03\xfcu\xbd\xa2\xca\xd6\xa0H\xae\x0c\xa9\xb9B\xdd\x95xB\x9cJ\x18\x15\x1d\xc3O\x96-YE\xad\xc2k\xe7(9\xd8;\xf0\xf1\x03u\x18\xd9\xa0\n\xc5\xc3m\x01=\x89&lt;\xc4\x17\xe3\xccFTsd~\xe4f\xd3aBJZ\xc5\x80\xaf(t\'\x1a\xb1\xe9~\xc6\xb2\xda\x1a\x8cPT.\x99\x92\xc1\x8c([\x18\x91PQ\xb3\xa1\xb9\x17\xfc\xea4\xd2\xa9\xf4\xbb\x04\x1c\xa9DQ7\xeb\xf7\xb3\xa5y\x84\xa8\xd5\t\'c\xd9nT\xc6\xed\xe1\x1f4fx\x1e\xb2\x06\x05*\xa2\x8b1\xa0\xb2\xd1\xb4HX;\xe6\xfdY\xc7#\xaa\x00KZA1$4\x03\\\x84\xc3\xc9(\xc6\x9b\xf1\xac\x0c\xbb\xc4$\xa7\xb06i5\x90\xac*\xba\n\xb3\xeb\x18e\x14m~\xa6"\xd7=u\x90f\xfd\xf6R1\xa3\xe8\xe68\xc3-\xe1\x00\xee\xf8\xc4\x1a\xaa\xce\xa1V\xc3&gt;\xa2\xa2xp]F\xc5\x08\xe3S\xc8\xc2g\xfd\xd9\xb8U\x97)a.\x1eP\xb7\xbczgp\xde\x8f\x19\xbd\x17\x91\x1d\xf3t\xda\xaa\'\xc8ly{\x12Q\x95\xf3\x83\xb4\x95\xa1\xc9"\x00s\x88~\\\xe08N\xdb\xed\xff\x01\xfe\xabG\xb2\xc3\x98\x93\xe7\x00\x00\x00\x00IEND\xaeB`\x82'</t>
        </is>
      </c>
      <c r="M288" s="3" t="n">
        <v>45492.67760416667</v>
      </c>
    </row>
    <row r="289">
      <c r="A289" t="n">
        <v>881110</v>
      </c>
      <c r="B289" t="n">
        <v>1963</v>
      </c>
      <c r="C289" t="inlineStr">
        <is>
          <t>Joaquín Piquerez</t>
        </is>
      </c>
      <c r="D289" t="inlineStr">
        <is>
          <t>J. Piquerez</t>
        </is>
      </c>
      <c r="E289" t="inlineStr">
        <is>
          <t>LE</t>
        </is>
      </c>
      <c r="F289" t="inlineStr">
        <is>
          <t>LAT</t>
        </is>
      </c>
      <c r="G289" t="inlineStr">
        <is>
          <t>LE/ME</t>
        </is>
      </c>
      <c r="H289" t="n">
        <v>183</v>
      </c>
      <c r="I289" t="n">
        <v>22</v>
      </c>
      <c r="J289" s="2" t="n">
        <v>36030</v>
      </c>
      <c r="K289" t="inlineStr">
        <is>
          <t>Left</t>
        </is>
      </c>
      <c r="L28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8e18692-e20c-4355-b600-d55d6bd668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ca\x00\x8d\x00\x00\x03\x00PLTE\xff\xff\xff\x06\x01\x00\x0e\x06\x03\x00@.\t\x03\x01\x00L4\xf1\xf3\xf6\x00I2\xff\xfe\xfe\x00N7\x007%\x00J5\x12\x08\x05\xf6\xb2\x99\x00&lt;(\x18\x0b\x07\x004#\x00&gt;,\x00F0\x009(\xf4\xb4\x9c\'\x19\x13\xe0\x9c\x83\xf3\xb2\x98\xee\xac\x92+\x1e\x17 \x12\rg&gt;-\x00C/\xf5\xaf\x96\x1b\x10\x0b#\x16\x10\xf6\xb8\x9fU/!\xec\xa9\x8ftE3\x00P;\xda\x9a\x81\xf2\xae\x94a9)\xfd\xfc\xfc\xf9\xb4\x9b\x83P=\xf3\xf6\xf8\xe7\xa0\x88[6\'\xef\xaf\x97\x011!4%\x1e\xee\xf0\xf3M0"p?.1!\x199*"\xd9\x95|\xe6\xa6\x8d\x9a`K\xfa\xaf\x96J*\x1c\xfa\xbb\xa2S6(X&lt;.zH5A&amp;\x1a\xee\xb3\x9d\x89UA\xf2\xaa\x92\x01*\x1ciD5S(\x1a`B3E-!\x80K85\x1c\x11\xeb\xa4\x8d\x8f\\H\xd0\x8aq\x02"\x16N=2/\x18\x0e:"\x16\xfa\xf9\xf9\x06TA\xf8\xba\xa9\xc7\x83j\xea\xed\xf1B\x1f\x11\x9efQaJ&lt;\xf8\xb6\xa4WC5\xd4\x91x\xb0q[\xf8\xaa\x96\xf8\xf2\xf1\xaekT\xf9\xa8\x90K#\x16\xe0\x95|\xfb\xb0\x9c*\x0f\x07\xfc\xbf\xa7\xde\xa1\x88\xa6lU\xa7dN\xfb\xb7\x9e\x90UB\x97ZE\xbc|d&gt;0)\xe8\xa5\x88G6,\xed\xa1\x82j5&amp;\x03\\G\xe6\xac\x962\x14\t\xf0\xbd\xab\xf9\xbe\xac\xf4\xbb\xa6_0 \xe8\x9b\x84\xf1\xa6\x8a\xee\xb8\xa4zN&gt;sXJeQD\x92dU:\x1a\x0enL&gt;\x03G7\xd2\x81j\xe7\xe8\xeb\xc7\x8aq\xfb\xc4\xaf\xf0\xcb\xbe\xbbu]\xbe\x83m\xf0\xd9\xd1\xb5w_\xc2\xa6\x9b\x8aN:}\x88\x88\xd3\xc3\xbd\xd3\x9e\x8a\xde\xe5\xe9\xd7\xd3\xd4\xc8\xb2\xa9\xdd\xdc\xdd \x0b\x06\xa6\x8a~\x8d\x8f\x8fma[\xda\x8cs\x88vo\x9b\x81t\xbe\xb7\xb5\x01\x16\x0e\xa4\x94\x8c\xe7\xe0\xdf\xf0\xd1\xc6\xcd\xba\xb2\xf5\xd4\xca\xdf\xb3\x9f\xf4\xe0\xd9\x97\x9a\x9d}dY\xdc\xb4K\xce\xadK\xed\xea\xe9\xf8\xc7\xb4\x17N/\xdf\xce\xc9\xb7\x99\x8e\xf5\xe9\xe5\xc4|ds\x85Dmr6\'h]z:-\xcd\xdc\xdd\xae\x8e8TG?\x8b\x81}\xc9\x90z\x88n`{[L%Z5\xa8\xbc\xbe\x87_O\x0bdR\xef\xc4\xb5\xb7\xc0\xc4\xd9\xa8\x93\xcf\x97\x7f\xb8lTVs&lt;\xcf\xc8\xc8\xcdi`7_4\xc4\xd3\xd5\xb1~k\x83VG\x85\x8bEs\xa1\x9d\x15="^SN\x1fZMHzsCi;\xa7ve\xf6\x9e\x88\xa7\xa0\x9e\xa0YE\xec\x91zW\x8c\x85\x92\xb1\xaf_\x16\x12\xe2\x83t\xb5\xae\xab\x9dn]O\x12\r\x8ct,\x93\x94J\xbc\xcb\xd0\xc4s[\xeaqb\xbd\x9b@iqq\xe4\xc1\xb5\xbf[Um|{\xa4\xaa\xb1)B!\xb7\xa5\x9ftb(\x9aB&lt;\xbc\xa7L\xcc\xa4A\x84\xa2\xa1?QR\xb7\x8e\x80\x8a3/\xa6\xa1O\xb7HB B&gt;\x99\x869(wl@J%S^-\xddcSn\x1c\x19Ege\xe2\xbba\xe6\xa7z\xa8\xaag\x06\xdaux\x00\x00 \x00IDATx\xda\xc4\x98\xdfO\x13\xf9\x1a\xc6\xa5iL/\x86\xccM\xa7\xed\x0c\xe9\x0c\x94X\n\x94f,3\xfc\xb0@\xa1\xc1\x96\x162mC\xd7*\xa0hE\xf1\x07u\xdc\x08"\x88\xfc\x08\xb2\xcaQ\xb3\x06A*\x12\x889\xd1\x04\x13\xe3\xc5&amp;E6!\xe7\xec\xd9p\xa1\x17\xbdP\xd7\x1b\xbc\xd9\xc4\xab\xbd\xdb\xff\xe0&lt;\xdf\xa9\xec\x9as{\xa6\xfaR\x88\x96\x8b~x\xde\xe7}\xbe\xefw\xf6\xed\xfb\x7f\xcb\xb4\xcfD\xca\x85\x8a\xc7\xf1\xedr\x91\xff\xee\xfb\xb6E\x80\xf6\xdf\\_X\xdd\xdd}\xff~y\r?vw6\x0eV\xbb\xbe)\x98\xc9\x15_\xdf\xdd\xcc\xe4\xb2\x8a\x9aF\x89\xa2,\x8bi5\x97\xcb\xac-T\xbb\xbe\x9dP\xd5;\xcb9Y\xd4J\x12%\x89a\xf1\x85bYIY^\x8c\x7f\x13\xc5L\xae\x8d\xd5OJZF\x81Hb\x19\x81\xe38\x9e\xe7\x04R\x0c#f\xd7\xd6\xf7\xbbL_[)\xd7\xc6nFc\x92\xf1S\x14\xa1\x11\x98h\x8a\xe6Q\x1c\x07D6\x9dY[\xac\xfe\xaa`\xa6\xea\x85\xa7\xb9\xbc\x95$\t\r$}c8\x9aB\xd1&lt;MS&lt;\xc7C26\x9d\xdb\\=\xf8\xd5\xc0L\xae\x9bO\x15\x82D,\xc5J bYM*\x03e\xc0\x8b\x02\x17e\xa0!\x19\xcb\x8a\xb9\xe5\xafe~S|!\x93\xd6p4Kq\xac\xa8\xb9\nH\x06\x83\x11e\xd0\xcah\xa0\xa0\x18\x83V\xee\xc4\xbf\x8a`\xdf\xed\xe6D\xe2p2p\x92\x8c\x7f\xf1\xf0\x15m\xcc\x97\xe1sQ \xa4`3p\xad\xac.\x14\x1e\xcc\x14_\xce\xca\x04\x8a\xe1\x181$Kp:\x942\x16\x15\x91\x17p\x08\x0f\x94\xa24F\x9e\xe6YIV6W\x17\xab\x0b\xcce:\x88\x01d\x89\xa5\x19)\r\xad\x04F\xe0\r@*\xd2\xa8\xf2m$X\xb0\x181\x19\rxY\xfe\xb4s\xb3\xb0\x06s\xedl\xaa\x12K\xe2\x89A\x0b\x19-&gt;9\xe2q\xeas\xf7\x8c{E\xf1\xf97yI\x86\xbf6\n*\x97k\xe3\x93,b\xc2\x18\xd2E\x81\xd7\x86\x8eF\x91T\xf8\xdc@\xe3\x9et4\xadQ\x1axA\x94\xb3\xef7\n\x98\xf9\xa6\x83O\x15\x99\x15X\x06 &lt;M\x9c\x84&amp;\x911\xa4\r\x9f;\x98G\xcaw\x92\xa6\xb5_P\x98U1\xbdY\xb86\x9a\xe2O\xd3\x18BA\xc0\xc7Q\xda\xd8\x01\x8b\xe7I\x92\xfe\xcdT\xa4\xb9\xbf\xa8\x08\xcc&lt;\x05Aa4p\xb1lf\xc1U(\xaaUE\x16q\xf6\xa1a\xc4\xe5\x9a\x83(J\x90$\x81\x04(\xa5\x19k\x0f\xadH\xc3DF@GZ\x90DVZ\xd90\x15\x88*+\xe3\xcf\xd6\xb0\xf0\x99\xf9\x94\xa2\x19\xbcA\x8eA\x8eH\xf6\x97\xb5\x8a\x8c\x1a7IUb{F\x96\xc4\xec\xaa\xabPT,\x8a8=/V\xfe\x98\xa1\x90\x99\xda\x91H\xe7q\xffj%\t\nrr\x1b\x8c\x90KN\xab\xab\x85P\xcb\xb5\x80\xd5\x8a\x81K\xb4&lt; #Fq\xd1(\x81Y\x82`\xc8\x0b\x12`\xff\x83\x85\x94\xc0\xc1D\x19x\xec\x13rn\xa7\x00X\xa6\x8dOX?YQfx\xb2&amp;\x90]a)\xec\xf7\x86b\xd1(\xb3\xa4\xa5\x18\xb3\xd7\xc5|Jh\xed\x84\\4\xc8\xe0~I\xce.\xea\xdfDW\xfc\xbd\xa2bgPE\x01\x01\x8f\x98\xe29&amp;\xecm\n\xce\xcc\xb4\xb7\x07\xbd\xfe(\xde@\xb0\x12\x97Q\xf9y(\xd2\xc0 )CR\x82\xa2\xa5\xb4\xb2\xab?\x96i!\x97\xc6\xbe\x97N\xe3\xa3Y\x89\xa2\x85h8V\xd6&gt;\xd19\xf8z~\xfe\xf5\xc77A\xaf$\xe0\x98\x11\x89\xf1\xb4F\xe6OHr^c\x0ey\x88\xe6W\x95\xcd\x83\xbaw\xb1zS\x85X,\xdc\x85\x85\x81\xa3\xb9\xa8\xbf\xa2\xa5\xe1\xce\\o\x9d\xdbm9{\xff\xd5\xdb\xa9\x19o,&amp;\xc9\xb1\xf0\xc0\xd2\x12M\xed5S\x1bH#\xcf\x19\x8c\x9c7$g\x17\xf4\xc62-B,\xc4;\x99C\x8e\x11\x84\xa8\xb7\xaa?\x91\x1as\x04\x9c\xce\x88#\xe2\xb8r\xf6\xd5\xdb7\xed\xdeX8&lt;&lt;\x90\xe7\xfa2&amp;h\xaa\xc8\x18m\xf2\xcb\x8a\xde\x9e7\xb9V\xb3\x8a,\x90\x83\x10C\xc5\x08\xd1\xb2\xb6\xdb\xb3c\xe3\x01{\xb1\xd5\xee\x0c\x04l6\xcf\x95\xfbC\xc9\xb6\xaa\xaa\x8e\xda\x92\x9a\xc3G\x86\x07H\x82\xfc\x1d\xfa\xc6"CL\n\x87\xd4\xb5\xb8\xbe\\\xa6\xfd\x9b\x8aJn4\x1c\x87\x8c\x8a\x0e\x1f\xbe\xf7r\xf6\xc3\xf8\xc9\xe3\xa7+\xed\xc5\xe6b\xa7\xd3i\xb3]\xb1\xf4\xce\x0f\r\xdd\xe9k\xe8lk\xa9(\xf3\x0f\xd0\xd4\x17X\x08..\x1aR6O\xe8\x8cupE\x95\xb5A\xa3\x19&amp;\x1a=u\xef\xf7G\x1f\xde\x9d&lt;\x0e\xac\xca\xe2b\xb3\xd9\xec\t\xd8\x1c\xf5nK]o\x17\xc0\x06\x1b\xda\xcaK\xca\x8e\x0c\xd0{\\F\xed\xfc\t\x87B\xbac\xadgTY\x90\xb4$\x8f\x86\xa7[n\x83j\xbc\xb1\x11T\xa5\xc7\x8e\x1d+5{\x9c6G$R\xefN\xa5z\x13\x89;\xe7\x1a:\xab\xcak\x0eM\x0f|!\x18\x15\r\x87\x94\x15\xbd\xb1\xfe\x9dU%A"j\xd1\xe1S?\xfd:\xfba\xec\xdd\xc9\xc6\xd3\xe7+}g\xae^\xed\xee.5[m6\x80a*S\xbd]/o\xf7\'\xc1UR\xe6\x1f^\xa2\x8c{\xb6\x97\x98\x90\xf2L\xe7\xc3\xda\xb43\xa9\x8aZ\x8e\xf3K\xfeZhu\xf9\xddI`\xf9@\xf5\xfc\x07p\x1d\xb3:m\x1e\x1b\x91\xcbR\xd7\x95\x18\xba=\xd8\xd0\xd9\xd1R[s\xe8\xc8\xc0\xd2g\xc18\x86\x0e\xf5l\x9d\xd09\xe3\x17s*Y\xb4p\x9d\x88\x96%\x1f]~G\xa8\x1a+}\xbe\xab?&lt;\x7f\xfe\xfc\xea\xe8\xa8\xd5\xe3\xd1\xb0\xdc\x04\x0br\x9d\xbb\xd8V\xd5R[r\xed\xf0\xf4\x80A3\xfdRTP\x95\x1bz\xab\x85\x8c\x17Yl/Q\x7f\xd3\xc4Pj\\\xa3:\x7f\xfe\xcc\x19B\xf5|d\xb4T\xc3r\x83\nX\xb3\x89\x97\xfd\xe7\x1a.Tu\xb4\x94#.\x0e\x11.\xa3\x81\x8b\x8a\xaa\xfeM\x84\xb7\xd2\xe4\xf2\x1ck\nv\x0eY\xc6\t\xd5\xe9\xd3\xe7\xcft\x9f\xf9\xe1\xeah)"\x02\xce\xd2\xacE\xcc\xd5\xdb\x95\xb8M\xb8\xa0WKyI\xc5!\x81p\xd1\xacX\x00\xb5\x163\x8aL\x1e\x11\xc5\x9ag\x92\x89\xb1\x93\xa8\xc6\xca\xf3&gt;\x1f&lt;_Zj.5\x13(\x87\xe3R$\x02\xac\xba\xbaG\xb3D.\xd2\xc6\x8e\xf2\xda\x8a&amp;?g X8\xab\xf5\x9eD\xd7\x89M\x05]\xe4\x04\x7f\xf0\xcd`\xc2M\xa84k\xf9\xba}&gt;\x8c!l\x15q`\x12!\x98\xc5bIu\xcd\x0e\xf5\x01\xeb\xc2=\xad\x8d\x15M1\x0eK,\xc1\xda\xd2; \xe2\xef\xb3*\xee\xaa\x92?\xb8\xdd\xd7u\x19T\'\x89\xb5|$\x1d\xccfg \xe2\x06\x17^n\xf7X*U\xf7\x88x\xfe7`\xb5\xd4\x96\xd7\xd6VTxcX\xb3%)\xad&gt;[\xd7\xfbP\xdc\xc9)\xe4\tM\xa8\xbd-\x91\xb7\x96\xd6D\x1f\xb2\x01-\x0c\x8c\xbb\xc7@\x14A\x13\xc7R\x8f\x1e\xcd\xfe\xfe\xeb\xb9\xe4o\x17\xdb\x88X\xb5\xb5%%\xc1&amp;Y\x80\xb7\xd2\xaa\xee\x97\x0c\x98\xabG\x95\xe5Pp\xa2\xa1w|\x1c\xc6\xfa\x8c\xe5\xf3\x99\x8b\xa1V 2\x86rC\xae1\x88\x05,\xe2\xad\x0b\x1d\xe5\xe5\x84\xaa\xa4}fR\x15\x18QU\xd7t\xce\xad}\xfb\xd63\xd9\xac\xaaz\xdb;\x13\x91\xc0\xf1F\xad*}\xe7\xc9\xd1\x839\x0c\x90.B0\x87-\x02\xac\xde\xc4\xed&gt;\x1c\x8c\x17a\xad\x96rb\xae\xf6\x99g7\xd2LZQ\x1e\xeb\x8e\x15_\xcbN\xf6(\xc1\xe4\x9c;`\'Z5VB\xad\xee\xab\xf8BhYay\xd2A\x1b\xccE\xe6\x10X\xc9N\xb2\xe6tt !*\x823[[\x19P\xf5\xe8\x8f\xe5Z\xc8L\x1e=\x9a\xfcO}\xc0\xee\xb4\xdb\x8b\x1b\x8b+K\x91\xf1\xa8\xd1\xee\xd1Vs+\x90"c\x16\x87\x83l\x11H\xad\xbe\xfed\xdb=`\x91\xfd\xab\xa2&amp;8\xf3\xf3\xe3\xb5l\x8f\xaa\xbc\x88\xeb\xff\xf4aerr\xfb\xbe\xcdf\xb7;\xad\xf6\xe2\xcaJ\xa4\xd5\xe8\xc8\xc8H\xf7\xe8\xe8\xc8\xf5\xeb\xad\x91\x88\xc7\x91J\xd5\xd7\xbb\xc9n\xd37\xd8\x8f\xe5\xa6\xad\nzA\xac\x9a\x9a\xe6\xe0\xcc\x9f\x0f2Y\xa5\xe7\x8f\xb8\xee[\xf3\xfe\xcd\xc9\x1b\x0fGF\xacV\xa7\xc7\xe9\xb4Z\x8b\xedv\r\xebzkk\xeb\x95\xd6\xd6\xfa\x88\xa7\xde\x92Bh\xd5\xcd\xcd\xf7\r&amp;\x07\xb5\x1e\xa2\xda\x81\xd5\xd4\x1c\xfc\xf9\xee\x93e`=\xd0\xfd\xa1 \x92+\xf3\xec\xee\xad\x7f\x99\xed6\xa7\xcd\x1e\x80\xcb[\xaf\x8f\\\xff\xe7/\xbf\xdc\xd7\xeal\xbd\xc7\x81\xfe\xd5\x1d\x98\xbb\xd375\xb5\xbd\xfdfb\x027\xb5\xf6\xe6\x90\xffP3\xb0\x9e\xdd}\xf2&gt;\x97=\xfa\xa3\xfeX\xae\xd5\xcc\xd6\xdd[\xb7F\xb1\xc28\x1c\x8e\xde\xf9\xf9W\xf7\xef\xff\xf9v\n\xf5\xf1\xed\x9dD\xdd\xa5+\x0eKW"1\xd7\x97\xdcno\xf2\xfa\xfd!\xadp\xe7\xc0\xe1\xde|t\xeb\xc5\x83\xddLvrA\xffg\\\xa6\xc5\x95\x15\xa8Uj\xc7\xa9ly=U\xd5\xf9\xf1\xe3\xd4D;n\xaf3\x13SSwz/\xe1]\xb21wN4\xfb\xc3Q\\~x\x9acb\xb1pt \xec\x05\xd6\xc3\x07O2G3\xeb\x05\xb8\xedol&gt;~\xf0\x8f[\xd7\xad\xb6@\xfd|\xb2s\xea\xe3\xf6D\x85\xd7\xdb\x0c\xaa\x89\xb6\xce\xc1\xaeK6O}\xdd\x10\xb6\xf8\x1aP\x91;\x19y6\x11%\x15\x0e5\x1d\xddz|\xf7\xc9J\xe6Y\x01\xb0`\xae\x17O\x80\xd5\xea\xb1\x1d\x18\x1aL\x12\xa9j\x0e\x97U\x94\x94w\xdc\xbbp\xb1\xbf\xeb\x92\xb5\xf5\xca\x81\xfe\x16,\xa4\xc3\xa8\x81\x81\xe1\xe9\xe9\xe9#\x87P\xe8\xa7\xb7y\xeb\xe1\xdd\xd5\x95LA\x1ep\xb9~\xfc\x83\xa8\xe5\xb9d\xe9\x9d\x9b{5\xffz\ng\xdeO\xdf_\xbb\xf6}\xc7\xc5\xfe\x97\xa9qki\xeb\x81\xc1\xdaS`\x9a\x1e\xfe/\xad\xe6\xf3\x93\xd6\x9a\xc6\xf1f2\x0b\x16=\x99\rW\xc8%$\x1cO\xae\x08\x11\x16\x9cIE~C8\x08\xc5\xb4\x1a\xcdQ\xbc\x02\x1e\x8e?\xf8\xd14\x92j/\xa0\x08\x86\xb4X*\xa1\x19\xa6N\xd5\xc6"CLj\x14\x17,\xfa#iLKjr]\xccB\xab\t\xb6,4\x19\x17M\x17\xd3\xc6\x95n\xe6y\xf1\xde\xff\x00\x9eD\x13w\x9f|\x9f\xf7}\xde\xef\xf79N2!\x92@\xe9\x87\xc6q\x85\xaaS\xa3]\x07\xac\xc5\xe5-W#V6\xff\xfc\x8a\xd4\x927\xb7\xb7\xb7\xff\xf2\xfa\xc1x\xfa\xd0\xdb\xaf4\xeaJ\xa4.\x00\x01;\x82\xd5\xb0h\xd0i\x92\t\x1a\x95\xfd1\xfb\x0c\x89\xd3\x93\n\\\xa5\xea\xd4FW\xb2\xcfWW\xb2=\xd7\x1aP/\xb3\xd9\xcd\xdc\x14\x9f\xdf&gt;6\xf6\xa1O\x99\x9e\x7f\xb4\xff\xd6l&amp;H\x9d\xd5\x8f\xb0:\xd4\xa2\xa6!\x845B\x93\xf6\xfe\xd8\x9c\xb6\xb3\x13Zh\x1b\xd13z\xbd\xc2\xb2\xb8\xb0\xb6\xba\x98i\xc8\xf2\xd4\x95AX\xf2\xe6{c7\xba\xdc\xa5\xf9\xc7f=0\x804\xe9\xb4\xb7\x0ba\xf5\xb6\xcd\x13\x10uFB3\x84@q\xeb\xe7\xbf\\\x7f\xfa\xf4v\xf7\xed\xdbt7\xcc\xae\xc5\xafk\xab\xab\xffh\xcc\xea\xf4#\xc22\xb4\xb7\x8f\xfd\xd2\x07\r\xc4\xb5\x9d\xb3\xff\xfb\x1b- J\x87\xe5%\xf0`\xbe\xde\xb6m+39B\xe34\xfee\xf6\xd9O\xd7GF~z\xfa\xb3m$N\x03\xd6\xf2\xd6\xda\xa7\xd5\x17\r\xf8\xb4\xce\xb9\xd6\xfa"\xfb_P\xab\xbdi\xec\x06\xd8\xcf\xd0\xcc\xca\x80\xe6\xef#\xd4L,}xr4\x01X\x8e\xb6m?\x15\x9f\x84S\xbf\xf7}\x9d\x863f\xeb\xbe\x8d\xf4\x84\x0b\xa9]\xdfZ\xfb\xbc\xf5\xf2\xe5\xc7\xba\x7f4hm\xe5\xbc\xdc\xca"\xac\xb66O\xe2$\x9d\xbe\xb3\xb0,\x86{\xa8\xf4zO\x12\x13\x80\xc5J\xc2\x89@\x88\x8e3T\xd0j\x8f\xcd\xc8(\x06\xc7U\xdd0)\xe0:Z\xde\xaef\xa1\x8b\xeb\xd1\xc5:[\x1bW2\xe7rm\xbd\xcfM\xf1Z\x9a\xef\x02Vy~\xfe\xf5\xd6\x97\xfe~\xaf\xdb[N4E\x90\x8f\xc6\xc2\te\x88\xa1\x11V@i\xb4\x92b\x19\xce\xd8&amp;\xe1o\\&amp;~\xbb\xb8\xb6\xf6J+\x93\xbd\xcbp\xeaz\xae\x92\xac\xc9\xb0\xf3\xfdI\x1e,\x04?\x12\x06\xbf\xbe\xbd\xdd\xf7\xe8\xd1c\xaf\xf7\xd0{\xb2\x14\xber\xf7\x80%\xa6\x18\x86\x12\x13R\x7f M\x08BL|\x92\xc6\xc5!\xb1\x18\xb0\xb2\x99e\rL\xdf\xc5\xba\xbe\xd6.\x07\xdb1&lt;\xdc\xf6&gt;?\xc5\xe5\x99"\x91\x89\t\x88\x12(&gt;\x97\xcb\xe5\xc4R\xd8\x04\t\xcd\xc9\x82Z^\x01\x05\x15\xd4\x19\xfd\xfe4\x11\xa4h\x1a\x10u\xe0\xe6\x05Q\xc0z\xa6\x11T\xa9X=G*\xa7\x18&gt;&gt;`Y\xf9\xfb\x148\x1b05\xa6\x9b\x91\t\xcfR\xa2\xab\xab\xcb\xe3\xf1\xb4\x99\x9c(8\xfaX\xc0"\x81\n\x0fJ\xfdJ%xy\x9d\x80\xd4\xe9\xa4R\x1da6\x03\xd6\xf3\xffhC\xd5\x8a\xb4\x9e\xef"\xa7p|~\xe6\xf4\x89\xfe\x9d\xdf\xe1\xb6\\qA.\xe4\xd7\xb6G\x11\xa1\xd0\t\xc5\xb2\xec\xcd%7\x81S**(\r\xc0\x99\x1bG^\xd0h\xb7\xdb\xa5\x041\x07X_\x07-T\xa5R\xda\xac\xe3]l\xcd\x9f\x9e_8\xd5\xea\xe9\xfc\x8e\x08\xc3 \xea\xf0\x9b\xf9r\x03z\xb6#&amp;\xa1D\xf2\x07\x96\xe9\x06\xbc\xd5\x14\xa5\nZ\x95nw\x19\x0c\xfd8\x88f\xb7\xef\x11\xe6\xb9w0 n\x89\x01+XO+\xc8\xc9]\x9c\x1f\xb3j\xd1t&gt;\xf9\x1b\x17\xc3\xb8hA\xc3\xe3\xcay&lt;\x93S\xe2\xe8u\xb0Ng\x07\xebs8=nB\x8cC\x17K\x01\xaf\xbb\\\x1e\x1a\x82\xc8\xaf4Jg\xcc\xe6\xb97\x0b\x99\xcf\x838\x15\xaa\x94\xeay\x15\x11\xd6\x01+\x01\xac\xdc\x14&amp;\xc40!\x97+\x12q\xb9\\L\xe2p@\xb0f;\x9c,\xc8\xe5\xf4\x94\xad\x024\xafH?`\r\xb9!\xf1\xfb\x8d\x90a!\xbf.g3_\xc5UF\x16,m\xd6sl\xe5O/\x86G\xb9\xcd\xd3y\xb8\x8a\x18&amp;\xf1I0\x10\xc9\x81~z\xef\xdf\x07\xb5:P\x171\xcf\xbc\xd1,S\xc1\xe0\x92B\x17\xdd^o \xe0\x97\xeaHRl\x89\xae\xacm~\rV\xab\x14\x99Nq\xea\x8au\xeas\xee\xee\xf2\xf2p\x151\x1eH\x85!\x95zk\xe5p\xd4\xce\xbc\xd3\xe1l\xdaV\xce\x08\x144\x03\xf3\xb4\xdf\x8b\x96#@E\xc0X\xb5D\x173\x9b\x9f\xf6\xaaU\x86\xb4\x17\xeb\x8bu\xcc\x1e]\x9cG\xf2\x85$O\x8er"\xc6u \xb5\xae\xb8\x84&amp;\xa7\x13\x06\x97)\xdc\xe7\x05\xd7L\xd3!\x1dL\x88~e\x00\xb5\x10\xa8d\x03\xd1\xad\xcc\xe6j\xacR\xad\x92\xf5\x9d[\xf9\xd3#\xf6\xf8\xe2B\x9d+\xe6\x0c&lt;\x88\xd50\x14\x84\xdc\x1a\x13\xf4\xd0\xd71\x0c\xf7P\x88\x99\x9a\x12n#!\x90\xd1\x14)\xb5+\xa1\x83F#\n\xfb\x1a\xcd\xc0\xdb\x85\xcc\xe6\xab\xd8e\xa5J\xec\xd7\x15+\x05\xd3\xf4\xf4\xe2\xe8a\xb2X\x98\x96\xcb[\x840\xb9\x84\xa0\x16\x84\xfd^\x07\xd6\xd1\xc1\xaa%\xa2\rC\x9b\xa7\xcb\xab\xb3X\xccbF\xac\xf3C\x19\xa5V\xf4\xb1\x05\xd7\x0c\xac\xaf\x01\xd6\xdee\xa5B\xfc\xdeS\xd7)\x7fp\xe0&lt;==x\xb8Q,\xee\xc0p\x80\x81*D]\xec\x05*\x89\xb3\xc3\xe7\x13\x9a\xe4\x86\xa6\xa5_\xb7\x03\x02x\xf8\xcc*\x8a\xb4B\xd8\xaf\xedN\x052\x85\xc6\xf2fm\xf3\xe3r\xe9\xb2\x12\xd2m\xd5\xf5\xa9v9\x10\xd6\xf0\xc3\x8dB1\tT\x10\xackX\xd0A\xcc9\xdc\xd1\xbc44t\xc3\x93\xd8\xees\x13\x9d6\x1b\x83+\xe8\x10\tI\xdf\x8a\x9e\x1d1\xae\xd0\x0c\xac\xace\x9eG//+bk\xb6\xaeX\xady\'{z\xea\xdc\xd8H\x15S0\xdb\xf9|\x93S(\xea\x1d\xed\x1d\x1d\xc5"\x11\xe7\xd2\xb7\nUB\x8b\x1a\xa9\xfe\xfa_\xafO2t\x1c\xcc\x8dUG\xc2\xc4B=\xd4\xcc-\x02\x96\x8c"C\x02i]\xe7\x03&lt;\x8a\xac\xe3\xe8\xf4\xe8\xfeF\xbeX\x98\x02,\xb9\xa9\x05\x13!\xaa^\x0c^\x9f\xe3\xb3\xdd\xe3D\xd7\x90U\x8a?\x85\x8a\xd3\xe0\xb1H\xab\x14u\x10\xb0d\x1amtu-\xf3I\x13z\'\x0e\xee\xd77\x93q\\\xf7Y\xc7\xc1\xd1\x81(W($\r|\xb4\xb4\xe1\xaa\xd5\xa3\xa3\xa3jL\xe8S\xdf\xdcM\x1c\x85=\xf3\xd6 \x13G.9\xce\x84\x825\xe7\x80,\r\xda\xd8\x807\xcd\xfc\x0b\xc7c\x84\xb4\xde\xcb\x11N\x9eeGG\x87M\xc9B!7\r\xef!\x8c\xd4\x1a\x96H"\xf1\xf9:\xc2K\xc77~\xbd\xe3\x97\xceh\xc0\xbdC\x07!\xa5\xa5\xd3R\x84e\x81\xb1eY\x07\xb7\xf5\n\xc7\xa3\xef\xbe\xd7{\x03\x8e\xe4\xea\xdd\xd8\x803\x9f\xcaM\xf3[\xb8&lt;\x11\x82\x1aU\xfb\xa0X\xa7\xa9y\xec\xc3\x87}\xeb\xf8\x17\xb3\xbe[\x8f\x0btVi\xda\x9fFr\x89\x05\xda\x1a\xd6Bf\xd9l1\xef\xa5\xea\xbfHJ=\x84\xba_\xc3j\xe1\x89\xae\xb4\xaaaI\x84&amp;\x88\xd9\x8f\x1e\xc5\x82\xf6\x98Y\xa5W\xc9\x08)\xb8\xd3\xda\xc7\x02\xb3\x18\xc4\xba\xc2z67g\x8e\x15\xeb\x9f\xf6]y\xc4\x05X\xc9\xdfx` \xfe\xa4\x92H\xe4\xcdc\xaf\x1f\xc7\xec\xe3\x04e\x9d\x11\xab\xe26\xbdv\x0eq\xa5\xd1x\xb0X\xd0\x8er}e!\x135G\xf7\xb2=\rXB\x14\xffP+9]\xa3R\xd7\xa8\xb8\xf2{c\x1f\xf6\xfb\xc7uR%\x11\xf2[C\x8c\xed\xe9\x88\r7\x9bg\xa43`\xe2\xcd\x16-Z\x06FW\x166?/\xaef\x1a@\xc5\x81\xf4\x03\xaf27\x9fJNq\xaf\xce\xbbZ\xe2\x93\xdf{\xf2\xfa\xf7\x188c\x9d\xdf\xed&gt;t\xcf\xfb\x83\x0c\xc4}\x1b\xad\xb2\x98\xe7\xa0\x85\x96\x1a\xd6\xc0\xecJ\xf6EkOc\xfe\xc7\x19N}njz\x07\x06\xc4\x94\x01a\xa1\xefc\xdc\xf7\xdfc\xa0\x0bi\xf4\xdeI@\xe4XJ\x0c\xa5\x83\xd4$\x04\xea\xb8\xbeS\xa3\x15h\x11\x97F;;\xb7\xb2\xf6\xa2\x81\xffC\xcfq\xb9Z[\x8b9P\xcb B\x9f\xedD\xf7\x9e\xbc3\x13R]\xda\rD\'g\xbbg\xdf\xd0\xc2\x8bbh\x9b-\xde\xad\xd7\xcb,\x1a$\x97v\x00\\`\xf1Z#\x8b\xc3\x01,8[\\t\x15E\xa2\'1\x81\x804\x8e\x97\xe7\xcb\x87\xdf\xa0~T\xc0RU!\xc0\xaa\xf4t\xdc\xd6\xad\xb0@\x03\x07\xb5\x83\x80\x95q]klq\x8a)\xa4\x16\xb4\xd1\xc7\x1b\x03*1\xe1?\x0c\xfc\xb8\xaa\xcbj\x05\xde\xe3j|\x04\xc2\xb4*\xde\xad\xd2*\x00\xeb\x16`-n\xf64\x18\xab\xb5\x98\xda1\x18\xa0\x8b"\x11\x7f_\x87\x96#\xc1\xd2\x8f\xf3\xb3\xdd\xdd\xb3\xb3\xf3\xf3\xf3\xb3\xf3@)\x88\xb6IAB\xacRhT\xda\xd9\x1a\xd6V\xaa\xb5\xe1j\x15\x92\xe8\xd3\x05\xe8\xc5\x7f\x10\xb0\xfa\x0f\xdd\'\xbb\xa8\xc2\xc7\xe8\xf7Y\xedx14U2Z\x05\xb8\x02a\r\x0e\x0e\xbcY(r\x1a\xaeV!7e\x90\xcb\x01\x8b\xd7\xfe\xa0\xaf\xcb\x13\x0e\x87\x8f\x8eQ\xd5\x04\xfb\xf6\xa3\x14\xa4\x18&amp;TJ\x13\xa4L\xf5\'V\xb6\xd1G\xebZk\xa1\x90\xba\xc2\xe2\xf2\x9a\x9b\x9a\xee6G"\x91\x89\xa3\xe3\xc4\xee\xd9\xd5\xa9\x07*\x8a\t\tH"\x14\x846\x0e\xa2\xb35\xbb\x92\xe9i&lt;V\n\x1d.\xb9\x81\x876]w\'j\xe5\xe9\x9b\xf7\xa6\xd12\x9c,\xfd\x9f\x97\xb3\x8bi2\xcd\xe2\xf8F\xc6Zu\xcaR\xa9\x14\xa7t\xe4miKA\xa8\x14\x81BZ\n\x14Z\xb0\x05\xa1)\xd2\xb4\x8c#nB]\xe8\x16\xb5\xe3\xfa\xc1\x97\xb0%\xca\x80\x1d\x8a\x1d:\xf2\xe5hS.&amp;\x12\x13\x86D!E\xa0\xc6D\x88\x9b\x1a\xd6]I\x86\x0bL \x10o\xc0\x0b\xe2\x8d\x99\xec9O\xf1nw\xb33ZN\xe9{\xc1\xd5/\xffs\x9es\x9e\xe7}\xcei\xba\x88\xa2.\x8b\xce\x9f?O\x89D\x94\xdc\x04Te\xc6\xe1o\xe9\xe1\xc7\xba\x0e\xe5\xc7\x1e\x8b\xfd\x18&lt;\xdb\x91s\xe7\xae\x02\xd6\xed\x1b_\xd7\x17\xff\xfcsz:?7\x1dV\xc1e\xf8RTJ\n\xc1*+3\x8d\xde\xd9\x01\xac\x9f\xee\xfd\xd8h\xb7\xdbcy\xb16\xdb\x95+\xdbr\xfd\xed\xf5\x93\xd7x\x8c\xae\xbfy\xb38\xfd\xbc\xa8(\xa7\x08\xd4\x92\xcaMe\re\xa6\xe6\xf0G&lt;\x9c\xcd\xfe:\xfd\xed\xaa7+\x84u\xe4\\\x88\xeb\xcc\xed\x7fa\x80\xbd\xc6\xb3t}q\xba\xa8\xa8\x86J\xe1\xc8\xa5\n\xc4\x82\x8a\x18v,\xd8w]\xbcx\xfd\xbaw\xd6n\xcf\xb2\xd9~\x8d9\xf7\xeb\x95s\xf8v0;\x9b[\x80\xafz\x9f\x00\xd6\xcd\xdc\xcbE9\xb0\xd3\x92\x13\x1f\x1a\'F\xbbO\xed\x04Vc\xe3\xf4*x\xd1^k#!\x7fU\x08\xc6`pc\xe1\xf8\xfa\xe0\xc9?\xeb\xea\xebrSr\x8a8 \x96\xdch4\x99\x9a\x07\x86w\x02\xeb\xde\xa5\xc6\xbc\x8b\xab^\xbb\xd7\x9e\x05\xc6\xb3]\xe5\xc5\xf2R\x85l\xae\xf0x\xcc\x19\x1d\xac\xc8\xfa\xfa\xa4tiN\nG$\x95\x9aZZ\x8c-\xfd\xc3\x03\xddaO[\xf4\x8a{\x97\xe2Yy\xd3^\xe4\xaa\xad\x05,\x1b\x8f\xc7\xb3\xb3\xe2SS\xb3\x04\x99\xba\x0e\xab\xe5l&gt;\xd4\x9d\x1c8\x87I\xcb\x8c---#\xc3\x0fGv\x08+\x9e\xd5\xb8\xea\x05\xcb\x02\xae,x\xd4\xce\xe6]\x04\x9f\n2\xcd\x86.KU\x93H\xaa\xd1H\xa5\x1a\xc8\xa5--\xcd\x03\x03\xcd\x93;\x85\xc5N\x9d\xf6\xce\x02W\xad\x00\x98z\x02\x8fzf{z\x04\xe6\x0eCg\xf5\xd2\xd2T\xa1&lt;tQM\xc4\x9a\xe8\xfb\xc1\xb8\x03X\x7f\xa8\xf8\x11\xb1\xd8y\xab\xb3\xb3\xde\xd9\xd9\x00\x9cx\x16\xe6\x96\xe6\xc0\x16\xe6,\x0bKSSSm\nM9\x8e%i \xb2@\xac\x11\xa3qd\x87\xb0\xc4,\x96\xbd\xd1\xdb\x03\x1a\xcdMLNN\xb6\xb6MN\xce7\xcd\xb765M5\xb5\xa9\xe5\xcac81\x95a2\x1a\x8d-\x13\x13F\x93z\x87\xd4\x82\xcd)7\xd6\xee\x05\xc7\xbd\x1d1\x99\xe4j\xa3BmT\xe3%\xbfZm\x94k2pN\xea\xd0\xd12\xa026\x8f\x18\x15p\xf0\x19\xdd\x81\xd8\xc2W\xe0,\x960\xabv\xb6\'\xf0v\xb2A\x93\xa1\xf9\x8b\xa6\xa1\x01b\\!\x97k\x1a2\x0e\xe2\xb8\xc8\x97\xc7\x1a`\xef\x00\xb1e\x82\xe4\x85Xa/&gt;\xa7\xae\xe3\x85\x81\x1865\x81@\xa0sI\xad\xc1\xf9\xd2\xa38\xcfY~Ls\x14G\x92&gt;\xdf\xb5\xeb\xcbre\x19:Q\x01\xebQ\xae\x9e\x1cu\x87}\xae\x13\xb0\xd8\x0c1\x83!\xb4\t\x02\x8f::\xa7\x1a\x8e\xe2\xd8\xc8\xc1\xc3d\xb8\x14\x87\x0b&gt;\xdb\xf5\xd9\xe7\x07\xcb5&amp;\x13\xaa\xa7\x84\x83\x99\xba\xf9\xed\x9b7O\xc3,\xd8)r\xbd\x92\xcd\x15\x82\\\x80\xb5\xd0\x92q\x88\xf4\x14\x87\xa6\xb5@*\x1c\xd3:\xa1\x94\xca\x1b\xa4\x1aeyy\xb9R\xaan\xee\xeb\xeb\xef\xbb\x95\x16\xd6\xd8:5\xcd\xe2r\x19\xa7\xff\xc1H\xb5\t\x00kn\xaa!\xe3\x10"\x85\x86\x12\xc9\xd0\xd8\x1f\xbfPB6\xd5`+K\t\xc1\x1a\xe8o\x9b\xe8\x1b&lt;\x15\xce\x88\xbf3\rT\x8c\xec\xd3\\(\xcdf\xc0jm\x93\x920\xdf\x9e\xb6\xc3y\xa3/\xca5(T\tv\xb2 V\xdb\xd4\xa4b\xb2\x7f\xf8~\xf8N?\x15\x8e\xfb\x17\xd9\x05_\x81\x1b\xb9Bp#r-\xcd\x17\xe6(\x01\xe0\xf0\xe1\xefq\xfa\xee\xcb\xef\x0f\x83\xeb\xb0\x15\xe9\xc46\x96\xa2m\xb2\xb9\xc18\xf1\xf0M\xd8\xe4JLs\x13,\x08ynAl\xac\r{\xee\xc0\x93Z\xbe\x88#\x02}\x80\xa2\xa4\xa4\x04\x99\x08\xd57\'\xf0\xcc/U\x146\xb7\x95)F\xfa\x87\xdda\x8azz\xb2\xeb\xe9\xea%t\xa2X\xcc\xe0\x15\x08a3\x7f&amp;F\x10\x83\xa2UW\xcd\xb7qR\xb0\xd5\x07\xa1\xae\x01\xd37\x84\x8a`\x15\xaa\x15e\xcd\xfd\x9e\xef\x12\xc3&amp;\xd6w\xdex!\xb6\x06\x8a\x19@\',\xe0\x1d\xb7a\xdb76*V\xcb\x92\xe0\xd4#\xcd9\x89Z\x95\\#V~R\tkR\xaePH\x11k\xb0"&lt;#w\xc9\x95\xee\xbbv\xb6\x10C\x9e\xc1f\x93kX\x9cu\xb0\x1d\xb1\xc5\x08\xccV\x8b6\x97\x93B\xe5\xd4\x9c,\xbfv\xed\xe4\xb6)\x95\xca\x1cJ\x9e"Wj~x\xe8\xf9%&lt;\xb9+\x91V\xd9{\xab\x96`q\x89d\x18`\xc8\x85\xed\xfb\xb0\xd5\xaaJ\xe2\x8b\x90\xabFYSS\x93\x03\xcf\x1cb\x14%\xa7Nj\xfa=\x9e\x97a\x19P\xa4W\x00Vw\x0c\x03\x92&lt;\x8b\xc1\xcd\x16\x13O\xe2%:/\x0b\xe4\xca\xd4\xdd\xa8"\xfd\x9c\x14E\x15\x91o\x91\xb4\x08\xa9\xa4R\x8a\x92\x96\xcb\x1f\xfa&lt;\xbe;\xe1x\xf5\x96\x98\x0cX\xa3\x02!\x97\xcd\xc2\x1bX\xf1\x9f\xb2\xbf\xe2b\x9a\x88\x8d\r\r;X\xab\xf2\xf9\xe9x?\x90\x92r\x9e&lt;\x01\xa7H\x8aT\x14u\xad\xc5\xf7\xd2\xe7\x19t\x84\xa14V\xd0hi\xbd\xa3g\xb0I7\x1e\xa5\x12g\x9f\xce\x16\xe3\xe4\x11\xef8l\x9c\x05\x80\x95\xc4\x07\xe3p8\xe9\xa4\xf1\x9b\x83\\T\xc8\x94\xfd\xeb\xeb&gt;\xa7\xe7\x97\xde\xb4O\xfd\xb2\x92\x8eXn\xc4b\xe0\xc8\x11P\xe1\xec\x11\x1b\xa8`?\x8f3\x18VY1X.?\x97\xcf\xcfmj\xc2\x1ek*\x05&gt;\x14\xea\xa6x\xe9\x07,\xa7\xd37\xd8\xeb\xc2W\xbb\x9f\x0c\x8d\x9eH\x03\xac;\xdd\xb7\xe1H\xc8\x007\x8a\xff,\xce\x86\x8a\r%\x1b"+\xab6S\xf7\xe0\xeb\xba\xa4|\xbc\xd9,.\xce\xaf#\xd7\xc1\xc4\x93`"\x11513\xb3\xeeq\xae\xad\xad9}/\x9c~w\xe2\'\xd3\x0c"\x8b\x96Ls\xdc2\x1400g\x89\xf1v?\x9b\x81X\xbc\xacZ\x1c\xa3\xa9\x96\xd5i\xb5\xda\xfc\xfc\xbazY}\xbd\x16\xf8\xb0\xf9\x1b\x8d#*T\xbf\x04,\xa7smee\xc5\x19\x8c\x08n\xae\xcd8&gt;\x05\x19\x9d\xeep\xd0\xd2\x80\xab\xf2\xe9\xdcU\x06\xecl \xbc\xe2\x81\x8e\r\x05\x9b`\x99u\xd6\xb3\xb2*0\x8b\x05\x1e2\x19r\xe5b|q\xd2\x0b\x0b\xf9\x85#O\x97g|\x04k\xcd\xb9\xa5bnEl\xbd_tT\xd2&gt;\xda\x81\xcb\x1b\x8e4\xc4Js\xbf\x8d\x01,\xcc\x11b1\x8b\xcd\xc6\xcax\xdcf#\xed\xe8]`\xd5\xd5\x16\xcbY\xcb\xd9\xb3U2m~\x13\xbf\x90\x93\xce\xc7@\xe3\xbf\x19\x7f\xe6\xc7\xd0Z[\xf3\xacIT\x92\xf6vf\xdc\xd6\xd8\x8bW\x1f7\x0c\x0bTc\x8b(\x16\x98\xa3\xdb\xc0\xc5\xfc\x00Q\x0f\x89\x9e\x1b*\xd8GB#ZV+rUWc\xbb&lt;`\x91u\x99\xdb\x944\x9f\xd4\xda\x0bX\x1e\'\x9aoM\xa5RE\xb53\xa3\x99\x11\xedzg\xf2G8\x92N\xf3\x8f\x05g\x92i(\x17\xad\xf2\xe9\x02\x0f\xea\x0e6\xb2 \x16\x1b\x12\xc4\xf6\x08\xa0\xc1`\xe8\xb4Zo\x80u\xe10\xa06)\xa9)\x17\xa0\xb0\'\xe9\x8d{\xfc\x19D\xbc\xc7\xe3\xf1\xad;U\xa5*It\\4r\x05\xfd\x8e\xdf\x0bF\xa7\x8f?\x7f\xac\x0f&gt;K&amp;bA\x8a\xe8\xd3\x89\xb1\x1c\xb2\xd8\xd8\xcf/\x14\xa6\x12,\x81Y\xa7\xeb\xe8\xe8\xec\xb4&gt;0\x18P4\x82\x056\x0fP\xad\x0b\xbd\xae\xf1e\xc8Z&gt;\x9fo}\xc6\xbfU\xaa\x8a\x8ab2\xf7E3\xe3\xda\xc7^l,\xd3~O\xec\xd3\xd3\x16\xdf=\xd6\'\x04\xc7\x93\x93\x11\x0c\xd6\xe2\xdd\xea\x02\x06\x9e\xab\xd9la,[\x08N\xe4\xc1\xb6K\x90i6\x03W\x87\xc1\xa0\x83\xaf\x15\xb1\xf2\xf3\xf3\xe7\xb5\xb2V\x99\xac\xaa\xdb\xe5r\x13\xac\xf5\xf5\x99\xde\x99\xad\xd2R\xc9\xbe}L\x90+.N\xdf\xae\x1f{\xb18N\xfbm`tz\xc5\xf8\xab\x0bz}\x82&gt;\xe8N\xde\xe6\x02\xb9\x1e\xb0\xe3Y\xa4WJ(d\x13\x1f^\x89\xc9\xcc\x04\xaeG\x1d\x1d\xba\x0eP\xcd`\xad&amp;XZ-Y\x9a\x0b\xbd\x0e\x87\x8b`\xf9g\x9e\x8d\xbf/\x05\x8b\xda\x17\x1d\x01^\x8c\xd8\x1f\xb1/\xae\xbd=\xf8\xca\xef\xfa\r\xf9\x02\xa0\x9e\xbf\xbb\x90\xa0OH\xd0\xaf\xd1\x92\t\x17\xfc9\x06eG@-V*\xe1\x82\x82\x08b\xc5\x08\x04\x02s\x00\xc9t8\xd9f%!\x9f\xaf\x95Y,\xb0\x02\xba\x1d\xae\x99\xc5\x8d\r\x8fg\x1d\xa8V\x86JK\x87JU\xa0\x15\x13\xb0\x0e\xb4\xab\xa2\xd0\x99\xfa\xb1\xe7\xcf*\xff\xaf\x9f{\xa2\xd3\x13]\x8b\xef.\x00S\xc2\xde\xa0\xbf7\xed\x03\x17\xd4\xc5\x01\x03\x0b\x07\xc7R\xd1\x8f&lt;\xde6U\xa6@\x10\x08\x98\x91J\x87o\x93d\x10T2\x80\xea\xea\x9a\xbb\xbf\xbc\xb2\xb9\xb9\xb9\xb5\xe9\\_\xf6\xbf\x1f\x1a\x02\xaeRU$,E\xc0\x8a\xd8\xabRI \xca"\xe2\xda\x83/\x16\xf1W\x95\xfe7\x1a\x1d\xf6\xc7$\xa8\xd0\xf6&amp;l\xb8\\\x95\xb4\x90Z(W\x95 \x0f\xb0\xd8\xdbj\xc1\xe6\x14\xa1\xd0\x02f\xc4\xea\xb0V\x03\x96\x0c\xa8\xba\xac\x9d\xd6\xd1\x99\xf7@\xf5w\xc0\xd9\xdaR\rmc1\x0f\x10\xb5"\x12$\xb8.\t\x17H\xf6\xca\xefNK\xfc\xaf\x15\x13\xfeO[~\xfe\xee\xf1\x05\x00B\xaa\xdd\xbb\xf5\x1b\x8e\x10\x17\xc6W\xa5{\xc0b\xcf\xcb\xcb\x0bE}\x08K\x80/\xba@2sf&amp;\x16mp\xa2\xac\n\xa1`m\xde\xf5\xac\xaclJ\x86&gt;X)\xe4-\x95$r\xcf\x81\x08\xe0b\xee\x8f\x06\xc6\xa8\xe8H\xe0\x8a\x0b\x91-.\xffgob\x9c/\xbe\x1a{\x0c\xfe\xdb\x0b\x96\x90\xb0{\xcf\xfe\xbdz\xd0+\xed\x03\x96kpJ\x97\x97\xd7\x98\x07\x05\x1b\xbc\x18\xc2"r\x05\x04\x02\x1c\x9cD\xac*\x90\xaa\x13\x96\xe6\xa3\xee^\xbf3\xa8*\x05\x1e\xfc\x00\x94$J"\x81\xc4\xb5gO\\ddd\x1c\x13\xfe%\x89B?"\xd8\xbf\xdb6\x83\xd0\xb6\xcd(\x8e\x07\x8c\xf2M\x12|X\x12\xa4\x85\xe9P\x82zJ\x99\xf1a\xcd`\x97@`\x87\xd2\x1ef\xe6Sw\x1a$\xbb\x94\x1d\x14\xda\x1cz3&amp;\x1d;\xac\xf1\xd8m\x1b\xd9\xe8@\xea\x14\x98\x14b((d\xed\x10\xc8L\x16\xb1N\xc9\xc9.\x98\x1e\x8c\xb1\xbba\xc8\x12h\xe9\xde{\x9f\x9c\xa4\xdb\x9e\x89p\xb0-\xfd\xf8\xff\xff\xef}\x9fb\x82d\x07\xaf\xbe\xde\xab\xff\x17\n\xe6\xd4\x8emWr*\xd9\x92U\xa6\x02W\xbbQ\xc5q\xba\xf0\xf1\xc2B\xf5\x9b\xef&gt;\x98[\xc2\xaf\xee\xae\xe0\x17,"Z\xb9\x8ds\xd7\xae]\xc7\x7f@\xfa\x1c\xa0\x9e\xfc\xfed\xf3a\xe3\xf9a\x01\x9b\x0f\xa6\xe8`0H\xd3R\xb1\x08\\EMW%S\xe3\x9a\x89X\xa5\xa2A\\\xf0\xa8\x995\xe8\xfb\xce\xff4\xdf\x0e A\xc9\xb2D\\2\x03,I\xb6:{\x8dj\xb5\xd1:z\xd9\xdek}\xff\xc7\x9d\xb5\xfb\xeb\xeb\x84\x05\xdb\x07\xa4\x82\x03\xde\x9b-B\x0f\xc0\xb6\xfe\xd3;\x9f\xdc\xbezu\xf3\xd1\xb7\x8dV\xa7x\x8b\x8cK\x87\xc3a\xf7\xf88HS\x058xA\x97%\xd0\xcb\xc4\xa1_\xc2\xd8c\xd4\x80\xabP\xa8\xd5l\xfb_R\x95\x8fv(\xe5\x96\xd0\nh\x10\x0b\xc0$\x99\xd5^u:\x7f\x16\x96o\x95\x0e\x9e\xd6\xbf\xffks\t\xb1\xae,\xcd\x9fQ\xa1T\xf3\x97/]\xfa\xe2\xfa\'_\xfez\xf3\xfa\xea\xea\xb3\xedzc\x17\xa8\xf0\xba\xa5\xe5\xd3n\xb7\x0b\\\xa7\xdd\xe3\xe0$-q\x8d{\x91\xef\r\xe2\x12\xfa\x8a6r\xe2"6\xd5z\xfb\x86\xabuX\x810\x81s@\x05\x12\x81y\x90wFr\xa9\xa1\xdf\x0b\x15\xd4\xbfP\xf9\xbbU.o\xbd\xb8\x0fz\xad/-\xe6DX\xd7n\xbc\x07\xa4\xf3\xd7o\xde\xbc=\xb7\xba\xf8b\xab^o\xbd2JDU*\r\xbb\xdd\xd34M\xb5\xa0\xd9l\x06A\xe0\x9d6\xc7\xe3\xe0\xf8\xf8\x84\xa8\x01\xcb\xe0S\xac\x82\xc6\xdeJz{\xdf\xaa\xd5D\xce!Q\xec\x02\x16\x93\xa2\x91\xe3f\x1a\xae\x19\x1a\xb3w\xf6 f\x00\x06X\xab\xb7E\xaaV\xc1\xc0\xcbK\xeb++\x1f\xce\x7f6wmqqm\xbb^\xad&gt;\xdf10\xe0\x90\xa6b\xf1\x04\xc4\x1a(J\xda\x05\xac~?8v\xe1\x98\x1d\xf7\x83eR\xab(bO.j\x9a~&gt;\xa70T\x96J\xca@\xf7A\x01\x0c\xfa\x08T\x12\x8b{\x89\xef\x02V\x81c/\xab\xf6\xfe\xcb*\xeer\xb6_\xac-b\x13\xce\xe1\x1f\xe8\xd7\xc0\xd6{++W.\xdf\x98\xbf\xbc\xf4b\xabZ\xad\xef\x1dpE`a\xce\x07\xc3n\xa4\xa4$V\x1c4\xc7\xcd\xa0\xefgn?)!\x17aq\xc8\x17a\x99\xa6h\xbewf[\xb0\xccTP"\x8c\x11\x18\x08\x05O\x81J\x95\x98\x1e\'\x93H\xcf\\7\x86\x8f`\x1f\xeb\xb2m\xb7\x81ka\xa1\xbe\xfdh\xf3\xc9\xd5\xd5\xc5\xb5\xb5\xa5\xfb\xeb\xf7\xeemll\xac\xc0*~\xff\x01BU_V4CQH*j?e\x90\x96\x90*VR0\xd0u\x13/qFq\x11\xc3\x05oS\xc8G\x13\xb8831Q\xf5\xd6\xd1\xe1\xdf8\xa7TVC\xebr,\x95\x00\x99\x17\'\xee$d,sG!R\xe9\xba\x0e\xe6\xda\xf6\xe1\xee,-\xdd[\x0f\x9fm\xae\xae\xe5PP\xeb\xbf\xfd\x08P\xd0\xb4\x875\x8ds\x05\xb9\x04\x16\x1d!\xf11WN\xc7\xe3\xa6\x1f\xc4\xde\xc8I\n\\L\xae"\x92\xe1\xb8\x07\x0fU}f\xa1\xd5\xee\xec\xef\x03TE\xae\xc1\x15u\xc4\x12R\xa1\x87\xaa\x17\xf5&amp;\x8e\xd3\xf3$\x16\x8d"\x1d\'\x1eaI\xc0\xb29\xb3\xbd\x00\x00\x03\x19IDAT\xd5\xd9\x15[\xb0\x85\xf27?=Z\xba\xbb\xf1\x0br\xfd\xf2\xe0\xab:BUw;:8\x8eX\n\xa1M\xe9\x94T1\x8a\xc1x\xdco\x8e\xb2\xccq2f\x96\x90\x0b\xb4\xc27\xc1 \x03.\xd5\x9c\x81y\x8eP0\x13T=\xc7"+\x85\x9bY/\xc9b\xd7\xe9I*\x0bCSG(\xa63\x12\xb2b\xef&lt;\x9d\x9d\x16\xa4\xec\xee\xdd{\x1b\x0f\xbezLL\xe5\xea\xd3\x9d\x1a\x9c\x1f\xb8\x0c\xc3\x80+NE\x03\xc9\xd0\xacA\xd2\x1f\x8d|\xf40\x94U\xfe\x83\x18\xf4\xc8\x856B#\x1a3\x15;_\xfbd\x86\xd7d\xa4\x14\x15P\xf9\x93\x98\xb1\xd0u\x12\xc0\x02dT\x8a^\xc1\x16\x95-{\xff\xa8\\\x9e\x82U\xb7\xb6\x1f\xfc\xfc\xb8\\\xae\x96\xf1\xe7\xe8\xa0\x86\xd9\xe5\\\x80\x19\xc6\x94K\xc1\x87\xa1p/\xf4\xbc\xc8u|\\\xdcp\xa7\x83\x89\xc7 \xc26G3Yq\xc6\x9a\xae2\xe2\xbaLb\xd3\x92$\xdf\xf1\xe1w\xc0\xf2Q=b",J\x1dqQC\xe6\xdbiX\x9c\xca\xa2\x1a\xed\x8aJ-\xc5\xcf\xc1H0\x85\xbcD,^\xf0&amp;\xae3\t\xa1\xebeJ\x97\x02:A\x87\x14\x8d\x82\xa6\xd7\x94\x19K,\xc8D\x85\xd7\xbd\x80\x05\x89\xf4\x81!v\'\x19C*|Q\xa8%\xe5\xeb\x92\xbd\x7f\xd8\x80["!\x19\x1c\xcb$\xd5n\xa7F)\xd4\xb0\xb8\x00S\x84`\xa4\x19&lt;18\x0f\x1c\xb7\x17\x82%\x96\xc5N&gt;\x1a\x94P\'Hc\xb1\xc85\x15\xb0\xe4s\xadr\x8b\xf2\x8a\x13\x9f\xb0X\x18y\x82\ng\x99\xc0\x82\xb3\t\xb0\x8a\xddi\x95g\x05W\x157\xd5\x80\xb5\xb7#c\x02M\x0c\xef\x14\x8b\xe7z\x9d\x15\xd7\xc2,\xf4()\x96\xec\rn\xa5\xa7\x81\xefG\xa1\xc7\x01O\xd5K\x88%\xe1\xd0&lt;\x83R\x89!L \xe8\xae\x13\t\x08\xa6\x12\x94\x94\x9b\x08\xc3L\x16\x82I\x16L\xfc\xe9M\x91\xc0::Pu:\x85.&amp;\xb6\x96\'\xffm2\xcc\xb6\xaeR\x82-K\xbf\xf5\xfe\xb0\xd9\x1f;\xaf_\xbf\t\xb9\x02ckyF\xa6\x0b\xe4\xc9!\x07u/\x8c\x92^\xd0w\x12\xc2R\xe9ATb\xe2\xc3SU"\x1f%\x14\xcd\xdeo7\xce\x026[m\xdb\xb80\xa8S,\xda\xec]\xd0L\xc9\xd9\x00\x8bd\x80\xe6\x81\x18\xa5\xef\x0e\xbbA\x00\\o*:7Tcy\x86NM\nQh\xc28\xf2{\x93$\x8a@\xaad\xe4\xcbgm)\x89u\x88r%\x9d\x15|V\xaa\xd8\x87\x82\x0b\xb7\x88ml \x9a19VN\xc6\xf9\xb9\x9b\x06\rt\x88\x12c5\x95\xb8\xf4\x93\xe1Iz\xdaw^g\x96\x05C^A\xac\\\x06\xc6\xbc\xcc\x8f{\xbd$\xca\xe2\xa0\xe7Gc7\x8a\xa5)\x95*\xb0r\x8d.V\x1e0\xa1U\x03v X*\xf9M\xb9\'.D\xe3\xd8\x96\x80\xc3/b\xe1&lt;\xc2Uep2\x00\x1b]\x1f\xce\xc5\n\x0c\xd4\x12\x9e0\xd3\xf4\xb2\xc9$\x93t/\x8e\x92\x89\x1fz\x01\xbc\x87\x1c\x13\x12\xb1\xbc\xf7\xf2\x92p\xabs\xa6\x18\x04\xec9\xaa\x05T\xa2\x81\xa43\xac\x02-\'\x84v\xee\xa5\xc8Z\xc1\xcc\xa3\x0cn\x99\'\xc3n\xb3\x0f\x8bI\xc5\xb6\x18\x98\xf8\x0f%\xf7\xc4\x82t\x1b\x00\xac\x00\x00\x00\x00IEND\xaeB`\x82'</t>
        </is>
      </c>
      <c r="M289" s="3" t="n">
        <v>45492.67671296297</v>
      </c>
    </row>
    <row r="290">
      <c r="A290" t="n">
        <v>881215</v>
      </c>
      <c r="B290" t="n">
        <v>1981</v>
      </c>
      <c r="C290" t="inlineStr">
        <is>
          <t>Nahuel Ferraresi</t>
        </is>
      </c>
      <c r="D290" t="inlineStr">
        <is>
          <t>Nahuel Ferraresi</t>
        </is>
      </c>
      <c r="E290" t="inlineStr">
        <is>
          <t>ZAG</t>
        </is>
      </c>
      <c r="F290" t="inlineStr">
        <is>
          <t>ZAG</t>
        </is>
      </c>
      <c r="G290" t="inlineStr">
        <is>
          <t>ZAG</t>
        </is>
      </c>
      <c r="H290" t="n">
        <v>188</v>
      </c>
      <c r="I290" t="n">
        <v>32</v>
      </c>
      <c r="J290" s="2" t="n">
        <v>36117</v>
      </c>
      <c r="K290" t="inlineStr">
        <is>
          <t>Right</t>
        </is>
      </c>
      <c r="L29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bc171b0-adb5-4ae3-8baa-1507dffe8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c29?\x00\x00\x02\xfdPLTE\xff\xff\xff\xe9\xea\xf5\xf4\xf5\xfb\xf2\xf2\xf9\xee\xee\xf6\xf0\xf0\xf8\x19\x18\x1d\xfd\xfd\xfe\xed\xed\xf9\xf8\xf8\xfd\x17\x15\x1a\xeb\xec\xf7\xe6\xe7\xf3\xef\xef\xf9\x1c\x1a \xdf\xbb\xac\xdd\xb6\xa4\xfb\xfb\xfc\xde\xe0\xed\xf3\xf3\xfb\xe2\xbe\xaf\xde\xb9\xa8\x1f\x1d"\xe3\xe5\xf1\xdb\xde\xeb\xe1\xe2\xef\xf6\xf7\xfc\x14\x12\x18\'%)\xfb\xfb\xfe\xda\xb3\xa1\xe2\xba\xa7\xd6\xad\x9a\xda\xb1\x9e\xd8\xdb\xe8\xbd\x88s=*)\xe4\xbe\xaa\xcd\xa7\x98# %,  \xde\xb4\xa0\xd6\xaf\xa0\xd9\xa9\x93\xb3~k\xc1\x8cv\xc7\x94~\xdb\xaf\x9a-*-\xe8\xc6\xb9\xe1\xb8\xa3\xcb\x8ey\xe1\xc2\xb4\xe4\xc4\xb7G0.\xf0\xf1\xfb4&amp;&amp;\xc0\x8f{P74Y&lt;8\xe8\xd4\xcdzTH\xdb\xac\x96fF?&lt;67\xc8\x9a\x86\x92^M\xba\x82n\xd4\xa8\x98\xf8\xf7\xf8\xc5\x90z\xafyf\xe4\xc0\xb3\x81ZN\xa6xg\xea\xcc\xbf\xd4\xd7\xe5\xaazl\x98cP\x89`P"\x1a\x1b\x97iX\xca\x96\x81\xd3\xa1\x8b\xb6\x84r\xce\x9e\x89\xc6\x9e\x8f\xa1sa\xb8\x8bw\xaes_\xd0\xaa\x9d\xe7\xb4\xa5\xcf\x98\x84\xe2\xb3\xad\xf3\xf2\xf4\xd6\xb5\xa8\x90eX\x7f_W\xe1\xc7\xbd\x10\x0f\x15&gt;//bVU\xd7\xa6\x90\xad\x81o\xd3\xa6\x92uNC\xa1eU^A=fKG\xb8vf\xa2lY\xc2\x85o\xec\xea\xec\xdf\xb0\x9b\xb2\x88u\xa9kY\xbfzipKA\xd7\x9f\x93C99oOImE;\xc9\xa2\x96\xce\xa2\x91I??\x9ck^\xe2\xcc\xc4\x83UI\xdc\xbf\xb4\xbe\x82k\xc6\x89r[NP\xc3\xc5\xd7\x8e\x8b\x9a\xd0\x93\x806./\xa8q_\xe7\xc1\xb0\xea\xd9\xd5\xd4\xbb\xb3\xe7\xb9\xac\xcf\xd1\xe1c=7\xe2\xa8\x9a\x81N@\xdf\xa0\x92\xc9~o\xd2\x89|67D\xb9\x8f\x7f\xbf\x95\x82\xdf\xb0\xa5\xca\xcb\xdc\xec\xcd\xc8\xcf\x82u\xd6\x93\x86\x8dYIMDF\xa5\xa3\xb4\x91md\xcf\x9a\x8e\xbf\x97\x89\x81gc\xba\x9b\x92\xda\x99\x8d\xb4\x92\x8a\xdb\xa3\x99\xef\xd1\xc3\xad\xaf\xc3\xbe\xbe\xce206THI\xe5\xad\xa1\x8a_X\xef\xde\xd8\xe5\xe3\xe8\x9euh\xeb\xbd\xb3\xd9\xc4\xbd\xdc\xaa\x9f\xdf\xdd\xe1nTQtq\x81ojt\xcf\xae\xa2uYV\xd5\x8e\x8f\xb6\xb8\xcbI*(\x8fODOO[\xee\xca\xbd\x9c]T\xca\xb4\xae\xa0\x9b\xa9\xc6\x84w\xd6\x9a\x85\xc8\xa8\x9e\xc9\x8e\x7f\x80|\x8c\x95\x93\xa5\xban^\xba\xb7\xbd\x91to\xaa\x8a\x83\xc9\x92\x87n92\xaa\x83xdanoab\xaf\xac\xb5\xc0\xa2\x99\xd7\xca\xcc_2.\xc2vs\xca\x80\x818\x1f\x1f\xfa4@wF&gt;zA7\x8c\x86\x8b\x9dUJ\xda\xd4\xd7\xb4dX\xc9\xc7\xcc\xb6kfU2-\xd1\xd0\xd8\x9cztYVc\xb0\x99\x97?@L\xef\xe2\xe0\x9b\x8b\x8c\xef#0\x81xz\xf3\xec\xea\xdf\xbd\xbc\xeckr\xc3ne\xf4[d\xfaHT\xa9\\Q\xde\xa4\xa4\xec\x9e\x9c\xe2$0\xa0\x7f{\xbf\xab\xa4\xcd(6\xef\xab\xb2\xe1\x84\x82\xf1\xbb\xbf\xe4?H\xf2\x8b\x8c\xbd3CnJ\xd5\xac\x00\x00 \x00IDATx\xda\xc4\x98\xe1O\x1ay\x1a\xc7\xfbb3\xe4\xe6\xc5tI\xb6\xf3\x86\xb9\xd6\x06\xe2\xcc*p\xb3\xf1JFH\xcfQ\x04\xc4FET\xb4\r\x8b\xb2\xc2\xa9\xc5*\xe7\xb6\x0e\x08\x9c\xabD\xc7K\x1b\xd3KVMoe\x11\\\x9b,\xa4\xd1\xdbb\xd5\xc44qS\xf4N\xbdSt/i6\xa61\xdan\xd3\xf4}\xef\xed=\xbf\xd9?\xe1@\x1f\x05Gb\xc2\xc7\xef\xf7\xf9}\x9fg\xb8p\xe1\xff-\x99\\f:\xf6\xbb&gt;2\xb9Lr\xb9\xdc\xef\xf7\x9b\\\xfeS9\\_\x90\xc9.\x9c_\xc9\xfd&amp;\xd3G\x07\xc7\x19\xffb\x06\xea{t\xe1?v\xc9M~@;?*\x99\xdcu\xba\x98\xd9~\x9e\xcb\xadl\xedG\xa3\xde\x95\xad\xb1\xed\xcc\xe91H\x06\xea\x99L\xb2\xf3\x82Z\xdc\x1e{\xfe\x9cgE1\xc5\x92\xac\xe8I\xa5\xc2\xd1\xfd\x83\xedL\xe6\xd5\xa2+\x93q\xc9\xce\x87\xca\x7f\xf0\x96\xa2h\x96e)(\x12~\xb0"\xfc"z\xc7\x0e\x8e\x0f\x0e2~\xb9\xfc&lt;\xa0\xe4\xae\xad\x14E\x904\x80Q\x80D\x90\x04M\x924I\xb3\xa2\xe0}\x7f\xf4\xea\xdbE\xd39\xd8\xe7?\x1e{\x9e\x02\x910\x96fS\xa0\x18\x10\xe1@\x86a$-\xf2|\xf8\xfd\xd8\xb1\xfcl{K&amp;\x93g\x8e\xde\xa4\x81\x89\xa5H\x1ac)\x9e\xc5\x08\xb8$1\x02\xc3\x11\x17\xf8\xc8GW\xfc\xa63\xcd\x08\x99\xe9`?\xc5b\x00A\xd24&lt;\x81\x834\x81\x11\x14I\x10\x04\x8e\xe1\n\x0c\xa3iV\x88\xa6\xdf\xf9\xcfJ-\x19\x92\xea\xd5~\x8a\xc6(\x0c\xc3q\x12\x1e \x16\rT\x18pa4\xa9\x80\xc2\x15\x04I\x89B8\xf6nQ~6z\xc9L&amp;8|,\t\xef\x8c)p`\xe9DX$N\x91\x80E#PEgg\xa7B\x81\xd9X1\x96\x8e\xbd\xff\xe9l\x04\x93gN\x8f\xbe\xa6\x08\x1c\xef\xc4qx\xc6\xb1N8\x86\xa0\x19\xf4;8\x08\x06\xe2\x12\x16\x8e\xd9(\xc6\x13\x13b\xb9\xed\xb3\xc02\xb9\xb6WR4h\x05\x82\x10\x84\x02=\xb1$p)@,\n\xf1!\x0f\x91Z6\xe87\x8f\xe0\x11\x04\xef\xb1\xac\xe0&gt;\xca\\\xa7+\xb1\x14\x85\xa37\xc7\xa0\xbd\xe1\x89\xa2!F\t\xd0\x0eN\x00\x14z\t\xc3i\x9b\x8da9OTdyA8\xca\xc8\x0b\xcc%{u\x14\x05,\x9aDv)@\x1a\x1c\x85\x14\x86):\x91\xa980B\xae\xdaP1\x9e\xb0\xc0y \xbe\x04\x9e\x8f\x1d\x14x\x06\xfdv\xfbM\x8cG\x83\x06\x84\x02\x1f\x91\x93H7\x1c\xd9\x06IJ\x8b\xac\xc8\x00\x1e\xae\xb01\x8c\x87CPB\x8a\x0f\xf3\xc2;\x7fA\xc5Z\x1c\x83\xf4fi\xa9\x87\xa4\x03\x87\xa3\x1e\x87KH+\x8a\x12E^\xd0\xe99\x15\xc7\x80Z\xc0\xe5\x81?N\x91"\x9fb\xf9\xadB6\xbe\xe9\xf4-\xc5\xa7R\x14\xe4\x00\xa2\x92\n\xc7\xa4\x16\x87\x86gDO\xd8WQa\rT\x18t\xaa\x97\x0c\xe7\x11\xc2\x1e\xf0\x10\xa5G*\xfcc\x01\xa7\xa3\xfc\x08\xa6\r\x0b\x89\x80&lt;D\x1a!*h\xf3N\x14\xa16F\xa5\xd7Wt,\xd5E:\x86{*\x0c\xeb\x82J\xc5\x89 \x18\x0b\xff\x05\xc1\xf2?\xca\n\xe7\xe1\xd7$:w\x14\x9a\xcf\x84\xa4\x97\xe2\xd7\x19\x88(m\x9c\xde\x10h\xacmnS[\xfa\x1a\x1a\x86+\xf4\x1e\x9ea\xd0ld\xa5I\x10\xfbIV\xa8tx\x03\xb9IS\x04\x01#\x19\x97\xfa\n\xa6\xa2B:\x806\xc6\xc6\xe8\x03\xd6\xbaf\xb3]\xa3\xd5\xa8-\x8d\x8d\x1dk\x06\xce\xc6p\xacM\xe4\x00\x1d#\xc5\x15W\x81:k\x85D\x10\x18E\xa4`\xdcH\x11\x0f\xd9\xae\xc0h\xce\xc3q\xccK\xe6zck\xb9]\xab)\xb7\xdb\xb5J\xa3\xdabQ/\xf9l\x1e\x8f\xce\xe3\x01.\x82\x14c\xc7\xf2\xc24\x16J+8r\x18MA\xc7@\x7fa\x18c\x83)\xc3\xa8\x0c\x81\xf8\xda\xc9\xe4\xfa\xf5V\xe5H\xbf\xc6l.+3k\xb5f\xb3\xa6\xad\xf9\x89\xcf\xe7\xd3\xe9&lt;\x0c\x81Q,\xbfR\x88\xf4\x92\x1d\xa7P\x13A\x86\x83&gt;\xa9\x14K\x936\x0c\xbe\xc0;\xfd\xc9\xe4R\xc4\xdd\xd0\xf3\xef\xc9\x9eV#@i\xcb\xca\xec\xce\x96\x16;\xa8\xa6\xb1D\xeeM\x06\xf5:\x06\xa3!U\xff!/@c\x8d\xc1\xee\t=\x02\x9b\x0b\xda\x14 ;\xa54W\x05\x87\r\'\xd6{\xd6\xa5\xbaf\xf5D\x9fZS&amp;\xd5x\xd9\xb8\xd3\xe9\xb4k\xcd\x1a\xa3\xa5\xaa\'\xe8\xf30\x14\x1f\x0e\x87\x8f\xf3\x8f\xe5\x7fK\xd2\xb0#\xd0X\'\xecR`\xa7M\x8a\xcc\xf5\xe1\xd9\x87?\x07g\'\x8cJ\xa5\xd2\xd8\xff+S\xd9(\x94t\x81\x9c4\xaa\xfbf{|*H|&gt;\xfc.\xefr\xc9\xbe\x855\x14\x06 \x0c\x1b\xb4\x12\x93\x0c\xc3\xa9\xd6\xff\xd3SU__\xdfw\xd3b\xd4h\xca5\xe6\xb2q\xd0\x08a\xf5\xf7\xa3\xef\xd12\xa0\xd2\xf4\x1b\xd5\xb7\xabz\x0c0\x00\xf8p.\xef\x87\xf17[\xb0Oa\xd2B\x85\xa1{\x1b\x863\x04\x11T\xe3\xed\xbe\t\xcb\x9d\xbb\x1a\x8dYkw\xbex\xd1\xe4t\x8e\x03\xd6\xc8\xc8H?\xaa\xd1Q\x8d\x06|\xec\xb3V\x08\xa2 \x84s\xfe|7\xbd\xe9\x19\tq\x85\xd2\x1d\xc5\'a\xb3\x05\x1b\x90R\xf5@u\xf3\xe6\x9d\x91Qt\x00\x9d\xe3\x80\x05}\xa5\xddDH\x80v\xb7\x7f\x14\xf42\xaa\'"=\x10\xaeB8\x9a\xf7Hu\xed\x13h)VH1\n\x83\xe6\xe4!\xa2\xaa\xaa\x97\xc4\x1a\x81\xb77\x9b\xed\xe3\xe3\xdf\x0c\xbe\x00#\xc7\xa1\xe7\xb5e\xfd#\xfd\x88\xab\x1f\xba\xce\xd2j\xed\x159Q\x88n\xe5\xbb\xb9\\+\x98\xe4!.A\xe9\r\xc1\x9fg\x81\xaa\xaa\x1e\xa8\x8cF\xe5\xe8\xa8y\x13X\xc6\xc7\x9b\xe6\xe0!\xa9\xe6\xd4j\x90\x99\xf00\x82\x8d\x1d\xbd\x82\xc8\xc7\xbc\xfb\xf9^p\xe4\xcf\x08R\x9a~\x04\x01#y2\x18\x04\xb5\x80\xaa\xb1\xd5\xd2\xdc\\\xae\xdd\xdc\x9csB\xbbCo\x95\xbe\x18\xfc\xe3\xe0\xe0\xe3\xc1\xa69\xe7\xa6Y\xd3\x8f\xb0\x94JMW\xed\xb2\xc0\x0b^/\xbf\x9dg\x17M[\x04\x8d\x03\x18Iq*\x9d\xa1g2\xf8p\xb6j\xb6\xa1\xbe\xaf\xaek\xa0\xbc\xfc_N\xe7 T\xd3\xe0w\x7f\x9a)}\xfc\xf8\xe9\xd3\x92\xc1\xc1\xb9\xb99\xbbRmQ\x8f\xdc1\x1a\xcb\xa7\xbb\xdca&gt;\xec\xf5\xa6\x0e\xf2\xec\xa2\xec\x19,\xc70\x99)J\x85\xc4\x02\xac\xe1\xe1\xe1\x86\xaaH\x9de\xa0Y\xb397W]ri\xe6\xe9\xcc_g&gt;\xf9\xf8\xd2L{6;\xe4\x98J$\xa6\xa6\xd4\x91\xfa\xdb7\x8d\xca\xf2\xe9D&lt;\x1a\x0eG\xc3y_od\xcf\xd0}3A\x80X\x06\xc3\xc9\xe4\xc9d\xf0\xde\xbd\x9eakcm]mm]W[\xc2\xd1\xfe\xc5\xe755\x9f\xd7\\\xbbtk\xe8\xf0\xbf\xbb\x1f\xd6\x02;{K{\x1f\x96:\xac\r\x13m\xd3\x8e\xd5\xbde!\x16\x16\xd3\xef\xf3\xae\x16%\xdd8\xd3\x8c\xcep\xa2;\xd1\x1b|\xb0\x88V\x04\xacO\x92\xbd\xbe\x80{iw&gt;\xdb~\xed\xd1\xa3\x1b\x8fn\\\xcc\x1e\xceo\xfc\x92\xcc\xe5\x96\xd3k\xf1\x9d\xd7K\xf1\xeb\xd6\xc66\xc7\xeaB\x12\x89\x15{\x9f\xe7\xe5\xd9\xf4\x1c\x96_\xc0"9\xbdN\xb7\xbe\xae\xd3\xeb\xf5\x86\xde\x8a\xe5^\x9dJ\x17]v\xbbw\x17\xb2\xa1k7\x1eA\xdd\xcf\x1e\xee.\xbcK\xe6\xbc^o\xb27\xe0v\xbb\xe3\x81@Gb5\x1bO{\xd31o.\xcf[D\x86\x85\x90\x070\x9b\x07Qq\x1c\xa7\xf3\x05|\x06\x08IH\xc9\xb5d2\xf9aa\xa8\xa4\xe6\xb3\x9a\xcfn|\x95\x9d\xdf\xfd\xb0\xb3\x93L\xe6\x92\xcb\xc9\x9d\x9d\xf8N&lt;\x0eh\xd9\xd5]\xaf7\x9dN\xe7\xf2\xbc\xd2\x7f\x8f&gt;\xfc p\x82\xf1\xe8\xd6\xe1\xd6\x86\x01\xaa^\xa8\xe5ho\xda\xd7\xeb\xde\xd9\xd9\xdd\x1d\xaa\xfe\xc3\x83k5\xd7~\xdf&gt;\xbf\xb0\xbb\xb7\xb7\xf3\xfa5\xbc6?\x7fx\x98H,\xc4\x93S\xab\x87k\xd1h4\xbd\x92g\xac\x03X\x1f IIF\xa5R\xbd\x84}\xa6\xc2\xea\x8e?\x89\xc7\x93Iw\xd2}\xdd\xfd\xfa\xf5\xde\x82#T:s\xe5\xc1\xdf/~\\\xecH@M\'\x86\x8a\xdbKJV\x8b\x1d\x0e\xc7\xd4\xeenv#\x99\x06_\xf3\xbd9\xc3\x02\x01;\xa0\x84\x05\xb7\x81\x8c\xc1\xea~\x12\xa9\x9bJ8\x1c\x89\xe9\x81\xba\xda\xa5\xda\xda\x81\xe9\xca\xa6K\x9f\xd4\xfc\xe5\xca\xa7\xd5\xa1\xcaJ\xad\xb62TTT\x82\xaa\xda&gt;7w\xff\x97\xec\xfd\x0f1\xafW\xf0\xe6Y\xadm\x8a\x90\xb0\xe0\xe6\x14\xc4\xd2]\xef\x88\xd45\x97\x97\xb7\x84\x8a\x8b\x8aC\x89\xb6\x81\xae\xd6\xda\xaef\xfb\xd5\xdf=xp\xe5jw\xc8QY)Q]\x06\xb9\x9e\x16U\x0f\x86\xbe\xda8\xdc8\xf4F\xd3|4\xbfj\xc9N)L2\x91\x83\x1bS$V\xa4N\xdd\xac4W\x86n\x95\\\xbe\xdc^&lt;=\xb5\xd7\xda\xd8\xa7\xde\x1c\xff\xae\xf4\xd3\xab\xb7\x8a\x87\x1c\xa1\xee\xd2\xd2"\xa0*\xaa\xae.\xean\x1a\xfc\xe2\x87\x8d\xd5\x8d\\:\xc6{\xf3\x8c\x95I\xa1O\xafp\x1a\xce \xec\xa4\xc1\x8eV\x8bZ\xad\x9e\x9e\xaelq\xdcZ\xbd\xda^\x9c\x18X\xea\x18\xae\xfa\xf2\x9fw\xff\xd6R]&lt;\x14\xeav\x9a\xcb\x13\x87\x87\xf3S\x95\x95--\xdd\xdd\xdd\x17\xff\xfcC\xf6~2\x1a\x13\xd2y\xde\xb8\xfc\xe8\x06\x83\xc0`\xfdS\xc1\x06h\x8dLL|9\xd1\xd5U\x1b\xf9\x1fk\xe6\xfb\x93V\x9e\x85\xf1y\xb1\xd1d_\x0c\xdb\xa4\xf6\xcd\x1a\xb5\x11-\xadh+\xb4D\x04\xa5\x82\xf1Wcm\x11\xabx\xa1\xb5\xc6Z\xc5\xb9\xb2\x0cHK\x15\x11\xccX\x04\x02\\Hk\x00;e\xba\x94Mv\x81Y!\xdd\xb8\x06280l\xd8\x06\xb2\xcd\x96j@\xea\xe86\xc6\xa6\xdd\x98X3M\x9c7{\xae\x9d\xdd\xfd\x07\xee7\x97\xe4\xbe\xfc\xe49\xe7\x9e\xf3&lt;_\x9e?\xdf\xf9\xf8\xcf\x87\x93\x95\x0f\xd4\xed\xd9\\d\x7f3\x19s_\x9b\\\xee\x91R\xff|\x97\xf3\xec\xe6\x93\xce\xbe\xd6\x96\x9e\xee\x91\xb2\x99\xe0\xea\xea;\x18\\S?\x12\x8aU\xf8\xed\xb9\xa3\xfc\x0cj\x91)\x8c\xd1\x81^\xbdD\x7f\x99\xeb\xe7L\xd5Q\xee\xdfz\xfb\xa6\xf5\xde\xb2:\xabJ[\xf3\xc0U]3\xd2\xacU\xbf}G9\xf5h\xfd\xdd3\xffU\xbd\x8e\xdf=r#\x18\x04\xac\xd9;w6\x8e\x11[\xc4bH\xd2\xe0\xe5A\xad:\x96\xe6j\xaf~\x9ck\x1d\x1d{\xf7\x88r\xe2\x1d\xf9\xc7\x97O\xa3\xf2\xcb\xaat:\x92\xdfL&amp;\x15\xd5tm\xe7\xd3\xd5\'\xe4\xe2\x17\xebow8\xdbV\xb9\x96\xdfS63\x1d\x04\xac\xa9\x8b\x7f+$\xb8\xe5O\xe1E\x84\x96\'3&amp;\xc0\xd0\x8css\x8c\xfa\x17o\xa7(\'\x8a\xc3\x7f\x7f\xb9*Y\xb4\xaa&gt;\x151\x89\xa2R&gt;\xb3U\xd8\xdb\xfe\xec\x89_\xad\x8fZU\\9J\x1f\xb91\x13\xdc\xb8ukj\x8a`\xb5\xbe\xfd#\xee\x02?\xc7\xb1\xea\x1b\xc0/Gr\xdb\xe0 \x06nr87\x07\xbe\x14\xf4}\xb9\xa8\x9aP\xe5"\x9b\x9b\xc9=\x14E[\xdc)\xc8g\x0f\x7f\xff\xcd\x03f9O(\x91\xcb\x155g\x82\xc1\xb7\xb7n=\xba\xb3A\xf4\xaa\x06(\xfc\x86\x03L\xa0\x95\xcb\x8dXs90\x82`\xe7;\x9e\xde\xfb\xa1\xff\x1bn\xb6\xe1\xae9\x075\xdc\xdb\xdbS\xa0\x8a\x9a\xa6j\x1d}\x12\x06Ws\x0f\x1d\xa2\x860\xa9mZ6\xee\xc0V\x9c\xda \xd8\xd8\xfc\x03\xbf\x81\xf8\xfc\xd4\xfd!\x869\xbb\x18\xb1j\xac\x8b\x12\xb9P[\xdd"\xea\x16\xf1\xa9\\M\x83\xca\x9c\xc9\xed\'\xf7\x14p\xd0=E\x82\xdf\xc4\xac\x96\xea \x9bA\xf8\x80\x08\xa4h\xb9g\\\x05,\xa2\xd5\xfa\xec/\'\n\x8e\xb0\x18\x80e\xb5j.\xeb[[\x85\x90y\xca\xb5&lt;T\x18\x8dj\xd2\xe6\x0c`\xed\xd9\x9c6\x85T\xaaP\xd8t\x90\x1b\xf9\xfcDKK9DH&amp;D\x8dkF#\x14q\x8a`\xac\xc2\xafp\xb5N\x14_d\x80e\x1e\xb5r%\xe3\x02&amp;D\xadr\xaaP(\x97\xe8%\xd6t&amp;c\xb6\xee\xef\xd9q\xac\x98Ma\xb3\xd9 \xbb\xeap\xed\xa45|i\xb5V\xca4\x06a\xcc?\xfa\x9e\xe0\xcb\xf0\xaf\xf1\x1b\xd3\x13\xc5CC8\x16\x88Em\x85\xdeN\n\xe5r\xb9\x10\xdd\x8a\x02\xd6v:\xb2\xe5\xb4\x03\x976\xa6\xb3\xd9\x9cN\x9b\x8dN\xb7\x01\x16\x10\xea\xf8\xd5\xd2\xea\xe5\xe0\xc6\xec\xec\x17\x8f;W\x89\xfb\x16\x0b\x0b\x8f\xfd\xeb\x1cD\xea\xcf\x8f\xb0\xc6&amp;\x16%\xd0X\xc9dr\x13\x0e\xd0mI"*\xa8a&gt;i\xc3\xb1\x14&lt;\x9d\xce\x86\x03\x02\x19\xe0\xc1\x1b\x9d\x0e\xd5\xac\x9c\xde\xf9\xd3\xec\xd5\xcd\xe4\xa4\x910\xbd\xaeo|1\x8b\xdf\xc5\x17\x9c#\x0f\xd5\x8f\x99G\xb9Q\x890\x89\xe2TI\x14\x04\xd1\xa2\\\xb39\x1d\xd9W\xd8].\x97S\x81\xa2\xbax\xfc\x08\x0b\x7f\xec\xae\xf8\x8ak\x8e\xdft-\xf8q\xf6\xa6\xc2\x9e\xd8\xb2\xbf\'j!\xbe0\x9b\xb7)\xf8\x1f\'\xc5\x80\xc52k\xb8\x129\x8a\xd7\x10M*\x14\xb1\x18]D\xb5f\xb3\xd6\xfc\x96\xcd\x85a\x1e\xd0\x0bM\xd2\xe7\x11\xcc\x85+\xe5\xb2\xbb&lt;.\x8fG\xe9\x06,\xe33\x81\xdb\xbb\xb6\xb7g F\xae\xc2\x9d\xbb*\x959|\xa5\xe0\xb7\x05u\xe4\x8b\xf5\xf5*\r\xa4?\x1cK\x0bE\xb2{B\xa1&gt;k.\xc2\x8d\xcac.\xaf\x98-\xc6&lt;.\xbb\xf3U|~\xc9\xe7\x01\xed&lt;p0L\xa9ln\xee\x0f\xbe|\xdesra\xc5\xe9\xdc%(\xe8?1\x87\xc3\x19\x06\xe5JAA]\xdd\x1d\x06\x0b\xb0\xc6\x85\xa86F\x8f\x81\x14\x0b\x17.\xa4\xac\xe9\x88\xbcU/\x8f)C\xe2Z\xc4\xab\xc40\xcce\x97!\x88\xd8\x82Y,\x18\xfc,\x90\xb4Kf\xa6\xd9;gI\xde\x95\xc3\xc3\x00A\r\xff&lt;\xbb\x1d^\x0f\x93)W~]W7\xc4`q\x1a\xb8\xe3\xad\xbc\x18}\xce\xe5\xc2\xc4\x0eG37\x17\xd1\x0b\x04\xea\xa8\x10"\x7f\xc8\xeb\x8e\x95\xbb-^OU#f1\x89\x11\x9f\xcf\xe2C|\x96\xd0\xc2\x85i6{u\xa1\rs\x1d\x1e\x18\x08\xea\xad7\x9aL8\xbcN\xa6P\xae\xd4\xdd\xc7\xb1F\xbb:\xa8\xe5\tQ\xdccic;\x16\xca\xd3\xb9\xa8@m\xa6\\\xc9\xa0)\xb72%7\xa7\xad\xfb.e\x95,\x0e\\\x0eG\xad\xc9dB|\x0bm\x0e\xb6\xc1`,\xf5\xda\x9d\x87\x07\x0e\x82\xd4\xfa\xc9\x7f\x84\x05\xd9\xe2&gt;\xf9"\x83\xc5\xe2\xf8;\x04\x89T\\\xe9\xf59\x1cH\x155\x9d\x91\xb4\xde\xe6\xc2@\xcd\xb5\xa2\xe58Y\x8a\x87&amp;,\xb4\xe18\xe6\xab\r\xb0\xbf[\x02,\xf1%\x03\x8eEZ\xb0\xdb\xec\x07K\x04M\x88\x9f\x16\xc3\xdb\xe1m&lt;\x1e\x92\x87`\xcc\xd7s\xfc\x9d\x82\x1a\xb7\x07\xf3-}g\xf2y\x98\\\x90k&lt;\x1aUG\xa3zjB\x19\xb2(]\x89\x98\x07Chsq\x0cq\x04\x1cK\x08\x82\x98\xd88\xd6L\xc2\x83x\x9d\x07\x1eb\xe2O\xe1\xe3\\x\x9b\xc3Z_\xa7P\xea\x00\x8bU?\xd6\xd5!H\xb9\xbd\x16\xa4v\xc9\'k\x14\xf1\xf4\xf2q\xc9xk_j\xb2\xf9L\xa8M\x1c\x9aL\xcc\xb9&lt;\x98\x05\x91\xd1\xe3\x96%\x07\xae\x96\xa9-`p\x80Z);\xcc\r\xd7!1U\xbc\xee\xcfd\xd2\xa3\xe6#,\xf2\x10\xa85\xd6\xde\xdb\x87c\xf9L\x88\xac1NW\xc8\xa3\xdc\xbc\x9c\xc7\x135\xb7\x91\xce\x14\x91*S-\xb1\x18(eA\xce\xd21 \xc7\xb1\xa0\x98\xd3\x06\xf6\x8c\xd8\xb2\xb4\xe4s\x1d\x8a\t\xa9\xe2\xefF\xb7\xb3\xd6\x86\xffc1X\r\xeaOj\x99\xaa\x86q\xaa\xfcb$/\x110E%37\xfa+I\xa1T\x8b\x94\xa7\xa5\xc71Y\xc5\xf0\x1cp@\xcb\x9b\x1c\x01\xb6\x03\xb0j\x91\x9f\x1d?{\x9c!B\xd4\xfa\xd5X&amp;\xb2\xa81C\xcfC\xc0\x00.F\xfd\xe8U\x01\xb3g\xd8\x824\xc6\x8f\xa8"\x91\xa8\x1c\xe5\xd1\x95\xe2\x1b\xcd\x95\x93\xcd!\xa5(\xc6\x83\x05$\xaa*\x9d\xef\x8e#@\x85\x90\x80\t\xbak\xe6\x12t\xe3\x12f_ D\xad\xc2YUT\xed7\xc3\xe4\xc2\xb1\xc8\x8051\xd0\xc9\xeci\x94\x9d\x16u\xeb\xd0\xf1\xc5H$\xbf/TH\x13\xb0bR"wH\x1cR\xce\xd9m\n\xad\x94_\xf6\x9b\n:\x06T\xa5$\x18Z\x805X\x0b3\x0c\x9a\xeb\xdf\xc4`}\x95\x8d\xaa\x1f\x03\x16\xe3\x17,\x06\xa7\xab\x03\xb0\x90a&gt;\x93\xdaq9\x92\xcfK6Q[\xccn\x9f\x9b\x839\xbf\xf0\xc1\xeb\x85\xfd\x03\x9e\x86?\xd9_\xdaHG|H\xe9\xf1A\x07\x9b\r\xed%&gt;8\x80\x9d\xe9a\x13\xf3%\xben\x88D4\x99\xf5\xf5_\xb0\xea\xebY\x9a\xde\xea\x1eYiK_\xdf\xedNI\x1e\\\xce\x96\xe2\x15\x9c\xb5\xb5\x95\x0fp\x94+.\xd7\xdc\\L\'\x1a\xe9\xbfA\xa3#\x08\xad\xf4\xfc \x1b\xc7\n\xb8\xe7&lt;\xb6=\x9b\x92\xa0\xeds\xfd\x895\x97\xce\xb0\xc8\x0c\xf2\x7f\xb1\x1a\xae\xf6\xf5\xc8d5\x0f\x1e&gt;\x14\xc0l\x90\xcb\xb7\xf0\x83\x83\xad\xac(W\xd6\xf0\x93H\xd0E#%%E|\x99\xc9Rz\xfe\xfc4\x8e\xc5\x1e\xa6\x95\xc4\x9c\xf6~\x82."\x8emd\xb3\xac\xbb\r\xe6\xed!\xf2\x11\x16klt\x80ZC;\xcb\x9c\x9cl\xa2J$\xd1h\x1e\x7f\xf67\x01\xcc\xbe\xb6\xf6\xca\x16\xdb\xc4\x19c\xfc\x91\x93%E\xdd\x8d\x15\xa7\x8f\x9f\x9f\x19\xc4\xb1H\x15\xa6\x05\xa5\xdb\xdbO\x90?-\xdc\x18\xe3&lt;kooW1\xfe\x87\xd5u\xbb\xe5\xf4\xd9\xf2\xca\x93M\xfaH.\x9dN\xab;\xa9?\xa4\xae\rN7\x87\xd8\x816\xdf\xa5\x0f\xa1\xc4~&gt;/,\x1f9]1,\x9b\xa7\x91\x06\xc1&gt;\x18\x0c\xec\x93\x08lm\x8f\xf7\x0cQ\xf6\xf4\xfb\xb1\xbf\xfa\xfd\x03]\xd90\xe3\x13\x16\xa7\xa1\xab\xa3\xbc\x8a\xc6+\xa3\xf5D\xb3\xe9\xf4\xe3\xdcG\xe3=v\x90\x14\xd8e\xff\xe1\xfd\xfb\xc0\xa5\xdd\x0b\x81\x99\xfe\x07\x9a\xdcbKcE\x15\xad\x82F"\xe1X\x81i\x99\xc5\xe2\xb3`b6AT\x9f\xbd\x9e\xf5\x0f\xa8!\xd0g\x18\xf8\xdc\xaa\x1f\x9bh\xe8\xea\xa5v\xcfW\x8f\x9c\x1e\xe9\xf4g\xd3\x1f\xfd\x1f_\xae\xbe~\x1d\x0c\xec\x06\x0c\x80\x15\xd85\xecN\xb3\xaf\xbd\x19\xe5V\x9f\x9d\xaf\x9a\xaf\xa0\x1d\'Ao\x05\x02A\x10\xcbw\xe0s\x10v#X\xb8\xe1\x87E\x1c\xf5g\xc3\xe4!\xc0\xe2L\xb4w\xa9;k*Fz\xca\xca\x98\xf2H\xf6\x8d\xbf\xf3\xe9S\xa3\xd1h\xd85L\xef\x02\x1a;8\xb3\xbc\xfc *\xac\xe9&gt;=/\xab\xad(**:\x8e\xab\xf5\x1f\xde\xcd\xf7\'\xed,\x0b\xe3U0\x8ci\x1b\xa8\x85\xd4i2\xfch#\t?Z\x02\x0b\xdbP\x8b\x06KGE\x91P\x15\x90)\xc3\x8fD\x01%\xac`PDQ\x125\xd1jwv\xb2\x01\xda\x99\xfa;Z\x1bku\xb5lU\xb2\xd9\xd8\xae\xbb\xdd\xb1\x8d\xd3\xd1t^m\xb3\xcd:M\x9b\xa9\xd9\x17\x93L\xdf\xees\xb1\xd9\x7f`\xfc\xce\x89\x1a}\xf7\xc9\xf3\x9c\xfb\xdcs\xf5\xb8\x8f,\xbdw\xaf\xe7\x10\x7f\xf3\xf6\xe0m\xac\xb9\xcd`X(\xfe-\t\xf9NM\xa5\xd1\xa4\xb7\x8a\x98\xda.\xaf\xb6\xbc\xf9/\xc8\xd3\x7f\xbdz\xf1\n\x01a\x9e\x8cN&lt;\xfb\xfe\xf1\x8b\xff\xbex\xf5\xcf\xc7\xf5|I\xd1\x90\xe2\xafE,&amp;\xe7@\xad?\xe1&amp;\xba\x7f\xa8\xefD\xda\xeeS\xc3\xf6\xf6\xde\xdb\x8b\x1d\x1dPKc4:-\x9ez\x8eV[\xaf\r\xe9Me\x88y\x02\xb5\xbe\xbeN&gt;\xd7\xd7\xbf\x02\xd9\xe3\t]PQT4$\xe7\t\xb8\\\xa8u\xffz\xeb\xbb\xfbo\x0e}\xd5\xe6\x93\x07\xbb/\xaf\xb4\xcewwc\xde\xd2,8M\x16\xbd\x9aoN&amp;\x93\t},\x16kF |\xb5\xfe\x7f\xac\xf5\xf5\xaf\'&amp;\xbc\x92 \xaf\xa8H&gt;\xa4\x90\xc9X\x15\xe4$R\xb4\xc5E\xb6(\x1f\x8e\x8ev\\\xfc\xbd\xc6\xe94\xc5\xf4R\xadV\x9d\xb4Z\x81e1H_|\xff\xc7\xf5\xd9\x9f\xec\xf6\xfd[\xfb\xf6\x9f\xbe\x9c\x9d\x9d\xd5ye\xc1"`\xf1D|\x01K\xd9\x83\xa1\x99\xc2\xa5\xa4G\xa3\xa3\x98\xb74F\x93\tr\xd5%\xd5\x89PHo\xb1\xe8C\x89\xbfc\xd2\xc1\xc5c\'u/\x95Jq\xf9|x\xc8Cs\t\x82A\x81\xd2\r\xb9\xa8\xdbof\xfc{\x9e`\xf9\x8cFS\x0c4Vk"\xe4\xd1\xa3\xea\x92\xda\t\xa1.\x95\xcaR\xd9\x99vn*%\x10\xb0x&lt;\x80\x89d2\x99\x88\r\xac7\xd4m\x961\x16\xfb\xe6\xbb\x91[8\x89\xa6\x80\xc5b\x08\x01\xcbc0\x18\xea\xd4\xda\tsTh\xb3\x89\xc5b\x87\x83\xc5I\xf1D"\x85B\xc1S\xf0\x8a\x14\x02\x00\x92&lt;m\xa5\xce\xc3#W\x9e\xf7ugS\xdeYc2\xc5\x02zk(\xe41x\xea\xacjmW\x97\xcd\xa6\x8b\xda\xc4\\\x07\x8b\r\x99\x08\x13\x8a\xc3\xe6p\x05"`\xb9/\xbd\xa3\x10\xeb\xc4\x8f}\xa3x\x91\xf9 \x17\xb8j,!\x94\xc7cU\x7fZ\xef\xd5\x89\xc5+6q\xca\xce\x1c\x19\x1a\x19\xb1\xf3P c)\xd9,\x16\x87\x03\xac\x1eJ\x97\xd4\x07\xe0bq)n\x9f2\x93\t\xe9\xa5\xf7\x84 X"y\xbe\x96\xbf\x82F\xb7\xa7\xec#$4\x8bF\x08\x14K\x01\x99\x94\x80\xe28\xe2\xcb\xbbTn\xf43\x1e\xf5\xf5\xcd\x13\xacJ\xa3\xd3i$a\x1f\nY\x13\x89\xa4\xb6K7\xbbBZ\x9eP\x11.\x9eB\xa4\x80Nnw&lt;\xcef\xc6\x1d\xc3\xcb/)\xdd=\xfd\xa6\xaf\xb1\xaf\xa5%\x0c\xb9\x8ceF\xb4X\x0cr\xa9\xd5\xe4o;\xed\xb3\xed \xc3[\xd5\xfe\xd9\x08\xf1O\xa4\x10p\x1d\xee\x1e\xa5J\x19w8\x1c\xc3\xd7\xa9\xa4:\xf2r\xbe\xaf\xd1\xdfR\x1a\xf6\xf5\x1a\x8d\x95\xe4n4\xa0\xb3\xce\'\xcf\x9f\xbf\x9a}\xb4\xce\x92\xd1\xe5\x8b/\x82"\x85H$\xe2r\xe3n7\xd1k\xd5\xb1\xb1\xdcJ)V\xeb\xfc|c\xa3\xbf\xb4\xb4S\xd3[\xa9\xf1i\xc8\xdd\xe8\xb1&amp;\xd5\xea\xdf}J\xb00P\x01\xeb\xcb/\xdb\x11\xa12.\xd7\xb1\xdc\x03,\xa6cu\xd5\xb1\xfc9\xa5XW\x1a/\xfa\xd3i\xbf\xbf\xd4\xa7\xd1h"\x11\x1f\xb8\xf4\x1e\xeb\xb9\xcb\x97\xf1\x92n\x9f\xbd\xf7\x99\xdd\x9eZi\xff[{\t_\xa7\xb3\xad\x0e\xbb\x81\x15w\xac\xdal\xc3\x14c1\x9e_,\xf6\xaf\xadE\xfc\xe1\xb0\xcf\x17\tG4.\xa7i\xc9S\'\x95\x9e}|\r\xcf1\x94\xdc&gt;;Q\xdf\xa4C^\xa0\xd1\x97\xe3\xc3\x0e\x9bm\x13\x80\x14c=\xc4(\x0f\xaet$\x02\xa8R\xbf?\xe22--y\xca\xa5\xe7~smE\xc5f\xdb\xd9\xee\x8a\x15]\x17\x89|\x07&amp;\xc3a\x18(\x14n:\xe2=\xd4b\x1d\xf9\xf1b1\xb8\xd2\xe9t$\x1d\x81\x97~\xbf\xcb\xe5\x1c\x1f_\xf2X\x9f\xb5\xa7\xf6\xdd\xfb\xcc\xfd\xebn\x9bP(\x8c\xee\xacn\x0colln\xe2[\x10\xc6\xdd\xef\xa8Uk\xa0\x98,\xb2\xf8#\x914A\xf3\xfb[\xfc\xae\xa9\xa9\xf1\xa5\xed\xc4d\xd4\x01\xac\xe5\xfd\x9e}H\x14\x8d\xbe\xdf\xd8\xd8x\xbf\xb3\x03(B\xa5\xa4\x18\xeb\xc8#P\xb5\x10\xf3"\xe95x\xd9\xe8\xf7\xa7]\xae\xa9\xf1\xbd\xed\xc9.q&lt;&gt;&lt;\x1c\xdf_\x1e^\xdd\x9c\xde\xd9|\xff~gs:J\xb4\x12\xff\nX\xdf\x15\x97\xa2\xc2~\x80\xad\xad\xb9\x08X\xe3\xda\xd4\xf8\xd6\xde\xcf3\x93\xb8\xa8\xd1\xdf8w\xd1\x9d\xe9\xe9\xe9\x9d\xe9\x9d\x1dHE\xa8\x98J\x95\xfb\r\xe5XaR\xa502\r,\xd4\xf3,\xd6\xd3\x99\x19\xf3\xa60j\xde$L\xd3\xaf\xf1\x89\x1f\x01%fq\xd8l\xaa\xb1\x18\xdf`~\xf0e\xb1J\x0f\xf4r\xb9\\\xcf\xa7\xb6\xb6\xf6\x9e\x82k:\x1a\x9d&amp;T\xaf_\xcf\xe0+\x91\n\x93\x0e\x8b\xc9\x86Z\xd7\xa9\xc6\xea\x0c#J}\x84+\x12\xd1T\xbaHMMm\x8do\xfd\xbc\r\xb2I\xb0\xcd\xcc\x10B3q\x90\x0f*\x0e\x13j\xa9\xa8\xc6j\xe9$\x01\x9f\xe5\xf2G4k\x9aJ\x90-8\x9d\xe3K\xa4\x0cx\xb6\xa1f&amp;\xcdf\xb3P\xd8\xa5\xe3\x0b\x04\xe0\xe2p\x94\xcaK\x0c\x8a\xb1\xc2\x9a\xde\xde\xca^\x8d\xaf\x13ri\x08U%\x89\xae\xd8\xd2\x92^\x8f\xf9\xd9\xe0\xf1 ,\xcc\xd1(\x8e\xa0P\'\x91\xc9\x042\x11\x86T\xf7\xaf\x81u\xfb\xf6m\\\xd4abge\xe5\xc2\x82++\xd6\xc1\x9e\xa0\'\x14J\x12\xfbt^\xa1N\xa7\x93\x94\x94\xc8\x04"L\xcd\xeeK\x94\xfec\xe7\x89\'\xc5\xe1?\xf4\xde.++\xeb\xd5\x84\xc3D-8\x88\x94\x87y\tRI\xd8\x17\xb5\xf1m|&gt;_(\xf4\xf2\x81U\x02\xc1D\x1cw\x0f\x85X\x8c\xc5\x87}\xc0\x02UMY\x19\xf4\xf2\xf9\xb2c\xea\x92\'\x94@/\xd9\xc8\xcb\x87\xeb\x10s\xc5\xe8t`y\xbd^\t\\D\x91\x07,\x95\xcf\xc4\x1f\xba\xe7\x8b\xb3\xab\xb0d\xa3\xb9WCZ\x8b\x8c6\xa1\xc9\xe8\xaa\x83\xc3T\xb2\x87*\x94J6\x93\xc5gq\xc5\xc4B\x89\xa4$(\x93\xc1G\x96\x8a\xb2\'\x06\xe3\xca\xd8\x9f\x7f\xe8\xe8\xceb\xd54\x07\x02\xe0\xaaD\x19M\x16\x8fU+\xe42\xd9*\xb9\xbc\xaa\xaaJ^\x01.`\xf1\xe1 \xa8\x82A\x19|\xe4(\xa9\xc2b,&gt;\x19\x18\xf8\xc7hG1\xd9g\x06U\xa0\xb9\xa6\x0c\xaf\x0c\x82e\xc8be\xa9\xeeT\xc9\xe5CE\x1c\x16W\xc0\xe7\xa3\xe1e\xc1\xa0\xa8\xa4D"\xe3`\x84\xa0\xe4(2\xfe\xf3\xe4\xc9\xd8\xdc\xd8\xb7\x1d-\x9d\xe8\xf8\xe6\xb6\xb6\xc1@3\xde\x8a\x07j\x85\x92f\x1dK\xa9\xaa\xca\x96\xaa\x88\xa8\x05,\xaf\x04R\xc1\xc3&amp;\x89\x8c\x1b\xefY\xcc\xa5\xe2\x04\xde\x1d\x1b\x1b\x9b\xeb\xef\x1f XP\xab\xad\xa1\x01\x82YL\xc6\xacZ\xa1\x84\xb6K\xac\x94W\xdd\xba\x03\x13U0\x91x\xc8?\xb0P\xd2\xd4\xd4\xc4\x07V\xeb\xd1+\x87\xdfV\x99\xb9\xb9\xb1\xb9\xbb\xd5\x05\x99Q?z+\x8b\xd5\x16\x18\xd4\x07\x9cF\'Q+\x914\xdb\x98\xaa\xaa;\xb7\xe0a\x05\x93\xc3\x12\x8b\xc1E,\x94\x95H\x9a\xc8\x9e\xa0\xb2\xa7\x95N?}\xc8T\x9fg2\xe0\xca\xdc,\xcc)\xfc6\x1d&amp;X\xcd\r\r\x83\x83\xfar\x8b\xc9\xe9$jY\x93f\xa1\x83\xc8\x05,%\x93C,\xe4\xc3\xbe`\t\x0e#\xb8\xf8,wOk\xdeG\xf4\xfcC\xa5\xa2g\xeef2w\xef\xf6\xdf\xf8\xf8(}\xe0y\xa47\xabVyC\x83\xb4\x0e\\\xa6,\xd6\xa4Y(f\xa2\xe5\xe5rU\x05\x9b\x93\xf5\x10\\A\xa4)LD\xcb\xbb/-\xd2\xf2\x8e\x1f*\x17=\xd3\xdf\xdf\x7f\x13\x1fgN}D\xcbL\xb9*o\xd7\x04`"\xb0\xac\x9e\xc1\x98)v\xa0VT\xc8\xad@\xbf\xabT\xca\x0fX2\x81@\x84p\x80Z^\tR\xfe\x01\x8dv&lt;\xef\xf0\xb8\x18\x8b\x190\xdd\xbcy\xe3Fu\xe1\xb1\xe3\'\x0b\xb7\xa6\x8c\xa4\xe5\xc1U^g\xad3Xb\x16}V\xadh\x17\xba\xab\x02T\x1f\xb0\x04\xa0\x12\x81\x0bXM|\xa6{\xe3%\xedd^\x1e\x9d~H\xe7\xf1D\xf5\\?A\xbaQ]}\xa6 \xe7x\xee\xc9\xb7\xe3\xce\xb2\xe6@\xdb`[\x83\xf4\xac\xba\xcec\xb1X\xc8\xafm`\xa2P\'\xc6\xc0\xa7d\xab\x94$\xb6\xc8D\xc3\x12\x05Kp\x0ek\x9b\xf8\xac\xe1\x99]Z.-\x0f\xfdE;\x94\xfc\xea\xcf\xf4W\x83\xe9\x0c\xa9\x82\x9c\x0b\xb9\xa7\xbf\xdb\x1b7\xc1D4\x97T}\xee,\xbaK\x8fgu\xc2\x1c]\xc5}\xc8\xacP\xba\xa1\x17\x93`\x81Jq Vm\xadW\x17\xdd\xdb\xa5\x9d&gt;y\x81\x96G?J?\x84\xdb\xf1\xc4\xcd\x1b\x05\xa7\n\xa1T!\xea\xe3\x9c\xbc\xdc\xd3/\xf7\x96b\xd9\xff:j8{\x0eXR=\xb0\x10\xa7B\xbc\xa29d&lt;\xceb\t\xc88\xc3%\x1eB\xae\xda\xda\xda\xfag\xe3\xbb\xb9\xf9\xb9\'/\xa0\xed\x8f\xd2\x7fy\x80\xd1\n\x8e\xe5\x9c*(&lt;C\xb0\nN\x01+?\xef\xe9\x92%\x00\xacr)\xc1\x02W\xb9\x01\xb95)\xfc@\xa5$X\x022\xcc(\x00\x97=\x89\xb5\xb5\xd7\xae\x9e_xp\x1aXh/\xf4\xd7\xd1\xbc_&amp;\x18\x83A?\x95\x93\x93s\xac\x80XH\xb0\x8e\xe7\xe6\xe7\xbf\xde\xd6\x0f\x06\x06\xcb\xa5\x97/\x13,\xabTj\xa8;\xc0r`hW\xaa\xe4Y\x0fE"\x1e\x0fX$\xb5\x9aj\xaf]\xbbzn\xa15\xff\x93\xff\x91nv\xa1mdg\x18\xce\xe8\xcc\xe0\x19f\x06\xfd\x8c\xc4\xfc\x80$[F\x01\xa5\xb6\x83\xdd\x98AP\n\xae\x9dX$\n\xa5\xb1\xb5\x9bmS\x93\xde4\xbej\xbd\xdd\xbb5%\xb4X\xcb\xaa\x8b\xe8E\xd5T\x0bA\xbdhC\xac\x94\xd4\xa55\xf2R\x83M\x04\xc5\xc2\xbb\xa5\xae1,\xea\x85\xbb\xe0:\xce\xba\x89j\xd3\x9a\xda\x1b\'\xf4\xfd\xce\xc8\xdd-\xdb\xdf\xedI,+\xb6\xc9&lt;y\xbf\xf7\xbc\xdfwF\x91\x03\xb9\\\x08&amp;\xab\xc2\xff\xb3#\'\xb6\xea\xb5\x90\xa6\n\x82I%\xb4B\xb6 \x03\xeb\xc17n\\$\xb1\x86\x87\xbb\xa1\xd7\xd5\xf1\x9e\x9eqJ\xd33\xb1\x88\xdf\x8f\x13!\xcf\xadTj\x00X\xb1\xb3\xe4x\x8e5\xfc\x07\x91c\xa1\x8c\x92\xa4\xeb\xb2\xf4Iu"\xa6\xed\xa5\xb5\xb2 \xeb\xaa\x16\xb2B\x84\xa5\xc9\x86\xa2l^\xbeqyt\x145\xa4w%\xf6\xa6\xbb\x81\x95F\xef9\x13\x00\x157W\x18[p\x80n\xe9bx\xe0\xd6\xca]\xeb{\xfd!\x8bF\xa9\x8a\xd0Kr]]\x8e~\x82WQX\xa8&lt;\xdb\xc8\xaf\xac-mo\xaf\xca\xf8\xb7\t\xa6m\x87B\xc0R\x99\xa3\x88?\xeb\xe9\x01\xd6\xf88\xc9u!\x9d\xbe:&gt;\x9e\x1ez\xf5\x8b8xQ&gt;@\xadL$\x12\x88\x13W\xa0\xbd\x11\xc7\xae}\xfa\xf6\x86\x8f\xb0|\xbe6\x97\xa4|\x82\xfc\x9cE\x03D\x17l,,mW\\\xd7peA3\x89\xccT]\'\xaa&lt;\x1c\xed\x19\xed\x81X\xc0\xea\xbd\xd0\xd7\x07\xae\xf4\xd0i\x12+\xcc\xb1\xc2\xe1x&lt;2\x10\xa7\xbb\xba1\x0c5\xc4\xf5\xda\xd7\x7f8\xa5tD\x15\xc7G`\xf0\x97\xcb\x8c\xff%\xbe:\x82\xe7\xcf/V\xb2\xb6\t;\x95g\xf3k\xdbkuF^P\x05M\x9b\x7fb\xd9\x1ay~\xe3k\xa3=\xe3\xdd\xbd\xdd\xc3\xdf\x02\xd6\x15\xe2"\xac\x98\xdf\x8f\xb1y\xf0\\&amp;\x1c\xf6G"\xe1$\xb0\x02)\xde\xaa!\xd6K\x0f\xc5\xe0\t\x16U\x12[\xd2\xf8\xaf3JL\x94g\x16\x1b\x95,&lt;\x1eJ\x14gf\xf3\x0b\xdbk\r\x06\xcd\xe5\xd0\x96\xfd\xc6\xc1\xb1\x1d\xd2\xe0\xf9\xe0\xdc7_:\xc1\xa2\xff\x8c\xdb\x87B\xc2Zp&lt;%\x04~\xe1w\x92$;\xe9=c\xd7\xbe\xfd9\xd4\x10X\x8f\xdft&lt;(\xc3\xc7TAbL\xf9\x8f\x16\x8b2\xdb\xd6B\xc5\x99\xcaL\x16T\xc0\xaaV\xf2\xb5\xb5\x85\x86\x88hv\xd7\xee\xd57\x0e\x8e\xe7QE\xa6\x04\x95\xdf\xbc2z\x15X\xdd\xbc\x86\xf4N\xe5\xa1\xe9\x11:\xd5\xc3]\x80\ng2\xe1d!\x19G\xebIu\xf1\xdczm\xf8:j\xd8\x11t\x9e6\x9f"\xea\x01EtB1+\xe9\xa6\xfeo\xc1:4\xcbFl\xda\x9a5SD\x80"\xa6\x8a\xd5\xd9\x06\xb0\xf2\xa2\xabKn\xfe^M;\xd8}\x13\x11\xe1:J\xf4\xc1+\xa3p\xfbU\x8eu\x85^\x82\x05V,\xc6_E9w.3\xc8\xb1`\xf8\x00\x1a#\xcd\xcc\xb9+_\xf8+\x0b\x12\xd6\xb3\xe6\xd3\xf7V}\x86\xcf\xe7\xa0\x9cA\xb4\x0cK3\xed\x7fm\xfe\xf3&amp;\xa6\x03\x84\xa6e[\xd52\x82\n\xf1\x99-\xb7\xb1LUU\xe5\xea\xbd%uo\xf7/\xa6) "\x82\xe2\x8b\xa3\xc3\xe3\xc3\x9eXC\xb9\xb1\\.7\x8d\x81!@U&lt;\x97\x01T\xa1\x90\xa4\x97\xa3R)\xce\xf5\xd5\xb1\xf4\xfd9\x88\x85"\xee5\x1f\xe5K\xab\xa0\xa2=\x19\xed\xf0\t\xb6\xae\x99b\xc7?\xcb\'E\xb2\xca\x98\xa4\xe0\xa7D\xd6\nU\x8b\xc0\xd0\xac\xec\tVm%k\xdb\xa6f\x95J\xf3\x1f\xec\xb6\x04M\x90Q\xc5\xe8\x1d\x98\x0b\xee\xea\xed\xe5Xc\xb9i\nSzq\x87J\x98L\xc2\xef\xdc\xf0\xc0\x8aA\xae\xdc\xebw&amp;\x82D\xf5\xb8\xb9\x7f~mgS\xc1B\x19\xa3\x1dASb\x9a&amp;\xeb\xca\xc7\xc0\xac\xe2L\xb5Z\xb4L\x8d:L6T\x04\x95\xacj\t`\xc1\xf2\x8d\xdaB\xadVE\\if\xad\xb4\xfed\xf7`JPe\xd7\x17U~N!\xdf\x9dN\x93Zc\x93\xb4:\xe9\x86\x11\xf6"\xbc\x9eLr*\x12\xebl\n}\xe8SC77\x1d\x88\x15\x0c\x1e5[\xda\xce\xd2\x04\x02\xcca\x8e\xa38\xaa\xe40A\xd0E\xedc\xd3a\x15Cg\x16\x96\xd24\x9b\xfa1\xc6bYVm`Y\xd9\xb2\x87\xd5\xb0m|\xa9Z\xda6\x8f\x0f\x9e\xc8X\x86\x12\x9d\xea\xe9\xa1lO\xf7\xa5\xfbr\x98ZFF&amp;;\xbb\xc8Z\xf4\x91\x8c\x13\x96\x1fXtO$\x10\xeb\x9c\xbc\xfc\x0e\xd2\x01X\xd1V\xf3h\xb1\xb4@b\x01K1d\xc9q\\A\x90t\xc1\xb6\xd5\x7fT\x0c#\x1e\xc6;\xd3\xd4l\x8c\th0\x02\xae+\x84\xb2\xd9\x90\x9d\x00\xd6\xcaBmeeKE\xd4\x88\xa5{\xef\xfd\xf9\xa0%\x08\xaa\xaa;Q\xe7G\xc0\x82\\}\xd8\x88\xb9\xc9\x11\x1a\xdc\xbd\x1bY\xf8\x1d\x07\xfa\xa3Q\x02\x00\x00\x062IDAT\x16$\x8b\xa0\x86\xa9T\x04g\x8d[\x9f\xdf8O\xce\nN\xec\x93\xb5\x1a\x80\x82\xe3i/B0YP\x19\x13E-\x142?:\xb7\x16\x89\xca\xe6\x11\x8e\xa6\x97@3\x96U\xccW\tMK\x94\x17\xeb+\xb5Zm\xa5\xbe5\xafI\xcaB\xa9\xf2\x99\xddcQ\xd4%\xa8\xe5l\x0c\x0f\x03\xab7\x8dx\xc8\x8d\x8dt\xe1\xa4\xd3\x15\xe3X\x81@\xdc\xab$,\x1f\x88\xa5b\xb1\xce\xe9\x8boOq\xb1\x82?\x85\xb5\x16J\xab\x80q|\x0cX\xe4|UP%C75Q\x92\xd4\x8f\x1c\xd8h\xc0\x0b\x81\x89Z\x1e\xc2\n;ME\xc0\'lUH\x94\xab\x95\xc6\x8a\xb7\xf2\xf9\xfaz}un\xef\xf81v\x90\x12\xedP\xa6nu\x0fs,2\x17\x90\xba\xdab\x11V&lt;\xee\x8f\x87\xfd\xf1\x08\x05D,v\xfa\xfb7\x1f\xb0(\xc4\x8a*O\x9b{\xbe\xed\xd2\x16Oz`\xf9\xd0\xc7\x0cU\x90%\x9fd&amp;\xa0\x96\x86i\xee$\xc4\xb24\xe0\x85\xbce[\x96\x89"\xd1\xd8\xa7\xc9\x026\xc3b\xa5\x91?Y\x8dF\xbd\xb2\xbe:\xcf|N0\xd8\x11do\xa5\xf9\xf8\x80"\x0eM\xc3\xeeX\xfcf$/b\xd8\xefO\xc6\xe9h\x1d\x8bu\x8d\x0c\xbdx\x7f\xce\xe9\xa0.\xcd\x8ev[\xeaRi\xde@;c\x8cS9.\xb0t\xc3ah\xb9\x02Jf\nm\x8b\xd1\x90~\xc2e\'\x08\x0b\xdd\xcf\xc6YB5\x13EdD\x85\xafz\xa3^\xafW\xf0\xd1\xa8,\x967\x1e)Ag\xf3\xca\x85\xf6N\x1c\x9a\xecD\x97\x06\x12\xaa\x87\x0fh\x15N\xa2/F\x08\xb4\xabk\xe4\xeaMj\x87p\x96\xe2;j\xee\x89K;\xf3\xb0\x92\x08a\x0c\xcaT\xc2\x92\x99\xc1\\\xa6\xe2\xb2d$S\xa2\xb7k\xf0\xa3\x03\x9f\xf1PJ\x9a?i\x1851)\xc8\x02\xf6c\x19\xe9Q\xe5\'j\xbe\xc0W\xafT\xde\x7f\xfe\xa7\r\x1f{\xf5\n\xf9\x9d,\x9f\x1b\t\x84\x81\x92\x0c\x03\x06O\xa83f\xf0H\x02v\xc5^\xb8\xf8\xbb\r_\x07_\x94\x0f\xe2RiS\x92\x1c\xb8\x9e\x06\x1cf\xb8\x88j\x19\xd3\x17\x1c\r*r\x12PL\xe6a\x9dp\xc1\xfb\x02\xe7\xd2TW\x121dY\x89,V\xb1X.\xf3\xf3kuqv}}}\xf6\xf2\xe1\xf3w\xbf\xf3\x06\xba\x0e_\xb9\xe9\x91\x00F\x9adxp\xb0\x80\xf2\xf9\x89\x0f\x9d\x11\x02\x02\xeb\xcc\xad\xdb\xef\xf0\x84\xa7u\xd4:\x12k+\x13\xc1 M\x12\x86\xab\xbb\x92\xc1\x08\x0bT*]\x14\xf1\xd8F;e\xb5O\x0f!Nek\xe4-\xd4Q\x95\x18\x8e(\x10\x161\xcbG-\x8b~0[\xe4\xf2U\x7f\x7fxx\xdc\xfa^\xee\x1au\x9d\xdc\xf4d\'\xbd\xbb4Y\x18\xec\xcf\x14\xd0\xa6\x91\xf2\x05pQYS\xa9\xc9\x1b\xf77Q\x95\xe0\xc4\x8405gQ\x1c\xd2\xf5\x04\xc3g0\xe6\xa9\x85"\xf2\xe1\xbe\xad\x87\x89\x8b\x01\x8b6!\x1f&lt;)$LPP`\n\x9a\xe8\x1a8\xa1\x00L\x15e\x11_\x119\xad\x80\xcc\x85z\xe5\xea\xf3\xc3\xc3\x83fk,76=9\x89\xe1!28\xd8\xef\xadB!\x13\x1fH\xd2;\x86\x07\xfd\xe1\xc8\xcb\x9d\xbf\xbe\xfePd\xab\xf9&lt;\x04\x9f\xa1\xc5SR\x93\xbc\xa1\x8b\x1e\xd16d&amp;A.\xd5\xc3\xd2&lt;,z\xa2yD\x1au \xae\xa9*\x88\x8c\xd1\xc9\x89\x98t\x1dau\xb2\xb8\xdav\xf9!\xb0\x0e\x9a\xfb\x1f\x8cMb\x9c\x1a\x89\x052\xfd\x97\x96\xfb\x97\xf11\x88.\x9d\x04^\x063j8~67z}\xae\xb2\xbd\xb4\x0e\xbbZ\xfc\x10\x8c.\xa7\xca\x8c\x0f\x10H-Ea\x82\xaa\xcb\xa8\'\xb0T^F*$\xb0\xfeNI\x8f\x10D\x05\x86\x0e\x8d\xb0;\xe8@\x07\x9dD\x1dQ\xe7-]\x97\xb8;\xed\xea\x1d`\xed\xee6\xf7~\xfc\xd9\xb3\x9d\xbfH\x85\tiy\x99n\x9c\xf6\xa3\x9a\xc0\xa3\x95\xf1\x8ft\xdf\xfe\xe3\xd2\xce\xda\x1c\xed8\xba\x045T\x82\xe1\xedGQ\xb0;e\xe4\x83l0\xfaK=*/\xd8OqN\xceF\x9fdp\xd0\x01S\xd5\x99\xc1\xab\x88\x9f\xd79\x0e\x16\x93\x18\xf3\x9e\x8b\xc5\x99wA\x05\xae\xfd\xd6w\x07~\x10\xcf\\\xba\xcb\x17\xbfC9P\xf0\x003\xe1\xc0\x0b_\xd9)\xed,L\x05\xe98\r\x87C%L\x1f\xc8Uo\xe1\xa9\x0f\x17$\xb5&gt;\xf4&lt;?\xcbX\xa7\\I\xa6R\t\xb4#&lt;\x17I$\x93nxX\xf4=T\x91\x0b\xc6\x98\x87\x85G{f\xeb\x97\x87\xbb\x1e\xd8\xb3/\x15\xfa\x97\xc1\xb4\xcc\xb9\n\x03\x03\xfd\xcbt\xc39\xe3?\xfd\xf6OJ\xa5\x9d\x9aHT\x86\xcb\\\xa3M\xd5\xe6\xa2\xcf\x8cd\xd0I-\xb5m,\xef\x88u\x8anVpo\x93.\xf0\x8eL\xae",\xec\x15]\xa4\x1arc\x89"\xa9\x05(\x0fO\xcc\xced\xe7\xbe\xdcj\xd2\xda\xdf{\xb6\xbc\xecQ\xdd\xbd\xd4\x9f\x1c\x88\xf3\x1a\xfa\xef\xfcv\xa7\x04\xaa\xfc\x04\x1d,\xf8\xf4\x0e\xaah\xf4\x04+\x1a\rR\xc8\xf3\xab\xe2J\x1frQD\xd8\xa7\xf8\xdd\x1d\xea\xe1"\x95\x0b\xdf\xd69\x96\x04,\xfa\x13\xff2}\xa2\xaf\x91T:\xc7\x92\xb4-tu\xf6\xe8\xa8\xb5\xdf\xdc\xdf\'\xb06Va\xe0\xe5\xc2\xdd\xc1_\xbd\xbf\xf0\xb7\xa6\xcb_\xb5a\x18\x88\xc3\xb1k\r\x02\x8b\xe2dH*\xc8\xda=S\xdf\xa6\xcf\xd0\x97\xc8\xd8\xcdK\x97n\x99\xb3%\x9bJ\xde d\xce\x90\xc58\x85b&lt;\x98B\t\x85\xfc~wR\x88\x16\xff\xc3\xe8\xbb\xbbOg+\xd4\x1c\xed\x01\x93[.;~K!Su\x97,k\'4\xd5\xa0{1\x1f\xea\xbc4\x88)\xb0\xd8B$A Jf\xc3\xf8I\xc4\xe2\x039\xa8i,2^0\xe3\xf7Y\x86S\xff\xf6\xd7\xf5\xe0\xea\x07)\xe4\xe2\xf1y\x05\xa4\xb6\x15\xa8:|\xdeva\x9e\x8a+\x97\x9aE\xdc\x07Q\x17\xd3;\x16F\x0c\x17\xb2r\xc4\x16Bi\xa4X\x90Y\xc1pC3\xcb\xa1D\xd0\xcb\x11\x8c\x89\x04~\xb6F\xba\x0c\x82\xb2\xd5\xcf\xc7\xd0\xf5\x00\xfb\xda}o\x9b\x10\x12TX\x9e^\xed\\\xb1\xbc\xf7\x8a\x92t\x97\xb5\x98\xbf\xb0\x84\x86s\x19\xc3\x90u\xed\xa1M\x8d\x8a\\\xb7\x94\x05bw\xb1\tD,\xa3\trt\xfe6\xe0\x1e\xe2\xc0Z-\x9f\xd6S$5\xd7?\x8a\xf3e\xf8\xff\r\xa1!V\xb3\xdf\x1c\xf1\x17Ta\x08\x95\x8fP\x11&amp;]z\xd1D\xb0r\x96\xcb\x15\x89\xac(\xaf\xa4\xd1\x98+\xaf\xc0\xa7&lt;\x00\x00\x00\x00IEND\xaeB`\x82'</t>
        </is>
      </c>
      <c r="M290" s="3" t="n">
        <v>45492.67689814815</v>
      </c>
    </row>
    <row r="291">
      <c r="A291" t="n">
        <v>881848</v>
      </c>
      <c r="B291" t="n">
        <v>1957</v>
      </c>
      <c r="C291" t="inlineStr">
        <is>
          <t>Félix Torres</t>
        </is>
      </c>
      <c r="D291" t="inlineStr">
        <is>
          <t>F. Torres</t>
        </is>
      </c>
      <c r="E291" t="inlineStr">
        <is>
          <t>ZAG</t>
        </is>
      </c>
      <c r="F291" t="inlineStr">
        <is>
          <t>ZAG</t>
        </is>
      </c>
      <c r="G291" t="inlineStr">
        <is>
          <t>ZAG</t>
        </is>
      </c>
      <c r="H291" t="n">
        <v>187</v>
      </c>
      <c r="I291" t="n">
        <v>3</v>
      </c>
      <c r="J291" s="2" t="n">
        <v>35440</v>
      </c>
      <c r="K291" t="inlineStr">
        <is>
          <t>Right</t>
        </is>
      </c>
      <c r="L29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79f29158-3862-454b-ad76-6654bd4a7d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ff\xcf\xb9\x00\x00\x03\x00PLTE\xff\xff\xff\x0c\x0b\n\xe4\xe4\xe5\xfc\xfc\xfc\t\t\x08\x07\x07\x05\xf4\xf3\xf2\xf4\xf4\xf2\xfe\xfe\xfe\xf5\xf5\xf3\x0e\r\x0c\x04\x05\x04\xf3\xf2\xf1\xe9\xe9\xea\xeb\xeb\xec\xe6\xe6\xe6\xf6\xf6\xf4\xed\xed\xea\x12\x10\x0e\xe8\xe8\xe8\xea\xea\xeb\xf0\xf0\xf0\x02\x02\x02K1%\xe3\xe3\xe3\xe7\xe7\xe7\x15\x12\x10O3(\xec\xeb\xe9H0$L3(\xed\xed\xedQ5*D, U5\'D.$\xee\xee\xefk]X\xea\xea\xe8U9.\xf7\xf7\xf6G."OA:\xe9\xe8\xe6@+\x1fN5*^;)R8-XE&gt;O&gt;6\xf7\xf7\xf5U7+aME\x1b\x11\rTD&lt;1\x1f\x16Z7\'i[U\x18\x16\x14Y9*\xef\xee\xec8%\x1cF1)=-%P3%{T@gUO\x15\x10\x0c \x15\x10na[\x80ZF?(\x1dX;/\x1e\x19\x16zN:\xdc\xdc\xdbJ/$]7#\x81UB\x8b\\G\xe1\xe1\xe0T&lt;1hXR\x10\x0b\x08\x86YDSA:4"\x19\x1c\x15\x11WA9O8-8)!S3$A-"^IA[C7vSA@%\x18\xf5\xf5\xf5C0\';%\x1a\xfa\xfa\xf9F7/XJDgK?nPDC3+eTNaPJZMH&amp;\x1b\x16L7,,\x1d\x15\xe5\xe6\xe8dPHgNCTGB^=/L&lt;4T&gt;5|XE;(\x1f\x81S=;\x1f\x11O;1]F&lt;`SN!\x1d\x1ahTL2%\x1e6-\'m[S~P;H5-J91vN;bA2X4"eRK-"\x1bU0\x1fgF:gE4c8$bF:D)\x1e\x8e[C\x91dM8"\x17rO?k&gt;)X&gt;3\x92_E\xf8\xf8\xf6% \x1d\x83^Je;(\xdf\xde\xde.*&amp;K- nL&gt;cJ?K&gt;8*\x19\x115\x1e\x13J\'\x16\xd8\xd7\xd7?2+dWS*%!D$\x14nK9OD?\\?3lC2P*\x1c_OHI*\x1e\xf3\xf4\xf4i;\'\x88bLfA01\x1b\x10nH6mTJ$\x13\x0c@!\x11wF4\xd3\xd1\xcf\x89W&gt;\xa4\xa1\xa0F;5uVJmWN~_R\xe8\xe9\xeb&gt;73O0#\xf0\xef\xed\x9e\x9a\x98c?,s_XrD1\xc7\xc5\xc4\xa5qTre_82/P/\x1e\xd7\xd4\xd2\x98cG\x9egM\xad\xa8\xa7NKHs[R\x7fI3d8/\x86~{\x98lQ\xc2\xbe\xbd\x8e\x8b\x8a\xcd\xca\xc9_0(0\x15\x08\xbd\xb9\xb8a[WrA*\xff\xfe\xfe\x97\x90\x90\xb6\xb4\xb4WSPA&gt;;HB&gt;\x8aeR\x82g\\\xe7\xe7\xe9\xb2\xae\xacxje\x96\x87\x80qlk}zy\x7fpjwD,\xcd\xcd\xd0jge\x88I:\x8b\x85\x83d`^[/\x18\x92MD\x9aYO\xac\xa0\x9b\x88xq\xa1\x93\x8cwtq\xa5`Vf3\x17\xb5\x80a\x8b\xe7\xa0\xc0\x00\x00 \x00IDATx\xda\xcc\x98\x7fL\x13i\x1a\xc7\x9d\xeb\xccfn\xea\xed&amp;ch\xdd1\xa2\xb2\xe7\x1er\xbb\xdc6n\xe1\x9c\x86\x95RRw`\x81=\xdb\xa5\xe7\x8fH]\x10\x10\xa8\x04\xa8Vp\x19i\xaarV\xba\x1a!{\x0c\xde\x88\x80B\x17tu\x05\x1a8\x0e\x92K]\x8clz&amp;\xf4\x0f\x05\x12\xc9I\xc1\xc4D\x92%\xfa\x9f\x7f\xdc\xf3\xbe\x83\xb7\xf7\xffMu\x9f\xb4C[B\xe6\xd3\xef\xf3}\xbe\xef\xfb\xb2f\xcd\xff[4\xad\\\xe95\xbf\x9c\x02\x1aZC\xff|\xfd\x05\xc0\xd1\n\x94\xa6\x1d\x9e\x9a\xe4\x84vt\x85\xe7\x9be\xc3Dt\xc9\xa6\xdc\xe9\xd9\xe9\xf1\xc9\xc9\xd9\x07\x8f\xae\xcdM\x8d?\x9dJx\xa3X\xb4&amp;\xf9\xad\xe4\x84G\xcf\x97\xe7\xe5\xa0,\x07\x83\xa2\x10}\x11\x8d..\xae&lt;\xba?\xb6\xee\xa0\xe6\r\xa1\xd1\x9a\xdc\xd9\x97\xcb/\x17\x83A\x81\xe59\x9e\xe38\x96\x97DQ\x94"\xd1X\xf4\xe5\xf4o\xda\x7f\x9d\xfc&amp;\xb8\xe8\xdf?\x90%AD8,\xc3\xb0\xe8\xc2\xb3\x04\xbc\xe5\xa1\xc4\xd8\xf8\xd3\xf1\xe9\xb7\x935\xaf\xdb\xeb\x9a\x84\x850\xc1\x82J,`q,C\x12\xa4\x96\xe0H\x02\x00\x11\xa3 \x85\xc3K\x933\x7f+\xa1_\xab\xd9\x0f\xce\xcd\xc6x\x8a@D\x04\xc3p\x1cAQ$\xc9p\xa4\x96d\x18x@q\x82\x14\x89\xcd\xae\xd3\xac\xa1_#\xd5x4"\x12p\x7f\x96\xe7\x19\x02$BX\x04Ci)\x84E`.\x96\x85^.\xbc\xfb\xfa\xa84?L/\n\x02\x07w\'\xa0c\x04I\x02\x12\tb1H2x\t\x9f\xc2{\x80\xe5#\xf3\xcb\xd74\xafI\xaa\x92w&amp;\x97\x04\xb0\x10\x12\t\xc8(\x8a )\n\xebC &lt;\x06\xd0((\x12\xf4\xe2xi\xf9}\x94\x14t\xdc\xa5Z;6\x1b\x16Y\x12y\t\xd0\x08\x02!\x816\xa80\x13\xea\xa7V\x0b\xb0\x80\x0cC\xb18\x93\xac\xa15\xed\xf1\xd5L\xb3.w&lt;*\x81\xa1(\xe4wD\x02\\H#E4\x92\xd2\xe9\xc0`0\x95:-\x89\x7f\xcbJ/\xc6\xc7\xae\xdd\x9f\xfa!\xae\xe9\xfa\xf6\xec|\x98G\r\xa4\xb4$\xcbA\x1f\x91\xb3\x80\x10y\x0b\xbd\xd2\xeat\xd8g$\xee"\x92\x8f\xe5\xe5\xd8\xca\xf2\xf3k\xf1\xc4\xa2?\x7f!\x01\x15\x0c\x9eVK\x92,\xb29\xe8\xa2\xa3\x10\x004N\x8bD\xe2\xd8\xd5\x11\x00f\x1c!\x9c\xe0\x8d=\x9b\xd2\xc4\x11\xeb\xadI\x19\x07(\x1a&gt;\xa4\x18j\x1cf\x81\x97:\x1d\xbc\x82\xc2o\xd0\x83\xc4fC\xbe\x17\xe5\xc5\xc9_\xc5\x8f\x8b\xce\x8d\xb1\xa8\xb0\x16\xc8Gps\x85\x01^\xea\x94\xd2\xae\x02B\x84!.\x94a\x08,:\x15\xb7\xc0\xa7\x13\xa6#0^(\x14Ht\x01\x08\n{\nQ`,p\x1cI\xad\x02j1\xbb\x82\xc6\xf3\xf2t\xbcVn\xbadaI\xc2yE\xa2\xe9\x07\x18T(\xa2\x10\x93\x16\xb3Q\xf0\xf1\xaal:\n\xcf)\x83\xae\x1c\'\x8f\x7f\x1f/\xb1\xde\x7f)\xc2\x06\x86\xc5\x96\xc1\x19\x80MN)\x03\x88z\xa9`\xfe\xb7\x9d\x04Z\x9ep\xe8\xb2\x9c4\xf9=\x1d\x9f\x1c\xbd\xf6 "\xa0\xc1\x82\xbb)\xc9D\xe1\xfea,E6\xad"\xdb+\xb5\x14\xad0\x19+&gt;N\x88\xcf\x9a\xb3\xfe\x99,\xf0\x1c\x83\xb2\x9bR\xa4\xc1\x81\tr\xe1&gt;*]$\xff\xc7\xfc\x8a\xb7@,\x84\xc5\xcf\xcf\x1d\xa4\xe3!\xd6B\x18vx\x90\xa0$\x9e&gt;\x12\xa7\x03\xa48\x85\xc7Q)\xa5\x85x\x04t\xabm\xc5\x0b&amp;\xe03|lF\x13\x07\xaa\x84\xe7A\xd8zZ\x18\x92zes\x12\'&lt;6;\xea\x97\xcdfCS@i_\x01R\xd4jT\x908\xe6\xe4\x07\xedq\xc0\xda\xb4,0\xac\xc5\xa6`\xe1\x9b\xa3\xbbaO\x01\x9c\xcdb4\x1aG\x8c\xe4\xcfD\xa4\xb2Bb,\xa4\x18\xc9/\x97\xc4c\xd9Y\xe1\x19\x98B\x96Q\x88\x94\'\xdc\xd9f3\x8edgww\xf7\xf4\xf4\xb4\x0e\x8fXl\xab\x85}\x85\xbf\x01\xc8\x8av?$\x17\xcb\xd5\xa8\xaf\xd6\xd8\x0b\x9cY\xca:\x8c\xbe?I\x80D\x16\xcbH\xf7p\xf1\xaeb\xa7\xf3\xf2\x86\xcc\xcc\xcb\xce\xe1\xee\x11\\\xd9F\x1b\x81\xf7\x87\xc8g\x94\xb2BJ/\xd7\xab\xbd^\xd3\x9a\x9fV\x82x\xcfI\xe0M\x16\x12\xc4\xd8=&lt;&lt;\xdcS\xbc%\xd3dJ\xda\x97\xd4\xdc\xd2\x12hN\xcd\xbc\xe5l\xc55&lt;b4Z\x08\xd2\xc6@#\xd1.\x0c\x1e\xec\xe2\x8c\xea\xdb\x08\xcd\xd8\xbc\x80g\x1d\xb0\x00\t\xac\x94\xddz\xc1y\xeb\xd6\x9d\xa4\xe6\xfe\xb6\xb6\xfe\xfe@\x7f[g\'\xfcp\xef\xbb|\xe1\xc2\x85]\xce\xe2\xf4\xeaj\x97\x03\x0cg\x83XE\xdb{\x82\xe4\x17\x9f\xaa\xbd\\\xd3\t\x8f\xe5\xd5\x80g\x11\x95#=c\x8b\xa9\xb99\xd0\xdf\xdfY\xe4\xf1X\xad\xe6"TfO\x11\x80m\xcf\xbc\xf3\xd9\xb6\x0b\xbb\x8a322\x9a\x9a\xfc\x0e\xb4\xfbA\xcb\x02!.N&amp;\xd0*\xf7p.\n\to\xa3\x18\x8e\xb18\x1c\xae\xa6\xfd\x1bL\xee\x00 Y\xad\x1d\xff\xec\xe8\x18\x1c\x1c\xb4Z\xad@g5\x9b\xfb\x03\xcd\xa6\xa4\xa4}\xfam\xdb\xb6\xec\xff\xf2\xcb\xc3\x87\xf7\n6\xf0$`1\xbc\xfc,We\xac\x92G^\x01m\xddY\tA\x1d\xfe\xe6zs \xd0\xd2\xdf\xe6\xe9x\xf2\xe4\xc9\xe0\xe0\x93\xc1\x8e\x8e\x0e\xab\xc7\x0cTg\x00+\xf5\x8fII\x99\x89\xfa\x8d\x9f\x9c:u\xe8\xf4\xa1^\xd88\xe2\x83\x11\'--\x94\xa8;\x8ck\'\x83&lt;:\xfaqAQ\xea=v\xe0\xc0\xf9\xb2\x96\x96\x96\xfeN\x8fB\x04L \x96\xc7l6\x17\x01\xd6\xddT\x90+3311\xf1\xc8\xe9\xd3G\r\x86\t\x99\xb3\xa1\x03\x08+\xca\x8f\xdfR\x15\x0b\x16D\x89\x87}\x80\x85\x13\xfd\x87?\xfa\xea\xfc\x952\x84\xd5\xd9Vd\x05",\x94\xd9\x9c\x9f\x0f\x17\xa4\xd6\x10\xe2\x02\xac\rG\x8e\x1c9aHII9$Y\xf0)H\x90f\xd7\xaajzz\xd3s\xd1\x02T\xe0uo]\xcd\x95+e\xb5e-e@\xd5Vd\x06\x95\x00\xcac\xf6X\xf3\xa1rB\xa1\xc0\xdd\xbbn\xc0\xda\xa0\xd7\x7f\xb8g\xcf\tCZ\x9a\xa1\xabW\xe4`NXV\x9eV\xf7`F\x97\xccD8\x0bo\xb1\t\xfepUMM-p\xd5\x96\x97\x97\xb7A\xad\x8e \xf8\x1d\xa8\xcc\xfd\xa1\x1bC\xa9\xa9&amp;\xd3\xe6\xcc\r\x89\xfaD\xa4VZZJ\xd7\x84W\x84od\xe1\xa2s\xea&amp;\xc4\xbf5cQ\x07l\x01\x1dM\xde\x89\xca\x8a\xb3\xb5e\xe5\xb8:\x11\x96Y\xc1\xb2\xdb\x81\xca\x87\xb1\xb0\xb5\xf4\xfa\x8d\xc0\x05M\x04\xac\xae\x89&amp;\x81cm|\xf4\'u\xb1h\xcd\xfd\xa8\xc3\xc19\xa4\xbd\xde.\x84U[^[VV\xd6\xd9\t},\xc2N\xf7X;\xac\xf9\xd8Z!l\xf9\xcd\x99\xfa\xcf6nL&lt;\xb2\x07y\xab+%\xa5\x17\xf6\xb5\x0c\xaf\xb6Z\xe0\xf9\x17\x82(\xb8\x82M\xbdu\x18\xab\xec\xfc\xf9\xf3\xc8\\\xd0;4\x85\x90Y\xf6\x0e{\x81\xdd\x0e\\7\x86\xb0\xb72\xf5\xdb\x10\x97\xc1`H9\x9a\x92v\xc8\xef\x128~&gt;W\xed\x98\x7f\xf7\x99(\xba\x82^\xefDUE\xd6\xc9\xda+h\x16;\xcbA\xa3\xc1\x8b\x17!L\x07\x0b\xe0gA\x81=\xdf\xe7;\x13\n\xdd\x08\x0c\xb9M\xdb7Cr\xe9\xa1\x8b\x06\xc3Q\x10\xcc\xebw9\x82\x93j\x1f\xca\xe8\xf5+\xa2(\xc9\x91pJeE\xd6\xd9Z\x0cU\xe4AP\x0f\x1f^\x84B\x97\x02{\xbd/\'\xe7\x0c*\xc8T\x0c\x86M\x7f\x14\xfc\x95\xd6+K\x8e\xc8\x82\xda=\xd4\xdc\x8f\x89R\xd0\xdb\xdb\x05X\x155\xd0\xc42\x90j\xf0\t\xe0&lt;\\\xad\x8b\x171UN\x8e\xcf\x8c\'r\xc8\xed\xfe\xf4\x0f\x1f\x02\x16\xa6\xaa\x9b\xf0\xcab\xe4\xa9\xeaXcQ1\xe8\x8dL\xa4\xd4Ud\xd5|\x8c\xa9@*\xa0\xf9\xf1GD\xf4\xd7\x02\xe8`=0\xfd\x1d\xa8\n:\xac\xe63\xa1\xc0P\xb3\xfb\xfa\x9fN@\x01V]U]8"\xc9\xe3\xf1\xc1\n\x0f\x94B\x0b\x91X\x88\n\xca\x83\xe2\xd4j\xb7\xd7C\xfd\x03k\x15\n\x85`\x13a\xfa\xd4\x94\xeav\xbb\xaf_?\x06`\x86/\xea\xaan6\x0e\x84\x83\xc1\xd9\x12\xd5\x9b\x18\x95\xe4\xde.\x18\xc3\x8a\x8a\x93\x90\x0f\x90Um-\x07~\xf7\xde\xde\xbd;\x8f\'\xbaC9&gt;_=\xb4\xd0\xe7\x0b%m\xdbu&lt;\xc3_]]\x9d\xf1\xc1\xfe\xf76&amp;\x9e8v\xcc`\xf8\xa2\xb4\xaa\xb1\xafj\xc9\x1b\x9cmW}c\xb3\x04b\xa5\x94"\xaa\x93\x10\x0f\xdf\xec\xf9dg\x93\xbfZt\xb9\\\xfe\xc2]\xa6\x9cz_=X+\xdf\xec&gt;\x9e\x9e^\x9dmtp\x16\x8b#;\xdb\xe5j\xday\xe2\xcf\x80U\xd9\xd7\xd7W\x17\x91g\xdb\xd5\x8e\xd3\x99p\xd0;1P\x95\xb5;+\xeb\xecW\xa7\xf6\xfa\xfd\x10DP\xb0\xcd\xc9\xc8\xf8`s\x9b\xddn/\xc8\xaf\xcf\xcfIj-Lwe\xc3\xa6\xd4b\xb1\xc0A\xc9\xc2\t^0|ic__c\xe9\x84\xbc\xfc[\xb5\xb1\xa6\xc2\xc1\x88\x82u\xf2\xe3^Q\x10x\x87\xc3\xc2\x19\x1d\x80\x95\x0eX\x9d(J\xf3}9\xa1}\xad=\xd5\xdd\xdd\xd9F\x8b\x8d\xc5\xff\x03\x07\xae^\xc0\xaa\xd8\xb1\xa3\xafj\xc0\xbb\xf2\x8e\xeaXKrx\xa9\xb4\xaabwV\xa5!(\xc0\xf1\x1av\xf3\x0ec6\x1c\xc5\xe0\x94\xa1\x0f\xf8\xea}\xbe\x9c{7.\x9ds\xc2\xb1\x03a\xa1\xa5\x19\x15\xe7\x90\x07\xe0\xcf0Vd\xe5s\xd5\xb1\x16a\x0e\xab*A\xad\x8f\xbc.A\xf1N7\x82\x1anhm\xb8\x9az\xe3\xde=\x80\xba\x94\xf7/\xe70\x1c\x18\xbbG\x00\x18:\x89\xb0\x05\xffD\xd5M\xc0\xda\x1a[\n\xaf\xe4\xaa\x8e5\x80z\xd8\x08=&lt;\n\xae\x82\xdb\xb9\xd2\x0b[\x8b\xe1\xc8\xda\xe0\x1c\x1d\xbdz.\xef\xf6\xed\xdb\x97\xf2\xf2\xfe\xf2\xdd\xe8\xe8\xa8s\xb4\x01&gt;w:{\xd2\xd3\x0b\x0b\x0b\x9b\x9azK++vl\xdd\xdaX\xb7\xf4Lu\xb5\xe6b\xe1\xae\xba\x9b\x8dY\xbbk`\xd5\xad\x06?\xe9\x93L\xa6\xedwn\x01TC\xc3\xb7\xc0\xf5\xf5\xd7yy\xe7\xbe\xbb\xfa\xed\x7fh5\xff\x9f\xb4\xf3;\x8e\xafg\xd7xM\xb3\xdd~X\xdc\xc64\xa0\xe3ZW\xfd\xb4\x19\x1f\xafp\x94VY\x11J\x0bDj\xdcY\n2\xbd\x15\xd6\xda6 \xb1BqXl\xf9R\x91/\xa7\xc0\x9dd\xc8\x9d\xb4\xce*\xd4\xb4X\xd4r\x05\x13S\xa1\x1a\n\x9b\xda\xf4ZZ\xbce\xd5\\\xcdj\xd6\x9d\x89u\xe9\xed\xf5\xa1\xdb\x7f\xf0\xb9\x97|\xf9\xc9\xe4\x91\xe7\xeb\xc5\xeb\xf5z\xbe\xdf\x9f\\\x8c&amp;\xbbL\x10\xc5\xde\xd2\xc2\x03\x8d\xd7N2\x854\x16\xb9\xbdy\xf8\x9f?\xc7\x1b\xeb\xce\xb3\xbbP#\xedB\xbd\xe2\xf2\xc1\x83\x85\xc4bz\xa8;\x10\x98\xa1Vz\xedR\xcd\xff\xb8x\xa6$PML\x0c\x8dV\xd2\x11\x04\xf1x&lt;\x08\x95\xe3\xaa9{\xe9\xa4PH\xc6\xb0\xfe\xf6\xf0G8\xb7\xf9\xbc#\xdf\xfe\xa3\xa5\xa5\xb9\x9d\xa6Gk\xea\xf7\x8c\x18\x11\x13\x95N\x17y\xa5X\x80^\x13\xfe\xa0\xd5\xe9\xe4uaXR\xbb\xf7\xa8\xd7;\rz\xf1\x90\x19\xa3M\xd2z\xe1\x03!\x99\xcc\xa2\r\xb67\xff\xfbWxO\x9fw\xfe\xf3\xbc\x05jK\xafG]5.\x1b"JV\x9emd\xec\xfb\x02b@\xa3\x01\x85\x82\xd6D\xc2\x03X\x18g\x0f\xa3\xac\xa4\xb1\x8cm\x1fM\x8aF|J\xedG\x1f0\xc9,\x0c\xab\xfd\xeb\x9f\xe2\x8d\xb5\xff\xab\xe1\xe1\xe1\x93\x83\xfa\x98\xd8\xe5rQ\x8a\xea\xcb\xceUl\xdf\xfe\xc3-\xd8\xf1\xd1X\x8f\x06\xc32p\x03\xa6!\x8dF*\x1d;\xd7\xd1q\xf80vF\xc1(,\xaf\xf1\xa1\xda\xbd\xa7X,\x16\xf9\xd9\xe0\xb3/q\xdf\xb7\xb6}\xd9\xf2\x1c\xb0\xc81\xad\x8b\xb3\xa7\xf0\xc0\x95\x8a\x0f\xb7n\xffp\xcb/.vT\x1c:wB\nXN\xb5\xa0\xd3\xe3\x1f\x18\xb03\xc6\x0f\x9d\xe9\xc8\xdd\nm\xfd\xed\x99?^nE\xb5Z3\rj\xeb\xd9\xb3o\xff\x8e\xfb\x89\xcd\xc7O\xdb\x87[\x9a\x07\xe3z\x9fk\'\xb1\xe4\xcc\xb1\xbf\xdc\xfdl\xeb\x96\xed\x7fB\xb5M\xfb\xf61\xa4C~^\xc2\x91vd\xbb4cM_\x8c\x1fG\xe3\x17\xa1\xc5\x1f\xbe\xd8\xf1\xbb\x8a\xe3\x17$\x12\t\xca\xa4aX\xffz\x8c\xfbu\x7f\xfe\x9d\xb9\xe1\xe1fa|^i\x1b!\xb4}v\xf8\xdc\xc1\x8b`f\xae\xd4\x93\x06\x9a\xda\xc64\xfe\xf5\x9bk\xeeY\xf7\x1ao(\x93\x19\x1f+iU\xfc\x1a\x94\xfc\xf3%\x064\xd3\xb2r\nG\xab\x03,r;\xeb\xce\xfe]\xf9Kx\xfe\x10\xdf\xdbv\xe4\xc5\xdd\xe7\x18\x96\\.\x93\xb4\x0e\xdf\xad\x1b8x\xedxG\x1d\xbb\xa7\x87\xdd\xa4\x19Z\xb7f\x17R\xb3\xe9\x05kP\x93\x19\xeb)\xb9|\xa0\xf1JE\xc5\xb9\x81\xb1\x8ek\x8d\xa4\x82\xca\x9dZ3$q\xf0\xf3\xbbss_]\xc5\xb1\xe8\xf3\x1el\xae\xae2\xff\xf0y\xb3~&gt;\x1a\x8d\xca\xfbeJm\xc1h\xf9\xd9\xa2R\x12\x89T:\xea\x07\xad\xb2\x0b\x91\xd4\xecl\xc4\xb9\xee\x87.VJ&lt;j\x97\x0e\x0cH\xa5\xa4\xb3\x17\x8a*++)\x12\x05`\x9dl&lt;\xd1x\xe9\xc6\xe6O\xf0\xcac~\xfe\xfe\xd5\xb0\xbcA.n\xc9a\x81\xb7\x87\x15\x90.\x12M\x8bD\x14\n\xa5\xb8k\xdd\nT\xeaH\x1a\xb0\xb2&lt;\xac\xa3\x0eyEI\x80\x1d\xf5N\x13\x88\xc4b\n\x85#Ai,Z+\xa9\xfc\xa3\xd6\x0b/\xae\xe2\x87u\x1feWZ\xa2a\xf4tl&gt;\n\xce\x10v\x18n \x14\nuw\x1b\x8d3\x9e\x9b7\xb3\x93\\u\xc4\x81a\xadY\xbb\x92~\x7f0\xd8e\xa2\x9a\xba L&amp;\x04Q\x8dH\xb4\xa8\x90\xc5\xdc9\xed\x1a\x91\x8e\x9f\xbc\x83\x1bV\xdeFIF3\x12\x95+\x98\xfa\xf9\xa9\xeaj\x81\xdb\xed\xc8Y\xaf\xde\xeb\xdd\xa1\xc0\xe4db\xb2\x93_\x1b\x81$\xa6\xd5Y\xab)\x99\x04(\xe0\xe1\xbd\r\xac\xd1\xdb\x00\x8b\xac\xe3P\x8cI\xcdx\x0b\x8eX\x9bv\x7f\xb1\xbc\xa1\xdb\xa7\x03\xac\xa9&gt;A*\xe5vD"\xb5|\x03XU\xae\x9ak\xe0\xf2\xf9\xfc\xb7I\\\x83\x01$J\xe6\xe6#\x8fg\xf5X\xadVd&amp;d\xf1\xf9\x14L\xb2N2"\xf2\xdb\xc7Y\xef\xe0\x87\xf5\xd0kR]\x0f!*s\x0e\xeb\x16`\xb9\x1d\xee\x9c]\xe5\x83\r3\xf0a1U;f\xbf\x9bu,d=0\xb0a\xcdq\x02\xd1Ml\xd9\xf1\xcct[dJ3\x93f\x96pD\xd3\x9c\xa6\x87;p\xc2\xca\xcf\xdf\xf5:\x88\xcc \x88i$\xa7\xd6\xf2\xf2\'\xa0\x96#g\xa3\xc1\x1e\xf2\rU\xd5\xe0\xf1\x81\xea\xbb\xd9\xd4\xab\xb5\xac\x071\x89L7\x9dN`\x82\x0f\xa7\xd3\xd9-S\xea`\xb3\x11\xd7H\'\xa8\xb2\xd6\xaf\x7f\x8f\x17V\xde\x8f\xa7\x82\xb7{=\xc1\xa4\r\xc3ZY^\x168\x1c \x16v\xe8\x80)f\xa8\xae\xedT\xbb\xd3\x80\x95NE\x16&amp;\x13N\xa7\xc7\xc4\xfb?\x973\x11\x00\xac\xb0^\xaf\xdf[.\xcd\xf8\x8d\xb6\x8d]Kx\xe5\xf0AX\xd4\xc0]\x9f\xa0\xcac\xfa\xf8\n\x86%\x80\xaaO\x81\x93\x062&gt;\x97[\xebN\xa5!f\xd3\x8e\xc8\xc2\xc2$\x16\x01\x04\xd6\x1c\x0c\xcc\xe9\x0c\x00V\x18\xfeO\xaf-\xa7d&amp;\xd6\xe9\x9b;\x96\xf2q\xc32V\xad\xbdY7T\xe7\xb0V\xfa0*7\xe6\xef!\xd4\x9d\x91\x14\x10AV\xd3\xe9\xc8+\xa0J$&amp;\xc1[#\x1e\xc0\x82E\xd03\x13\xea\xb6\xc8\xe7\xe3q\xbd\xb8\x92\xa3\xd1\xf8\x83\xf1\xab\xb8%\xf1\xc1J/7\xfb\xc6Y\xdb\x17\xd3A\x12\xa7\xa6\xaak\x05\x0e\xb7\x03\xba\x17\xd4\x16_\x90NC\xa9uNN.\xbcZ\x00\xb1\x12\x01\xc0R\x9f\x0f\xf1&lt;P\xee\x1e+\x82\x18m&gt;\xc8\xe1\x9c\xdeWI\x9f\xc8h&amp;\xf6&lt;\xc5\xed\x87x\xe4uC\xe2\xcdz\xc2q+\xa6\x00.\xc0\xaa\xe6\xf3#\xfc\xce*&gt;\x98V\xfe\xf2\'\xd0DM&lt;g6\xbb\xb6\xb6\x96H\x84\x8a\xbd\xd3\x9e\xc9\xea\xdb&amp;\x1e@Y\x11\x1eb\x94)Ad\xd8&lt;\x88\xc5\x9aL&amp;C\xda\xc8\xc3\x0bk\xf7jU\xf6\xcd\xfa\xa4\xe0V\x0c5c}\xbe\xea|\x15\x97\xdb\xc95\xa8\x81KP\xbb`\x1d\xab8V!\x05\x8fa\xb5z\x10\xfb\xa1c\xc7\xc6\xbb\x0c\xb7ae\x06\xd3\x01=\xbe[\x19\x8e\xc5\xe3q\x1a\xca\x19\x05\xaaL\xd9F\xde\x12&gt;E\x9f\xff\xde&amp;\x7f\xed\xcd\x9b\x84\xba/\x86\xa2\xe1p\xb4\xa1\xa1\xaa\xc1`\x80.\xdf\t#\xc7\xadv\xfa\xc7+\xe0O\x13\xec\n\x06\x83\x9aql]\xf5\xcf 0xx&lt;*\x15r\xa8\x0cCi\xb1\x84f\xd7@\x86\xc4n\xda\xfb\xf4\x07\xf8\r\x9f&gt;\xeeZ6{;\x1a\xbb\x81*\xe4r\xec \xd7\x80qaT\xa9\x88uB#\x9d&amp;\x94J\xa5~\xff\xd0Xf\x00\x8c\xd0P0\xf9v\xfaP\xa9t\x89\r\xcb\xe1\x1cy\x90Y\xd3d\xf7\xf9\xb4s\x8f\xf1\x1b\xd5\x1bS}\xcb\x82\xce\xdba\xe6\r\xb1Xi\x91\xc9\xfa{\xfb\xfb\x81K\rT)\xb7\x073;\xa3\xa3v;X\xb3\xb1\x01\x8dT3\x00\xfe,\t\x8e\x0c\xe1Q\xe9\x1c\x89\x0f\xd5\xe9a\x93\x17\x9a\x89^Nx&gt;\xf6\xf2\x08nXK\x8f\xe2\xf3+\xb7\xd4!\x1fS\x81\x8a}\xd8q\xae\x1c\x04{+V\xca\x91\xa0N\x97bP\xa3^\xf0\x8c=M\x10v\xaf\xa8\x18\x99\x99\x99\x01\x9b\x08\xcb\x83"\x87E;]D\xaaQ\xc4\x85\xf7\xb6\xe1\xa7\xd6\xcf^\xebW\xce_W\x89\x99\xe6\xd3b\xb1\xcd&amp;Sb\x17\x18\x9d@\x05\xe10\xa8\x08GIl;[\n\xef\x1ep\xf9M\xec\xb2\xa3\x95\x80\x15\xc2\xae3$b\x14\xe6\xe1\x1c\xa8u\xfa@Y\xbdX\xf7\xf21\x8ewd\x9fn\xac\xacL\xf5\xdb\x94\xbaSfL.\x98&amp;\xf2\xde\x86\xaaZ\x98A\x02A\xad\xc1XT\xcaf\xb0\xd9\xec\xa6\xa6\x9e}==\xf0f\x93\n\x08t\xe8\xa3!\x95J"63A-2M\x88\x96\x9c8\xdbz\xe3\xaf8&gt;\xf5\x96\x9f\xff`ue**\x97\xc7\x98\xa7N\xa3(\xaa\x0cc\xbfGh\xa6\xd8}J\xefuWyQA\x11\x810m\xef\x01\xa5\xd8\x8c\xba:F\x13\xbb\x84\x80\xc9e\x1c\x91\x88\x999\xa7/\x14\x8a\xcbHE\x17X\x0f\xf0\xf4\xafK\xbfy\xf4r\n\xb8tL\xa6\x19E\xc5\x8ap,\x16\x8dbKjU\xafE"\xa9\xa9\x91Xd\x16K\xb7\x8aH \x12\x08\x85\xd0\x05\x18u\x8c\x12"]\x05N_\x82\n\xf59,\xda^\xb6\xbd|\xefk|\x1f.[z\x7fsj\xaa\xd7\xa8=\xc5\xd4\x01\x97.\x16\x0b\x03\x16v\xccm\xab\xa9\xaf\x91\xc8\xb0\xa6a\xe9\x87\xb7Q\xa5R\xd1\x89\x05\'\x18um\x18\x97\xcd\xa7U\x08i4p\xfa42\xb3\x84\xe4\xd2\x7f\x83\xf35\xe7\xc7\xf7W\xe4\xddF\x9d\x90\xa9c*\x14\xe6X8\x1c\x83f\xdfk\x19\xd9S^/\x01\xa5\x16\x17\x17\x03\x8b\x81@\x00\xbe\x17U*\x0e\xf1\xe8\x89\xb6\xb6B\x02G\xa6\x13\x83\xa1\xa6\x91\xe1\xc5\xbaw\xef\xc5\xcbo\xde\xc7\xfb\x0cb\xdb\xa3\xd5\xd7\x1bO_`i\xd4\x99\x15\x8apx&gt;\xda`Q\x95\x17\x95\xbb,F\xea\x93\'\xd6\'\x10\x8b\xf0Z\\DT\x1c\xceN"\x08F\xa2\xd8t(`\xe5\xe2\xc5\xfd\x1d\xbbw\x7f\x0fO\x84\xe7\x7f\xfan\xde/W\xcdf\xb3N\xa7C\x81+\x1a\xedW\x15\x94\x16\xedtq\x8aE]\xd8\xdc\t\x06\x9f\xc0\x977\x08M\x8b\xc2q\xd5\xb7\xedk#\x8c(\xd0S4H \x14\xd7\xcb;\xdf\xdf\x03\xb1\xef\xfe\x97\x96\xfb\x0fi\xf3\xce\xe3\x00\x0e\n\x9a\x1cBR\x8bDM\xf3,\xd9s]L\x9a\x90Dm&lt;\x8fK2\xac\x12\x9d\xa1K\x02\xd1$\x97x$1\xb9&gt;&amp;\x1al\x16\xf1\xd0t\xb13W\xea\n\xdd\x18H\x0b\xb6,=\x8c\x85ZR\xe1\xb8\x83\x89\xbd?\xda\x15\xae8\n\x85U\xdaB\xc7\xda\xeb\xfd\xd1\x1fW\xba\xae\xd4\xeb1\xb8\xf7\xe7\x1b{;\xee\x18\xbb\xdd|\xbei\xa3\xfe\xe5\x8b\xcf\xe7\xf3|\xbe\xdfo\x9e\xef\xe3\xf5dr\x1c\xae\xf1\xf6\xf6\x03\x7f&lt;p\\\xad\xd3pj\xa5\xeb\xc2\x85\x0b\x97+\xa1B\xc4\xde\x7f\x1f?~\xe0\xb4\x07\xa2\x93\x06\xc5\xd0Alyh\xf4\xf4l\xf4\x8bw\xf0\xb4\xfavW;"E\xbd\xfe\xe0\xc1_\x1fiS9\r\xb1\x8e\x01\xd7\x8d\xf3omn~\xf3\xcd\xe6\x8b\x17/\x9e=\xfb\xe4\xc6\x8d\x9f\xb9~w\xc6f0h\x8c\x98y(\x87=`=j\x92\x88x\xc0\xf3a8\x8c\xc6\x15\x9e\x9e\xfe\xf8\xf8\xf1#m\x1a\x9b\xad\xe3\x8c\xe3\xe3?\xed\xdf\x0fU\x85\xf5\xf9\'\xe7o\xbc\xa3\x8eu\xd8P\xf3m\x98z\xba\x98\xab\xa7\xe7J\x83\x88\xa7\x9a\xf7|m6\x87\xc3PMO\x0f\x1d_~\xdde\x08\x8d\xcd\x06\x0e\x1e\xf8\xd5\xfe\xb77I\xf5\xec\xd9\xb3\xcf\xff|\xfe\x9d^\x13\xc7\xa9\x0c\x06\x95i\xc8\x9c\xf4\xb2\x92\xefY\x7f\x10\x11\x91Us%a5\x9b\xa7\xfd\xfe\xe9\xa1\xa1\xa1et(\xe5\xf2q\xeaZ\xbf\xdd\xff\xe1\xe6\xe6\x87`!X\xbf\xc7\x95\xe81\x8d\xa94\n\xedP\x98\xa9\xd0\x1e\x9e\\\x15\xf3\xf1\x87\xea;#&gt;\x9f\xd9l\xf6\xfb\x89\xd5\xdb\xa6]\xc6V\xfe\x18\xc6\x1f\xdez\xef7\xefa\x83q\xfe\xfc\x11\xa8z\xb5Z\x93Q\xa1\xf4L\x8fwR\xdb\xea\xdc\xbd\xbe!\xeeQ\xeb\xc5\x87&gt;\x8b\x9fX\xfe!\xff\xbc\x16\xaac\xc7\x96\xb5Z\xfa\xe0\xe6\x97\x97O\x9f\xc6E\xa81\xf0\nNm\xf2\xcck\x03\x01O\x18\x95\xd5\xe9\xf5v\xf6\xac\xdf\xdd)\xe6Qk\xc9\xa7\x8f\xcc\x16\x8b\xdf?1\x01\x98\xc7\xd4\x8b`\x1d\xe9U+4N[G\xfaL7\xdd\x01:\x93\xee\x98T\x19\xb5\xf3\xcb\x1e\x93i\x82f\x9e\xa5\xa5%\xef\xee\xf5\xb5\x1aQY\xc3\x0fr&gt;r\xf9|\xb0i\xb5\xbd\xcb\xcbH\xe5\x9b:\xe7\x00\xdd\x16\xdb\xbb\xb7;=0\xe0\xd4p\x08\x96\'\x10\x982\x1f\xf5v\x8d\x8c,\x8d`R\\k\x11\x95%\xb9\xba\xdbg\xc9Z|`\x99\'\xb4&amp;-\xea\xa8\xb7\xed\xf57]\x1f\xc4\x08\xd6\x9d\x8ei4\xc8\xa1\xd6c\xc2\xb4\x84\x1cB\x95\x1b\xf1\xee\xee\xec\\k\x11\xf7\xd9\xad\xd5\xf5\x8c%\xcb\\\xbe\x89\t\x0fJ[\xadnkS^v\x9d\xd69c\x1d\x1d1\x8d\xce\xa5T\x9b\xb4\x01N\x85\xd9r\xdc;\x92L&amp;s\xde\xa5\xdc\xd2\xda\xf6~\x96\xfb_\xd1Z\\O\xf8\xc0\xd2\xfb\x18\xcc\xa35)\x95\xc4:\xed\xa2swN\xa8\x10\xac6\x93\x1a\x0bC\xed\xf4\xbbXd\'s#]\xb9Tn-"\xea\x95(q?Ld\xf4\x16\xe6\xb2Z\xcd\x13\x1eDK\xdb\xa6t\xb9\\\n\x85Kcpa\x95\xca\xe1B4\x99\xd4\xa6\xf9\xf6\xaed\x19\xaa\\9\x91I]\x11\xb7\xe4%{6\x12\xe7\xac\x94F\x0b50*{t\x07,JMj\xa5B\xc3\xf3\x1cT\n\x85R\xadV{\xc2\xefR\n\xa1\xca\xe8\xf5\xa9m\xbf\xdb\xf3\x1f\xac\x86[\xa9st\xc8\xc8\xa2\xd7\xfb\xac\xe8_\x13\xf3h\x9em&amp;S\x80\xe38\x9e\x0f\xa9T:\x17o\xd0\xa8\x14j\x7f\xb9\xeb(\x82\x95K&amp;\xf4\x17\x8b\x89[\xaf\x89\xcb\x92\xfe#\x95\xb9X$\x99Oo\xa5\xbeJ,\xa8\x8c\x9c=\x1a\r\x01\xc6\xeb\x0c6\xdb$\x1f\xf0\x1f\xa5\x1c&amp;S\t}&lt;\xae\xcf\xfc\xadJ\\\xd6\xf0\xdfs\x99\xe2\xc5\xa2\x15\xc3Wa\xcdkij\xe6\xed\xd1\x10\\\x06\xecz\xd0Z\xd3\x93qKy\xa4\\N\xa5\x12\xd6BI(\x9e{\xdc/.K\xf2 \x97\xd1\x17\x0bY+\x1bf+]\x8dF\x8e\xc7\xda\x1d\xc36\xd0\x01Rzt\xb0//\x14S\xc9r*\x91\xf0\xc5K%!\xae\xefY\x15\xb5oI$\xf7rf\xbd\xa5\x10\xcf"Tf\xb0,\x851#\xd6\xed\x03tV8}f\xb4\xbb{\xb0{p\xb0\xb9\xefTI\x9fJ\xa52\tk\xdc\xe1(9\x04\xfd\x177\xabEe}y\'\x97\xb0f\x0bqr% \xd3g\x05G&gt;=Jc\x10s\xe2\xe0\xde}t\x16\xe1\xe4\xccg\x17\x13\t\xb4\x92\xb8#\xe8\x08\x06\x05}\xee\x81\xc8\xb3\xcf\xcd\xa5\x04B\x14\x17\xe2Y\x9f9\x910\xfb\xb2\x8e\xfc\xdc(\x9d\x1b\xa4\xff\xcd{\xf7\xd5\xd77\x0f\x1e:{j\xe6b&amp;c%U\xd06\xe0\x88\xebSWD\xee\x10W\xbd\xc4\x9a\x15JB\xd6g\xcd\x98\xad\xc5\xd2\xa9\xb3\x87\x9a\xf7\xd5\xef\xa3G"\xf65\xd7\x83\xd5wv\xa6\x14\xcf\xea\xf5Y\xa8h\xef\x0fVbC&amp;&amp;\xabZr\xbb\'a\xf5eg\xedQ\x87\x80\xdf\x8c\xea*\ng\xfb\x9a\xeb\x7f\xd2\xcc\x1e\xce\xa5\x07n\x9a\x0f\xe5g\n\xe8\xb8\x15U\xc7@\x10\xac\xcc\xfa51\x9f\xb4\xae\x96\xac\xae\x97\xcd\xc4B\x9b\x12\nE\x0bU\xfd\xccI:tS\xcf\x1e\x12n\x1e\xec;\x99/\xc51\x04\xc1A\x97\xc2\x16k\xe9\xe6\t\x11Y\x12b\x85\xc1\xc2\xb0G\x85x\x01\x93\xa3\xa5\xe0\x98\t\xce\xf5\r\xf6\xf5\xfd\xbc\x8f\xces\x05\x1d%A(\x95\x1cPu\xa4\x19k\xd6bMl\xdc\xbb\xfdT\xb4\x9e*\x91\\{8\xden\xb6 Zv\xfb\xac]\x10f\xe3\xf1\x02\xaeK!\x1a\xcc\x07\xe9\x1f\x86\xa32\x90\xc04T\x1d\x03\x93Q\xe0\x13\xa9/\x9e?^\xab\x13\xc9\x85\x95\rc\x8d!V\x80\t\x18%z\x13\xa2\x0e\xb4\xd3`&gt;?77\x97\xcf\x83\xf7\xad\n\xac\xd9\x82&gt;\x93\xb9\x7f\xe9\xfeWW\xdf\x90V\x8b\xd3\xb7\xfa\x9f\xb4\xb7\x9b\'\xa68;\x1f\xe5\xa3v\x01\x81B\xba\x10\xa8\xb9\xf4(;\x1c\xd5=\x9a\x9e\xcb\x07)X\x94A\xb0b!\x14\xa1\x9e\x1d\xf1\xbc\xf4\xf5m\xb7\\"J\xb4\x16^\x96\xc3f\xbf\'\xc0\xd9\xed&lt;o\xb7\x17\xa8\xe5\x0b\x8e Zj\xf7\xe0\xbf\xa9\x1c\x93\x03\x1dL\x85]\x7f\xc8^\xc8\xea3tP\xf7/w\xae5\x8a\x91H\xc9\x97\xb2\r\xc6"\x17\xa2e/X\xcd\xa8\xf9\xd9(\x05\x0c\xbb\x9f4\x92f\x83*\x1ae\x13$\xa9B`\xa1\x8b\x9d\x03\xab\xfb\xb3\x07\xab\x8b\x0b{j\xb7\x1dFw\xf9\x19\x0b\x0bP\xa3\x82\xe7\xf9Y,\x06}S(\xb5P(d\x88\xc5l1\x94\x98\x01k\t\x07c}\x143\x18\x9cNb\x15\xc1\xcaw\xcf\\\xbf\xb6\xd8\xdf\xbf kh8Q\xbd\x9d\xed\x82X\xc92-\x96\xd9\x1aK\xc1\xdb\x0b&gt;\xeb\xc4\xd4\xd8\xd8\x18\xa7\xc2\x12\x90\x0eF\x18\x905&gt;\x1a\x9a\xb4}4\x00\x953\xe64\xf0\xf6\xd9BQ\x9f\xa5h\xdd#\x16\r\xb7\xec\xa7\xc3\xdbvS\nc\xf5I\xae\xcc\x92\x180\x1a\xd5F\x8e+X|\x13S\x81\xc0X`\xcc\x88u3\x16\xf4\x1a\x03\xad\x06\'\xe9\xbe\x81\x13\xa1rRm\xcd\x16\xb2\xc5Bp\xae\xfb\xaf7\x17\xfb\x17H\xb5\x88WU\xdd\xb6DLR\xdd\xb2\xb2\xf2\xe9\xf5\xc3]\xe5\xb0\x1f\xe1\x02Ki4\x06\xe8\xe89E\xcbh4b=\xafT\xe8xD,d\x80\xc6\xa01\xc4HE\xd1\x82+\x1e\x9c\x1b}\xfe\x14)\xc4\xc0;\\\x0b\xbbV\x86\x7f\xac\x8c\xfe\xb4HCC\xc4\xfd\xa8\xd3\x9b\x0c#\x8bH!\x87x\x11\x0b\xa5\xc5\x11K\xadU+9\x15%2\x14\xd2@\xc7b\xe5D\xa5\x815V\x10\x82sgo\xc1\xb2\xe0v\xbb\xf1\xb6PI\xe5k+?\xe6\xa3\x1cI\xf5pK]]\xddJd\xf5\tc\xf9\x99\x0b\xe1\n\x18\x03S\x08\x96\xdd\x0e\xa4\xda\xc4X:\x9e\x86J\xc7"F\x85\xc6\xd3\x8c0\xeb\xb0\xa5\xef\xdf\xeb\'\x94\xbb\xd1\xdd\xd8\xe8fQ\x83\xaf\xa9\xe1\xff;\xe9,\x81I\x1e\x89\xd4\xd6HW"\x91\xdb\xeb\x9d\xde\xa3\xed`MQ\x12\x95H\xa3q\xca35\xc6)P\xf1\n%\xe7B\x0eu:|O\xa9D\xf5#\x9d`\xb1\t\xc1a\x9b\xfb\xeaiE\x85Q\xd5\xe8\xde\x8a\xda\x82[\xb6\xa3\xe6\x07\x87\x0cu\xde\xb2RWW\x1b\xa9\x91\xc2\xd6r\xed\xc9a\xef\xc8\xf84\xa2E.\xa3R\xc1\x19\x03&amp;\x14\x1a]\x88*\x97J\xc7\x93\tF\xdd\x16K\xa3\xc1f(Jcr\xe0\xd2Z\x85\x04S\x15c52\x1b\xbeV\xed\x92\xfe\x90^F\x81j\xa9E\xf6\xea\xa4\xf2Zy\x0bX\x8d\x8f:\x0fw\x8d\x87\xa7Y\xb88\xda\xabr\x04\xd3\x02\xa6P\xb0\x90\xb1/\xacU\x90\x89\x8d(O\xd7\xa6\xed\xf9S"\xb1!\x93Q"\x1b+Jz\x97\xed\xaa\xfd_#\x06\xd3\t\xa0jjjjk\xe5rik\x0bF\xcd\xf5\xdd\x9d#\x8c\x85\xe2\xb2c\x13M\x0c\x8e\xea\x1d\x85e\xa4\xad&gt;\xe7r\xbdR\xb1t"\xa1\x15\xd6\xa5\xb5W\xa8*YSU\xe3\xb7CF\xaf*\xd9\x0e\xc0\xbe\xf7\x90\x04\x927\xdc"\x97\xd6\xb0Q+m\x95\xcb\xe5PE\x86\x17_zG\xca\xe1\xe9!\xbfGk\x02\x86m\xeei\x8b\x8f\r&gt;J\r\x9dK\xe1\xd2\xe9\x18\x8b\xbeTX\xbc]\x05\xd6\xe3EFj\x92\xc9\xaav\x12\x8b\xfd\xd4\x88\xc0\xc9\xf6T\xc9\xf64\xe2\xb5C\xfe=\xa9\xa4\xe4I\xe5\xd2Z\xc4\x89XRyk+\xa9\xe0\xaa{\xd0\xb3\x94\x04kh\x1e\x9bi%\xa3(\xb7H\x8c\xe5r)t:\x17\xa3m\xb1pi\x82\x16\xca\xdc\x03@\xd6\xd4D\xef;e\xafX\xe4\x91m\xbd0~\xd1\xfa\xdd0VQR\x8cZ\x8c\x1az#V+KbD\xea\xbe\x0b\xd6\x10\xed\xf2\xb5Z\xf5\x16\n\x19\xac|\xab\xb8LI\xa5\x8fo\x90J\x88\x98\x8a]\x99\xc2\xdd~\x98h@\xb5S\xf6\xaa\xf2)Vx\x91\x89\xb9\xdeh\xf8\x8e\'\x10\xe8\x0fW\xc9!\xf9\x97\x8a\x80r\xf9\x89J\xb8"\xd2\x9a\xd5\x97\xc4\x9a\x9f\xa7O\x94\xd5\x8c\xf3\xcf\xb2\xcd\xe0\xb5m;\x8a\xe3\xc1\x03\xb9\x02I\xb6\x90\x04\x11hSb\x8c\xda\xe2\xd1vI\x0e\x06\x9b\xe2K \xd0\x16\xbaC\x0f\xc3\xdb\xc1\xd0\x9dv\x11\x8c\xed\xd4\xdd:\x08\xec\xd2\xd3\xc8\xa1\xf4fz\x9d\xcf%\x17S\x87\x11J\x0b\xb9\x84\\rHO^IK \x7f\xc0\xbe\xdf\xf7\x9e\x1cw{\x91%[v\x92\x8f\xbf\xdf\xef\xef\xfdda\xad\xadm\xcai\xdd\xd6`\xd8\x1a\x0e\x07\xbc\xac\xed&gt;/\xd6\x128\x19\x08_&gt;\xfd\xf8.\x8dP\x8d4J\x81U\xb3\xf07D&lt;\x12\x15\x1d\xad"\xf4\x1e\xff\x1f\x8c1w\xeb\xf8i\xd2&gt;b\x91\xae\xe9VX\x18\x8d\xde\xc9\x1b\xb6\xf9o\xaf\xb3n\xaf\xf14\x12\xb8z;\xbd^\xaf\xdb\xedu[-^A\xb6\\\xa0\xba{~1\'UD\xb9\x00\xa7\xa3\x91\xa66R\xc3ae\xf8\x01\x98\xf3\x1f\xb0k_\xec\x8d\xc44\xb0\xb8\x82UW\xacf\x15\xae\x11j\xf6~\xfb\x0eO\x04\n\x17uZk\xb567A\xc5/~\xdf\xea\xb6\xa0\x17\xca\x06\x00\xeb\xe6\xd3\xf3\xc3\xd2G\t\x99\xafTL?-M\x85\xa9\xa3TE\x96\x01-\xeb\xd7\x1f\x7f\xa6\xd4\x88,\xf4O\x94\x12\xa9\\\xc9\x96\x84\x1e\xe9\x1a\xdd\x18M\xdc\xfc\xe4\xc3#`\xa1\x08\xb6\xb3C\xffP\xddnw\tk@\x7f\x19\xb4\xfb\xcf~\xfc\x08\xad\xfcX\xc0\xd2(\x8ej\xab\x95ZQ\'MM) \x85Y\x16\xe2\x86\ng\x9f\r&gt;\xc7\xa4\xaa\xb0\xea\x9a|\xdc\x9a\x1b\xb0\x11\xb9G\xab\x1fM\x92W\x97[\xdf\t\x15"\x05\xae^O\xb0`"/\xc7\x1d\x0e[-\xc9\xd8\xe05\xa0\xd6\xbf\xff\xf9l\\N\xe3\xb8\xc2\xf2\x1b\xab\xab\x95\x85\x9d\x0e\xe4\x03\x174*\n \x85!W\x04\xbb\x82\x12e,\xea\xc4S\xe1\\5\xd2\x15,\x98\t\x1f\'\x8e\xf7\xf0\xe8\xc3#\xd1j\x93\xa7\x9a{\x92+\x14q\x00\xa5\xdb\xc1k4\x8a\xf5\xdf\xcf\xdf?\x9f\xfbF\xe5\xd3C6\x07m\x15i\xd4\xe1\x0e\xc5\xca\x04\xab/\xeb,\\(\x05y\\\xf7s\x03\xd5D\xd2\xb1G\xec\xb1\xa7\x92k2\xf1\x1co\xbc\xff\xe6\t\xf3\xc5o\xbc\x8a\x81\x8b\xea\xf1jyH\xf5\xe2\xe6\xfa\xcd\xa7/\x0f\xc6SB\x19\x95\xef\xa75\xf1\xd0\xb0\xa2\xc2\x17\xffh\x9cb\xf5C)~\x84\x7f|cR_\x18fQ\xc7\xf03\xf9d\xea!\x96\xd8h\\\xde(yw\xf4i\x8b-\xc2r%\xc9\xba\xf5\xc04{\xfd\xe2\xafg\xeb\xbfl\x1f\\\x94S\x7fjP\xd0J\x82UE\x0b\x86\x92\xaaSd\x86%\xd5\x07Y\xbf\xbfr\r\x93\x8c\x08\xa3\xf6\xb9\x98\x05\xad+\x08\x93(E,i\xa9\x14lc$&gt;:\x93\xf6\xbd\xd3\xb3\x0f?\xdc\x1e\x90kw\xb7\xfb@\x06\xe2.\xec\x03\xd4\xb3\xaf\xef\xfev|t\xb1\n\xa8i,2I\xae\xc4\xc1ZiX\xdc_t*,\xd5\x8aT\xc4B\xf3\xbc\n7\xef\x19\x96"\xc9\xfe\r\xde%\x98\xe6\x0b\xb7\xc9\xc4q&lt;/i\xa7\xe3\xd3\x83O[;\xad\xe1\xdb?\x86\xf2\xcd\xdc\xdd\xb7/P_}\xf3\xf2\xf8\xe8\xf0\x1e\xbb\x02\xa4\x9aj\xa6\x80\x16\x89\x83e)\xd3\x90\xec\xf0cb-\x92\xd5\x0f\xf3\x99b\xd9\xd8\xbb\xcaT\x95+J\xe4j\x93\xafD\xdb\x13\xbd\xb0\xe0\x05\x10,I\x92vP\x1b\x1f\xee\x1f\xff\xbd\xf5\xe4O9E\x7f\xfd\xd7;?m\x1f\xef\x9f^\xdc\xab\xd1\xb6)\x90\xa6\xd6\xb2|\xdf\xba\xbb\xb4zP\xc51\xa8b"\t\x968\x18\x86KX\xee2V\xc5\xd9t\xab\x92{u\xf1Q\x02\xd64e\xc1\xd5n\xe7A\xd1x\xfe\xea\xe4\x9f\xfd\xb3\xb3\xb3\xcb\xcb\x83\xa3\xd3\xc3\xf1C\xc8\xfea\xb2\xa5\x00\x00\x02=IDAT\x14kM\xa7$\x8b\xfd\xd4\xd2.qo\xc8\xc4\x181rq\x10\xc7Afb\x91\xaa?\x0b\x15\xab\xea\x02\x95J\xaee\xbf\xb9\x0c%&amp;J\xb7\xdf\xe3F\x06\xac\xca\xd5\xce\xf3\x80^\x05R\xed\x1cw\x80#\x0f\x8c,.h\x16\x0cl\xe8\x81\x0c\x98J\x08\x96b_\x04,\xbc\xae(\x82\x1c\xe1\xea\x1bV\x7fF\xb5@"HN\xddpdJ\xd4\xad\xd9g\x82qPn\xc8L\xc4_\x11,\x80\xe5\x00\x0b\xf0\xce\xd9\xca\r(X\xc2\x82O\x90\x8bG\r\xe0"\x16gh\xc5J#\xbe\x86]\xcb\x9a\x16\xfa{?c\xc4V\xec\xa8\xaa\x8ay]\xfd\xa2:v\xdf\x15_5t2`U.\xec\xf4&lt;\xc5\x120\xae\x03.\xcbPX\x115\xf3\xaby\x90HlZ\x9c\xb0\x99-\xf5P&amp;\x1e\x88\xc5i\x87b\xe5\xe1\n\xdd0\x91l\xe5\xda\xc03\x1a`;\xb68^\x1d\x9d\xa1\xde\\\xf8\xa86Z\x01(\xd7\n*:@q5/m\xc2\xb1`\xa5\xec\x15P\x0b\xcf\xfa\x11\xdf@\x10"_\xfd\x10\x7f\xc0|\\\xd1\xae\xa0D\xda\xac\xaedR\x85p8\x8f\xb6N"\xae\x9c\xba\xa7\x9d\xcce\x93p\x12\x03\x13\'\xf3\xa5\xaaD\x9bF\x8d\x92\x8d\xaaV*\x94\x1c6Xs\x80\x92\xc4B\xbe\xf2B\xb18\x1cg\x82\xe5\xd6\x97\x86\x9fbA\x10\xb3\x16\xdaP\xa2\x84X\xfc\x08D\xb1\xb8\x95\x911!\xa8\xb7\x8c\xd5\xae\x90H\xc5M&lt;/\x1b\xabBU+S~\xb6\xd0A\x08\xa98\x12ar\xa4ja\xd4\xe8\x11\x84\xc4K\xb1&lt;G\x02\x06\x00\r\xbfI#\x0b\x81\x1c`9\xfa\x90O% \xc1~\xf9\x05K\xbdr-!\x81\x90J\xa5%{:W\xe5&lt;\x85\\\x92uv\xb1\x94=\xdf\xc7@\xf4\x11/\x1f/\xa5\xdb\x81\x1e\xd80\xf9+\x1e\xa3\xcb\x1bdH I\x02\x84DD\xb0\xc5\xe3\xc2\xe7\xae\xb0\xd8\xe0\x13&gt;;I,\xf6\x1a\xae\xbc\xdd\x0el\xdb\x0e\xa6\xf3\xb9\x12)\x16\xaa\xd6\x88\x98u\xce\x90\xd6\xe4\xa9\x12\x97\xc0\x97\x10\xe2\x1dI\x0b#\x96\xba\x83\x7f\xeb(\xc4,\xf1f\xc9\xa2\xda\x89gd\x9e\x9a\xa8\x0f\xb0\x9f#\x900I\xb2\x9c{\xf0\x88Z\x80"K\xadT\x0b\x81\xc89\x07\xc1\xf2\xd9Fc\xce\x92\xb1\xf0\x88`\x81x\xc9\x81\xecsv\xcc\xf2\x7f\x01\x1d\xa3\x10e\xcb\x8b O\x00\x00\x00\x00IEND\xaeB`\x82'</t>
        </is>
      </c>
      <c r="M291" s="3" t="n">
        <v>45492.67783564814</v>
      </c>
    </row>
    <row r="292">
      <c r="A292" t="n">
        <v>882351</v>
      </c>
      <c r="B292" t="n">
        <v>1984</v>
      </c>
      <c r="C292" t="inlineStr">
        <is>
          <t>Jonathan</t>
        </is>
      </c>
      <c r="D292" t="inlineStr">
        <is>
          <t>Jonathan</t>
        </is>
      </c>
      <c r="E292" t="inlineStr">
        <is>
          <t>LD</t>
        </is>
      </c>
      <c r="F292" t="inlineStr">
        <is>
          <t>LAT</t>
        </is>
      </c>
      <c r="G292" t="inlineStr">
        <is>
          <t>LD</t>
        </is>
      </c>
      <c r="H292" t="n">
        <v>178</v>
      </c>
      <c r="I292" t="n">
        <v>13</v>
      </c>
      <c r="J292" s="2" t="n">
        <v>33840</v>
      </c>
      <c r="K292" t="inlineStr">
        <is>
          <t>Right</t>
        </is>
      </c>
      <c r="L29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aa683d0f-7773-4bdc-a1e3-15b9f2c544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d4Sk\x00\x00\x03\x00PLTE\xff\xff\xff\x1b\x1b\x15$&amp;!\x1c\x1d\x19!!\x1c"#\x1f&amp;\'#\xff\xfe\xfe\x17\x16\x11\x14\x14\x0e\x1e\x1f\x1b\xef\xc4:\xeb\xbf7\xfd\xfd\xfd\xed\xc27\x19\x19\x15\x1f\x1c\x10\x11\x11\x0b\xf1\xc6;\x19\x17\r\x1d\x19\r$%\x1f\xe8\xb82\x1f\x1e\x16\x1a\x19\x11\x89_,\xf2\xc8&gt;\xe3\xb1-\xea\xbd3\x15\x13\n)) \xac\x81S\xe4\xb50"!\x17%$\x1b\xab~M\xe7\xbb3yP *+&amp;\xf5\xccA\xaf\x88Z\x83[+\xe1\xab+\x19\x16\t\x8fg5qG\x1d2)\x19\xad\x86`%\x1e\x0c)"\x156-\x1e\x93j9\xed\xbf3\xf1\xc35\xeb\xba4%\x1e\x12\x8bc12&amp;\x13\x84W\'\xb2\x8b_\xa8|I\x0e\r\x07mD\x18fC\x19\xdd\xa7\'\x81S)\xa6yF92&amp;+&amp;\x19}T"wJ \xa1uJ\xe7\xb5.\x7fW&amp;}Q&amp;\x99j7\xaf\x83W \x1a\ttN\x1c\\6\x0f\xab\x83Y\x9akC\x9doH\xa7|V\xb3\x8cg0+!\xa4tB\x94pL\xef\xbf7\xb0\x84S\xa6xN\x88Y-\xa0r&gt;;*\x11\x9dn;\xa0yQ\xb4\x94t\xfa\xf9\xf9\xf7\xf5\xf3\xbb\x96r,"\x0f\\&gt;\x19\xb2\x8fm\xf5\xc3.\xb8\x92k\xf3\xc7;\x95f=\xf5\xca&lt;vS#\xbc\x9f}\xf0\xef\xeezZ9\x8e^5\x98o&gt;=/\x1b\x99vQrM(\xf0\xc0+\xd8\x9f&amp;\xa6\x80R\x87]5C5#mL$H2\x1c\xe8\xb0.fG-E/\x13N7\x17\x87c&gt;\xb5\x87Y\xab\xa8\xa3mP3zM&amp;\xe3\xe5\xe5xT-\x9dtDcN7B9+J?.\xb8\x8cb\xa6\x81]\xee\xc66\x90b-fG"\xab\x8ah\xc1\xa2\x83M;$\xef\xbb3\xcc\xcc\xc9\x93_:T,\n\xf3\xc8(\xc2\xa6\x88-/,\xa0|Y\xbf\x9bxWNAlXDa?"\xd8\x96#WA,?AA\xde\xde\xdckM\x1a\xd6\xd5\xd2ZG2\xe1\xa1)\xc5\xa9\x90\x90b3z`H\x93kBU=\x1a\x8blP\x8eiD\x95f1\xf2\xc85\xe0\xb7\'\\D%JMQME8\xa2rS\x91tZ\xc4\xc2\xc0\xf7\xd0C\xac\x8dt\xed\xb5/\xdb\xaf*\xb0\x85eg;\x14[`e\xe9\xbc\'464D$\x07\x83V5\xba\xb7\xb1\x9d\x9a\x93\xca\xa6(\xa2\x82cqjb\x8b\x81u\xc6\xaf\x98\x80jSU=#\xa8vC\xb8\x93$\xde\xbaR\xec\xeb\xe62\x1e\x07yJ&lt;\xe4\xb2$\xce\x8b\x1f\x87fKkB\'\xa7\x83$\x92]V\xbe\x92h\x9b\xa1\xa8W5\x1e\xd8\xc7\x94\xca\x9a#ZUM\xdd\xd8\xcag`T\xda\xb68\xea\xcbJ\xd2\xabV\xe9\xd6\x84\xce\xd6\xdd|\x81\x87\xea\xcd_wy|\x8a\x8d\x91\xde\xc6\x81\xb6\x9a\x85\xd5\xc8\xb7\xce\xc3\xac\x91\x95\x98\x86SH\x8e\x8a\x81\xcd\xa5E\xd7\xbcn\xab\xb1\xb7\xea\xe5\xd5~wj\xdb\xcf\xc1\x92q\x1c\xcc\xba\xa3\xe9\xe3\xbf\x8ba\x1e\xb3\xbb\xc5\xe9\xde\xa5\x7fd\x1a\xaazagnw\xa2jd\xc6}\x16\xc4cY1\x00\x00 \x00IDATx\xda\xc4\x98\xdbK\x1b\xeb\x1a\xc6\x1b3\x99C d\xc2\x8cdr1\r14(\xa9I&amp;\xbdH\xe3\xa1%\x07\x15c\x02\xd6\xd3\xc2&amp;\x9e\xd3 a5\xa6\xd9BMC\x0f\xc6\xc3\xaa\xb1\xb4.\x89\xb0\xecrI\x117\xc8.[\x107\xd2\xbb\x85\x8a\n\x16\xbcZ\xb0(Ho7\xeb\xa67\xfd\x07\xf6\xf3M\xbba\xdfo\xa6}IL\x88\x01\x7f&gt;\xcf\xfb=\xef;s\xe5\xca\xff]\x8c\xc9d\xcammo/\x8c\xe5\x16\x16r&amp;\xc6\xc4\\\xf9\xae\xc5\xa8e\x1a\xbf\xb8\xa8\x9eml\xfcv\\=&gt;\xfd\\\xdeZ\xd8\x1a\xc7\xa7\xf8\xe5\xf7\x832\x99\xc6\x16\x8eN//+\x91\xfd\xfd\xd5\xbf\x9f\xee\x176N?\x7f&lt;=\xaen/\xe4\xc6\xbe\x8fh\xccXn\xabzp\xf4\xe9\xd2\xcf\xf3\t\xd1\x97.\x16=i\x9f\xa2\xf8=iO\xa1RY\xda\xff\xb4=\x0e\xc9\xbe\xb5Pc[\xe5\xcf\x1b\x91H\xbf[\x16DA\x14E\x9e\x0f(&lt;o\xb5JR\xd4\x13L\'\xdc\xb2\xbbr\xbce\xfa\xb6N\x9aL\x17G\x1f\xa3\x89\x04/\xb8\x05V\x96\xdd(A\xe2yQ\x10x\x94N\'\t\x82\xe8K(\x1b\xe5\xdc7\x04crGg\x1b\x11^\xb6\xc8,\xcbq,g\x91Q\x02+\xc9\xea\xab["\x80\xa2\x95\x0f\xf8|\xfe\x8f\xe5\xed\xed\x9c\xe9\xdbH5V\xf6\xc8n\x87$[\x80d\xe68\xce\xc2q\x82 \xb0\xac\xac\xbe\n\x92\xe0v\x83\xcc\n\xb8\x84\xcf\xb3qy\xf6M\xc0\x98\\y\xc9\':(\x81(\x05.\x0b\x11L\x12$\x1d+q\x92$A5\x01\x9a\t\x12:\xce\xcd\xfb`\xac\xe3\xf2\xf8Bs\'M[\x9f*iQ\xa6\xac\x12g\x06\x14\xcb\xb2\x16\xd6\xcc\xea%+E\xe9\xf5\x94\xd1H\xe9XN\x86n_Z\x0e\'At\x8bK\xe5q\xad\xb9.\xce\xfc&gt;\x9f\xcc\xd6A\x1d\xe0\x98\x8dz\x96cuz#U\xeb2\xe8j]\xb5\x06\xbdD|%%\x0b\x92\x0c\xb1\xc89\xd8\xafj\xdb\xf9\xccX\xb9\xe8\x16\x05\x962\x00\x8b3\x9bY\xa8\xc3\xb1\xb4\x81r\xad\xd3f\xb3\xcbU\x0b\xc5hJ\x15\x10t\x92\xe0p\xa0\xd9\xa0\xd9\xe9\x85I[\x0b?&amp;D^\xd2\xd5\xe8Y`\xe1\x8f\xb3F3\xc1r\xad\xaf\x1bY\xbd\x8b6\xd0\xeb\xeb.Jg\xd6\x1b\xf1\r\xc9juD%A\x94E\xfe\xea\xb1\xa66.\x9c\x91\xccd\xcd5,\xab\x03\x8f\x8e\xb3\xa0\xc18#M\xd7\xd0\xac\x99\xaa\xd1\xbb\xd6\x7f_w\xd1\xb54M\xbb(#EQW]V\x9dN\x86\\\xbf\x1fh8\x8b\xc6\x8e\x154\xb1\xc4\xea\xf5\xe4\x10\xe2aiE&gt;\xb4\xea\x8c\xb0\x13\xc6\x99\x8dD\xb6u0B3\xba\xa6\xa6\x96v\xb9(\nX\xbc(].h\xd6^\xe3GK\tA\x928`\xa9A\xcaZ,\xad\x16`\x99I\xa6\xaa\xfdd\xd6\xd3\xeb\x94\x91\xaeq\xb9h\xda` ?\x81\xc5\t\xbc$\\=\xd6H.\xc6T\xdd\xf7%Hn\x9a\x8dF\xf5\xac\x01\xcbB\xc8X\x0b\xa1b\xd5\x8ftz3\x80jh\x97\xd1h\xa0\x8d:\x8a\xc6\xbf!(\xbc\xec\x80\\\x1a\xe5\xe8\xe7t\x82\xc49\xa7\xa3\xf4\xea\xd0\x01Rk\xab\x8aF\xa4\xe2\xf0\x16\n\x9a)\x03\xc4Z\xa7\xc0\x07Mk\x8d8\x1aR\xadA\x88V\xca\xda\xc8e*\x17\x12d4\x0b,\xb0\x884\x16b`k+G\xf4\x82\xa1\xf0S-3\x05\x1b\xf5\xc8\x07&lt;\xf4h{\x1cZ\x87Ur\xf8\xcf49\x8c\x10\xab\xa2\x88\xc4C\x9dC\'\xb1\x84J\x95\x8b\xb0\xa9mF\xc8\x88x*\x9b\x850sf\xa3Uof%\xb3\xa4\x13y\xcfYN\x13\xac\xb1\x83\xdf\x12n2\x8b9Y\x92U\x10\xb5\xbe\xf2\xa9\x86\xb6\x12k\xbf\x80\x12sY#\x8e\xa8\x04,\x163\xc8\xafUt\xe5\xce\x12n\xd1\x8d9,\xabS\xef\xbf%[,\xb2\xca\xf4\xb5\xd4S@\xe0\xf4\x06\xca\x8a3k1\xeb\xb1P\xf0K\x07\x8cV\x83\'\xc8\x13\xacV\x19\x0b\x8c\xba\xcf\x90\xd3\'H\x1c\x89{"\xda\xff\xb0\xb5\xc2@\xda\xc8\xb2z2\x9ctV\x07\x9f\xdeX\xd0f\xfe0\xcc\x81_\x14\x05p\xb9\x11D\x12i/p\t\x8e:\x07\x86\x0c\x85u\x19l\x96\xaf\x8e\xe2\xb0\xd25\x94^\x87\xe9\x04\x13\x1dV\xdeW&lt;\xd3j\xfc0\xdb\xc5\x84\x1bTb0\x18\x10\xb1\xeda}\x0f8xGT\xc1\x85E$\xe2\x8f\xd6\xe1$ QY\xec\x13\x08T\xba\xc6@\xbb0\x19\x81\xe8p`M\xdd\xd2*\xe4\x99\xad\x8d\x04\x8e\xa2\xa8x\xd2\x01u+\xf6\x17=J@\xf1\x17\x8a\xc5b\xa5R,\xf6\xe3\xfa\x82\xb5F\xfb\xfb\xfb\xaf\xf6_\xad\xab\xeb\'oja$V\xfb\xfd#\xedF53\xfe)J\xb6\xa7\xa8\x12 \x15\xf4\x17KCC\xabo\xde\xec\xed\xed=~&lt;\xf7\xfcy\xc5\xef\xf7(\x8a\x07\x88K\x91\xc8\x12\x9e\xfe\x88\xbf\x0e%\xc9\xec\xd2\x81\x86\x8b\x8d\xa9\x1cu\xbbq\xe1\x95N\x07\x83\xc5\xd5s\xe0\xec\xcd\xcdM/\x86B\xb1\x86\x86\xc5\xc5\xa9\xb9\xb9\xe7oJ\x9e`0\x08\xb2b\x01\x97e\xf8^\xd4\xdf\x1f\xe5u\x92\xe3tA\xbb\x05\xc2t\xc6\xa3\xdb\x95`\xe1\xe9\xf9\xe6\xe2\xe2\xf4\xf4\xa3\xc5\x86\x86\xceX(i\xb35\xd8n\xee\\?\x9c\x9aZ|\xfc\xe1\xc9\xd0P\xa1\xb4z\xbe\xb9\xf9\xe1\xc3\x87\'\x85\xa1B\xc4\xafX\xad\xbcR\x1e\xd3\x8c+\xf7\x11\x1e\x06\xd2\xa5W\xd3?\xc6\xda\xae]\xbb\xd6\xd6\x14jH65%wv^\xdal\xbb\xc3\x0f\xae\xdf\x9c\x999\x9c\xde&lt;\xff\x00S\xa7Q\x7fln\xde\xbb\xf7\xb6\xd2\x8f\x93\xa8\x1ck\x86e\xda\xda\x17\xdd\xee@po\xfa\xc7\xf6km\x9d\x00\xeblJ&amp;m\xc9\x9d\xdd\xae\xae\xdd\xdd\x9d\xae\xe1T*\xf5\xa0\xe7\x1f\xcff\xa0\xda\xd4\xe1\xe1\xccah~~~\xf1p\xaa\x18\xc0\x99-\x8fi\xd5]L5\x82\x8b\x19\xde\xbf7\x1d\x9b\xbf\xd6\xd9\xd9\xd9\xd6\x06\xa5l\xf9|\xd7\xf0@*50\xdc\xd5\x95z\xdf\xe2\xb4\x8f&lt;\xec}\xfd\xb7\x1f\xfe93\x93\xbf\x8e\xe7\xcc\xcc\xb3go\x14^\x12\xff\xad\x19\x96i\x1bX\x82X\xd8\x9b\x9eoo\x8fu\xb6\xc5BM\xc9\x9b]]\xa0B\x85\x81\xd65\xdc\xf1\xd0\xde\xedE\x9d\xbc\xe8\xc9\xe6\x0fg\xf2\xf9\xb5\xb5\x99\xc3\xc7~\xde\x918\x1b\xd7\x0c\xab\x1a\xc1E\x9f\xef\x0bV{,\x16\xebl\xb2\xddH\r\x0f\xabX\x03\xe1\xf7\x03\xe1p\xc7\xdd^o\xa6o%3\xfa\xeeE\xcf\x9d\xb5\x99\xa4\xca5\x17As}\xd6,\xb8LU\xbf[\xc5j\x04\x15\xda&amp;\x86f\xcf\xa6\x88\x81\xe1\x81\x81\x16\xa7\xd39hw\xf6v\xbf\xf0\xaed\xee\xff\xf5\xd7\xbb\x91;\xd9\x9d$\xb8\xf2\xf9\xc5b\x1d\xc5o\\h\x96\x0f\xd5~Q\x14\x03\xc1\xa7\xb7\xda\xdb\tY\xa8\xc1\xb6\x93U\xc5\n\x0f\x84\xd1U\xce\x16\xe7`}_f\xc5\x9by7::z\x02\xae|2\x04\xac\xa9J\x9d\xd5\x1a\xd9f\xb4\xda\xe5\x8f\xa2\xa2\x88\xd8*\xdd\x06Vc\xfb|\x08\xc9\x90Ek\xa5\xc2\xc0\n\xc7\xe3D\xb0\xfaLfe\x85\x98\xf8n\xe5E\x87\xca\x95L.\xaeFk\xad\x9e\x03\x8d\xb0L\xe3\xc7&lt;\xd4J{\x9e\xdcn$X\xb1P\xfez\xb6\x8b\xa8\x15n\x81X\xf1\xb8\xd3i\x8f7\xf7\xf5e2\xa3\x19P\x9d\x8c\xf4\xdc\xc9f\xd7\x92\xb1\xd8\xf4\xaa\xc7a\x8d~\xd2J\xad\xdc\xa9\x1bjE=\xa5\xcd[\x8d\xb7\xe0b\xc8\xb6\x9b\x85\x89\xa4\xb7\xc2--\xf6z\xbb=^\xef\xed\xcbL\xc0AH\xf6z\xa4\x07Tkk\xc9\xd0\xa37\xfe\x84C9\xd5(O\x99\x85}r32\x10,\xdd\xbb\xdd\xa8\x9ah\xdbY\xdb!Y\n\x1f\x07\xc2\xe8-g\xbc\x1e\xf109\n\xbdV\xbc/FFz@\xb5\x96\x0f\xbdZ-\xa6\x95\xf4\x866\xb7!\x18f\xdbOn\xf3\x05&lt;\xa5{\xaf\x08V\xa8\xc9v3\xab2\xa5\x06\xde\xb7\xb48\xef\xb6\xdc\xbdk\xf7vw{\xfbV\x90\\\xaf{\xff\x85\x88\xc8\xaaX\xa5b0\x1a\xadT5\xb9 cL\xdb\n\xb0xe\xe8)\xc1\x9a\'a\xbaCZ\x0bPHw\',\x8c7/\xf7\xf5\xf5MN\xf6\xf5y\xbd\xbd#\x1d=Y`\xe5\x93\xf3\x7f\x94\n\x1e\x8fgI\x9b\xbb\x10\x0cSU@\xe5\xf3\x94Jo\x1f5\xceC+\x9bM\xb5\x90\xa4)\xb8\x06g\x9b\x97\'\'\x08SsswwwoGG\x0fz\x1eX\x8b\xafJ\x05lb\x91#F\x1b\x13\xab\x18\xb9\xbc/8\xf4\xe4\xfc\xd1t\x0c\xfb\x0c\xc6\xb4\xcd\xf6\xf2\xe5.AK\xbd\x1f\\\x9e]\x9e\x98\x98\x04T|\xb6&gt;n\xb7\xdf\x05\x16\xb8\xf2\xf9\xd0\xa3\x92\x07X\xfe\xb2Vja%M\x04\x82CCo_a\xf4\x84\xa0\x97*\x16\xe9-\xe8\x05\xb9\xfe\x9c\x9c\x9c\x8d\xa3\xf3\x11\x14\xf6\x96\x81T\xcf\x9d;\x0f\x80\x95\x9c?/x\xa0V\x99\xd1\nK\t$\x88Z\xf7n\xb7w\x86\x08\xd6\xcb\x9d\x1b\xa4\xb5\xe0\xe0\xe0\xecl\x1cH\xc8.\xe7\xec\xec2\xaa9\xee\x84^H.$\xea\xe3\x82\xa6j\xf9x\x9f\xcf\x97\x1ez\x8a8\ru\x860\xa8wn\x90lh!\x8d\xb5\xbc\xfc\xe7$h\xe2\x80\x9a\xf8\xf5\xe7\x9f\xef\x8ff\xbc\xde\xee\x0e\x15+9WB\xcb\xfb\x8f53\x91\xf7\xa5\xbfb\xcd\xc3\xc5\x86\xeb\x0f~\xfai\xe4\xa1\xdd&gt;8\x18\x07\xd6\x04ix\xd2\xf6\xbf\xde\xff\xe5\x17\xcc\xea\x93\x93\x93\xd7?\xfc\x87V\xb3\xfbIkK\xc3\xf8\x90v\x8e\xb4\x89\xd1F\x13\xe5\xa25\x96\x90\x94\x94O\xb9P(\x81l\xf9\x8a \xeafc\x89P\x04\x15\x881T\x04M\x8a\x12\xbe\x0e\x0c\xa0\x12@S\xcd\x19\x14c\xeb!\xca\x97\x89GLLp2C\x13m\xd1d&lt;\x89M\x9c&amp;m/gROr.z\x9a^y1\xefvn\xe6\x0f\x80\xfd\x17\xfc\xf2\xacw?\xeby\xd6ZY\xf0y]\xc8\xcbe\x88;ju\xc0\xf5z\xe1F.\xbdY\x00\xb6e\xb5\x86\xa8\x10\xf1\n\x05\x8d\xe1\x05X\x15n\x0cc0\xf1%\xb5q\xccxh&lt;|\x0b\xdfA%sQ\x98\x98\xe2\xf1\xa8f\x93X\xdcQ\xab\x83\xa4\xc9\x13\xa5\x92\xa5Tz\x84\x02\x81\x80nEB{{\x91H$`\xf3\x01\x19\x86\x01\x9a\x11\xc7\x8a&amp;\x93\xc7\xc7\x07\x95\x93\xcf\x1f\xd7\xd7\xd7\xe7\xe7#&gt;\'\x0f\xd1\xcd\x81\x9d\xd6\xc8\xb7`\xab\xfe\xbd\x91\xa5d\xb1\xbc\x80%\x14\xcc\xb9]\\\xb6\x98\xc1\x10\xcd\xa6q\xb4\xac\xc6\xc0\xb4X,\xa5\xa8\xc6g\xcb\xa4\xf6\xe7\xff\x0e\x15\xf6\xe1\x0f\x0f\x1f06me\xc0b\x88\xc5\xfb\xafk\x83\x85\x07\x1b\x10\xeb\x06K\x10\xcfq\x1b\x1b[\t\x84\x06\xe2\x1db\xfb\xe0\xfcf\xc0\xa6\xc1\x98\xcchRcso.8\x9a\x89\xd0\xf1o=\x1c\x14\r\x8a\xc5\xae\x10\x0f\x99\xe9\x10?\xf8\\\xb33\x88\x97"\x16L\x97g\x0b\xd4\xcaqa\xd7n\x82\x8a\r]\xe8qk#c\xd9m+LOk4\xbe\xc0&amp;T\xff\x0e1W?\x9bNU*\x95\xd4\x82k\x03AB\x0e\xb6\xf8m}-n=\xf1\x1b\xe0\xbf|d\xb1:\x958\xd6\x91\xc7\xc4u,\xa7\xe1\xdb&lt;uy\xf4\xe7z\xfd\xe9\xcd\x90M\xe7m\x91\xf4\x9e;07\x03\x940d\xc9\x83\xbc-&gt;\xc3\x0b:\xc4\x83o\xea\xeaG\xaa_3\xea\'G\xeaG\xde\x9aX\xac\x9b\x91?\xf2z6\x03\x01[A\xa3\xc9g\x02\xd0Q\xcd9\xf3\x9c\xb3\x905$\xa3y\x9b\xcf\x16\x8a{]\xae\xe5H\xfe`\xda\xa0)\x14|r\xaa\\\xcf\x16\xfd&lt;zuh\xf9V\xe5\xd05\xf2.\x7f\xf0\xe5\xf5\x8f\x0e\xf8\x15\x1dqXDa\x1c\x9a&gt;M\x93O\xc1\xff\xb6\xef\xed7\x9b\x85\xd6.{\xd8\xc0T\'5\xbe\x90\xd0\xab\xef\xbc\x7f\xef\xb6h\xdd\xe6TMdQ\xa7\x8e\xeaj\\\xf8\xf1XUD\xb1\xaf\xd5\xdc\x81\xea\xea\xbe\xe9\xa4\xc1\x8d@\xc5\xc5jnv@\xac\xe9\xa3X\xadT\xa7\xed\x94}\xef^\xc3_\xf7\xd3.\xafY\xd8G\x82\xf4\xdc\xc6Lf}!\xb7w\xe1\x87[\xc4W\rM"wh\x02E9:]\x8e\xe5\n\xad\\cS\xc8v5\x7f\xc7\xba\xfa\xefR\x01\x82\xd0\xfbW\xf5\xcd\xcd\x9e\xad&gt;:\x85b\xed\xa1\xc6\xcf\xef\xc3\xff\xf6\xea\x97\x7f\xefo~X5\x0b\x10\xc5\x19\xb9\r\x93e}\xf9L\xe4\xf3~k\x13\xa1\xe1\x17\x91)^V\x85\xd1)\xd2\x06;P,\x16U*\xa44ZU\xac+\x8a@\xae\x93\xd3\x85^\x98-\x01\x88E\xa1\xf4\x08\xcf\x9bE\xad\xad\xcd\xb7\xfe\xf6\xaf\x93\xe5\x0f9\xb3P\xb2{6\xe4\xd7\xa2\xb4\xc2E&amp;\x15Ygt\x0e~&lt;Y_\xdes\xa2\xe1\x89\x9d\xd8\x0c7S,^\x17\x8bS\xa5\xc9\xaab}\x92\xd3\x11\x1d\x8fB\x17rY^\x01\x88%\x91\xf4y\xb8\xb3\xe9y6\xfb\xd5\x7f\xfeH\xb9?\xc0p\xf1\x86\xcf\x86.{\xd1\xa9\x82\xcf\x16\x08\xfc\x9a\x8a\x9c\xbc=\xa9\x1c\x14|\xaa\xb0\x9d\xb3\xdb\xa3\xb7\x15K\x96bq\xa5\xcaX\xdf\x82\x82\xe0\x14"\xa5\xd0\xf5\xac\x1c.\x96\x84"\xdcp\xbb\xdd\x91t:\x95\xa9T2n\xb3Y\xa0;#\xfb/\xfd\xe8\x94\xd3wqa\x03\x7f8&gt;&lt;\xc47kMX\xc5\xa1Q\xbd\x99\x92\xf1\x0bV\\\xb9\xae.\xd6w\xfaQ\xd0)\xa7\xc8\xe9\x1e\x93\x99\xde\'\xa1P\xfafl\xb0S\xfb\xf0\xdd\xfa\x02\xf7\x08!e\x17\xc7\xea\x85&lt;\xea\xf3\xe5/`\x0b\x8fB\x83\x8dF\x8bY\x14\xa5\x91H\xb9\xcc\x97\xc3/\xd7UW\xeb\x9d@\x80\xe8\xe4\x12\x1e`\t\xe9\x14\x89\xd5*\xa7vuq\xec\xe1\xec\xc4\x84\xcfW\x9e\x81\xde\xc8S\xdc\xa8%\x83\xba\x93\x05_=\x98NF\x8f\xa3\x98\xc1\x80\xa2*t\x87dNG\xaf\x8d%\xd5\xca\xf6H\x95\xd5\x12\x94\x11\xa9T\xd0\xff\x0f\xae\x10\x1fx\xf8\x11\xbbh\x1c\xbb\x9d\xb33\x91\xcd:\x11X^\xdd\xf0\xd9\x19`i\xe1#k\r\xc9\xe3\x044kf\x14\x9bV\xa1*;\'\xb6\xe7r\xaa\xae\x0f\x0b\xe8UU\x93s\xfd\'\xe4\xa8,\x17\x1c\xf5\xaf\xe2X}}\x14\x10\x0bB\xa0L+\x0b\xa3\xaa\x89\x1d\x8eN\xce\x8b)`\xe4\x17{\xb5x\xe3_\x1c\x18\x88&amp;\x12\x87\xc6D\xa2\x84\x19\xa0h\xec\xc6\xcc\xae\xf2\x14ZZ\xb9\xfeZ]\xacQ\xcd\x11"\xed\xef_]\xf5\xe0X\x14y\x0fu\x87\x13\xee\xd6j\r2\x00\x0b\xdb\xa9rH\xd0\n\xbe\x7f\x11\xd4j+\x8d\xaf\x8d\x97\xa0\xc1Z\xa0^[\x12P\x18\x87\x15\xa4\xdc\xe9\xaf\xc1\x95\xeb\x95\xa5\xea\xc6\x88\xba\xba\xed\xa3 }uu\xb5\xdf\xcb5\x03\x96\xa4\x07\xc4\xea\xe6\xe3r=\xe3\x93\xf9\x1c\x1e~\\9&lt;\xb4x\xe9o\x83f\xad\xbe\xc9\xa9L5\xd4~\x88\xf4\x18\x8e\xe5r\x97\xa5\x13E\xd5\xb7\xeaf\xae\xfa?}-H\xe5 \xd6\x86\xdb\x84c\xf5Pi\x9cp\xb8[&amp;\xeb~\xfa\x94\xcc\x0f\xefH\x80+\x06\xa3u\t\xab\xa8\xc5Jckkkc\x90\xa2\xd7\x8cc\x96\xd2\x80\x16\x1d\xa6\xea\xdd\xe5`\xb2h\xac\xf69D\xdd\xc8\xf7 \x02r\xbdw\x9b\xbc\xe0\xa67\x93\x15\xee\xe6wC\x01\xe3w\xdbc&lt;\t\xc2\x8b\xf1\xa1\xf3,B\x0f\xeb-\x81Z8\xd88\xc8\xa5\x8eb\x98J\x11r\x04\x82+\xc7\xc5\xdf\xaa~jS?\x19\x95\xea\x8eV\xfb7L\x1e\x01`\x91hv{\x18\xa0\x86\x86\x86\xc8g\xc31\x10\x8b\xb7B\xbe\\[\x82U\xc4\x06\xa0\xf0\xaf=\x7f\x0eX\xeaqu\x89\t\xbd_au\xbc/\'@\xac\xea\xe7\xc0\xfaoN)\x02\\&amp;\xdc!p\xb582&gt;\xb9\r\xda\x18\xb9[\x11\xe3!\x12\xde\xb3\xc5\xcb\xb5m\x90\x0b\xc3\x980\xf4P\x15\xd7\xd6\x80\xaf\x04&amp;!S\xcc9\xcaX\xb2xU\x8b4_\xbf-\xa5\xcb\x83G&amp;\x13`\xc1\xc4s8ah\xf5\xa0\xd6\x10\x7f\x97GA\x90\x98\xf6\x12\xb0\xb6\xc7\x9f\xe0\\\xea\xb1\xa5\xa5\x9f\x96p\xbd\x98L\x83\xecY,\xbe\xacQ\xa1\xdb\xa3\xb5\xa8\xfb\xf5\xff&lt;&gt;\x12 r\xbd)\x07X\xa4.\x0e\'\xcb\x87E\xf4\xfb\x87\xbaI\x14\xdeN,\xf6lhq\xec\xa7\xa51\xf5\xa2z\xe0\x9aY\x1a[\xfa\t\xb8`\x11q\x83\x88\x99\x174\xa8\xfak\x8d\x0e\xb8&gt;e\x8f\x82\x88G\xe9\x05\x9b\xc7\xe5\xb2\x87\xf9mm\xbd\xfe\xa1g&lt;\xca\x8eB\x11\xdb}:\xf4\xbf\xc2\x0f(\x98\xb6w\r\xb8\x00\x0b?\xe8\xb2sN\xe75\xd8\xd5H\x8d\x9a\xcf\xc8\xf7\xb2\\\xe7Uz\xf0`s\xb3\x8a0\\~\x7f/\xa7G\xae\xd3\xcd\x99\xa5\xb1\xa7d\xbf\xbfh+\xab0C\xb4\xa8]\x04\xbd\xe0Gd&amp;\r\x06\xfb\xc4\xf2l\xf1\xf9d\xcd\xee\x0bF-&lt;\xe7\x86R/\x94\xf4\xe0~J\x0b\xcb\xc8\x8f\x1e=i\xe3\xf0\xa4A\xf3\xb9R?\xb7\xab@\xb3\x99\xf4\xc6{M\xc2\x12U\xf5\x8e/-\x19\xa1\xcfN\x1bd\xa8\xcf\x93N|\xaa\xd9\xd3\x1f\x88\xf44\xc4\xac\xe4\x9a\xc1\xe5\xa9$\'\xac"\xb9\xf7\xd1#\xad\x9d\xe3\x9c1\xbb:\x96\xf7f\x82\xe5|%\x95\xba86\x1a-*\xd9\x93\xb1\xe7\x16\xf0x\x83&amp;\x9b\r\xe97\xbf\x8c\xd6\xf0\xfau\xd4(\x17\x9e\xb3&lt;s\xd6\x1ek\x0f\t\xdf\xab_\x80+\x01V\xe0\x94+\x16\xadg2\x95?&gt;\xef\xef\xa7\xf2I\x8b1\x8aj\x17\x81*\x9a\x84R[\x88s#W\xb5\xbb\xe6\xc4S\xea\xc4\x0c\x17\xe4\xb2Z\xfb \xda\xd0\xec\xb2\xb6\x17@E\x9asu\xdeom\x17}\xfc\xbc\xffJ\xd4\xfe@\x149H\x18\xd5\x06\xb4WmID\rY\x8d\xcfv\xca};Y\xcb\xd7nu\xa3\xef|\xe7\x8fM\xde9\xeb\xd6\x16X=G\xd6\rT\xb4\xb9\x9c\xa9\xe9\x0e\x91\xf0`p\xb0\xe5A;\xa1\xb5E\x94\xca\'\x8cL\x95\x8c\x99\x00\xd7\xd2h.\x02\xb3\xf3oj\xfb\xf4\xb4n\xe4\xb7M%\xcb\x13\xb7n\t\x05\x12\x12\xec\x8b\x1c\x9a-\xeea4\xde\xb9Clioii\xbd\xdd\xd2p\x97\xd0&gt;\x9f\xaa$\x12\x18\x8a1\x99/\xa6\x0b\xf9\x8b4c\xe1e\x8d_x\xd6\x8d\xfe\xceb9\xbc\xf1\xb8\xb9\x7f\x8b\xca\xb1w\xd9\xdc\xcb\x0cv\xe3\xfd;\xc4\x86\xdb---\xc4[D\xc2\x9f\xef\xb6\xb0\xe7\xf7S\x07\xc7(:\xc0\x9c\xf6\xf92\x11\x07\xbbV/Y\xfeO\xae7\x0c\xa5I\x9f\xcby\xbdB*\x8d\x1a?u\xb0;\x9b\xf1\x17\xbb\x84\xbb\xf8CT"\xf1\xd6]\x02\xa1\xa5]\xdc\x01\x93\x9f\xd5b0X\x91t\x07\xfbd\xb2\xd6\xefa\xeb^.4+\xf5\xcb\xa7z\xbd\x99J\x8d\xeb\x19\x9dM\xadM\xf8\x8b\xe1V\xfc\xae\x91\xcd\xed||\xbf\x95@ 4w\x0e\x8a\xd2\xb6i\x0c\x05\xaaY1\xeb\xbf\xbc\x9c\x7fL\x1b\xe7\x19\xc7u\xbe\xb3}&gt;\xc9\xf2!\xdb:\xfb\x0f;:O ,\xc3a\x1f\x7f\x18\xd3\x16\xb7\xf3\x8f\x08V\xdb\x04\xe4Z"e\x08\x0b\xa6\t\xa1\x90\xd8H\x04#L\x15\x12j{Y\xd8\x10\xa5\x0b\x02d\xc7\xa0\xc9\x81F\xfc\x08\x08!\x184d\x89\x88\xda\x80\x04E!\x19I\xd6\xb5diB\xd2\xb4\xeb\x92\xb4k\xb4\xe7u\xd2\xa9\xfftk\xd6\xc0\xab\x93\xc5_\xe6\xe3\xef\xf3\xbc\xcf\xfb\xde\xbd\xcf\xf7\xae\xefx[\xb3\xf8\xf2u\xa3\xcb\x12\x0e\xc3\xdaX\x1f\n\xdb\xcd\n\x15C+\x8c55-\x1b\x03\xad\r++\xed\xf1\x80%\x10\xa81\xd3&amp;;\x1f\xef\x9f\x0c\xb6w\xc58\xb3\xf1\xcb\x1d\xef\x1e\x96V\xdf\xb3\xcb\x8d\x96\x80\xc5\xdc\xd2\xd9ffi\x95\xc2di\xd9\xd8\xd8X[[k\xdc~\x7fe\x05\xae\x86\x86\xb1\x96\x1a\x9a6\x07"K\xabq\x9e\xb7\xd3\xa6\xc5\x1d\xef\x01\x17K\xa7l\xb4\x99\xb3\xd0\xae@[\xc0LC\xe0\x02\x95\x96J\xa4\xd5\xda\xdaJz\xac\xb5\xc6/\xb5\xd4(\x14\x0c\x1f\x88\xf4wq^V1qj\xe7\x9b\xf9\xa5\xc7\xfa\x14\xb4\t\x80,\x01;\x88\xe5mni\tl\xac\xac\xaf\xafo\x03\xd2\xf6\xfa6\xfc\xd1\x17\x19\xaa4\xca\xe5^S\x17$\x96\x97\xa6\xaf\x1f\xd8q*\x90\xeb"m0\xc3\xfc3\xf1^\x82am\xcd\x97\x06\x06\x06\xd6\xb6\xd7\x9f\xa01}{\xfa\xc9\xf6\xca\xf6H\xaa\xc5"W@\xa1\x88\xf2\x9c\xc9e\xbe\xe7\x17\xef\x02\xd6\x94\xc5\xa00\x9bA2/C\xe8\xa2\x97ZQ7\xcd\x1a\x08\x05\xe3\xc9\x93\xf5\xed\xed\xd5\xf5\xa0o\x88cU\xac\x89\xe3l\xbc\x91\xe6w\xb0\xef\xe7{\xfb\x88\xc1.\x97\\\xa1\xa0\x15\n\x82P\xea\xa2\xed\r\x1dz}G\xe3Q\x88\xdf\xfb\xa0\xd9\xbao\xfd\xac/\xd8\x9b\xe2\x18\x8c1\x9bL6\xc0\xef\x1b\x94\xee\x06\xd6\xe6\x98\xd1`\x80*E\xcbU\x0c\x1bO\xbd\xd5\xd1\xd1\xa1?\\\x077\xf5\xef\xacOO\xff\xebl\x95/\x18\x1c\xe9\xe7\xa0\xe8\xb3&amp;\x93\x89\xa6\xb9\xc5]\x88!\xc2j\xacD\xf6\x1e\xb3YNb\xdeX\xa4\xbdC\x1f\xb2\xb6\xbfu\xfa\xb4/Xv\xb6\xd7\xb7\x9az\xaf7\xb8\x1a\xe10\x8cbY@7^?\xb6\x1b\xa6\x1a\xd8\x0c\x96\x0c\x1b\r\x1a\x97\x89\x96\x93\x84\xce\x16\x8f4t\x84\x86\xdb\xba`\xc4\xe3C\x91\xb1x$599\x19\xb1c$\xc8\xc5*\x0c\xd1\xee]\xb1\xfa\x88\xc5\x9f9r\xc3.\x83\x81VHHV\xc77\x0f\xb5\x87:7\xc2\xbcI\xc7\xda9/\xdf\x15\xefjk\x8fD\xfa\xec\xb8\x0cS\x11:\xc6|\xd1\xbfKX\xfft\x94tZ\\r\xb9\nV?\x9d-\x1a\x1f\x1b\x1b\x08[8H#B\xc75\x0f\x8d\xb5\xb6\x0e\xc5b6;\xac\xd8\x18\xc3p]S\xd2\xdd\xc3\xca\xad\xb5\x18 \xb3H\x92\xf1\xda\xa2\x91\xd6\xda\xb0\xc5\xc2\xd9i\x80\x8cEV\'\x97"Q\xde\xc6\xaaH\t,\x97]\xbe\xcd\xdd\xb1k\x89\xa5\x7ft8\x9d\xb9\xc35\x06\r\xa9\xc9\xc0\xb4\xda\xe8P\xa4}\xecRW3\xec\xbb\xb4\xb6\xd8\xd0\xd2\x08`y\xed\x8cJ"Q\xd1\\\xfb\xe9\xcd\xdd1k\x89\xc5\xb7\x1d\xce\xdc"k\xd8\xa8\xd1\x00\x16N\xd8\xf9f\x94\xee]\xcd\xbc\xc96\x11\xeb\x871\xe1eY\x0c#5*{\xfc\xbd\xb7\xff\xb1[F\xc5_\x95d\x1e\xcd\xb5\x0e@\x95@m\xcd*\x96\xb3\xdb\xf9X\xac\xd9\xc6y\xa3}\xb1\xa1x\xb3\xcd\xa6c\xb0t7\xb37Uv\xe8\x8et\xa7\xb9\x90\xcb\x15\xfe\xc7tIf\xa6;dm\x83*!\xc9 e\x0c\xab\xd4q&lt;\xcf{\xbd^[_l"\xeae\x05\x04rK\xa9H:\xbaZV\xb73OD\xbe\xbfw\x90\xfa\xfd\xfe\x03\x977}\x99i\xac\xe1\xb0\xd1\x90\xa1\xd1\x90\x18\x86\xeb\xec:\xbbW\xa7\xd5\xd9y\xbe\xcf\xa6\xa5p\x182R\xc54\xa7|eu\x07W\'\xe1&amp;q\xe7Z\x9a\xab\xbf\xb8s\xfb\xf6\xf4\xc5\xd4\xa5"\xb73\xd3\xedNZk\xc3\xae\x0c\t2\x1a\xc80\xd4\xb2O\x08q\x9d\xd6;\x11\xd5Q2\xe4-\xc3\xcc\xb1\x14\xba\xd3\x0f-/\xf7\x7f\xe1\xaf\xde\x19\x03\xa5X\xea\xff\xc3\xe1\xd9\x9e\x9ee\x83\xa1\xb2\xc8\xe9\xcc\xcc\ruZ\xad\x9d\x16\xc8\xae\x0ctc\x81\xe1\x18&amp;\xc31\x8a\x10\xd9\xbcBJ\x06\x99E\xd2p\xbb\xe8\x0b\xee\xadk4\xbe\xa2\xf8\xf5\xd7\x0f/\x8b_8\x17\xb2\x04\xfb\x7fo\xad\xb4\xc0\xe4[\x0e{\x8a\x9c\x99\xf5\xf5\xa1d(\xd99l\x94k2\xd2N$\x84\x85\xc9dP\xd71\ny\xeeHEsdi\xc4W~v\x9f\xde\xb3\xac\xf9\xe6\xe6\xd5\xbb\x8b\x83\x07\xa4/P2\xf8&amp;i\xf5\xe5\x87\x7f\xafG^\x06\xd7B\x8f\x07a9 \xb9\x92\xc9d\x08f#2#J\xd2NEd\xaba\x90\xeb@\x03\x0b9\x0fP\xc1`\xf9\xd9\xb2\xfd\xce6Wr\xf4\xe3+\x82\xf9\xadn\xe4\x85}1d\xf0E\xfes[_~8\xe3y%\xc3\xb0\x0cT=\xcf\xb0\x8a\x92!\xb7\xbb\x16\x8a\xaa\xfc\x99_\x04\x99\x8f2\x98\xb45\x8a\xd4\xd8\xfbS#\xc1\xaa\xaa\xf2\x8a\xb2\xfd%\xb9\xcb\xe1\x99\x9b\xdd\xe3:\xd1\xfc\xdc\xdd\xee\xea\x17\xc0\x05_\xe1?\xb58\x9e\x85-\xdd\xbf\xd6fp!*\x18E\xe8\xd4\xc7\x01I_\x1f\n\rW\xd6(4O}\xb9\x19\x1a\x89A\xc3@PI\x95\x82\x8b\xac\x8e\x04\x83U\xe5\xe5\x15\xfb\x0e\xbfvta\xe1\xfc\xcd\xcd9\xa5H\xa9\xcb\x9a\xbfp$\xedR\x17\xff\xa4&lt;\xaf\x1e\xbc\x9b erv\xf1\xfe5\xcf\xf23\xaa\x1e\xab\xd3\x81\xce9\xdd\xf5\xf5Ik\xa8\xb3\xad\xd2e@~W\x83\x1c9\x85\x19\x89J%WXP\xb6#\xaa\xf2\xbd\xfb\x0e\x96\x1c\xedAX\xdf\nE\x02B$\xc0\xa9\xc4\xad\xee\x9f\xe0Q\x17K\xc5\xd5\x83\x9f$0\x15\xa3\x92k\x8f\xdc\xbffEX\xb3i\xb5\x9c\x0e\x18\xa8F\xd4\'\x93\xf5\xf5\x00\xc6\xd5\xb8\\\xb0\xd5\x91\xc3\xde\xd0\xc4\xf1\x81x&lt;5\x19\xac:^\x8a\x9e~\x95\x1d,)\xf9\x0f\x16\xae\x04,\x8a\x9a\x9f;\x02[C\xe9\xff\x17?\xff\xe0\'\xf3BLF1rU\xd6\x83\xbf\xbe\xfahaa\x01\x98j=\xc3V\'\xeaK/F\x0f\xb9\xdcI\xd0,\xd4Y;\x1c\x0e\xb7\xb4Xj\xf8h\xbc\xbf\x7fiurr$\xd8[^Z\x9aW\n\xb9\xf5\x0e\xa8\xd5\x83\x82(\x14\x08pB$\xc40\x96 N\x8e/\x9ez\xfe\xea\x0f\x15\xa1\xfa\xd4\xady\x19EaP\xc4IL\xf4\xe0\xf3W?\xe8\t\xa7c\xe8\xf1t\xbaK\x8a\x0b\x0b\x0b\xd3dh8\xdc\xf5\x8d\x8d\xad\xed\xed\x11tB\x0cHp\x87\xd1\xdbt\x1c\xa0\xf2J\xf7T\x94\xd5\x95\xa4sk\x10\xb0D8\xa1\x14\xc0/\xc5\t\xa1P\x98\xb85\xe8\x7f\xbe\x82\x01\x19y\xecn\x02\xc7\t\x02\xd6\x10T\x8e\xa8+wff\xdc\xe8\x84\x0cE\x11\x9d\x17\xe8\x8b\xf5z\xbdZ_\x9cn\xe7w\x14;:\x1aR\xa9\xa5\x11\xd8-O\xfa|\xbe\xaa\xa6&lt;\xd4\x18\x9b]\nj\xed\xad{\xed;,\x91\x08\xc7\x05JX\x0c`\x9b/\x14*\x95\x89\xad\xa9\xe7\xe0\x02\xa5\x8e\x1d\x19\x87\xb2\x08\x0b\xaeL\x06T\xa4L\xf6m\xf7\x87\xa3\x1f\xf5\xb4\x01\xd6,\xc2*q\xe8\xd5\xea\x82\x02\xb5\x1a\xd0P\x9e9\x8a\xf5\xf9&gt;\x04\xf5\xe7\xde \xa4zSiv\x1eP\xe5e\xa3~\xca\xba\xfd\xce\x85\x85\x99\x9b\x83\xe3\x08\x8b\x12\x080BI\x01\x97@\xa8\xd4j\x13[\x83?2\x94\x10\xbf\x03\xe7\xe6\x84\x0c\x85\xa7W\\\n9\xae02\xf1\xf8\xea\xe8\xf9\xa2\r\x8fg\xb6\xd63\x8bN\xab\x0b\x01+\xa7 \x07&gt;\xd5\x10P\x87\xa3\xf0\xc4!\x9f\xaf\xf7w\xc7{\x01\n\xa8^\x82\x91]\x9a\x8d\xd4\xdaw\xb8q\xc13\xfaiw\x02\x82\x084\x02\x19&amp;\x14@\x14pB @`\xb7N\xfd\x98u\\,\xae\x9e\xbap\x92\xa2\x18\x02QQB\x82J\xaf*\xe4\x95\xcd\x1b3\x1fy6j\xadVO-\xc2*\xd6\xab\xd1\x89A\x0e\x8c\x02=p\x15\xaa\x0f\xbd]u&lt;\xaf\xa9\n\xa8\xb2_\xfa\r\xa2\xca~=\xfbu\x90k\xdf\xc1\xdc\x05\xf7\x9f&gt;\xed\x9e\x17\x8a\x942B\x94\x059!\x14\t\x81\x8bR\x8aDZmV\xdf\xe2\xb1\xff\xb5#C\x85jk^\xc72\xac\x10p`.\xe3\x18.\x93@ %\xe3\x7f\xfb|\xf4|n\xed\x80\xd5:;k-r;\n\xf5j \xca\xcf\xcf?\x94\xaf\x86\x1cS\x17&gt;:\xf3\xcb7^~\xb9\xa2\xe9;\xadJa\xbc^\x8e\x9a&lt;\x01\xeb\xabw?~\x90%\x80Y(\x14i\x01\x0b\x94\x12B\x820\x84@\xa4\xd4zO^?\xf7__\xd0\x80^&gt;\xb1\x98`\t\x96"\x90V\x90\x96\xf0\xc9&amp;\xe6\x08\x80\xcbz\xf0\xd9\x8d\xd1\xaf\x06\x06\xd6\x8a\xac\xa8\xdb-\xb3\xb8\x10\xd4B\\i,\xf5#\xb8N\xfc\xe2\xcd7*\x10\x15\xc2\x026\xd0\xaa\xa9b/\x14\xae\xd9\x85\x0f\xde\xfd\xfa\n%\x02\x8d\x84Y:\x94\xb0(\x98\xe9\xdf\r\x81\xd5j\xb5\xf3\x17\xa6\xfc?(\x98X|\xe0\xc8_\x94:\x16\xca\n\xc5&lt;\xa5\xa20I\xe2\xf1\xd4\x04\x8e3\xe4\x1c\xc8u-9\xb0\x06\xbbx\x84\x05r\x15\xe4\x9c\xc9\xc9\xcf\xc9?T\xa0&gt;\x01\x17\x8c3o\xfe\xfcg{\xf6d\xa7\xb1\xb2a\x1a\xeeAX\xa0\x96\xa7g\xf4\xb7\x0f\xb70\x91\x88\x02,\x16f\xe2S.\x02\xe5.\x08&amp;\xd0fi\xa3\xf7~\xe8U\x1b\xd2\xea\xee\x0b\'\x11\x94\x12\x02\x88SPZ@\xed\xf9\xad\xc7Wo|C38v\xf2\xf1\x9dQ\x90k-T\x84\x1a)\xdd\x99\x08+\x07a\xe5\xc3\x84\xfc7\x1b\xe7\x1f\xd3\xc6y\xc6q\xdb\xd8^\xea;\x9d;\xa7~\x9dp\'\xfb07Cn\xa1\xd5\x96\xf3\x95)H;A\xd7\\:\x94\xa5SP\xcfU\xa30\xb1EX.\x89\xd2`\x13EFIhI\xb4\r\xdaD\x8edh\xbaY@\x04\x13]g\xe4I\xc9b\x0531:\xe5\x0f\xbb\x13\xde\xd0\x10$J\xc6\x8f\x80\x02JH:\x12\x12\x84\xb2\xe79\x13\xad\xd2\xf6\n\xf1\xeb\x1f\x7f\xfc}\xbe\xcf\xf7y\x11\xef{\x95\xfa\xd1\xe6\xf7\xf0F\xc6~OA\xae\xf2\xdaZ\x8f~\xb2\xf9\xed\x1dh\xad\xcb)\x18&lt;\x00\xe3v\xe1\xdb\xc5\xcc\x81\x9a\xa2}\xcd\x16\xa7\xd5m\xf5\xd5\xdd\xfc\x7f\x8f\xda\x80\xfe\x83\xfay\xbdf\xb3\x17\xaf\x86\xda\xf0\x9d\xf8z\xeeN^\xb9\xb72\xad\x8c\x1d4\x82z\x1b\xe8\xae} \xd7\xc9\xbe\x8a&gt;\xc4\x82\x84\xd0\xcbX\x89\xe6\xd7\x8f\x82W\x83Z\x01\xcf\xfe\x82ZH\xe5y\xf7\xdd\x9f\x0eV\xfcy"&lt;s\x05\x1co\xd9\x02,\xb6\xa2\x17\\\x10\x18\xf026\x9b\xd9\xe9\x06\xc5\xdc5\xffS\xc9o\xe9\xf5s\xebTfX\xc6-\xb6\x9e\x8d\xe5\xb6\xc7\x8b9QQ\x12\xd3C\xeb[]F\xbb\xef\xe1\xbfo\x0fM\xfc\xb6\xb5\x02\xd7&gt;4\xd7\xf6\x17X\xdbw\xe2!p\xc0*-m\t\x94\x17\xd2\x01\xb0j\xf5s\xcd\'~\xf2C\xa8\xe12\xb8hda\xd8\xdam)\xda\xe42\x16\x99\xc0m\xf8\x08\t\x8b\xd3d\xc2J\xfe\xea~\xef7\xb7\x16\xb0!\xbe\xf8\xd7\x1a\xaf\xd7[\xe2u\x82\xaf\x8c\xf6\xee\x8d\xc9\xa5\xc5y^\x1cg\xc7U^L(\xd9\xd7\xedF\xe3\xd6\xe1\xd9\xc5\xa1\xf4\xfa?N67WT|\x07\xc6\x8f\x9e\xa8\xc0\x85E\xdc\x85\xc7\xe6\xab\xab\xab&lt;\x81r\x08\x88r\xa4\n\xe8b\xed\x19\xac\xb8&gt;\x1d\x9f\xefM\xd9,\xde\xdf\xdc\xea]\xee\xd6\x9b\xc9\x8c\x8dhG\xc3\x9b\xe0\x05m6\x00\xc3\xb0\xa8\xb9\x89=\xf9B\xa9\x9f]\xbe\xffK\x90\xca\xeb4y]EvSjat*\xc7\xab\x02Q\xa3,\xcf\xb3l$r\xbb\xef\x15\x08\n\xd3\xe4\xe5\\&amp;\xfb\xc9\'\xcd\xcd\xfb\xde|\xff\xad\xbd0}\x00\xab\xf2w;\x01k;\x18\x0b\x9d\x158s\xa6\xbc\xe5\xbf5\x04\xb1\xde&gt;{=\x1b\xa7\x9eLZ\xcd\xe6W\xb3\xccb\xefd\x8f\xcd\xe8r\xa1s\x8b\nu\x04\xc1p\x81\xc3\x9c\x10\x165w/\x17\xd2\x15\xc6\xdf_\xfe\x08H\xf8\xe1\xdabI\xddm[ZQ\xc4qU%DeEV\xe5yQ\x11\xc6\xfe\x86G_S\xb3SC\x99\xd5\xd6\x0f\x9b\x9b\xf14\x0bb\xe9z!\x16\x84Cui \x80\xffR\xd7\xa1`H{J\xf5\x12^\x9f\x88\x87\x9f]\xec\xb1YJ\xfa\x84\xf0xn\xea\xcaB\xca\xf6\x12\x0ekHz\xe37\xb8\xccN\xa7\xd3\xe2\xf6\xd5\xe9O\x991\x18\x8e\x8c\xde\xacC(\xaf\xd9f\xef\x1en[Z\xcc\xd1\xaa\xc2\n\xa0\x12\xaf\xaa\xa2H\x08\xcf\x8aQa\xfd\x95m\xdb\x8c\xb6\x85\xd9\x95\xcc\xd8\xfb\xc8u\x16\'5\x0ek\xf4\xd7\x0b.\xbcV\x03U\xd4W-^\x92\xc2\x12Nd\xc23\xbd\xc30\x08\xbf7\xc1e2\xe3\xca\xd8\xca\xd2\xe4\xb0\xf5%P\xca\xe22\x1a]\x90\xf4&amp;\xcb&amp;\x98\x19\x1fAPW\xf35\x08f\xf8\x1aL\x05\xe8f\x97}dntj\x9ed\xc2t\x14\xb0\x90K%@\x14\xe9\xbf\x06t\xe9\xbe\xef\x82IG\x9e\x82\xeb\xb3\'\x81\xeb\xa3\x1d\'v\xe0\xa0\xc6\x11\x04)\xf11\xe4\x96^FH\x88@m\xad\x8eUU\xda\xd2\xf2\xce\x9b\xab\x99\xf8L\xfb\x1c2|~\xdb\x91Q\xc7\xd3\xca\xd0\xd0\xbf\x1e?\x9c\xeb\xb1AD\x98qd[\x11\xccl\xd9\xc4r\xbb\xeb\xbe\xff\xd9\xe8\x11C\t:\xbd\xc4\xb5\x15\xa0\x16s\xd1\x8c,\xc4b\xac\xc2s\x9c@\xd8hTT"\x89D\xa2_\x14\xc5,\x96\xf1\xdb\xe8\xfa\xa1\xd5\xd6\xd6\xe6\xb7v\x9c8\x01;\x88BH\xc0h\xfc\x03\xc4\x16\xde\xf6A\xac\xc0\x99r\x0c-\x18C{&gt;Z\r\xc7\xe7\x1fMZ-N\xf3\xa9\xb1;\xc5~5\xcd\xf2\x9dI\xe5y~\xe5\xf1r\xcad\xb7\xe0\xd3\\t,\\\x80U\x08}w\xcd}\x83\x13#\xc1h\xd9\x18]\xa4U\x96\x07\x1a\x8ec\x15\x95\xa3iJ\x83tP\n`\x89\xe9\xc8\xbe\xadFxos\xb3\xb9\xf1\xb1\x1f\xb5\x9e&lt;{\xf6\xc4\xe9B\xf5*a\xfe\x1c\xfb\xf1\xe6}\x1f\x8c\x08O\xe0\x0c\n\xb6\xdf\xd3rh/h5\xff\xe8\xe1\x88\xc5T\xf2\xc1\x18OS\x92\xa8p\x9dI\x92\xc8\xe7\xc7\xd9\x07Sm\x1b&amp;;\xa6\x16\xe8ernb!\x17\x90u\x1b@&gt;[Q\xaam*\xc7\xd1Dde\x8e\xc81Q!\x1cM\xc9\xa2\xc8\x0b4-\x80\xe5E\x96\x1f\x9a&gt;\xe8\x82\x0e\xea\x862f\xb2\x1f\xb66\x03\xd6\xae\xc1\x9dz6\x1c;w\x0eo)\xbeW\xb8\xb5\xa5\x9f$\xf1x`PwT\xae\r\xc5\xef&lt;\xba\xd2cq\x9b\xea&amp;\x18\xb0\x02\xab\xa4\xa5\x98\xde(\x0b\x00\x00\x08\x89IDAT$\x97x\x9eW\xd8H\x02\xec\xdf6\xec+r\xc1~\xd0\xa4smb\xe1\xf2\x19@\xaa\xee\xb9{\x8biU\xa29V$\x12!1Q\x14h\x8d\xa82\xcd0taq\x02\x9f^\x7f\x196\x16\xaea\xec\xc6\x89\xd6\x93GO\x7f18\xb8kg\xa5~\xe8\xad\xaaJ\xbf\xa5X\x8d\xa6\xafB\x7fyZ\xf6wt\x0c\xae\xa5\xe3eOfS&amp;\x9f\xd5\xbd\xce\xc5\x00\x0b\xb4\'\x8c\x9a\x7f\x9e\x88D\x14\xe2O\x86\x11\xccb\x07.\xecB\xc4\x82\xaf\x90\xac\x10a\x06\xdb\x96\xd4\xc3\xa9\x9c\xc0\xf3\x9c&amp;\xf1\n\xcb\xc9$\xc6\xb2\xb2&amp;K\x14\xfcN\x80\xc5!\x1d\'\xa8 \x17\x8e\xf0\xe5\xde\\fh\xad\xf5\xe8\xe9w\x8e\x1f:w\xec\x18\x94\xf0\\uKmiU\xf5\xe6\x82n\x04\xcb\xc3\xe6\xf48P\x85\x9e\xf4\x0e[}&gt;\xd3\xa9iQ\x8c"\x18\xf4P\x14\xb1\x14\xd2\x99\xec\x14"\xca\x9d\xa9\xc9\x94\xdd\x05(z\x19q\'\x8d\xdf\x9b\xac\x06\xe7\xdd{+i\x81S\x11K\x10EY\x92cQ\x95\x96e\xcaA\xd1\x84\xc7\xc5P\xc0E\xa2\xec\xda\xcb^WIQ\xcf\xd3[txl\xef\xd1/\xf0\x0f\x89C\x87\xf6\x9c\x03*H\xf5@)\xcaT\x8a\xb7Xv\xef\xc6\xab\x19\x87\xd6\xc6\xe2\xc9g\xedsV\x9f\xdbyp\x82Uc\x1a\xd1\xbd\xda\x0f\xce\xcaGD\xae\xd3\x7f\r\xb4Kr\xb9\xa5\x85\x1e\x9b\xd7\x84&lt;\x9bd(\x97a\xf9\x1e\xbc{\x1e\xd5b$\xac"-\xc7TY#\x1a\xc38\x1c\xb4\x80`\x1c`\t\x90\xacc\xa7\\\xb0\xe7)\x1an\x7f\x16\x8eg\x8f\xfe\xfd\xf8\xa7\x1d\x1d\x1d\xd0n-\x9e\xf2\x03\x07\x1a\x0f\xec\x0e\xe8\xa7\xa6J\xe1\xa7\xc6\xfa\xfa\xc3-k\xd3\xf1\xe4\xcc\x91e\xb7\xcf\xe7~c\x9d\xcd\xf8\xb5\x98\xd8\xdf\xdf\xaf\xc8r\xfey&gt;\xa1\xb0\x92_f\xd3$\x19*\x0b++Ks\xdd6\xc0\xc2R\x16\xf0L&amp;\xc3\xd4m"\xf1,aY\x81\xf13\xbc\x82X\xb2Ld\x9a\x964\x87\x83\x01S\xf1\x84b85\x1aeI\xf6\xe7\xd0\x1f%\x96\x85\xf6\x99x|\xe2\xf7\x9f~y\xfe\xfc\xf9\xd7\xc0\xda\xe5xi\x05\xc10F\x03\xe5\xbfnh\xa8\xaf\x7f\xed\xe3l&lt;&gt;\xf3\xd5\xe4\x08R\xf5\xa59\xbf$C\xfd\xae\xc9\x1a\x055\xcc\xe7E\x15\xb0\x88\xe0\x0f\x85\x92~\x18"\x8b\xa3)\xbbE\xc7\xd1\x17\xc0\x19\x04\x89@*\x90\xb4\xc2\x03\x16\x81\xcf\x9c\xa6\x11\x19\xbc\xceq\xa0\x17\xc5\x00\xb0\xa6\xc1\x18\x829D\xd6KJ\xc0\x98\xddO\x1f\xdd\x89\x0bU_\xfe\tD9|~\xf7\xf9\x03\x8d\x97\x9a\x0e\x1fo\xb8\xd4\xd0\xd0\x08{\xf8\xc6\x86\xa6\xa6\xa6\xc3\xc7t\xaa\x87H\xe5\xfd|L\xf2\xfb\xa5\x98\xaa\xc6\xfc\x0eJ\xee\x87\x12&amp;"D\xf23\x1c\x13\n\x06CDT\x93\x9d\xb9\xc7s&gt;\xd8\xe7AGb\x05Q-I\x128\x81\xe6\xf8\x88\x08\xd6\x96E\x96\xa2(Yf\xd0\xe5\xd0\x89\xc0\xc5\xf1"\xafq*\xccH\x8eI\x9fry\xbd\x96m\xa9\xd9\'\x9d\xf1\xdb\xbb\xeb\xe1\xf5\xeb\xf5\xd5\xd4\x85\xebBSCc#\x9es\xebjj\xc9B\x8c~\xf5t\x04v+\xee\x0f\xb2R\xa7_\xd2$N\xf2;\x82\x1a\x9b\xc8GX\x99e\xfd\xa1\xa0#\x08X\xfeh4\x99\xe4\xd4\xc8T[\x0f$k\x81\xcbi\xb1\x1ah(\x14t\x9b\xacD\x08\xb0\x88\xbc\xa3L&amp;\x0c\xb0Q\xb4Lk\x94#\xc8\x80SUZ\x93$\x86\xf1\x87\xb2?\x00w\x99m\x1b\xed3\xe1\xf8\x83\xc3\xa8\x8b\xbe.\x0c\x0c\x0c\xdc\x18\x18\xe8jjh\xc0\xe3d\x9bT\x17{\xc0\xee\xd67&amp;2~X\x9a\xa4\x05C!J\x8d\xe4#\xb2\x83\x96ERV\x16*\x0b\x05C1\x95\t\xc5\xfc~V\xc9-\xdd5\x9b\x0bja\'nbIl\x04\x84\xd2XR\xac\xd1\x14\x96\x90\xa1h\x88\x06G\xb1\x83\xe6\xa1\x7fx"\xcb\x1c8d\xf5u\x9c^\xd6\xc9\xf6\xf9x\xf8A\xbd\x8e\xd4\x05 \x037`\x01\xcf\xa5K\x97.\x0c4\x05\xb2\x19\x88\xd1\xd9\x94\xd3\xe7\xf6\xbd\xba\xcaKI\xe4\x02mBA\xa2$"Bq1\xcd\x131x\xf5*\x90\x85br1\x13s\xc8*\x93y0\xb5&lt;b\xd1\r\x0f\xe1j`\nX\x0c\x89\x88\x8c\x83&amp;Z1MA~\n\x02M9\x80\x8e\n\x16S\xb4\x9e\xf3,\xf6d\xa7\xf0\x0b\xf8\x13\xc1b\x1byz\x0b\xec\xf5\xcfz\x1d\xabk@\xa7\xba1\x00el\xbap\xa1\xc93\x91\x89_}4;\xec\x04c\xb9\xfb\x86\xfc\x9d\xd0:\x92?X\x16*\x96\xc5D\x82\x14\x97\x951,\x91\xc9\x7f\x8a8\x7f\xd0\xb8\xad8\x8e\x1b\xd7\xf6\xe0\'\x1e\xe6\x15\xa9\xf0$\x8c|\x88\x13\x1c\x1dBxOK\x17\x8dZ2\x06\xde\x92\xa9\x83\x10*\xd9\xee&amp;A\xe9p\xa3\x96*p5\x1dL((C\x86K;\xf8\xd0A&lt;y\x08\xa5\x19\xae`0\xdcpq\x9a4\xee\x1fHR\x08\x81\x94B\xbf\xbfw\xc6y\xf6a\x1f\xf2\x9d&gt;\xfa~\x7f\xbf\xef\xfb\xe9\x06\x03kV\x16J\x97\x89\xd6Y0\x15\xfe\xe8\xf2\xed\xfd]\xfb\x1f\x9f\xdc\xed\r\xa4R@X\xc1h\x04,\x87\xa8h\xcb\x01\x97d\\qVP~a\xaf\xf6ie\xfa\xf4\xceg\x88\x96O\x1e\xff\xf6AMV_Z\xaa\xef\x9e\xac\xa9\xd6X\xdf\x7fq\xb6\x98&lt;{?\xb6T\xbd\x1f\xe7u]\x8bB\x88B\xc6\x85\xa9\x8e\x8e|\x11\xc7\xd2\xf1C\xee@\xaeY\\\xb2Rw\xdax\xbcV\x98\x84\xdf\x1c\xe3Fd\xc7\xaa\xc5&gt;b9\xc2\xd8\xa2\n\xecn\x13\x08+\x17\x13\xf8Ic\x8e\x8f\xc7&lt;*\xcfn\xe0\xde\xc8\xddz1~~\x02\x1b\xff\x00\xd7\x03B\xa2\x05,\xa2\x9aO\xa6\xef\xc7\xffac\xeb\xef\x7f}:\x15\xb84Y\x96\x80aU{\xd4:\xf1\x1a\x8b\x15IL\\\xb1\xec\x1a\xad\x82i\xed\r\x822\xbd8\xa6O*\xa8\x13y\xcd\x80e\x08+\x12L8RX./\x8c\x18\xea\x8a8\x05\xf5#2\x84\xc6U?\xaa\xff\xdd\xdbr{\xdb\x87o\xc7/\x87\xc3\xd7X\x17O\x9f^|\\\xdf\x10\x15\xc2\x1d\xb7\xcf}4a]+^\xe3\x14\x02T^\x8b`\x88-V\xe8s\x99\x18+\x97\xe9\x90\x1eZ\x07\xbe_\x0b&gt;z\x83\x8d\x1dX(yFX\x8a\'\xc0b\x90KJ\xaax`y\x1c\xbf\x1a\xa2\x82\x8f\x14\x18X\xa1\x1f:\x8f\x1e\xee\x1d\xb8\x9b\xdbH\tg8&lt;\x19\xe6\xf90\x9f\xe4\xf4\x9d\x0f\xf1|\xb1\x98\x94\x1f\xee\xbe\xa2\x0f\x17n\xdf&lt;\xabk\x06\x139\xf4\x8a\x8b\xa4\x85\x85\x8c\xb0\xd0E\xbe#\x8b\xaa\x98\xc5\x92w\r\xeaKc\xbe\x08\n\xa6\xd2G\xf4\xa1\xc0&amp;\xc5)\\\x8c\x10Q\xc0\xf2H,,f\xb1B\x07m(\xc8U\xe2\x02\x18W*\x08\x17Q\x8d\x94\xe8\xb9\xee\xee\xefH\t"\xc9\xaf\x96\x05[,rh\xf5\xaaO\xcb\xfd\x9c\xd5\xc8LR\x1bT\r,\x1c\xc0B($\xd7X]\x15\xc7,\xe9t\x81\xf8\x08\xfc\x8c\t\xed\xb5&lt;\xfa\xeb\x05%\xc4F\x88SG\x1e8H-\x07\n\x01\x86[,\xb8\x08G\xf1\xae\xb2(\x88\x8eS\xc8F\x9e*\xdf\xdd".\xb2\x11 \xcd5\x19 \x17)Q\xfdm\xeb\xaa\xffU$j\xda*$\x05\x14Q\xb5\x9e\x88\xa9\x9a\x04\xf7\xc2D\xa0\xd6\xf0\x80X%C\\\xfbJ(\xed\xb7u\xf5\xfa\xdeOH\xfb\x8d\x14\x17\xe3x\x18\xffF)R\x82\xc9+\xb9pg\xe1\xe1\x1d\xa5\xd5\xca\x8aFT\x1c\xc3t\xc0\x9d\x1f&gt;=\xe8\xed\x90\x8d"\xcf\xbbnx\xbd\x16\xa9\xa6\xed\x99\x1c\xec\xf7\x7f^!\xa8\nR\n\xfd\x06\xaav\xe4\xf3\xd8\x169F\x800a\xa5\xec\x8c\xe4\x9e)Km\x92\xcacL\xe94\xad\xfd\xa3\xcb\xf3&gt;L\\\xa2\xb2Y\xe2\x05\xfe\xd1\x80\x1b`\xc5\xd7X\xe4"\x8e]a\t\x8b\x85)#P\xf5\xe9\x9d\xbd\x9e\xbb\xef\xa2\x1b\xf3i\xd35M\xae\xe9K-\xd2\x93\xfc\xf9\xdd\xf3\xc3\x1e\xc6q\xf7\xdbS=\x9d\xe2\x95\x02p8-\xa6\x87A"c[\xf1\xd4\xd9\xb0\xa24\x15\xf2^\xa3\xd6\x94\x97</t>
        </is>
      </c>
      <c r="M292" s="3" t="n">
        <v>45492.67855324074</v>
      </c>
    </row>
    <row r="293">
      <c r="A293" t="n">
        <v>883908</v>
      </c>
      <c r="B293" t="n">
        <v>7314</v>
      </c>
      <c r="C293" t="inlineStr">
        <is>
          <t>Guilherme Romão</t>
        </is>
      </c>
      <c r="D293" t="inlineStr">
        <is>
          <t>G. Romão</t>
        </is>
      </c>
      <c r="E293" t="inlineStr">
        <is>
          <t>LE</t>
        </is>
      </c>
      <c r="F293" t="inlineStr">
        <is>
          <t>LAT</t>
        </is>
      </c>
      <c r="G293" t="inlineStr">
        <is>
          <t>LE</t>
        </is>
      </c>
      <c r="H293" t="n">
        <v>179</v>
      </c>
      <c r="I293" t="n">
        <v>6</v>
      </c>
      <c r="J293" s="2" t="n">
        <v>35709</v>
      </c>
      <c r="K293" t="inlineStr">
        <is>
          <t>Left</t>
        </is>
      </c>
      <c r="L293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9a6efd0-d901-4310-a189-8947f0f5a00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be\xb6\xd1\x00\x00\x03\x00PLTE\xff\xff\xff"$)\'(-\xff\xfe\xfe "\'\x1e\x1f%\x17\x19\x1e\x1a\x1b \x1c\x1e"%&amp;+)+0\x15\x17\x1b,/3\x18\x17\x16\x12\x10\x10\x1a\x1a\x1a\xfd\xfc\xfc\x88cH^J9\x16\x14\x12\x1e\x1d\x1cdM=\xfb\xfa\xfa\x89bBZF6\x1e\x18\x15kQ&gt;VB5\x87]&lt;eM6\x18\x1d%\x13\x12\x17\xa1uP226\x84^BmN4QA3\x1f\x1b\x17%\x1b\x16&amp;#!}[&gt;\xf8\xf6\xf7\'\x1f\x1b\x1b\x15\x0fYB/\x9amHx]E2%\x1bT=-\xf5\xf3\xf3\x0c\r\r\x13\x1f(:/&amp;\x8dfG\x9epN\x85fM\xa9zSsXFxXB}cN:+\x1f\x14\x1d#]D3\x12\r\x08\x94jHeH3oZL\xb5\x85]\xab\x80_\'($WG=\x92fCF6-sR;\x0e\x13\x153+#,\x1f\x14rRA\x82aIlJ/\x19\x1e\x1e.-0x^M.$#\xf1\xee\xef`H1C/",!\x1c\x8dcAwP3-*)\x11\x1a\x1dmWBjJ:kQF\x97mOoR:G5&amp;" \x1fdRFM9(\xbc\x8b]\xa4zU\xb1\x81X\xad~U\x98sRxX:`@(\xad\x85dY&gt;(\x80V7\x8chLsX=\xe6\xe3\xe4~]H\x0b\t\x05\xec\xe9\xe9\xdb\xd6\xd6\x97gAC+\x1aM?.\x1b\'%$\x1d)\xc3\x90c\xb9\x86U\x1f"!w`X\xa8{\\\x9bsW\xa1xZ\xa4rT\x19\x10\naG=[MBL:0\x0f \x1b#\x17\x0f\x7f_B\xcb\xc6\xc7yWG:$\x17=4,\x91m]A3(J?5\t\x1b!L3!\x82jY\xaf\xa9\xaa\xe0\xdd\xde\x9fqG\x89hV\xa8wMQLN\x0e\x15\x1b|iaxK*b]_A&gt;A\x1f.-QF978&lt;\xa2\x9d\x9e\x97\x92\x94\x82R,\x07\x1a\x16\xa5rI\x81`U\xc1\xbc\xbe\xca\x9ct\x8e\x87\x88p\\W\x1e\x11\x1f\x9ekBNB&lt;eB(\xd3\xcf\xd0qK9\xb3\x89d\x90b&lt;\x8cZ1\xeb;*\x91lO\x83}\x80YVW\x94ypoE2N\x13\x151#-dV&lt;\xc1\x97r\xf83+IFHyR?fYOU9!0\x15\x10\xa1\x8e\x8b\x88tf)\x14#\xc7\x96j@95wqs\xba\xb3\xb4lD(\x97vc\xce\xa1zmhh\xe8\xd7\xd6?\x1e!h\r\x12\xb5\x8fna\x18\x1d\xfc%\'\xba\x8fd^8\x1e\xde\xcc\xc9\xa1}b\x9f\r"\xad\x99\x97\x93oi=&amp;4\x98\x7fzo !\xa0tp\xc0\xa5\xa2\xa6\x87\x81\x8b`Pd@3\xe3@D\x13)#]*!\xee68\x81\x10\x1a]:7\x90\x11#{\x1e)\xa224\xf1\xe1\xe0q7+\xa7\x83o?\x12\x12\xcd\xb2\xaf\x8d\'3\xcdAG\xeb1&amp;O()\xdc15\xb1\x0b.t9;\xd7\xc1\xc0\xd3\xbb\xb7\xc1\x99\x8a\xb8=F\xc366\x98[IH\xc1&amp;\x06\x00\x00 \x00IDATx\xda\xdc\xd8\xddOSi\x1e\x07p\xb5\n\x9d\xe9\x9c\x1e\xa0\x87B\xc5.SJ{h\x8b-%\xbc\x96nyk\x95B\x81B+u\x8e\x80p\x80AX\\,C\xd1]\xa7)\xd0\xd1\x94\xb2\x8cf\x05\xb5C\xa8\xda&amp;\nuq\x11\x12\xe8\x05\x124\xbb\x91\x97h3!!\xe1\xc2\xb9\xd8\x8b\xbd\x98+\xaf\xe6j/\xf6\xf7\x1c\xf0?\xe0\xe0f\xbf\t=p\xc5\'\xdf\xe7w\x9e\xf3\x9c\x1e;\xf6\x7f\x1fN\x02\xca\xff\x94G(Th\xed\x83N\xa7\xd3\xaeU(\x14\xc2\x04\xce\xe77\t\xb5\x83\xce)\xd7\x82\x7f;\x14\x0eOn\xcf\xfa\xfd\x0b\xaeA\xc5\xe7\x85q\xc0\xe4\x9a\x9d\x0cE\xb6\xa6c\x81\x17\x9b\xc1\xc0\x9b\xe7\xd3\xd3[+\x93\x0b\x83P\xd9g\xa1q \tZ\xa7?\xb4\x12\x8b\xdezQ51\xb1z\x8a\xfbE\x83\xe4\xc3\x87\xaa\xbb/f\xc2\xdb\x0bS\xceA\xfb\xd1\xd38B\x85\x02\x9a\n\xc5\x02\x9b\x135\x14E:l\x7fK\xe7q\x8f\x9b\x94o\x1d\x0e\xd3\x93hl%\x12\x0em/8\xed\xc2#uq\xb4S~\xbf\x7f6\x1c\xdd\xac1\xa1\x90$\t,\xeb\x9f\xdc\xb4\xd2\xe1\xa0\xbez\xf2$\x18\x0c\x06b+\xa1Y\x97\xf6\x08]\tZ\x7f$\x16\x8b=?W\xe3P\xd2$\xa3R\xcae\xb4\xdbM\x926\xdb\xaa\xe9\xd1\xa3G_\xae~\xf8\x10\x88\xc6"\xb3S\x8a#S\t\xb5\xaePt3\xaf\xc6aq8d\x04\r\xa8\xb7o\xdf\xfe\xc3a\x03\x9em\xd5F\x12\xd6\x7f?\xfa\xaaau\xb5a=\x10X\t-\x1cM_0Uv\xd7dl\x93\xa2e"\x91\xc3\xa6\x84\xd0J(\xc9a\xa3L4m\xa3l4\xc6\xb3\x9e&lt;A\xfdYFK$T`&amp;\xecR\x1c\xc9\xfa9]\xae\xc9\xad E\x128.C(\xb9\x8ci\x8c\x86\xb5$\x08\xf8\xa41\x0c\xae$\x8d\x13&amp;\x93mbsf\xd2\xc9\xbe\x8b\xa3\x98\x9a\x0c\x85V\xd6)\xae\x15\xc7q\x91\x0cE$\x12\xe18A\xb8\xdd\x04\x80\xdc\xa4\x1b\xfe\xc0\t\x9a&amp;\xdc4MR\r\x9b[\x93.!\xebe\xd9\xfd\xb1@`]r2..\x0e\xda\x121\xc1P\xe2\xdd\\^z:\xceu\x03\x0b\xc8n\x08XM\x94-\x18\x9b\xb4\xb3_V(\xd0@\x92&amp;\xf7%^\x1c\xaa\x0b\x02}a\x98 \xdd\xca\xb5\xf2\xaa\xabyVn&lt;\x1e\x1f\xcf\xe3\x01\xcf]\x8d\xe34EQ\xeba\'\xfbK8#\xa1\t\x1c\xb3^\xe2\xf1x\xd0\xd1\xa7\xba\x04\x02X\xb9t~5\x86\xe3\xf1\xbcx.\x0e?\\k5\x8f\x87\x9f\xa0V\x83\x11\x17\x87\xed\xaef$$-\xe0cVk\x1cb\x89D*&amp;\x02\x81\x00\xc31\x01\x9f\x0fR\x1c\xc3\t\x0c\x1a\xb3Z\x7f\x8a\xe3\xa5\x9f\xfc\xe2Dpe\x81\xd5\x03\x8f\xd0\xb9\x1dk\xa0\x08\x92\xcf\'\xb8V\xab\x15gX^\xef\xbe\x0c\x16\x13pP\x1c\xc1\x8c\x1aA\xe0\xbf\xbf\xc4\x8d\xe3\xc5\xc7\x1f\x07\x16\x9bG\n\x8e\xd6\xbf\xb5n\xc21\xb8\xcfp\x1c\x8d&lt;\x06\x1a/b\xf9|r\xb9\x1cv\n4g"\x12C\xdd\x11\x04/\xeew\'\xb9\xf1q\xe9\xa7$\xb1Y\xa7V\xc8ZaB4\xee\x04\x1f\xfe%\xf4\x04\xbb\x80L\xe4U9,\x9f\xa2\xd1\xeb\xf5\x1a\x8dR\xaet(\x91Q)\xc3\xe0!\xc9=\x05\x93v2\x1a\x0e\xf9\xa7\xec,\xb98\xf6\xd9\xad\x06\x12\xe7\x83\x0bM8&amp;\x93\xfb|\x16\xfd\x9d\xf6\xf6\xcevHUfZZ\xe6\xed;yz}\x9e^c\x91;\x1cJ\x19\x83\xc7\xd21\xee\x93@t+\xec\xd7\xb2\xe2\x12\xda\x17\xc2\xeb4\xc3\x82\xd1\x16\xc8T*\xb9C\xdf~\xc3 N\xdeOss\xf3\xe9\xe4\xa4THf\x15\xd4\x064\x02\xad&amp;\xdc\x05n\x13%\t\xce\x84\xa6\xd8\xd8T\x85\x83\xb3\x91(E\xd3\xc0B\x11\x88|&gt;MS\x8eA|M\xad\x1e\x18\xd0\xe9tj\x08\xba46V\x14\x9fN\xcdio\x02\x97\x88\xb9E\x05\xb0{I\x1a\xd6#\xac\xec\xf5\xb0\x82\xf0t&amp;\x08l_\xa5\x82\xf5k7\xb4\x98{\xc7\x12\x13\xf3\x13S222R2\xce\xc0gbaa]]\x89\xbaV\x9c\xfd\xd7\xbf\x00\xcc\x070h\x173Q\x810\x1bm%LE6\xe1\x89\x8c1*\xd8\x07\xe4\x96\xeb9b\xb3\x0e4\xf9\xe7\xcb\xca\xceC\x86\xce/-\x9dIAIL\xac\x1b\xd3\x99\xcb\xaf\xb6_\xb7\xf8|*o)\xda\xccL\xd1\x903\x81\x85\x8d\xd4\x1f3a\x04\xcd\xe7\x97\xc2\xc4\x8bdd\xcd\xf5\xab\xe2kY\x19)\x17/.\x9d\x1f:\x8br\x7f~\x08\x02\xbe\xfc\xfc\x94\x8c\xac\xac,\xb3\xd4\x90\x83\\\xde\xd2R\x19M4D\xd9h\x8bc\x0f\xad\x932\x1cg\xa6JI\xd6LT!\x15b--\r\r\xcd\xcf\xcf\xdf\x7f\xfat\x9e\xc9\xd0\x10\x94\x97r&amp;#\xeb\x1b\xe9\xe9\xf2\x9c&amp;\xbdF\xee-\x15\x104\xf5$\xb6m?\xf4-\x953\xb8\xb2I\x12\x02A.\xac\x9f\xd2\x96W\xf5\xe2\x9c\xb8\xad\xb7\x97a\r\xcd\xdf\x87&lt;EaXKK\xd0\xd8\xc5\x94\x8co\xa4m-bCN\xa7\xde\xe7U\xc1y\xe7xpkAx\xf8\xac\x88\x84\x99v\xcc\xeb\xb54u\x1a\xc4\xd2z\xa9\x14\xb1R\xf2\xcb\n \xa3\xa3\x05\xa3\x05L\xce\x9e-+;\x8b\xfa\xfaco\x9b\xb4\xbe\xbc\xbc&lt;\xbb\xc9"\x97\x13q\xdc/\x03\xdb\xdaC_\xc5\xc1\xd0:\r\'\x84\\A\xa9W\xd3i(\x97J\xeb\xeb\x0fX=\xa3#\xa3\xa3\x88u\x90\xaf\x0bz\nz\xca\xf2S\xced]\x93J_\xbe\xacm\xc9\xd1\xcbE\x82\xdc\xf4S\xeb\xdb\x87~\xaa\xe7\xd8\xb7g(\x18\xad\xefJK}M\xa9b\xa4\xdag\xe5_\x1e\xf1\xa0\x1c\x98\x8a&lt;\x9eo\xbf\x86\xf4\x94]\x04V[\x9b\xf9\xf5x\xf1\x0fw\x94*~n\xf5\xa9\xc0\xac\xf6\x18\x0b,\x13\xce\xe3\xe7\x96z-U\xc9m\x8cj\x9f\xd53b\xec3\x1a=E`z\x08*\xe4\x82\xf4\\\xceO\xc9\xcaB\xaag\xcfZo;DX5\x8f\x1b\x98U\x1c&gt;k2@c\xe9|\x01_\xa5\xb9\xcd\xb0\xfe.m\x03V\xfe\xf2\xb0\xa7o\xb1\xb2\xbb\xfbJ\xd1\xc3\x87\x0f\x8b\x8a\x8a&lt;Fp\x8d\x8c\x8c\x0c/\xa7\x8ce\x99\xcd\xafu\xcf\x9eUd\xdadX\xf5Oq\xeb\xec\xb0`\xe4s1\x95Os#\xb9\xa5\xbc\xbe\xbe\\j\xd6\x8d%.\xa3\xb2\x16\xfb*+\xc1UTt\xe5Jw\xb7\xb1\xdb\x882\xd2\xd3\x9f\x01,\xf3\xeb\x81g\x15\x8fk\x80U\xcdc\x83\xa5\x9d\x8d\xd2\x18\xff;\xd8\xdekn$\x89\xe1\x06\xabo\xd3\r\xd4AW\xa0Z\xac\x84tC\xbe\xef\xae\xec\xae\\\\\xec\x83\xec\r/\'\x8e]\x03\xd6xc\xc5\xe3&lt;\x92\xa8\xae\xb6\x06\xfc\x87\xceJP\xf8ghLP\xaa\x92\xcb\xf57\x92@%\x96\x9a\xd5u\xfd={\x80\xda\xdd\x05\xd5\xf7(\xdd\xdf# \xe3\xfa8\x02\xac^\xf3K3\xc32\xb91\x9e\x9b\x05\x16j\x8b@Gd\xb9E\x9f\x89\xdaj\x81\xb2\n\x7f|g\\\xdc\xd9\xdd\xd9=P!\x18b}j\xab\xae\x17V\x11Xwk(\x93\x15\xa7\xd9`\xc1\xc3\x07\xce\xa5$\x9cF\x81\x95T\xder\xba\x18\xb1\xf6\xfa\x98\xb6vov\x1d\xb4\x05u\x81\xac\xcf\xe8\x19\x19\xbe\xdc_\xa7\x835\x1co\xedx&lt;A\xc1\x0b7\x19e\x83\x15\x0e\x92\xb8@&amp;\xd3X\xf2\xd2\x92\x0c\xe2\xd3\xc5\xe3j\xd4\xd6\xfe"vuu\x1d\xb4\xd5\xd5UY\x89&amp;~\x0fX\xcb\x89Y\xaf\x19\xd6\xb9\xcd\x1a\x13)#gX`)&amp;\xa3\x14\xa1\x12)\x1d\x96\xa6\xb4T\x83\xb8\xb9\xb1\xae\xae\xf0\xc1\xf2\xf0\x1eL|eW\xd7\'\x17\xfa\xa5\x12nE\x8f\x87a\xc1\xf1\x90a\xdd\x9d\xa8q\xc8m\xb1\x85\xc3\xff.B\xb8\xb0"A\xdf\xd0h4w\xd2R\xb3\xc5\xc5%\x85\x10\xd8\x1e&lt;F4\xe5\x07\xb0\xae\x9b7o\x02\x0b\xb9\x0eX\xe3\xe3\xb5\xad\x1d\xb7\xeeN\xe4\xd9\x1cy,&lt;\xaa\x8fq\x9c\x11\x89H.\xb7h4\xed\xa9i\xd9\xc9\xea\x92\x01\xa8\xab\x9f\xd9\xb5\x16\xbb\x10\x07@\xfbWX\xc6J\xa3g\xb4\xe0r\x7f!\xb0t\xb5\xad\xad\xb72\xab\xf2\xf4?\xdf\xfe\x85\x8dS3\xb0dr\xb9C\xa3\xefL5\x18\x92\x8b\x1b\xd5cu\x85\xb0\x88};\xbbk\x1bk\x1b\x10\x86v\x13]vw\x17\xfb\x8c\xdf\xf6,\x17\xd6\xa9\x19\x16\xacbU\xd3\xcf\xbf\xfe\x93\x8dS\xf3\xd4\x8aD)\x82w\x9d\xa6\x1b\xa9\xa9\xc0*V\x8f\x15\xf63\xac\x9d\xb5\xb5\x8d9\x08\xe3\xda\xd8\x98[\x9b\x9b[[\xdbY4z\x86\x1f\x14\x0e\xa8u\xb5\xb5\x15\xad\xb7\x1e\xdfng\x89\xe5\x8c\x04\x95\xa8\xac\xa6\x9c$`57\x03\x0b\xb9F\xfa\x16\xc15\xf7\xfe\xfd\xfb9(l\x83\x01\xae\x01k\xa7\xcf\xb8\xf7\xe3\x83\x92\x01\xc4\xaa\xe88\x97\xf9\x1bK,\xedd\xd4&amp;\xd7h\x9a\xdas\x0c\x86\x0b\xb0A\xa8K\xd0+\x18L~\xffp\xdf\xce\xbek\x0ePp\x01\xd3G\xc8\xde\xbb{%\x8djuqs\xc7\x9b7\xb7^T\xfd\xf6\xeb\xbf\xd8`\t]\x91M\x8b\x05\xd60\xfb\xea\x1f.\x94\xb7\xe9\x9a\x9b_%\xa1\xa4&amp;\xbd*y\xb7\xb3\xf6\x9e\xc9\xda\xfb\xff\xac\xed||\xf7\xe0\xde\xbd{\xd3\xd3\xd3\xcf;\x92\xa0\xd6\x8eW\xfb\xac\x1f~a\xe5\xfd\xd5\xbe\xfd\xc6\xe2\xd3\xb7\xe7d_\xbdP.\xd5\xa9\xc5\xd9\x9d\x9d7\xe0E\xbf\xb3\xf3\xbf\xb4\x9a\xefK\x1by\x1e\xc7\x0f\xfc\x0740\x97\x10\'\x102r\x8c0\xd1\x116\xbfL\x18\x92(\xd1p\xc6\x81p\x93\xcb@~\x92\x98\xc4\xa4\x19\xa3XG\xe8\x11c1r\xae9]\x92^\r\x98\x07e74K\xc3n\x9aF\xdcS\xf0@Sea\xc3Q(\xd4\x8aE\xf0\x07\x1c\xf4A[\xfa\xa0p\xdb\xc2\xdeg\xd2\x1e\xf7\x0fd\xbe\x0f\xc4&lt;{\xf1\xfe\xbc\xbf\x9f\x1f\xdf\xf94\x99\xb5\xb3/\x81\xfc\'H\xb5&lt;i\xb7\x10\x04\xd9+\xb3\xd9V\xc3aB\x02TG\xff\xc8\xae~x\xbd\'\xca\xfc\nr}5a\n\xf7\x11\x04\xe3\r\x0c\xe8\x8c\x8a0\x9f\x1b\xcc\x99x\x9eob\xfe\'`\xf4\x7f\xb5\xbd~6\x13\xb7$\xf3|.\xe7\nn\xba\x82a\x92\x90@\x10\x8fB?\x8a\x85\xd55\xfb\xdd\xe6\x84iQ\x06X\n\xafC\xb7\xa1\xf30$\t\xda%\x19:\xee\xd6\xbf\x00g\xfd\xfc\xf3\x8b\x17\xb7\xa6\xa5q:\xd9\xcc\xf3\xae0I\xbe\xa6(\x8a\x90\x01W5\xf4\xfa\xc3\x8d8X\xbf\x9b\xff\x8c%#\x18\x06\xcc\x95\x9a\xd4\x19\x8d`\xfbTjM\x856\x1e\x8e\xc0-\x14\x12\xd6(`a\xd0\xf7(&lt;Vg%\xbd\xee\xbd\xa1\x18\xc4W\xad\xfa^\xff\xfb?\x17\xcfD\xc1\xfa\xd3\xbd\xec`\x1b\x8b \x92\x04C\xe3\xba\xcf\\\x03\x02V1:\x05\x99\xf4\xc5T4b\x96\xae\xc5S\x03Fc\xa1p\xf2jck\xdd\xee\xb5P"c\xfdR5A\x8e\x07\xac$I\xc9\xa1\xf6\xe8\x9cr\xb9\xc1\x13H\xd9Y\xf4~,&amp;\x94\xc5\xa8^\xed\xc6\xe3\xf1\xb8\x90\x17\x0c\xceJ\xa5277\xecMJ\xacV\x9f\x10DQ\xb0\xba\xe7\xef\x85&amp;\x04,p\x14i1\x0cx\xe5N\x03\x11\x96!\x9e\x01;]B\x17\xee\xeb\xa1\x91\xd7k5h\x1c\xfaV\xa3\xd3#\xf7Y\xad\x1e\xb9\xd7&gt;\x1c`$\xf0\xef\xca\x87\xd7\xafD\xf1\xd6\xd0\xe3G\xab\x7fu\x91\x82Z\x94D!\xa1H\x8a\x0c\x9a&amp;\x06%V\x8f\xa3\xce\xb2\xe8\xd8\x0f\xc5\x98^kFY\xd6\xee\x98[\xf7\x85\xe1&amp;\x06\t*a\xc1\x14\x8c$d\xad\xae\xf0\x1fN\xc4\xc0\xfa\xfd\xdf\xcf\xab\xabOy\x92b(J\x82H\xc8|&gt;\xdc;8&gt;\xf8\xcd\xf6^\xc1`\xa7[%\x0e\x02\xa9\xd7\xba\xb9\xfd\xd6M}\xfdUa\xc5\xc5\x07]d\xb2\x99\x00\xf7\x1f\x84\xacG6&gt;/\n\xd6\xd0/\xdb!$\x9fK\x02\x16\x83 T\x9e\x0fK\xd2\x9b\xe3\x13?^\x9c_\x14\xe6\xeat\x89\xdbQGG\xef\xba\xd9\xd6\xfe\xbe\xa3ru\x95v\xe5\xc6{\x89&lt;\xdfd\x18\xc5\xc1\x91\xf5\xa8\xd7E\x88\x92 \xe6\x8f\x8fBV\x82O$\x12P\x11\x11\x82\x9fpY\xb7\xb3\xa6?\x8c\x9f\x1c\xef\x15\x86\xc1]\\Y=2\xb2d\x06\xacCGe\xef\xc2\x97{:\x1e\x92\xf19\xbe\x99\x84\x84\nXad\xefe\xe7\xbb\xd3\xee\xaf\xf7V\x10C\xa2)`y=r"\x9f\xcbI\xac\xe9\xec\x83P\xd5*W\xd0\xadV\xab\xb4s\x7f\xe4\xc9\xa8\x9f\xdb\xdf\xaf\'n\x0c\x15_\xefJ\xda(o\xf2\xf9f2I\x84\xac\xd6,e\x10\x01\xabk\xe8&lt;\x8d\x18\xb6\xea\xb5Z"Q\xc3Rr\x86\x913H\xe1\xe4\xc4\x1aB\x10\x18\x199\xae\\\xde\xb9\x1f\x1b\x89*\xc1\xf2\x87\x877^\xaf\xc1Y8)\x18\xb1D\x8d\xae\xd5\x18\xc4j\x95{\xe7\xf6~\x15\xe1\xc5\xe68\r\x8d\xc2d\xadvz\nX\xa9\x80\xc2\x82\xa5t\xc6\x82\x07Q(h\x9a-\xc3\xd9\xf9\xe1\xa1&gt;\x06\xe6\xda\xc7\xec\xf4\x8d\xc5\xe1,\x14\x8c\xc68\xcb\xb24\r\xd3\x9b\xd5\xe7\xd0\x9d\xbd\xef\xf8\x17\x83\xee\xf9\x0b\xe7\xd6\xbbw\xf8)`%\xe8\xd4\xc0\xc00\x8e\xe3\x18\x96P\x04\xecv\x96-\xef\x08\xa7!\xa4\x88F\xa9\xc4\xc6\xf1\x9aW\xa1\x90;\xd6\xe7p\x1c\xe5X\x1a\x93\x1b\x0c\xeb\xeb[g\x97o:\xed\xf9\xee\xd9+\xa7qc\xf7\xf0\x0b\x16\xf4\xf13Ri\xcf\xcc\xda\xda\x1a\x8es\x1c \xed\xec\x80\\\xc5\xa8\xbeQ.\xb1\\&lt;\x9e\x1a\x1e\x1e6N^k4\x1a\xe0\xaa{\x1dN\xe7\xdc\xb5\xff\xf9\xcbNG\xb1k\xf6\xd88p\xa8\xe2Z\xa7\xa7\x90\x8a\xb0\xb8twZ8\xbb\x1a\xa9\xbb\x81\xb6\xb5\xfa\x1c\xc5\xe2B\xb9\x04)Lx\xa7\xef\xd9\xcdd\xb4Z\xb5\x9b\xc3 s\x19&lt;\n;\x9e\xe9\xb8\\\xdd\x80\x95\xa2Y\xc0j6\x935:.\xf5\xb7\xb1\xa6\xb5Z\xa5R\xdd\x00\xa5\xc0\\\x8d\x1f\x1e\x16\x1f\x82Z\xa5\x12\xea\xd6hfv\xfd\x99\xbb\x91\x88\xd2\x8c\x0bX\x9e\x03\x86.\xb9\x9fw\xfa.\nj\x05\x12-\xf6\x0b\x16\'\xf5G\x94@\xa5\x8c\xc4b\xca\x85\x1d )\x95\xcb\x0b`\xf9\xe2\xc2N\xb9T\xe6\xc6\xfc\x99\xcc\xf4tF\x19\xd1G\xd4(\x0b\\\x1e\x85\x05*\xc1\xd2\xc7\x0e\xbf\x81\x0bja\xa75\xb6\x958\x05,\x8c\x1b\xd3\xb6\x9fH\x81*\xa2l\x0b$\xc4\xb0\x18\x8b\xc6\xee\x0b\xbf8\xb7vii)\x93Y\x8e\xc4\xf4\x9f\xb1\xe4r;\xdbz\xab\xbe|\xd3\xdd\xe9$\xff\x05+\x91L\xd4X\xd4\xac\x14\xde\xfeb\xc2\x13\xa0r\x0cE\x05\xc3/\x14\xa3\xd1\x91\x11\xfd\x02\x07j\xb9\xfd\xcbK0\xf0G"\x91\xa2\x80\x85\xd5\x1d\xf6u\xee\xed\xdb\xdf&gt;=\xeb\xeep\xde:/`\x89\x16GC\x96O\xd0\xa0\x86^`\x88\xc6\xf4\x11\xa5\xda\xed6\xfb\xcdcc\xfa\x17\xc2\xf8\xfaD\xdb@\x1b\xee1\xbf\xb6\xfd\xd2;\xaa/\xaa\x1bp\x15\xed\x0e\xc7\xb5\xaaT\x12\x01\xeb^!`\xa1\xd7X\xa0\x02k\x99\x95\xed\xaeo$\xa6\xd4\x82V\xe6\xe5\xd1\xb3\xe5\xe5\'0c\xc0\xec\xb3\xa4\xd6j\xb5~\xbf\x1f\xb0n\xdd\x1a\x85\xa6b\x0c=\x04*\xc7\xf5\xb5\x18X\xfd\xdf\x9f80l\xcd~\n1\xc4P\xb5\xd0$\xdf\xb9\x03!C!\x1b\xf8\xcf\xce2\xd3\xcbK\xcf\x85\xc9\xe7ID\x1bY\xce\xf8\xcd\xfe\x8c\xc0\xf5\x05\xcb\xe1\x90\xcb+\x93\xfb\xeco\x9f:\xed\xad\xae\xc7\x17\x06\x0cK\x05\xa0\xf2&amp;0\xb0V\xec/0S\x8c\xdc\xe7J,\xaa\xea\xe9\xc1i\x90P;:\xba\x14\xd1\xba\xd11\xb3Y\xe3\xd6\x98\xfd\xcb\xff\xc7\xf2\xc8\x11\xe3\x00\x86/\xbf\xef\xf8\xd7\xa8\xf9\xf3\xb4!`\xb1\xe4\x01\xcb\x8e\xa3\x0b\xc5\x91\xa9;SJH\r\xa8t\xcdnI$\x93\xcd\x16\'\xdd\xdd\xd5\x08\t\xb7\xc5\xa2\xd2\x1eU\x8f\x1f\xdc\xa5\xd7k\xa5xJ~p \xf10\x81\x99O\xcf:\xdeC\x0c}\xbd\x87P0\x00\xc2\xdc\x83\xb1\xdc\xc2\xc3\xe8\xd4T\xb1Q\xe6P\xcd\xcc\x1a\xd0\x06\xd6\xe70V(\xcc\x1cG\x03\x96jfF\xa5\xd2,\x8fF\xef\xaa\xc7\xa4k\x02\x96\x0caX\xff\xfb\xf9\x8e\x7f\xe9\xec\x9e=\xf7Q\x12"\xb8HPL\x8bm\xa8\x95z-*P\xf5\xc0pc08\x8dN,\x85\xdbi\x16\x9f\xc4i;&gt;9339\xa7\xd2\xdc]\x82{)\xc5\x03 \x16\xc9\xd4\xf0w/E\xd80\xeb\x7f|\xbc\x9d\xb6\xda\xc6\xfbdT\xadTn\xf8\xdd\x1c\xcbifz\x86\x87\xe7\x8cN\xa7o\x85l*\x06R\x0c\xd4KlXx(\xdc\xd2\xe9\xae\xa1\x16\xf8Q\x1cOA\xf1\xa1\x92\xfb\xf8\xbb\xf7oD\xe8\x9a\xbb\x86n\xdf;&gt;\xbe\xc8\xf6\xc9\x88Z\xab\x8cjX:\xbe\xbb\xa1\x8b;\x0c\x06\x1f"#\xf3&lt;O\xc8\x99&lt;\x9fO\x12\n\x8fa\xdd\xa8\xablm\xa9\x0eU=\xaax\x00\x92\xbc"\xb1\x7f}\xf5\xf1M\xbf\x18\x1b-\xdd\xfd\xb3\xb7\x1f\x7f\xbfm\xb3\x91P\x1c\xb98\x8dMnM\x82\xad,0\x98\xb9\\\xae\x1c\xbf(\xe9\xe5s\xb9|8OJ\xe4\x06\xa7\xb3\xb2\xb1\xa1\xaa\x1f\nZ)\xbc\xde\xfa\xc6\xa7\x97\xf3b-{vu\xf7\xdf\xfe)k#\x935\x96\xad%\x14\x03\x06\n\xc62\xe1\xac\xae\xae\x06\x83\x8b\xb2\xde\xb0\x8b\x07\xc0&lt;I!0oW6\xb6\xect*\xc0(\xb0z}\xeb\xf2\xd9\x90\x88+\xa8\xdd\xb3\x8f\xb2\xd9\xbed\x82\xa6\x9bI\x8a"]&lt;\x9f\'d+H\xe8\xe8(\xd4&gt;\x88D"#{{I\xb8\xaf\x94\xbc\xb21\x9c\x08\x04`R\xaa\xcf]=\xeb\x17s\x85\xabk\xfe;\x9b\xad7\x99\xa4-\xe1p\xde\x05\xda\xe4%&gt;\x9f\xb5\x9a\xde\x16N:\xdd\xfe\xe3\xb4"\xb2^\x18oIo\xc5C)\x0e\x18\x86\xf1n]\x8a\xb5\xf8\xf3\xbf\x9e\xfe[\xdb8\x0c\xcb\x0c\x13t\x99\x06\x07]\xab\x12\xc4&amp;\tU\xab\x02\x0f\x10\xa5\x0b\xdb\x95t\xbab\xf5\xf9d\x80L\x92\xb2,\x1c\x89\xc4\xfb\xeaWq\x97O!\x88\x9b&amp;\x10*Il\x02\x95\xb0\x8e\x14\x0c\xf6e\x8f\x8e\xaa\xe9j\xfb\xa4\xd3\xd5\xb4oeE\xb6"\x0b\x83\x96|\xf8\x81-{\xf0\x80\xb8y\xf5\xb2_l\xac\xbf\x99\x82AW~qs\xf0\xcf\x83&amp;S\xee\xa9\x0b\xf1U\x05\xa9\x04\xa26U\xda\x17\xb2\xad\x8e\x8f\x8f\xf7\xf5\xe5r\xa6\xc5\x07`\xc50y"6\xd6\xfc\xb7\xdf\xfc\xf1+\xc8\x07A\x01ks\xd3\xf4\x14\xb9\xb8:\xff\xf8\xf1\xf2\xfd\xf9\xf1\xa3\x8bG\xe7\x97\x97\xff\xe5\xe5\xecb\xd2\xda\x93\x00~A\xdd+~P=\x88"\xa7\x8d\xc1\x1e@\x81\x8a\x12\x1a\x83\x1aQ\x13Oi\x11\xb6\x82_1\xc0\x8a\xfa\xd4\xa4\xebw.mR_D\xe27\xe4VcL\xa3\x17\xeb\x83M\xbb\xe1\xea\x93_iR{\xab\x8d\x9a\xa6\xd6\x98\xacQS?j\xd2X]\xad\x9a\xdcX\xfb\xb0;\x03\x9b\xec\xc3\xbe\xdc\x8f\xc2\xc0\xe1\x1c\xde~\xcc\xcc\x7f\xfe3\x87\x99\x03W\x1bs\xf3U\xca\x82\xd2\xac\x92\xae,\xa7\xcb\xed\xd68\xab\xe7\xd7\xfc\xdb\t\x1e\x94\xb6\xe4\x91\xc8\x95\xca,\xa5R+Wjp\xcd\x19\xde\xef\xac\xad],\xaf-/\xaf\xad-\x1f\xc1\xf9\xe2\xe2t\xee\x11\xadY\xf0\xd8\xb2\xb2\x94\xdd.\x972K3\xdf\xe4\xe7\x06\xf5\xe4\x8e\x01\xb1X\xab-\xd5v+\x95N\x07i\xe7r\xb9\x96\xd1\xb9\xd3\xb5\xa3\xe5\xa3\xc6\xa3\xa3\xb44\xe0\xba8\xddx\xf4\x92\xf6\xd0\xad\x94\x13\xe8\xbb\xbb\xb5\xa5\xca\xf9&gt;\xbf.D\xbc\r\xbeX\x1e#\x96\xc4K\xbaA4\x0e\x9e\xddn\xd6\x8d\xf6l\xee\x9e^,\x1f\x1d-//\x7f\xdd\xd9\x98\x9ao\xaej\xad\xaa\x02\xa7r\x82J\x8dZ\xa3H9Q\xe7\xe7.\xf0\xa8\xba\x11\x01\xb6\x98\n\x8dZ%`\x91&gt;\xaa\x9eM\xf00\xf0\xab\x9d\x8d\xdd\xa9MX\x00\x16\xa4\xa2m\x80%\x11\x95JD\xae\xb9F\x7fc\x15\xf5\x0e%Dr\xd8B\tpi(;\x97\xaf3\xf4l\xef\xeenoN\xbd\x7f?55\xb5\t\xe7\xcdQ\x0b\xdf\xc2\xb5\x93\x88%\x8a\x87\xd7@o\x91\x9f\xb1\x82\x92;&amp;C\xc3\x15\nN\xbcX\xabt\x02\x96\x19\xd4\x05X\xbb\xdb\x88\xb4\r\xf2\xf9s\x8f\xcel\xe6\xf3\xb9$\xda0&gt;&gt;^\x1a3\xf8\xed\xbbk\xfeO]}\x13\x85\x1c\x85\x82\xcd\x11\xa1\xbax\x16\xbeY\xd7\xd9\xbf\xb9\xfdy\xfb\r\xc8\x14`\xbd\xe9\xa9\x1f\x9f\x1e\x1f7\x17\xa7fi\xe5\x12i\x8b\x94c\\\x0cDgz\xef\x0b\x8eB\xadVK%\xda\xac\x92T\x8bJ\xd5Y?\xda\xdf\xb3\xb9\xd9\xd3\x83`oz&gt;\xe8g\xc7\xc7oB~_\x9d%/\x95H\xd9\x9c\x04\xc1\xd3:\xbf\xcf=\x04\xc5\x8e\r\n\xd9\xea\x86\x06u\x9b&lt;\xab\xa4\x9a\x80\x0c\xa6\xd3\x80\xff\x0c\xf4\xf7\xf7\xa0\xf4\x7f\xa8\x9f\x05\xaa\x8a\xdc\xbb\xd5N\xb9D\x18\xc9NHx\xf1\xb8\xf1\xbb\xef\xfco\xc5EI\x8b\xbaA\xdd -\xc8*\xb1\xca\x08\xbeI\xa5\xe2g\xa7B\x8e\xc5\xe5\xda\xc1\xa9t\x9dP\xac\xea\xf8\xc5\xb2T\x8d\\(\x8cLH\x08\x9f\\*\n\x00V\xe3\x84\x16\xb0@]"\xb9\xd2Z\xcd\xe3\xab\x00K\x06Is\x17\xc8\x0f\x90\x02\xaa`\x1d\xf2!\xb7\xa14\x12)\x87\xcdNx\xf0\xb6#\x00XAE#\x0bR4b\x0b\xa8\xcbZ\x9d\x8a\xbd\x1a\x06\x83\x89O\x96tu\x95@ \xb3\x18\xf2\xf2,U\x04I\xb9\x94\xf1\x1c\x8e\x82\xfd\x17\xc1\xc4XZ\x00\xb0\xd2\x1e\xd3"\xb4bKK\x9b\xdcJ\xf1\x08\xae\xc9\x90\xf903\xf3\x19\xa1q\x10\x96\xbc\xe6\x87\xa3\x90\x08V\x11\x14\xe50"\x96\xe2\xc1\xd0\xd3\xb1\x00\x8c\xd4\x04%\xf7\xbe\x94\xb7\xb5\xa8\xd9lu\x8bD\xe9\xa2\t\xae*%\x13\xff\x9d\xce\xe3r\r\x0f\xfbA\x1ef\xe6qI\x87F)\x02\xa8\x06Ny\xeb\\S@\xb0\x96\x9a5\xf26\x05\x08[\xa8\xd5\xb8y\x84)\xc5\x800y\xb0(3\xfb\xa1@\xcc4\x98\x08\x88\xf0\xf2xvC\x83"\xa6\xbbj\xce\xffa\xcb\x8b\xf5\x88\xb4\xca9\np/)\xa8\x8b"\xabL\xaa\xccLC\x9e\x85\x00{\xaa:U)*&gt;Ai\x94\xd8\x9e\xdb\xa0\xb8T\xeez\x19(m=\xa2\x1dN1X\x08bj)\xec\xd74A\xf0\xb1\xe4!y&lt;\x82\xc8\xce\xe6\x12&lt;\xa0*\x15I\x01\xebV\xfe\x82\xc72\xb7\x16\x08\xac\xb4\xdef\x9ar-\x00\x17\xf8\xbd\x14\xb7 \x87\xc6fuj4\x0e\n\xfc\xdcj\x85\xa2\x11\xa8\x84\xd2\x16l\xb2.t\xd1U\xef\x03\x84\xf5\x8c$\xdd\x9e\xc2\x186\x06/\xa1H\xa2\xd5jaS\x86\x0fH\xc1\x94(\xddJ\xa3\x10"V\x8b\x9a#^\x80t\xf0\xfdE@\xb06\xf2H\x92\xf6,\x18!z\xa9\xd5\x9c\x16\xa9D"1\x8a%\x12|\x1b\x8dZ\xad\xd1X.\x8e\x01*6n\x9b\x885u\x11\x88\xb8U\xe4\xc3\xf2tK\xd0L\x80\x06\xc9Ke\x0cN\xb3@~XY)\xae\xc4\xa9\xa9\x04\xb6\x82\xdd"\xd2.\xb8&lt;nz\xfek`\xb0\xaa\xa0\x9e\xf7\xd0\x1e\xad\xa8\xcd\xbb\x0bq8\xecK\xe1\xe1\t\xb7`\xa3\x89\x8c\x8cL\xc0k\xf8\xa2`\xb7\x19\xa1\xc0\xf0\xb8&lt;\x8f\x02\xb3\'\xce\xd9I\x9e\xc3E\xd3\x0e\xad\x08w\xa1\x06\x05 \x00\x08\x04\xb2[p\xf2\x1e\x18\xd4\xe2\xe5\x1a\x17`\xb9\xdd\xcd\x1b\x01Hl\xd2\xc6\xa6\xb88\xd2\xe3\xa6=\xb0\xe0|\\\x88\x85\xf1Uq\xeb\x96\x17\xcb\x1bj\x8d\x1a\x97\x87\x82:\x91\xca\x9b[\x8b\xf5{\xd4j\x9a\xb2p)\x1be#i\xda\xed\xea\xf6)\x0c\xfc\x1bT\xe6\r\xfc&gt;&gt;v\xbcX\t\xdeN\x83g\xb9]\xe4\xe8\x8e\xbfK\x8c\xd8\xe5\xdd/\x9fd\x94\xcd\x06{4A\xd3\x107\x8d"\x9c\xb8\xc3E\xe9U\x1cb\xb1\xa5"c7,A;M\xba\xddnW\xaae\xfb\xd4\xcfwl\x80\xea\xf8\xe3\x8f6\x97MF\xe0\x04\x14i\xd3tk!7\x16yG\xdcpar\x841\x10/\xb4P\xda\xd2\xb4\xddNR\x94\xdbM\x9ag7\xfd\xca\x15u\xb4\xf3eu\x0b\xb0l6\x1e\xee6\xe0c6\x87\xc6\x89\x95\x7fAAA)\x0e\xb5I\x8c\xde\xba\xd6\x01;\x11`\xf1\xc0\xdcn\xde\xde\xf1\x97\xed\xaf\xfe\xbb\x95\x14\xd5x\xfa\xef\xc3\xd5\xd5\x8f\xbfT\xdbl\xb2b\x82\x87=x\xe8f\x80\xa6q\x96\xc0\xf6\xe3\x04\xa4\x05X~\x14\x99Mp\xb9\x80\xf5\x89\x04,r\xefx\xebp{-\xcd?\xfa\x8aJn\xfc\xba}v\xb8\x02XV\xab\x15\xb9\xf8&amp;\x13&amp;\xc7^!)\xd4\x1d\x85\x01\xc1M\x92\x04\x94\xb5\xfc*.\xaa\x8b\xa2\x08\xf3\x97\xad\x95\xb3\xdd\x8b\xc6\xe4\xd8o&gt;\xa5\x88O3\xd8\xd9&gt;&lt;\\A\xac\x1f\xad\x98-s\xf3\x0cy\xc0\x85\xb6D\x93f\xfb\xae\xe8Vp\xba\\3\xbf\xc2\x04\x95\xb5\xdd\x9e-\xa3d{\xc7\x87\x07gg\x9b\x1b\x1dMu\x8di\xdf\xf2!\x16Q\xb1uOF\x9e}9\xdc?\xd8_\x01\xd7J\xfdt75\x95\x04\xacf\xe0"\x88\xe2+\xde\xbb\xdc\xb9 \xf0\xc9\xbf\x92\x9b\xcb7\xd5\xeat\x96V^\xf6\xde\xf1tnq\xf1\xf1\xfe\xfa\xfa\xc11991\xd2\xfb\xa4\t\x94\xf6m\xc0\x82p6qp\xc01\xb3r\xb0\x0eX\xd5\xf0\xfb\xf7\x10\xcb\x94g0\xa8L&amp;&gt;\x8a\x99o6\x9b\xc7\xb1\x16\xd3U@\x9a\x9a\x92\x92\xa1\xb3\x00\xf1\xf4\xf4\xf1_ss\xb7\x10k\xb5\xab|\xf8\xc5\xc0\xe0\xc4\xe3\x8e\xbaop3&lt;((*\xb9oiq(\xac\\~\x02X\x07+\x1fS\xa9\xec\xbd\xdcl\x19\x8f\x8b%\x8f!\x05\n2\xc8H\x81\x06\x8a\xe9\x8c\x8c\xce\x8c\x0c]mF}f}Jg\'\xbf\x950OOO_\xfdy\xeb\xe0\xfc|\x1d\xb0\xc2\x98,\xc1\x8b\xc9\xc5\xc7O\xfa\xfe,XP,8\xd5\xc8\xc0\x90 \xec\xb6\xf4d\x05~\xf5\xca\xc7\xbbT\xb1\xd9\xcc\xbd\xc2\x85\xd4\xdd\xd7\x1d\xe8\x1d\x9a\xcc\xc8\x98\x9d\xcd\xf0IJ\xbd&gt;]__\xdfiz\xfe\xfc\xf9U\xe0\xfayk\x1d\xb0f\xe4\xe5\x85\xac\x10V\x84`\x18T\xb6\xd4\xf4\xa7\x9e`\x11\x95\xd6\xb7\xf4tPp\xff~\x18\xf3A\xbc\x0fk\xf5\x17Y\xf1\xb8\x0e\xecfJ\xc9L\xef\x07\xb5\x00H\x92^\x1f\xad\xd7\xe3G}{}=\xfe\x17\x05_\x12k\xff\x8b\x056D\xac\xd2\xfc0VH0\x93\xc5\x14\x08\x86&amp;\x17{\xfb\xfep\xc4H.\x1a\xeb}\xfav\xa808$$\x98qO\xf8j\x06\xb0\xf6W\xfe)+\xae\xb8YQQ\x01\xb6\xd2\xa7\xa7\xeb\xb1\xa1\xa5=\xba\xa6\xa6&amp;\x1a^5\xfa\xe8\xe8\xf4h\xec\xf1O\x8f\xf6bU\x80wm\xed\x9f\x9f\x9f\x1f\xcc\x94\x063\x99\x8c\x90\xe0\x10FDDa\xe1\xd0\xe4D\xef\x1f\xd2X\x10&gt;\xf7abp\xa8\xfcR(#\x84\x15\xc6D,\x9f\xcf\xcb\xae\\\xad\xb8y\xf3\xce\x9d\xa4v\x80\x00\xc1\xd6\x95\xeb5p\x81l \xe95\xe9\xe95\xd1\xfa\xc4;\xb5\xa6\xda\x8aq\xc4Z?\xff\xd7\xe1;1#\x8c\xc9\x08\x0e\t\ra\xb2\xc2"\n\xc3\x86\xc1\xfb\xc7~\'\x98\xf7\xa9+\xbdO\x07\x87\x04\xdf_\n\x0f\r\r\x15\xb3\x98\xf7\x1e\x14\xcc\xf8|\xbe\x18\xb0\x00*\xa9=\x11\x18\xae\x83\xf8FK\xf1\x1a\x18\xdb\x11/\x1a\xa8\x12\x93jkko\x8eO\x7f\x9cY\xdd?;[}\x97\xcf`\xb2\x18\x0c\x16\xa8\x8b\x11\x16\xc1d0\n\x87\'\xbd\xcf\x96\x89\xfa\x1dP}O\x1eOL\x0e\x15\xb2X\xb7q\x0e&gt;\xb4\xb2\x92\xf1S~\xe9\xc9\xea\xc1\x81\x17\xab\xa26)\t\x879\xe3\x80$\'\'\xa7,\xeerY\\\xdcu8\xb0\xe9\x07a\xf5\x89\xed\x80\x05\xe8\xb3\xe3\xd3?\xbc:Y\xdd\xdazg\xbc\xc7\x00]y\xd1\xc0\xbf\xf0\x146\x8c\xa6\xec\xf8\xad`\x085\xf2\xf6\xc5p\x04\x0bu\x1e\x1a\x1e\x1ez[,\xce\xcf/7\xbe[=\xc4x\x8a\x03\xa6\xedI\x7fO\xba\x1cW\x16w=\xe7\xda\xdfrn\x94y\xe5\xc6e\x10\x9f\xe6\x90.\xb1\x1d\xf4\x998~\xb7\xab\xed\xd5\xab\x93\x93\xd7\xf7\xef\xfd\x04\x9a\nf\xb0X\x00\x85\x02\xe7\xc2\x88\xe1\x81\xc5\xde\xdf\x12\xc8 "\x00\xd4\xe0\xb0@\x10\xc1\x0c\xf6a%|\x1f\xfe\x00\xb8\x00\xebW\xd8}fN~\xbc\x92\x82\xba\xf0"\xdc\xc8\xb9v\xed\x1aN\n\x97\xe1\x81Xe\xd7\xd1\x96h\xcdt}R\xf4\x87\xd9__\xb5\x89$\xaf_\xff#\x14\xb5\x05\xc2\xf8\x1f\x16J\x18\x80A\x84\xfdO\x1fg\x1b\xd3\xd6y\x86a\xec\x9e/\x9fc\xb0\x18\x9e\x90\xbb\xcd\x1fI0\x1a\t\xa1\x9b\x03I\x0b\xa7\xf5\x00\x87\xcd\xb0\tCU\x18g\x93\xb3d\xe2k\x91\xe86Jdk4\x86\x11\xd9M\x19\x99G\x95PO\xe0\x11\x04\x8b:W\x8bV\x91&amp;\xb2%\xd8\x84@eB\x95\'\x98\xd4\x1f(?(\x88MA[E*\xb4\x1f\xa9v?\xef1,\x9a\xaa\xbe\x01l\x83?\xaes\xdf\xf7\xfb&lt;\xef\x89\xce9_|\xb1\x01\x06E\x912\x1aeY\xc6\xdbH\x0cK\x03\x96\xc9T\xda\x9aM\xa7\xd3\x9f,]\xf9\x01\xa2^|\x8cI\xd3\xee-\xaf*\xf764\x0c\x0cx\t\x8f\xe0\xbc^\x9d\xeb\x8d\xb3g\x8fmm\x8ddcH\x81\xe6H\xa8\x1e\x03\xb9Hz\x1da\xc9f\x1a\xd3\x8b\x933_\x00\xf6\xcc\x11T\xc0,\x93\xc6x\x17Q\x04\x96\x10\x1d\x0cc\xa4R+\xb0c\xe9\x97\xa3\xcf\x16\x16\xf7!\xe7\xe4Y;\xc9500P^~\xf3\xe6\xcdrb\xf3\x12Vea%\x95\x89\xad7\xff\xf9J\x99%\x1a\x8d\xc6g\xe3*\xb4g\x131g#\xd3\x8a6^\x0e\xb8\xa6\x00v\xb7\xffs\xbb8]\x1c\x8a\xa0\x16\x01\x05\xfb\xf0\x02\x13\xc4\x12t\xacPx\x05&gt;8\x84T\xac)\xf6R\xd3\xd7\x8e\xb5\xdf\xc3g\x13W{;\xb9\xc8\xa8\x9cs7q\xb7\nX\r\x95\xc5\x95\x95}}\xb7n\xb5\xbcXQbm\xd6\x00\x15W\xf90\x07(Q\x92r\xf1\xd2=\x04\x1fI6=55y\xfbs\xea\x18\xa0^&amp;\xa8\xb7\xa7\x03\x01\x979\x97M\x03\xb0\x04I\xf1+QU\\Y\t\xa7\x12qE\xb1\x14\xfd\xbc\xe9[[A\x0c/\xe3z\x8f\\,gb\x91^\xe5\xec\\\xe1J\xa2\xda\x1a\xfb\xfd\x97\x1aK\xa2QMK$\xe2\x1e\x0erK\xa2\x80\xcd\xe4y\x9d\xc8d\xc8\x99\xc8\x86k\xea\xed\xd5;?\xfd\xbfI\xf9\xcc\xd7\xfb\xef\xbe\xb5\xfa!A\x05\x022\x9em\xe4E\xd4\x17NT\x08+1\xab)\xa9\x95\x15{&lt;&gt;\x8b\xf1R\xd3\xa9\xad\xe1\x9eH\x84\x9d\x0f\x0c\xb5\xaa\x9ct\xe62\x9d[M`N&lt;\x02\xd8\xbd{\xc1\xb1\xad\x91\x1aP\x01K\xb0\xdb)\x04aQq(\xa2$\x8a\x86\x1c\x16\xa5\x1f\x9f%S\x90\xe9\xc2J\x93\xef_\x7fz\xcd\x8f\x95\xcb\xf5\x99\xd5\xfb\x8b\xa4T\xa0\xa3C6\x93\xe3\xa60\xcf\xf3\xa2\xa2\x89\x0c\xcb\x91Z\xc9\x84\t+:;\x1b\xbb\xf2\xe7`dhh\xa8\xc7KU\xa1\xbc\x8a\x0e|s\xceMLL\x80\xcb\xd9\xd9\xd9\xe9\xa4#\xa5z"c?\x1c%\xaa\xa8\x06\xffX4\xc3\xa2\xc3\xef\x00\x96\xf0\x14\x96\xceE\xdf.\x08\xb6\x88\xe8\xe7Z%r\xfer\xff\xdd\x99\xfb\xd3.\xb3\xdc\x01\xad::\x10x9\x90\xc9\xb4J\x83\x12\xbd\xed\xac\xdf/\x08\x0e\xc7J\xd8\xe4aj\xe5\xdb*~\xfc\xdd }~\x95\x97\xb0\xd8\xe1x\xe7&amp;&amp;\xf057G\xe7\xe5v:\x83\xd0\xea\xd6\xc8\x8d2\x8b\x86\xd7\xab\xe8\x83\x84\xa5\x08\x82\xa0\x90Z\x02\xa7G\x8b\xe3r\x91\x0f\xe4|\x9cv!`\xfd\xfd\xec\xd0\x86\xfe\xd7\xee\xfc\xf5\xad\x99IW\xd2l4vd2\x99\x0e\xc8%\x1b\t\x8b\x1blfX\xdf,\x10E\x87#\xc5\x99B\x1a\x1e\xcc*\x96\xb2\x8a\xe7\xbe\x1a\xec\xa4C\xdd\x1a\xde\xd3\xb1&amp;\xd8\t\xb9\xdd\xfa\x81yNg$2V=\xd2Z\x8a\tc\xb7K&lt;f\x0e\xcf\xea\x9f\xc0\xc2\x85\xc9m\xa0\xa4\xa3o\xebX2\x8b\x98\x8b\x06\x1a\xe5;3\xd8m\x80P\xef|8\x89\xa4\x1b\x8df\xa3\xc9\xe7\xf3\xb5vt\xe0\xa7\x81\xb5\x07$\xde\xd2l\xc9/(\xa0\xff\xedp\x88\xbc]S\x13\xfe\x84b)i{\xe5\x8f\xc5\xceN\xc4\xc8\xdb0\x90S\xab\xbb\xab\xab\xee\x17t&amp;\xf39gU\xcf\xd0Z\xf5\xa9\x9a\x8bV\x01\xa1\xe2\x89\x08i\x10\x14\xc1\x81\xee\x8a\x1b\xe8\xc5\xb3\xd2`\xe2\xf4\x02&amp;\x93Z.\xc6\x85*\xeeZ\xcc\xfb\xc6kw\xae\xdf^4\x07\xb0\xd2\xc8d\x02F\x13788\xc8\xae\xf3\xc5\x85\x92\xc9\x10\xaa\x16J\x15\xea\x02\r\xbf_\x91\xec\xaa]Kh\x82\x92_\xd2t\xe5x_O\xc4Y\x85\x92\x85\xc2\x00\xb5:\xbb\xbb\xea\xe8\xb0\xbc\x899g0\x18Y;\xfb\xe2h\xccj!,\xbbDWA\xc1\xd4q\xe0\x1f\xcf\x93\x8d\xa2\xc8\x11\x16\xca\xe2a\x0fb6\x1eb\xb9\xf2\xee\xce\xac\xbe\x7f\xdf\x9c\x84y\x9b\x9b\x9b\x99\x8c\xc9\x10\xda\xd9\t\x85|\x8d\xad&gt;\xdc\xd9\xd9\xb1\xebX)0%\xf0%b\xc3\x05\x1a\xd0k\xe97\x17\xfa"C\x84EG\xc1N@\xae\xae\xba\xbf\xd7u\x91T==k\xd5\xcf\x8d\xc6\xdc\x98r\xa0\xb2\x8b\xa2 \xf1\xe8\xab\x02]\x0eH"\x13\x05I\xcf&lt;\xcf\xe7\xb0\xfeg\xe3\xb4Y6\xbb\xf2n/\xbax\xdc1\x076\t+ \'\x93\xc9\x9d\xd0`[6\xdbV\x1a\xda\x89jB\x0e+\x91@\xed\xf1\'\x04t"l\xaa\xa8\n\xcdVw\xd3\x8f\x9e\x1f\x8b\x04\xcb\x07\xde}wnn\x98l\xac\xaf\xfbS=\x1d\x81}\xa3Y\x00\x00\x04\x1bIDAT$\x1bY[k9Q\x11\x8bYa\x1d\xa3\xa2W)\n\xccd\x9b$QI\xe5\xd0\x87L\x06\x1e\xb7\xba\x8bG\x01\x93]S\xd3\xae\xbcU\xc8H\x0f2\xa4\xd6\xa6\xd9\x0c\xac\xa4\x8fu\xbetv\xd4\x1ds\x03\x89\xa0\x12\x98P\x1a\\\x14\xf5\xa1\xaaj\xb35\xbf\xedD\xcb-\xef\x00\xa9\x85\xe97\xdc\xd9y\x15\x13\xb0\xf0\x8d\xde\xd3ck\xe3\'\xda\xdce%\xf9(\x9c\x84%P\xac8\x8a\x18\x0c\x84\x9f&amp;\x0e\xdbF\xad\x91\xdd\x1eu 6%u\xbc\xbci\xd5,q\xe6\xa4!\x9c9\xa2j\xcdf\xd3\x7f{\xf8h\x7f\xff\xd1:\xba\xb2;\xa5\xc5\xd9\x00\x96\x83&amp;\x91\x88\x1c\x03K\xf5\x88\xd6\xc6\xaf\xbcY\xd9@jM\xd0\x05\x04\x86z*\xb1\xc0\xbap\xfc\xd9\xea\xda\xdfU\xd8J.Z\x15\x9a\x85p\x8c\xaa\x82`\x804t\xa1)AB\xac\xa8\xd1r\x9c\xdeBH6\x13f~n \\\xb2\x9cg\x97M\xa6\xa49\x192\xa00\x18\x8dH9\x0cL\xaf?\xda\xdf{\xf2\xf8\xf1\x93\xbd\xfd\xf5\xf4\x92-JP\xa8V$\x96$\xa6\xf09\x1a\xa8\xe2\x1e\x8fd\xab\x19\xf9\x9e\x8e\xd5]_\x7f5X\xdc\xfb\xfd\xde\x9fU\xb7\xd4^\xfavY\x89\xd5\xa2`\xde\xda\x91\'\xbdVQ*\x99X\xf0\x903\xf0\x02\x1eS\xd9\x00\x16G~\x1e\xae(\x18"LD\x7f1\x81\x06?\xd0GA\xe5k\xcc\xa6\x1f\x12\xd3\xf6\xf6\xee\xf6\xc1g{\x8f\xd2K\'\xa3;Q*\xa2~\x05\xf3\x88:\x87\xa8Sy&lt;\xa2\xbb\xe6\xe3\xc2\xaa\xe1\xe1s\xdd\xf5\x97\xeb\x87\n{\x8f_8=&gt;\xfe\xfa\xf9FP\xa1&gt;\xa9v])\x90\xe1\x0e\xbdPPD\x8a\x16\xf1H\x84EM\x04\xeb\t\xd2\x8b\xa0\x18\x16k\x93y\xb4(3\xcaIZ\xa0\x850.6}\xb2\xbe\xff\x04L\xdb\x07\xbb\x18\xdb\x8c\xcb\x1deX\x1a&gt;\xc3Q\xc0\xa8&lt;\xfa\xe0K\x96\xae\xfc\xa4\xf0\xea\xe5\xcb\xf5\xf5\x97\x87\xfaz/\xd0\xa9c\xb5\xd7\xce\x94Y\xad\x92\xc4\xa6 \xcd:\x85\xd5)\xc8C\x84\xa8^\x90\x87\xa7\xd5\rG5\x96\xf8h\x11f\xc8-\xbf\x08\xf0\x10\xcb\x94D]\xa0\xe1k\x05\xd5\x1eA\xcd\x1f\xcc\xcf/,,\xec\xee\x1e|\xb6\xff0\xbdT\x84\xe2\xa0\xd1:\x00\x93\x91\x92\x95\xc3\xf2XcK\xa3\x1f\xf7}\xf4\xef\x8f"=\x85\xbd\xaf\x9e\x1e_\x1e\xaf=\xff\xab#*;\x93\x89|\x93t&gt;\x002\xf3\xe0\'a\xf1\xac\xf4\x13\x9f\xbe\x92f\x1d\x92\xad)\x08\x8b\xfd&amp;\xb4\x13J\xfaJG\xd3\x8cjw\xf7\xd3y\x86\x05\xb0\xf9\x83\xbd\x7f\xac/\x9d,\xf0k\xaa\xe6\xa7:\xa1Q\xb2\x88)\xae\xda%[\xcc]s\xea\xf9\xb1\xb5\xb3/|\xe7\x85\xea\xf1\xe5\xe5\xdf^\xfb\xa0\xc3\x82\x1d\x12\xbb\xdd\xe3!,V\xd3\x99\x97\x025D\x91\xd1pTex\x03\x89\x05,\xa2",\x033\x93\x89\xa5c\x19\xc2\xac\x8a\xfa|M\x88\xd5c\x82"*\xc2\xda\xd8\xd8XX@\xc2\x1e\x8e\xda\n\x12\x10K\xc7\xd2\x8e\xd4\xb2\x0b\x16\xab\xbb\xed\xc6\x97\xab[^==\xb6\xbc\xbc&lt;~\xe9\x83\xc6R\xac\x90\xe9\tv\x0f\xa6!\xc9$I:\x16iGy"\x95D\x01\xde\xf1\x84F3\xc0\xa0/\xed\xd8\r\xd5\x07\x99\xb0\xc2a\x90\x01\xab\xec\x90j\xe1\x10kc\xe3\x90\xeb_Y\x9b\xee#\xcdJU%\x87\xf0\xb9!\x8f\xaaJ\x96|\xf7\x99\xf3\xb5\xe3\xcb\x0f\x1e\xc0\xc1\x1bm%\x83\xcd\xf8;A\xa1\x1bJ\xcd\x02\x15S&amp;\x17+x`\xe28\x14\x07\x91\xad\xe5\xf0-Q\xe6\xc9\xbe\xdc\xce\x87^\xc1\x08\x8b\x83X\\h\xc7\x12\xd3\xa9\x00\xa5S\x1drm|z\xf0\xf8\xc9\x7f\xb2E\xe4c\\;\xc4J)b(D\x8a\xa9\xcd\x16[\xc5\xb5\xe5\x07\xcb\xcb\xb5\'\xce\x94\x9d\xb4A+2\x99\x16\x0e\x83\xd8\xc3\x94rj\xe9u\x98\x95\x05\xc2\xd23\x8f\xd4\x93\xaf:\x96\xbe\xefATF`qa\xce\xc8\xf1!\xec\xc9\xaf\xef!V\x0b9\xad\x9e\xd2k\xe3\x80q\xd9\x8a\x1cX?\x1c\x8a%\xda\xacR\xce\xcc\xe6\xa2\x93g.\xbd\xfe\x87\xbf\xfc\x1a\x95\x81~\xab\xb2g \xd6DE\xbb\xbeb\x0e\n\x0b\x07I\x8f\xb9\xc8\n*\xa1\x10\x16K\xb7\x1e|\xeaCF\xe3\x7f\x01\x1a\xa8I\xfeJ\xb4@\xd8\x00\x00\x00\x00IEND\xaeB`\x82'</t>
        </is>
      </c>
      <c r="M293" s="3" t="n">
        <v>45492.6778587963</v>
      </c>
    </row>
    <row r="294">
      <c r="A294" t="n">
        <v>883917</v>
      </c>
      <c r="B294" t="n">
        <v>1966</v>
      </c>
      <c r="C294" t="inlineStr">
        <is>
          <t>Fabricio</t>
        </is>
      </c>
      <c r="D294" t="inlineStr">
        <is>
          <t>Fabricio</t>
        </is>
      </c>
      <c r="E294" t="inlineStr">
        <is>
          <t>GOL</t>
        </is>
      </c>
      <c r="F294" t="inlineStr">
        <is>
          <t>GOL</t>
        </is>
      </c>
      <c r="G294" t="inlineStr">
        <is>
          <t>GOL</t>
        </is>
      </c>
      <c r="H294" t="n">
        <v>193</v>
      </c>
      <c r="I294" t="n">
        <v>12</v>
      </c>
      <c r="J294" s="2" t="n">
        <v>31418</v>
      </c>
      <c r="K294" t="inlineStr">
        <is>
          <t>Right</t>
        </is>
      </c>
      <c r="L29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fd565a6-8936-4d52-b37c-72232c6aa4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t"rs\x00\x00\x00\tpHYs\x00\x00\x0e\xc4\x00\x00\x0e\xc4\x01\x95+\x0e\x1b\x00\x00\x03\x00PLTE\xff\xff\xff\x1d\x1f \x15\x16\x16\x19\x1a\x1a\x17\x18\x18\x11\x12\x11\x1c\x1d\x1e\xfe\xfe\xfe\x18\x19\x1a\x19\x1a\x1c\xfe\xfd\xfd\x1a\x1b\x1d\x16\x17\x18\x12\x13\x13\x11\x10\x10\x16\x17\x16\x13\x14\x14\x1b\x1d\x1d\x1f !\x17\x15\x13\x19\x17\x14\x0e\x0f\x0e!\x1b\x18\x14\x12\x10\x1d\x17\x14bcc@+\x1f!\x1d\x1b;\'\x1c\x1e\x19\x17$\x19\x14\x19\x14\x11&amp;\x1e\x1a\xbc\x86kK1"sG1^__O1\x1f6%\x1b\xa6qY/&amp;"/ \x18)\x1b\x15!\x18\x15\xbe\x8aqJ.\x1e\xb9\x82g\xbb}_ !"pJ:\xfd\xfd\xfdjA-3)%Q4#\x9dfKV4"E,\x1e\xfb\xfb\xfb[7#\xb9{[eff\xc1\x88k\xf5\xf5\xf5-#\x1e7,\'\xa5t_E/"tB,\xbe\x81c;*!oC/5(!\x1c\x1a\x17yXKiLA#$%\xablOR8(2$\x1d*\x1f\x19\xb7z`J7-W8&amp;zG/|L5\xa5oS\x9ejV\xf9\xf9\xf9C1*N4&amp;\x81K2o?(b7#\xaas]3"\x19\x86O6\xa2p\\\' \x1d\xb6wY\xa1nT&gt;-&amp;\xf1\xf0\xf0\x85^NuUF\xb2sU\xb3yd*"\x1fT:,\xb1{`b9(\xb3u^^:&amp;\x8bR8T0\x1f\xbb\x8dwb?,fI&lt;aC4[@3\\=+///\xafw[\x7fZL\\C:\xb0nR\x92aHO:2wH3h;$"\x15\x10\xaazc\x8c`M\xaeuc\x99bF\x8fW=\x81T&lt;\xactX\x93hX\x95\\Ag=)\xb8\x83m\x9ahQD60\xb5\x7fcH3\'\x9cnZmmm\x8d]C\xba\x88p{P:?&gt;&gt;\x8dfT]1!\x7fUD\xb2tZ\xa2iM\xb9}e\x96cMuO?\xa7iM\xaboT\xbf\x85g\xa5dH\xee\xea\xe9oPAWXXU@8yRC\xb2\x82k\xe0\xdf\xdf\x9fhQW=/\xc4\x8dy\x89ZG4\x1d\x16\x9ejM\x84YE\xa5wd\xb5|i\x92cQ\x80P7nG3vuu\x9dr_FCC\x87\x87\x87;2.RQQ\x98jX\xa4kU\xae~h\xc3\x89rKJIpRGwM5\x87X&gt;)**aG&gt;U5+$ \x1f888\x99\x9a\x9a\xd6\xd3\xd3j9-\xda\xd9\xd9\xac\xad\xad\xb8\xba\xbbP(\x1d\x88bR\xea\xe9\xe9\x97m[\xc1\xc1\xc2\xb2\x87rE&amp;\x19\xab\x81q\xa2]U{||hG4\x90\x8f\x8f\xbd\x80i]9-h@4\xe5\xe4\xe4\xaceK\xa0\xa1\xa2\xcc\xcd\xcf\xb5\xb3\xb3\xc9\xc7\xc7\xa8\xa6\xa6\x95WN&gt;\x1e\x17\xa2\\D|`U\x95\x94\x94\xc9\x95\x82\x8bk\\\x86MA\x84\x7f}\xa4|l\xaci]\xbb\xac\xa3\x8fNE\x81F=\xd0\xb7\xb1_[Y\xc0\x9d\x8fx?6\x93zj\xab\x9e\x9a\xd7\xc7\xc2\x9f\x8d\x85\xb1\x91\x80~mh\xae\x9a\x8d\x9f\x92\x8ddWP%\xd0T\x8b\x00\x00 \x00IDATx\xda\xbc\x98\xefO\x13y\x1e\xc7=\xd6^\x13\x13Ju\xc6\x99\xea0t\xd8]\xa4\xc0\x15\xb4v+\x15\xedtU\xaes\xa7R\x8dT\xfc\x81\xb8\xe5\xc7\xae\x19HN\xe3\xaf\xf6N&lt;o\r\xd8\xe3\x02t1\x92\xb8=A\x0e=C\xd4\xc3\x07@J\xb9D"&amp;\x05\x02&amp;\x84\x98(\xb9#+\xf0\x84\x07&gt;\xe3\x0f\xb8\xf7g\x8a\xde\xde\xd3\xcb\xe0\x87\xd2\x19\n\xa1/\xde\x9f\xf7\xe7\xfd\xfd~Y\xb7\xee\xff+#\xca\xa1\x15]\xdc\xb8\xfc\xb7\xe8~\xf5GR\xb5\xee\x13\xd5\x877\xaf\xe8\x9d\x9f\xafs\x1b\x1dn\xb7\x1bo\x9eb#J"Y\xe5\xfetXF\xed-+ff\x97\xe6\xb6\x8c\x8e\x0cMLy&lt;\xee\x8a\n\x87\xd1\xedv\xe0[n\x8d\x85~\x0c\xb4\xf4\xf8DX\x9a$\xee\xba\xd97\x9d\n\xcb\xb0\xc9\xd1\x87_.LN\xa1\xfaf&lt;$\x8f\x06\xa2\x95F\xe9\xf8DXZ\xff*\xfa\x96\xe3!\xdbA[\x92\xe3Bqgh\xbc3\xde\x19\x1f\xdd37\xdb\xe7qC\xb8U2\xc7\xa7\xb0\xd6\xcf&lt;\xed\xee\xfbi\xc5)\xa8I5dK\x06\x05\x81c\xa1\x1a\xcb0\xac\x12\x1a\x99\x9b\x9d\x9a\xa9\xabCW\xff\x07\xcc\xf8)\xb8\xea\x16VB!\x9b\x90|\xd9\x19\x12&gt;\x96\xa8P\xb1Bh\xf4\xcb\xa1\xe5\x89\xe5\xe9\x19\xd2L\x83[\xb7\xa6X\xa9\xbf\x9a\xa8~\xea\xb4%\xe2N\xd5\xf6\xf2\xa0\xa0\x88\x9c\x10\x0c\x92b\x1c\'*,\x95\xc1\xc4l\xdatp\xbcci\x11\xa3\xe01\xa6\xd0\x8ck\xeb)&lt;z\xe7\xdal^\xa7M=\x98dy\x13\x0f\x0e!\x99\x14\x14\x86z\x88/\x18s\x06&gt;Y\x08\xf7212\xf1\xaa\x0f\xed\xa4\xf0X;2\xa36T\x8e\x99\xe1\xb6\x84SJ\nI\x85a\xcd|z\xba)\x9dU\x84$t\xd3z\x08\x1eNa3\xd6\x93\xd5\x14\xe1`\xfc\xfd\xf2d\xc5\xaa^\xc6\xb5\x12\x0b\xbf\xde\xe1Y\x1aMx\x83\x9c\x00\x81\xa0\x10o2\x19X\\\xcd\x8a\x80W\x04\x05\xaa\x99\x19*3T\xcb`\x95\x8d\x9b\xc6\x1f\xceM}\xf0\xd8ZY\x0b)\xb4\xd8\xd1\xe9\x95\x05Q\x04\x16\x9b\xc1\xf0&lt;\xfa\x85\xa61\xeb\xa1\x8f\xa2Y_a\x0cTD\x97\x81B\xb0my\xe7YS,\x88U\xf7\xbe\x13-\x14-\\P`\x19E\x14ay\x96\xe7y4\x0c\xa6\xd7&gt;%\x80\xd1+fs:\xe0\xcc\x19h\xe5\xe8\xdc\xa2g\x8d\xb0V\x03k\xb1#\x9eP9\x96\x93@\x85\'\x8e\x93$J-\x03\x0b&amp;\x81\x03\'\x97\n\x0b\x96\xe1S\xa2\x99\xd3\xd6o\xcc\x08=\x9c\x9ew\xaf\x19\x97\xdb\xed\x99\xdd\x13o\x0b\xb2\xac\x14\xe4\xa0\x8f\xc8\xb0\x88\x05\x91\xe3R\xc9@\x81\xaa]\xb4\x814|,f\xfd\xc6\x8d\xe3K\x9e\xb5X\x1c5\xa9\x80\xf5j%\x01,\x11:\x91\x8b\x14!\x88;\x8b\x85\x938\xb0\xa0s\x194\x8e\x8c\xc9\x94NZ\x99P\xf4lN3\x9b\xb7\x0f\xcf{*t\xe5\xfa\x90\xa2\x08\xed\x8a\xde\xc5\x15\xafWU\x80\xc2!\rD\x11\x80\xaa\x1a\xe4,\nT\xc3T\xf2\x0c\x19?\xa9\xe0\xd6\xb4\xd9\x94\xc2J\x87\xc9`\xb3\xd0\x96\xe1\x05\x8f\xbe\\\xa9\x8f\ndv\xddd\x07\xb08\t&lt;,c\x11\xad\xa0\x92\x82P\xcc\xc2(\x16\xc6\x84@\xa5\xb1T\x92\x02\x94\xdb\xbcZ\xa6\xf4\xf44t\xd4\x94\xb6id\x92\xb6\x14:/\x85\xbd\xaf\xe6&amp;^MN\xbe\xf1"\x1f8\x0b\xa8\x18\x0e\xae\xe7\n\xac\x16\x11\xbegY\x11/ZX\x91\xc6\x90U\x83\xe4y\x93\xc1\xa4q\x19 \x16\x1e\xe9\xdb;\xa6t\x9cG\xda\\!\xe0\x17F\x12\x89\xf8\x9e\xf7+Xw\xe0&amp;\xd1\x8a\x14\x07\x91\xd5\xca\x82FR\xc1$\x05\xa1\x1eQ\xc1\xf9j\x92"\x1fqk\xa0&gt;\x9a\rx2\xa4\xadO\x1b\xeau\x18u\x1dAG\xc5\xf2x\xc8\t$[P\x05\x16\'\xd1\xd4YE\x96\xb7\xc2a\xa2\xc0\xa9d\xb3\xa0\x05\x81\x85u\x921\x99\xd1\xc7\xd4h2)\xeb\xc3\xf8\xeb3&gt;\x1b\x7f\xa5\xa7Z\x90kfi\xc5\xe6t:mA\x89\xe3\x82\xd8-\xa8\x9c\xd5\x82\t\xb4Zq\xc1\x0bLPb\xa1\x99\xc4k\x85\xde\xb1*\x89E\xec\xfc\xaa\xf5\xd3~\x81m\xc5\x84G/\xb9R1:\x1b\xb7\xc9\xde\x04\xc4\x92\xc1EXR\x01\xc7Y\n\x80V\xc0\xf9!\x95\xa4\x8aV\x0b4#\x08r;\x9fT)0\x88\xcb\xb0Ykd\xda\xc6_f\x1c\x1c\xd6\x13\xcb\xe1\xa8[\x1aI8\xbd^\xa7\xcfg\xf3s\x92\xec\xf7\xcbR\x96_\xf6\xe7\xe7\xe7KrY\x99\xec\xe7D\x15rqR\xd0\xaai\xb3\x99\xe7E\x1b\x8d#VK\x96!\xd7\xa7#\xbc\x0c\xe6\xedCu:bU\xf4.\x0c\x8dxm\xd8e\x95\xf9|\xb2_\xf6\x95\x96\x96n\xcb\xcb\xc3\x17&gt;_im\xf4\xe8\x89\x132\x17\x0c"\xed\x0bl\x1coM\x15\x9bT9\x92\x8bW\x14^\xe3\xc2(~\xb6q\xa4OO\xb5\xfaf\xdf\xb4\xd9`xR\xab\xac\xact\xeb\xbe\x93\x87O\xee\x8b\x9e\xac\xbfr\xe5\xf2\xdb\x1d\x0f\x1e\\\xba\x12\xf5!T\x91\xf5~9?\xcf\x9f\xef\xf7g\xc1qI\x8b\x86\xc5r\x16^3\x97!\xcd\xcc\x87^\xe9\x95\xa8\xa4V\xdd\xd4\x9e\x84\xd3gs\xda\x80\xe5+\xddw\xb2\xfe\xe2\xc5\x9d\x83]w\xef&gt;\xbb\xd9x\xaf\xf5x\xeb\xcdow\xd4\xfb\x82h\'i\xf7\xf8j\xfd\xe1\xcf3\xf3\xf2\xb3$\x8b\x15s\xca\xf3\n\x87\xd0\x80\\\xc8\xaf\xb4\xedKn\xfd\xb0\xdc\x9ew\xa3\x94\r6\x19\\\xa0:|qp\xe0\xf6\xbd\xfe\x9a\xdc3aTC\xf8\xebo\xfe\xfc\xddQY\xae=\xfa\xf8\xed\xdb\xc1\xb1g\xb7^\x0c^\xb5g\xe6\x01\x0b\xbdd\xb0\xe9QxZ\x98\xd2\xcc\xe9\x19\xca\x9cg\x83n\\\xd8\x92^\xf7\x82\xc9i\x93}\xb5\xb5\'\xaf\xee\xfc\xe3X\x8b+\x16\tW\x17\x15\x16\xb6\xb7\xb7\x17\xb67|\xff\xcf\xcbe\xde\xc7\xdf\xdd\xbd\xd9\xd8\xd8z\xafql\xe0\x8b\xdf\xe5\x14\xfb\x0b\xb2\xfeT 2V\xdaHS\x1b\x19%-\x9d\xe9\xe8\xd5\xa9\x8b\xda\xb1p8\xee\x95%\xbfM\x86\xdb\xa3W_\x9cmnru\xdf\xaf.):\xa0\x15\xd8\x1a\xce&lt;(\xab\xfdmk\xeb\xf1\x1aTS\xe3\xed\x81_\xdf\xd8]UP\x95\x97\xcf1\xb48q,\xcd\'c\xe6\xf9\xf1E\xb7~\xde\x9a\x9f\xfb\xbbS\xc6\x9a\xacB\xae\x93\x83\xb7\x9a[\\\xdd\xe7\xaaK4\xac\x9e\x9e\xc2\x1e\xe2\xea*;\xd1\xf5Mnn\xee\xd7\xb95\xae\xa6\xc6\xb1\xf2\xfd\x7f\xc9\xcc*~]\xe5\xa7\xd0\x15Y\x0b\xa5\xaa\x96cz\xad?\x94\xa6\xf3\xef\xdb\x9c2\xa0 Wi\xfd\xe0X\xcb\xdf\x0e]#,0\xed\xedAe\xff*\x1bX\xd1G?\x9c\t\x00\xac\xa6\xbf\xa9\xa9y\xe0\xd8\xfe\xe2\xfc\x9c\x9c\xd7U\x05YYYH\n\x16\xe3\x08,69\xf2\xce\xe8\xd0K\xae\xba\xe56r&lt;\x0e\x87e\xb5\x8f_\xdc^\xa5*:\xb0\xb7g/U\xf6\xde\xec\xef\x7fS\x1b}\xd4\x9a\xdb_S\xd3OXcg\x07\x8e\xd9\xf3v\xed\xb2gfQ\xe4\xb2&amp;\xe2\xa25\xdc64\xa9\xd7\xb2htT,\x8cze5\x08\xb5J\xa3W\xee4u_;\x07\xac"`Q\xf5d\xf7\x14\xb6\x9fyv":x/\xd0\x8f\xaa\xe9w55\x9f?{\xca^\xb5{\xf7\x85\xd7Y\xff\xa8\xca\x0b\x8a\xb4C\xb4\xd0\x01\xd79]\xa7\x1b\xd6\x06\xc7\xfc\xfb\x04\xb6\x0eNY\xf6F/\xdfq\x1d",PiZ\xf5\x1c(j\x087\xd44F\xeb/7\x06\\.\x02kjji&gt;\x7f\xca\xfe\xba\xb2rW\x8e\x7f\xdb\xebm8\x8f\xa4v\xae\xac\xf8pJ\xbf\xa3\x06L?\x1d\xa7\xd8Rm\xde\xa3\x97\x9f\xc5\xeeS\x0f\x0f\xa0\x85=4\x87E%\x08\xaf@k\xf4_\x17\x1b\x03\xfd\x84\xe5\x82Z\xcdc\xe5\x17v\xdf\xa8\xdc\xbd\xab,\xb38\x13\xfb}\x1e;/\x88\x95\x98\xd6\xf1dF\xcbOG\xc2\xa9J\xc0\xba~\xe9\x19\xd4\xaa&amp;\xac\xa2\x12\xf8\xab\xa8\xa8\xa4\xfaH{8r\xbc\xfe\xdfw\xee\x05j\\5\x81\x98\x0b\x96?\x7f\xfe\xd8\rT\xe5._f\xf1\xb6&lt;:\xbe\x91\xe1\x83C3\x0e]\xb1&lt;\x13m^U\x95\xa1\x16\xb0\xba\xafi\xd6*\xd1\xaa\x08w\xed\xe1p\xcd\x95\xc1\xdb\xae@\xa0\x1fX\xe0j\x81\xb7N\x9f&amp;\xacR\xa8U&amp;\t\x02\xed\xbe\xd8\xc4\xb4[\xcfc\xacq\x83{:\x8e9D\x9cF/=u\x1d\xa2I$\xaa\xea\x12\xc8Vr\xe4\xc8\x8f\xe8\xe2\xe5\x9dM`\xd2*\xa6Y~?\xb8*wo\xcd\xb4o\xad\x02\x96\x08g)+}F}\xcfd\x1b\xde\x8d8\xbd\xb2\x93\xd4z\x1a#,b\x02\x946\x92\xd5\x91H$\xf0\xf6m,\x10\x8844\x84\xc3\x91@\xac\xe5\xfc\xa9\x0fX&gt;{qU\x81\x85\xd3\x0epot&gt;\xf3\xc3\\+\xd8\xd8\xe0\xe3\xe8\xa5\xc6X\xf7\xa1s\xd5\xd5\x1f\xdb\x88\x1e\xb6\xb77\x84\xbbv\x04r\xc3\xb4&gt;64D\x02M\xc0:\xb6\x9f\xb0\x8a}v\xfb6Q;}\xb3\xc2\xb0\xce\'~\xa3qf\x08\xbbS\xaf\xb3\xf4h\x97+\xb6\xea-\x84\xfc\x01Z\x80h\xbdn\x08?\xea\n\x9ciO\xdd\x86\x03M\xcdgO\x1d;\xb6\xffFeeqi\xce\xe7\x99Y,\xfdsBQ\'t&gt;\xee#"\xe6h\xd3\xec\x8d^\xba\x19\x8bu\xdf\xa7\xdei\xb1\xd5\xa3=\x81&amp;r\xb7+\xd0P\x98Mj\x85#\xdd\xc0\x1a(/\'\xb9\xec[\xed9\xc5U8+\xc1^\x89\x05\xdd\xb1\x1c\xcb\xa4\xd6\x89?|[\x13s\xc5\xb4\xc5\x07\x19\xff\xfc\xf9s@\xed\xcd\xce\xce.\x8c&lt;\xbd\x95\x0b\xb1\n1\x94\x91\x08\xbc5P&gt;0@m\xb4\x17\x7f\x9e\xf3\xd5\xbe&lt;\xfa\x07\x93e|Q\xa7\xf5\xf0gj\r;\x13\x89\xda\xeb\xbf\xff\x01\xb9\x04o\xfdx\xe4\xaf\xd9O\x9e&lt;\x7f\xa2qA\xb1\xf6H @-\x04\xd6\xfdH\xa0\xff\xf6\xad\xf2\x81[\x03\x03\xe5_\x9c\xbe`\xff\xea?\xac\x9a\xedO\x9ai\x16\xc6\xfb\xcd\xc4?`w\xc3\xd0v\x94 \x95j\t\xa2`\x99T+\x14\x1cYQ\xde\x0b\x02b\x05_(\x82 \n\x01\x11\xec\x88\xaf\x0fX\x9b\xda)\xe2\x1b\xc5\xa6\xb6\xa0\x8e\x15g\xbb/\xa2\xdb5u\xb2m7\xd8\xcej3Qkvf\xa74\xd8\x9di\xd35\x9d6\xe9v\xcfc7\xd9\x7f\xe0\xb9?\x18\xe2\x07\xfcq\x9ds\x9f\xe7\xba\x0e*\n\x14\xac\x8as\xe7\xbe\xf9\xfc\xcb\x7f`\x8cu\xe8P\xdd\xbfN\xcb\xe5\xba\xd6%\x92\x94\x1e\x91\xf69\x04\x17O\x0c\xb7\xb4\x0c\x0f\xe7\xe4\xe4\x80V9\x80\x05\x15\xcc@;+$%i\xc7W\xaf\\\xe9]]\xed\x95x\x08\xcd\x0cQ\x81\x82o`\x15\x17\x9f;\xfc\xfb\x87Xc\xa5\x9d\xfc\xeb\x1f\x07\x07\x85NR&lt;\x02X\x0e\x07I\xfd\xc5\xf2\xf2\xf2\xcd\xcd\xbf\x03\xda0jl\x1cM\x0b\xa8\x1bT\xab\xa5Z\xad\xbf\xa3\x97@\xa5NLP\xbf\xb3\xd2h\xc6f\x11\x9fo@\xdd\xed\xaf\xfe|\x0bs\xac\xb4\x7f\x0e\x0e\x0e\xde\xe8\x8a\xc7#\x91x\x88\x14\x9bv\xae_\xbd\xfaxo\xef\xa7\xcd\xcdM\xc0[\xf0\xaa\xbd\xfa\x85\x8b\x0e\xb0[\xfe\xf1\xae\xd9\x11j\x9b\xcd\xa0\x18\x1a\x1ab)Dv;\x8a\x15\x05gt\xeeO\xb7\xd2\xb0\xdc\xd1\xa3\xab\xdc\xb4\xbf\xb9\xdd\xee{1i\x84.\xd3\xfa\xe7m\xd1{&lt;\xde\xbd\xf6\x1b\xedw\xcb\x9e;\xd7\xfbk\xd4@\x05\x05$\xf9\xfd\xfe\xd9\xe9\xd6\xb6\xa8P\xc7)\xad@O\x16\x87%\x8a\x1a\xf8\x06\x9b\xfbt~\xf1\xbf\x9f\xa6\xa5c\xb7\n\x87\xf7IOO\xff\xbe\xfd\x86\x9b\xe7\x87\x1a\xcab&lt;\xa1N.t\xcb+\xce\x9f?\x86\xbeh\x9d\xee\x92\x95\xdc\xf45\xa9#\x1d\xf3]\xf3T\x9b\xbc\xb4\xf8\x93\xc3\x10\xb1!/\x92\xc9G*9\xfc\xa8\xc1`\xbb!\xcf?\xf6\xbbGu\xf7\xef\xd7a\xc5\x85\x86\x8c\xba\xbao?\xb4\xb7\xf3\xfc\x91H\xc4O\x1d\xd2\xc9\xdd\xeeA\x9d\xae\xb4\xa28;\x1b\xaf[\xa3\x8e\xf4\xdf\xf6\xf9\x9aj.\xf7R\'\xa8\x06]\xf1qtcB\xae\x86\xe8]I&gt;~\xbcRg0\x18\xa2\xed\x83\xf9\xf9\x7f\xf8\xf6\xcd\xf4\xf4\xbb\xa7\xd8`\xc1\xbb\x14\xbd\xde\xdc\xfc\xa9\x8cw\xaf\xc1\x1f\xd1jc\xad\xb6\xd6\xeb\xce\xe7e\r\xd7w\xb6\xd72s\x0b\xd6\xb6\xa9\xf31\xd2M\xdfM\xede\x8f]\xb4\x86\xab&amp;\x1f!gs\x84\xd1\xb66\x1b\xbf\x10r\xec\xa7\x15\xc2\xa8!j\x1b,-\xfdP\xa6T";\xff\xc1\xc4\x9f\xa2a\xff\xad7\x9c4O7\xf0\xca\xfcZ\xa9\xb6kz\xba&gt;\xd6U\xef\x1c\x99\xd8\x11\xe5n$\x18\x08\xf7\xca\xec8\xe9b\xc6\ti\x8f\x87\x89\x9f\x9b\x03\xf3&gt;\xc7\x91\xebt\x1c\x0e\x07\xc7b\xe1\xf0\xd5\x15,C\x14\xc5\xe2\x10\x11.\x92H\xdc}\x98\x87\r\xd6\xd4\xfe\x93\xa4+9\xd2\xc0\xab\x97A\xb0\x89uu\xc5f\xafLO\xb4)\x86\x00\xe2\xd9\xb3D\x80;?\x1e\x12\x8c\t\xa4\x03\x92f&lt;\x99|\x01\x0e\xb9\xf8\xb7\x87?\x87J\x1e\'g\xe1p\x1c\x16\xdfn\xb7\tKq\xcd4\xc4\xf2lc\xfb\xfb\xb3\x18p\x81X\xf7\xbd\xaf\x9e\x98\x1a;\xca\xae\xd7ka\x02\xc8\x96\x96.\xd3\xac\x06y\xe9\xb9\xc3\xbf\xc9\xdex\x96H\x04h\xb3~xJ\xba\xc2=b\xd5\xc6\x1c0]\xb80\'\xff\xf2\x9b_\x1f=^y\xe4\xe8\x91j\x1cn\x08\xb0\xec\xc2\xd2L\xab\x91\xb1\xb1\x91\xb0\xbc\xab\xcb\xc3\xe4\xb9\xf3z\xf7\x95\xd7T\xdb\xd7\xd5pUF\x92\x92\xd4%\xb2\xde\xc0F\xfb\x87\xc1\xfc\xa3\x17p*K\xc2\xe8\x91\xac\xc2\xf3h7\xdcmf\x07\x88\x1bh\x15\xe7\xf0\x99:\xe8\xb0,\x1c\xb4\xd6\x1cN\x01P6\xbb\x90#\xb22\x13\xf0!\x02o\xa60\xc1\xaa\xdb\x0f\'\xf5\xa6\x8bM\xda\xb2\x18\x14\xb1\x0f\xa6\xd3"\xc2\x1d\xa9\xb7\xe1\xe7\xb2\n\x1e\xa8\x02\x0f&lt;\x97\xbb\xe9\xe1\xdd\xdd\xf0\x80Y\x19\x08\x10ss\x0bs\x89\x0c\x91\xcd\xd6\x16\xb5\x17\xe4\x16\xe2\xf1\x1bD\x91\xc8n\x8b\nYv\x91\xc5\x12\x08tv\xee=J\xc7\xa2\x88S\xfb\xc9\'\x0bc&gt;\x07\xc9\x19\x8b\x03\x16\x89N\x1f\x1f\xf7\xf7\xc7\xd6\xa7\'&amp;&lt;b\xb1Xb\x1e\xa7\x87!\xd1\xee\x0eh\x00+`\xb10\x18L#&lt;uh\x88\xb5\x99A\xcc,`2\x99\xcdv\x9b\xcd=\xc4\x17YT\x9d*6{\xefQ\x1a&amp;X\xa9\xe4\xcfcg\xb6\x1cR\xe7\x12\xb4\x16\xf8\xe3\x10$\x89\x92\xdbw\xc6g\xc1\x83VUiz\xba\xc3\xe1\xf0\xaek7\xa9Q\xaa\x02*\x15\xa40P\xc5\x88 \xc6f&amp;\xa3\xa0\x80\x81\xd0\x10\xc4\xda\xd6\xee\x96\x03\xa1\x92\xdd\xc9\x16\xbf\x99\xc2B\xadCS\xfba\xaf\xe9\xcc)=\xa9\x1e\xb0B}\xe5\xe5!)\xbd;\x12\x97\x1d\x04\t\xcd\xea\xe5\xee\xd1\xf0\xe4$\x141if\xabT\x9d\x9dJpY\xcd\x16\xe8\xa2\x03\xdd\x98*\x98U\x88\x11\xb0t\x85D\x15[\xccfK6\xa70\xb9\x89E/w\x7f\xa6\xa4R\xc3j\xe7R\t)$-/\x0f\x8f\x8eJG#\x10\xbb\xe0t\x83\x87\x9e\x9c\x84\xd0\xe1Bo"\x82\x00\x96\x18\xfc2\x81f4\x1aA\xb9N6\x1b(\x11\xab\xd5\x16\xd5\xe1\x12F\x82X\xc2\x96\xbc\xc3b\xaf\x9b\x96\x0e7\xd15\x93J\xf9\xe2\xce\xa5\x1a\x12 \x00\xc4\xe4\xa4\x94\x84\xc6\x9d\xd1\xd1\xd1P#\xfc"\xd4X+0\x95\x0fTq\xd1p\xc8\xd6\x98AF\xb4\xbc\x1ap\xf4(\x96\n\x9a+*/L\x18\xd9\xe2E\x8f\xe4=&amp;X\xe8\x80\xa8\x05{&lt;&amp;-\xeb\xaf\x89\x03\x13\x8c(\xf8\x11\x0c\xbaB\xe8\xeb`\xa3\xab\xd1\x11\x14lmm\x05\xbb\xab\xd8\\\x00\x13kz@F\x08\xd6p4\x1f\xf3b\xb3=\xea&gt;\xcdW!\x04\xc0\xf2\xbc\xc7fn\x9d|\xed\xa2\x9c\xa1lm59\xfbk"\x93\xae`\x10Bb\xa3\x0bE\xabE\xf3+\x85"h\x12lA\xd2\xd0\xd35\x048\xe2*\x8dy\xa0\xbb\x1b\xadq\x0f\xda}b\xc0b\x8a\xa2\xc2|&gt;M)\x16k&lt;\x84_\x8a0\xc1\xca{k\xa2\xd46R22\x9cWk\xe2\xa1\xa0\x00\xc2\xd8g\x1fs+\x05\xdd\x07\x9e\xca8\xc0ZY9A\x87\xbfI\xf0H\x16\xcd\x03(\x16\xba"A77h0k\xe6\x1b\x84\xf9C4\xb6X\xfc\xc2Cxy\x16\x13\xac\xb4\xb7z\x81k\xb7\xf6T\x8e\xd3yI\xdb\'\xa0\x08(\xe8V\x04\x88\xd0\x85\r\xa5vL`2\t\xb6Vff\x86#\x1a1\x81 \x01\x03_\xd5\xd3A\xa7\x7f\x15\xf9\x8a&gt;\x00y\xb1J\x82b\xb9\x0f\xb0\xd8\xa0\x16\xf5m\x1e6\xc6\xe6\xfeB\xednr\xf7Z\x8e\xb3a\t\xb0\x04\x07\x9b\xdck\x1fW[\xae\xc9\xd0\x02P\t2\x00+#n\x96x&lt;\x12\t\x81\x8b(\xc5=\xe3\xf4\xff\xab\x85\x88\xf8B\xdd1\xc0RV-r\x9d\x0f\xb1\xf1[\xe9\xb7|\x80\x95\x0cf\xac_\xef\xd7\x92L\x82\x03(4"R\x82\xe5\xc9\xa4W\x0fTc\xa0\xd6\xca\xd8h\x0f`y\x084\x1aW\x15Pj.w\xa0}\x0f\xbdE\xe0ZQ\xacb\xd6\x83\x07\xecE\x0f\xf2\xe6\x11F6p\xaa\xc5dr\x85\xc3MWy\xeb\x97H\x0eP\x0b\xa0 $n\x05\'\x07\xcc\x91\x05\xaf\xc9\xa4\x1f\xdb\xcaI\xcd\xe8G{&lt;\\.\x171\x1a\t4\xe0\xaa\x82\x86\x07,1\x9bK\x83\x94!\x94\x9f\xc7\x05\xd8\x12\x02B{_\x94\x8e\rV\xd1\xbei\xe1\xd4g\xe1\xf8c^\xfd%\xb5I@\xb9\x06P\xa9T\x06\x0c*M\xcf\x17\xc3z\xb5\x17R\x8fo&amp;\xc7K\x97\xd0\x8c\xdb"\x06\x91I\xf0\xd0T\x9db\r: `p\xd1\x10\xbb\x01\xd4\xaa\xc4\xa9\x16{\xbfC\xa6\x7f\xc8\xc3H\xad\x93\xaf\xc7|\xa9\xd4\x96\xe96\xcf\xf9\xb8\xc4\x01\x15;\x05X+\xfa\x10\xdd\xac\xd1\xfa\x86\x17j~\xfc\xd1/S\xeb\xf55\xaf\x1eX\nQg\xc8\xe0B%\x11\xf6\xff\xc6\xa9\x121\x8a@\xad\xd3\x9ffz\x16\xffB\xfd\xfa\xcd#\xac\xb0\x0e=\x9d\xc9I\xa5R3\xcbw\xef\xf6\x97\xa0r\xa1\xf7\xce\xa7\xa6\xf7T\xf5,\xfb\x16\xbc\x97f\'Ffc2\xd9\xecNb\x0e\xf5\xa6s\x994\x18_4\xc2\x8b\x03\xad\x94\x9dF&amp;Z\xc3c\x95k\x04\x08\xb5\xd4\x97\x98}\x19\x05\x8f\x9f\x16\xa8\xda\x8a\xbe\xe1^=`\x1d\xb4\xb8\xcfK\x1f\xd0hd\xcb@UO\xdd\xde\xde\x99\x18\x99\xa7~\xa4:J\xc6\x89\xac4\x02\x8d\xfb\x02\xae\xe1\xc1\x8eKt\xd0\xf1\xc5\x0c\xa0\xe5\xee\xdd\xc2.\'\xe6M\xed\xe7@\x8bg\xac\xb7;K\xd4\x8e\xa0+h\xd2\xeb\xd5t\xb3\xa4\xebN\xc9\x9dX\x19o\xad0S\xb1\xbdC\xdd)\xcc\x86\\\x08\xa69\x8b\xa5\xe0\xdb\xadV\xee\x0b\xc0\xeaT1,\x05\x05(V\x05\x83\xc6\xe5~\xfd\x0b\x96_\x0b\x9f}\xdb\x02\x13a\xa6\xbf\xbd\xacD\xdd\x17*\x0f\x85\x1czu\x87db\xefq\x97s\xa2\xdd\xc6W(\xd6\x0ckkk\xbaj\xc0:B&amp;W\xe3q8\x16_\xc4\xf0\xac.\xb2;\x19D"\x11\xc5*\xe54s\xb9\xb4\xbd[\x98\xfd\xe7\x08\x9a\xaa\x8b^\xb7\xf8|\x9b\x9b&lt;\xc0\nM\x8e\x96\x87\xfa\xf4\xf1\x17;\r\r\r\xad\xd46[\x9b\x01\x0c\xb2\x82\x85\xaf\xc6\x03\x169;+\x0b\x8f\xc7geA\x18\xdb\xee]d\xab,\xb9\xb9\xc4\x02\x85P\x97\xaf\xb30\xad\xcf\x7f\xf8//g\x1c\xd3\xe4\x9d\xc6\xf1qC\x04\xb9\xbb8w"k\xde!)\xb6\xb5%5\xbcE\x8e\xc2\x1f\xd8\xd6\x14\xd2\xd7\xd1\x82gJ\x9b\rR\x16h\xafC \xa6-\xd56\x94\xd86\x87\xcd\xb4\xa1fP\xeb\x84\x99\xd8\xb5\x13\x82\xa1\xd4\xda\x13\x0bI\xc9\xd5\xdc@\xcfR\x15\xc3E\x8c7e\xe9\x02\xa2\xb8\xa9\x9b0w\xcf\xef\xc5\xed\xfc\xf76^\x9f\x84\x10\xfe\xe2\x93\xef\xf3\xfc\x9e\xf7y~\xef\xf3\xbc5ky\x01\x0e\x05\xfd\x0fO\x96\xbf\x9dX\x01,(\x9a\x8f\x1c9d\xef\xed0\xe8\xdb\x0c\x06\xf2f\xa6\xdb3\xdb\xca=\xc79w\xee\x1c\x9f\xcfg0\xe8|\x8cYW\xc7\xc4\xe8y\xfb\xde\xff\xe0\xc0\xcd\x9b\x0cz\x97B\xd0\xf3\xef\x95\xe4\xf3\x89\x1a4\x17\xb3\x86\xa3\x10o\x9456\xd64&gt;\x8f\x86kk\xfb\xff|\xe4\xd0~\xeb\xa0q\xa0m\xc0\xd0\xe7QG"r\xb9|n\xe9\xf1d\xf3\xe4\xec\xe4ds\xf3dsi1]\\\x07\\4\xdd\xf9\xdd\'\x0e\xdc\xe4\x02V\xb5\xe0\xbb\xa93S\xa8\xd0Z\xe3;]47]\xf3U2\xa1b\xf5\xf7\xd7\x1e\xd9/\xecCo\xd0\xfd\xc1\xe0\xdc-dsssKK\x8f\x9f&gt;\x9dl\x86.\xe3\xda5.V\x87\\y\xb9\xf3/\xd0\xa2q\xe9\x80\xb5\xf3B\x19\x05\x13\x82\xe4\xfd\xcf\x86\x92{\xc9y\x97J~Lh\xdd\xef\x9a\xe9j2\xcc\xf8A\xa5\x85\x85\x85\xb9\x08P-&lt;\x06\xa8\xe6\x13\xd7\x0e\\\xfb\x1a\x8cIS*1egG1\x97O\xa7\x8b\xc0\x89\xdfP2\x7f\xba:\xf5}v%\x99\x10\xca\x83B\xab0\x827\x19\xf0\xd9\x13\xd7n{\xc2\xd6\xf6\xc0\xf2\xe2\xf2b\\=\x1f\x0fi\xbcF\x8d\xe1k\xc8_\x9c\xcb3\x03\xb4JO\x1e\x83O\xe3\x8aD]\r\xce\xeb%k}o\xfa\xcaC\xfb\xa2$\x11\x90\x07\x13\x91\x88k\x10\xf7\xe2\xa1\xc9s\xa2g\xcbO\xac7\x1e=y\xf4h\xf9\xf9\x8f?&gt;{6\x9f|\xa6\xa9\xa4q\xb6rn\xfb\xdb\xf8\xba\xa1B&gt;\r\xdd\x8f\x88\x14?M\xf0x\x94\r\xc4\xd6\xdc\x8f\xba\xac*G&lt;\x12\t\xb8&lt;}\x9e\xf6[KO\x83\xc2\x1b\xaa\xf0\xf22\xa8\x95L\xce\xcf\xcf\xbb\xd5\xee&gt;#\x1d\xbbY\x8a\xf7\x19\x8b\xf0\xa1V\x1a\x93O\x17\xd1\x14#\x17\xa6(\x9c\xd3\xddp=\x19\x0e\x08\xe1_\'\x02c\xc1\xee\xa1c\x0f[\x1e\xdeziK\x10\\\x8f\x1f/\xa0\xb0\x87\xf38Y\xd8\x81\x1bu\x9eq\x06\x86\x12\x18\xad\xc1y\xb7\x8c*\xb1PtM\xac8"\x0eG\xd2\xe4\x08\x7f\xa1\x1a\x0c\xb2\x0ei\xed\x0f\x91\xa1_\xe4y\\Z \xb1&amp;\xcb;\xc6\xc7u\xf8P\x88\xc6D7I4q\xcf\xf5\x12\xea\xc6\xad\xd7\xaf\x9fZI:\x1cn\x8d\x06\xb0\x84\x83A\xa8f\xb4\xf6\x16\xfb\xf0\xb0\x1d\xd1\x91Y\x02\xe4\xda=\xd9\xfcq\xc7\xf9\xee\xd0Lg\xa7\x11\x12\x05\r\xab\x10W\\\xba\xc2\xa3\x12\xab\xec\x01\x11w\xc4\xbd\xd1\xb8kL54\xc4\xd2Vi\x01\xc9\xbe\xe8\xb0y\x06\x97\x16\x16\xfc8*O!M\x94\xef\xeb\xec.\x0cu\xe6\xd1QR\xa5\x89+&gt;\xfa\xe9\xec\x06*g\xd3K^\x985j\x13\x11S\xbb\xc6\xac\xc1A\x16\xa85\x0cZE\xfc\xf8\xec\xec\xec\xed\xdb\xb7\xe1y\rM&gt;\x945\x80\x15\xea\xee6bl\x8c\x89\xd10i\xfd;w(\x1d\x99/\xf9&gt;\x163y\t"\x11\xb0\nm\xdd6\x96\x1dq\xd9\x036\x1c\x11]\xbe\xccU6\x97\x17B\x8b\x01\xcd\xe2\xf8\xcc\xcc\x0c\xbd\x0e\xb0\x98Li\xfd\xae\x95)J7\x0cJ\x1eI|Q"*\x99O\x04"\x1e\xdc#\xaf%\xb9\x8e\xaa&lt;\xf8\xec\xaaV\xa1\x8e\xf2\xbcr\xc0\x1a\x0f\xe9\x8c{1\x0e\x07Q}\x94+x@-\x16\xef[\xb79\x16#L\x12\x8d\xdb\xed\xc1\xfdp\x16\xabN\xa1R58\xe8\xf1\xe3\xe0\xc9PG\xc7\xee\x8e\xbc\xf2qD\xa5\x14\xd5\xc9\xd8R\xa9T\x96[\xafxp\x86b,G\xd4g1G\xa3\x84\xdf$!\xbc6\x97\xb6\xe5\xd4\xa9a\xbb\xbc}\xd0\xe3\xe9\xc3\xf1\x10\xde\xbdo\xdf\xf9\x8e\xbc\xf1B\xa3r@\x89A\xed%e\xcbrswU_l\xa4vM\xe4\x87\x84\xda\xe7\xf4\x11\x12B\xa2\xd1\x9b\xf5}jymm-\x8b%\x07\xb5:\xbb\xf1\x10`\x01W\x9e\xceXI\x87G5\x93-\x16Ks\xc1*\xaa\x9f\x97Q\x8bu\xc5\x15\xf4:\x9d1\t\xa1\x89\xc5|f\xc2\xa4\x1e\x1cl\xef\r\x06\x87&lt;\x83C\xc8\x8dy(\xb0\xf2t\x95"\x9a\xb8\xa1\x81-\x15KeYYY2q\xf5\x0b\x8a\xb1\xce\x86{m\xbe\x11_\xd4l\xd0\x13f\xb3\x9e\xd0\x93#\x826u\xdc\xa6V\x0fAV\x08\xe9 \xd4A+\xb1\x18\x93\xb2\xeb\x98@\xf5n\x96\xb4\xe1u`\xc9M \x97Y\xef\xd5\xfb\x80K\xef\x95\xa8\xd5q72\x9bz\x08\x9f1\x18+\x954\x1a\x86I\x99R\x99\x8c]\'\x03*\x19\x93V\xfd}\r\xb5Xw\x02\xc7\xe4A\xb3\xc0\xd2f&amp;\xcc1}\x9b^OD\x93Iu\x1c\xc8\xe2p&lt;q\xd4k\xd00\xa6T\xca\x06\xf7\xe5\xcad\xf9Y\xd9\x1c)\x06X%\x94bm8\xb3\xd8/\xef5YvZ\xccf\x8b\xc5\xeck\xd3\xc7\xbc\xa6\xa8$)\x91h\xbc\x12oT\xdf6\xd0\x05m\x0f\x1b\x84\x92\xe5g\xe7\xa3\xe1\xe2\x1c6\x13\x13Y\x1e\xf1\xa8U\x0ba\xc9\x83~\x81\xc0g\xb68\x9d\x163AH$\xd1\xa8D\x13%\x08\xbd\xde\xd0\x86\xde\xbbbL\xc8\t\xb9\xf9h\n;{k\xb6\x0c\xbaF\xca\xb1\x90Z\xa3\xf2c6\xbd\xc2\xe9\xb3\x08\x04N\xb39F \xa2(zG\xacokjRTH\xd9\xec\xdc\xac,4t\x8a\xb8\xa0o|\x89\xf5\x06\xa5jM#,G\x1c\x92ju\x85`\xc4\xe2\xf3\xf9b\x10dD\x0c\xfe\xf6Y\xba\x14\x15\xbb@*p\xdeV4\xdc\x9c\x9d\x9f\xc3\x06\xb1\xf8\xf4&amp;\xca\x9d8\xfdi\x7f\xbf&lt;\xe2PG\xf5&gt;h\x95w\x8e8-\xcej8\x92&gt;\x8b\xa2\xa1K!\xae\x90qr\xf2\xc1\x7f[\xb6lAP\xa8\xc9\xc6\xf8\\\xfa\xc0\xeb\xc1r\xb9\x1cj\x08r\xbdb{\xfdN\xa7S\xa1\xa8\x86\x9f\x06H\xa0RY&gt;\xc49\x82\x02\xaa\x9c\x9c\x1c\x8e\x8c\x89\xc4\x02\xac\x12\xaa\xb1FGGU*!\xc9%!|\x8a\xed\xdb\x05\x02\xc1\x88`\x17i\xf5\xe8\xed9Pm\xdd\x8a\xe6Msrdl\xa0\x82\xf6\xb5\xe9\xfek\xc0b\xa9\x84\xc2D\xc2\x1d\x07.I\xd4l\x81x\xaa\xcfz\x17\xd2A&gt;\n\xf4\x971E\x1a\x87\x8d\xf1\xf9\x80\xa5l\xa2:\x9d\x82\x13GY\xc0\x15\x0e\'\xdc\xa0\x97\xc9d\x92Dc\x10Wbi\x05\x9b\x93\x03G\xef\xf0\xe1\xc3\xabP\x10Yl&amp;\x8d/\xa2\xd3\xe9E\xaf\x05k\x94%D\\\x8e\xb8\t\xe4\x02\xd3h\xbcD\x0c\xbd_\x15K\xd9\x1cN\xfe\xff\xa8\xc8S\xc8(*\xa2\x18\x0b\xbd\xe5_\xfc\xec4\x8b%\x14\n\x03\x01\xc4\xb5J\x85\xb8\x0cmM]"\xac\x0eNb\xce\xcf\x1e\xac#\x03\x0b\xa8\x94\x95\x08\x8b\xba\xf6\x15\x1e\xd5\x81\xf7N\x1f\xa9\xad\xb5\x03\x16p\xb9\xd5&amp;@BT\x90\xe1+\xbbh\xaf`\x91y\x94\xcf%\xb1\x8a\x94\x0f&amp;\xca\xa8X4\xfd\xf9#\x01\x8d/\xe4\x9f\xbdw\xfa\xa4][+T\xa9\xc2\tG\\-\x89z\xbd$\x15&lt;\xa4\xc5L\xf6\xabT|t\x11H\x9aR\xd0s\xf1\n5\xd7H\x88\xaa\xec\xee\xdf{\xd1\xac[\x8b\xd6^+\x87\xec\x15\t\xae\xea\x05.\x1ch"\xb1V\xb9P\x1a\x15\xd3\xe8J *..\x06,\xe9\xe6\xd4\xcf\'J\xd6x\xea\x14\xad\xe2\xd74N\xdd9{\xb7g\xa4\xf7\xd3\xd3\x7fmii\x81RY\x05\xe6r@\th2AfE\x13[ht\x85\x8d\xb6\x7f\xa0\xd2\xc2D"\xe5^d\xa5\xc0\xa5l\xc8\xde\xbc\xf1\xf8\x14oM\xefMy%5S\xf7\xee_&lt;\xfe\xf9\xa5\x83\x05#\xed\x80u\xb2\xe5$\x94\xf0V\xf0#\xe8\x15t\xb8\x91d\x00f\x18\xa8\xec\x12\x03\x18\x184\xd3]$Ui)\x92K\xa9\xa4\x1d\xfe\xe3\x9e\xabh\x8aem\xe6~\xd0.u\xd9\x7f\xbe\xd9\xf6\xcf\x94\xdf\xa7\xed\x01kh\x07\'\x82ZZ\xbb\xddJr\xb9"\x91D\xc4\rE\xa0\x1fJSC\x13*\x02\xd1u.\xda\x05\xda\xdb\xdaZJb1\xe8J\x06\xf6\xf6\xbaK\x13\xbf|\xc2\xe2\xb7F\x14\xaf\xe6\xce\xd5\xe3={23\xd23\x11U\x81\x00m&lt;\x9cl9\xa5\xd5\xda\xb5V\x14\xf7*W\x02R+\x9cI\xd4\x90\xcd\x18\xd0qdb@E/\xda\xdb\xda\xdcZ\n`\xc5\x07\x18\x90Q\xf9\xd9\xebR\xb7\xddk\xac\xe1\xfd\xc6\xdd\xef\xd5\x18\xbfrw\xdb\xc1\xcc\xb4\xcc\x8c\x8ctR\xac\x02\xf1*V\xd5\x8e\xe1a \xb3B\x02\x0b\x87!U\xa0\x9c\xef\xf1\xfb\xfb\xf06hz\xc0Dt\xd0J\xd7\xdc\xdc\xfa\x0b\x16\xf7O\xeb\xd6\xa5\xf6\\\xf8\xeaN\x19\xef\xd7\xef\xca\xaf~5\x81w\xf6\xcbK{2I\xaa\x8c\x8c\xb4\x02\xb0M\r\xe4~H\x15\xf4\xd2;\xd0]\x8d5\x00\x89u\x11\x0c\x04\xb3\xa9m&amp;\xff\x0c\xe4\t0\xbar\xaf\xb1\xb5UGN\x8e\x143\x18"Q\x11\xffmr\x13\xf6\x1f\xef\xdc\x9dh\xe4\xad\xffU\xb3\x8bhF\x11Ns\xe3\xd5\xef\xf6\xa4\xa5\xa5\xa4e\xa4\xa7\xa6g\xbc\xf9\xd6\xa6M\x05\x9b^b}\x08XG\x8f\x82`\xfb\xad\xd6\x80uz\xfa\xc6\xf4t \xec\x824\xe6\xc1\xa1s\x05\x83p7\xb6\xea\nI,\x10K$b`h\xb1s\xe3\xc6?\xfc\xae\xa0\xe7\xf8\x97\xf7\x1ayd\xd4\xae\xff\x7f\xf3fM\xd9\xd4\xbf\x8e\x1fLKIIAZ\xa5\xa6\xa6\xa7g\xa6\xa4lJI\xd9\xfe7\xe4\xc4\x0f\xab\xaav\xec8\xfa\xc9\'G\xb5\xfb\xc7\xc6\xbe\x18\xbb\x01\x06\\a\x97{\x08\xb0\x94t%\xa2\xd2\x15\x86\xca?\xfe\x80\xc4\xe2rE\\\xd9\xba\xcd\x9b\x01\x0b\xec\xbf\x8d\x9c_l\x1cW\x19\xc5w\xe7^Og4\xe3\xcc\xcc\xd2\x16mR\xa4\xba^\x13"\xd9\xd1\xaa\x86\xd2D\x8b\x89\xfb`J\x8c(\x89"7}AF&amp;E\x84D\x11\x8e\n\x8b"\x13\xc9y\x08(N\xa3\xac\xd7\x1b\x15\x12QQ\x16\x1cP\x94\xa4$\xc6\x8b\xab\xb0\xd8\x8b\xec\x8d\xe2\x95*GhkDe;y\xc9C\xde\xf2\xc6\x0b\xe7|w\xd6i\x81\x02\xd7\xc9x\xff\xccz~s\xbe\xf3\x9d{\xd7\xc9\xac\x15\xa4\xf2\xe5\xb5;\x87v\xfd\x7f\x9f\x8f\xf2\xf8\xe3^v\x1d\xba\xd3XM\x03*e\xa8"7\x08\xb4KD{q\x1e)\x0f\xaa\x8b;\xff\xb6\xb3\xa3\xbb{\xe2\xdc\xb9[\xd3\xd3wG\xc15~}\xf8\xfc\xa9\xdf\xfc}\xffk\xd0\xea\x0b\xa0\xba\xd99\xd0\xdb{t\xf7nR\xf5\xbc\xf4\xcc\x93\xc4\xe2\xe5\x80ma\xa0\xb5\x9f\x9c}\xd8\xb8\xdc\xf7\xbf\xc16\x91\xfa\x0e}\xb8~\xbfY6J\xd9\x9e\xef\xfb\xa8\xa3\x1f8\x8e\xcd\xfb\xd1\xef~\xf9\x8b\xb7\x7f\x06*\xa8\xd5A\xaew\xa7\x895\xfa\x8f\xd1\xbf^\xef\x1f:\xc5\x1a\xf6`\xd1\xf0\xc3\xde\x9b\xf3x\xdf\x7f\xe6X\x8c\xf5\xe2\x8eOo\x89\xafRlk\x0f\xdbCK[N&gt;S_\x7fg\xd7\x7fw\xd9\x13\xf1\xe7\xad\xdc\xbe\xb7q\x7fu\xa6\xd0l\x16f\xb3\xc0\xb1]\xcbr\x921\x16m\xe6}\xfe\xca\xd7b\xac\x8e\x0e\xe1\x9a\x98(\x02kt\xf4\xeex\xff{\xd7&gt;\xd8O\xaa\xfd\x90\x8a\x83b}\x91T=/&gt;\xdd\x12K\xfe\xf0\xa2S\xcb\xf2\xb3\xa5\xdc\xf2\x87\xaf~\xb2d\xf1\x8cwycu&amp;].\xe5\x97\xd2\xf5\xfaLy)\xb2\x81\xe5;v*e;\xf0\xbc\x87\xbb\x8ek\xff\xe0\xe7o\xff\x04\xce\xea VwGw\x11X\xa3\x06k\x18bq\xd1\xc7\x7f|\xed\xec\x9c\x9f\xef\xec\x8d\x9d\xd5\xd5\xb5YC\x98\x9eT\xbc8\x1d`\x96\xae\xc1e}\xff)1\xcc\xa5\xef\xcf\xef\xea\xbb\xdch\x16\xca\xa5Z\xbe\xda\\^i\xac5\xd3\xd5A\x89\x06\x1b\xfdgk\x87\xb7H\xe9\x1e~\x0bX\x17c\xad\xf8\xff\xbf\x8b\xa3\xc25=\xfe\xde[\xc7\xbbz Uo/\xa1\xe6\xe7o\xa2\x86\xfcW\xce\xae\xae\xe7\x9e\xe5\xa5\xdf(`\x9b\x15r+\x97\xcc\xb7\xa3\x96V\xd0\xee\xcc&gt;\xb8\xd3\xf7o!\x1b\x7f\xa2\xc2;w\x1a\xf5\xc2\xdcR\xa9\\Y^_oTfk\xb5\xb9G%\x88\xe3&amp;A\x95T\x1aL\x8eg\'a5\xef\xe0\xd8\x8f\x8e|\xc3\xa8\xc5\xb1\xb3[\xc4\x1a\xbd5|e\xe0\xfb\x80:\xde;00?555??p\x94b\x91jG\xb8E.\x80\xa5\xaf\x08\xd5\xde\x1e\xb3\x85\xa1\x1a\xccWg\x96o\xbf\xbf\xeb\x89\x8f\x85\x99\xb1\xd4\xfar%3;\x9b\xa9,\xaf\xac\xaf\xd4\x0b\xb3\x83\x8e\x13\xe4\x1f\x95\x97&lt;\xc4\x022\xd4\xf6}bi\x98\xcb\xf1\xf5\xb6\xef\x8d\x1c9Bk\x11\xac(\x9a\x8d\x8e\x16\xa7\xfb/\xcd\x1f\xdd}\xac\xb7w\xe0f\xe7\xfc\xd4\xe9\x1bS\xad\x1avu\xf5|\xfdSmO\xc5XR\xc0\x18\x8e)V\xabf\xd2\xe5\xb9Le\xadq\xfb\x9d\xbe]\x8fE\x83R\xef\xdf[\x9b\xe1S`j\xac\xcdT\xf3)\xcfQ\xcaQ\xa54\xb8l\xaa\xe5\x86\xber\x1cG{\xc4\n\xfd\xc57\xb6\x1f9\'e\xfc\x12\x90\x8a\xdd\xa3\xdd\xc5b\xf1\xd6\xf0\xd8\x01$\xc2@\'\xa10n\xccw\x9eA\xc2\x03\xab\xe7\x9bO\nU\x8c\xc5\xe2\tV\x18\xfa\xb5j\xba0\xd3L\xcfU\xab\xe5B\xb3\xb2\xb6r\xf9\xd0\xab1\xd8\xf3\x87\xee=\xc8\x95\x0b\xab\x1b\xeb\xeb+k\xcd\xb9\xbc\xedD\x91\xd6\xc0\xd2\xf6\\.\xb3\x04\xb5`x\xdfU\x98\xab1/\xda\x9ec\x85\xce\xe2_\x86\xbf{\x91z\xc1[\x90\xeaO\xa0\x9a\x1e\x1f\x1a\xbbqR\x9c~\x9a\x17\x16\x9c\x9eb\x1f\xd2\xf0[w\x04\xf2\x99\x02\x9cz\xda\x8cX\xb1\xb3\xa2R\xae\x90\x9e\xa9o4\xe0\xe4\xf2\xd2R\xb5\x9c\xab\xdc\xbfg\xe6\xcc\xc4\xbdJa\xa6\xdeX__^-\xcc\xe6\xb36m\x8dL\x07\x96\xa3kxU{+W\xf9\x00\x00\x06kIDAT\xdeK%9%z\xc8\x06[k\x06Y\x08\xae\x13\xe7/Jn\xe1\xab\xd8]|wb\x82X\x0bSF\xaa\x85\x05^\xf00pF\xfc\xbe\xf5Y\xab=\xa6\xa2@\xc6XtU\xdb\xe0\\\xa1P\xad\xe5\xe7f\x1e,7\x1a\xcb\xf5B5\x9f\xaf\x16*\xf5\r.\xfb\x13\x0f\xeb\x1b\xec;\xb4`\x96q\x89\xde\xf3}G\xb9J)\xd7+\x15\x9a\xb9\x1a\xbbQQ&amp;7\xe9\x05\n\xdf\xc9\x95\xfa\xf1\x85[\x13\x13&amp;"P\xc7\x89\xe9\xe9\xf1\xe1\xb3\x93\x0b\'\x0f\x00jrrR\xa8\x8e\x81\xaa\xe7\xb3O[\xedmRA\x8e \x08\xa5\x80\x8c\x87\xfc\xa3B\xba\x94\xc2q\x92\xb5\xd2\\aum\xf9~%W\xca\x972\xcdz\xe3\xce\xa1\xc4J\xe3\x01d\x1a\xe4\x84\x87c\x03\xc1\xf7\xb5P!\xa7\x92\xd5f%3\x18\xe1a\xdbV\x96N&amp;U\x00\xd5P\xc6\xd0\xb1\xf7|\xa7\x7fZr\xde`\xdd\x02\xd6\xd8\xe4\x95\x85+\x93\x1c\xa7o\x9c\xec=\xb6\xbf\xab\xe7\x99W4\xa8\xcc\xd5\xdem[\xda\xac \xb0BK\xfc\xa5\x96r3\xe5\xbc\xe7z\x9e\x17yD\x9bM7\x1f\xd4\xeb\xcdLi\t\xf2m$f\xaa\xb5\xa4\x0c\n\x05\x99\xd0j\x8e\xf2\x0cV4\x98y\x98\xcb\xb3\xb0\xf0\xbae\x89\xe3A\xee\x83\xcbW\x87\x7f}a\xba\x08g\x81\xaax\x17X\xfdC\x97\xc6\xc6&amp;\xcdX80p|\xffs[_yY&gt;8\xc3`\x19*\x8b\xc1\x15\x86\xd1l\xae0WSp\x07\x8f\xe4\xc2\xc9\xbe\x9f\xcd\x97\xca\x85J\xa5\x89H(\'P\xba\x14\x85\x8ap&lt;\x85\x9c\xc2Z\xc1\xec\x8c\xd3\x88T\xad4\xc8\xd9\xdaFt\xc1\xea\xa0SN\xcce\xb9\xf6\x9e\xbd\xd7GI5\x01*`\x8d\x9c\x1d\x93\xc1\x1a\x0e\x9c\xd9\xff\xd2\x97?\x13\x84\xa1\x91\x89\x9b\xa7\x10\x9e\\?\xc8\xe7\xdb\xe4\xcbHk\x129\x1a\xf36\x06\xbe\xe9@\xab\xa8V\xca&lt;\\\xad\xe4\x12F(@Q",B\x1d\xd7\xc8\x1a\x0f\x8fsN\x84v\x8ct\xc0\xb5M2jq\x85\x8e\xb7\xf8\xe6W\xc7\x8blC\x885\xde\xbf\xfd\xec%\x0cr-\x1c\xe8}\xed+\xdb\xb4\x10\xc4\x83\x8b-\xde\xb7\xb4\xe69\xf1|\x1d\x86\x0e:Ksk\x8e\xe6J=K\xb9\xd5\x84m\x98\xd8z\x10H6\x9e\xdc\xf7-\x05\xbfE\xca\xc5\xd4\x88LM"\xc9\x14\x96:\xa9\x08{(\xed\xf3\xc4\x95\xbb\xb8\xef\xf5\xebXBL\x8f\x13kh\xe8\xec\x0b/@\xb2\xc9\xa97\xbe\xdd\x82\x8a\x03\x9d]\x18\xe8\x00\xeb#\xa5PIZ?0(\xdc\xba\xae\x1c\xd4l\xa3\xc8\xd1K\t\xb1\xb9Pi\xd5\xda\xc3\xf6$=#\xc2(&gt;\xc0:\xcb\xeb\xc8e\xe3!X\x90\'\x8dz\x1f\xde\xf7\xe7\x9f\x8eS\xac\xfe\x91\x91\x91\xa1\xabW\xcf^\xba\xf6\xc1\xc1o9A\xb89\xbf\xf0F\x08"\x00@q\x85\xa7\x00\x88G-\xedHl\xe3\x8f\x1cU\x9c\x83\x9b\xf8\xf1N\xc23L\xac\xb1\x11L"\xd3\xd2\xcas\xb9\xc0\x82\x97\xf0\x12[\xfa\xd4nq9\xc2\xe5\xfbX\x9b\xe0\xe6\xe2\x9e\x13\xaf\xff\x01\xef5\xb6\x0f\x8f\x8c\xfc\xf6\xea\xa9\xbdo.*\xb8\xa8]\x96\x0b\xb48\'hm\xea\xc4\x9c\xd6\x01\n\xc9\xa0\x08,j\xc7\'D7\x80\x982q$\x94\x8a\x9f2\xcfE0=\x9aX\x13\x8f\x83\xbb3L\xc5\x82\xa8v$\x1d\xe2\xc6\\\x18\xec\x90\xe8s\xfb~u\xe1&lt;\xa8\x86\x04\xca\x17\xa8vY\x1f\x93\n\xea\xc4\xee\x01\x87\x83R\n\x16\xb6\xfc\x04%6\xbf\x1c\xd9t\x7f\xec\xa0D\x0cj:U\xd1\x11\xed\x88ST8\xe2r\xcb\xa6\xb8\x8f\xb9P][\xb8&lt;\xe9\x8ex@tg\xdb\x9e\x13\xd7~\x7fa\xef\x1faA+4\x83\x9fs\xc5\x80\x10\xa9\xc4\xd6\xe85-\x06#Q@\xf3\xe3\x0b\xa8\xee\xa6\xb9\xe4\x16P\x12\x9e9\xb8\xcb\xd3\t\xb8\x9c\xc5O\x89\xec\xe8\xa3X\no|&lt;\xb3\x86V\x9a\\\xc9T\xd6\xe6\xbb\xa1\xd6\x10\x8f\xbc|\xf8\xe0\x1e\xf4\x83\x8e\xa9,RQ*-! \xc3\x10\xc9\xa0\xed5\x90|\xa4+,\xeaI\xcf\x8b\x06\xe2\xf5\x84m\xb2\x14\xa4\n\xeb\x8c\x08:D\x86@B\xd4\x88\xea\xfb\x90\xcf\x8b\xe8\xba\x00\xcb\x88dD.\xc5\xf2\x99\x93\x14\x0b\x88\xc0t\x0e\x87)\x14?\xc9\x03K$\x8d\xc2Q\x15\xdd\xa2b!9$\xb0$c\x95\xa4\x01\x8fE\xc9T\x0b\x8b\xabv\xd4[\xe3\x80\xf2v\x90\x0fQ.\xa1\x870\x8aQ\x86Y\x08?\xd3\xa3\x94l\x81\x08\xf3\x90t\x88\'. T|&lt;\tG\xd6O*\x05\xfd}X#\x88\xc5\x8a7\xe0\xd1\xbe6\xa6s\xd8:\x91g4\x90\x1edn\xc5zA\x7f4 V\xee\x84J\x99@\x17\x18t\n\xca\x8a\x00\xa1\x1a\x98\xb5#\x15\xc9\x0eX\xf2x\xd2\x1a\xe8\x04W\xc0\xe3r\xa1\xaf\xe1\xd1PRJ\\\x14\xc8=\xb6\x1eq\xb9\xf5\x85.\x0eQ\x85\xb8\xf1c\xbb\xbb\xfc\xeb\xd2[F\xafl\xd6c\t\x02\x8f!\x8a\xfb\x122\xb0\x15\xd4a\xff\xb1\xba\xcc\xf8\x082)O^!\xb2F\x02\x16y\x92\xc5Z\x9b\x1c\x08x\x82\xf8.\xddg\xd1\xe1\xed\xa1\xcfM\xe00\x1aXE\xec\x19X\x8e\xb4\x1d6\x81\x85\x9e\xe6l\'\xf7&lt;/\x813\x15\xae\xc1A\xcc~\x1e&amp;|m\x9e\x8c\xb0+&lt;C,\x94+\x95\xcd\xdadK\x92\rU4X)\xfeZ\x02`\xb1\xc5T\x1c\x8f2\xb9E\xad\x0c\nH \x12\x11K\x07\xccQf\x17r\xd5\n`t\xec\x8b\xc3B\x02\xf8c3$\x12\xf2F\x0bZ\xf1\xd71\x08uD0\x85\xe7\xfe\xd8\x15/\x92w\xad\x10\x86S:WdRp\xa9r\x8a\x8f\x180\xc9\x90x\xe6u\xa4g\xa2\xc8\x8b\xb3\x88\xf29\xc6P\xa1\xf58\xb1\x02\xea(\xa1\xaf\xc5\xbd\xd0\x01\xcb\x12#\x9e\xe7&amp;d\xb2\x11\xb1\xc8\xc5\xf5\x0b$\x96\x12\xf8\x9avWRd\xf9mM\x96E3\xd6\xe3\xb7\x94\xe1J\t\x98Q\x86\x1d!O\x01+bk\xb6r\xdb\xa1\xdf\xb4\xb8*\xb4\xccF\xcaKb\xcdf\xa1A\x94\xa5\xe3~\x84Z\xb0\xab-\xbf\xbb"W22U\xc7)zf\xd6\xe6D-G\xca\xb2f\xa9M\x9e\xcd!\xc42MA(;\x19\x17vs\x98\xa5\x89\xa8&amp;ij:\x11\xe5c\xb1\x15\xa7_%\xe2\xb2\xf5\x95\x12\xb3A\xf8\x84L\xdc\xd9\xc1M.\xaf\xd5 |\\2u\xd3E)~=\xa6\x12\r\x85K\xe8\x92\x8ao\xde\xb2\xc9\x98\xaaEfR\xd2\x88)3o\x10/\xadx?b\xb3\xf0\xb4m\x99u\xa3\xc8u\xe2\xc9\'\x83\x91\xcem\x8et:\x13\x8f\xf4\xc7\x86&lt;\xd7\xda\x98\xfb\x1f\xdd\xf0\xdb\xe6\xcd\xd6\x90\x9f\xc1\x9f\x94\xf9\xa4\x91\xfe\xd7\xd1\xda\xfb\x9f^d\x18~\xaa\xd1\xb0A\x00\x00\x00\x00IEND\xaeB`\x82'</t>
        </is>
      </c>
      <c r="M294" s="3" t="n">
        <v>45492.67787037037</v>
      </c>
    </row>
    <row r="295">
      <c r="A295" t="n">
        <v>885179</v>
      </c>
      <c r="B295" t="n">
        <v>1977</v>
      </c>
      <c r="C295" t="inlineStr">
        <is>
          <t>Paulinho</t>
        </is>
      </c>
      <c r="D295" t="inlineStr">
        <is>
          <t>Paulinho</t>
        </is>
      </c>
      <c r="E295" t="inlineStr">
        <is>
          <t>CA</t>
        </is>
      </c>
      <c r="F295" t="inlineStr">
        <is>
          <t>ATA</t>
        </is>
      </c>
      <c r="G295" t="inlineStr">
        <is>
          <t>CA/PE</t>
        </is>
      </c>
      <c r="H295" t="n">
        <v>175</v>
      </c>
      <c r="I295" t="n">
        <v>10</v>
      </c>
      <c r="J295" s="2" t="n">
        <v>36721</v>
      </c>
      <c r="K295" t="inlineStr">
        <is>
          <t>Right</t>
        </is>
      </c>
      <c r="L29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bbd44d7-bea6-4ce2-b3b9-15faaba6b4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84\x06S\x00\x00\x00&gt;tEXtComment\x00xr:d:DAEewil2SDw:3759,j:3325205453230688475,t:24032721W\xbf\x04\xf4\x00\x00\x00\tpHYs\x00\x00\x0e\xc4\x00\x00\x0e\xc4\x01\x95+\x0e\x1b\x00\x00\x03\x00PLTE\xff\xff\xff\xfc\xfc\xfc\n\r\x14\x11\x18"\xfe\xfe\xff\xfe\xfe\xfe\xfd\xfe\xfe\xfe\xff\xfe\xfe\xfe\xfe\xfd\xfd\xfd\xfc\xfc\xfd\xff\xfd\xfd\x0f\x16\x1f\x0e\x14\x1d\xff\xfe\xff\x08\x0b\x12\x0b\x0f\x16\x0c\x11\x19\xf8\xfa\xfd\x13\x1b&amp;\xe9\xb8\xae\xfa\xfc\xfd\xe8\xb7\xac\xf2\xf6\xfc\xcb\x88z\xe5\xb3\xaa\x06\t\x0f\xec\xba\xaf\xec\xbf\xb2\x06\x05\x07\x10\x0f\x11\xec\xc5\xb6\xc1{n\xe1\xb3\xa8\x0b\n\x0c\xe3\xb7\xa9\x1b\x18\x1a\xcf\x8e~\xe0\xaf\xa5\x1e\x1d \xfa\xfa\xfa\x15\x14\x16\xf5\xf9\xfe\xdd\xad\xa4\xe8\xbd\xb1\xdb\xad\xa1\xd4\x94\x84\xf7\xf7\xf9\xf0\xc2\xb8\xe6\xbd\xac\xf3\xcc\xbd\xdf\x9f\x91\xb9\x8e\x87\xee\xc4\xb0NPU\xdf\xa4\x92\xec\xad\xa6\xdc\xb1\xa7\xf2\xc8\xb8\xbcti\xe4\xb1\xa5\xe0\xad\xa1%#%\xe3\xb7\xad\xe9\xb3\xa6\xd3\x8f\x83\xef\xf2\xf6\xc5\x87w\xd3\x86\x80\xed\xc6\xb9\xee\xc9\xbb\xc6\x81t\xbd\x94\x8e\xf2\xbf\xb3\xc1\x99\x91\xe9\xea\xec\xe7\xab\xa0\xee\xb4\xab\xf1\xc9\xb4\xf1\xcb\xba\xd8\x8a\x86\xd7\xaa\xa2\xc0\x82s\xd0\x98\x8e\xd7\xa8\x9d\xd1\x9e\x93\xf4\xf5\xf8\xdf\xa6\x9b\xd5\xa3\x97;*,/.0\xd6\x98\x87\x99jc\xd3\xd6\xdc\xd7\x92\x8b\xc1\x91\x87HIM\xed\xbd\xaa\xf3\xc4\xbc\xdf\x98\x92\xe5\xa5\x9d\xed\xee\xf1\xbd\x83z\xe4\xa6\x96V@A\xb9\x88\x81\xcb\x93\x86\xb2\x8a\x83\xdc\x98\x8b\xe0\x91\x8f\xca\x9c\x91*),\xe2\xe3\xe6\xba}r\xf2\xc7\xbf\xdc\xa0\x8d\xe8\xc2\xb2\xd8\x9c\x8c\xd6\xaf\xa7\xc0\x8b\x81\xde\xa0\x99\xec\xf2\xfc\xc3\x86}0"%\xdb\x8d\x8a\x8c\x90\x9949A\xc7\x95\x8c\xbf\x9e\x98\x9a\x9e\xa5\xeb\xe4\xe4&amp;\x1b\x1d\xd0\xa9\x9e\xdb\xa6\x9f\xed\xbb\xb4\xcb\xa3\x99\x98rp\xb3rf\xa4\xa9\xb0\xda\xde\xe4\x85hg\xeb\xa6\xa1\xdc\xb6\xaa\xe1\xe6\xed\xdb\xb6\xaf\xd2\xa2\x9c\xe8\xba\xa5\x1d#-\xe8\xee\xf7\xc7\xa8\xa0\xb9{l\xcd\x97\x89F24\xb3\x84{\xc8\x8d\x82735\xaalcaGG\xa8~y\xc8\x9e\x97\xa9\x85\x80\xb2\x94\x91\xeb\xb1\xad\xe6\x9c\x9a\xf4\xcd\xc2\xf2\xb8\xb1\xf3\xbb\xb9hPR\xf5\xf2\xf3\xa2qi~`aP99wZZ\xbd\xc2\xcaEDC\x88]X\xa3ha\xaf\x8b\x89QV`\xeb\xdb\xdb\x8dmm\xcd\xae\xa5\x81\x86\x8f\xb2xk\x8feb\xd9\x9b\x94\xdf\xbd\xb5\xca\xcf\xd6=AH\xaawo\xe2\xbb\xaf\xd7\xa8\x93\xb5\xb9\xc1\xe5\xb4\x9f}~\x85\xcc\x88\x83\xae\xb2\xb9\xe6\xc2\xb9\xd1\xb4\xac\x9c~}rx\x81\xe1\xae\x98YVWsSQ\xb3}uDIT\xbd\xa3\xa0\x90\x87\x89\xe0\xce\xcd\xe5\x95\xa3\x93ZS\xb0mb\xa7\x90\x90\xea\xb2\x9f\xd0\x7f{\xa0xt(.9\x7fRL\xf8\xbf\xbf\xe7\xd5\xd4A;&lt;nIE\xde\x8d\x9d\xaf\x9d\x9c\\aj\xdd\xc6\xc4\xc3\xc8\xcfglt\xd4\xbb\xb8\xc7\xb1\xb0\x9e[S\xcam\x83sru\xca{x\xf7\xac\xba\xe0\xd9\xdc\xe9\xa0\xa9\xd2\xcc\xcf\x9f\x89\x87\xac_Y\xc8sr\x8ayz\xe1\xa5\xa5ca`\xb9\xa6\xa9\x9a\x8f\x91\xf4\x9e\xb4\xbfjf\xd2\xc2\xc6b97\xbf\xbd\xc2\xf2\xcb\xca\xd8|\x90\xbb[s\xf3\xed\xebG" 5\xe15T\x00\x00 \x00IDATx\xda\xbc\x98mH\x1b\t\x1a\xc7;\xbb\x1a3-\xa4\x8b\xb7Y\xb6[2\xe4\xc2\xd4\xc9pG,Xb\x17\xd7\xa1\x9a\xe5b\x1b\xfb\xe1\xdc\xbd\xd8L"\x86\x9eo\xad\x85\x19\x15\x9bb0m.W1*\xdc\xc1r\xd9\xd81\xf6\x05\x97\xf8\xd6\xd1+n\x93\xee\xeaQ\x82\xa5\xbd\xd1;\xa1]p{D\xda\xdb\x1e%P&lt;X\xd2~\xd8\xde\x97{\x9e\x89-\xf7\xf5`\xe2\x83\xc6\x08\xd2\xf9\xf1\x7f\xfe\xcf\xffy\xd2={\xfe\xef\xd2\xebIR\xaf\xc7\xd7\xbd:RG\x92\xa4\xd5J\x10Vb/\x01o\xe0\x1d\x89E\x10\x84\xbeP{v\xabv\x9e\xa6\'\x81\x05\x81\\\xaf\xef\x8an\xd7h\xcbvK\xfb\xf4te\xb9\n\t/\xc0\xbeg\x17\xa9\xf0Y*\x19\xa9&gt;\x9d\x10\xeff\xec\x99\xd5\x9c\xf2,\x97\t\x87\xc3?\x8c\x8e\xba\xcb\x89J\xc2\n\x92\xed\xd9m\xb5T!\x08ce\xbd(\x8a\xe1\xdc\x03\xbfdgL\\6\xcb\xf3\xf6\xc1\x91\xf0\x0f\xae\x96\xed\x17\x95\xd8\xc5\x02W\xd9.r\x81}\x8c\xe5\xa3#\xb9\xdcm9\x9b\x97\x18\x86\xb20&lt;c\xb10\x7f{\x96{p;\xafdD\xa2\xdcH\x16&lt;\xf8F\xdd\xe2c\xa1\xa5+\xa7G\x07C\x0c#p\xbc\xc2Q\xef\xec\x7f\x8f\xc9r\x16\x0bE\xf3!^\x10\xfc\xca\xaa\xbb\xd2H\xbc\xe5\xda\x05*C\x99\xea\xaa\xe9\x96\xed\'v\x9ef)Z\xcaK\xfb\xdf\xf9\x88e9P\x8beX\x8ab8\xbb=\xbf\xedr\xbf\x99\xcb\xddPK_\x06bY\xdd\xe2jf#\xef\xcf2\x16\x13\x95\xcd\xdb\x19d\x01"\x8e\xe7h\xf6]\xe6g\xbc\xb0\xbc\xb1q\x17\xc0\xd4\xa1$\x0b\xaa\x15=\x1eH\xb7\xf8Z\xe1\xb3\x9c\xc0\xf3\xb4\x89\xe2d%DS\x0c\x1fb\xe0\x9dL\xb3\xdf\x87\xdee\xd9\x90"\xc9a\x11\x98*\xdd\xaafE\xc6*\xd1c`U\x8a7\xf3\xd9,MK2mby\xd9\xcf1&amp;\n]&amp;H\nc\x11\xf2\xd9\x08g\xcf\xfby%,\xbaQ,=Y\xd4\x1e\x96\xbc\xcd+\x98\xc1|\x96\xa1\xfd@eb\xfd9\x99\xe1L\xf0\x86\xe1\x05\xde\xcfP\x91\xe4\x98\xa4\xfc\xa8H\x82\x92y\xd5b5\x02\x15I\x14U-\xc8\xa02U\xaco39?\x07n\xa7\x80F\xfaqC\x92\x18\x13L!\xcf\xb1\x92\xdd\xef\xb7\x8fm\xc8\x9c\x92S\x04\xd9\x9e\r\xd7[\x11\xa9\xa8r\xa9\x13E\x96\xd7\xffa\xf5\xe9\x17 \x14e\xa1\x10\x0b\x0c\xa5\xc8\xac\x85\xe5(&gt;D\xf1\xb2\xb4,\xe7\x14\x89\xa5\xa4\xbc"\x0bLf\xb4\xbd\x1d\x93\x95,---"\x16I\xec\x15\xef\x0e~\xcfR\x8c\xc2YL,\x0bX\x14/ea\n-`\xac,#\xf3&amp;\x8bd\x97$\x9e\xe2&lt;\tE\x0e=\x18\x19\xbc="\xa2\xbf\xf4e\xc5\xc3\x82\x1b\xc15h\xf7s&lt;m\xf1\xfb!\xb4\x10\x8b\x96\xb2\x10\xa0\x9c`_^\xe6\xf9e\x86b\x05^\xe29\xca\xc4\xca\x90\xff\xb9g~A\xd8hG,C\xd1\xb0JJ\x89\xe9\xd5e\x8e\x97e\xda\xc2?\xb3\x87\x04h\xa2\x85\x16\x04\x81a\xb9e?\x0f?X\x8a\xe58\x8a\x858\xb3\x08~\x9e\x93\xfcvh\xb0"Z\x89\xa2xkg\x7f\x94\x90\x84+\xc304\xc7\x03GN\x16\x04\xb5\x89,\xcb\x02\xc5{,e\x81\xdfL`8\x0b\x05\xef?b\x04F\xa0#Y\xc5\xce)/P-\x90\xcb\xa0}\xff\n9:\xbd\x9aea/\x83\x1eB^FG!\x88\xc5\xa2\xbe\xa8\xef\x0bd\xf8\x0b\x0c\xc12m\x11dy\xd9\xde\x02\xe3h()\xd1|\x1cw\xce\x00\xd2\xba\xad\xd0&lt;\'\xc0\xf2\x03\x7f\xe3B\xb4\xa8$ \x0f\x1d\x89Dh\x1a\xdc\xa6\xd2\xa9E\t\xfc~\x08[^\n\x8d\xd4\xa3\\\xa5X%\x9a7\x11R\xd15\xf8\x05\r=\x04\xb98\xb8\x1dhT\x05\xd0\xa8H\xd0\x13\x9fKt\xcd\xcdI\x92\'\x18\x814+\xb0\xe1DXX\x96fn}\x0b\xa9J\xee\xc3\x15\xa4=\x16\\\xc8\xe2m\x81\x85\xe3\x05\xbfi\xf46&lt;5\xc2E"\x9e\xb9\xb5\xc7i_zv-\x99L\x02]\xdc\xe3\t\x02\x1d\x0b\x7f\x83\xa2Q\x14?(\x1a\tb\x9f\xe6\x9bQ\x15\x0b\xee\x94\xd1\x8c\x00O\x01\x8d\xa8\x88Z4\xe8$w\xcdu\xad\xf9fR\xeb\xeb3&gt;\x1f|\xf9\x16\x16\xe6\x93\t\xd4.\x8e\xd2\xc1l\xd2\\(\x03\\d)ri\x1dY\x84uo\xf9\xcd[\x0c2QT\xc4\x13\x8f\xc7\xa1s]]\xc9\xd9\xb1\xb1\xf4L\xaa\xc7\xe9tt@\xf54u\xf4\xac\xaf\xf8\xd2\x0bP\x8f\xb7~\x9a\x8b\x07#,\xe8\x16\xba[N\xc0\xedHj\xad\x96\x0e?\xe5\xb8GxL*\x8a\x0ez\xba\x12\x89\xc4\xd6\xdaB:=&lt;9\xbe\xde\xd1\xd1\xe4\xfc\x10\xeb\xd0!xq8:zR+333\x8b\xbe\x87\x8f\xb7\x12\x1e\x9aai\t\xb0@o\xcd\xb1H\xbcH\xdd#\x82\xda\xc0\xf8\x16\x8a\x91N\xfb\x16\'R\xb1\xa6&amp;\x07\x90 R\x1d\xd4!$s\x98\xcd\xb1Tt\x02j\xd1\xb7\x90\x0824+\xdd4\xee-\xdc\xd0Zc\xed#\x88\xd1\x1c\x83s\x97H/N,..\xc2S\xa351sA(\x80\xb2\xd9\xea\xeal\x00\x85\\Ns,\x1a}\x04X\xc05\x07\x06\x8b\x84\xdd\xa4\xf6\xc7`\t\x06\xfc\xbe\xf2\x11\tl\xc5\xce-\xf8\x10\xe9\xd1\xa3h\xb4\xa6\xc6lv\x02\x92\n\x05X\xaaVX\xa8W\x14\xfebb\xf19\xc8\x15\x89\xb0y\x17A\x10\xdaOb\t\xfc\xa3\x95\x83\xb0\xee\xd8\xe0V\xfa\xe1s\xa0\x02&amp;(\xb3\xd3\xf9a\x1dR\xa9\\6\xaf\xad@\xe6t:\xcd\xe6\x9ah45\xf1\xfc\xe1Z&lt;\xc8\xb1\xfe\x17d\xe1v\xd6\x18\x0b\x8cQ\x9f\x83\x14\xa7=k\x0f\x1f.&gt;B*\x14\x0b;\xf8)`y\xcfAUU\xf5\xf5{\x01\xae\x00f\x06\xeaX\n\xe4\xfa\xc9\x13d\xb2\xdbVU-\x83\xc6\x93\x08q8z\x0bva$\xbe\x00b\xbd\xd5\n\x87\x0f;x\xae\xaa\xaf\xaf\xaa\xb3\xb3\xb3\x1a\xc0\xbc^\x95\x0c\xf42\xf7\xc4R\x13&gt;\x94\x8b\x0bO\x1b\x8bay\xb0\xc6\xcdeX}\x1e4|\x01\n\xa9&gt;\x85\xe9\xb3y\xbd\xfdUU\xe7\x90J\x05\xeb\xeb\xeb\xef\xf7B3\x1d\x8e\xa6\x1e\xe0Z|&lt;\xe7\t\xd29\xb1\\G\x14% Fx6\x12\x8co\xf9\xc0\xed\xc8\xa4\xba\xbd\x0e\xb49\x87bUUUwv\xfe\xb5\xb1\xb3\x1a~47\xa3h\x87 7\x9ab\xb1\xd4\xccBW\xdc\x13\xb1\xb7\x94k\xee-\x83\xde\xb0\x8f\xb4\x86\x05\xd85\xb0hT\xbf\x9b\x0bX6o?\xda\t\xacUU\rD\xd5\xc0\x03\xa5\xb6r\x07+\x96JoA\xd8g_WZ\t\x9d\xd6\xab\x1a,\xef\xbe-\x04=s\x89y_t\'\x1aTg\xd9\xd0I6\xb0&lt;\xf8\x1d\xc0\xaa\x0b\xd6B\xdf\xbf\xed\xa2o\r\xd67\x1f\x9e\xb6j\x9f\xf2\x06\x82\xa8\x7f \x00Ura&amp;\x15}\xf4\x06K\x8d\xd1\xbaC W\x1f\xaaU\xadvOM\t\x0c\xd5\x1d\xb5f\x16\x92]s\x9e\xc1v\xabQ\xa7\xf9\x05A\x92\xae\x1c\x1f\x87\xcd\x0c{\x19\xd5R\x9b\xe8t\xa8\x01\x0fh\xe0\xf9N\xe4B\xb7\x03\x15"9\x9a\xa0\x00+\xb6\x92\x9eOnu\x81ZF\xa3\xf6\x93H\x8e&gt;\x95\x12\xc9y8\x17\xa2;\xe9\x80\\;`\x88\x85r\xa9\xc1U\xa7\xf6\x0f\xb0\x1c\x05\xae\x15\xb8\xc4\xd6\x12\x1b\xae"4QO\xeaZ\x9e\xca\xc9y\xc4J\xc5\xcc5fU.X\x88\x0e\xb5\x93\xde\xff\xc1\xf2\xee8\xeb\xca\x15\x14\xcc\xdc\xd3\xb3\x92\x1e\x9b\x9dOl\xfcNs\xcb\x1b\xf4%:\xdd\xe8\xb3\xae\xb5\xf9\xd9\xa5\xe1\x95\x8e\x01\xdc,\xe6\xc2,\xa2X\x90\\\xd8D\xe8"\xc0\xdd\xe9G\xd7{\xbf\xb4\x9d={\xa5\xd0\xc8\xf5\x99\xe1\xb1\xd9\xb5\r\xd1\xaa}n\xe9\tR\xcc\xe1\xc9\xb7\xb4\xb9~\xe5\xca@\x939\x86-,\\36H\x87;U\x90V\xcd\xcd\x17\xd4j.\xe8\xf6\xa5\xca\xe5\xe8\x18\x1f\x9f\\\x1a\x9b\xdf\xc0\x0f\xd7\xda~\xe47\xe8K\tB\xcc\xcc/-\r\xc3\xd9\x17\x08\x0c8\x9cMp\xd0@\x96\xf6\xc3*\xfc-\xe6{[[s[c[[#Vmc- V{\x01\x0b\xae\xb1@\xe0H\xf7\xf0\xd2\xd8+Qso\x19p\xf9\x88\x1b\xb3\xc3@\xd5}\xe6\x0cba\x03m\xfd\xfdU\x17\xa0{\x88r\xb4\xb1\xed\xe8\xd1\xa3\'\xa1n\xdc8v\xec\x93\xda\xda\xda\xe6\xfe\xb3\x18\x10\x80u\xb1arx\xec\x89\x0b\xbd\xa5\xf9$\xea\\\x88\xb5\xd9\xdd\xd0\xaaR\xc1$:\xea\xfa\xef\\hnn\x04\x9cc\xc7\x10\xe8\xe4W\'\x0f\x0e\x1d?&gt;\xf4\xfe\x07\x07**j/\x9f\xfa\xec\xec@O\xac\xa7\xa3\xf5b\xc3\xb5\xcd\xa5"`\x19\xe0\x84\xd0\xb5\xbf\x82\x16n\x1eim\r\x04\x9a\xe0\x94\xaai\x02\xb5N]h\xae\xfd\xe4\xc6\xd1\x1b\xef\x0f\x1d&gt;&gt;t\xf0\xab\xa1\xe3C\x87O\x9f&gt;|\xf0\xc0\x81\x9fWTT\xfc\xe2\xf3\xdf\\l\x85O\x1c\x81\x8b\'\xba7\x87\x9f\x14# t:\xbd\xeb;\xa0\x9a\x04\xac\xd6\x81\x14@\r\x9c\xfd\xec\xd4\xe5\xcf/\xd7V|04\x040\xbd\xa7\x0f\x1f\x06\xa4\xd3S\xbd\xbd\xbd\xbf\xbaw\xef\xde7P\xe7O4\\\xbd\x18X\x0f\xb4\x9e8r\xed\xfe\x13\x91 4\xbfNuz\xd2\xf5\xe4\xfe\xe6f\xf7\x99@kkG\xaag\xa0c|\xb2\xfb\xea\xf9\xf3\x1f\x9f\xff\xfd\xc7\x7f\x01\xa0^\xc49\xdd;55\xf5\x1f\xa8\x7f~\xf3\xaf\xaf\xff\xf4\xf7\xef\xee\x0f_\xbf\xb49\x19\x084\x9ch\xe8\xbe\xf6\xd2e\xd4\xfe\xde*S\xb1&amp;\'\xcf\x04\x02\xadG\xc6;\xd6}\x8f\xe7!Z!/\x96@\xc1\x86\xab\xbf\xfe%P\xfd\x03\xb4\x9a\xea\xbd\xf7\xc7\xaf\xaf_\xff\xf7\xfd\xa5\xd9d"9v\xe9\x12\xc8;\x0eXG\xfe\xfc\xd2\x05\x87\x8d\xc6\xff\'\x88X\xed/\xff\xcb\xaa\xf9\xbe\xb4\x95\xa5q\x9c\x80\x8d\x89\x03\xbeX\xb4(\x06TdD0\xb6B\xc2\xf4:*5\xcbu\xfdA\x027\xbd\xc9\xe4\xba\x13n\xb6\xde;Qc\x92\xdd\xd8jB\x08\xa4\xeb6V\x07#\xfab\x8c\xc9:Z\x13\x12\xfcQ\xd6\x88e5\x03q_\x84v\xd81\xcc\x96\xb4F\xa2\xe3\x96\xc24lf\xdb\x89-\x05+]\xda}\xce\xd5\xdd\xfd\x03\xf6\x1e|)\xf8\xf1\xfb|\xcfy\x9e\xef9\x17\xb0\x06\xfd\x03\x80\xb5\x929:\x82X\x0f\xa9~\xae\x7fwuu\x7f\xa3[-m\x04\xb5z\x87\x86\x1e&lt;\xbc\xf5\xe4\x15b\xea\xef\xef\xbf\xf7\xe4\xe1W\xb7G\x0c\x0b\xf2\xee\xce\xce\x8d7\xa3\x02q\xa1\xa8\x80\xd7c\xbe\xa0\xb0@\xf4\xc5\x9b\xbb\x83\x83~\xe3\x80\\\xbe\xbf\xbe\xbd\x7f\xf7\xdb\xc9]\xf4\xa7\xd7vW\xb7\xc77:\xd5;\xc8\xeb\xf0\xb33\xfd\xd5\xd2\xf8\xe4\xee\xee\xbdI\xa8\xe0\xc3\x9d\x9a\x9d\x1d\xb5|\xb0S\xde)GXB\x9e\x1fZ8\xb5\x9eo\x0c\xc2\xa15 \x1f\xdc\x1f\xbc\x83L\xb5\x08N\x1e\xdf\xde^\x1f_\xe8\xbc\xd3$E~\x07\xe7K\xa7o\xcb\xf7\xc7\xb7\xf5~\xc3LuMuu\xcdE\xe9X}\',\xc0\x12\xf3\x8dU\x88\xc6\xc0_\x02\x96\x1c\xb0\x0c\x9d\x8b\xd3S\xea\xfa\x06\x8f\xc7s\xe7V\xa7\x7fe[\x9ft\xdf\xae\x91p\xfb\xb0\xb7W2=#O\xaeD\xe3I\x9b\xd1n\xb0j5\xb55\x17\x9b\x16\x11\xd6\xf7gj\xf1\x9a3DB\xb1h\xf9\xf9\x86\x1cau.\x8eL\xa95\x1e\xad{\xe0\xfe\xbd\xd5\xc9\xfb\xe3\xfaT6\xee\xae\x1e\x1b\xab\x90t\xc1\x96l\xbcj\x8d\x03\xd4\x02\xd0\xeaW\xe26\xa3IS\xdbp\xa7\xfb\x1cK|\xfe\xfc#\xe2K-\xc0\xfa\xec\xc7\xa53\xb5\x16\x1b\xd4\x14%\xd7g\xbe\xee\x81\xd9\xfe\x87\xd5\xfb\xa9T*N\x95\xb7\xc1I\x7f\xfdz\x97d\xc6\x1f\x8d\xc6\xf5\xbbk=k\xa7_g\xa2\xf1-\xfb_\x1af\x16\xbb\xcf\xb1\xce\xdf\x93y+b\xa1Xt\xf9\xed\x12x\x0bv\xa2\x95\xa2\xc8\xe4\xfai\xff\'==\xbf\xfe\xe3\'\x7f~\xb2\x9eJe\x9d:\xaeMc\xaaV\xfb\xd6|t\xfc\x1fs?\xfc\xf6O=skG\xfaY[@\xf3?,\xde\x9e\x8aE\xc5\x9cI\x0b\xc5\xe2\xba\xb7K\xa8\x88v\xb7U\xab5\xa6\x8eN\xbf\xfd\xfdwsss\xdf}\xf9v&lt;\x95\xcf\xda\x18\x19#C3\xd7\xb0mv"\xfa\xfd\x97\xbfY\xeb\xe9\xef\xff\xdb\xab\xb5\xd3yg\x80\xa2\x00k\x10\xb0\x04E\x1c\x16\x1f\xe6*\xe4\xa8\x8aa\x82(}\xb9\x04T~\xbb\xc1m5\xcdfN3\x9d?\xbe\xea\xf9\xc3\x87{on\xe9\x01\xab\x99v\x110\xe20f\xc5,`=}&gt;\xf9\xe1\xc3\x87\xc9\xb7o2\xa7)\x9bI\xab\xb5\x9ec\x95\x8a\xd1\xc5.\x0fX\xc5\xdcW\x0fB!\xc2z\xbb\xe1\x07,\xe8&gt;&amp;\xe7l\xea(\xb5\xb2\xb0\xbfzo}a \x9eMe\xf3\xcd8N\xb8,\x8c\xd9\xf5\xb1mk";?\xb0\xb1\x9d\xd9^\xba\xb5\xb1\x92J\xd9\x02&gt;\x9f\xd5\x8a\xb0\xea\xde\x1f\x1e.\x17\xa1\xe7\x9f\x0b\xff\x7f\xdb\x11\tJ\x05\xa5\xa5\xcb\xa3_\xd4\xbd\xbc\xbb00`4\xda\xedvcs&gt;\xea\xbf;\x88jj4n\x01\xd6\xe3\xaa4\xe1rY,\x16\x97\xa2cb&gt;:a\xb3\xcb\xe5\xddP:Cr\xeb\x9a3\x10\xf0Y\r\x0bO\x7f\xf7\xcf[\xf3\xc9Gu\xe8\x15\xaf\x90\x0f,\xb1\xf8\x17\xcb\xcf\x7f~z\xf8\xf2\xe7x\x12\xdd\x8f:\x8d\xb6\x89-\x9b\xbb\xa9~f\xc6\xea\x0e\x18\xe7\xb3 V\xee\x8c\xcab!\xca\xaa\x1eg\xa3[F\x83v\x06\xce6\xad\xdd\xe9\x0c8\x8dn\xab!\xbe\xf1|0\x7f\xd21\xf5\x9e\x97\x83\x8b\x8bbE\xa5\x87\xb6l6\xfet&lt;j;\xa3\x9a\xbd\xe6t\xda\xdd\xa4\x95D\x83\xde|6\x7f\x92\xc3]\x963\xb5\\\x04^5\x11\x9d\xb8\x16 \xc1R\xa4\xcf\xe4#}\x01\xa3\xc9j\xd8\xca?nV\xc8\xcc\x9eQ\xb1\xa0\x88\x07,!\x8c#E\x82gx\xfa$\x9f\xcf\xe6\xb7l\xff\xa1\x02\xbc@ `\n\x18\'\xe6\x1f7sT\xc4\x19\x16p\x95UM\xcc^\x0b\x98L&gt;\xf4\xe3\xf3\x99\x9c&amp;k\xe0\xdaq\x9a\xe9c\x19\xcfh)\x1f\xc3\xe0\x19\x96\xf80&amp;3\xe3\xc7\'\x8f\x9b\xa1\xa5\x9cc9\x9d\x89@"\xe1D\xd33P!\x1a\x82@E$\\\n\\\x01\xb9\xb6,\x80\xb0\x81\xca\xe7\x0b\x80ZN\x05\xe3\xf5\xbe\xfe\xfb\xebep\xaa\x90\x07oq\x1f\x88\xbc\x1fa\xbd\x8c\xb9\xacj\xd6\xe6\x04\xc3\xdb\x00\x0b\xa8`\x95\xe5\x8e\x9b\xab\xd28A\xd3\x04\x9eN\x03\x1d\x01KA(\xf0\x04\xba\xf9BP$\t\x95t\x83\x07c^L\x85Y\xaa9,\x1e\xbc\x85\x02\xb5P\xf0\r\x13b\xd9X\x02\xc4\xb2CL\x0c(\x00I\x81Hr\xb9\x0e\x1c\xc7\x11U\xee\xf8\x18v#\x81\xe3\n\x9a\x80\xf0\x88\'h\x9a6\xcbd\x10\x1bc\xa4\x15l\xa6Sam^\xa2|\xb9\x00\x1a6\x1fj\t?\x12\nDC\xae\x10\xfc\xb3\xa4\xd1\x8e\nc\xa2\xcd4\rfB\\iD\xc5\xb8\xf04P\xe1\xe0-\xe0\xa2\xcd\x9f\x9biE\x02QAC\x82\x00\xa9\xa3(\xad\xb6%\x8c\xa9\xd8\x7f\x8d\xa1\xbb\xca\x0b\xbc`\xc1\x11/\x1a"\xbcX8\xec\x08\x04\xdc&gt;r8&amp;c\x98\x10\xc3!\x808\xb8\x82\xb1\xe0\xb9\\\x0e\',\xa1P\x08\x08\x152\xd90p3\x0c\xc3b\x90\x1a1\x08\xb3\x1a\x8aj\xa9Pb!\xe2]\x1d\xa4\x02&gt;\xb0\nD\xc5\xa0\xd6\x03\xc2\xeb\xc0\xc2:\x93\x9b\xd4R:h\xcb,\x1bB\xf6\x86\x85\xe3\x97\x18\x1c\x15\xd0\x12\xf2b\xd8\x8bP\xc8\x823\xbaa\xe8C\xa1\x10\xeb\r\x86#\x91 \xd6R\xdb\xa0\xa1tm*\x8ca6\x05B&gt;\x06z\xe4\xad\x8f\x84b\xe17\x8a\x90\x83eI\x13PyZ\x95J\x00\x00\xb9`\x99\xb9\xa2\xe5\x8eq&amp;\x84\xfd\x14\x89\x1c\x1c\xfc\x04\x92\x10\x0e\x87\x8c\x81_g1\x84\x15\t\x06\xcb\x9b\xd4\x14Ic*G\xfd{\x9e&gt;\xd5\x80(\x06X\xe2\x07t\x08c\xca\xcaLZJS\xdf\xd2\x069\x1a\xf3\x86\x90 \x0c\x01\x16w\xa5]\xde`\x10\x98\x0e\xde\xbd;\x88\x84Y:\xa6\x93\xc5\x00\x0b\xf6\x1ePE\xc2\x15;S#\x94\xa2\x83V)\x1f,\x8b\xb9\x19\x95\',\xd1;\xc6\xcb47\x7f\xec\xd3j4\xb5\x17K\x82\xe0\x18/\x8b\xaa\x14\xa2\x15\xb0\xe3,X\xe4\xbf\xabw(\xe2\x8d\xe9\x1c\x0e\x16M_\xe1\xc8A\xefAdL:=B\r\xd34V\xb1yY,\x10\xf2\x82\xc5}\x19%:d\xfb\xf0\x93\x04\xc9aA\x8a\xaeP\x81\\@\xe6\r\x81\xb7\x15L\xf0\xa0\\.\x9f\t\xa25\xd3\xad&gt;8P:t\xac\x12\xc3\x82\x1c\x16$\x0f\xe9\x94\x9a\xd2\xb1\x16\xef\xd8h)\x88\xc5\xcb0_p\x86\xd5jN\xe7b1\x92\xa44\x10r$cc*\x15\xa6\xf4z\xd9&gt;\x19l=\xc7Ax\xeb\xf4C\xc6\x1d\xbcZ^\xaf?M1\x07a\x87\xae\x05f\xe8p8\x1c\xe9E\xd7\x00;MjO\xad\x92y\x11\xdc,\x15\xa0\xfb\x11\x1e\xb0\x8a\xd1\xed\xd6\x85M\x96\xc8%t:\x84U\xbfSY\xd9\x88\xf4\xda\xc3\xf6`Nfi\x9c\x89\x84\xe9\xa4~%\x16\xee\x1a\x8b\xb8W\x9c\xa1\xb0\xca\xc1\xaa*\x10U\x17D\xb4\xa1\xa1\xf6\x9d\x11\xb5\xa7\xba6\x16z\xb1Yw\x96\xca\xf8\xc0\xe2\xd4\xb2\xa4\x8fs\x0e\xc0\xd2j\x1a\xae\xde\xbc\xd9\xd8\x08r\xb5\xb5a{{{J\x19M\xc0Q\x0bU}\x1d\x0cw\x81\xed\xc3*\xafC\xd7V\xd1\x05+\xc2a\xb5?\x98\x1eQ\xd7\x97;r\xc7\x96\xcd:\x9e\x8aX|\x8eE\x9c\xc0\xf8Bj\x01\xcbS-\x95B\x15+JThG*\xd9&gt;\x86H\xe3tL\xa6\xf3\xb4\xb6\xd4V\x97\x84\xb1\x18-\xc3T\x1cV\x17\xc2\xfaU\xbb\xb4I\xadnz}\x9c?\x81c\x0b\xb0.\\(\xe6\x01\x0b\xcd\xcd\xc2M\xe6\xf8$\x9fuB\x13\xa14\xb5%c\x12\xce\xf6`/e\x9fLf\x81N\x93pBR\xb3j\xdd\x86n*\x16\x93\xf5\xb1\xca6TB.8\xb6\xb7\x83\xb5\xea\xa7\x1c\'\x1d7\xc8G\x97\xc5H-\x9e\xb0\x04\xe2g\xb4\xecFU\xbe,\x16\x8b\x81\xb9J\xa4\x12$\x97\xaa\r\xa4\x92\x99\xcdt\xc2h\x9c\xdfNe\xd6\x17\xfc\xfau}\xdcn\x8a]\xd1\xe9\x94\xe8r\xb0\xab\xf1\xd3\xc6\xca\xf6\xca\xa9\x06M\xbd\x86N_\xa2\xdc\xcf&gt;+B\xde\xe2\r\xeb\x91\x93\x96)\xaar\t\x87F\xe3i-/\x91\x96\x94\x8cUpT7\xa0+;\x93\xd1\xf5L\xe6hW\xaf?:\xcad\xf4~\x92\xbb$\x84\xad\xd8\xd5\xf5i\xa5D\x025\xd4\xd4*\xca\x1445\x83\xd4*\xe5\xe7\xdb\x11\xae\x88\xa3$\x0c1\xe9\xf41\tX\x9e\xda\xf2\x8b;\x1cV_\xdf\x95\xe1\xcfi\x931\x0eRe2\xeb\xfa\xf5#\xe0\xd2\xfb\xfdv\xadN\xd7\xba\xb7\xd7v\xbd\xab\xb2R"\xbd\x8a\xac\xd5\x81\xb3d\x82|\xb6,DX"\xbe\xbc\xf5~\x04\x06;3Qu\t\xa8\xd4\xd5\xe5\x17\xc1\xf4%-\xba\xbe+W(\xd2\x90\\Y\xd1G\x93Ng29\xbf\xe54\xc6\xfd\xfex\xdco\xa0t\x7f\xdd\xdb\xbb.\x91\xdc\x94Hw\xaa\x1b\x1a\xa6\x17I\xcc\x91\x989\xbc,\xe4\xe7\x808\xc3\x12\xd7m\x96\xb4`J\xd2\xad\xd1\xe8&lt;\xf5\xd5\xb55\xe0.\xc0\xd2]\xa1\xfeM\xcb\x19\xc5\xb4u^q&lt;\x96\x0c\xd8\x89\xe4\x07\xeb\xfaV\x96\xadmW\x97]\x9c\\nm\xa7F\xd6e6F\xf4\xc5\x98\xa6\xd1\xad\xed\x00\t)\xb3\xa64\x06wN\x16\x0b\x9a\x89I\xb6\x88\x89I\x83\\\x9b\xc1\x02C`;}0\x01k\x9a\x85\xd1B\xa6\xe0\x92v\xb1\x18\x11\x06\xd5\x16\xea\xc8@L\xad\x90\x1a\xc2\x04*]\xa5%\xd9\xcewM\xa4\xbd\xec\xa1\xa9}\x84@~1?\xfd\xcf\xf7\x9d\xef\x9c\xef\x9es\xed\xedw\xda\xee\xdc\xef\xb0\xfe\x8278\x8f\xae\xda\xbdPM\x8e\xb6\xdb\x9b\x17\x16\xea\xc1\x83\xd5\x18I0\xf4\xbd\xf5\xefB\xf2\x10\x94\x892qYQ\xee\x9b\x11\x16(\xaf\x9e\xf9\xb7\x86~\xb8\xb2\xc5\x81\x0f\t\x8a q\x0c\xa7\x8c\xcd-v\xcb\xc4\x9d\x89v\xef\xdc\xdc\xbb\xbf\xf9\xe5\xc7;;\xab\x1fC6\xbao\x0b\xe8\\.]\xba\x80\x85\x99\x00\x8b]\x99\x9c\xec\x9d\xe9\x9d\x14\xa0\xb6\xff\xf2"\xf5\t\x8a\x8e\x08eG\xd5/\xd0\xf7\xaep}6J\x0e\x86\x9b\x08\x84\xe5\xd6\x8d\x8ez\xfb\xae\xae\xaenll\xac\xf2vuu\xff6\xc6Yt.7\xacz\x05\xac,\xdc\x14\xa4B3*\x95T\x05\x07\x8fP\x84\xd4*\nV\xa1y\xeb\xd8Q\x95J\xacZga\xb3\xc3\xda\x02\xb1\xe4\x06\xa3\xb1\xcfm\xb6Dl\xfb\xfb\xfb;\xa0\xd4\xc6\xea\xce\xea\xea\x0e\xb2\xdb\xd7\xd9\x80\xd9\xcd\x18p\xad\x16\xc31\x84\xf5\x02\xf5\xc4\x8a\xcb@y\xa1PR\xa4\x8b$\xf4e"1_\x03\xcd\x84\x00\x0bv"\x86\x03\x16ed\xdc\x01\xce\x16\x9e\xdb\xe0\xb5\xdax\xf6\x8c\x97\x0c&gt;\xec\x13\xf3\xb3~\x96 \xb5Z\x13\xc2\xa2\xefM\x8a\xfe\xc7$\xc5j\xf6D-\xa7\x08M\xd0\x1b\xe2\x18\x84\x85\x83\x1f\x11V\x98\xe9\xb3~\xba\xbd\xfd\xfc\xf9\xf3\xed\x97\xbf\xb7\xe1\xf3\xa7v\xc6\x14$I\x1cQ\xcd\x93\xacmK]\x8af\xfe\xc3\xc6\xbe\n\xc0\xfa\x92\xa3\x8d\x80\x85\x96\x17e\xa4\x18\xce\xd6\xf9\xb3\x7f\xf20&lt;\xd63$\xd8\xc6\xb3\xedG\xef\xd9\xc9\xf9y\xc0"I\xccD0\xfe\xf5\xc2\x08D\xd1\x1fE\x95\xa1^5\xa8\xaf/\x14\xb0\xe4H/#M\xb1\x04m\xfd\xd5\xbf\xb6y\xe7}{h\xc8\x8bV\xab\xed\x10\x0b\xc7M,\xd3=S\x0eZ\xa3^\xcab\xf7\x06\xf2r\x89\xc5\x93\x80E\xd3\x80\x85\xe1\x06\x86\xa1Y\xc2\xd47\xf7.ZY\xc0\xf35\xfc\x80}\xbb\xb3\xbf\xdfGSD\xd0D\x82\x1b\xc1X.\xf4\x02\x02\x03@I\x8a\xddcSX\xaa\xe5\x02\xf5waX[\x04\x8e\x01\x16\rj\xb1,\xc3\xf4\xed\xef\xdf\xde\xf9\xfa\xd0\xfe\x06\xa9\xbbBN\x99p\x96-pa$\xcb}9)B\xb7\x93Baq\x1fb\x88\n\xc3=\x08k+\xcc\xb0h\'\x02\x96\x91"\x08\x96@\x8f\xe8\xe4\n\x0c\xbf\xcd\x86#\x910}]\xa3T*pR[M\x06\xe7\xb5&lt;\x17\x19\xe4\xb6\xd4\xfc\xa5\xe9\x11a)\x1a\x9b\x11\x96j\x05\xb0\nr\x01\x16\xa4}\xf0\x9f\t\x02&lt;E\xd9\xda\xd7\xee\xacM\xe8ZH\xad\xc31\x08X\xday-,x\x1cb|\x90[Q\x95p\xec\x81o\xa7\\\x0f\xdbX\xb4\xba\x14\x98\x1c\xb0h\n\x874U\x01b\x91\xb6\x8e\xfbp:&gt;\xba\xb5\xe0ht8\xb0\xea\xeaj\x88YpF\x99@Q\xd8\x88\xe5H\xf1\xd2`\t!x\xa9f\xe0LDn\x83(\x0fN\xa4X`\x02\xc30\x92\xf2\xdeok{\xd4\xb9\xe8p46*08\x0cA,\x820\x01\x16\x13^/R\xb9\xf3\x7fc*`]\x85\xc3G.7A\x947\xc8)\x02\x12B\x1c\xaf\xc7\xb1SoY\x01\xab\xa3\xa5\xdeQ\x03kK\x8ea&amp;D\x05X&amp;\x8a\x0b\xaf\xab\xcaK9\x8a!\x12\xcb\x00\x0bV\xba\x89D\xe1\x94"8\x06\x1d\x8e\xc0u\xea\x94a\xee\x83\xfbw\xda\x8d\x18\xd4\x15\x8e\xc1A\xc8\x1a\x08\x126\x84i&gt;H\xd9Zf\x04\xa5\x1cz\xa8\x10\x82Z\xb6\xabF\x84\x05\x1b\xd0\xc8\xd0\x1c\xa4\x84\x06\x03z\xdc\x03\x89}\x9fw4B*\x95\xe0C\x92\x04\xffR\x04\xcb\x92\xa6 K\xa7[fJ9\x8b!\xe4\xb1Z\xdeh6\xc8!\xe3\xa2\x180(\xfd\x8d\x90\xbf 0\x08\xfa\x16W\xc0\xa4l\x04\'\xca\x81\x9afX8\xabI\x16\xb0\xd2\xbd\x02\x08\xa6\xa5\xc2\x92T\x1cCX\xef7\x1bq9\x05\xbb\x91f\x18\x7f\x98a\x80\xcb\x00.\xe5\xdc\x11s\xd4\x12\xaa\xd6(\x1d\xa0\x16\xc9\xb4\xf8\xbb\xd9 lC\xd6\x08X2q)\x07j\x8e\x89\xa5\xeb\xf6\xf7/\x1aqL\x0e\'\x0f\xcdp\xfeH\xc0f\x83\x04\x0cN\x9anK2\x9a\x99\xf0\x85\xfe\xa2\x84P\n!\xd4\xe2\xef\xee\x0e\xb2\x04e0z\xd2\xbdGK\x89U!\x11\xa9\x00\xeb\x8d\xe6z\x0c#\nj\xb9\\\x96\x80\xad;\xd8\xed\x1f\xf6%SS\x03\xa9\xccr\xe8\xde\xfc|0\x14\x0c\xb8|\xb3\xdd\xe0F\xb9a\x11\xb0J9\x15\xc57\xcd\xafX\xcf\xc1\xe2\xaaW(\x08\xa0b#\xfd\xfd.\xb3%\x100G\xa3\xc9\xccT&lt;&gt;5\x90[\x9e}\xf8pxv6\x99\x89\xcdr\x1cC\xe2\x0b\x8b\x9e\x96\x99\x92\xaa%)\xe3\xb1&lt;s \xd7u\x1c\x92-\xd675\x10\x8df2\xa9\xbb\xfd\xa9\xfe\x81\xf8\xe3\x91x"\x95\xd9\xcd\xc5\xa2\xc9d*\x15\x1b\xf63\xa4c\x10\xb0\xec%\r\x10\x15\x80\xa5\xde\xb2vu\xfd\xdeN\xe1\x98\x02#8\xce\x9cXJ\xa1\xae\x87\xa9\x81\xc4T|\xba\xa7\xe7\xe7\x7f\x8d\xa3\xe7\xd7\xa9\xd4\xc0\xf8R4\xe0gqG}\xfe\xa2\xc7\xba.(\x1d\x15R\x0b2\x08\xab\xa7\xab\xa3=l\xa3x.\xdd\x94\xd3\x19O\xc4\x9dq4\xe60\xd6S7\xf6\x87i\xa7s&lt;\x1eO\x8c;\xe3\xba\xd9a\x1f[\xbf\xb0x\xd1sk]Pb\'\x9e\xd9\xea\xf2\xe8\xdb\xbd\x16\xb7]\x8e+p\xda\xb54\xdd\xda:\xed\x1c\x19\x99~&lt;2v\xa9\xae\xeeR\xeb\xd9\xd6\xe9i@\x9bv.%}\xb1X\xc4\x08X]\x9d&lt;\x16\xaaSJ\x91\xd9\x88$(;\xed\xf24{\xbdf\x8b\x85\x91\xc3\xb2\xd7-\x8d\xb4\xf6\xa0A\x95\xd6\x9eKuU\x95Uuu\xd7\xe0#\xd8tb \x93\x8b\xed&amp;#\xe9E\xbd\xe7\xf5\x15\xd5\xe1l\xae\xa4\x14X\x90\xd8 ,}\xa7\xd7\xab\xb3\x84!\x9f\x97[\x12 U\xcf\xb5k=h\x8c\xe5\xf8\x8f*\x7f[u\xbc\x12\x8d\xb3L\x8f\x0fdv\xb3\xbb\xbb\x19\xb3\x1dam\xa1\xa1\xf4\xf2\xc2\xc4V\xf1\xa3\xbc\x10\xd4\x9a\xed\xf4\xe8ou\xda]:s_=\x89\x87\xa7\xe2\x89\xbfO\x83Z=\xd7\xaa\xaa*\x8f\x83Zu\x95\x95=\xce\x91\xf1\xa9\xbd\xddl\x16\xe42\xa7\x17/\xea;\xef\xa9\xa1\xf4-/Q*(\x12\x96!,\xbd\xfe\x96\xd5=\x1au\xb9\r$I\xbb&amp;&amp;\xd6\x96\x9c\xce\xd6\xd6\xb1\xb3U`u\xe0\xcd\xba\xc7\x89D"\xb5\xb7\x97=\xc8\xe5v-v{^\x7f\xae\xfb\xf2\xe5\x0bhF\xa4$#\xd6\x15\xc22\xc1\x85\xe1N}\xb3\xb5\x1d\xb0\xa2:#\xca\x97\ra\xef\xc4\xdd\x04\xecCgk\xcf\xd9\xb11\xd8\x86\xe3Km\xfd\xfd\x99\\\xf6\xc1\xde\xden\xd2\xe2N\xe7\xd3\x1e\xfb\xe6\x83\x83\xcb\x02\xb1\xa0\xbcX\xb3\xdfhL\x0e\xd5\xfa\x15\x92B7D\xd3rG\xc7\x07:\x9d[\x17\xcd\xf4G\x0c\x90\x14\xd7C\xaa\x106OD\xd7RS\t\x88\x14\x89\xfe\t\x97\xce\xdbn\xce}s\xf0\xe0 \x97LZZ\x06\xf3z\x8f552\xb2yA\xa0\xe2\x9b\r\xf8\x86\x83C4\xd1\xab\xa6\xd2B\xf4.\x00t\xa1\x81\xea)\xb1\xaaws-\xaa\x1b\x1d\xb5[2{{f\xca\x00\xb9\x03\xba%\xa19\x9a\x0b\x98-\xbeX&amp;\xea\xb7q\x0ce\x0b\xe4\xb2\xd9\x83\xcdX\xd2gv\xe7\xf3\x8b\xfas\xf7\xbf\xf8\xcf\xc0\x13\xa9\xeae\xf3\x8fDt\xe4\x87\r\xcd\xf3\xaf3\x10\x1f\x8e\xf1\x95\x0b&amp;\x9f\xe62\xd15\x9d\xce\x1e\xd9\xdd\xdbK\x86\x11\x16\xa6\x80|\x022\xfaj\x82\r\x86HB\xab\xad\xc6\x1c\xec\xf0\xf2\xc1A6\xe7\xf3\x05\xcc\xf6|&gt;\x9f&gt;\xf7\xce\xe7_$\x9e\xaaU\x05\xaaC\xcd^f\xbc\xaf\x88u\x14\xcda\xc0r-\x13\x0b\xd4Oc\xd1\xa8+jq\xc3\xe1\xbc\xbb\x17\x83\xd8%G\xa7\x10\x86)\x1a\x95J\xcd\x8f\x95\x1aM\r\x98\xa3&amp;\x98\xdb\xdc\xccf\xb3\xb1@\xc0m\x1c\x04\xb9\xba\xde\xbc\xf1\xc7\xbbOU*\xf8\xaa3\rR1?\xd2,\x11\xfd\x80\xa1y&gt;k\xe0\xdfG\x01\x7feM\xb96\x9d7\x9dvG\xdc-a_&amp;\x16\xe1\xc0\x83|\xdd\xa3h\xd4h\xae\\\xb9r\xf2t\xed\xdbo\x03\xd8l\x0e\x89\x95\xf3\xf9\xfd\x04\x14\x8d\xf9E\xcfO\x7f\xf7y\xffS\xe4CA\xc3G\xe7\x9b\xf8)\xb7c\xa2Wk\xe6:\xf4=?=&amp;\x10\xc8\xa4g\x1aTO2m:\xfb[\x8bp\xf60r\x7f\xd2\xe7\xe7\xb0S&lt;\x96B\xa9QjjkO\x9f&lt;Y[[[\xa3$}\xc3\xc3\xcb\x9b_\x85\xe6g\xfd\x0e\xb0|^\xff\xfaOn\xac\xa1QS\x99L\xda\xf4\xd9?\xd4\x82\xc3\x11\xa9W\x99\x03\x17\x15.\xdc\x10\x97\xac\xe9f\xd3\xd0P\x83\xf4Iv\xcdei^\xf4\xba,\xb4\x82\xe4\xba\xc3\x0cBR\x00\x14\xb2\xda+\xa7O\x83\\\xb5\x9a\x1a22\x1c\xba7\xbb\xbc\xbc\x1c\x1b\x86R\x16\xe56]\xef\xdc\x98x"\x05\xa8\x13\xd2\xd7&gt;\xba\xd9 \x05\xf9\x8f\x8a^\xbe.\xe2{\xeat\xa8\x96@&amp;k\xf8\xec\xc3\x9bCC\'\xa4\xe7\xb3\xa3^\x9d{!\x1c\xb5\xb0@C\x06h%_\xbc\xf2T\x9a\x93\xc8\x00\xab\xc6\xa1}\xb8\xb9\xfc\xd57\xb9\\,\xe6c\x06\x81ja1\xfd\xe6\x9f\x92\x97\x01F&amp;\x95I\x1b&gt;\xf9\xf0|\x83\xfa\x8cZ\xc0/~\xb4\xc1%\xdf\xd3}\xc8d\xe5\xd2\x0b7?\xf9\xf3\xd0\xd0\xaf_;qs\xf7=\xbd\xdb\xbd\xd0\xa7\x8bp\x86\xff2rF\xa1i\xa4[\x1c\x8f\xce^\xb7\xda\x99\x1b\x1d;\x91\x9b\nC\x10\xba\x83X\x8c\xa1\x16"\xdb\xbbe@\xe9U\xaa\x94M\xe5\xc2e\xd8\xed\xc2\xbc\xdcBV\xca \xf4A\x89A\x10\x1cp\xb2\x19\xa5\xecK\xdb@\x16\xfa\xe2C-zA%\xb1A]\x0b\xd7\x90\x97\xe5\n\xfbP\xa3\t,\x84-,\xdc\x87\xd2\x87\xe5\x9e\xf3\x8d\xe9\xee\xbd\xf7\xa5_C\x1c\x1a\xe7\xf3\xf7\xfd\xcf\xf9\xce9\xdf\x8c\xf3\xdd\xfen\xe1\xafK\xcbnp,\x9f\x1b-\x18\n\x11\xac\xc82`5_\xbf\xd9\xa8\xf7\x0f+\xfd\xe8\xfaKB\xb5\xff\xf7\x7f\x1c\xca\xc0\xc4Y\x04A\xad\xe9\xe3\xae&amp;\xcb"\x01\xb3~\xfc\xc1\x81bfs 2\t&amp;\xce\xd5j4\xd4\x87e\xf8\xe7J\xbd\xfe\xe7\xe7\xfb\xfb7\xbey\xfe$\x7f\xf5\xe6w\x97\xd6\x96\xdc\x80\xb5\x00\\\xcb\x0fVB`F\xc0J$xw`og\xa3W\xaa\xd77J\x8ag\xdb\xc0z\xf4\xed\xc93\x90\x9d\x03\'M5j\xa3\xec`\x12\x93e9\xc9\xdal\x1f\x1a\xc0\xde\x87:\x98/\x82\xdf/\x17\x87\xfaPz\x88\xcd%\xff\xfb\xfbk\x8f\x1e\xed\xdfz\xfaM\xfe\xea\x9fn/\x80o\xe1E\xa3K\xee\xe5\xaf\x1e\xac\xcc\xf4J\x84\x95\x80go#\x1dI\xa7\xf7\n\xf9\x00,\xb0_\xbe\x02\xac\xbf]\x83\x89\x08X\x82\x85\x135\xb5;\xd6\xdb\x19I\x14crR\xf8`\xd7\x9f]\xcd\xb2\xe26&gt;\xfe\xb3\x83\xe1\xa0\xd8\x95].\xe4\x12\xdf\xfd\xf2\xf4\xee\xe7_\xdc\xbf\x7f\xa7\xb0~\xe5\xf2\xc2\x93;n\xb7\xdb\xb3\xe4\xc1/\x0eCtx@\xac\xc8\x07&lt;\x1ee\x8f\xe7+\x9f)\x81\xc0\xf66Q\xeb\xd5\xfe\xa3\x02\xac\x151\x00Z9\x97\x98\x14\xd5\\\xfb\xcf_f\xaa1\x11-i26\x8c\xf8@\xb5po!\xb9\xfa\xd3\xb8\x0b\'\xbb\\^/\x80\xb9\xd47\xff\xfab=\x1f\x8d\xae\x15\xd6\xd7\x16.\xe5\xd3&lt;\xcf\xc3\xba\xfe\x92;\x8c\xdf\xfd\xdeE\xd7\x8a\xf0\xb0J\x0c\xc6\x13\xe1\xca\x16\xaf\x04A\xac\x80\xc1uB\x9e\xb8\x03\xa7\xf0\xb7\x1a9U\x14[\x07\xd9O\xb2\xd3NJ\x14\xb0\xb2 \xfb\xa4|\xc0\x1c$]$\xa5\xc6\xf5\x03\xc9\xa5\xb5$\x91e\x11\xeb\xa1|r\xed\xdb\xc7;;\xb7\xd6\n\xd1\xf5O\x17V\xf3\xbd\x88\xe2\xb9r\xc5\xe3;\xc7Z\x89\xf0`\xc3@(\x11\xef\xd5O\xfa\xf5\xc0="\xd8\xcb\x97/\xf3G\xc2\x0c+6`\x9c\xb5\xae\xe6*W\x07#\xfa\xebqQ\x92\xfd\x02\xaah|\xf6\x1f\xff\xcb\xcd\x8c\x87\xdf\xf1\xe5\xa3Y\xa8\x02mS\xb9Z-\xa7\x95\xbb\xd3\xf6\xb0\xea\xf7\xb3^pz\xf1\xac\xb0~\xed\xfb\xa7\xd1\xb5\xbb\xd1\xe8\x8d\x85\xbdz)\xec\xc3\x8b$K3\xae]\xc0\x02\x1b\x06\xc2+\xbb\xbd\xc3\x9d\x9d\x8a\x12\x0c\x04\x0c\xb0&gt;~-\xddj3\x99\xd8V\x9brR\xa3i\xa7\xec\xd2:\x83\xacS\x1f\x1etU\xbf\xf1l\xf3\xffq\x9d\x8bdl\x11\x85\xd6\xb6\xca\xddq\xfb\xa7jYjd\x9d4=\x88\xf9Y\xd6\x85\\\xc7\x85\xbb\xd1\xc7\xf7\x0b\xf9B4\xef\xf1mU\x9aa\xdf\xd2\xa77\xaez\x14\x83+\x82\x0e\x1fX\xad\xf4\x9b\xbd~\xbf\xaf\x04\x83n\x82\x15\xf0\x1c\xe1#\xb9\x90\xebM\xc9\xa2N;\xa1e\x0f&amp;\xa2K\xab6\xae\xeb\xd4\xa8\x96\x93\xfc\x16\xab\xb1\xfb\x87\xc5\xf2\xdb\x15\xba\xf7;\x06!\x11f@!\x05\x1a\xc1\xbb\xb5\xceX\xa7(\'3\x94X\x82Uv\xc5N\n\xfb\xb7\x1e?/\xe4\xd7\x9f\x94|\xcdJ\xa5\xc7\xe3\xd5\x99\xa5=\x1f\x1fY\xd9]\t\x83\r\x03J\xa0\xfe\xfa\xb0\x7f\xda\xe4yH\x8fJ\xd0}o;p\xb2y\xbe\x01\x96\xdc\xa0)\xc4\xa2\xf4a\xa6U\x16\xb5Vq\x9a\xd5\xf1X\x14HJ\xfa}\xfa&gt;\xc7\xfa\x03\xfeE\x10\x9e\xa9\x00u\xbd1\xd1\xd4\xdc\xd0I9i\x8a\xd6\x8bI\x81\xf3"\x96\xffE?\xbf\x16}z\xbfP\xd8H\x83$;u%\x80_@\xff\x0c\xb8\xc2\x11\xa0\x82\x16L\xf4*\xafO\x0f+\nb\x11\xb6\x12^j\xb6\x90\xf4*\xd5\x18\'rQ\x0c\xa5_\xcfL4\xb1\xacV3\xe3\xech\xd8\xa8\xc6\xc8\xfeX&amp;|\xc0\x94\x9b\\\x00\x00\x07hIDAT\x8a\xfe\x7f&lt;\x1d\x98\xfc\xb2T\x9c\x0ek\x00U\x9e\x0cF\x0cE\xd1 \x97c\xaa\x81\\^pzo\xf2\xac\x7f\xf5j\xf4)\xac\x02\x0f\xeb\xa5fec\x8b\x0f\x04&lt;@\xe5Sx\xd2\x14\x85\x0fEzM\x88\xf1J(\x18\x8c#\x96\xafO\xae$\xd9\x00\xcb\xdf\x1d\xe18\x9d\x14M\xa3b\xedA\xb1\x05\xd9V\xed\x0e\x86Y\x043\xbc\x1f\xd5\xfa\xe8w\x95"\x8cFne\xc6\xc3i\xae\xa5\x95\xa5\\Mw\xd0\x88E;\x99l\x953&amp;\xa3\xcb+\x1e\x95VW\x9f&lt;\x7f\xf3f\xa3Ro6\xfbi\x05\xec\x06P\x80C\xf4\xe2y\xc8\x8b\xa1H\xbf\xbf\x87\x90\xf1\x10(X\xc1;\xe7\xd6\x0b\xa8\x84\x98\x01\xa9\xa0S\x8af\x88f\xceQ\xadQ\x94\xb4\xb2\xd6\xca\rj\xe3F\'\x95\xc4oJXI\xb1\xfe\x1e\xca\x9a\x94r\xe3\xda\xa0+\x89e\xa98\x1eQ\x8c\x83\xc1.\xb0\x83L\x12\xf2?\xc1b\x9f\xfd\xd8/\xad\xde\x01\xa8J}+\xdc+\xed)\x08\xc5#\x144\xe0\n\x01\x17\x84\xad\x08\xd4^\x89Pde9\x7f\xfa+:\x87\x05}D\xaa-:\x1cHD3\xe8\xf9\xd8\xb5&gt;\xaa\rr\x13\xb5\xacM\x8a\x8dA\xa3\xa3\x8aP,\xbeW\xea\xe2E\xab\xe0W\x8b\xd3\xdaA5U\xd6\xaa\x99\xda\x08t\x06,\x8a4\'=V9\xe4r\xb9X\x81K\xfe\xb8\xe5\tx\xd2\xf5J\xbe\xc4G\x80HQz\xe10@= T\xc1P\x04\xc2\xd6F)\x11\x8fG \x1f%V\xeb\x9b\xc6\xd6R\x10\xa0\xc5\x9c\xbe\xb88ov@\x97d\xc0\xe8\xfe \x9cs\x04\x06\xaaJ\x9a\xda\xea\xe6r\xefTQ\x98\xc3\xdb\xe3$"\x98\x84T\xe7`z\xd0\xd1bRq\xd0\xd6i4\x1f\xe3@+\x12\xb5G\x1d\x16\xb9\xbc^\x16^\x93/\x8e\x9bJ\xa9R\xc9\xef\xa1\xdd\xc0L|\xd8h\xc4n\xd0\x12\x88\x05-\x1e\x8a\x97N\xcfH\x11\x8f\xb57\'\xd5\xcc\xf3\xc05of\x18\x86\x9eY\x12~\xc3\xb1So\x8f\x1b\xc5\x89\xaa\xb6\xaa\x9d\x96:g\xec?a\xb2\xb2\xb1If\x90\xa9j*\n\x05\'\x11\x91fXhL\xc74\x85\\\xe0a\x9c\xd5f\x136\x8f\x9b\xcdt&gt;\x8d\xee\x1dI M\xd8pw\xc5\xa0Z\xe9\xd5\x15\xa4\x8a\xbb\xd3\xf53?\x08\x8cP\x02\'g&gt;\x01(\xfc\xb1\xdb\xed\x0cQ\x0c\xe7$C\xe8\x18\x07\xad\x0f\x07 \x9a*\xb5p\x8f6,\x8a\xc5V\xae\x01\xff\x83s\xd5\xe9p\xe0\t8]\x0c,\xc6\x8c\x03\xd4s2 Yp\x0f2\x93\x8d\x03.H.[\xbe \x94\xca\t\xe02\x84R\x02\xee b\xad$\x9ai\xf4\xfc\xb8\xa7rz&amp;\xb0^\x8b\rJ\x1a,\x00\xdb\xc0\x04}A3\x9b\xa1o\xc3\x90\x8c\xe1\xc0\x141\xaa\x9e\x1dg&amp;*\xd9g\x8f\x13\xd4b\xa68\xe9\x80N\x10\xd1Q\xdf\xd9[\xf1\x98\xb1/.\x92\xbe\xda\xef\x92,\xc4`+\xdeV\xb4p~\xf9\xec\xb4\xef\x0b\x06\xc3X)G\x08\x13\xfc\xb8\xdd\x10\xa5P\xaeR\t~\xffeu\xe3\xdd\xa6\xc0r8p\x0e\x92\xf4\xa4f\x9f\x9f\x07\xa9\xe6\xcd\xc8\x05z\xd1\xb3\x0f1LC\xe6&amp;\x86\x8d\xec\x94`\xc5\xde\x15\xbb\xd5\xdc\x14\xb3\x0c\x12\xe1 \x8c\x81\x80\\v\xa29\xe1\x1aK\xa0\x96\x95\xac\x17\xc1\x8cl2\xf5\xf6\x04\x9c\n\x17\x16\t\xe2V=\xde}y\x86\x15)\xa4!\xc0\xd7\x0f\x8fe/G"4\xb0\tr\x86\x9a\xc7\xde\xec\x8bf\xa2\x16\xe8\xe5\x98}\x94\xd3\xf8@\x122\xf0e\xee\x82\xf0L\xeav;\x99\xa1~ng\x9a"\xefe\x88\xcb\x93\x0ePt\x00\xa3\x0f\xc0\xbd c]$\x8b!\x1b\x04\xde\xb3\xe3\x1e\x9a\x0c\n\x07\x98\x87\x80\xb6|\xf9\x9e\x81\xa5D\xf3\xc1m0`\x12\xdc\x8a\xc3\x02\x9ecM\xac6`\x88Lf\xf4y\xc0\xb2\x83`v\x00C\x99(z\x96\x93\x88\xa3\xe9s\xc9\x14\xb8~f\xc8\xd8\x11\x19\x99id\x82#\x90\xcd\x0e\xd3f\x9e(NF\xb9\xa8gd\xdbl\x13\x0c4%\x18f\xf3\xe8\x98\x8f\x83\x19\xd1\xc3\x80k\x19o\xad\x10\xact3}\xfa6fB\x97\xc2Y\x82\xc52\xabN\x1df\xd2\x8c.\xed\x80\x05\xc7v\xc61\xfa\x9a\x9e\x19\x90\xa6\rS\xceI-\x80\xa2\x1c\xbf\x99\x8dFp\x0cY0\x14p\x002&gt;\xe8\x83p})Yf\x1b\xb5\x91g\xf0\x00\xf1\xd9\xe6Q\x8f\'\xd5\xf2\xee\x83H\x18\xb22\xca\x05\x0b\xeb\xfc\xe9\xcf1\xffl\xe6\xc2\xc2\x02\xea\x03\x96\x93\xc6\xd0\'\xc1B&amp;\x14\xcc\x8er9\xec\x99\xce`\xa8\x13I\xd0V(\xdb\xdc$\x031\x8a\xc1\xa0K\xdc\xcfI\x82\x15\x83&gt;\x05g\x11\xc9\xc9\xd0\xcc\xc4W\xb3\x13\x96\xb5\x9c_v!\x9b1@^\x7fq\xd4\x0b\'Vv\x11k\xf9\xf6M\xe0\xba\xb7]:\xf9\x19\xb2\x88\x01e\x83i\xf21\x94K\x1c\xd7\xban7\x1avL\xb4"T\x8c\xb3\x98\xc4XY\xcb\xea\x0c\x044\xc3\xb7j\xba\xc1\x83\x8dL\x0b\x0c\x1em\xb3\xa1\x15\xe1\xb1\x13\xa9\xe7\x91q\xd4q\xb9 \xe9\x1a\xf9\xfd|\xabNA\x04\x17\xe3\xa1\x90\x0f-\xbbo\xfe\xf0\xc3\xb6\xa7tr\xb4\x99dMh&gt;\x10\n\xef\x9ac\x1d\xc5q\x93\xb6\xddA\xa8\x00\x87\xf4j\x06(\x88\x12:\xf4\xeaz\xa8I\xd5bf\x80\xc9\x05\xb8\xe6\x0c\x99h\xc3t\x94\x91\xd3\xa5\xb1\x19$#\xa7\xa2\xde(\x98\x9d\x1c\x8f\x8aPB\xb0\x16\xcb\xac\xae6\x96\x92\x10,~\x85\xa8\xdf\xdcs\xbbo\xdexu#}rD6\x0c\xb4\xa2\t9\xdb\xf9\x15@\xb0\xfe$K\xb0\x1c\x04\x8a\xf0900:\xb2U/\xae`\xca\xd04\t*V\xc4b\x1c\x84\xc8H\x04\xa3\x1aT@.oljGSb\x0f\xe8V3\'\x83n\xf4\xdcCXlp\x9c\xb1\xb0\xb5X.\xcc\x14\xb3\xb2\xf2\xd9\xdb\xd3J\xa1\x90\xef\xbf=\x93\xff\xd3\xc6\xf9\xab6\x08\x85Q\xbcf\x08\x18,\x89\x16\xf1\x05\n\x15\x177\x1f\xe0\xae\xd9\xdd\x84.w\xcf\x0b$\x90\x8e]2\xc4\xd7\xc8\x92!\x8b\x19\x8ad(\x01\xdf\xa1K\xa1P\xbau\xea\xd4s\xce\xbd-\xa1\xf4\x1b\x8c\x10\xc9\xfd\xf9\xfd\xf3|Bn\x96\xea\xffO\xcc\xa9P]\xce\xc1\xa7\xbb\xd5\xcc\xfd\xa8w\x99;\xbf\x8e\x8f]\xe6\xb0\xa4\x9b\xa0&lt;\x11D\xb6\x0e\x81Qb\x9c\x9a\x16\x13Na\x9fq\x1btp\x1c\xabX\xe00\x04\x13\\\xdbe\xcb\x87u\x12\xc8\tc?\x8a\x84\x9a(\xed\xfb\xd7\xe7\xeb\xc7\x83\xcd\xd8&gt;\xfd\xfb\xb5K\x0b\xf2\xddj\xea\x12k\x14\xbb\xd4\x9d1\x8a\xd1LX\x00\xe3\xa1\xae\x8d\x01\xbe\xc7\xda\xae\xaa\x1e\x82\x0c\xae\xe0\xe8e{%=\xefM^\x9a*\xb9pzwhq\x05\x9f\xd6\x12\x04\x92\xd8\xfc\x94\xaa-\xcd\xc6b\x10\xc1\xd7\xe1_*]\x8a \xb2\x80X\xdc*A\x96\x133\x1e\xdeJD\x04&amp;R\xd9\xdd\x11Xlh\xc3\xf2\xa9\xdb`\x18\xe4\x9ap\x979\xb0\xc7\xc9[\x17p\xb0\x9bC[@D\x14,\xfa\xc9X\x02\x97\xda`\xa2\x92KRnA\x89\x15\x12BN~\x99\x10FF2\xc8\xbb</t>
        </is>
      </c>
      <c r="M295" s="3" t="n">
        <v>45492.67666666667</v>
      </c>
    </row>
    <row r="296">
      <c r="A296" t="n">
        <v>886773</v>
      </c>
      <c r="B296" t="n">
        <v>1984</v>
      </c>
      <c r="C296" t="inlineStr">
        <is>
          <t>Rodrigo Fagundes</t>
        </is>
      </c>
      <c r="D296" t="inlineStr">
        <is>
          <t>R. Fagundes</t>
        </is>
      </c>
      <c r="E296" t="inlineStr">
        <is>
          <t>ZAG</t>
        </is>
      </c>
      <c r="F296" t="inlineStr">
        <is>
          <t>ZAG</t>
        </is>
      </c>
      <c r="G296" t="inlineStr">
        <is>
          <t>ZAG</t>
        </is>
      </c>
      <c r="H296" t="n">
        <v>187</v>
      </c>
      <c r="I296" t="n">
        <v>3</v>
      </c>
      <c r="J296" s="2" t="n">
        <v>31846</v>
      </c>
      <c r="K296" t="inlineStr">
        <is>
          <t>Right</t>
        </is>
      </c>
      <c r="L29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2af29a83-6556-4a94-9dd0-db3a1f4d79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9Dk\xff\x00\x00\x00\tpHYs\x00\x00\x0e\xc4\x00\x00\x0e\xc4\x01\x95+\x0e\x1b\x00\x00\x03\x00PLTE\xff\xff\xff\xe9\xc31\xa4sL!\x1a\r\x17\x15\x0e\xef\xd9I&amp;\x1f\x12\xff\xff\xfe\x1b\x18\x10\xfd\xfd\xfd\x1f\x1f\x18\xef\xd4E\xcd\xa6\x8a\xc9\xa3\x85\xbf\x8ec\xc7\x9f\x81\xc2\x93p\xe3\xb2 "#\x1d\xbc\x89`\xed\xce:\x1b\x1b\x16\xbc\x93u\xb0yL\xee\xd2@/$\x14\x98hA\xe7\xbc)\xb5\x84]\xe5\xb5#\xa9wO\xd3\xad\x91\xc5\x9b}\xbb\x8bh\xb1\x84c\x85V+\x98qP\xe9\xbf.\xab\x7f^\x93d=\xc2\x96y\xa0yZ\xe7\xb8\'\xb5\x8cm7.\x1e\x8d_6\x91],\xb1\x81]\xed\xc3.\x8bZ0\x9ch9\x9epP\xa4vS*+$\xf0\xdaO\xbf\x8fi\x91jME;*\xa4~a\xb4~P\'$\x19%\' \xbf\x91n\xd4\x9e\x14\x7fR,\xb7\x83T\xb1~Y\xa9{U\xc4\x92g\xd7\xb1\x96\xaavH2)\x1a\xed\xc72\x97e6\x85Y5\xd8\xb6\x9e\xbb\x86Z\x8ca&gt;&gt;4$\xb9\x87f\x9fm?\xef\xb6*\xb6\x80Y\xed\xbd(\x83^&gt;-0)\xb7\x91r\x96lJ\xa6qC\xad{Z\xa6zZqT9\xf0\xef\xee\x9dpI\x86cHzY;fL2\xc5\x97s\xb4\x89gN@/\xe1\xae!\x94_3wJ"\xbc\x8dp\xaezS\xc6\x9aw\xc7\x96m\x9cjF\xd9\xa6\x18\xb1\x80U\x82O#\xa9\x81e\xd3\xa9\x89\xbc\x9a\x83\x9evT\xce\xa8\x92\xb7\x84b\x8bW&amp;\xa6l&gt;\xee\xc99R&lt;"jQ:\xaf\x87hYE-\xce\xa2\x81\x8fjF\xe2\xa4\x1eoN0\x8fdG46/\xed\xb1"585C+\x16\xd2\xb1\x9b\xdd\x99\x19\xbb\x95{\x97lS\xfa\xf9\xf8F4\x1f\x11\x0f\x0b8(\x13{`GcE(_F5\xdd\xaa\x1dwWE\xed\xab$\xab\x8br\xee\xbd1\\=#mE\'J;#\xf5\xf4\xf3\xcd\x9e|\xe7\xe2\xdc\xdb\xa1\x1b\x8fpU\xc6\xa6\x8f\x9bt[U)\x07/20xN1\xa1oGj?\x1a_8\x10\xd0\xa6\x82\xcc\x9csQ1\x19\xa2\x84k?2\x19\xea\xb8 \xdc\xb1\x1c\xce\x96\x10RG7\xa1i5kmn\x8bfP\xaesD\x97tV\xd4\xd3\xce;&gt;;\\_`mYC\x84kS1\x1b\n\xdb\xdb\xd9ZN=\xe7\xdb\xd1\x97\x9b\xa0\x9b[2\xaf\xad\xa9\xce\xc9\xc1\xc4\x9d\x8a\xd8\x94\x15\xeb\xe9\xe7\xca\xae\x8ddR?\x9c~b\x80cO\xe2\xd1\xbf\x98c\'\xc3\xc2\xbd\xe3\xb9\x1f\x8b\x83u\x8a\x8e\x92\xa9s_E\x1f\x04\xdc\xbe\xa9\xaav&lt;\xdd\xe1\xe3kE;\xbe\xb9\xb5\xd2\xc0\xb1RSS\xc9\xb2\x9f\xe0\xd2\xa7\xb3\x8c{\xa9\xa4\x9d\xc3\x91\r\x92d\x0eFIH\xb0\x81\x11\xf2\xec\xe0\xdd\xba/maO\x8fwa\xf2\xed\xc8|\x81\x83\x9a\x90\x84\xee\xd7[\xb4\xbb\xc0\xb1|m\xc2\x8aW\xe4\xbc8\xae\x96~\xe4\xc4Uxn`\xde\xbfr\xbb\xa6\x96\xb4\x8f\x16\xce\xab%\xa1q\x0frR\x0e\xc5\x9b#\xe8\xd3z\xef\xe9\xb8\xa7\x8c%\xbb\xa5-\x9b|\x1a\xd9\xb5S\xbe\x929\xed\xe2\x95\x80i\x1d\xd9\xc3\x8e\xe8\xd3\x94\xd3\xa5@\x9c\xf7\xce\x14\x00\x00 \x00IDATx\xda\xcc\x98\xedOZi\x1a\xc6\x1b\x0f9p\x88\x02\x91 9\x8d\x19A\x8d\xd0x\xb0\xc1\xdaP\x15\tP\x85@\x01\rq[:\xbe2\x86"5\xbe\xd4(\xa1UC7a2+\xa54\x93\x06\xb4\xa66\xb1\xd6Q&gt;hjM\xdajR\x9d\xd8\x97\x8c\xe1Cgc\xb7\x19\xbf9\x89\x9f\x8c\x99\xbfa\xaf\xe7\xb8\xfb\x1f\xec\xb1{s\x04\xc5\x0f\xfcr]\xd7}\xdf\xcf\xe1\xdc\xb9\xffI\x89O\x8ba\xc4\xe2s\xff\x1fu\x8a3=\xdb9\xdb9\xb7\xb1\xb1;\xcd\xf0\xef|s&amp;fvwsg\x7f\xfb\xe8\xe8(\xffzu+\xbf\xbf\xb19\x87\xea\x9c&gt;\xf7\r\xd1\x98\xce\x8d\xed\xfc\xc9\xbf\xfa8\x9a\xa2i\x8aur\xbe\xbe\xad\xc3\xc3\xc3Oo\xf2\xfb\xbb\x8c\xf8[I\xd5\xb9\x97_\xe5\xccR\xa9\x99\x12QR\x8arr\x7f\xfb\xfbe_.\x97J\xe5f^\x1fmL\x7f\x13.\x86\xd9\xcc\xf7\xb1\x14m\xa6$"\x91\x88\xa2(\xf3e\xb3\x93s\xfa|3I\xd4\xcc\xc4\xc9\xb7\x10L\xccL\xef\x9cp4M\x9bi\t\x8a"\xbf\x99\xcdN\'\xc7\xd5\xf7\xf9\xea\x93\xf5\xf5\xf5\xc9\x0f\x07sg\xcc%F\xaa\xb6\xb7H\xa0\xa4R\xa9\x04?\xb4\x94\x92\x02\xab\tzq\x9c\x13\x05\xba\x99\x0fGg\xcd\xc5l\xe4}\xc47\xb3JJ\xa2\x05\xad(iSqSqq\x93\x19\xfa\xd1f\xd6\xe9\x83`[\xf9\x8d\xb3\xecHfw\xfb\xd0IQ\xb4\xd4L\xc4\xa2p\xd1\xd0\xac\xb8\xe9rqS\x13\xde \x96Rfg\x0eF\x9e\xec\xcc\x9e\x19\x16\xb2&gt;\x83\x0f\x06\x97Y*\xe1KUl\x96\x00\xear1$\x93\x8aD\x12\nd,\x97C\xfc\x0f\xb7w\x993\xa2\x9a;\xc9\x11(J\xa2\x82H*\t\xb9\xa4p\x93h%)&amp;X"\xd1\x03\xb4&amp;M\x02\xb6\xda\x97\xdf=\x1b\xbd\xe6\xf2NPIpI\xccf\x89\x08\x0f\x15.i\xf1\xe5&amp;\x15\x89? \xc1\x05V"X}_\xae~\xef,r/\xde\xcdsD+\xd0H\xa4Mf\x1e\x01yR\xa9`\x9fJ\xc5\xff\t\xad\xf0$:\xe5\xaa\xf7\x9d\x85\\\xcc\xecA\x92%bIx\x85\xa4\x84\x03\x04HWq\x93T%:\xad\x07"\xc9\x03\x94\x88"\xf3\xc2\xb7z\xd0)4\x97xz\x7f\xf5-\xb0\x88Q\x88\xbbJ\xa5\xe2\xc5\xc2k1\xe9B&gt;\xff\xa7dPLDC.\xd4\xd6\xbe\xc06\x8a\x99\xdd\x93\xb74\xa1BI\x89\x8fD*&gt;Ud\xcc\xb3,\x9bJ\x91\xff\xf3\xfbH$!\xf3\xcb\x89\t\xf6\xa7\xc0SB&lt;\r\x0b\xd1c\x92\x07"\x15\t\x12\x8fG\xf3;\'\x19\x8b\xc52\x99t\xbc7\x1d\x8b%\x13)\x96\x07\xa3i`a\xac\n\x9bz\xb1xc\x8b\xa5i\xa2\x93T\n&amp;\x98D\xb3\xa9Dr9\x93\xc9.X\xddF\x83Aw^\x87r\xbb\x17\xd2\t\x92@\xa2\x16\x8d\xd8\x1fn\x089\xbc\x98N\xcc\x06`\xa1\xfb1\xd9\xe1Xby\xf9\xc5\xe2b\xf6\xd6\xd0\xd0xMMM\xa86\x1a\rDQ\x81\xe7\x03\xba\x85\xf4r"\x05\xb58\'\xeb\xcc\xcd\x1c\ti#\xb3]O\xa0$h9\x8a\x05R&amp;\xb3x\xeb\xd6\xd08\nP\xefB\xae\xb5\xb5\xe8\xfa:\xb0\xd6\xd5\x8e\xc0s\x9d;\x9bA\xd3\xb2,\xe7\xf3%O\xe6\xc4\x02\x8e\xac\x13\x04\x8b\x8c\x03\x11\x9d\x80L\xd9\xff2\xfd\xf6\xdb;W\xc8\x15\r\xac\xab\xd5\xeb\x00\xc3\x0b~qDC\xd6l\x86\xc3\t\x11g\xb0\xad=\xe1\x0e\x85\xe2\x8dU\xfa\xf4t\xc5./..\xf2\xd6\x8d\x13\xef\xd6\xd6\xda\xd6\xda\xda\x1c\xeaF[\xa3z]\xdd\x88\xb2\xd9lju\xa0M\xe7N\'0zY_\xfd\x91`\xb3K&lt;\xbd\xcd\x11,\x8aJe\x10\'c\r\xa9\x90\xab\xc6\x05\xac\xb5\xb5\xdf\xa3\x0e\xb5\xc3\xe1\x80V&lt;\x94G\xe9\xf1\x83q\xc0\x9d\x05W\x13\xe7;\x14\xccE\xf1\xec\x01Ka\xe3Q\t@\x8d\xd7\xfc\xa7\xe0\xa1\x8bD\xdd\xf1;\xa0\xd4\xeb\xeb\xe4\x19ry\x942\x19\x01\x0b\x9cw/\xe3X\xc6\t\xb7\x19\xd1\x87,\x11+\x97\x1d\xaa\xa8\xe0;\x0f\x0f\x9e\xaa\xb6-\xa0\x86\x7fj\xf0\xa8\xf1\xd2h\xf3x\xfc\xc0R\xfaI9t\xe0\xe2|\x07B\x85\x0b\x13\x1e\xb7\x13T*;4TA\x82n\xac1\xf2S!\x10\x08@ \x8f\r\xdey&lt;\xa5J\xcf\xa0G\x862\x99L2\x18\xe9\xf1\x0f\xf6\xeb\x124\xe7\xcb\x0b5"\x98\xcdU\x9a\x12\xb1\x19P\x11\xb9\xc6+\xc6\x8dD\xa9\xda@4\x00\xb1l\xb6F\x0f\x8a\xc4Jf\n\x06#\xc1H\xa4Y\xa6T\x82\xcc\xdf\xdf\x9e\xe2|\'\xb3B\xed\xc3}2\xb8\x13\xb7\x88X\xfcet\x11\xaa5\x12,\xd8g#\xde\xd9&lt;$\xed\xca\xdb\xc1\x88&amp;\x12Q\x98\x08\x17\x04+\x88\xe7\xb8\xc3]a\xbe\x02@#b\t\xbf]\x1c"UQQa\x0c\x85\\\xb5.\x171\x11\xa9\xb2\xf1\xdd\xd7\xdc\xac\xb4\xd9\x94\x8a`0(\x97k\x82&amp;\x85B\x0b\xb9\x94\x9e\xfe\x81\x18\xb7\xb5)\x10\xd6\xec\x11\xb0\x88X\x04\nXd:\xb8B5.2\xd5\x91x\x88%k6\xc18Y\xe4\x89^ST\xa8\x89(\x14A\x85V\xab\x1cS\xfa\xfb\xe3\xb9\xd5\x1da\xb0\x98\xd9&lt;\xeehb\x0b&lt;\x94\xbb\xc2h4\x84B!\xa3\xd1\x18\x82\x91\x0e\x92\xf8Fe\xf3\xedfRpP#/,*\xd2\xc8\xe5\xfa\xa0\x05\\\xfe~]\xac\xef@ \xac\xce\x13\x8aNe\xadC\x15V\xab\x15P:\x97\xce\xa0\x0b\x81\r\xcb0\xeahl\x0c4z\x80\x85\x0e\x94\x99\x14z\xb9\xbc\x88\x14\xb8,\xda\xb11\x7f\xe3@\xa6&gt;?}N0\xac\x04\x0e0V+\x1c$G\x18\x97\xc1`$r\x85\xde\xd5\x060\xaelJ\xa5\x8co&gt;\x93\xc5\xa2\x87R@\x93\x17\xca\xf5\nm\xa9\xdf\xfe&lt;\x9d&lt;\xec\x14D.q\xe7!\xcd.g\xadn+9Yyu:\x17\x92\x85\x89\x8a\xe0\xd7FI\'\x92\xc1n\xc2\x10\x95\xddVD"\x1a\xf9d!\xb0\x90|}Ix\xcc\xff&lt;&gt;\xb3\xb5)\xc4\x9c\x173\xff\xec\xa3\xd8\x18\xb0\xdc^\\:\x83\xc1E\x1a\x91\xcc\x07li2\xad\x10-\x98H*\xf8d\xb2\xa8\x10\x0f\xe2\xa2\xa6\xc4\xa2h\xb5w\xc5gV\xf7\x84P\x0b\'S\x1f\x95\x8a\x91S\xa8\xdb\xeb\xd5y\r\xba\xda6PE\xf9\x11\xcf\x0f+\x19OE\xae\xe0\xd2\xe4\xe4\xd2\x93%\xc2\x86ti-&lt;V\xfd\x810_\xd2\xec\x00k9\r,\xaf\xd7\x80lu\r\xd4\xc2\xbf(\xd9;\x1e\xcc&amp;\x0f\x11KF\xd2\xd5\xfcddi\tXO&amp;\xc1%\xffU\x1f\xb6\xb4^\xec\x8a\xf7%\x8f\x849\xc7\xefq,\xc1r\xb7\x03\x0b\x89\x9fB\xb8\xda\xa28/`\xb87\x9b\x94hC\x85BF\x06\xea/#---e##@\x83\x8b\x9a\x92p\xb8\xd5~&gt;&gt;1s$D\xe2\x19\xf1\xb6\x93`YAu\x9f\x80![\xae\xd3\xf9\xeeQb\xcd\xc8\xb0p\xf0\xdc\xdc,\x9b,k\xb9\x06\xb0\x91\xa5\x91\xc2\xc2"\x92\xf8\xb0\xd6_\xb0\xd0;\x93\x17\xe26\x83a\xb6Y\x9c\xdf\xb3\xb0\xf0\xfe}\x98\x88)\xeaj\xfbnpp\xd0_\xda\xaaUh-\xc1\x88^\xaf\xc5\x926\x99\x8a~\xfc\xfc\xf9\xf3\xb5ke#ee0QSR\xde\xaa\xc5&lt;\x8d\xc7\x04\xc3r&amp;\xb2V\x83\xd7K\xb4r\xd5\xb6\xb5\x05\xbe\x1b\xbc\x88\xfaA\x1bFa\xb4\x97XL\x16\x8d^Qt\xed\x0b\xea\xf3\x8f-e\xef\xcb\xde\x17j\xf4c7\xc7\xec\xea\x02wF\x18\x13\x99\xedT*f5\x18x\x03\xd1\x8dSS]\xa3\x17\x1a.44\x0c\xffp\xfd\x87V\xad^\xaf\xd7\x84\xc3%z\xf9O\xbf\xce\xff\xf5\x15\xf5\x1e5\xff\xfe}\xa1\\{\xb3\xd4\xaeV{\'\x04\xe9DF|\x90J\xa4\xc9-\xaa\xdb\xe8\xb6\xc6;\xe2\xbd\x1d\xa8\xbbw_?|\xf9l\xb8\xea\xa6\xa2$\xac\xd0k\xb5\x8a\xea\xea\xe1?\x1e\xaf\xac\xac&lt;&gt;\xc6\xf3\xf1\xf1\x9d\xf9y\xb9\xc5\xde\xefW\xab\xcf\xa7\x0f\x84Q\x0bXq\xb2l**\xac\x1d=\x1d\xe9\x89\x89X\x92s\xfa\xfa\xb6&gt;|zU\xf9}ux\xac\xb4\xb5\xbc\xbc\xfa\xdep\xc3\xc7\x8fo^\x7fxM\xea\xd3\xc7\xc7\xc7w\xae\xdf\xbbz\xb3\xd5\xae~\xde\xb1/P\'&amp;\x97\xc9\x8a\x86X==\xc0\x8a%s)\xf2\xc5\xc7\xea\x87\x87\xddS\xa3U\x17\xed\x17[\xc3\xe5\xe5\xc3\r\xcf^=\xfdy"\x97\xf3\xe5f\x1e\xdd}\xf8\xe6\xe3\xf1\xf1\xe3\xaa\xab\x17\xed\xea\x81\x9e=AV\xa2x?\xb6l\xc5\x8e\x06X\xfbT{\xbc7\x0e\x0f{\x1f=zt\xf7\xe7\xee\x97W*G\xeb\xae\xda\xb5\xfa\xea{\r\r\x17.\xbcz\xda\xd3\x9b\x89\xc52\xf1\x8e\x87\xddO\x1f\xdf\xf9\xa9z\xb0\xbf_\xdd\xd6\xfeE\x10,f\'\xf6\xc2J\xa8\xbc\xffxva\xb4\xb2\xf2\xd2\x95\x9exo\xefD\xa6\xb7\xa7\xbb{\xea\xca\xa5\xab\xfdv\x0bfTyUU]A\x97\xb7\'\x9b\xc5\x9a\xf2\xd6=\xbe\xf3\xd7\xd7\xf9\x12\xe5 \xee\xcc\xa6v\x84Q\xebK\xe6\x05QKw\xe9\xf8x\x05\x1f\xbd\x90I\xc7{\xda{\xd2\x89D,\xdb~\xe3\xd2U\xbb_\x81\xd3L$\\^W\xd9\x9e\xced\x17\xda\xdb\xdb\x17\x16*\xaf\xcf\x7f\xfd\xaa1\xf9q\x1c\x13\x06\x8ba\xbe\xa4\x17q[\x11\x1a\xf8~ee\xb8\xeeF6\xddc\xd0\xdd\x18}\xf6\xf2Q\xeam\xa6\x1d&amp;\xf6\xdb\x9a\xe5\x85\x85\x93\x11m\xd5\x95xf\xd1j((\xbd\xfeGw\xf6\xfc\xbd;ErK\xe9\xa0\xbaM0\xb5x,]\xd7%\xd4\xfdt\xef\x95\xa9)o\xf7\x9f\x1f\x9f\xdeM\xbe\x8d\xf5\x8c\xd6\x158\x1ao\x8f\xb4\x94\x15\xca\xc3\xff\xa6\xd5\\\x7f\xd2\xca\xd38\x9e\x9c6\xcb29\x08\x193\x9a91\x9e\x03\x18.\xa1`\xb8$\x1a\xcc\x1a\xbc\xc0\xc4\x83D\xd2\x10\xa1P.b\xb8\x08)w\x8d\x17\x8cn\n\xf1\xd6\xda\x18"-\x8dh@\x01\xe7E\x1d\xea\xf6b\xc6\x905\xe3(\x93l*\x8dq\x1b^5\xdb\xec$;\xd9\x17\xfe\r\xfb\x1c\xbb\x7f\x02\x9e\x17\xbc9o&gt;\xf9&gt;\xcf\xef\xf9}\xbf\xcfAh/\x95\xf6\xd2\xa4\x91#\xc8fmn\x84\xc3\x1e\xeb\xba\x0fX\xc6\xea\xed`\xfd}a\x17\x8a\xc8G\xcc\xf5 ?\xbd\xb9es\xac~\xff\xa7\x1f\xde\xbc\x1a_=J&lt;\xedP\xe45}&gt;\x1cnh\xa6sk\xb3\x94H\x1c=Y\xfd\xf5}*{b\x97\xf6\x8f\xb0\xbab\x8f4\xa6\xc8\xf1\xed`\xfd\xcdr\x83\xa5\x08\xd6\x85\xdc\xd2\xfb\xa7\xcf\x1f\xdf][\xfb\xcb\xdb\x9f^\x1d%\x9e8\xe6\xfd.YO\xb1\x10\n\x85\xc6\x9c\xba\xbd\xc4\x93{\xf0\xee\xcd_Wm-"\x1d\xc2fw5\xf5i4\xbc_n\x07\xeb\xa5\xc1\r&amp;\x1eS\x04\x95r\xf7\x82=\xf1\xea\xdfo\xbf]\xfb\xee\xf1O?\xdfI$6\r:\xe9A\x8f/\x1e\n\xc5Y\xfd\xc6\\\xa94\xf7\xed\xda\xda\xe3\xc7o\xc7\xd7\x9d"\xb3\xa7\xb7\xab\xb9O\xf3\x91s;\xeby\xda\xc3-7D\x1e\xcc\x1c1\x1bI\xc3\xfa\xba\xe3\x1fo\xbf\xb9{\xf7\xcd\xbb\xc4\xd1Q\tdt\xbd\xfe\xa3\x98\x89\x87\n\x83\xcd\xbc\xe5\xcb\xd2\xfa\xbd?\xdf\xf9\xee\x9f\xbf\x9f\xaf\x93\x02f\x0b1\xd1\xd4\xa3\xf9\xe8|xKXg7X\n\x18Z\xc6\xb4]xh\xb0\xcc\xadN;\xd6K\t\xf0\x86\\\xe9\x01`\x81U.\xf8\x06\x9d\xcb\xb9\x854\\\x99\xef\x7f\xbf\xbe\x0e\x1b#\xa7\xe0\x05o\x11\x8b~\x83%\x19B\xcc\x11\xab\x8e\x9c\x17\x06\xadbR\x95\xdb\xdd,\x95\xd6\xed\xa4\xb4r\xd0\nje\xc0+\xfb\x88T9\x97#\xfd\xbc:\x18\x89S\xa6\x88`0o\xd4\xe2|\xbe=\xb5`nY\xad\x18\xa6\xd7c\xc6\x0e\xa3X\x95\xde\x03\xad6s\xa4T\x02X\xc3\xbeb1\x84\x17|\xbd\xa3\xa9\xed\\Z\x85=\x10\t\x08\x01\x8a\x83Z\x13\xd0\xf2&amp;\xde\xcb[\xf8\x83\x04\x9dN\xa9\xe5\xa6\xa6&lt;\x9f\xaf\xd7[\xf5\xf3F].\xbd\xb9\xb7\x99^P\x89\xa5\xaeJe\xaa\xa7\xa9\x98\x01\x1b\x8fg|M\xbd\xa3\xb3\x1d:\xd2\xb0\xa8\xf0\x10\x8cS&lt;\x1a%\x9a\xfbZ\xf5\xbc\xe3\x15x\x1a\xcbE_y\xf8\xcbK\xaa\x88\\*\xe4c\xfa\xbcIo\xe5\x93_\xf35\xb5M\x92U^\xf7\xf92\x99\x0cL.&lt;\xee\xf3\xf9\xc6X\x82\x96\xde\xd1\xd1\xb18\x95\xad\x19\xcc\x91\xfb=z\xe4\xd3\xd5\xd5\xa7jC\x97o\xf4\xcf\x9f\xf6\xbf|1\xa8\xa0\x8a\xd4w\n\xca0k4\x1f\xf5\xbfI$\x12p\xcfH{\xdeUy=La\x81\x7f\xd7\xaa\xd1P\xa6\xe8\x83\x8a\x16 \x97A(\x83`\rX\xa6|\xff\x83\x07\x9c\xae\xda\xc3\x86ek\x1a\xedsxQ\xe5v\xabH\xb7J\n5\xc4dC\x07\xa6\x8f\x1f\x0f~\x83GBQ\xb5\xcb\\S=\x83\xf1\xccX\x91J=Z*^\x8c\r\xfa\x06\x8bE\x18\x19\xa0\x96\x805\x12\xbb\xafi\xcf0N&lt;.Ir\xa5aIc%)U\xc9\xfd|0\xcb\xdc\xafX\xb2\x83\x03\x19E%\x99\x94\x0c\xf9\x91vD6\x05\xe7\x10f\xe9\x18\xc8\xa5\xa6\xc0\xd4\x8c\t\x1fd3\x9f\x0fb\x7f\x9c`yb\xfd\xde\xb6\xa86z\xf2!\xe0\xfd\xdc\xa0\xbe\x87\xf9.\xdf-\xd7?\x98\xfd\x18\x97\xc2\xa2\x0e"\xb5\x06\x9c\x9c\xe4B\r\xf9\x98\x15\x81\x9a\xf6\x0cf\xa0|\xf1\xb18\x95])\xaeB&lt;\xc3\x1a\x1c\x9c@\xe1a\x08&lt;1o\xab3\xaaMF=\x95J\x95\xde \xb9\xe8\x9fvw\xceSf\'ONR\x0b$\xbf5\xaf\x97\xc9\\\x93\x81\xc0\xa4k\xc8\xe5\xc2\xacy\x99\xa9\xb5\xc9W\xc4k5u\xa1Hej\xa0\xd2B|%&amp;XL\x14\x87\x93\xc8\xf4\x8c\xf4\xb4\xf6F\xd1\xaa\x96\xf8P\xb9jPs\xd1V\xfe\xbbsq)GD-&lt;\xb1\x94\xef\xf7\xfb\x11\xc4d\xd2Kn\xda\xdd%\x95\x82x&amp;\x8d\x97=X,h\xab\xd5\x9a6\x94A\xd5_\xfb\x0b\\\xce\x04\x03M&amp;\x938\x835r\xbf\xb5kl\xa2zEp*\xb5\x06\r\t\xfa\x8b\xd4\xceE\xda/C\x96fubL.G\x14\x03y\xfd\xcd\x16\x89Z\x9d\x8a\xfdS^\x8e(\\\xef\x1a\xcch\x81\n\x14\x03}PuM\x9b\x84j2\xd0hR\x9bL\xa2\x04\xeb\xbe\xa67\x0e/\xe3\xa2J\xb2Aj\xd1W\x00kW&amp;\x91p8\x80e\x95+\xccf\x04\xa3f\xd5\xd0\x90dR\xcao\x17\xb5\x8c.]_{&lt;\x13\xd1$\x1e\x82\xde\x02\xa1\x08\x02p\xd4\x00\x86ST\xd1\x1b\xacN\xea\r:2\x19m\xd0\xb2\x92\xb6\x12\xde\xd9I\x0fMJ\x06\x10R\x8aY\xcdf\xa1\\AqA\xcf\x07\x02R\xbe\xd3\xf3\xa1\xac\\\n{\xd8\xac8\x1e&gt;\x1f\xdf\x88\xc5\xf1$\xca\x120\x002\xa9\xa5\xa0\xa2\xd1\x13b,\x96\xaf4\x03V(\x16`6\n\x8bv\xb5\xbb\xe3\x96a&lt;L&amp;\xe6breP\xa94\x0f \xf9\xa1!\xa0\n\xa8t\x1c\x7f\xe9\xce\x0f\xff\xaa\x8f\xf4\xc7X\xc4\xf9\xf7kk{\xed\x82h\x92\xc9b\xb1\xa2\xf8\rU6\x8b2\x05]\xde&lt;6\x15\xc2\xb5h[\x80\xd1\xa0\xde\xa2\xd1\x8f\xc9\x1d\xb7_L\x064\x18\x85\xa5T\x06g\x83\x03\x08\x7f2\x00\x13V\xb5(\x97^\x1c\x1d\xdd{\xca\xe9\xf7\xb2E\xfb\xdb\xe5\x8d\x92J\x04\x02Q\xc1\x9f\x89\'?\x01\x15\x93Ax\x9aM\x8f\xbc\x95\xe1A&lt;\xe9\x9d\xd46\xea$B\xcf\xef\xa9\\\xa0Xk\x9e;Da\xed\x07y\x8a&lt;\x9f\x1b\x80\xb9\xaf[^\xd6\xe5666\x0c\xcbf9\'\x9c=9\xa9/\x7f8\x89\x9e\x9c\xa0\x04xe"\x99\xcc\x12(\x03\xc4\x1a65\xf7O\xc2\xb5\x89j\x0e\xaa\x8d\xba}h\xf4\xab]n`o\xc7\xdd\xa6\xe1\x8a),e\x90\x87\xe4\xc5\\\x95\x9b\xe4\xfb!\x05\x19\xca\xcb[[\xe5\xc5e^=\\\xaf\x87\xc3\x0c\x10\x0bEqOgg\'\xe3\x14\x85\x9b\x9a\x00/\xaf\x1fcU\x0e^\x0f\xa3\xde\xa6FMy\xc0zIr\xddp\x1ay\x8f\xa4bD\xb8}\xb6\xbd\x1fD0)PY1\x18c\x8b\x8bv\xcb\xbb\x19\x8bM\xb8\xddm\xb3\x1d\x06E\xe0\xb1`d\xa9Q\xa7b\x80M-\x9c\x99\x13\xec\xb6\x1eM!n\xaaL\xfd\x11\xf5\xaa\x1b\xe7!h/\xb6H\xf7\xc5\xc5\x0e\xd9\xa9\x13\xe7#B\xa1r_\xe9w\xa9Tb\xbf\x1f\xb0\xf8:\xd21\xfd\xfc\xf9\x9c\xc5\x90[\x9f;/\x1fn\xa7\x98p/\x86Bj\xa6\xdc\xcf\xc6\x938\xdc=\xec\xfb\x9a\x01\x1co\xaa\x1c\xf8\x18\xad\xd5\xc6m\xe7i+)\x15w\xe7b\xcf=0/\xf5\xcb#\xc2`J\tb\xcd#y\xcc\x9f\xc7tv\xc7\xf4*\x98z\x8bes\xd3\xf1\xd4V~z\xb6\x14\xa5\xb8\xd4j\xa7\xd8\xcb\xa0\xb0&amp; \xf88\xb55\xb42Uh\x895\xd0:\xd3W\xae\xdd$\x85e\xec&amp;1\xc0R\x06#|\x95x\x00\xf1cr\xa3!\x97\x9e\xfe\xf1\xc7i\xc7\x82}f3\xbd\xa8&lt;\xec\xb6\tg\x99\x04\n\xb3^M\xf0\x11\x01\x150z\x87\xfbL\xbd\xf1BW\xa5\x07\xedG\x1b\xe8\x03\xe9pY\x93\xee]&gt;f\xee\xcea\x1d\x91`*\xa8\x10\x93\xd6G\x08\xbf\xa3\xdb\xbe\xb0\xbe9=7c_\x94\x83M\xc68K\xa3\xa3\xb3\xc2\xa0H\xa9\x04\x99\xd4!\x0e\xc2FO\x19\x04\xbb\xed\x91\x95\x05\xd9\xa37\xd9\xd2Sk\xa0m\xa6\xd1\xab\xe4\xae\xaaC\xe4\x99\xed\xce\xe9\x96\xb7\xf7\xa1\xb5T$\xc7+\xd6\xcd[ /\xae/\x18\xba;\x8c\xf2\xceX\xcc\xf9\x9fz8\x1be\x84S\xc2\x8e\xb3,\xc8%P8OO\x19\x13]m\xedF\xa6\xb6\x863\x04m\x99\x97\rL\x194\xda\xc3\xb0{\x8f\x9c}\x80\x91\x0b:\xfe\xf2\xd9\xbe\x92\xef\x9e\xe7 *\xbbe\xee\xb9\xc3\xd6!\\.\xdb,\x16[PY.o\x9f\xed\xa7\x08&lt;\x9b\x12v\xef/1p\x02\x891\xb2\xcc1\xf6\x03\xab\x10\\+.\x18.V\x1b\x9b1\xe8\xc7\xb3\\\xa9_/\xe3.\x90\xf3\xb6\xad}\xa5\xce-\x8f!9\x8bcn\xe6\xcb\xfeYyc\xe3\xdd\xcc\xe5\xe5\xc6\xf9\x86\xad\\.\xdb\x16\x85\xa3\xcc\xd9\xf9\xad3&amp;\x1e\xf7\xb2\x19\xd1lKg\xbb_HmM\x8a\x85j\x83\xbf)\xd2V\x8e\x99&lt;s\x90#O\x1blv\xdb\xbe\xd2\x90\xeb\xe8\xb4\xe6f\x1c\x16[G\xf9\xf2\xd9\xaf??{\xf6\xec\x12\x9e\x9b\x9f\xcb\x1ci\xdc^&gt;\x8c\x88\xa2\xa8\xb3%\x1b]\x9a\x8d(\x8cg5p\x86\xb5\xe3\x95F\x07E\x1a\xedE\xf5\xea\xfa\xa4\xee\xb0\x1bl[_\xca\xf6\\\x84g\xb48\x1c3s\xcf\x13\xab\xe3\xe3\xe3\xcf\xfe\xcfu\xb9\xb1qy9\xfe$QZ\xe8&gt;L\xa1\xa8g)\x1b\x16E\x8c\x1d\xbaT\xadV\xfd\xfc?^\xce\xff7\x8d\xfb\x8c\xe3\x15\x8a\xea\x90\x99\xd8\x8a\xb7\xcb\x8c,\x07\xd8\xe9\xc2\t2\xa4A\xe7\x83\xd4\xb41Q\x91\xba\x18\xac\xe8\xc2\x8d\xe3\xcb\x11\x90\x82#\xab%\x9c\xd1\xe4\x83\x9e\xa0j$\xb0\xe33B(\xc5\xb20i\xecL\xc5\xaaP(i\xc0\xc6S\x82*L[-\xb6\x96&amp;\xf1\xb25\x8b\xe2ek\xb4D\xca\xa4}\x93\xfa\xc3\xa6=\xe7\xfd\x05]\x03\x1f\xc9\x96\xb0d\xeb\xa5\xf7\xf3\xbe\xe7\xf3&lt;\xf8yh\xc3\x80\x86\xd8\x10\xcf?|\xb8\xee\xbd\xec\x15\xf2;\x99x\xbc b\xa5g\xce\xcf\xbel\rp\xde\xd4\xe6\xe6\x138p\xf5&lt;\xd9,\x7f9\x93N_d\xd0\xa4L\xe6\xc8\x86\xb3Q\xb4\x82\x92O\xd7\xa1\x11k\xd7\xd2\x81T:]\x8c3\xder\xad\xe5s\xa5L)2&gt;7\xe7b\xe2\xef_fH\xbd\x88\xb5\xf9\xa4\xd1\x98\xbc\xbf\xb9\x99\n!\xd12\xc9#\xb2\x9eh\xb1\x08X,\xc5\xdfm\xef\x14\xde\xf4\xf6\x9c\xcb[\xce\xd7\\.\xc2\x84C\xd2\xba&lt;\n\x8d\x90\\&gt;\x01Xp\x00\xabq?\xa8&gt;\xdb\xd3\x83\xa8XT\xd3\xa3\x08ml\x88X|m\xbd\xbdX\xd2\x9bs\x8cP\xae\xd5\x04\xa1b\xc2\xbd\x0c\t\xed\x99diI\xa2S9\x9d##\x91\xa0zq\xb2\xfb\xd0\xb9_\xbe\xa38\xab\xd6\xb0\x0e\x19R(d\x8b&amp;\x14\xe7k\x0bm\xc6\xba\xc6\xc5\x99r+\xd3\x12\xca&amp;\x82!\x89\t\xf9\x92\xc1b\xb1D\xa3~\x9d\xf3dD\x89\xc8\xc4\xfa\xfd\\w\xf7;=\xc9h6\xac\xc9\x17\xefWP\x94b6\xdc\xed]f\xe9Z\xa8\xf9\\B-#T\x85Bf\x8eA=\x12\x89\x01\xd3a\x98\xf8\xcf\x0b\x9a6E\x93\xb2\xc9C\x87\xba\xbb\xcfu\xcb\xc2\xc5l2\x94\xdf0\x11&lt;\xe1%\x9f\xb7y\x1eV\xea\xfeS\xcc\xc7\xb5Z\x1cW\xcdg8\x81\xd0\x8b}\x10\x86a\x06=\xca{y\x1e\x8f"\xb2I\x80\x9a\xec\x0e\'w6B8\xb1\x91\' \xd1\xd5\xaeu\xb5{\x1e\xf6\x8e\xcf\x97\xce\xd42\x9c\xab\x95Is\xde\x02hD;1\xa7\x13\xa3\t\x86`i\xbfZ\x06\xdd\xfd\xe4\xe4b8[\xdb)\xa0D\x9eHy\x05\xdf\xce\xfcKm&gt;]\x0b-\x1fW\x152\x1c\xe7j\xd6\xebB\x1eb\x87\xd1@\xa5R\xe9\x89\x94\xc9\x1fT\xcbd\x006\xd9\x08o\xb8Z\xad\nQ&amp;\xc8\x8c\xcb\xf7\xbc\xed\xa3\xe9]\xee\xa2\x8f\xf3\x81\xb78\xae\x1e\x08T\xbdD\x855\x80\\\x98\xca\x8f\xa1(\xc40\xdc\x90u/v/6\xc2\xc5V\xad\xda\x8a\x16\x08\xc6\xe5\x13\x16\xda\xbf\xbd%}\x1e\x8bq\xd0\xea\x08i\xa3\xcd\xd8\xf4\x8a%\r\xd8\xcb`qZ$\x16,\xa8V\xf4(\x80kr\xb1Q\xcc\xd7\x04\xa6\x10\xf2\xc6}\xbe\xa2\xbb\x03\x03\xf37!\x80\x19\x97\xc0\x89X\xf5L\x19E\xf5\x06\xbdgI2\xf8\xd6[\xf6^\x85L\xa6V\xf74\x16\x17\x17\x9f\xd6\x84VK\xa8\x10$\x93\x8e\x87;\xb0&amp;"]/sM\x8e\xe3|M\xa3Qk\x830&amp;P\xbd\\\xee\x99\x90\xcb%*\x04\xba\xaf\xeeF#\xfc4\xbb\xb1\xd3\xacs\x19\x81\x80:,\x86\xca\xdcm\xdf\xaa\x81\x16\xdb\xc4LA\xbdPm\x96\x02V\xab\r\xd2\x85\x8b!G\xf9Q\x9e\xa7hM\xd6\x11Nf\xb3\xc5\xdaN^h6\x9b\x9c\x00PS\x19\xbf\xfaaW\xfb\xb1\x16\xe8\x84\x0f\x1a\x9dX:`\xd4\x1aK\x81\xdcTz\x8e!\x19\x86$\xc9\nQ\t\x99B\xf9Z\xbe\xbaS+\xd5\xeb\xe9j:\x96\xceU\xb3veg\xb0("6\x13\xc8\x19m\x01[\xb3n\xb3\xe6bi\xce\xe7s\xc5\x19\xc1\xeb\xe5\xf3\xf9|\xab\xdal&gt;\xaa\xd5\x8d\xc6@3\x96\x9b\xf1\x15\x93v\xfbB\'\xb0\xf0\xc3z"6k\xb3\x95\x02\xc6\xba\xd1f\x0b\x04b\xb1\xa94T\x84\x99\xaa \xd4\xe0\x16\xaf\xd6\xab\xcdj\xbdd4\x1am\xdat\xd1\xe1\xf0\xfb;\x84E\x19\x84\xd8\x8a\xd6\xa6\xd5\x1a!\x8a\x81\x921\x07di\x1f\x97NsB\xb5\nX\x8f\x9a\xa5R\xc9\x18\xb0j\xd3\xa6d2\x19Q\xadw$\x88|\n\xcf\x97\xab\xa5\xfeW\xad\xb6@3P/\xd9l\xc6@:&amp;\x1e\x9f\xe0k6\x8d\xa5G\x8f\x02\x90=\xac\xb3\\\xc5\xe1H\x06u\xce\x8e`\x99\xa8\x14\x9a\xaa\xe4[1m\xff\xee6\x96\xd1\xaa\xb5\xcd\xe4r\xb1\xc0.\x1b\x04\xaf\x04\x11\xd4\xf6[\x8d.*\nb\x05\xb1\x8e`}\x1a\xa5(}*\x95*\xe4\xc9\x18\xc8\x05\x04\xe2\x8e\x91-\x17\x98\x9a\x8a\xc5\x80\xd2\x06\xf1\x83\x9f\xf5\xe7F\xe5\x06G8\x9c\xd48;\x825\x9f\x14\xa9\xa08(\x14R\xae\x00\xf8K\xc4\x127j@\xb1\x1c\xd8\xdc\x08\x01\xb4Y\xadS\xa3?\xf1D\x93\xe10\xd2\x11,\xe0Z\x14\xb5"\x08"\x9f\xaf\xa0\xc2\xd4\xac\x88\xd4/.\x1e\xad\xcc\xae\xac\xc0\x0b\x9b\xcd\xa6}\xd5:wD\xee\xc1\x1c\xe1\x06\xa8\xa5\xd2u\x02\xabk\xdb\x93\xa2R\x89\x84\x88U\xa8\x88c\x07V\xad\xb8\xfc\xd4?+\xc2\x89/^\xb6\xcep\xfca\x8a\x8ej\x92\rP\xab#X\xd2\xaem\xc3\xae\\^\xaf\xb7\x0c\\(\xe3\xcb\xcd\xacX\x81\xa6\x7f\x15$\x03\xd1\xce_t\xf1\x14\x85\x9aBQG2\x0c\x96\xd7uF\xad\xbb\x06}A\xc4\x82\xeb\x86(T\nh\x8at\xcd]\x9c\x82\xee\xfa\xfc\xcaJ.\x97vyY\x9a\xd6\xb3x6\nj%\x11D\x13\x19\xe8\x88\xb7&gt;\xa3\xf5\x9b\xe0\xad\x04p\xf1\x15Q/\x8a\'I&amp;\x1e\xf7\xc5\x19\x17\x93\xa0hL\x15\x85\xea&gt;\xaa\xd18\xfc\x8e$\x12\xd4\xd8#\x1d\xc1\xbaK\x83\\\x05\x00+3$Z\xa1P\x96%x\x92y\x93$\x13P#Sz\x88\x9dF\xa5\x82o\x0e\x8d\x06I\x065\x1a\xbbn]\xda\x81\xbc\xe5\x980\xd0\x9b8\x98\x1e\xdc\xc5\xa3\x80\x05_\xbc8\xf6\tT\x04k\xd28\x1c\x1a\xbf\xca\x8f\x80V\x0eD\xdd!,\xa9;\xfc\xba\\O\xd3\x05\xbc\x90`\xa0dFQ\x16g)\x88\xe3h\x02\xe2\xcaS\xb8\x06\xec\xe4\xf0\xab\x1c\x88C\x83 jq\x1a\xd6\xee\xfc\xd9|\x9b\xbbW\xe9g\xd93g\xe4\x1e\xe0\xa2q}\x02J,\xe8|p\x96eQ\x9e\'*\x95\x04\xafW9\xe0\xbe\x81\xf09\x10\x04I\xaa{\x14\xea$b\x1f7l\xbb\xc5\x8fhh\xcf\x04\xb8x\xee\x8e\x9eY&gt;#\xd7/\x89T\xd4\xe1Q2a\x12\x1bj\x94\xad\xf0|"U\xa0\xa0@\x05\x9a\xa4F\x0c\x1f\x82(\x14\nD\xa1\xd6\xd8\x9dc\x9e\xf0\x82t\x17\xebE\xbf\xeb\x06\x7fuZ*]\'\xaf,/_\x96\x1b\x0cx\xc1\x14\xd2\'\xa8\xd1\x04\x8b\x85B&amp;\\|\x1a)\x14\xa5\x0c:\xa8\x9a!\'\x00\x1c\xa2V\x03Y\x10\t*#\x83ccK\xd1\xed\xed\xe77\x17\xe6_\xac\xc9\xc0\xe8k_|\xb1\xf0\xc7\xe2\x87W.]z_\x0e\x96/\xe0\xa1\x10\xce\x12\x89\x94\xc9\x04X,%\x07,\x9a\x85\xb4\x90t@\xe1\x17\x0cj\x10\x91J\x81(\x95\xf6\xc8\xa0d\xec\xe7\x83#\x83\xaf_\xfcr\xe7\xe6t\xd7KR\xe9\x0bQ\rb\xe7\xbes\xf5\x93}W\xff\xf3\xcd\x87[\x80ue\xd4\xb0\xb9\x19\xc2\x01\xc8\x84&amp;(\x10\x0b\xc3\xf5\x9e\t\x0fe\xc0BQ\x90\t\x9eB\xe5\x90\xdf,\xca\xa5P\x04\x95\xca\xc8\xc0\xe0\x1bo\xbcq\xf4\xd8\xfec?\xdaZ\r\xdcp\xcf\xaf\xddvK\xbf\xabj\xa2\x1f\xban?~e\xcf\xbeS7\x9e\xfduk\xf5\x12`\x1d\x01\x80\'\x18^\xa9\xe0&amp;6\x01\xaa\xd1z\xbd\xc7\xe31Xt*\x95\xd2&lt;40\xa0T\x9a\xcd\xbdAuO\x8fZm\x8e\xe8\x06\x9c\x12\xc9\xf8\xc1\x93}\xfbO|\xfc\xf6\xd6\xaa\xf5\xe9\xfa\xaf\xaf_\xfd\xdd\xed\xef\xf4\x8e%\xfc\xf2\xf4\xa7w\x1e\xdf\xfb\xc1\x9e}\x07\xae^{\xf6\xda\x95\xd5-\xc0zSOc\xa0\x8c)\x95bY=\x8ba\xb4H\xe5\x91H\x9c~\xa5\xf9t\xef~\xe5\xd0\x90R\t\xfd\xb5\xba7\x18\xb4\x03\xd6\x88\x88u\xe2\xf8\xf1\x13\x07\x7f|ek\xf5_\xff\xf8\xf7\xf5S\xa7\xaeC4\xff_\xc5\xc4\x8f]\xb9v\xeb\xc1\xf0\xf0\xbe={\x0e\x0c\xdf\xba\xfd\xec\xa3\xaf\xb6D\xac#KN\'\x1d\na8\x91"\xc0Q*\xcc01\x01X\x83\x16\x9d\xdf\xdc\xdb\xd7g\x1e\xea\x8b\xf4\xc2Ch\x0e\x9a\xff\x8758x\xf2(`\x1d\xfb\xf8\xf33\x97\xfe\xf6\x97\x9f\xfe\xf3\xc6\x83\x0f\x0e\xdc\xfb\xd5\x9a{z7\x14\xdf\x9ejz\xed\xd6{\x17.\xec=5|a\xef+\xc3Wo\xff\xf6\xa3\xdf\x8br-\x1f\x968\x9dN\x10\x896\xb0T\x82\xc2\xfd~\xcc \xaa\x05\x16\x1a\xef\x1b\x12\x97j\xccg\xcf\x9e\x0e\x9a\xcd\xe6\xd3f{d`\xc4b\x19\x17\xf7G\x8e\x1f\xfb\xcd\xe7o/\xff\xfd\x87\x7f~\xf8\xf5\x83O\x0e\x9cz\xf7\xc1\xe3;k`\xb2o\x97\xcd\xc4$\xe5\xbeqo\x8f\xb8\xd7\xfd\xee\x81\x0b{\x0f\x0c\xbf\xf7\xf5\xda7\xaf}\x05\xeeZ&gt;\xbcdqb*\xb8\x8ei\x035J\xa1Q\x8d\xcai\x90,\x8d\x8d\x8d\xfdb\xec`\xdf\xfe\xfd"\xd5\xd9\xd3\xbd\xa7\xcd\xbd\xe6`D\xa7\x1b\xb1\x8c\x8f\xef\xae\x8f\x1c\x05\xac?|\xff{\xff\xa5\xe4\xecb\xd2J\xf30.T\xb7\x16\xd4\x02\x9eS\xcfV\xc4\x8fD\xa7\xc1\xd9\x81L{\xe4\xa2\x9c\x92\x82\xe3p\xd1\x8dEr\\\x9dx\x83aw\xd5\xe2\xa6\xd9\xea0i6&amp;\xc8\xb4\x9bn{A\x08\xc9\xda!\x93!\xd61QH\xc9\x06\xb80Kt\xad\x17Ub\xba\x9a\x96\x90\xaa\xb4\x1b\xdd\x921\xc6\xf8\xdd\xf1cm\xf7y\x8f\xb6\xbb\xd9\xcc~\xfd%\x80w\xbf&lt;\xcf\xf3&gt;\xef\xe1p8;-K\xd1(\xc7Gy\x9aM.=\x8f\xb4\xfc\x1f\x17\x9b\x91\xea\xbb3\x15f\xb3\xb3A\x95\xeb\xca\xbe{W\xc2)\x96fS\xebD\xae\x07g\xfbI\xba+*\xb0e\x9f?\xfb\xc1\xf9\x9b\x8d7\xabL&amp;1\xb9\xc2\xa5\xa9\xa8\xb3\xb0\x00\x89/\xbb\xdf.\x93\x01\xab\x9c\x9c\xe95\x1a\x815\xd8qe\xe6a\xf7\x86\x88:\xe8\xcbD\xddQ\x9a\x8eFY\t\x17p/\x84G\x1f\xfdog\xec\x8fn\xe5\xf34\xcc\xd3\x80"w-`\xc3\xf1\x00\xcdq\x81\xcc\xec^h\xe3\xc9\x93\x07\xd7`bE\x05\xbc\xfb\xec\x82X|\xedlUc\x95\to\xfa\x9b\xc8oM;\x95\x05:\x1b\xa1\xd2\xc9\xe0a\xb9\xd2(\x80\x15t\x0cv\\|89\x19\x84\x85#\xb1\x80\x1b4\x0bQ\x17\'\xe1\xdcnW4\x16\x1f\xf9\xef5{\xf2\xd4\xa9\xbe\xd9\xa9\xe9\x18\xaf\xa0\xe9#*Ixd\xec/X\x8a\x8a\x18\x91k\xf3\xc9\xc0\xcf\xc4\xcd\x1a\x82UQ\xd5|A%&gt;{\xbe\xa2B\xa3B\xb8\xd0\xe5be\xa1n\xb0]\xf0\xb0\x1c\x89\xd7!\xf1\xc6fc[\x83\xaec\xb0`f\xb2{\x8b\xcaY\xec\x9b\xe6\xc1\xf2\xd7\x17\x99$\xcf\xeb\x05.\x97+)\x80\x9d\xfc\x8fB\xb5D\xe21\x96\x16n\xa6 !w\xe8\x08,\x8d\xa4\xb6\xd2_f\xd3d1\xae\xce\xa5\x07\xbe\xf9\xa9\x8a`\x95\xe3\xf0\xc5hR\x01\xc8\xa4iV\xf5_\x13\x8b\x11\xf9+\xb5\x1d\xed\x1d6P\xc9t\x97d\xba\xfar%\xb2\xa51\x16\xca\x06;.?\xecN\x173\x07w2\xd1@\x80\xfd\xe2\xe5\xf6\xe2X\x98\xe7\xf4z^\xe0r%\x9f\x8f\xdc\xf9\xb7V"R\xa4\xcf\xf5PFB&amp;\xf7.\x1d]\xcaD&amp;^:\x0c\x1b\'\x902wfj?=\xff\xcd\x83\xf3\xe4\\i\xf5/\x1b[5F\x95\x98\x9c\x027\x89\xc5\xe4\xb2&lt;\x15\xa2U~If\xb3a\x15\x92\xf2\xaa\xafW*\x8d\xc6\xae\xfar\xdb\xe0\x95\x99\xc9y\x0f\x82\x15I\xb2&lt;\xfb\xe3\xd7f\xeaU*\x02K$z&gt;\x1a\x05\x96;\x1a#7\xe39\xf5\xc3\xf6\xb5&lt;\x8d\xb9A\xa4 7\xe8@WE\xc3\xf1\xa9g\x83\xfbs\x06\x8fcn\xf3D.\x9d\x1b\x9b\x9aXKo~\xf3\x13MEk5\x0e^\xaa5p\xf1\x82\xf8\x82\t\xd9R\x89\x853\x82J\x1d\xc9\xba\xec\x92\xae\xbc\x0b\xa3\x01\x96\xb2\xbe^g\xab\xfd\xc3\xe4\xfc\xdc\xf06\x82\xc5\xb2\xdc\xa7\xbb\xcb\x0cc\xae\\\xd9Ne\xe2\xc9\x00\xc7\xba\xdc\x90\x0c`\xa3\x8f~\xa0ca\x1fb.\xd1Khr{\x0e:\x90\x9c\x1e\x1d\xfb\xf3\xea\xfe\xdc\\\x08\x0fChn\x80\xb8\xba46\x91\xde\x18x`"G\xc4\xd5\xad\xe8\x88f ]0U]P\x91i\xebT\x16\x96\xdb\x90u\x19\x84\xaa\x87}]]JeW\xbd\xcc&amp;#\x16&amp;^\xbd\x88\xc4X^\xff\xbb\xd7"PY\xb5\x95\xc5\x95+o\x1e#\xc6Q\xde%\x90A\xb1\x7f\r\xff\xc9\x93}\x91\xa5\x00q\x8fV\xd0\nwlz\xea\xf1\xe1\xde\xba\xc1`\xf0\x1b\x80\x14\xc2\xa4\xef\xd1\x92l6&gt;\x92\x9f\x9e\x1f\xf8\xe0Lc\xe3M|\x92\xf8\xac\xaaY\xa5\x02\x16"\x063M\x10\xabP\x07\x08\x9dN\x83\x1a5\x82\xa8\xbe\xab\xb0PWfS~\xfe\xd1\x86\xc3\xb98\x12\x93\xb0\xfa\xa1-\xadU\xeb\xab\x149)\x86a(\xe6\xd5vjji!@\xc0\\| \x19\x8f\xfc\xd3\xf708\xda\x98\x8d/`\xc1b\x9f\xa1\x03\xb1\xf8\xd3\xd4\xea\x9e?\x142\x18\x1c\x8e\xa0\xdd\x1f28\xc0g\x98?\x81u\x10\x88\xcf\x82\xeb\x17U82\xae&amp;KQ \xea\'T\xf0\xb0M\x03\xb0z\x9dN\x87L!\xec\xd8\xb4\xf1^fk\xc7*\x9c\x0f\xbd\xdc\x99\rs,\xab\xdf\x1d.\xa943R\xa9\x93\xc9!C\x15{\xf6\xde&lt;\x8b\x87\xdd\xf0\xd2\xe5\xe2\xf9\xe4\xf4\xfb\x9fW"UO\x11?\x05\xcbeK\x92\xf1\xa9\xd4\xea\xb2\xc7\xe1\xf1x\x1c\x0e\xe0x\xfc\x06O\x90\x8c#\xb4Inv\xe2\xce\xcc\xe6\xaf\xcd\xff\xea\xe6\xe9\xc6VT\x04\xd6 A"d\xe4YUD\xfa\xb4P\x89=Gi\xd4\xc0Q\x99\x0c\xbbc\xf9\xccG\xf3s\xc1\xd4l\x98\x05\xd5fP\x04&amp;\xf00&gt;\'\x9e\xcc\xd6J\xb3\xd3\xbc\xbc\x9a\xca\x08`&lt;\xef\x8e\x86\xc7\xee\x1c\x7f{\xf9h:\xca\xc2?E &lt;:\xb6\xfa\xd6.\x97\x97\xc8\xc9\xd8\xed%%=\x86\xa0&lt;\x98H$\xe4\x1e\x03\x89\x97B\x12\xcd\x8c\xac\xcemt\x9b~\xdbx\x13`\x1a\xd2\xa4dTuMMW\xaf65\xd5u\x166t64@-%\xe2o\xb3\x9d\xce?W\x87\xb8\x07\xdf\xcc.q\x1c\xcb\rmQL\x8eTJ\xf9,\x16\x9f\x99\x92\xfa\xb4NF\xcaPf\xed\xf2J\xeai\xd8\xc5\xba\x02\x01\x97;9*\xec}}c\xe1\x00\xcbI\x14\x0b\xd3\x10\xca\xee *9\x04\xad\xfcv_\x8f\x1f\xaf\xd0\xca\xeeq\x18\x1ck_\xa2\xcah\xf7\xe8\xec\xe1\xfa\xda\xfc\xd9\xa3O\xa4N\x96x\x00\x00\x06\nIDAT^\xb0\xd1D\x14\xebo\xaaS5\x91\x9f\xefw\x82J\xa52b\xfd\xe9l\xede\xf9\x13\xf9\x9d?\x07\xd5\xf6\xc8\xb4\x82c\xf5\x9f\xeeR\x90\xc8i\xed\xed\xf5QR\xa9\xaf\xd7\xc7\x10&amp;\xad\x96b\xa8\xe5\xd5\xc7\xa3\xa8X`\xb9\x16\xc8%\x0ec\xd3\x0b\n\x02\x15\x1fK\xadx\x1cv\xbb\xdds4~\x8f\xc7\x0e*\x12,?\xc9\x16,\xdd\xb8\x97\x0b.~z\xf6\xf1\xca\xfaF\xf7\xaf[\xcf\x9c\xa905\x93\xed\xa5M\xd5\xa6R\x15\xa9\x8a\xf0\xda\x89Qu*\xd1_\x80\xba\x91w\xba\xfcc\x81jI\xa1g\xd9\xa1]FJi{\xbd\xbd\xe0\x00\x8f\xd5\xe2\xb3\xf8\xb4f3%\xd8Ja]\xc6\x01\x86\xf4g\xf5\xa1&gt;YVA/\xc4#\x87{%\xc4&lt;\xfb\xf1\xa8+}\xde\x9e\x1e\x0fI{HH?^\xc6\xd3\xf7\xb0\x0b\xd1\x8a\xf0\xecW\xdb\x89\xb5\xbfu\x9b\xd0\x12\x1aM\xb3\x91\xc4[\xd3\xd6\x06\xf3\xc0t\xd1\x08\x0b\x95\xd8\x19\xf3\xf3JK\xf3tW7B\xcb\xa9\x91\xb0B\xcf\xe9\x87^3NKo\xaf\xd5\t\x17\xa1\x0fB\xcfxo\xdb\x99\xa3\xaca\x9c\xcb\xab\xcf\xe2I\x1c]d\xc1O\xf8\x17\x98\x8e@)\xbb\\]\x82\x91\xdb\xf1W,rZzzz\xfc~\x03\x1e\x02V\xd0A\xfcL\x0f\xd0\nL,\xf2\xe8\x8dh}c\xfeaUku\x85\xa6\x8d\x14\x14R\xde\x00:%\xc0\n\x95]\x97N\xe7\x95N\xdc(\xcd\xbb4\x93\x0e\xae\xecDb\xa0b?\xdcU\x13&amp;\xb2\n\xcd #c\xf6\xf6x-\x02T\rY\x05T\xf1\xdb\xc31\xe4&lt;\x0bP\n.\x96y\xbc"$\\~\x14v{\x89\xc8I\xa4\xea\xf1\xf81\xc7r9\x80-\x0fzB\x9b?\x02\x16\x9d\x9cj9\xa0^\xae\xcd\x7f|\xd5T! \xa1\xd3\xc9^\xd3@:\xa2\xb0\xa0\x9d\\\x9e{\xbd4\xaf`f+\xb1\xfd\xc7\xcc\x02\xad\xe7\xb8\x0fw\x83\xc5f\xa08+\x11ti\x0ey\xe7\xf3z\xadN\x8b\xaf\xa6F\x10\x0b\xb6\x9a+\x8bW\xde\x8c-eA\xaa\x85\xf8W\x87\xeb\xc3\x02\x0e\x19HU""Pv\xcf\xb1Z\xfeqB\x06\x1b=\xa8\n\xb9c\xfe\x9e\x82\xe3\xe8\x85L\xdf\x01e\xde\x9a\x9c\x9c\xbc\xda\x86\x8f\x14:R\x08\x1ad\xcc\x08\xacZY{\xde\'\xb7JK\xf3\x0b\xf6\x1d\xa2\x83\x91i&gt;W\x8f\x1a\xc5F(e\x9c&gt;\xab\xdaj\xa6 \x0eV#B\xe6\x83p\x16gM\r\xf9\xdf\xac\xb5Z\xb5\xd8\x00^\xedd\xd1\x81\xa5Hj\xcf\x91(.V\xbf\xc3\x92\xabE\xc4\xbf\x9e\xdb\xc73~\xdb0N\xa8\x84\xd8{\x82ryz\x08\\\x8a\xe8h\xcb\x0ec^\xdf\x98|XT/+;W\x8f]\xbb\x8el@\xaa\xbaN\x9d-\xff\xc6\xad[\xa5\xed\x97\xb7\x12\xd2\x1d!V,\xf7\xfb\xef\x91v\x84\xdcb\xd5:sjj\xc0\xd7\xeb\xf5Z\xcc\x0cI\xd6\xb2\xb4&amp;\x87\xd2Z-V\x00CD\x8a\xc9\x82\x7f\xab\x00R\x03K}TV%j\x91\xfd6$z\xc74\xfe~\xc8\x16d\x80b\xf2\xb5!\xd45\xeb~\xde\xb2Xc~\x99\xfe\xfcbA\xd9\xd7_\x9f\xabhn#\xdbu[]SQ\xed\xfd\xbc\xd2[\x9f\xd8\xf6\xd7\x13\xdb\x8b\x19,s\x9ePA)\xabuXP\xaa\x06\xf6Y\xbc\xbd\x16\x11%\xcd!B9}Rt\x06\x01\xc6\x9a$vfER\xcb\xbdHy\x89\xc0%$^]i\xef\xf1\x085\xf1\x0e\xed\xf6?\xd0B\xe3~\xb4XbmH\x01\xae@\xbce\xf1\x15\xb5\xbc\x7f\xb1\xf67\x10\xe7Og\xba\x8c\xcd\xfd\xfd\xaa\xa6\x99+\xba\xb2\x89[\x13\x05\xfb\t\xed\xc1\x8b\xd1\xa8\x82\xe5y\xa2\x15\xa4\xb2j\xcd\xcc\x91}\x96^\xd4)\x02F\x92\x8e\xb0y\xbd\xde^\xb4=Z\xe3hMf\xad\xda\x13\x89#\xacJ\x81K\xad\xaeT\xdb\xd5D\xba\x12\xc1S!\xf4\xef\xf10~?\xe4\x1a\x06\x17\xcf\x1fsQo\xbf\xeb\x18\xbc~x\xfd~\xed\xe5\x8b3d\xbe\xab\x1d\xfcvp\x7fk\xd8|\xf0(\x1e\xe0x\xcc\x17\xdf;E\x80r\x12(\x86\x12Y\x85\x8a\'\x08\xa4\xe1!\x1cY^jJ\xe8\t\x12\x7fi\xd6\xdf\xbb,w\xd6\xc6\x81(\n{\x8a\xb8q%\x98Ba\x98R\x8d\xaai\xe4*"eT-\x88A]J\x97\xdb\xab\x0bH\xfe\x03aQ\x11H\xa3z\xd2\xa6\x0c\x0b\xd9R\xe4\x1f,A\x10p\xa1*\xc1\x8b\xed\x14*\xf6\xdc;\xb6\xf38\x1e?F`\xe6\xe3\xdc\xa3{\x15h\x16\xaa\x181\x17\xbe\x17\xf8\x89\r\xd6\x07\xdd\x02\x0e\x1e^\xc0\xd2\xf6\xf94M\xda\x03\x97U\xd6\xd2\x9f\x86\xa1\xd7\xbd\xea\xfba\x18\xae\xefl\xb8\xf9\xf3\x94\xa4U\xd5\xa6\xeb7\xeb\x9c3\xde\xa9\xac\xb1T.D*\x0cKc\x910R\x9e\xe7\x92\xbcc\xaa\x93\t\xac\x8a\xe3\x8e\xec\x8a\x04sE(\'N\x10^\xc4\xe6\xe9\xc8R\x1f&gt;\xca_\x17\xbfOST\xa7\xdas\xe1Tg!\xcc\x11t\xed\xcc(ef/\x97OIR,\xab\xb3\xb1W\x81C\xbf"\xa7J\x1a5\xa6,e\x89{2\xf7L\x94*j\xf5\xf39w\n\x986\xd1\xba\xd3\xb1\xaf\xa2\x108_5\xc4\xc7DB|b\x83{\xea\xa0X;\x8c\xee\xbfS\x8c\xded\xe9\xb9\xd0\xbb\xeb\xa0\xd6\xce+\xf8\xe9,S\xa5x\x8e\xba\x18\x87L\x19\x9a/\xd4\x97\x8ci\x1a,L\xeaOH\xa5\xe4T\x01\nv\xceB\xc6\xd2\x1c\xf5@+\xd1DdV\xc4\x12\x1f\x8e\x1d\xe9\x08\x90\xeb\xab\x90\xc7n\xb1f\xbf\x98+\x946w5\x8b\xa0\xce5{U W\xd5\x8fQ\xd2\xa4\t\xa5\xccDc\x81\xc3\x02SM\xa9?\x0eD\n\x15\x9b5\xa3\xdd\x17\xac\x8c\xd2\x94\xab\xa8\xd9\x93\x89\xef`P&amp;\x84\xc9\x0c\xf9\xda\xdd\xad\xcf\x88\xab}\xb8y\x99\x87!Z!\x19U\xd7W\xe7\x8f\x81\xaf`Z\xe0\xb1n\x14\xe4\x11\x1e\x91\x89\xa8\xae\x7f\xed\xb9\xa8\xde\x99\x94\xb3#\xd2\x8a\x97\xa7:\x99\xc4{.jW%\xc2\xb5\xc0\x85\x98KE`\xe6;\x1a\xefv\xbb\xed\xb6W\xca\x06\xe34)\xda\xf6\xfe\xf7\xcdf\x8e\xae\x84\xd3q\xe3_=\x12\xd5\xe6\xf2\xa1H\xd3\xa2-\xc6\x1e}\xd2\xda\xf8\xfa\xf9\xfd\xf6\xf5\x16&lt;\xff\xb6\xdb]\xbf\x1b\x0ee\xf3Z\xad\xf8\xcd\x88\xf4\xf1\x1f\xb0w\xe8\xcd&gt;&amp;c\xe2\x00\x00\x00\x00IEND\xaeB`\x82'</t>
        </is>
      </c>
      <c r="M296" s="3" t="n">
        <v>45492.67898148148</v>
      </c>
    </row>
    <row r="297">
      <c r="A297" t="n">
        <v>895650</v>
      </c>
      <c r="B297" t="n">
        <v>1981</v>
      </c>
      <c r="C297" t="inlineStr">
        <is>
          <t>Erick</t>
        </is>
      </c>
      <c r="D297" t="inlineStr">
        <is>
          <t>Erick</t>
        </is>
      </c>
      <c r="E297" t="inlineStr">
        <is>
          <t>PD</t>
        </is>
      </c>
      <c r="F297" t="inlineStr">
        <is>
          <t>ATA</t>
        </is>
      </c>
      <c r="G297" t="inlineStr">
        <is>
          <t>PD</t>
        </is>
      </c>
      <c r="H297" t="n">
        <v>173</v>
      </c>
      <c r="I297" t="n">
        <v>33</v>
      </c>
      <c r="J297" s="2" t="n">
        <v>35773</v>
      </c>
      <c r="K297" t="inlineStr">
        <is>
          <t>Left</t>
        </is>
      </c>
      <c r="L29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d544161-26f7-4a11-b36e-7ab699f50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c\x8f\xfb\xc9\x00\x00\x03\x00PLTE\xff\xff\xff\x08\x07\x12\xef\xef\xf7\xfe\xfe\xff\xf1\xf1\xf8\xf3\xf3\xfa\x05\x05\x0f\xec\xec\xf6\xf1\xf2\xfa\xee\xee\xf8\xea\xea\xf4\x0b\n\x16\xd9\xdc\xe8\xe2\xe2\xef\xf4\xf4\xfb\xdb\xdd\xea\xd6\xda\xe6\xd3\xa5\x8b\xe9\xe9\xf4\x03\x03\x0b\xdd\xdf\xec\xdf\xe1\xed\xd1\xa2\x87\x0f\x0e\x1b\xeb\xeb\xf6\xc6\x92w\xf6\xf7\xfb\xe6\xe6\xf1\xafqY\xc0\x86j\x13\x13\x1f\xc8\x96{\x92ZE\xe7\xe7\xf3\xba{c\xcf\x9e\x84\xafjQ\xd0\x9a\x80\xd4\xd7\xe4\x19\x17#\x8bTC\xbb\x7fgJ)%\xe3\xe4\xf1\xc6\x8bo\xc1\x8ao\xb2v_\xbf\x87r\xc8\x8fr\xb9v\\\xcc\x98}\xc5\x8at\xc5\x88l\xbf\x8cv\xc1\x81g\xb9y`\xf0\xf0\xfa#\x18\x1d\xcb\x94x3\x1f\x1f\xd5\xa9\x91\xc5\x93}@&amp;%\xb7\x86q[/%\xcb\x92~:!!M.*\xcb\x9a\x82S0,\xcd\xb4\xab\xc6\x98\x84\xcb\xaf\xa5\xb6rX\x1e\x1d(\x9daL\x9efQ\xabeLP55\xc3\x84j\xbf~e\xca\x91u\x94_M\xaanWoA5\xbe\x81l\xa9kS\xb3mT\xd8\xad\x96+\x1b\x1e\xce\xd1\xe1I/.\xd2\xd5\xe2\xc3\x8es\xc1\x8fz\xf8\xf9\xfc\xa3q^\xb2{f\xa3gO\x83M;\xbeza\xfc\xfb\xfcj&lt;3\x82QB\x12\x0f\x17Z4.\xb9\x8av..=\xcb\xcd\xdetH&gt;$#0\xb6s\\\xb2\x81l&amp; \'wB5R)#\x98^FzL=C++\x88[L_=8\xa6`H77F\xb6~j\x96eU\xb8\x90\x80f9.a5,\xa2kW\xc7\xc9\xdb\xabt`\xa0[B\xc8\x8ex\xc1\x94\x7f\xb9\x84k\xce\x99\x86\x7fH8\x99re\xd1\xb9\xb1\xa5~p\xce\x95{\x89Q&lt;\x8ceY\xc5\x9c\x8b\xba\x95\x886)0\xcb\xab\x9d\xc9\xa2\x91\xd6\x9c\x87hC&lt;\xc2\xa6\x9b\xc4\x84piJE\x9bl[\xab|h\x99U&gt;\xd2\xbd\xb53$(\x8aJ4\xae\x85x\xc1\xc4\xd7h2&amp;\x1a\x13\x19\xcf\x9d\x8awTK\xd7\xc5\xc1B?L\xa1xi\xb4\x8b|)*6\xd1\xa0\x92\x81C0\x92Q:\xf4\xf1\xf3\xcb\xc7\xcf\xee\xea\xed\xbd\x9d\x94\xb9\xbd\xd1\xda\xcc\xc8\xd9\xd6\xdc\xc1\xc0\xd0\xe6\xe4\xe9uo\x7fG \x1e\xcc\xa6\x97f_i\xd3\xcd\xd4ZEFT&lt;&lt;\xbd\xad\xab;07#\x0f\x14p8*\xd3\xc1\xbbJIUA7@\x81u\x7fx=,\xb3cZE47\xa7\\T\xcb\x87r\xac\xa6\xadUP[\xf9)&gt;\xa4\xa5\xb8\xb7\xb3\xbc\xb4\xb5\xc9\xea\xd4\xd9\xe0\xdc\xe1y[V\x8d\x89\x98\x82~\x8baUa\xfd&gt;R\xd6\x8f|\xf0Xc\xc1\xbb\xc7\xae\x9e\x9f\xce\xc0\xc4\x9f\x9c\xab\x98\x95\xa0qfr0\x10\x13\xee\xe3\xe6\xcc|~\xdc\xa4\x94bMS\xad\xae\xc0\xe0\x9b\x8a\xc3\xb5\xb6\xa7\x8b\x86\x9f\x82~\x8cng\xaa\x94\x90\xc3nn\xe8\xc3\xc8\xedny\x92\x84\x85\xacNM\xcf\x19%\xd1\x8d\x91kgy|dc\x95zu\xeb@O\xda\xb0\xa2\xce}h\xe5\xb1\xb8\xe6\x87\x94\xea\x19,\xe2\xd1\xd1\xe8\x96\xa3\xc3=M\xde\x89w\xce^m\xcc\xcf^\x0e\x00\x00 \x00IDATx\xda\xc4\x98\xdfOSi\x1e\xc6=i\xd2\x9bs\xb5\xe1\xe2$\x93\xe6\xc4\x10\x92\x13\x9aI\xbbX\x810MK\x7f \x1d\xce\x0e?f\xb14\x8d\t\x8aR\xa7p\xe2\x81\x03n\x85\xb2\xc0\x04q\xb1C,\xe0\x04\xa9\x026\x96\nT\x070\x10d\x90\x1f\xa3\xc5\t\t&amp;$\xa2s1\xac\xb8\x17&amp;(^x1\xee\x1f\xb0\xcf\xfb\x9e\xba\xf3\x0f\xb4\xf8rh)\xbd\xe8\x87\xe7y\xbe\xcf\xfb\x1e\x8e\x1cI\xd3\xd2h\xe8\x03yR\xaf\xcf\xbe4\xbe\x99\xb9\xc5G\xdb\xaf\xf6\xf6^.\xff\xb6\xfcrk{{{\xd6\xf7\xd9\xa1\xe6^-oH"\xc7\xb1~\x96eX,E\x12\xd6_=_\x9c\xf9\x8cL\x9a\xb9=\x99\xc3b9\x8ea\x18\xad\x16\x97\xd6\xcf3\xac(\'\xf64\x9a\xcf\x07\x15\xe49\x88\xc4p,\xa3\xa5TYZ\xba8\x9e[^\xd8&gt;\xad\xf9\x1c\xee\xcd\xbe\x94\x04\xc2\xc3\x92\x07\xb2X\xad6\x0b\x0b\xcfx\xcd\xca\xfc\xeb\xb9\xc3\xe6\xd2,\xfc\x11\x94eY\x14X-\'\x08\x0c\xab\xcd\x82R\x1cO\xb1\xb8\x04KUc\xd8\xc4\xcb\xe7\x87\n6\xf3B\x16E\xf0 \xea&lt;\x0f\xbd\x98,-.&lt;\x91\xc5S:\xc2\xc5\xf0\xc9\xbd\xc3\x8b\xbeffY\x00\x13\xc7\t&lt;\xcb\xd3XQ\x1c`\xd0g\x8eI\xbd\xc2\x1b\x02\xff\xdb\xc2!\t\xa6Y|\xc6s\x0c\xb8x\x96\xa3\x1f\x9e\x05\x0b\x99,\x86c\xa8\x87Y*\x15\x0bb\x86\xc1\x88JO\x0fG\xb0\xb9$U\x88ay\x00\x10\x18\x92\xf1,\xb4\x84J\x95\xc2b8\x11Z\xf2\x1c\'\xca\x0f\x0f\xa3]\xbfXV\'\x8f\x13\x08\x1c\xc7\x13I\xa0\x13\x94C\xec\xd5T\xe1b\x19A\x969\x01M!\x04\xc5\xed\xcc\xfb\xa8\xf9]\xa0T\x8c\xc8\x13\x95\x04\x9axL\x9d\x96\xa3\xceQ\xff\xb2@\xca\xca\xc1`\x82\xe5e\x9eM\xc8\xeb\x8b\x19\xe7\xd2&lt;\x84[\xa4\xa4T\x1e0"\xf9\xc0\x82wx\xc1\xaalZ\x9e\x17\x81#\xe3M\xec\x02\xa2\xf8:\xd36\x9e~\x91 i"\x9dIs\x05Y\x10 D\x9eh\x84\xb6 Q\xe7\xb3\xb2$Y\xe4\xf0#\xc9\x1d\x86VL\xfc\xae\xc9\xb0\x85A^\xf5\x10\\\x82\xa0e%\x9e\x11&amp;y\x92p\x81c\xfc\t\x94FB\x86hRR\xa6uFR\x86z\x93\x97}\x99\xedv\x89\xe3S[\x8d\xa0\x15\x11w\x08%\xca,\xb1JJ\x08&lt;\x84KL\x06\x05^\x90\xa4\xa4\x88\xa9\xa0]\xcf\xf1\x82\xbc\xfe(sr\xf9^%0\x84lJ.\x96\x15i\xc8\x18\xbf\x0c"V\x90\x122\xcfIB2\xf1L\xe6\xc5\x84\xc8\x8b\xa4(\x18\x9e\xe1EQ\x947^d\x0c\xcb\xf7\x82\'\x9d\xce\xf8\xfd~\x92\x19\x86\xf3\xa3KY\xbf\x9fO`\xc7F\xae\x05\xbf\xc0\'\xc5I^\n\nRP"]\x86\x89\x14\x11~\xec\x9d\x89g\x8b\x99rp\x1b; -\xcfXQ\x8c\x10QD\xe4\xc8\xcf\x92C\xa0\x08&gt;\x81\x0f\xc2QA\xe2eQ\xa6\x1b#\xfe\x04QP\x92\x92\xc8o\xccfF.\xcd\xcc$\xe1\xd0\x92\xcf*\xf2z\x01\xc6A\xaaXL\x88\x11\xf5X\xbf"*\tAP\x04\xc5\x0f\x03\xfd\xf0\x9aT+\xacVD1\xf90)mle\xc8\xc5=\x9eP\xe1\xc3\x18V\xf0Z\xad\xe6\x18\x98bE\xe3\xde\xa2\xf1\xf1\xa2\x98w}}h|H\x89y\xc7\x87\xc6\x8b\x84\xa2\x18C\xfd\xc5\xc5+\x8a N&amp;\x83\x1b\x19\x9a\xc5\x19\x89\x8a\xa5%\n\xf8\x8b\xccz\xa7\xd5\xec0{\x03\xa7\x02+\x91H[E$\x1e\x8f\xc4\xdf\x04NE"\x91xE`\x13\xb0XxP\x14ec\x1d\x91\x17Ee;#\x1en\xf1\xec\'\xb5\x18\xff/f\xeb\x89\x86\x86\xae\x86\xae\x0b\xf1K\xe1\x9b7o\x86\xce\xf44\xf7GC\x07\xe1~\xacP8\xbc\x13YY]\xa9X]\x05\xf5\xd0\xd0zBF\xf0\xf9g\x99\x90\xcb\xb7L&lt;\xa4\xcd\x00\xaa\xff8\xf4\xb6\xee\xc7\xbf\xb6\x9c;\xfa\xf7o\xbe\xaf\xd1U\xeb\x0c\xb9ncc\xf1tqcm~ccq\x94\xc0\x81\xeeR&lt;\x1e\x1f\xaeX\x87\x8f\x02\xefW2pR\xd5\xa8\x1e\x12.\xff/^\x87\xbe\xd5\xd6}\xe7\xf1\xaf\xf7\xaf\x1d\xbdx\xf1r{yyNY^vv\xae\xdb\xed6\x1a\x8d#F\xe3\xbf\x9a\x9b\x9b\xeb\xeaz\xaa\xcf|\x7f&amp;\x14\x8e\xaf*EJ\x91\x18\x13w3\x80\xf5H\xa4\xb78\x90\xca\xac\x07\x94\xcdv\xe7\xce\xe3\xfb\xb7o\xff4:z\xf9r{;\xb8\x9a\n\t\x96\xdb\xe8vWU\x15fg\xd75yr&lt;9\xd5=\xb7nM\x85+0\x08\x08\xd9\xeb\x0c`\xbdBe\x92\x8a\xf2\xc7\xf4\'\xf4\xad\xe0"b\x11\xac\xcbX\xed\xe5\x9e\xa6\xa6\xbc\\U,wv^^^a\x9e\'\'\x07*\xeaz\xeanME\x02\x81\xcd\xf5\xa1\xa1\x8d\xf4\xdf\xa0i\xfe@\xc1s\xb4\x12\xf4\xadK\xfa\x14\xd6}\x15\xab\xbd\x9d\x88\x05\x13\x8d\xc6\xdaZ\xa3;\x17XMe\x14\xab\\\xa7\xc3,\x84\x87WWW7\xd73\xb0/\xfa\x92\x02\xe7\xf7\xc70\xf5f`-\xb5\x12\x0f?\xa9E=,\x04\x961?\xbf6\x1fX\x90\x0bT\xe5d\xe9\xaa{\x9a\xa3\xa1x$\xb2\xb2\xb2\x92\x81F\x9d\xc1\xb1\x00Z\xa1\xde\xad\xfa%\xa2\xd6\x9fX$\xf1\x1e\x88E-\xc4B\xb8\xb2\xe1\xa1\x07\xbf.\xaf\xa9\xae\xd65G\xa70\x91;;oV&gt;\xa4\x1bK3\'\xe1\xd4\x02*\xb3C\x0f\xac\xd6\xa5OXD,P\xa9\x83h\xac%j\x19\xddU\x85\xf5\xd9D/,T\x07\xea"\xbc\xf3q\xe7\xe0\xe3r\xda\xb1\x8e&lt;\x07V\x8cb9\xf5K\xad\xadD-\x1a\xad\x9fF)U\x19f\xcf\xed6Yjk\xf3M\x08}UUU\xbd\xca\xa53\x10\xac\x9b\xe1\xf0\xc1\xc1\xc1\xc7\xa7\xa7\xd3\x8d\xb5\x80\xfd\x97RY\x9d\xe8\x07\x82\xf5\xa7\x879e\x08&lt;\xea\xc1Tk\xb1X\xf2kM\x00\xab,\xa8\xaa/+\xf3x&lt;\x06]\xddtg\xf4L\xf8\xe0\xbfX\xe9\xbfa|\x84\xb3\x89\x00,\xab\xde\xb9\xd4Jk+5\x87\xc8;,,$\x1e\x9a,\x16\x97\xa5\xd6\xd2\xdbk:~\xbc\xb2\x80\xc8\xe5\xf1\xe8\x0cu\xc5\xd3\xd1\x9eP\xe8\xdd\xbb\x0f\x1f\xd2\x8f5+\xc9\x02\xc5r:\xd52U\xc5R\x1b\x1eX\xb4\x1e,\x16\xbb\xc5n\'X\x95D.p\x955\x19\x0c\xcd\xd3\xd3\xcdS\xfdo\xdf\xbe\xfd\xf0t.\xdd\x91\x9f\r\xaaX\x0e\xa7\x13\xfbN\xf7\xffK\x8b\x8e!\xb0\xf2H\xe0]v\x17\xa1\xfa\x12Z\x11,\xcae\xd0ut\x0eNOE\xdfc}H\xf7\t\xd5\xf7\t\x0bj\xb5\x82*%\xd6E\xe2!\xe5\xaa/(p\xf7\x96\x94\x94\xd8\xed\xc7\xbe\xfd\xeb\x97\xc7\x0b\nRX\xc8|]\xe7`g\xff\xdb\xf7\xefww\xd3\x8e\x05\xb5$Q\xc5:a\xeb\xb6\xdd\xe9"Xd?$Xd\xa3\xae\xaf\xaa\xac\xb4\xf7\xf5\xf5\x1d\xb3\xdb\x81\x05\xaa\x82z\x82UV\xee\xd1\x11\xac\xe8\xdb\x07\xbbk[\x19\xc0\x9a\xa4X\x18\xc4\x86\x06\x9b\xad;\x85EJ\x0bT\x90\xab\xb0\xbe`\xc4^\x02\xae\xaf\x88\x89\x05\x95)\x13\x89\\\x1d\x83\x0f\x06\xa7\x07o\xac\xad\xad\xbd\x9fK\xfb$N\x06e\x85\xf6C\x83\xad\x01X-\xf7\xaf\xde\x1e\xbdxY5\x91\xa6\xab\xaa\xd2d\xc7\xfa\xea[Se\n\x8b\x8c"\x9a\xab\xf8\xc1\xc0\x03@\xed\xaf\xad\xed\xa6\x1dk\x01X\xa2\xd7\x1c\x08\xc0D\x1b\xc5:wmt\x94f\x8bR\xe5\xe5e\x17\x10\xac\xde\xde^\x8c!VAn\xaa\xe7u\x8d7n\xdc(\x1d+]\xdb\xdf\xdfM{A&lt;\x9f\x0c&amp;\x14e&lt;\xe0\x04\xd6\x89\x86\xae\xf3-W\xcf\xa1\xe2Q\x10\xedgs&lt;\xf0\xb0\xb0\xb0j\xc4t\xac\x84\x0e\xe2\x88\tT\xd9\xea\x19"\'\xc7\xd0y\xfd\xfa\xd7\xa5cc\xd0+\xfdX\x8b\x93II\xf1\x8e\x07\xf4\xce\x138\xc4w\x9f?\xd9r\xf5\xea\xedkH\xd7Yr\xd4j\xc2\x96\xe86\xf5\x96\xf4\x11\xbdL\xbd&amp;r\x88hR\xa9\x90\xf8\x1b_\xff0\x86\xb5\xb6\xbf\x95\xf6\xd3\xfcLr2\xa8(f\xabU\xdfJ\xe4\xea&gt;\xdf\xd2\x02\xac\xd1QR\xf2MyM\xe4\xc0&lt;\xd2K"\x0f0\x8b\xc9\x98[\x95\xad&amp;\xab\x06\x89\x07\xd6\x93\'O\x88\\i\xdf\xaa\xbfx\x16$X\x0e+\x91\x8b\xdc\xf4@\xaekG\xffv\xb6\xa6F\xd7D\x0e58\xce\x98\xec}\x13\xf8"z\xe5\x9bF\x8cn\xd8\x88h\x19\x8a\t\xd6\xdd\xbbw\xc7\xf6\xd7\xfe\x9d\x81\xd3iPR0\x8a\x90\x0b\xdb\x8f\xde\xd6u\xf2\xea\xb5\xd1\xb35\xd5\x06C]G\x07NZ\xf9\xf9\xf0pb\x02rM\xb8\xb05\x0e\xb8\\W\xf2\x8d\xb9\x06\x9d\xae\x8e`\x95\x8e\xdd\x9d\xbf\xbb\xb6\x95\x01\xac\x17D-\xd2\x10z\xbd\xd5\xb1d\xeb\xc2\xbd\xd87gz\xea\x9a;\x8a\x1b\xf3q(\xad\xc5n\xd8w\xef\xde\xc4\xc4\xbd\x1f\x07\x06\x06~\xbc\xfe\xf3\xc0\xc0\xa0k\xb0\xb3\xb8\xa3\xb9\x11X\x90k~~mw!\xfd\xf7\x89\xdbAI-.\xab\xd5\xe1\xd0w\x9fl\xf9.\x1c\x9a\n\xf5\xf7OM\xf5G\xa7;\x1b].W\xdf\xc4=\xba\x06:\xa3\x9d\xd3S\xb8S\x8cF\xa3\xfd\xb7T\xac\xd2\'\xf3\xf3[\xe9o\xd3#\xbe\x05\xe9\x13\x96\xc3\xebp\x9e\x1fn\x8b\xbc\xd9\xd9!\'\xf4H&lt;\x1c\nO]q\x95\xd8)\xd7\xcf\x03\xd1P\xf8 \x1e\xd8\\]y\x833\xe9N\xb8\x9fb\x8d\xcd\xcf\xef\xee\xa6w\x105\xe4kn2!\x93\xcc;\x1cf\xaf\xd9\xd96\xdc\xb6\xb9\xb9\xb9\x81\xef\xc0j$\xbe\x13\xffg\xf4\x8a\xa5\xd7\x05\xac\xbf\xdc\x1b\xc4\xfd\xf4A\xa4"\xb0\xbe\xb1\xb1\xb9\xb2\xf2&amp;\x12?xP\n\x17\x81\x95\xd6A&lt;\xbd\xffn\xf7\xb9OszY\x16\x95\xa2\x14\xd6x\xc5\xf0p[\xc5)\x08\xd2\xd66\x1c\xdf\t\x87C\xb7\x8a\x8d&amp;K\x1f2?1\x10\xed\x9f\xbay)~\xa1\xad\xa2m\x85\xfc\xd7d8r\x80\xcc\xff0?\xfb&gt;\x9d\xf7c\xbew\x17\xfeq\xe1\xc2\xbb\x05\xdf\xffh5\xfb\x9f\xb4\xb24\x8e\x9b\xf0\x17\xcc/MhpK\xa8d\xaeF@\xbc\x02Q\x83o\x08\xe8\x82\x8ar\xb5c\x88\x947\xef-$\x04\x83\x02\x1aQ\x88/\x05Y\xac\n4\xd4\xb7\x1a\xc7\xd2\x1a\xdan\x9bNV\xec\xb6Su\xaaV\xb6\xc9\xc6\xce\xa6!\x1b7\xd5\xb1\xe9vv\xdbt\x92vc7i\xd2\xecsn7\x9b\xec\xcf\x03\'\xe1\xe5\xc7O\x9e\xe7{\x9e\xf3\xfd\x9e\x9c\xb5\xdf~\rX\x95\x95u\x95\xe5\xe5\x9d\xba+\x1e\x8f\xe7\xd2\xc4\xcfK\xbf\x9b\x80?\x1e\xaf\xd7`,\x8c\xe3\xa0\xfa@\xbdR_=g\x985\x18&amp;@t\xa0\xbc\th\xe9k\xd4\xc4\x83ww\xf2\x18\x8c\xa3O\xd9\x11\xd8\x81\x9d$\xedvR\xfe\xa0\xfc\xc2o\xc0\xd8\x00V]g%P]\x9a\x05\xbd/\xad".*h\xc6\xd4,&gt;G\x00\xd6\xb4\x96\xa9\xbfh4\x18\x0csh#\xd0kuuh\x1a\xce\xc4\xc4\xc1\xbb\xee\xee\xa3\xbb{\x03\xc6\xa3l\xe8\xea\xae\xd7\xd9\xdb;LX\xeb\xbe\xbdp\x01a\xc1\x84p\xcb\xfb\x91\x9e\xae]\x01\xddC\x13\t\x82\x18&amp;&amp;UZG\xbb\xb4\xf4\x0c\xb3\xab\x90\xe5\xf7R\xa4\xbc\xa8\xf9\xa1\xf5\xf25\xaf\xa1\xa7\xda64\x1dAX\x97\x86l\xbb\xbb\x0e\x8ef\xe5\xd7\xe7\x1fF\xf7\xf4\x08V\x93J\xf9|U\x1b\x80\x85\x0c\x97\xbc\x1f\xd6\xe5~\xddb\xe7\xc6\xc6\x85\xf7\xf7\x1f\xbc\xfb@,\xd7\xd4\x00\xd7\xb9B\xe6\x99\xb1b1_\xeb\xa7\xc8\x0fO6\xae\xafm&lt;y\xd8L\xb0\rF\xdbxT\x11J\x1cxY\x0e\x8bE\x13O\x7f\xdc\xff\xf5\x1a\xbb-2\xb2\x97kzS\xd6\xa2\xceo/\xd0\xeet\xd8E\xd9/\xf7\xbbA_O\x0e7\x16u\xff\xf8\xfb\xf7?\xdb}\xbd5\xce\xf9\x02\x0e\x0e\xd6\xa1P2\xa2\xc6\xbc\xaf\x7fLUV\xa5&gt;l\xf7\xf7\x06M\xc6\xea.e\x83"q`l\x8f\xa7\xd3\xe9L,\xf36\x0bG\xb4h\x90\xbdL\x10\xa9\x94\xac\xb2\x1c\xe5\xc4"\xab\x8b\xadnsY\xeb*\xad\xf6\x1f\xad)\xd9\xb5\xef\x15w\x97\xbc;\xbe\xde\xcd\xf9&amp;!\x8e\x8b-\x1c\x0e_\xd5\xb67\xf7\xaf\xcbV\xeb\xb5\xd77(\xd7\xd5\x8e|&amp;S\xba\xaeHl\tj\xc3\\n:\xf3*\xf3\xef,`\xe9\x07\xb1e\xa7\xb3&amp;\x05S\x14\xf5PF\x9a\xfbL~6Q\xd4;\xec\xc2(\'\xf5\xfa\xee\xf4R\xcf\r\x8c\xec\xdd\x99?g\xc1\xc7\xe2\x168\xb7\x8dF\xad\xd6\xe0\x9d\x98\x985h\xb5s\x1d\x1a\xe6\x99\xae\xaeh\xc3\xd6\x96\x9e\xcb\x8de&gt;~\xce\x0e\x96r\xd0\xbc\xec\x0c\x92\xf2/\x83\xa1NNP}*u\x1fE\xfa\xc8\xe0$\xc6V\xcf\xd9`\xab-y\x86{wF\x11\x96XxNh\xe1\x0c\x0e\x1a\x8d\x90\x0e\x8d|H\x89\x12qq1\x8f7\xd5\xb0\x95\xa8\xe7r3\x99\x8f\xe9W\x9f\xb3\xd0\xc4\xee\xf5\xc1\xe0r\x10\xb3\xcb\x0f\x0f\xe9j\xc9\xa1Z\xb0\xd8f\xc2i\xbe\xd57\xd0\xc1\xe2\x0f\xf6\xccy\'\xc9\x9a\x9d\xd1\x02K\x1c\x17C\x94\xb5@\x94\x1d\x1c\xd4\xebE\xed\x85\x12\x87\x102\x918?\x7f&lt;\xb2\x95\x90\xe2\xa5\xe1\x0c4\xf1s\x16$\xcfX\x18qn\x9a=\xf6\xde\xc3\x8d\r\xa4-h"\x9bM\x83\xb1\xe7U\x03\x1dZ\x16\x7f\xc4\xafb\x9b\xc9\xe5\x9b\xa0-M\x8bX\x02\x1c\x16\x8b\xb8\x1d\xd2,O$\xd0X \xff .\x84\xa5\x17\x87c\xb1L\xec8\x93\r\xeb|dpnb\x1e"\x05X\xe5H\xf2\xa4\x19\x03,\xb0\x7f\x1d,\x16\xab\x91\xcfgu\xa8Fo]\xdd\xd9\xbcyk\xe0\x9cE\xa3\x91\x80\x81F\x99\xb1\x0c\xc7\xf11\xe4\x9f[4b1O\xaf\x8c$\x12\x81t\xec\xf88s\xfc\xea8\x0b\'6\x83\xb1\xea$\xda&lt;$\x8d\x05Gu\xd10`!W\xcarp8\x1c\tP\r\x0c\x8c\xb2\xcdN\'`\xa1\x14+t\xb0\x1c\x12MYYKY\xf1\x18\xday`U\xcbx\x02\x84u\xef$\x13\x8b\x1d\xc7\xbe\xc9\xbc\xcd\xc6\xd1\xc8\xd8\xb2;\xff\x0f\xcbE\xfd\x0fK\xd2\x88n"\x07\x06\xd8\x93\xe6`\xf0\xd6h\x13\xc8](t8\x1a9-eh\xa5+\xb8\xdc\xd2\xdaV\x9c\xc7\x93F\x15\xf7\xee\x9d\xbcBX\xc9\xccQV\\\xcd\x9dK\x04\xe5\xf2\xa5\x0e\x0f\x01kq\xd1\xed#P\x17\xd5 *\x16\xeb\x1cD\x1b\xc8\x11&amp;\xc02\x9b\'G\x9b\x1c\x1a\xb1\x06\xfa(\x14\x8a\x8b\xd3\xe9\xff\x16\xac\xb4\xb5\x04\xefRFB\xf7\x12\'\xd0\xbfW\xb1\xf5dv\\\x17\xe3\x9f\xa4\x9d\xec\xadC\xd5Z\x9cY\xac\xb2\x92N3\x9d-L\xa6\xa6\x8e\x82\x82F\xa8\x99\x163OR\x93\xb7\xe8\xad\x18\x8f\x8b\x04\x1c\x18\n%itmS\x86\x17WT0q\xa62\xb2@c\xc5b\xb1\xe4\xdb,Y\x9bgv\xd2ZDc\xcd\xcc,\xd6\xc9|\x80\x05\xf5R\x99L\x03\x1d\x05\x0e\r\x0f\x17h\x83N\x8a\xa2\x10V:\x1dO\x8f\t8\x8e\x96\x8apk\t\x9d\xae\xc5-\xc5x\xd7\x99h\xc3\xc2\xa7\xadob\xe9\x8f\xe9\x95d\xd6\x9c\xf3k\xb2Y\'\xab\x83\xf90\xf3h\xb1\xae\xc8JP\x18\x86A\xbdLM\xacF\r\x04|\x91w3\x88A\x13\xe7\x0b4\xe9x&lt;\x8e\x0b$\x05\xed\xdc\x187\x9cN\xa3]\x08\\L\xe5:\xb8\xd3\x85\xc0Gq{m\xe0$[^\x90\xf1\xc9.\xd35W\xc14\x9dy\x04]\x94_\xa6(\xba\x8d\xa6\x02G!^\x1f\xa8\x1f\x0c:1\xcc\x0c;Q\x08\x8ci\x84\xd5(\xe1\xc6b\xb0\t\xc7\xc4P\xafv\\\x19\x05\xac\xc4\x82\xa8\xb8\xb6!Z\xbb\x9fE\x83ju\xbb\x17;\xcb;g\x1e\xd3X.\x17e\xa67#\x07\xaf]Y\x91\xb6m\x9a\xfb\xd8\x937\xe7\x1bk\x93\'\xa1@m}m\\\xdc\x1e\x8e\x9d\xa2\xb9\xf0\xb2|\x98\x0e\xeb\x91\x86\x85\x84By\xf6\x9b\xd0T2{1\x83qtE\xe7\xae\xa4\xb1\x1e\xcdT\xc9\xfa\xedv\x17\x85\xf5\xa9:\x1c\x9cxE`\xa5zg\x133\xa9\xb1\xab\xa3\xe2\xe4\xc9\xc9\xdbc.\n\xfc\xebI\x10w\x80\xbeU\x82Q\x1a\x05\xacPB\x81~\x94\xd9+\x16p\x1d\\qC\xb6X\x9c\xb9\x0eXr\x1fA\xc0\xec\xfa\x82\x15\x8e\xd5\x8f\xd4lbj\x7f\x1b\xa6\xe2\x94\x06b\xc9\x80TZ\x1f8\xbb\xb2\x02\xd5:\xc5\rW\x8c\x95\xe0\xd2(}c\x93\x88D#\xd1h(\xab\x99\xac\xfb\xbb\x0f\xfd\xfd\x1f\xb6\x1f\xff\x00]\xd4Y\xfbI;\xcc.U\x07_S\\\xba\x12\x18\xa9\xa9\tR\x04i\xf7h\x05z\xbdT\xd4\xe3\xefk\xe2\xe0\xa0\xad\xaf\xbe\x8aq\x01k\x0c\xf4\x8e\xe2\xeb\xd6\xfa\xca\xfaT2\xcb\x01\x96\xd1\xfd\xecY\xf7\xf9\xed\xa7\xd7g\xa0\\\xd6a4R\xc1\xbc\x17\x16\x87\xcf\xd6\xf3\'\x97\x97}\x87\x87\x87)\x12c\xb7\xcd\x1af=\xd8|\x01\x0e\xd6\xea\xd4).\xb7\xa2\xb5\xa4D\x19Q \xacDC2\x12\xda\xcf\xcb\xc1b\xfc\xfe\xfe\x0f\x80%\x83r\xb9P\xb5X\x85-%\xa5c\x85Z\x15\x9b"|\xbea\xd2Ey\xe6\x86\x86l\xd5\x17\xe3\xad\xdc0pq\xa1\x8b%\xcc\xa9\x88B\x01V\xfe\xe8\xf4\xfe\xfe\xed\xdc\xbc9\xb8\xb3\xf6\x14\x06\xaa[n%\t3[m\xd2\xf29\xc5L\x9e\xa4\xc3\xe4\xf7{\xbd\xde\x89\x1bK({M\x8b\xaam\xbc\xb2\x92V8\xa6\xb9a\x18\xaa\xcch\x03`-\xdc;\x9f\x97\xb3u\xfa/\xcf\x1f-V\xb9uV\x1f\xe1\xc2\xd0\x84\x90\xf0\x04\x85,\x93\xda\x0fiu\xa4guzz\x08\xb0\x86l"Q~\xbc\xa4"\x1c\x0eC\x0f[\xeb\xd7i\xacO9|(\xc5\xf8\xdb\xfb\xc7Un\xb7Nf%\xec\xe6&gt;\xb5\xda\xc4\xbfX\xc8\xf7\xabi\xac\xb9\x1e\x1bDU\xf8\x8c\x0f\xd9l\xd5\xd5"=^\xd2\n\xca\x82\t\x8fz\xb8u\x94;\xaa\xbc\xee?\xbd\xbf\xee\xd6\xe9\xdc:9iwa}\xec&gt;\xed\xdc\x88\x01\xfa\x87\x8a5\xc2\xbfh\xb3\xf5\x18\x05\xfaq=P\xd9l6\x91\xa0\x8b\x89\xb0him\xe5\xf21%\xe3\xcfkO\xa1V:\x9d\x0cu\x113\xb3\xfd\x86\xd9Y\xa0\xf2\xfb\r\xfe\x81&amp;\xa1\x84#\xb4\xb4\xc7\x05"\x91\x08\xa8l\xab6\x91T9\xa6D\xd2\n\x85\x129}U\xf6\xd7\xb5\xfbOtr\x99\xcem\xed\'\\.\x97\xc7\x0bXP*\xbf\xdad\x1a\x05\xcf\x0c\x07u\xbc]\xd3\xc2C\xb7\x83\xab\xab6H\xd3R)\xdd\xc3\x85\xfd\xbc\\b\xfdq{\xed\x81\\.\xd7\xe9`3\xda\x9dN\xca;;a\x00*\x95J5\xaa\x1a\xd8\xdbupv\x1d\xbb\x90\xe8\x05\xa2.)\x92\x98&gt;\x1a\x85\xf1\x10\n\x85\x16r\xfa\xe6\x9a\xf1\xdd\xf6\xf6\xd3f\xb9\\&amp;C#\x95 0/@\x8d\xc0\xc1\x03\x06l\x0f\xad]z\xed\x15\x18/\x8a\xc6Ac\xa2\xa9h\x94\xbe\x93\xdf:\x9d\xcbj\xe5=\xdb^{\xffP\xde\x0c\\\xb0\x19\t;4q\xee\x86\xc1\xeb"\xc9 \xb6\xe7\xdf\x1b\xdd\xdbEd{*6F_\x88\x8c\xeb\x95SQ\xe8\xe0Bn\xa5\x95\x97\xf7\x87\x17/\xb6_B\xb9P\xbdH\xc2\xe5\x01]\xcdz/\xd9k\x86\x9d7\xe7\x7f\xf9\xb2v\x7f\x016\x95J;b\x14\x8dK\xcfLEBh}\xca\xed\xf3\xce\xdb\xcf_\xae\xbdx\xd0,o\xa6\xcbE\xc1\x11\xa8V{UmA\n\x03\x9e7?\xbdy\xf3\xe6\'\xf4\xb5\xbb\xc7\xe2\xe4\x0bx]L\xe9T\x03HK\xa1\xd8\xcf-\xd6\xf9\xe7\x8f_\xfe\x87vs\x8di\xf3\xbc\xe2x\x84ma\x90\xc1\x06\xd9\xa8\x0e\xbc2\x97\xd5\xc3\x80\r#\xe6"\x82c\x9a\x9aK\x86\xe7\x12\x9b\xb2\xc9\xd8\xa4\x06\x81EjR7\t\x18\xd5\x04l$\xbb$\x94p\x89`\x845\x8b\xa7\xa4#\x99V\x1a\xcaE\x0b!\x91\xa2DI\x94\xc8\xf1\xd2\x90\x0fi.\x1a\nJ\xdaf\xdd\xa0\xdb\xbe-\xea\xfe\xe75\xd9\xfa\xa5\xdb\x9a\xe0\xe37/\xca\xb7\x9f\xfe\xe7&lt;\xff\xe7\x1c?\x8f\xe7\xef,\x1a\x0c0\x89\xf2\x16*-\xbdG\x9f\x9a\xd9\xd4\xf7\xeb_\xfd\xf5\xe9\xf2\xda\xf2\x1ab\xf9\xe9\x95+\xef(\x18\xa9\xd4j\x95\xc2\xb5\xc8\xe3+\xfe\x14\xe1\xcb\xb0g/\\\xbd\xf3\xf0\x11\xb8\x08\xcb\xae\x07\x96^o\x04V\x13a!\xd6\xd6~\xb7\xfc\x14S\xb5r\x0b\xe6\x1d\xa9\x14c+\xba\x9a\xf3\x15\x9fl\x8a,\xd6\xc3\x0b\xc7\xae\xde9{\xce`\x80I\xb4\xb6\x1b=\x1e\xbd\xd1hLEs\x9fy\xed\ne\xf0\xfd\xb5\xd7~\x89\xfe]\xcd\xa8s\x94V\xf8\xea\xe0\xd8\xd8X\xd5H\xc5\xc7\x91\xc7\xdaz\xf5QX.\xc3h\xaa\xde\xd3\x95Ja\xc4\xe7\xda\xb5\x9f\xd3\xfc\xff&amp;jJ\xcdP\xe4\xfasY\xac\xb1\xb1C\xbb"\x8cuy\xf8\xd8\xd6\xed\xf5\xe7\xce\x11V}\xa7\xdd\xd8\xd5\xe5B\xf3\x97i4\xa2\xf4is\xf4\xf4\xba\xfdJ\xa5\x92a\n\x15~\xa7_\xeb;CT#\x1fF\xf8\xfe7g\xe9\xd8\xd6\xad[\x8fu,.\x12Vk\x9b\xcbhtef\x1aS1\xfdc{\xec\xc2F\xd4k\xf3\xbf\t\xa8\x1aE\xba\xdf\xed\x0cc\x8dT]\x8c\xf4m\xf9\xa5a:/\xd8\xd6a0\\E\x16;\xdb]F\x97\x1dZa\xc66\xa9\xd0ML8\xb5\xb9J5\xa4\xaaI\x87ZN\xed\x10\xb0\x8e\x8cT}\xb4)\xd2j\xd1\x04\xb4};q\xd5Su\xd9].d\xb1\xba\xba\xf1G)\n\xb7\xd6\xa9-\xd0\xc8d\xb2&lt;\x86\xa9Q(\xdcn\xdb\x813\x88\xc1\x91\xaaO#\x8c\xb5\xe9a\x07{p\xb7\xae\x97\xa1\xb3\xcd\xee\xb2\xb7\x0f`83\xed(r\xd3\xd1"aI\x95L\x8d?,\xd6\x993\x95\x98|"\x8c\xc5\xd9u\xa7#\x8b\x8e9\xc1Uo\x00\x98a\x14\x03v{S\xea~\x1a\xb1\xfd\xda0\xd6k\xc0R\xf8\xfd\xda\xdd$V\xa5o\xf0Hd\xb18\xcdSK\x97\xe8\xac:\x8b\x04\xeb .\x03M\xd8\xed,W\x8a"\x17\xdd\x1f\x1a\x07\x8dF\xe9W\x00Q{j\xe8\xcc\xd0\x90\xcfW\x19Y\xac\xe6\x99\xdbg\xcf\x02\xab\xbc\xb5|\x1f\x04\xdb\xc6r-\x8e\x8e\x8e\x02l Uo\xb2\xa1S\xd6\xeeF\xcf\\\xe0G:\xf1\x1f\x1a7\x1a|&gt;_D\xb1\x9ao\xce_Fo\xda\xf1zYOO\x19\xb8\xb6mC\xc9\x1b\x16;\x81\x05\xc52\x8d\xfa^\xa7V\xeb\xb4\xe1\xe5w\xda\xf0\xe7\xd4\x81\x03ON\x1d@\x9b\x1aQ\xb58S\x0f\xe6o\xdc\xf8\xed\x85\x8e\xf2\x9e\xee\xee0\x17\xd2\x19\xe6\x1ao\xc3\xe0j\x84;8\'&amp;lN\x8a\t\'f\xc6\xe3\xc7\xb5\xbbs\x0b\x1a|\x83U\x9fF\xca\xb78\x9f\x04\x83K\xef\x9d~{8\x8b\xb0Z\xba{\xca\xb3\xb2\xe8b\x8b\x81N\xcb\xc6\xc7\xb1 \x8dG\'\'\xc2\x01\xb8\x89\xfe\xfe\xe3\xfdN\xa7\xdf\xcf(\x815r1:B6\xcf\xb9\x1b\n-\x9d\xfe\xe9\xf0p\x16{\x91eoKO\x19\x96d\x16zz`\x91^\']\x87\x0fNN\xe2\x99\x9c\xec\xef\xa7gr\xc2\xe9V\xd0\xce\x08\xac\x8f\xe6\x92y\x11\xa1\xba\xb5\x12\x08\xdc\xde\xf3\xe3\xe1\x8e\xd7\xe9\xbe\x08\xa2\xb6\xbb,\x8bnj\x84\xb9\xc6\xdbX\xaep\xd0A0\xbb\x0ba\x1b*d\nH\xad\xb98\x017\x02\x89\xdc\x1c\x0c\x99\xcd\xc1u\xac\xbd}MM}}\xe0\xda\x07\xbd\xd8i\xa3\x05e\xdf~\xd2\xee:\xec:\x1c\x0e\x0c\xb46w.v\xa1B\x86j\xeb\xe2\x8cxvns\x04\xea\xfd\xfe\xac\\0\xfd\xde\xbb\xc3\xa8x\xba\\30\xd0\xd4\x87D\x12\x17\xc8\xca[{\xba[0q\xb4\xb5\xc3+\xecvl\x92\x9e^\x95\x02\x9b\xa3\xfa\r\xaa\xad#U\x1f.X\xae\xcfDmxws\xebA0 \x92X\xee\xbc{\xa1\xbe\xbc\xbb\xb6\xafi\xe0\xf7\xa9\x99\x03\x03\xac`D\xb6\x8f\xbd\x88ZV\xf6\x1b\xf6Z\x17\xa0L*\x9b\x82Q\xaas\xd4\x8cR\xd9@_3OM\xdf\x9e\x8a\xe5n\xf0\xed\x8c\x8f\x83\xc1\x15\xaf(.ni\xf8R}+\x06\x9e&amp;\xfaM\x01\xc0\xfa\xf6v\xf7\xb4\x86\x99zh}\xeem\xb7\xa314\xf5\xaaTE\nF\xad\x06\x96Z\xb9\x05\xa5UUq\xf3\xfe\xe5\xbb\xc9Q\x9b7\xd8H\x83+\xa1\x80(.q\xe5\xd2%Ckm\x9b\x9d\x0e\x0b\xaa\xab\xf7\xa7\x0e4\xa1\xf2\xc1\xc3\x8adG\xdf\x85\xe4\xb9\xb5~\x85"\xbd\xa60G\xcdr\xb1_\xe8V\x1d\xba\xbe\xf4\xf0\xe6\x1cwC\xab~\xd7l0\x14\x9a\xf6Z$\xd1\x96\x1b\x8b\x86\xce\xdav;u2\xfa\xc6\xc6\xea\xeaT\x08\xb6\x17HP\xaf\xda\xf3V/z\x06_e\xa5L\xba\x85)|C\x9d\xc3\x86US9\xf8\x87\x8aC\x9f\x7fs\xf6\xfa\x1c\xb7x\x03\xabks(\x18\x9a\x9e\x9e\x0e\x98\xc5\xaf$^&gt;\xb7\xd8Y\xdbG\'Q\x8dt\xa0\xd8\x88\xa1\x87\x98\x8cz\x14\x93\x1b\xbdV\xe5\x89\x84\x84\x84\x0cjl\xd49y\x88\x9c-R\x1faU|\xf1\xe8\xd1\xf5d.\x97\xb7a\'\x18\xdc\x95\xe0\xcat \x00,al\xf1\xca\xa3N\xa8\x05\xb1\xf4\x8dt?\xdfT\x07.\xb4\xf2\x9e^\x9b\x16H\'J\x7fQZZ\n,k.\xa3\xce\xdbY\xb23o\x8bTCXUc_v\x9e{\x1c\xcb\xe7r7J\xae\xe4\xd9\x15h\x15@8D\x89\\\xf9\xdf\xc6G\xc3X(\xec\x14\x95*\xc5\xe4\xa9\xde\x8f\xfc\xf5\xdar5\xba\x04 \xe1I\xca\x97*\x959y;\x11yR\r]|;26txt\xf1^,\xbf\x98\x1b\xbf1r\xddZ\xf1R\x02\xbd^\xc2J\x8e\x8a\xfe\xcbI\x98\xd3\x00\xdb\xf5\xa9l6\xb7[\xd5\x8bL\xea=)6\xbfRz"\xa1\x14)\xd4\xe5\xcb\xac\xebX%2\x8dF\n\xac\xc1\xa1~W\xdb\xf8B4\x1f\xb1y\x03N\xcf\x9bg\x82!\x07\x88@\xe5\r8\xe4q1\xfc\x9b\x9f\x9dlg\x17bc]\x11\xdb\xea\xd9T\xa6F\xb2\x04w\xae\x15r%\xbc\xaf\xc3(\xad\xcc\xb1"\x85\xf9\xf9\xf9:\x99\xd5\xaa\xd1\xf8\x0e\x1c?\x9a\xd9\xf6\xd9L\x14\xa8x\xbc\x97\xf6\xae\xe6\xb9 \x8a\xdda\x0ex\x1d^\x84\xc3"\x8e\xe6\x0b\xbet\xc1\xc4S\x8d4\xe8(\xfc\x98\x9a\xd1a\xf5\xc2\xa7\x10\x8c&amp;\xa94A\x87F\x9eB\xa6\xcb@\xc8\xe8k\x88\x86\x02moWf\xed\xdf\xe7\xb8\xa4\x16\xff%\xd3\xd8\x8c\xaaz\x80\xfc9,D\xe5\xc0?\xb30\x91\x1b\xf3\xe4\xb0+\xd3\xc5\xaa\x95R\xe4/\x906\xf8v\xbb)\x99n\x9b*])\xcb\xd0\xc9\xa4\x980d\xf9\xba\x8c$\xac\xc8|i\x1e\xf2\x99\xeb\xa6\xef\xe5Z&gt;O&amp;(\xde\xcb\xa4\x91\xb3i\x97`:\x14\x90\x87f\x81e6;\xbc\xf4r\x98\x05\xd9Q\xfc\xbb]F\x0c\xf6F\x16K\xa1\x04\x84FK\x1d2\xb2iKg\xacR\x8dLG\x81\xd2/Mz\xb5D\x9a\x83\xf9Z\xa12a\xbd\xb6\xdc\x8d]\xc7\xe2\xbd(\x17\x87k\x81}\x8a\xb3\xc5\xd3\xf8\x03"6\x80%\x92D\xf3\xc5\x07\xc1e\xd4\xc3!\x80\xc5Xe\xf9\xb2\x86\xdc\xdd\x05hA\x0b`\xee\x8c\xb5\xb22\x03\xe9ck?\xe3\x83\x92\x1c\xb4[\xa0\xaak\xdco?9\x13\xc5c\xb9x|\xde\x0b\xfdd\xab9\xd9K\xde)\x11\xc8-\xde \xa5\xcf,7\x9b-Df\x11\xc6\xf2c\xbe\xea2v\x81J\x8f\xa5\xe8\xf7+\x81%+h\x80\x0b |R\x8d.\x83\xfc\x94")#\xbf$/\x87Q(\x8a\xde\x01Vu\xdf\x17s\\\x1eK\xf5Bzq\xe2\x85\xb3\xd3^Q\xb6D$\x97\xcb-\xe6\xa0\x19\\r\x91\xdcb!.\x8b \x99\xcb[8\xaa\xa7\x80\xc9\xabl(.\x1aV\xf1\xd2\x9d@1%%%=\x87Jz\x95\xa8\xa0Vz\xd1\x8e\xba\xba\x9fU\xf7\x9dO\xe4\xb3j\xb1z\xfd\xa0\xfa\xe2@(G\xc0!\x94H\x84\x04E\\+\xb3\xc0\x12\t\x89k\xe1\x9e\xd9"\x8a\x8b\xe1E}\xf5\x1c+EE\xd5$\x95i\xd8\x12?\x91p$!\xe1\xdfT\x19%%\xf4\x8b\x0c\xa60\x9dn\\\xd7U\xbb\x16\xa2\xe2\xd7\xb1(~\x80\xadr\xb8\x12T\xf5:\x93\x85}\xe4\xb3\xd7\x1d^\xb3@(\x10\xc9\xcd\xcb\xcf\xa6,rq,\x1fr\xd5y&lt;\xd8\x12M)luYI0`A(X|B\x12&gt;\xb0\x06\x1d\x89\xa5T3\x94\xc5\x9f\xec0\xa5&gt;\x99\xe3\xafc\x15s\xf9p\n.\xbf\xf9\xff\xac(\x910;[\x0c]\xa0\x0c+\x95\x08\xe1x\xe0\xf0\xca\x85\x12\xb1\xc8,\x7f\xb6\xbaf\x96\x0b\xb3cx\xd1O\xeaRL\x88\x94\x14UQ:\xa3\x0cc\xe9\x80\x93\x14\x16\n\x91\x81\x14\xee\xa4\xce\x86Q\x13W\x91)\xf3^T|&lt;\xa9\xc4\xe5\x17\x17\xf3Y\xb0\xa8\xff\x9dHN|\xb6@\xc8\xa6\xea?H,\x96\xe5\xfe\x14r(\x11\xdc\xbf1{~\xf5\xd9\x82E$y\x85\xcf_x\x0bH\xe0\xc2\xa6\x98\x8e\x1eT\n\xaf\xca\xd7a\xfd\x85\x89\xd8\x07Z\xe5Q[\xa3\xcca\nkj\xd2=\xfds\\V\xac?\xff\xf1y\x1a\xa3\x13c\xf8\xff}Erxib9Ut\x18J\xf4\x9d\x90\x07o\xca\x81%\xfef\xcf\xbc\xe5\xd9\xea2\xb2\x98V\xcc\x8b\x1eJY\x0f\xc8\xc5z\x17\xa2R\xc7b\x01.#\x83=\x0bf\x1b\x9b&lt;\xb2\x08\xc6m|\x1c\xcb\x8a\x15\xf5\xf5\xd7Qa\xf7\xe2%J$\xd9\xd1\xc5\xdf\xaf\xd8\xaeh!\xf9\xa5\xc3\xfc]&amp;\x01&gt;\xec+t;\x0eX\x92\xe9\xb7O\xdf}\xbc\xbazO. \xb9\xa6\xdc\xe9EE*RL\x85\xaa\x97\xb2k1\x9f\xc5\nC\xe5\xcbv\x12\x12\xbdH\xb2\x82\xde\x83\xb7\xd6\xc5\xfa\xc7?\xd3\xc4aSM\x93\x88\xc5\xe2\xb4\x98\xef\x053\xd3N\x0c\xcf\xb4&lt;g\x12\x10\xd1z\x88\x02\x97g\x84B\xb1D&lt;\xbfg^\xf0\xed\xea\xb7"\x818\x8d\x1b\x9f\xfc\xaf\xba\xcd\'\xb6i;\x8a\xe3\x91e\xcb\xb1\x15\xdb!r\xa2$&amp;B!\xa4R\x95\x16\xb5YW\xac\xa8h\x97\x89\x818\xd0t\x1a\xabP\xbajRwj5\x8e\x93\xb2q`\x87\xee\xb0H\xb0\xb1\xd3NH\xd3"m\x12\x01\xd6\xb4\x82J\xdb\xa1\xe2\xd4\x16(\xeb\x9f\xa5\xa3T\x15\x82\tM\x8dT\x06\x85\xb6+\xdb\xbe\xef\xf7\xb3\x9dR\xd8#N]\xf2\xb3\x7f\x9f|\xdf\xfb\xbd\xf7~i{f8\xd1\xbc\x1f]\xcd\xc9\xbd\xc7\x0e%(wQ\xe0\xc3\x91o\xa38\xa3B\xc3\x85\xf9X\x0c\x1dD&gt;\x17\x03\xda[=?C,\xa0\x88\x9b\xeb3\xd5\xe5Q\xe6D+\x8c\xfb\x9aaUQ_\xef\xca\xeaN\xa8\xc0n\x1b\x9a\x9d\xd4p\xb9yu\xf0\x97\xea\xdd\xb5\xb5\xef\x83\x14\xf4\xfe?\xde\xeckM\x1c:\xbd\xf7\xc0\xdev\x04\xfd&gt;\xeae\xc8P\xa2\xdbp\xa0w\xc8!?\xe4s\xb9\xd2\xbe\\.\xd6\xf7\xf9g#,;\xd8+\xb5\xba:;\x15\xb6i=Z\x1a\xe4\n\x9bF8\x19\xf5\xbf\xae7lx\x8f0\x0c\xfccfpkZ\xba\x11\xc67f\x00\xd1\x15$\xb9\x80\xa5\xeb\xd698\xee=\xf8\xf1X{w\xa2-\x8b|\x80V\xa1/\x81\xddWk\x1bki\xa0S\t\xff\x8d\xb2\x98\x8f\r\xf7\xa0J\x03\xcb\xb67\xa6\xb73S7\x14\xc2R,M\x0b\x93\x1f\r\xc4\x88\xa6~\xf4\x8ab\x85&amp;G$c\x97\x99t\x04o\x8fU\xcc`\xd00\xae\x0e~\xb5\x08\xb9V5U\xd4\xfb\xf5\xf1/R\xa9\xc3\xc3P\xeb`3\xfa\x06\xc4T\x16\\\x80\xa2\x9f\x12\xe4\xb3\xe9,\xa4JGx\x05\x8a}\xd83N\xd9\xc1\xb6\x85\xcd\xe9\xbf/\x96\'\x19\x96\x9c\xd14\xd2\x8b\xb8\x82\x88\x12y\xb7+\x9b\x82\xa4\x06\x913zn\xeeY\xd8\xb88\xb7\x94!-\x0b\x7f}|\xc3\xf8wkSU\xfc\xf1\xfe\xb8|$\xb2\xe7\xbb\x0f\xf6\x1f8yl\x7fK\x96z\x984\x1a-\x08F[\x8b\\*\r\x1ff\xa9^G\xe0\xde\xd6\xe3\x8fF\xa5x\\\xf2\x8bB}}\xe5f\xb9BXv\xd4b\\a\x87\xcb0\xc2\xc2\xcb`\xc1\x00\xc5\xb4\xc6\x06q\xc3\x99wn\x0e\xcd\xde\x08\xc0\xcdA\xe3\xf6`\xf9\xce\xc6VM\x10\xfd:&amp;\xb9\xf3#\xe6L\x9c&gt;\xf9\xfe\xa1D\x8e\xfaw\xe8\x82\xf5\xd8\xf7F\xe2DG\x89\nb)E9\x1f\x80}\x07\xa9\xee\xc4\xe3q]\x12j\xeb\x97\xefM\x8c(H\xa8v(\x99\xc9d\x98#\x11_\x01b0Lk\xe7\xaa$*Ss\x0c&lt;\x9a\xd6\xf8F\xd3\xccSKc\xb7\nC\x81L236\xb58\xfa\xf8\xf1\xf8\xdd\xa3W\x1e\x1f\x9dQ\x8f\x00\xab\xaf\x99Vb\x0e\xfb\x1d\xf8\x0b\xadD,\xdf\x97\xe8lIS\x96O\xb1\x8e\x0b\xbem\xee\xf93\xe4\xd7\xfb\x89KXgX2\xe4\xb2\xa3\xc9\xa4ee\\\xc5\x02,\x8c\x82Mf\xe3\xe3\x80\x00\xadS\xa2\xc0 \x0c\xc3\xc3r\xcf\xe9\xa2\xa6\x07csCMQ%dV\x1f\xdcZ\\\\\xac\xfe\xfebmm\xed\xc5\xc6O(0\xf9\xd6f\xacD\xc2".\xf81\xd6\xd7\xd9\x9d\xa7\x9c\x9a\xa2\xee\x14.\xcc%\xde\xfd\xa4"KP\x0b\x8f\x95\xf5\x9a0[\x1e\x97\xc1\xa5\x00+I\x82e\x18\x97\xc1\xd7\x19\x8aq@u\x96%Q\x85\t$C\xf8x\xb2\xd8\x813vQ\xa0:;6i\x1aC\xd5j\xb52T\x08h\x99\xe4\xea\xfa\xf4\xd6\xd6\xfa\xf6o\xf9\x96\x96\x8e\x13\xdd\x9d\x1d\xb9=P\xab\xb7\xb7\x17\x18\xb1\xd6\xee\xee,\xab\x8bD\x86\xc2\xd82|\xfciX\xab&lt;\x98\xac\x06MkfsC\x1e\x9b\xba\xa3\x90EC\xa1\x10\tF\x8a1.\x06F%/\xc0}\xc9\xa04\xa0\x1b~oE\x00\x00\x03\xacIDAT\x00\xdfJ\xf2g\xa6\xb0E\x961\x87n\xce.-\x9e-\x18\x00\n\xa9x\xa3\xb68S\x03\xd7t\xed9\x98\x12--\xf9R\x04D]\xcf\x9e\xf5\xee\x81W\x07:"l\x07\x9b.\x95\xb2T\x81&gt;\xed\xa9\xdc\x9c*\x16\xe7\xab\xe8n\xcfV\xc6O\xdd\x9eD\xf5\x01\x96\x1cU\x89\xcb\xf1$9\xd2\x05C^\x08\xcbq\x1f\xa3"(6\xac\xf1\x85=[\x96\x16\x18\xaa"\xb4BQY\x91e\xd2\x1f\x06\xae\xe9\xad\xe9\x85\xda@w\'\xa8\xd2\xa9\xae\xae\x14\xe4\xeaJ\xc5\x86\xdb\x07\xf2\x14i\xc8W\xb9R)\xb7/w\xf8\xdb_\xe7\x8a\x83\xc5\xeb#q\xa4\xf9\x10i^)X~\xc9\x86\\\xaa\x1a\xe2SY\x1eW\x83,\xe8s\xa4\n\xfd\x8f%)\xde\x92*\xa8\xc8\x88K\x92\xec\x95\xfa4l\xa1\xf6\xbc\xa3-[*\xa5)APx\xb7\x1ej?\x91\xa6uI\xbf\x8a\x94M#\xcb\x9eyR\x1c\x1c,\xce\x8f\xf7\x93\xe9\x92\x122NU\x17\x0b\xb2_\xc0\x9d\x00\xe6\x90q\xc5L\xd3\xf5%2\x96\x8f\xf9\nT*7~\xc2\x91T\x0f\x0eX.\x97 J\xb6hm\xaf3\xae\x7f\xd2YTf0\xd1/jut\x0ft\xe6#lw\x91\xa6\x90\xdf\xf3\xce\x97\xf3\xc5\x1f&lt;*\x08\xa6K\x92`\x15\xaa\x05\x99n$G\xb9b,\xc62n\x123xf\xf7q\xa5T\x8c\x89\xaa/[\x88!rN\x86%p.?n/\xae\xd68\xd77i\x182U)O\x7f\x87\x9b\x8f\xf4\x92\x0fS\x14`\xd7\xce?)\x0fB\xab\xe5\x11\x06En\x94\xf0\x90\xecd\x92\xdf\x88\x83q\xc5Xv\xd5\xbc\x103|\\\xa6\xa8\xcc\x87\xbd\n\xa7z\xaf+2n\'\xc8\x82 \xe1}\xeb+$\xd8\xc2B\xfd!\xb5\xa5\xe46\xf41\xf9t\x84r\x05\xb5\xcf\xbd\xe7\x9eN\xc1\x81\x83\x13\xf7F\xe3\r\xad$\xb6\xf3aA\xafx320\xcbM\xfb\xe4H\xa8\x15\xe5D\n\x0fi6\x94\xbf\x8bW\xb0\x88J\x11\x04A\x11\xfd\x04&amp;\xcd\xd4\x17\xc0U{\xd8\xdb\xcb\xe3\t\xfe\x8cP\xa6\xe8\xc2\xe3\xc2\xa3\xebeP\x95\xe7F\xf48\xd7J\xa2&amp;B\xe2\xdb\x1f\xdbVv\x83y\x9e\xe4u\xcfG\xd3\x91)\x8d\x91ll4\xba\x03\x8e\xb1\xf3\x01\x02\xc8\xc0E\xf3\\Z\xad/\x80\xab~\x9fXH\xa6.B\xe2P\x13\xc5b\xb1&lt;7.\xc6\x99\x91R\xde.\xd1\xc3j\x90\xa9\x8d\x10\xe3E\xd0\'x\xc6\xc75D\x8b2\xd9\x1cB\xa6\xa8BL0Q\x94\x98^\xba\xc8\xc1\x1e\x12\x98k\xd7H\xa9r\xb185;\x82\x12\xedF\x15\xed\xa6\xdd\x9d\xe2\x0e,w&gt;\x95KF\xab\x8f\xc5\x99\x8f\xcd"\xda8\x84\x97\xde\x82\xe7P\xf9\x15,\x1aN\x9f\xbdP\xbc\\\x9a\xd9\xaeQ\x84\xb9P__y:?Q.\x96\x97\'M@\xc5\x99\xfb$\x07\x8bQ\xd1\xe6\xc7O\xd9OQv\xce\xe7.K\xb6\xca\x92\x96\x8f\xa0\x98\xe1\xc4\x93l\'\x16W\x8d\x87\x9f\xe0\x88\xc5\x0c\x11F`\xfa\xe5\xd5\xcdz\xad\xce\x14\xbbp\x9e\xa0&amp;\x96\x97\xd0\x8f\xea\xdc}\x92\x17\xe9t\xb0\xeb\xf0\x85\xb80\x97\xad4&amp;T\x99g\x1cD\x8e\xc5\xc7s*\xe1%W\xd2 \xd9Y\x16\xb4\x16yl9W\xf8EN&amp;]\x9e\xd9\xd8\xdc\xbc\x7f\xe5\xe9\xf5\xa9\xf9\xb1{\xb7\xee\x80IwC\x8a\x99\xce\xc4\xc2\x93s%\xc9E\x9a{1\xedi\xe1\x9c\xfb\\~\xd1\x01\x13&lt;\x9f\xeft&amp;7\x81\xe5\x07O_\xbaPbQ\x06\x00qefq\xf2V\x05\x1bBG\xa7\xb8\xee\x12Il\x83\xc1s\x83\x83\xe5\xde\xc0\xa6\xdb\xb9\x93:1N\xb4&gt;\xb1\xa1\x96\x8b\xb5\xdb\x93.\x94\xdc\x08y&amp;\x95\xe8|\xd4\xc1\xc8\x1c\x8b7\x96\x9e\'\x94\xe4\x84\x96\xe4H\xec\xa9\xc0c\x9aO\xeb\xdc\x97^\xc3\xab\xff\x01\xe3\x1b\x1d\x8fl\x8a\x87\xa5\x00\x00\x00\x00IEND\xaeB`\x82'</t>
        </is>
      </c>
      <c r="M297" s="3" t="n">
        <v>45492.67703703704</v>
      </c>
    </row>
    <row r="298">
      <c r="A298" t="n">
        <v>901700</v>
      </c>
      <c r="B298" t="n">
        <v>1980</v>
      </c>
      <c r="C298" t="inlineStr">
        <is>
          <t>Zé Marcos</t>
        </is>
      </c>
      <c r="D298" t="inlineStr">
        <is>
          <t>Z. Marcos</t>
        </is>
      </c>
      <c r="E298" t="inlineStr">
        <is>
          <t>ZAG</t>
        </is>
      </c>
      <c r="F298" t="inlineStr">
        <is>
          <t>ZAG</t>
        </is>
      </c>
      <c r="G298" t="inlineStr">
        <is>
          <t>ZAG</t>
        </is>
      </c>
      <c r="H298" t="n">
        <v>188</v>
      </c>
      <c r="I298" t="n">
        <v>3</v>
      </c>
      <c r="J298" s="2" t="n">
        <v>35826</v>
      </c>
      <c r="K298" t="inlineStr">
        <is>
          <t>Left</t>
        </is>
      </c>
      <c r="L29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0d66717-470a-4e63-a61b-1a1d425ee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f)\xe4\x00\x00\x03\x00PLTE\xff\xff\xff\xf4\xf5\xf5\t\x01\x00\xfc\xfc\xfc\x00\x01\x00\x16\x05\x00\x1b\x08\x01\xfd\xfe\xfd\x14\x03\x00\x10\x02\x00\r\x01\x00\x02\x06\x02n\x9c~\x02\x0b\x04\xea\xa6\x88\xeb\x9cv\x04\x00\x00!\x0b\x02\xe5\x9f~\xf0\xf3\xf2\xea\xa1\x83\xfa\xfa\xf9\xea\x9e|\xff\xff\xfe\xf7\xf7\xf7$\x10\x07-\x11\x06\x17\x0e\t\xec\xaa\x87\xe7\x99ou\xa7\x88\xeb\x8fd\xec\xb3\x95\xe7\xa1\x88\xec\x94i\xca\xd0\xdc\xe5\xa3\x83\xde\x9azj\x97yq\xd2\xa8\xe9\xac\x8b\x10\t\x04\xed\xef\xee\xcb~`:81*\x8af\xe5\xab\x94z\xad\x8d#\x81_e\xcd\xa2\xee\x9cp9\x17\x08\x81\xb5\x92a0\x1a\xe0\x82a\xec\xaf\x8f\xbbtWp\xcd\xa3URJ\xe6\xb3\x9c\xaa\xab\xa3\xe8\x8cm\xde\x8ba+%\x1e\x19\x17\x13\xe6\xa7\x8a\xa8eJD\x8blD\x1b\x0c\xc6sQ\xeb\x94q\xd7|V\xea\x8b`KJC\xc3\x81c\x0e\x10\r0|^/-\'5\x8ck\x94jS\xe4\x95y\xdd\xa0\x84\xd1\x85b\xd7\x87f9\x82d\xb2sUs?)\xed\xa5\x81\xabnP\xcf\x8alCA8\x81K2R#\x10\xe1\xa7\x8a\xe7\x98}vxo%\x1a\x14=kS\x85\x82q\xb9}`D%\x162N&lt;\x89\xbd\x9b[[S\xcf\xd5\xe0\xd0uTb\xc5\x9c/\xaa\x82\xe4\x92h\xd5\x94u:\xb7\x8f\xe9\xeb\xea\x1cwV\x8dS9)iO\xed\xa3|\xdd\x93r\xc0\xc9\xd6P\x97vp\xa2\x82\x9c\\B\x90J/3\xb2\x89L\xc8\x9c\x8a\x8b\x7f\xc5|[\x82{e\xa0\x9e\x8eh:$T-\x1c\xe7\x85g\xdd\xde\xdd\xde\x8dke\x91u\xd7\x8dn)F5\xc2t\\\xc5kM\xa1\xa3\x9d\xdf}Y\x9ddJ\xbckJdd\\\xea\xa8\x8d|\x7fw\xd4\xd6\xd4\x1c#\x1c\x98\x9b\x93L\x91qmmf\xaf\xc2\xc8&gt;\\I\xc8\x87g!\x91p\x84\x84|\x1a\x9f|,\x9dz=\xbf\x93\xed\xbc\x9f\xca\x90s\xe7\x8fup3\x1c \xae\x82\x1dhL\xe4\xe5\xe42\x1c\x11\x93[@\xe9\xc1\xacohZ\x9eN8\xd7|a\x96\x97\x8b^\x8bp\xbc\x88oQ\x9d|}ZG\x82@&amp;\xb7\xb8\xb2S;/\xb4hU\xe6\xb8\xa7D\x82e\xacyaA/%.[E\x1e_Fwrc\x88^I?w\\\x92\x90~ \xa7\x84\x8d\x91\x8a\xc9\xca\xc8\xa8\xa7\x96g[MU\xbe\x95\x0e\x1d\x13\xe7\x85Y\xd4\xdb\xe3\xeb\xc5\xb4\xa1s]Qs]\xb8cEH\xb3\x8b+tW\xac\\&gt;4\x94r?\xa7\x81\xdc\xad\x95dE5\xeb\xcd\xbe\xdc\xe6\xe7pP&gt;H\xbf\x93\xaf\xb1\xaa\xb7\xb6\xa8\x8f}i\x90\x89p\xb9\xdd\xccT\xa4\x81\x87hX\xe6\xd3\xc8X\xd3\xa9\xb4\x92\x7fW\x84i\xbe\xc0\xbc(\xb8\x8f\x1f5(\xa2\xd8\xc9\xe8\xa0\x92\x9c\x95~\xe8}\x83D\x98x\xe3ty\x8f\xd3\xb9\xc9\xac\x9d\xca\xe4\xdb\xab\x82q\xf3\xe1\xd7\xc0\xbd\xb4\x8a\xb1\xa8x\xd4\xb1\xe2go\xc9\x9d\x8c\xe0\x8c\x88\xd0\x98|\x89\xc8\xad\xd6\xc0\xb0\xd0nr\xa0\xc1\xb7\xecv`\x84\x9d\x80]\xa9\x8d\xe7\xde\xd4\xf9\xf4\xf0\xf5\xeb\xe4\x11U\xa4m\x00\x00 \x00IDATx\xda\xc4\x97\xdfK\x1b\x89\x16\xc7\x1b\xa3\x1bch\xb5\xc6\xb4\xd1 \xa1\xa1/\x99\x0e}\xb8E)\xc3\xe8\x8c\xa5j\xa6aP,\x8a;n;a*\x0c\x82\x10\x16\xf6a\x17\xc6\x19\xdb\x94\x05S\x9d\x9d$\x0c\x94yj!\x95\xb9wX\xdc\xc9C\x03#!\xc9\x80P\x16\xf6! \xf9\x01\x81%/\xbe\xfat\xdf\xef\x99\xb8\xfd\x07.\x89=\xf8\x0b!\xcc\x87\xef\xf9\x9e\xef9s\xe3\xc6\xff_\x1e(\xb7\x1b\tf\x90\xa0+\x98t\x05\xfc\x88\xdf\x1f\x08\xb8\xdd\xce\xff=7\xbeU9\x0f\x07\x8a$R7\xf3\xa9|*\x83\xe4\xf3\xf9\x14\xe2\x0f\x06\x82\xdf\n\xcc\xf3\xb5\xfc~W\xaa\x92\xce\xa5\xe1\xab\x9eO\xa5R\x99T\x12\t\x06\xbfJ\xf6\r\xa8\xdcn\xe7\xd1H&gt;\x89w\xa9\x84\\\xbab\xe2\x1d3mv\xf2.W\xf0+\xda\xf5R\xb9\x03\x81@\xd0\x95\xf4#\xf5N=-U\xa5\xba\xa6\t\xb9\x86!\xa4KFN\xa9#\x88\xdfu\x85v\xad`\x1ew\xd0\x85\xf8\xf3\x15\xdc0\xd8z\x0e\x07\xac\xcb\x9c \xe0i\xae$\t\x02\xfcU\xa9d2\x95L*\xef\xefr]\x0f\xd8]xP\x10\xf1\'3\xd0:Eaq\xbcQ\xadVM&lt;\'I\x82\xc8IB\x89+\t\x82\xa2\x94Y\xa5\x9cK!\xae`\xe0z\xb8\x1cW\x05\x82H&gt;c\x1ai\x1c\xb0\xea\x978^\xad\xe2 \x9cP\x12\xc5\x160I%\x8ec\x15\x95\x15\x94\\*\xe5\xbf\x1e\xae\xab\xa4BR\x15\x98&lt;\xdcT\x14\xe3\xf2\x12\x97\x1aR\xb5jH%A\x17K\x17\\\xc9p\xb0\xa0\x14V1:H\xd2\x7f\x1d\xfe\x02\xa9\x90\x00\x92\xc2\xf1z\xddl\x98\x82\xd0\xb8l\x98\xf8\xa5$I%\x89\xe30\xb1\xd5\x82&amp;r\x17\xac`p\n\xcbj\xc2%\x04\xd95\x84\x18\xe4\xa7?\x8fd\xcc\\\x197q\x13\xfa\xd8\xa86\xcc\xc6eU\x10K-\x81\xd5E\x81\x139A\xe68C\xe2Z-\xb1$\xe0f\x05r\xac\xdf\xc6w|\x85d:\xb94^\xae7\xa4\xc6e\xbd\xd1hT%\xbcZ\xe2\xc4\x0b\x8e\x93EQ\xe0u\xc3Be\xaet\xd1\x12\xc5RYK\xcb2^IBV\xb8=\xfd\xa5r!fZ\xc8\xe1\xb9\x06^m83X\x958I\xd2\xf5\x0bI\xd5-^\xd7QMaH\x8c\xe5ZbK\xd2\x8cr\x9a\xc5x\x15\xcfd\\}4\x98\x13\xecA$\x83\xa7q\x90\xeb\x12\xaf\xd6%\t\xe74V\xd74\xb5%\x95U\x9ec,\x02\x130\x82\xd09\x0bzhi\xe5\\I\xc10\nc;\xfe\xfe\x05\xeb?\xd1^1\x8dz\xbd\x0eV\xaf\xe2\x12\'p\x14&amp;\xcb,\'i*\xa5\x8b\x14\x15\xe7\x15\n\x15E\xcbj\x8a:\xa6j% F\x19JU3A\xb7\xbboXA\xbf?\xd5\xc9\x99&amp;\x8e\xe3fC\x82\xbc\x12\xb1\x1c&amp;[\x98\xce\t\x14\x8aY\x16EGy\x99\x15!\xbe\x9a\xba\x8e\xa1\x94\xcaY\x1a\x8fR(\x18,\x85\xf4\xcb\xf50\x84I3]\xce\x81\xad\xa04\xce\xaa\x1a\x1c\xa3P,\xcb\xb0\x9a\n\x9d\xa3X\x86\x86\x86\xb5\xc4f\xb3i1(E3\x94eq&lt;O1\xaa\xca\x9a\xc9\x80\xbb_XH\x07\xa0\xcai\xc7\xe7\x86\x8c\xd9\x86\xc6Z\x1a\xa3\xc8\xbc\xc22\x84\x8c%x\x8c\xa7\xed\x96(\xdb\xa2\xc8\x10\x0c\x83\x92(e\xeb\xb6J\xa1\xbc\xcak\x95d\x9f\xdc\xe5\t&amp;\xf1\\\xce(\x1b\xcen68\xach\xe8\x98m\x15m\xfb\\\xc5&amp;\x0b&lt;M1\x8c.\xda4j\x97D4\x81\xa2q2N\x80`\x18\xcf\xd02\x85\t\x1d$\xd8\x1f.O\xb0b(\xb0\xfb\xa4\xea\x05\x0c?\xcb\x7f\xe2\xb0\x82\xae\xd7\xce\x0b\xb6\xbdM\xdb\x05T\xb71\x1d#h\xbd\xc4\xa1$M\x90q2K\xd0\x04p\xd1\xa8\x8c*Z\xde\xdf\x9f\x90\x80\xbb!U\x16r\xc6\xc5\x05\xecb\x89\xb3\x0b\x9f\xf4\xf3B\xb3\xdd\xae\xed\x9f\x14^\xd7\xcek\xbaXD\xa1w\x98\xdd\x02\xaa(\t\x95H\x84H\x1a%P\x9egU6\x03\xe7D?\xb8`\x10\x93\xa6V6\x84\x8bVS\xbc\xd0\xec\xed\xed\xf3\x93\xf3f\xb3\xbd\x7fz2S+\x9c\x88-\xbbH\x11\x93(j\xf1Q4\x11\rEC\x04J\x10\x04\x8d2\xb2\xacj\x18kv2\x19w\x1f\x96\x90\'\xe0\xca\xa7\xcbe\x96\xb5Z\xa2\xdd,\x15\xb6\xf7W\xce7\xbe\xac\x9cn\xadll\xed\xd7\xdaV\xadX\xb0\x0bE\x82\x97A#2A\xa0L\x91\x8c\xfa\x06H\x0cS\xa1P\x18\x0b\xad\xee\xea=\x16,iWES\x04\xb0y\xeb\xbc\xd0n\xb77\xb6NO\xb7\x0eO\x8f\x0f\xbf\x9c\x1cn\x9d\xd8\xfb\xfb\xafk\x85\x02Q\x94\xc9\x10A\xd1\xa0\x12\x11\x1a\x18\x1b\xf3\xd1\x98\xcc\xf3\x18$\x7f\x96\x92;\x88\xab\xe7)\xe1\x84i\x06\x8e\x04\x8a\xb7\x9a\x85\xda\xca\xc6\xca\xf1\x8f\x87\xc7??\xfe\xf9\xc7\xcd\xc7\xc7\xafVj\xe7\xa7\xfb\xb5\xed\xa9\xed"\x9a\x08\xa1:\x13"\xe8D\xc2;06\x10\x8dC\x171\x99BQp\x18\xc4p*\xe8\xe9\xb9XH\x85\xa5\x18\x8b\x13\xedB{\xe5\xf8ps\xfd\xf1\x93\xcd\xb5\xbd\xa3\xf5\xf5\xcd\xcd\xc3-\xa0\xdc\xd8\xdf(\x14?M\x12\x14\x91\x08%\xe0;:22\x12\x8d\x93$A\xa1t6\x1e\xcf\xb2*\xca\xe6\x03\x9e\xbb=^\x88\xf0N\xc1\xa2q\x94\xe1\xb1\xf6\xca\xe6\xde\x83\x07{{\x8b{k\xcf\xd7\xd6\x1e\xac={\x06\x8c\x8f\xd7\xd7\x0f\xf7_?\x9a*&amp;&amp;\x13\x93Dhxx84D\x82\xf5\xe34M\xc6\xb3d\x9cB\xb3r\nL\xdf[,\xe7~7e\xd4I"\xf1\xcb\xef\xbf.\xcf\x87w\xa7w\x9d\x8aDv\xa7\x7fz\xbb\xb6\xb6\xf6\xfc\xf9\xab\xc3\xad\x8d\x99\xd7\xdb\x8f\xa6nON\xdd\x1e\x1a\x0eE\xa3\xa1P\x08\x02\x0c"\x8c\xa6\xb27\xb3l\xa6\xd7\xe6\x82C+\xdf\x81+\x85\xa6\xacV\xfb\xf3\xda\xfc|$\x1c\x8eD\xfe5\x1d\x89\xc0\xafp8\x1c\x9b\x9f]^\x06\x05\xd77\x9f\x1co\xcd\xfc\xf0\xf4\xe9\xa3\xc9\xef@/\xef\xb0\x97\x8c\xc7}&gt;\x92p~\xa8\xf9\x1e\xbf9\xdeu\x0c_\x86\x99b\xc4\x92x\xfal&gt;\x064\xe1\xc8\xf4\xf4t\x97\t\xa8\xce\xce\xce\x96wv\x96w\x16\xf7\x16\x8f\xfe\xfa\xe5\xe3\xccL\x97\xcb;&lt;4\x1cG\xb3\x03$\xe9\x1b\x1c\xf3\x91\xe5\x8c?\xe0ryz:\x87HG\x91\xb1,\xca\xe9\xe2\xe9\x83\xf0n8\x06D\x11\x00\x03\xac\x18\xd4\xd9\xd9\xbb\xe5e\xa0:Xt\xb0\xfe\xf8\xe8`\ry\xbd\xe00/J\xc1\x12\xf2\r\x0e\xfa\xe2r\'\x95\xca\x07{\x8b\x95\xc4U\x1eC1\xb1\xd0|\xb5\xb6\x1a\x89\xc4"K\xe1\xdd\xb9\xf0.\x10\xc5b@\xe6`\xed\x00\xd3\x81\x83\xf5\xcb\x1f3O\xa7\xbe\xf3:X\xa1\xe1\x84\x0c\x1fC}\xbeA_\x16\xe4\xeai\xa0\x02V\xaa,S\xbcl\xd9\xf6\xca\x7fw\xa7#\xb1pd)2\xd7U\xeaM,&lt;\x07]|\xf7ny\xe7\xe0\xe0\xe0\xe8\xe8\xe8\xc9\xbf\x01\xeb\x87\xa9!\xef\x08X\x0b\xe6\x92\x92)J\xa6}\x83q\n\xf7\xbb{\x8c\xe5\xca(&lt;\\\xbf\x96\xdd\xfc&lt;\xde5\x144piinniui\xe9\xc3\xdc\xdc\x9b\xaf\\\x80\xf5\x17`}|\xea`\x85B\xde\xd0\xe4\x10\xcd\xa04\x9d%}q:\xdd\xe3m\rX\xf92\xa5\xca\xa8\xaa\xff\xfdl\xda\xf1x82:z\xe7\xce\xfd\x85{\xe3/\x97\xe6\x00\xef\xca];\x8bGG\x8b\x7f^\xa95\x0cX^\xef\xd0\xe4p(\xcb0\x10\\&gt;\x1f\x91\xeb\xf1\x8b\x19`%\xd3\x14\xc6\xd0X\xf3\xef\xefw\x9d\xd6E\xa6G\xc7\x81i|\xf5\xe5\xea\xaa\xa3\x1a\xe8\xe5\xc8\xb5\x03X]\xcf;jy\xbd##\xde\xa1\xa1\x81(\\\xd0\xf1l\xdcG\xe2=&gt;m\xc0[\xf9\n\x06\x97J\xa1\xf9\xfb\xaf\x80u\x16^Z\x1a\xbd\xbf0qo|b||\xfc\xe5*\xf4\xf1\xcd\x9bYG\xae\x83\xa3\x83.\x96\xe3-\xa0\x1a\x01\xdb\x0f\x8c\xc5\xe1,$}\xbe\x9beO\xcf\xb1\x90\nE\x86\x8a\'_\xde?\x87\xe9\x8b\x8d\x8e.\xdd\xb9\xf5\xdb\xad\x85\x87\x0f\x17^\xbc\x80FN@+g\xaf\x86\xf1\xe0\xcf.\xd6\xa3\xdb\x0e\xd5\x88#\xd9\xd8M\xdfMH\x88A\x1a\x0f\xf4\xfa\x80\x80\x94gB\x93\x85\xf6\xe7\xf7o\xe7\xc31\xc7X\x13\x0b\x0e\xd5o\x00v\xcfq\xd8\x87+,\x18F\xc7[]\xac\xab\x1a\x19\x19\x830\x1d\x03\xacl&amp;\xd0\xfb\xbb\x06\xe1\xa3\x93\xb5\x95g\xcf\x7f\n;XwF\'nML\x00\xd7\xc3\x17\xe0\xae\x0f\x8e\xb9fg\xff\xf3\x0f\x16\xc4)`A\xc8w\xb9\x06\x1c$\xa7\xc8J\xcfoS\xd8\xd59\x92\xa8}y\xffv7\x16\x0eO\xc3\x14NL\xdc\x07\xac\x85\x17\xf7V\xe7\x1c(\x07k\xb6\x1b\xf4],\x88\xd3\xa1\xe1.\xd6\xc8\xc0\xc0\xffh5\xbb\xd7\xb4\xf24\x8eoOzN\x8e\x16\xe2\xcb\xa4:&amp;J\x8eA!\xa9\xc5\x0b\xc5\x17z6\xb6\x15_\xba\x96\x12\x13\xf1-1n\x18\x03E\x88\x94`."lXc\xa4\x98\x1a\xc7\xed,\x850\x17\xc6@\x13\xab\x83$\xdbH\x02#\xcb.\x03\xc1"\x04R)\xcb\\$\x84\xb9\xf0b)\xc9\xc5\xa6e\x87@\x9b}~G;\xfb\x0f\x1c\x9f[o&gt;&lt;\xcf\xf3{\x9e\xef\xf7\xf1\xb4\xb1\x1e\xfe\xc2\xae~h]E~\xb9\xbd\xff\x0eZ+\t\xf3\xc1\xc6\x13\t{{{z\xb2r\xb9&lt;\xe8D\xfd\x0e\xa1g\xd2\x85\xb0b\x9e\x00\xda=d\xeb1b_\xd2\xf5\xf0_\xecK\xf9\xee\xae\xe5\x89\xd7\xdb{k\xa6Y\xd8\xd26\x11\x93-\xe0R7\xe5\xbf\xd50\xd9\xc2\x82q\x8aZ\x0b\'p\x02\xb6\x0f\xea\xad6\xd6\xc4K\xb6\xb3\x85\xbak\xf9\x0fw\x8e\xf7\xfcI\xd8\xd00\x1d\x10\x16\xe4KM\xab\xd5\xf2`^o\xd73\xd1\xce\xd6\x0ej-\x82 \xf0V\xcf\xb7\xb0\xf87\xfe\xd1\x01\xbf\xdf\xdd\xbd\xfc\xf8\'x\x88&amp;\xb4x\xe0%\xf6\x8a\xbc"\xef\x10]\xa9\xd0\xea`&gt;\x91N\xeb\xd3\x08\xab\x95\xae\xd8\x86E+\x10\x08\x08\x92\xd9\xd6\x9cv\x15\x1f&gt;\xef\x84O\xec\xbe\xf5\xedO\xc7o\x16] \x18 _\xa2^\xc8W\x0f\x95+\x14\n\x15h\xfaD\xda\x9eFU\xd4\xdb\xadV\xab\xb9\xb8\x03\xea\xb9\xaf\x8d\x85\x93\xdc\x16\xd6\xc4W\x1dq\xd5O\xfe\xf2\xeax\xd4\x88\xb25\xc0T\x11\xe6i\xaeRk4\x1a\x88\x0b%+\x99O\x02\x16L\x88\x05h.$P\x01\x08\xb6"\xcee\x9e\xe2\x8d\xef\xbb:\x82\xf5\xd5\xdf\xb7\x8f\x8f}&amp;fO\x83l\xc8\x07\xe5\xeaJ\x01\xa8N\x18\xaeD"\xe9T\xe6\xf5%\xd0\\\xbb\x0bs\x1e] `\xe9\xe3 ,TE\xa6\x86\x7f\xeb\xcc\r\xe2\xda\x0f\xdb\xa3U\xb7\x1dV\xcf\xc0@\xa2\xa4r=\x9d\xa2+\x8d\x13\x145\xb5\xdc\x99\xcf;\xe5r\xa7\xab\xa4ZL\xb9W\xc1\x9d\x05\xb4Z\tt\x15\xc6\x0c\xd4\xf60\xed\xcci\x04\xb0F\xdd\xe9\x83\x83\x07\t}\xca\xe8X[\xbf\xb88*\xd4\x1a\'\x9fNj4&lt;G\xa7\x13&amp;\xeb\xd3q\x95\xca\xe8[\x98\x8c/\xcdln\x12\xd0S|\xac\x8d\xc5\xff\xae3X]_\xff\xa9::\xea\x03\xac\x83\xf0\xae\xd1\x11*\x9f\x9e\x9e\x9d\x9d\x95\x8f*\xb5Z\x81\x86\xa9\x1at*\x9dO\xfd`~V\xabog6%0\x1f\x98\xb5\xc3\xe7\xb6\xb3\x05X\xe2N`]\xfb\x11a\xd9\xc1\xe3\xec\xbaC\xe5\xf2\xe9\xd9\x1b\x14{\xe51X\x8c\xcd\xfb\xb0\xac\xe7\x9f\xbaT)\xf3d\x1c\x125=\rS\x1e\xe6;\x80a\xdc\x16\xd6\xa3\xe5\xae\xce\x1c)\xbf\xd9\xae",{\xc6\xecPN\x8d\x1d\x1d]\x94\xdf\xbc\x19=+\xaf\x7f\x1c\x1b\x1b\x9bR(\x93I\x95cwuR7\x03\xa3\x81\x90h\xb5\x8c\xf9\xc1\xf8\xfc\xffc\x89;\x82\xf5\xe7m\x94\xadt\x18\xa8\x14R\x18Y9\xb5r=\xb4w\xb6\x17Z_\x1f\x9b\x9aR&amp;]V\xf7\x96g\t\xe6;.\xd0\xea\xb6\x16b\xf1\x19\t*$\xd6\x1a\x10\xb7\x9ft\x89;RE\x84e\xb6\xdb\x8d\xa9\x88\xc8\x1b\xed\xa1\x0b\x05zJ\x96T\x85\xdc{\xe5\xb5\x08`\xb9T\x99\xad\xb8\x05\\&gt;\xa1\x8d\xfb\xd6\xfd\xc6\xe2\x86E\x02\xfb\x07kc=\xbe\xd6\xd5\x81\xe6\x12#\xacj\xd5\x9c\xb6\xab\xe6\x83\xbchT\xd4\xa3&gt;\x1a\x8b\x8c/\xaa \xfc\x11!\xa5\x16\xba\xac\x87q-Ar9\xda\xf8j\xb9\xec\xdb\x8a\x07\xa0\x9a8p\xb5\xb1\x9e\xdc\xeaf\x9d\xab\xeb\xbcV\xfbf{\xb5\xeaK\xebgEB\x1e\x8f\x97\xf4\xaf_\x9c\x8dn\xcd\xc5\x8au\xabK9D\xd1\xf7M\xd6\x18\xe4\n\xe3s7_\xfd\xfc\xea\xed\xfe\x0cR\\\xa0"\xa0\xf5\xb9\xccK\xbc}g\x99e,qW\xcdfK\x98\xe7|U\x9f\xde\xc4\x93zy\xb3V\xe3\xde\xf6\xfe\xfe\xbd\xfe\xbe\xa5\x9db\xc6.\x13\x0eQ\n}}\x03\xac4\xcc\x84\xe9\x89\xdb\xdfa\xd80\x86\x82\xc4\x11\x16\x1a\x1470\xf2\x05\xcb\xebG|5\x92\xce\xaa\x13v\xd5\xaa1}\xa0\xf1ze*\xdf\xe4\xd2\xf1k\x01Fj\xe3\x9e\x1d\xeb&lt;\x8f\'T8\xd3\x87\x01\x01\x83\xd5\xff\xe3\xfe0\x9f\xd8\xdc\x94@\xbb\xa3\xdd\x03\x93\xe2:\x0c\n\x12\xdf\x7f\xc2r\xba\xce/\xff\x93\xcd\x19\xa22\xf7\xe2\xc1\x03\x8df\xd0\xb5X_\xd8\x0b\x9d\xc1\xe2\xf3\x18\x8b\xb1\x94\x90\'\x93\t\xf3v\x84\x85\xdah\xfa\xf4\xe7\x19\x8b\xeem\xd5\xb39\x8cq[\xba\x99\x8fa\xb8\x80\xbc\xcb\xee\x8c\x10w\x9f_6)\x8a\xca\xe5\xe6\xed\x07\x03\x9a\xc1\x81\xd9Y\x93\xf2\xe8\xe2\xf44dLY3\xd6y\x06k$\xcc`A\xb6^\x9f\x96\xcb!\xdf\xd6\xa4\x0ej\xcams\x91\xb8@\x82\xdf}\xce2V\xe3\xb2i\xa8\xc1\xa8\x1a2=\x00u\xaa\xd1\xf04&lt;u\xe1\xe8\xc2\xb1R\xaf[\xfdSQ\x99L\xa6H\xda\x8b\x16\x90X\xd0G\xfb\xee\xc5\xd4\xaeyk\'\x00\xca\xa6\x85\xc5\xc1p\x02\xb0\xa6\xff\xc9.V\x17`Q\xe7\xe7\xb9\x9c\x14a\x01\x95\xd7+RD\\\xe3`V\xad\xe3J\x11\x0f\xb2\x15L\x84cZ\xa4H\xb9\xd7\xc9\xb8\x19YXP\xceZ-\xd1v\x8b\xa0\xa0\t\xb2\xff\x19\xab\xdb\x1a\x1e\xe2e\x85\xba\xbajP-\xachT:\xa4\x18SF&gt;\xce+\x93J\x85\x88\'\x03\xac\xfcAx\xa7\x0f\xe9w0\x15\xda93\xf8\x0c\x14\xf06[\xb6L\x80\xfc\x19\xf6\xed5\xd6\xb1jW\xe7\'\x06\xc0\x1a\x18\xd4H\r\x14E\xd3\x15\x9a\x06\x9f\xd8\xdb\x8b\x92e\x1b\x19\xb9\\\xd9@X\xe84\xa9\x9dK\xa9\x163\x99\x8c\xb1^\x9c\xc1\xd1E\x90C\xa2\x1fH\xec\xf6\x13v\xb1\x1a\x89\xe6I#\xe7M\x88L\x0f\xc0R\x03\x15p!\xeb\n\x96,+\x12\xc9d\xb6D\xe2\x12\xc6\x16\x8e3v\'PL\x95JaP\xf5\xf5X@\xd0\xc2\xe2\xc0j$9\x8f^v\xb3\xfb\x12\x83\xc1\x1a%\xb5\x8d\xf4\x98L\x03\x83Q\x03\x95\xa3\xee\x83\xc2\n\xf6fiZ\x0eED\x17\x9b4\xc2\x82\xe9\t\xb65PG\x16(\xbcR?\xdc\t\xf4\xb5\xcc52\x19\x18\tXl\x1e\x9a\xc5\x9f\xa9,\xe5\xe5\xd9\xe8!\xc0\xd2D\xa50+@c\xc9\xe5\xd9\xa6\x9a\xa2\x14\x83\xb6`\x1e&lt;\xd9\xca\x8e\x05\xa5\x86\xe4\x10\x1b\x99RB\x0fX\x87\xc5\x8d\x00ZA_\x04*9\xc1j\x11\x7f\'\xbeY\xc8\xf2l\xb6\xde\x02e2=\xd0x![\x8cA\xcc6i:g\xb0%F\xc0o\x8c\xa4W\x8a(]\x80\xd5\xb7\x93)\x95\xf4%\xc0\x8a\xe9@D0\\$J\x17\xe7\xce-\x96us\xc3;xi\xa3\x10\xd6,Oj0P42\x88t3\xab\x1e\xea\x19I\xe4\x83\xa0M\xd3\xe1z\xccB\xa0\xc3\x83\xc0\x03X\xd0\\\x99\xc3\x9d\xdf\xb0p\x94..\xebX\xe7=\x83\x97\x03T\raE\xa5\xf0\x12\x91A\xacU\x9a\xc1\x11Qo^\x04\x1dVi\xea\xc3\x99b@\x00o\x8e\xe4Z\xcc(Y\xd6L\xd1\xa3\x9b\x91\xb4&lt;?\x8e\xb65y\xe7\x16\xcb\xc2\xf9*+=\x18\x1cp\xe6\x10\x16\x14\x91\xce\x81\xe5\xa9\xa9\xf3i\xbd\xb0\xb7\xc7@\xe7\n\'t\xa2T\x8f-I\xe0-\xe2|l\xc9\x98\xd4\x87W2\x0b\x1b\xbaM\x06\x8bK\x12\xc8k\x10\x8f\xd96\xd6\x9f)\x83\xb4\x90\xe3\xe5fM\xb3\x9a(\x141\x07\xc6\x95v\xa6W\xe6\x87 \x14\nx\x97\xae]\x8f\xa5O\x00\xc1\xb9~\x9d\xf4\xac\xb9J+u\xe8\xf8M\x01\x83E\x080.\x0c\x8f\xefY&gt;\x07\x8ao\xe6\x0c\x06P\xef9\x19\xf4\x96\x17\x9a\xcb\x90\xab\x15\x82\xe9zXH\xd1c\xa9X\xcc\xe8_\xdb\xdd@W\x1aX?\xa8\xb9\xc9I\x15\x88\xd5\x98g\t\xd9\r\xe8-\xb4{\xc0w\xb0m\xacaY#\x01!\xcd)L&amp;\x194\x17r\x18Y\xfdJ}\x1ed)\xad\xf6\xab&gt;\xae\xafz,\x048\xb0\xb6\xcd\xe1K\x16T\xd6\x85I\xcfLK7s\x91P%p0?,\x17Q|\x85&amp;;\x92\x10&amp;M\xd4\x8b\xb0hg\xf8pQ\xd1\x93m\xca\xef\xab\x15J\x85\x03\x143\x87\x8b\x0c\x18sb\xc3\x96|\xc6\xc3\xc9V\xc7\xc3\x96\x84\xae\x87t\xbd`\xff\x93\x03q\xc3@\xd5\x1aR\x11\xc2\x8a\xa22\x0e%\xad\xe6H\xaf\\\x1e\xf1;\xca\xe5\xf5\xc8\x9a\xc3=\xb9$\x19\xfer\x90\xe4[\x16|f\x06\x0bGX$P\t\xee\x82\xaff\xdbc\x88?\x83\xde\x82t\xb9L\x1a\x8d\x06\x95Q\x91\xcc\x84&gt;F\xfc~\xa3{\xd5\xb7\xba\xea6\xba"\xa1-\xdd\xcc4\tJ\x94\x7f\x9d\xcfYZ0\x9b\x91\x10\xc4\x11V\xff\x8b\t\x89\xe4\xd1\xb3\xaf;p\x84\x10\xdf&lt;??\xef:\xf7\xbbd\x80\x05!T\x99\xf7\xf6|F\xa3[\xe5p\xac;\\zS\xde\xa9*n\xe8@\n\x12\xfd$\xd9\xa73\xbb\x17&lt;\x01\x18\x18\x08kz\xf9\xe5\xb3\xbf&gt;\xef\xcc\xb7Rb\x14\x9f#\xe3 E5QMT\xe8\xae\xbe\xab\xae\xfa\xe7\x83rZ\xddl\xca\x83\xf9\x84\xbe\x94B\xea\x0f]\xe4\xfb\xefmN\x86\xe6\x80\x11G\xebhx\xe2f7\xfa\xae\xac3\xdf$Ac\x88\xbb\x8e\xc6\xe7\x01\x0b\xc2T}\xb74\xe7w\x06\xf3Mt\x1a\xf9\xf0\xe1\xdf\xe1Tj\x17\xb0\xe2\x01tz\xb8wO\xb2=\xa9E"\x90\xc4\xc9\xe1?\xb6?\x08\xef\xc4\x11\xa25(\xfe;&gt;\x8b\xa8\x065*\xcf\xb6\xc7\'L\xba\xf2\x1fZ\xf1+P\xc1H@\x7f\x14 uuox:\xce\xfce\x00\\\xfd\xbf\x07&amp;q\xa7\x98\x18\xaeO\x8eY\x9e\x0ca\x19}\x0e\x9f\xc3\x95R\xfd\x9a\xda\x85\x97\xe8\xdf\x85\x88\xa1\x8b)\x93!\x0c\x93\x0c\x13\xad\xbf}@\x82\xdd}\xde\xe9\x0fu\xbb\xaf\xd6M&lt;T\xc5\xc1\xc5\xd0S\xff\xae\xcesV~\xff\xfe\xd3\xc9\xa7\x93\xf7\xa7\xff\xe3\xe5lc\x9a\xcc\xb28\xaeH\xdf\xb7-\xd4Bi\x9f\xc2P\xd3\xa6-\x18\x9anA\xc4\x17\xa0\x88\x1aJHiY^:\x80)i\xc1\xd8\xb4\x92\x02\xc9\xe2f\xd8\xb4k\x03\xae\xc3.\x03\xb3\x06bL:&amp;\x03\x1b&gt;08(\x95\r\x93hR6\xd6\x90\xac\xb8\xc3\x98\x89\xf1e\'\xccJ\x14\xdd\xc9\xa2\x8cL\xd4\xcd\x9es\x9f\x07\x97\x19\x9d\xcc\xce\x8c\xf4\x96@\xc2\x17~\xf9\x9f\xff=\xf7\xdc{\xcfei\xe9.her\'\xb3\xf0\x9e\x87\xcb\xba\xeeg\xf3\xc9\t\xb8\xfe\r\x97Y\xaf=Nzl\xa7\xbd\xe5\xcd\xd6H\xba\x8f\xcd\x7fu\xfb\xf6\xed\xd6\x0f\xb3\xfeu\xfb\xe9\x8b\xdbO\x1f=\x1a\xff\xfc\xf3a(E\x13\x12x\xc9\xd6N6-\x16Zk\xd3Fs=\xed\n\x11.q\xa1D)\xad\\}\xb2\xf4t\t\x90^\xfc\x9d`\xdd\xbd\xf5\xdb{n~\xd2p hj\x18\xab!-\x07\x80\xb5g\xe3\xbb\xad9/\\v\xa2\x96\xd8+\xc9W\x8a&gt;\xb8\x0fcu\xf5\xab\xa5\xc7\x18\xc4\xf1\xf1\xe0\xc4-\x05\xdbm\xf5\xfb\xf3F\x86J\xb9\x84\x8aU\xdc\xcf\x91m4\xd6\xa6\xff\x84\x87Bb\xe4JW\xeb\x94*\xd5\x07\x8b\x8b\x8b\xcb\xcb\xab\x8f\x97@\xb5\xc8\xf9\xd1\xd1\xd1\xb3\xa6\xd2@0/\x90\xd7;\xa2 \xd3\x90E\xbd\x9d\xb5\xf1X\x9c\x94%W\x15\x91\xeb\x97\xb0bKu\xd2\xc5\xc5\x7f^Y\xbc\xbf\xbc\xbc|\x1f\xbf\xfd~\xb4\x94\x9d\xccV\xb8\xddA\x7f\x90E\x9c\xc5\xd6\x9f\xda\x1c\x87\x8e\xf9\x94\xa7.K7\xb8k\x1b\xd4]P\x02\xe6\xab\x16\x17/\\x\x02`\x8b\x8b\x006\x8a\x1bC\xa8\x9c\xe5\xa6\xa0\x82P\xb1\xf4\xfa\xf7\xd2\xe2\xd1\xc8\x7f\xc1R=\xe4\xc5\xfe\x1a\x82\x95\x89\\@\xb4|\x1f\xbe\xad\x82V\xe4\n\x11\nd\x05\x8b\xbf\x86\x95\x12\x17,{u\xc4\xee}+==U\xa9\xac\xd5ef\xe6\xa8\x9e\x80L\xab0\xce\xc3\x96\x8cT}\xa4\x1ed\xc4\xe2q\xe3\x83\xf5\xe7*{\x9d\xab\xd0\xebM\x17\xb7\xd7\x12\xc1\x1a5\xdd\xd9\'\xce\x9f\xef,\x19\xa9\xc1\xfa\nO\x8f\x12\x08\x17\x97P\xc5\x0b+\x14\xb2\xd4e\xe3\x86\x11\xb1\x94f\xb3Z\xe3p\xd5\xf5BR\xa8\xc1\xab\x02\xbc\xbd \x1d\x108\r\xf5|X\xa9O\xc7\x01K\x06X\x07B\x96j\xbb\x1d\x8az,\x07A/\xb3\xa6*\xdbU]W]]\xe2\x0f\x90\x9e\x1f\xba]\x84\x9c\x9b\xc6\r\xeb\xca^\xb18\x14\x03.\x94\x0b\xaaT\xb3N\'\xa9\xec\xe8\xee\xb6W\xd9\x1d;\xfd\x81\x06\x139\x9a\xa4\xcfi\xf8x\xd2\x1c\x8f\x99(\xe3\\\xd9\x9bZ+\xee\x8a\xb9\xba\xec(\x97N\x84r\xa9%\x1d\x1aM\xa8\xd0\xbes\x14\xebw.o\xadc\x04\xed\xc5=\x95\x16\x97 \x02V{(f\xad\xee\xeaNm\x17\x01\x13n`%\x12MG\xa8\xdb\xbe\xb3\x84\xaeN\x99\xce\x0cz\xf1\xf9\xe3\xe6\xf8`\xb5Kk\xc5\x16k\xcc5\xd4!Ak\x11\xb5\x08UW\xdd\x08\xbd\xd9\xe1Q&lt;=\t%\x96\xf2\xbb\xb6\xc6%o\xedmW\x8aj;\xea\xac\xd6\x98E\xa3\x16\xa9\xcdju\xa3\xcd\xa7\t;\x1c\xaej\xb0\xbc\x1c\x8f#1G\xf0\xd7\xb0\xca\xb2\xe2\x83\x95Z\xab\x14\xa5\x0eMO[cC&gt;\r||\x9a\x95p8\xec\x8a\xd4\x81\xe1\x93Y\x14\xa5\xa7(H[LB\xe5r\xb7\xb7\xc6\tK*\xea\x13u\xc7\xa6\xc7o\xc5"c\xe1\xb0\xc5\x17v\x8d\xb9\xc2\x11k}\xd0\xedt\xf2)\x8aUL\xd1\x97\xe7D,VE|\xb0\x0e\x00V\xbeRb\xb1\x8e\xcf\x8f[#\x8f"\x11W\xc4\x1a\x9b\xb6N_\x0f\x0e\x179\x9d \x95\x1e6\x18\x10A&gt;\xd1\x8a\xcb-\x8a\x03\x96,\x05\xd5\x92\xe6\xeb\xd4\x8e\xd8\xf4\xfc\xfc\xbc\x15F\xc4:=\x7f}bb\xa2\xc8YD9\xf5z\xaa\x9c\xc2\xfeo\x9c\x86\xe4,\xd5y&lt;\x1eX\xbb\x11\xabOd\x0b\xbbb\xe3\xf3\xd7\xe13\x0f?.\xe2\xa0\x9c\xce\x8a\n}By\x82\x9e\xe2\x93\xec@\x06\x8f\xea\x8fG\xbd5\xb7\x17*-\xa5\xce\xb6\x12\xae\xee\x1d\x9f\x98\x00\x1c\xf7\xc5\x8b\xce\ngQ\x11EQ\xce\x84$}yR1\xbdP3X\xfa\xcbq\xc3\x12\xa9u\x8d6Wu\x0c{\x1e\x9c\n\x85\x9c*FK\xe9\xf5zARBR\x92^\xcf[\x87\xc5\xfb"\x0e[\x8c\x94\xb9\xdf\x1dhW\xe6+\x95\xf9f_$b\xb5N`\xd7\x03\xdd\x1b\x8fW\xae\x89II\xcc\xed&amp;wm\xf0\x0f\x1f\xe7p\xe2\x83\x85\x07\\:\xe4\x8aX\'."\x17\x1b\xb0\xf4\x10?\x84\x82bk\xcdWD-AY\xff\xc6\xee\x14\xf1\x99&gt;`\x89\x11+_\xd4\xa7\x0e\x8f\x85\xc7"\xe3\x13\x10H\xb6\\\x0eX\x10@\x00K`\xaa\x1aZ1\x1e/IXq#m\x03\x05\xe3\xaca\xe1q`f\xa6\xd2,\x81\xec\xbe2f\x1d\xbf\xeev\x0f\'\x93\x1e\x91\x04\xa6^\xa6\xb5"j\xf1\x93\x12\x853\x976o\x1c\xd7\x96\x8fO\xbfs\xda\xb5\x03\xf2)\xc1\xca4K%\xb0\xf4\xac\x8c\x8d\xb9z{\xeb\xf3\x82&amp;9\x1b\x1bk\xd6\xec\xbe\x06\x07\x9b\x7f\xa1\xb0\xfc\xf0\xe5\x8d\xe2J\xbb\xd9,\x10P%;\x88Z\x99\x99\xf94\x97\xc6\xb6\xb2b\x1b\x1b\xb3@M\x134\x91\xd6;z\xdb\xfaR3^B\xa2@(\x14V\xecI\xdb\x98\x0e\xae\x9b\xb9\x0b\x89\x82\xe0\xfe\x1dL\x10\xf3E\xf9:l\xb5\xb6566\x82h]\x9d\xc7\xf0t\x0bO\xbc\xe9\xa3I\x06\x8bt\xbb\x01\x96\xb0\xfc\x9d\xe3\x1b\xd1K\xd9\xdab\x98\xd1\x07\xfe\xb0\x7f\xc7^\xb1T\x84;\xc4&gt;\x91H$\x95@]\xd3\x98\xd3\xa8\xb1\xf9|\x8e\x13\x9dxg\xc0`q\xbf\x8b\x05\x82\x9d|\xd3\x82q8i\xdf\xb4d\x0c\xf8\x8f\xecG\xb5\xc8\x11x\xbe\x0e\xa8\x00\xcb\x9c\x933\x97\xd3\xd8h\xb3i:\x1c%x\xb8\x8cW\xd6\xb4\\\xbc\xf5X\x02\x81\xa0\xfcR\xeb\x9b}\x93\xbee\xeb\xcd\x96\x96\x8c\xf9\x83\x07\tV*n\x10i,\xa8\x03\xcd\x8ds\xbb\x01\xccf\xb3\xf9\x10\x8bM\xb0\xd6y\x9e\xff\x12+\xb1|;\xfd\xde\x94\xf3F\x94\xda\xd2\nP--\x06\xd7_\xdfe\xb0D}}"\xc0RI\xa5*3\xc4\x10\xc0v\xe7\xd84\x0e\x7fir2\xcd\xc5}i.\x92!h\xaaDA\xa2\xb0\xb8\xecR\xff\xcf\xff\xbf\x07\xb2M\x9c\xad\x0f\xbfi\xc9\xcd\x05\xac\xdc\xa1\xb7\xde=\xd2UH\xb0t\x08&amp;\xc2\x16b3F\xb0qn.\xc7\xe6\xab\x0b*\xe4l\n\xfb\x90H\x10\xb9\xeb2\x84\x10\xa9\x00\x0b\x9f\xd6\x14\xef:\xf93\xc9d[\xb2n~\xed\xc9 T--\xe1m\xef\x1e\xc9\xa6\xb1`+\xa6\x02\xb5TR\x95\n\xb4\xb2\xe1\xf0Y\xeaMr\xa2\x15\x857=L\xa6\xf8\x0e\x16\xcd&amp;,:\xbc\xe7\xc3\xb4\x9fH\xc6\x91A\xf4\xb4\x9e\x82\xe7\xb9\x0c\xd6\xd8\xb6\x1d\x07\xed\xa1t\xc4\x82\xa1\x02*\x91T\xad\x02Wa\x86pX:\x83x\x7fH!\x15}@\xf9r*\xaeS\x8b\xbe\x14\x82\x90\x0e\x9c\xfa\xb8\xf5\xa7\x80\xc9\xd2&gt;\xfdR[P@\xb0\x0c\x84\xeb\xde\xb6\xc2\x83vo\xba\x18\x8f\x1fH\x10\xfb@.3NB_\xb7\xc3RW\x1f\x1c\x96\xcb\x93\x19k\xe1\x91\x1b\x8b\xc1\x12|K-\xe6\xb6*\x11&amp;\xc0{\x97\x7f\xe4\xfbt\x99,\xe5\xe1\x03\xad\xc7\x83XQ\x03#\xd7\xb3\x90\xb7\xaa\xca+\x16\xe3T\x14\xe9\xfa\x10L\xa52\xab\xb0\xb3%&lt;\xe4\xea%m\xb0\x90P1\x86,\xec\x01g\xd3\x895I\xf8\x1a,\xa6\xb7\xbf\xec\xe4\x8fX-e\xe0\xf3\x07\x05\x1e\xa4*\xf0h\x01\x8bV+7\xec-,LG\xac\xf6Z\x0cb\x9f\x19\xb0T*\xa4r\x0c\xb9\xb0k8\x8fn\x85e\'+\xa08dR+\x83\x95\xf8:,\xc8e\xdbO\xfe\x9f\xb1\xe4@\x96\xfa\xba\xc0\xe8\x89z\xb4\xda\x02\xadG\xeb\xf9\xb5\xc1\x00\\ \xd9\xbd\xf4\xc2\x90\x97pA\xc6\xc2}\x99\x1a&lt;/\x01,\xc7\x10b\x8d\xd4\xd7@\x1c\xe9\xbeS\x93I!\xa7\xe5\xe2\x0b\xd6\xf2\xc3\xabX\xf8\xbb\xf2\xb2\x1bY?\xc8%\xdb\x84\x93\x0fT\x8a"\x15\x0c\x8f\xd6H\xb00\x8e\xcf:\xbc\xe9\xe0x1y^\x80\x8e\x17\xa9%\x87\x0e\xa1\xb3\x86,\xae:\xc0\n \x96\\Q\xda\xd0\xd0PjR\xd0aL\xf8_\x0c_\x87\x05C\xb8\xeb\xc6\x0f)\xb6%\xebK\x84\xf2\xcc\xce\xd2T\xe0\xaf;\xcf3\x0c\x19\xb4\\w+\xf1\xd9\x8a\x98&lt;\xc6\x80\xdc\xa0VK$\x874\xe8,\x8b\xab\xba\xa4\xd3O\xee\xa2\x14\nw\xe0\xec\xd9\xbc\x86R\x1aK_^\xce`\xe13$\xc1+l\x02a\xf9\xcc\xcc@\xd9\xfb\xc7S\xbe\x17\x8c#\xdbJ\x94\x02\xaak\xd1\x02\x1a+\x1a\xd5&gt;7ddd\xa0^\xb9\xcf4\x12d\x92H\x08\x17\x88\x05jUv\xf8P\xacjP\xcb_\x1fp\x9bL\r\x81s\xf5\xf5g\x83\xa5\xa4\xa1K?0C\xab%\x14\x08\x995H\xb0\xceZB@ZX\xe8\x811x\xe9{:\x83d\x9c\xcd7\x1f\x00\x93\xb6 z\xed\xda\xac\xc7h\xd4j\xff\xad5Fg\x8d\x1f\x19\x88\\0\x0cwA*(gR%\x87\x88\xbd\xc8\x1b\xb2\x0e\x07\xc1*\xe9\xed\xf4\x9f\x0b4\xb8\x1bj\xea\xfd\xc7\xce\x9du\x83\xe7A\xae\xe2\x1e\xa2\x16(2\xd3\xbc\xb0003Ck\x07\x8c\xf0E#57O\xe1h\x1eD\xf3\xbf\n\x95\xf6\x10\xa1\xd0V4\x15\xcae4\x1a=wf\x81*\x03\xede\xc8}f\x93\xa4\xb6K\xd5\xa9\x92JI*b\xd9*++;\xaa\x18\xaa\x11\x8cb^\x8d\xbf\xb3\xd3_\x134\r\xe3\\\xa4\x06\x07\x90\x08\xff~sOO\xdbT\xcf\xc2\xc0\xc0\x0c3\x06\x10\t\x81\x9a\x9a&gt;\xc1\xd14x\xf5\x8b\xcd\xdf\xbe\xf2`\xa0\x8c(\x16P]\x8b\x1a=\x1e#\xa1\xba\x13\x8d\x1e\xfd\x08\xa3\x98A\xe4\xba\xa7\x96JS\xc1\xe9 \x13\x06\xd1\x06b\x85\xec\xd9`\xf8\x92\xceN\xe4:W?\x02?aJ\xc2L\x84\xe4\xfav\xf3\xcc\x00J\xd2\xdc\xdc\xd4\xb4\xd065\xd5\xf6\x97\x9e)\x0cYO3\x12\r65!\xd2\xe4\xe4\xbe}\x93\xfb&amp;\'\x01\xect\xffz\x8bqR&gt;}\x80\x0c\x8c\xafP,2\x13\x8d\x9f\xcd\x9e9s\xe6h\xb4\xc5@\x9b\xcb`\xf8\xc5cX\xa1\xd5j\xb5\x18\xec\x95\n\x9e\x07\xacn{\xf6\x89\x9d\xa0Vo\t\xa0\xf9A+\xf0~\xa0\x14\xa7dr\xd1\xd5\x05\xe2\x9c\xc1\xc1\xa6}MS\xbf\x82?\xdc6\xd5\xf6I\x13~\xda\x9a\x9a&amp;\x01\x08\x90\xfe\xc4\x8c\x7f \xd8\xd5K\xfdi/\x17d\\f \\\x80\xa55\xce\x12\xb1\xa2\xb3\x9f\x19\x8dG\xcf\xfc\xed\xcco\x00R\xfb0\x97\xce\x11\xffm\xe2\xfcC\xdb\xa8\xfb8\xde\xfc\xe3_\x87\xe0\xa2\xd0\xc9C\x10\xd2DI&lt;{C\x07\x9d\xfbC\xda\xec\xafpD\xd7\xa6c\xdd\xdc\xf6D\xedv\xe6\xd8\xed\x16v\x8d$\xd6\x1f\xe0eA\xf6\x87\xe0\xb84$\xe1yH\xa4\xc2\x9e\xb3\xfe\x91\xa7\xd0\x8e\x19\xd0\xc2IH\xb8*Gp\xb4\xb0\x85RF\xd0\n\x19B\xa5\xb4\x88\xef\xcf\xf7\xd2\xe1\'I{w\r\xf4\xd5\xf7\xfb\xfd\xf9|/%\x17\xd0}7\xfe\xd2\xbf\x9e~z\xfc\xc8\x91\x00\x14;\xf2\xd6\x8d\x1b\x845?6611q\x16\x92-.~p\xeb\x03\xf7\x9f\xe1O\x1d\xfd\xf7\x15&amp;\xcc\xecl\xa1\xd0]J\xdc\x8b\xa3\xee\xdd\x03\x98\x18\xe9\x91&gt;@\x99{R\xd8\xc11X\x99\xf8p \x95w\xe31\xf3\xeb\x04\xd9\xb6\xb6\xdejA\xa9\xb5\xf5\x9e\xcd\x0b\x82\x10+\xb7\xd6ZI\xef\xde(\x15aq\x7f\xe0\x0cp|\x9cldT\xb9\xa9\xc9\x85\xf9\xfcX}\x82\xaa&gt;q\x8b\xd8\x10\xadSG\x9fz\xe6\xe8\xb9\xc2\xec\xcb\xb3T+\xcd\xfeR"2\xa8\x14\xaa\x1d\xeb-m\xa2\x96\xa8\xe6\x96\x9e\x80-/\'\x12+\xae\x7fX\xfc\x88\nP\x14\xf0V\xab\xd5i\xad\x97\x8bE\xbeh\xf7l;&amp;\x8a\xbc\xbd\x19r^\xa3t\x8d\x8e\xfa\xd2\xdc;\x17p\xc2&lt;~\x81\xb8\x02\x81\x00\xb0r\x93\x10\x8b\xb0\xeac\xf5z}\xba&gt;A\x17\x89\xd0\xdb\x93\xdeh\xce\x16\xc0D\xc1\xd2\xfd\xfar\xaf7\xc7\xd4\x11E\xb1\xddn\x8bq\x80\x1d\x00l\x13X\x87h\xb7#\x94|\xac\xc8\xe4\xdf\x8bn\xcb\xa1\xd6\x94\x0c\x90J\ry\xabR\xc9&amp;\x8f%;\x99r\x99\x17\xec\xf2\x86g\xc3\xc7b\xefK\x07\xf5\x87x5\xf6\xca\xf8\xc8H \xf0\x16aA.`\x01ll\x1a_\xf3y\xbav\x05S\xf5\xe83\xcf_)\x10\x16\xb2]h\xf6\xad\xe0m\x17j\xae\x17\x17\xc5\xf8r$.\xa6VS\xa2\xfd\x0f\xcd\x98^\x88\xd7\n-4\x8f\x91\'\xd6q\x0f\xb2Y%\x93\xc9\xc8\xa5b\xa9\x91\xc9&gt;x\x8cz\x90\xedT\x14Y.\xcb\xdb\x1e\xefe\x97\x8a\x0b\x06\xbf\xc0)\xf2If#\xa8\xae\xe6\xdch\x91^\xf5\xb1\xfc|4\x1a\x9d\xbeu\xe6m\xea\xc3s\tW\xacB\xa1\xc9\xf9\xb5\xa5\xc8 \xdb\x11\x8aX;U[eU\x13c\x8c\x0chs\xccD\xc2B\xa8N0\xa4\x07\xd9JEA\x01\xabX,\x96\xe5\n\xc6\x038q\xcff\x93\xc9\xce\xb6wx\x87\xd4J\x03K\xd7\x1f\x9d|\xe1\xe4+/\x8d\x9c\x1e\t\x9c\xc6\xcaCXy\x88T\x87T\xf3\xe1\x85\x85\xe8\xf4\xf5\xe3X\x10\x9f\x7f\x0f\x162\xb1\x12MsO2|P(\x12\x03\x13,L\xb9H\xab\xa96\xda`\x19\x96Fz\x07\xeb=pEX\xaf\x0eaR\x11\xd3\xe3\xed\xed\x8aR\xe9@\x1a%\x03q\xd0\x7f\xb2,g\x94\n\x98\x8e\x1dC;d\xb7\xbd\x9e\x10\r\x894\xc7\x05M\xfd\x12\xbd\xa2\x80\x8d\xa7OS\xbar\x93\x18\x10\xf9\xb1&lt;\x04\x9b\x8f\x02\xf1\xdd\xb3\xe7\x8f\xbf\xfa\xea\xa9O\x7f(\x10\xd6\xcd\x9b\xa0\xf29\x9a1*\x92J\x14+\x17\n\xb1\'P23\x95\xaa\xc55c\xf7\x00\xed\x19aX.\x93\x13\x1a\xdeQ\x94V\xa5\x93%2\xb9\\D\x07\xf2\xa4YF\xc9\xa2\x0f\x92\xd9\nL\x1c\xde\xc0\x90H\xa7\x91-\xdd\xbc\x0f\xac\x93\xf4\x1al\x10z\xcc-\xe85?\x1f]\x98\x99\x89\xbe\x0b\x0fO\xbdw\xfc\xe7\xe6\x13*\xd3p\x0c\xad\x1f\xa7\xa83\xef\xc0!\xb6\xe3`\xc0\xd4\xa2C5\xec\x1b~I2\xfa\xbdX\xfc\xde\xca\xca\x10\x98v\xd8\xc7\xfcmd\xe0`\x87,SJ\xa5"q\t\xcc\xcbNg\x8d\x02\xb7\xe1\xf1z\xbc\xbb\x18\x11&gt;\x8e\xd3u\xfd\xca\x1fH\xd7\x0b\xe0\n`l\xdd\x98\x9a\xa2O\xd3\x08G\xc3\x80\x02\xd6\xf4"V\xa0O&gt;\xb9[\xa0\xba\x990u\x9d\xb34\xcdo\x90,\x80\xaa\xd5\xd4\xb6\x18\xeb1\x9d \x1d\xf6\x89*NX\x92_\xeb\xcf\xc5\xa1\xd6N\xc8\x9f\x06}I\x00\x00\x03*IDAT\xc3jx;\xa3\xc0\xb4N2\x9b\xedT\x89\xabX\xb4\xc9\xc92\x1c-7\xca\xeb\x8e\xd7\xeb\xf5\xec\xbc\xe6#,\xc8\xd5\xfd\xf6\xff\xf4\x86\xd8\xf1\x91\x8b\x01,\x89\x9fM\xdd\t\xb3KX&amp;gh\xd1&gt;\x8b\xa5\xe7\xcc\x99o\x9b\x85\x04nM\x9d\x0bv\xf7,\xc3\xb2\xac\x03\x11\xba\xd4j`\x8aEzv\x0cP\xb5\xdajmU\x05S,\x121\xfc\xac4\xad\x1fI\rA\x04\x8f\xd7\xc5\x02W\x85\xc2T\xd9j\x94J\xf2\xba\\\xb6\xed"OV\x16\xcb\xeb\xc9\x10ayv\x99Z\xc1\xa0\xce\x9d{\xf8\xe3\xd7_#_\x17FF\x9e\xbd\xf8\xdf\xa9;\xef\xe7\xc3\xe1\xc9\xa9\xa9\\nff~z\xe2\xfa\xf9\xf3\xd7/\xd1r\xd7\x04\x15\xa7\x9b\x96\xa1Y\x963\xaa\xb6UU\x04\x14\xca\x8e\xf1\xa2ZcEn"t\x0cK".\xe3`\xc83\xa8\xe1_\xab\xb2\\e!\xaf(Ul\xc9\xa4\x99@\xaa\x81*\xb3\xeb\x01\x16\xd2\x85\xd3\x1bP\xa1\x9a\xaf\x7f\xf9\xfd/\xbf\xfd\xc9\x92\x7f\xf1\xe2\r\xb8x\'|gj&amp;\x97\xcb-\xe4\xa7\'\x16\xaf/\xbei6Q]3\x08\xb1\xfa\x92!\xf9-\xa9O\x89eP1QP](U\x88\xb1\xe6l\x8b\x86v(\x97f\x0c\xb9Z1\xac\xcc\xa0\xf7*[\xcaV\xb5\xdah\xb8V\x16\xcb\x08~\x03\x89G\xb6\xbc4\xea9\x8e\xe9\x95\xd0\x83\xd8\xd8\xff\xdf\xc7\xbf\xfdt\x81]\x98\x18\x0eC\xac\xabW\xff\xf3\xfb\xfd\xfb\x1f\xdd\xbd\xfbQ\x90A\x99x\xaaij\xf4+%kO\xe0A\xc5\xdb1\x9bW\x81\xa5\xb2\x8cE\xc8LAP],\xc9\x05#\x13\x19\xd7sP+\x93\xc1h\xef`~1*L\x88R\xb1\\\xa2I!7v\x18{\xc8\xbbG\x83+MS\xa2\t\xc9\xb0E\xdb\xfb\x8f\x1e~\x13\rG\xa3\xdf&lt;|\xf4\xdd\xfe\xbeK\x1d4\xbb\xdd\xae\xa9\xb3\x1c\xf6\xad=I\xa3&gt;\xe3y\x1b`\xb8\xf1\xaa*\xb4U1N\x94&lt;O\x88\xaa\xe0\x9a(I\x03\xac\xbf\xbc\x87&amp;\xa2\xe1\xd0\x8c\x03\xaa\x06\x1b\xf8r\xa9\x0c\xd5J-\x87=)\xe4\tm\xf4iF\xa0\xbaAr\x93\xe3\xd2\x0c#\xa8\xef\xbb;\xb4\x8b\x03\x1c\xc7\xa8@gvM\xc9o\xf8\x81e\x19DE\x05\xd5\xf8\xb8\x10\x17y\x80\t.\x95\xca\x1b\xa4\x95dI\xe4"S\xeb\xaf\x01\x16\xa2\xd5\xc1\xdc:\xa4\xc2d\xdd"+K\xa5F\xd2u\x9ab?\xecuv\x0c\xb0\x05\xcd4K\x19\xe7\x969X\x99\xa8\xf0\x03N\x87\x81\xa8\xdb]\xd3g8\x9a\x9f\x19d\xd8\x87L\xa4\x12\x05\x0cY\xc3C\x1d\xa8%\x11\x96%\xb1ly]\xb1\x80U\xad\xcaJ\xb6C\xd9b\x1e*Jek\xabJX\x8d\xd2\xae\xe7\x90+\x14\xbav\r]y\xcd\xbal\xba\xeb\x90\xee\x82\xe9.\x16\xd3\x0e\xb8\\\xd7\xe4|\xa3\xfd=t\xa0\xe3\xf85\x89\xb04#FL\x00\xb2\x89\xca\x05\xa2\xf9(\xa8t7H,\xc9r,\xbf\xf19E\xfe0[\xd5\x92\x9cq\x07\x04\x9a\xb0\xd1@\xf0\x81\x85\xa3\xd8\xd9\x1e`\xb1o\x00\xfb\xca\tm\xb767\xdd\xf4\x07\xc93\xdd\x97f\xeb%\x15V\x81\xde\x92\xdfq\x1c\xcb\xa1\xbf\xde\x92\x88\x8a\x1a\x8c\x82DT\xb6=\x90\x89\xc9\x15gz\t{\x12\x15a}y\xe9of8B\x9a\xbd\x97\x08S\x00\x00\x00\x00IEND\xaeB`\x82'</t>
        </is>
      </c>
      <c r="M298" s="3" t="n">
        <v>45492.67690972222</v>
      </c>
    </row>
    <row r="299">
      <c r="A299" t="n">
        <v>905450</v>
      </c>
      <c r="B299" t="n">
        <v>1958</v>
      </c>
      <c r="C299" t="inlineStr">
        <is>
          <t>Lucas Halter</t>
        </is>
      </c>
      <c r="D299" t="inlineStr">
        <is>
          <t>L. Halter</t>
        </is>
      </c>
      <c r="E299" t="inlineStr">
        <is>
          <t>ZAG</t>
        </is>
      </c>
      <c r="F299" t="inlineStr">
        <is>
          <t>ZAG</t>
        </is>
      </c>
      <c r="G299" t="inlineStr">
        <is>
          <t>ZAG</t>
        </is>
      </c>
      <c r="H299" t="n">
        <v>187</v>
      </c>
      <c r="I299" t="n">
        <v>3</v>
      </c>
      <c r="J299" s="2" t="n">
        <v>36647</v>
      </c>
      <c r="K299" t="inlineStr">
        <is>
          <t>Right</t>
        </is>
      </c>
      <c r="L29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01d21d0-14f6-4802-bca6-11e3a961b2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pq\xb3\x00\x00\x03\x00PLTE\xff\xff\xff\xfb\xf9\xf43/,:64\xfe\xfe\xfe\xfd\xfc\xf7\xfa\xf7\xf2\xfd\xf9\xf4\xfd\xfa\xf50.*\xf9\xf5\xee\xfe\xfd\xf8\xfd\xf8\xf1=86\xfe\xf9\xf6\xf8\xf3\xed\xfd\xc7\xa6\xfd\xcb\xad\xfd\xd0\xb3\xfd\xf9\xf2841\xfd\xc9\xa9.+(\xff\xfe\xfe\xfb\xf6\xef\x1f\x18\x14\xfd\xfc\xfc"\x1c\x18\'\x1f\x1a\xf6\xf1\xeb?:8&amp;\x1c\x16\xf1\xec\xe5+"\x1c\xfa\xf9\xf8\xdc\xa6\x8262/\xfa\xca\xac0"\x1a\xfd\xcd\xaf\xfd\xcc\xb4\xe3\xad\x8a\xd8\xa1},\x1e\x17\xfc\xd0\xb8\xe6\xb1\x8f\xd0\x9ax#\x18\x13\xb1}Z\xd4\x9dy\xec\xe7\xe0\xf5\xb8\x94\xfa\xc7\xa8\x1c\x16\x11\xf9\xc2\xa1\xe0\xa9\x86\xf6\xc4\xa8\xef\xea\xe2\xf4\xc1\xa4\xfd\xc4\xa4\xf7\xf6\xf4\xf0\xbd\x9f\xf6\xbe\x9d\xfa\xc4\xa4\xfa\xf3\xec\xc7\x90l\xf4\xba\x982\'!&lt;.$+\'#\xb4\x80]\xf0\xb3\x8f\xfa\xcb\xb1\xc2\x8dj\xb8\x82_\xbd\x85b\xf4\xee\xe7\xa6vT\xff\xfb\xf7\xadzW\xdb\xa3\x7f\xf8\xbb\x98\xfa\xbd\x9b\xee\xba\x9b\xc0\x89e8(\x1e\xcd\x97s\xfa\xbf\x9e\xe5\xa6\x80\xe6\xe4\xdf\xfe\xd2\xb6&gt;*\x1e\xfd\xd8\xbf\xa2sR\xef\xb7\x95\xf4\xf2\xf0\xec\xad\x87\xec\xb1\x8d\xf5\xc7\xac\xfe\xff\xf9\xf3\xb5\x91\xfc\xd5\xb8\xe8\xb4\x93\xfd\xd4\xbcF7,\xbe\x7f[\xcb\x93o\xf1\xb0\x8a\xfe\xfd\xf6E3&amp;\xa8yW\xe8\xa9\x84VC65+%\xfc\xc2\xa1\xb4vS\xeb\xea\xe7\xc7\x8bg\xa4jH\xe2\xa1{\x96nS\xea\xb7\x97\xb6{W\x9dsT7#\x18\xf0\xef\xedyXA%"\x1fkA*Q&gt;0N8(=51_A.\x9bmMJ:/\xf8\xf1\xe7\xaajH\xb4qPW&lt;*LHD\xf0\xc0\xa5\xc6\x85b\xbfxTplh\x81\\CB=:\xdb\xa9\x89\x19\x13\x0fqN8\x94\x90\x8eE,\x1d\x92[=\xee\xa9\x82\xd5\xd2\xcfM1 \xe0\xde\xdc\xd0\x8bhTOL@2)\xdd\xae\x929/+\xd3\x91m\xa6\xa2\xa0\x8ehP\xd6\x96ra]X\xf7\xa4\x9d\x88bG\xd3\xa3\x84\xaesR\x88R7\xc6\x7f[\xae\x7fc~yt\xa0fE\xcd\x85bbK:\xd8\x92l\xc8\xc5\xc3\xaf\xab\xa7\xff\xcd\xb0\x8c\x86\x81\xb8\x87j\xdf\x9dz\xda\xd8\xd6\xff\xfe\xfb\xfc\xdc\xc5\x83eP\x9c_@\xcd\x9d\x80yD*\x9cv^|O7\xdd\x9at\xe8\xb9\x9e\xf6\xba\x9cla\\a9$\x94fJ\x9d\x98\x95_VO\xc1\x92wVI?V3"\xff\xfa\xf6\xb1mH\xb5\xb3\xb0\xcf\xcc\xc8IA&lt;\xbd\xb9\xb6\xc2\xbf\xbc\xe4\x87\x7f|i]\xe0\xb2\x9b\xfa\xb4\xaa\xb4\x8cu\x86I,\xec\xda\xcf\xd9\x9dy\xf4\xd0\xbfiSD\xf7\xe2\xd4\xa5|_\xcf\xaa\x94\xf3\x99\x93\xae[&gt;\xc5\x9e\x88y`P\x89qb\xaa\x86p\xfa\xc5\xb0\xe4\xcd\xc1\xea\x90\x88\xbe\x97\x81\xe9\xc5\xb0\x99\x80p\xda}q\xd6\xb7\xa2\xf0\xa0w\xbfmJ\xd9\xc3\xb5\xef\xce\xb6\xf9\xee\xdc\x9cO2\xda\xa0\x8a\xf2\xda\xc4\xeb\xb0\xa2\xe7\x98r\xd3sV\xf4\xe6\xe0\xcd\xbc\xb0\xaf\x97\x84\xe3\x91g\xc0\xa9\x99\xdc~b\xeb\xa5\x96\x1e;\xe3\xc7\x00\x00 \x00IDATx\xda\xcc\x97\xddO\x1b\xe9\x15\xc6\xa3\xc8\xb7\x95 \x12\x1b\x8dg\xd4W\xe3m^\xd0\x0e\xab\t\xcb\x0e\x89\xcaG\x94\xceX\xa1\x17\xab&amp;\xa8\xb38;\xc9\xe2D\xecf\xa85\xf5\x18\x08\xcen\x870\x9e8Vp\x96\x90\x16\xc7\x86\x81u\x80,J\xd6Y\x8c\x13\x82@\x0bq\xa0\xb5\x83k\x8b@"VB\x11\xaaT\x81z\x93\x8b^\xf4\xaeU\xa5\x9e\xa1\xfd\x0fj\x93}\xe5\xcf\xab\xf9\xe99\xe7&lt;\xcfy\x0f\x1c\xf8?\xcf\xe1\xc3\x07lp\xf6&gt;\xac\xef\x1f\xc5\xf9/\x91\xa3\xa1\xad\xa1mt\xb4\xdba\xffQ\x80\x01D\xc3\x07\xa3\x8f_\xbd\\\x9d\x9b\x9d\x9d\xde\x9d{qv\x0f\xec-\xa3\xd9\xec\xb6\xee\x7f\xbe\xc9\xe42\x99\x83\xe4\xcd\xc1\xbc\xba=xgv\xbd\x17\xc0\xec\xf6\xb7G\x06Oo\x18\xf9\xd7\x9bg\x8b\x9b\xd3\xd7H\xae/\xb7\xa1\xa8\x9bo6\xa7gG\xd6\x17\x1a\xde\x1a\x17@\xb5-\xfc{wq\xf1\xd9\xee\xee\xd45n\x88\xcf\xe72\xa0\xd7\xee\xee\xce\xeeff\xee\xe5H\xaf\xfd\xadP5|02\xb9\x19\x0c\xaaqAUs79\xce\'\x872\x9b\xdb\xe1H\xc4\x0cd\x02\xa9\xed\xdc\xeaY\xfb\xdb\xa0z\xb1\xbb\x18\x90\x14\x01\xb1\x0c\xff\xce\xcf\x9c\xb4\x93\xe6y,\x07\xf4\x84nj\xf2\xf6\xe6\xe2\xf6\xce\xab6(\xe3&gt;W\xd2\xb1\xbey/"\xc5\x05\x84\x18\x86z\xc7IP&lt;\xcd\x11r8|\xff|$\x18`\x8c\xabW\xae\xec@!\xbb\xf7\xb9\xc3\xec#\x9b\x91\xdbWSq\x9a\xf79\x11E\x11\x04I\xf2&lt;\xa3\x84\x97c1\xdd\x0ca1\x12\t\x1a\x8a\x9a\x9b~\xec\xd8O,[\xef\x9c\x126\x02\x8a\x18\xc8\xcb&gt;\n\x91\x1cG\x10\x94\xac\xaa\xc1\xab\x91`8\xca\xb38\xac\x07\x83\xd1\xa8\xa9\xe4&amp;{\xf7\x8f\xcb\xe6x\x95\x0f\x1b\xb2\x8f7\x16\x9f]M\t\x98"A.\x82R\x82\xc1BT\x91\x18nH\x0cG\xae\xa6L#\xa5J\xea\xac\xc3vx\xbf\xacaa\xd3\x08H\x92\x18\n\x80b\x8a\xc0\x93\xa4\xa5\x17o\x04\xf5\xb0,\x00\xd5\x90h\x04UE\x10\xf29U\xcc\xad;\xf6\xa7\xbfl\xb6\xde\xe9p\xd8PL#\x14b8\x92\xe6\xfb\x08\x82\xe08\x8e\x12d\x85\xe7)\xf8\xc5\x85\xd4\xa8\x14U\xc4\xb8\x9a\x8b\xa3\xa9\xc7\r\xfb\xe1\x14\x10,\x93\xa1`0\x1c\x0c+\x92\xc0S\x0c\xbcY\x0e\x14\xe2\x08\xa8%IZ\x88\xacO\x16$\xc3\x90$!.K\x18\xb8\xf6A/\x9b\xfdlFPSaP\xc3\xc7\xd3\x04\x01\xc3H\x93$")\x9a\xe6\xf7\xa0\xa0\xcfXF\x94\x03\x8a\xa0\x00\\@\xc9\xaf\x8e\x96~\x1em\xf6\xde;qEM\x19\x1a\x86V\x1f\x02\xc3\xf2\xf1\x88A\xd0^$\xed\xa3@\xb4!\xc0\xa2X\x14\nh\xa2 (F\xc0PWGK?\x8ev\xc7\xcb\xbc\xac\xa6\x00\x0b\xb1V\xbd\xe2\x1b&gt;\x16c\xc6\xe2q\x8e\xff\xaf\x9a\x04bY\x0c\xb0\x18\xcb\x8a\x91\n\xcd\xf5:\xec%\x17kt3\xa0\xc2\xec\x074\x04\xc5bY\xdf8E\xf3\x0c=4D\x0c\x11N\x96\x03(xAEE\x8c\x10/\x8aJ(\x15\x9f\xeen+5\x96\xbd\xfb\x8e\x1a\x00_\x08\x08\x0ck58K\xb3\x1c\x8f)\x8a\xb5\xa4\x03\xfd@*8C\x04\x13\x8acV\x90%Q\x90\x85\xdc\xec\xcb\x12w\x97\xadw5\xaf\xaa\xe0\x0c"\x03\x0c\x90:\x1c\xcb\x92X\x93$Md\x08\xcd\xc4,\x94\x0f`9\x82\xc5\xc28I\t\x8a\xc8H\xf1\xd0\xf6\xee\xdcz\t\xb9\xc0\xb1&amp;UC\r\x84\x02q\x16\xc1\xc3-\xb5\x10\xe6\xc5\xa0\xae\xeb\x05\x86\x08\xebQI\xd34\x86\x012\xe82\xaa\x8fD\x92\xc2`!\x9e\xda\xde\x99~\xdcP\xaam\x02\xa8V7dY\xc3\xa2\xec\xdb\xab\x17\x02[\xa0\xa2\x86\x19\x8bm\xa5\xb3\x9at;\x9d\x8d\xe8\xd9\x82\x19\xd5\x10\x85\xc0`\x11M\xe1\x80\x80\xb1/\x90\xda\xc9O\xbd,\x95{\xd9\x1c\xb3yE\x910\xcf0\xe0\x08\x84\xb56\x90\x08Kf8\x91\xdc\xd2\xb3R!\x96N\xc7b\x89\xe5\xb4^\xd0\x18\x04\xcd\xcf\x91}H\x8c\xf3\x14\x1fRUy\xe3\xeb\xc9\xd2\xa4\x10\x0c\xe1\xa0\x1c\x90E\x86\x877ka\x11,\xa9\xc1\x9e\x90\xd5\xd3\xba\x1e1\x8c\xe5t"\xb1\xd4\x93\\\x8a\xa5M\r\xc4\xb4\xac\x82e\x19\x9a\xa6\x05\xc8\x83q\xfa\xeb\x91R`\xd9\xec\x8e\x17\xbf\x87\xfa\xc9\x0c\x86)\xa3\xf6\xa8X\xc6\xcc\x16\xf4\xadDZ_^\x0e\x17bK\xb1\xe4Z\x7fW\xffZL\x8f\xd2\xac5\x9b\x04i\xd5\x99\xe6\x85\xf88M\xf9VK!\x97\xdd1\x9a\x81\x1d\x14c!$+"&lt;\x16\xda\x9d\x89\x06\xb3\xfaRWW\xcf\x8d\xe4\xb2\x9e\xb8\xb5\xd6\xd3\xf5plf\xa0\xa3?Q\x900\x8c*\xa2\xa1\xf5I\xd2\n\x02\x8a \xf9\xcch\xf1\xb1 tV\xe3\x98\xa6a\xe0\xa1&amp;\x1a\x02\'@X\x0b\xeb@\xf3hlb\xa5\xe3\xc6\xf5oo\xfd}\xe0\xd1\n\xfc\x99y\xb8\x94\x8d\n\xe0\xa74o\xb5\x18\x89h\x1a\r\xf5\x91\xf8\xda\xa4\xa3\x04w\x8aYU\xa0)F\x8c\x0b\xa1\x90\x00.\x80\x18M\x8c\x16\xb2\xe9\x1bc+\xfe\xe1\xf9\xcb]\xc9\xae[3\x8fV\xfc\xf3~\xd7\xfcX\x7f:*\x89\x98B\x08\xb0\xc0\xddhD\x0c\xf5Q$5u\xb6\xf8b\x8ddRq\x8a\xe2\x05A\xce\x8b\x90v\x0c\r.j\x16\xb2\xb1\x8e\x95\x0b\x9f\x9e&gt;\xf9\xab\xa5\xb5[\x03+~\x97\xdb\xed\x1ev}s\x0b\xe4\xd2\xb0u\xfd\x80\x84\xa2)\xb0\x8b\xbe\x83N\x82\xfc\xe9+[\xf1\xc5\x1a\xcc\x81Z&gt;\xc1\x17R0\xe61\x835-\n\xed\xbe\xf6\xc8u\xfarOb\xeb\xaf\x0f\'\\\xa7\xda\xdbO]\xf0x&lt;\xae\xb1\xfeD\xd6\x94\x18,j\xc0DSPE\xa7\xd3I\x12\xf4\x9d\x86b\xcb\xd5;;(\xc7iJ\xe0\x19\xd0+$\x0b\x98\x01\xad\nYp\x84\xeb`\xa6\xe9\xa5\x87+^\x0fPy\xdcn\xaf\xd7\xed\x9f\xe9Y\xd6\rH$\x8d\x01\xa9`\x13\xb3\x0e\xf4\xfe`\xd1\xab\xd8\xf6b\x8a\x11h\xe4\xc3\x04emQ\x12\x86\xc8I\xdc\xe8y\x0e\xfe\x99\xf8Gr`\xde]\x0b\x07\xb0&lt;\xc3\xc3\xaec\xfe\x89\x8e\xa5e\xbd\x00\x9b34\x18\xc3\xd0\x0c\xec\x8a\xb0\x92\xd17G\x8a\x9f\xd1\x1b\xc8G\x13\x10x\x1c\x82\xbb\x85i\xea[\xc9\x0eWS\xe3\xe7w\x1f\xbc\xf6\xd6\xb66\xd5w\xb6\xb6\x00\x97{\xd8\xc2r\xadLt$\x13\xe9\xac\xa1@xcL3 \x18\xa2\x00k\xbd\xd8j-L\t\xd8Gs,\x03;\x8c\x18\x97L\xab\xab\xbc\x7f:Ry\xe8Py}KS\xd3\x89\x8a\xb2\xba\x96\x963\xed\x9ea\xb7\xc7\xebw\xf9\'f\xfac[\xba)i\xd6t \xb8\xe1R\x96\xb1\xfe\xe4q\xb1{~}#.ZsE\xc1E\x021Ra\xb9k\xcc\xd5\xdeZg\x9d\xd6\x96\xa6\xba\x13ee\x9d\x16V;4\x97\xcb\xef\x9f\xfff\x0c\xb8\xd2Y3*a\xc8m\x08m\xab\xb9\x0e\xde,:\xd6B^\x84e\x80&amp;)\xc4r\x10\xcf\xd9\xe4\x84\xdf\xeb\xa9m\xad\xb7x:[\x9b:;\xcb*\xac:\x9e\xa9\xf5\xb8\xbd\xfe\xf9\xd7`\xab\x03]V\x1dM\x91%Y@\x82\x0b\x08\xbe9=Z\xec\xde\xea\xce`Y\x14y\x98wV3\xc2\xd9\xc4\xd8\xb0\xd7[\xdb\x020\xe5\x15\x15e\xf5\xad-\xade\xe5e\xf5\xf5@V{\xca\xe3u\x9d~\xbd21\xd0\xd1\xd5\x03\x82E\x11\x89\x9c\xe0\x13\x14\x16s\xb3\xc57\x88ia\x0f\x0b\x81\x91J\x05\xf0\xf6G\xfeS-u\x1f\x96?in\xae|Rq\xa2\xb3\xde\xe2\xb3\x08[\xce|z\xe1\xfdc\xef\xd5\xd4\xfc\xe6\xf2\x97\xdf&amp;\x97\x12A\rb\xaa\xaf\x8f\xa2\xb18\xb8P|;\x85k\x18\xd8\x10"\x18\xd3,$\xd6f&amp;&amp;\\g:\xcb\x0f\x1d\xfa\xe4RuuuU\xf9\x91\x8a\'UU\x95\x95\x95\x15\x1f\xd65556\xbe\x7f\xec\xf4{5\x1f_\xfe\xf2|2\x99(0V^\xf79}\xf1\xb9\xb6\xe2\xaf\x80\x93\xb2l\xa5/#\xdd&gt;\xda\x05\xe1\xe7\xf6\xb4\xb7TTUU_:w\xee\xd2\'@T\x0e\xbf\xab\xab\xaa\x9e\x94\x1f9\xfe\xf3\xc6\xc6\xc6/&gt;?\xf6nM\xcd\xc9\xa3\xb0}E\xc2\x92\xb5\x11R\xbc&lt;i/E&amp;*"\x82\xbdo\xf9h\xcd&lt;\xe4\xb1\xbb\xb6\xa5\xae\x1cH\xce\x01\xd6g\x97\xaa\xab\x9a\xab,\xd5\xaa\xaa\x8e\x7f\xf5\xc5\x1f\x9e&gt;}\xf0\xc3\x0fw\x1f\xfc\xf9\xe3\x9a\x93]K\xcf\x9f\xc7\x961\xd7\x07M95Z\xfcu\x0bB1\xcf\x93$\x17=\xfa\xfa]\x97\xcb\xe5n\xffE\xdd\xf1\xbf\x81V\xdf\x7f\x7f\xce\x12\xccb\xda\xa3\xba\xfb\xf4\xe4w\x7f\xb9\xb2\xb3\xb3\xb3\xbb\xbbx\xffw\xbf\xfc\xf5G\xcf\x9f_\xbf\xae\x92N\'\xbe6[\x82[\xac\xcd\xbe\x90\x11)\x923O\xc2\xee\xe2\xf7\x9e\xaa;r\xf1\xab\x8b\x97\xceU_\xbc\xd8\xdc\\\xbd\xc7\xd5\\\t-\xf6\xc7\xa7\xdf]\xb9\xb7\x98\n\x8d#\xca\'\xab\xe1\xd4\xbd\xdf~t=y\xfe\xbe\xe8\x1b\xe73\xdd%XNm\xb6\xff\xd0j\xf6\xbfi]g\x1c\xef\xa4j?M-XB\xd6\xa2N\xad\x8a\x08\x86\x18dv\x11x sc\x12q\r\x8c\xf1Z@v.\x82\x08\xdb\xb9\xa0p\x1d(/\x85\x08\xd9.D`\x05\x84\\j\xa3\x88\xcaA\xa6\xb1\t\xcc\xd8R\x02\xab\xb1\xe3\xb7\xc5\xab\xdbY\xeb\x9a\xa6q\\\xbf\x04Gyq\x92\xda\xd9\x12\xd5I\x95f;\xf4o\x80\xf3#\xbf\xf0\xd1s\x9e{\x9e\xef\xe7\xdc\xfb\xe1\xd5\xe3\x87\xdf\xfd\xe4\xb4V\x9fv\xe3f\xde\xe2\xce\xad\x9d\xed\xed\xed\x9d\xd9\xe7\x8b\x8b#\x8f\x1a\x1b\xbb\x1b\x89Dbs\xcb\xf8\xca\x9c?\x1e\xe8\x03\xb3\x1c\x84\x87#G\xde\x19\x1a\xb3\xa1(\xea\xeb9u\xea\xcc\xa7\xb5Q\xfe\xf7\xbf\xfd\xe6\xd8\x91O\x06X\x89\xa2\xc2\xa4\xde-m\x94\xbe\xdb\x98\xec\x99\xbc[z\xbc\xbbr\x13\xd4\xec\n\x91\xc8n\xe9\x9a-\xcc\xc5\xe2\xfe\xd1\xd2\xd8h\xa5h\xfd\xfd\x81x|L\x86\xa2\xfe\xbe\xd3\xdf|[\x13\xac\xcaU\xcd\xc5\xc3\xbf\x9f$\xe3z.\xe3^\xa0\x92Q\x0f\x1f&gt;\xdc\xd1\xd7\x1f\x18-\x8c\x7f\xc4c\x93\xd8&lt;X\xd05^\xc8\xa1r\xb1\x96E\x1f\xa4\xd1h\xe3\x05\xf9V)\x10XF\x83\xa5\x9e\xbe\x7f\xfc\xed_\x7f\xac\x8d\x90}\xf8\xd7\xe3\x1f\x8cqq\xeel\xa9\xe3\xec\xb9&gt; \xa5wc\xb1\xb9\x9cL\x92b\xd2\xd4\x1c0\xab\x05B\x06S"\x17Y\x98\xcct:\xad\xb5h\x99tf\xab\xc4\xe3\x8f\x05\x83\xa5\xc0w\xff~&lt;\xbc\xfbv\x8dnk\xbe\x1cBq|e\xe3\\O\xe9\xd6\xce\xec\xe0HW\x17\xc3\x04&amp;s\xb1\xc85pHD\x82\xd2\xc8\x92d\xbcbQ4_$\x833\xcb\x15lr:ER\x89/\xe8+\xc5\xfd\xfeg\xe5\xe8\xedZ\xf4\xd6\xe6\x83\xf7\xae^\xb7q\x15\xb2Xnv\xe4|\x03\xac6\xd0\xc8\xc5d6\x05\x02\x83\xdb( PIP\x11\x0b\x85\xb1\x90\x835^\xf0\x94b\xf3\xc3\xc3\xc33^\xcc\xa9\xb1\xc9|\xa3\xfe\xf9\xcb\xe5\xd5\xf2\xa3\xaa\xefb\xfd\xa1M\xfc\xf5\xce\xbd\xf9&amp;:]K\xc7\x91\x96\x16\xaeV;\xbb\xe2\xf1\x0cO\x84\xb2Sn=\x0e\xf1I\xb0)\x19\x0e\x85&amp;\xc2Iq\xe9\xcb\x8f\xcf\x1c;\xd61\x10\xbf\xec\xc2\x9cR\xb9M\xe6\xf1_\x9e\t\xad\x96\x9fW\xdd\xc8\xea\xff\xf2\xc3\xde^\xda\x17+\xac\xeb\r\xbc\x165-\xbf\xef\xf5ml|u:\xe0\x1f.G\x17p\xdcl\xe7\xeb\xf4\x98k\xc2\x15Zu\xfd\xf2\xe9g\x17\xcf\\\xfc\xfc\xef\x1dg\xaf_\x0ey\x9b\xe42\x1b\x1a\x1b\x9e\xc8d\xca+oW\x1f\xeb\xc4A\xc2\x1aY.(\xb8\x06\x81\x9a\x8b\x85&amp;z7\xbe\xfa\xf8\xb3wN]\xddY\x0eM\x19\x13V%\xcc7fg&amp;2\x13\xd7\xe6\x9e\xfe\xbc14t\xbd\xe4\xb9\xbcvm\xd8\xb5\xea\xc8\xa0&gt;Yp\xd8\x85ae\xc9\xcb\x1a`\xbd\xda\xb3\xba\xe5\x052\r\x01\xc6\x15\x1d\x1e\x18z\xfc\xf8\xd4\x99w\xfbwF\n\xde\x94\xd5jT\xda\xedHdb"\x14\xcah,\xac\x95\x9c,\x93qd\xc3!\x874\x92\x15\xd9|2t\x19\x95b\xab\xe1\xdb\xd5\xc7\xea\x06X\t\x8bX\xc10\xe1\xc5\xf4T\x1e\xc3\x9a\x9a|\xa0\x08\x91\xfc\x94;a\xb5"f\x95\xdd\xec\x0c\xcd\x840g~!\x81  r\xa5#\xe1h\xab%\x12\x916\xc9d\xb2\xa0,\x8ay\xbd5\xc0j|\xbd\xa7\xb2\xa6\xb5\\\x86\x117\x1a\xddz\xab\xd9\xf0QK\x0b\xa2_x\xf5j\xc1h6\x9b!;\x1fJ\x86\xc1\x9e9\x1c\xd9\xa9\x05=\xaeO;\xb1H\x9aLO:5"\x99\xcc\x16\x9c)\xaf\x86\xb1\x1a`\xfd\xe7\xb5\xb1\xc1\x90J\xe3\x0c\xc4\x0c\tMF0\xadaX\x98\x98\xca\'AL\x85\xcc\x90\x8aOP\xa6\xbc\x19\x07\x86ER`M\x81\xb5\x80\x1bq\xfd\xbaE,\x91\xa1\xb6\xe0\xda\xb3g\xe5\xfd\x07\x87\xaa\xff$\x1e\xe8\xda\xcc\x0b\xeb\\\x9a\xc9\xbcD\xb0C\t\xb7\xdb\xbd\x00\xfeZ/d\x03%\x83 %\xa8V\xda\x1brd\xf3\xa9u=\xd0\x1f#\xf0\xfe_c=\xabUj\x0b\xca\xd0g`\x95\x7f\xfcM\xf5\xb1\x12Jh/\xad\x00XJ&gt;\x89\xaf\x13\x08\xcd&amp;\x86\t\xd1\xb1)T\xa2N\xa9\x84\x94|\xbe9\x15\r;0g\xaa\x08\x9aM\xa8R\x01\x9fE\x8c8\x99\xae\x05\xcd\x85\xa2\xab\xe5\xb5\xb5\x99\xf1?T\x1dk\xda\xbaw\xf0j\n`\x99u\x046\xa1b\x13\xc0\xc1t:\x98M"(\x01\x96\x8e\xc4GRQ\x87#\x9aO\x16\xf58\x88\xd4`)!\xc4\xc4\xfd\x15\xcb\x87z\xcb\xd7\xae\x85\x9c/\xeb\xab\x8f\xf5\xea\xc5\x81[A6\x02;$Q\x88T\x12\x81\x00\x033\xe4\x10`X T*a\xea}$\x8dy\x1d\xe1l\xd2mB \x08\x12V.%L4\xaeB\xabi\x02\xa1K\xb3\xda\xbb\x16\x8e\xde\xae6\xd6[?\x00\xac=\xebs2\xad\x82E"\xd6Q+\x86\x08\xd4U\'\x10\x08\x84B;\xa5\xb3qI\xe1\x94\x8a\x1cR\x0b\xdd$\xd0U\x8a%\x04\x9b\xc8\xad`I\xe4\x00kf-\xe4\xd8\xaf&gt;V\xa3\xf5\xe0\xc5\x01\x8f\xac\xa0\x819\x03\xac\x95\xd8F\xbcB\x05\xd1\x8f\xc31,\t\rB&gt;\xb1\xbbQ@\xb6h\xbc\x15,\x86\x00\x86\xf9v\xbbJ\x89\x18\xf5\nz\xabT\xd2\xe4\xcbI\xd6\\\x9apt\xb3\xeaXm\x89\xc4\xfe\xeb\x93\\\x85\xc9\xac\xaaP\xd5\xb5\xd7\x01\xfdj\xa3\x92H\xf0\x12\xa4\x82+\x16\x04\xd3\xd6-\x1a\xcc\xeb,\x9a\x04\x15\x93\x05\xf9\xcb`"\xaf\x83b5\xc9\x839\xc9\xb0\x94)\x15W\xbd\xb7\xdej\xd8C\x0e^\x18F\xe8&amp;D\x08\xaaU\xd7\xde\xd9\xdd]\xd7VG\x85\xc1\xbf\xc3`O\x81\x02\x11\xd5\n&amp;\xb3U\x8a9\xf5\x02\n0Y\x81\x80\xa3\xee\xe2\xb2Z%r\xb9-\x88J\xb0V\xa6e\xfb\xcf\xd5~\x12\xff\xd9\xb0\x97\xe0\x1c\xe8\xd5L\x9a\x19\x1cQ\x94\xce\xce\xce\x13\xd3\xdd\rT\x8e\xc9\xa4\xb4S\xea\xda\xda\xa6\xff;\xdd\xde\xc2\xb4\xb0\x00\x97\xd7Ik\x06\xc2\x01\xeae`p\x99b\x91\\.\x0b\xba\x1c\xd2VK\xf6\xc7\xdf\xbeQ\xf5\xde\xda3\x13\x91\x03\x06\x8b\x06\x81\x13\x9d\xd2\xd9\r\xca\xd3I\xe4\xe0n\x04R\xb5\xdc\xbc\xd9\xdcx\xa2\x91\xc2\x10\x8b\x99,\x8b\xc6\x11\x8a\x18x\x94+D\x82\xce@\xa3[\xa4"\x1b\xb02W4\x92\xcdfkp\xcaO[\xe1v\x92U\xcf\xa4\x19\x0cB\x02\xb1\xfd\x04(\x16\x9b\x83O\x99\x04\x10.\x9d\xc9\x8c\xb45P\x04\x83\xb9\xf9\xf9e\x91#\x14\n\x83\x9f\x89$\x8e\xca\xccej@\xde\xdaB=\x13\xfb\xd1\xe8&gt;\xf3\xbd\xaa\xcf\xc4/6!\x0e\x89\xaa\xc3\x99\x83\x00\xcbNl\x07.M\xd4\x19\xf3\x0b0\x9bcH3\x07\x19j\xde\x12C\xbc&lt;\x1f\x8f\x073\x8e\x08\x96w\x9b9\xb0\x00B\xc8\x16I\x06\x0cj\xd4\xe3\xda\xcff\x93\x0f\xaa\xafd_\x1c\xe5A*\x81\x1d\x99\x1dg\x18\x84:R{g\'\x85O\xcb\xe690\x9f\xd8\xcc\x18\\&lt;\xa9\xa6\xb1\xc4\xb2\xad\xb9\xe5\xa0M\xaa\x91j\xd3S\xb8\x8e/\x10\x1a\xe9No\x06\x84f_0\x1c\x8d\xb0\x1eT\xff-\x06h\xaeiH)T\x02,p\x86\xabH\xd4:*\x1b\xc1\xa2j\n\xbby\xfb\x9e\x07\x9d\xdb\xbd9.\xcey\xee\xf6\x0c\xc4\xfd\x9e\x9c\x88I.\xa6q;\xac\xd6\xaf;\xbd\x8e&amp;\x9b\x0f\xdd\xdayz\xfbe\r\xa8\xdex\xe3\xd0\xd16\x1d[\x07\r\x92M\x88YI\xa0PH\x82H\xd8\xd0~~\xe4V\xa9g\xc0\x1f\x98\xf4\xcf\xe5F\'\xcf\x1d\xff\xe0T\xff\xc0\x98DK\xc6\xddI#\x87\x87\xa71\x87W$G]\xbf\xfc\xe9\xfdC5z\xfbZ\x7f\xb4\xf1\xe4I\xde\x08\xb9\xcb\x00R\x0c\x81\x02\'C\x83\'G\xee\x8dN\xf6\xf5\x0f\x04N\xf7}\xbd\x9c\x8b\r\\\xe88\xdbqzh\xc0\xbf\xc5\x1cg\xacOA\x14\x13\x98\x92\x92\xca\xe8\xf9\xb9v\xef\xf6\xeb\xeb\x7f\xb7\xb9\xb9\xf9\x88\x0cr 8\xe7)\xfa\x90v\xe4\x96\x7f\xb270\x1f\xf3\xe5v\xb7gi\x8cd\xa4\xb0\xdc{\xe1\xc2P\xc7@oln\x85\x9b.6\x1bX\x1a\x91F*\x97\xa1Ok\xf8\xc9A}}\xfd\x9b\x87nsAo\xe9H\xd4\xe6Hdwt&gt;\x1e\xf4\xcc\xb1\x16+7]\x8d\xf7\xbf\xbft\xe7\xce\xc3\'\xe1\x99\xf9\xdex\xef\xd7\x01\x7f\x81\x15Q\x0b\xe8\xad"\xa9\x06\x18\xd9\xd3Z~-U\xc1\xda\x04\xd9O\xa9\x83\xdby\x11\xed\xdc\xfc\xd6\xf6\xe2O\xe7\x97~\xba\xf4=X\x97\xee&lt;\x04X\x0f\x1f\xdex\x82i\xe4c\xfe\xdex!k\xe2\xd05\x12\x8dFn\xdbzZ\xe3\x8f\xb8\xde|\xd9\x05\xf6P\xc7\xe9lN\x89s\xb3\xe7\xef\xff\xefF$\xfb\xe4\xc9\x8d;\x97.\xdd\xb9\x01\xd6\x93\x17/\xa2\xd9d&gt;\xdf*\x9e\x8b\x05\xa3F\x1eK#\xadl\xe2\xd6\x83\x1ac\xd5\x1f]4BB;\xa1\x9d\xb2\xae\xa0\xa9\xd5\xc5\xff\xf3n\xfe\xbfI\xe7w\x1cW\x07\xb6\x96z\x83O\xe5\xe80M\xba~$\xf0!|&gt;\xe1\xa3\x9f@\xa5\x07\x15\x12)_\x8a@!\xb4\xc7,\nW0\xc5\x8e\x9d\xf6P\xbe\xccv\x8bv\xf5&amp;\xf6\x1a\xd2K43\xe3&amp;\xae\xa5\x1b;\x97\x8b\xd7\x9dn\xbd.\xb0ti6\xcd\xa6\xc3\x9e\xd7\xf8\xe5\xba\xb4ZS\xa3\xd7\xb3\xcd\x9d\xc9\xe6^on\xd9\x1fp+\xbc\xda\xc0\xaf\x8f&lt;_\xcf\xf7\xeb\x0b\x9f\xf7\xe7\xb3\x8f?[^{\xf4h\xf4\xc1\x1a|\x16\xd6@\xab\xe5\xe7\xe1/&gt;\x19\xa7(\xa3u(\xaa\xa2\x9cf-`eK\x8e\xb5\xf9\xf1\xb9]y\x05\x17\x93y\xbd\x8c\x8a\x18\xfa\xe4\xe3\xe7s+\xb2\xfd\x8b\xb7\xbf\x1a\x9cK\xb4\x0e&amp;\x1e\xcf\xad\xdd}2\xfb\xdbS\xb6\x1c\xf1\xe9\x85\x84#\xe8\xd4jM!\xcb\xec\x9dR\'q\xe3\xe7\x07\xbb\xf2\x8a&amp;\xde\xfeD\x07\x83\xa9/\x7f\xf1\xfe\xea\xca\xe0\xca\xca\xddk\xd5\xd5w\xaf\xed\xa9^\xbd\xbb\xb2\xba\xf2\xf9\x93\xc8\xafp\xb5\x83 \xfc\x841\x08\x13D\xa8s\xa9nC\x89\xb1\x84w\x02-m\x8a\xa3\x8c\x7f\x8e\xd4a\x92\xfc\xe5\xa7kw\x07\xab\xaajk\xd9\xb5\x83\x83\x83U@\xb8z\xa7`~zYIz:\x12&gt;*HA\xaf\x0e\x85\xfeU\xea+I\x02\xd6W\x05o\xbe\xb9\x891\\\xf3y\xc5\x98A}k\xf9Q\xe2\xda\xca`U\xf5\x1e\x80\xaa]Y\xf5\xa5n}\xf9\xf42-\xc5\t\x0fFji*\x88\x1c\xffbC\xc9\xb1Z\x0bJ\x8f\x8a\xcb0n\xbf\x8e\x91\x18D\xa3p\xfe\x1e\xbd\xcc=\x9e\x9b{87\xf7\xb8\xf0\xfc\xd6\xbf\xbf\xfc\xf5\xd0\x85K4\x8ektA\x17N\x19a\x1b\x9b\xfaY\xe9\xb1\x0e&lt;\x91\x929\x15\xa38\x8a\x89\x8eB\xc3n|\xf9\x00b\xb4\x18\x8fP\x89X^&gt;\x1b\xd6J\x95R\x9b\xe7R\xd8fs\x99,\xf1\xc8\xc2\x81\r%\xe7\x12&gt;\xcc\xa4\xa2j\x95\xc2\xae\x10\xf3\r~1\xd3&gt;\xfa`\xf4\xf6\xe2"*\xa8\xc5\xe2\xb5|!\xe8\xa2\x08\x82\xa2\xa4\xddZ\x1b\x05%&gt;&gt;\xf5\xa2\x0c7)Yw2I2\xa0\x86\x95\xb5I\x8c\xc9\xc4\\&gt;t\x9d\xdb\x12\xc9\xe2\xed\xff\nv\x89\xa2(\x9cT\x06\xb50vA\n;\xe3\x91\xa9\xd7\x05\x822`MN*S\x0e\x8d\xdd\xde\xc6`\x12\xb7\xd8 \x93,\x16\x9b\xcf(*\xf5\x1d\xbf\xb3\xe1\xb4\x8d$i\xa3Sn2"cE\xd2S\xf5\xa5\xbfx*\x00\xb5&amp;\x93)\xd2\xd1\xd6\x96W\x88\xc5\x18&amp;\xc3\x0c\xc0\xb5\xb6\xf6\xf29\x84\r\xc7q)\x1e\x08\xe0Z\xd8\x0eMfS\x08\xc4J/\x1c(\x03\x96\xe0.AMf\x92\x01][\x9b\x86/\x16anH`\xa20?\xbb\xb00\xbb0;C\xe1I\x9c\x8c\x12\xb4\xd6\xa9\x97\xeba\xbb\x00\xaa\xc8R\xe9\x1d\x8f~\t\xf7$g&amp;\x93\xa4\'\xdf\x86\xf6V\xb1X\xe26D\'\x17\xd2\xc3\xc3SSY\x13E\x04\x02\xd1\x00\xee\x82\x1c\xeac\xbd\xa1x|l\xda2_\x06\xac\r\x82\xd5\x16\xc7\xe4L\x86 \xbb\xec\xb0j\xf0D\xe0{\x7f"5\x13\xe9\xeb\x8b\x84LF)Iz\x02\x84\xed\x12,\xad\xb1\xd8x\xe7@d,n\x9d\x7f\xad\x0cX\xc2Uo&gt;03\x93"\xbd]]:\x06\xcc\x85a~\xbf!0s\xef^v\x82J*\x89h\x8b\xf7 N\x1b\xad\xd6\xf1\xf1b\n\xb3\xd6\xf9\xcde\xc0j\x98k\xd9eON\xcc$I\xaf\xd7\xab\x12cn\x19&amp;\xc10C\xaeP\xc8E\xa3Q\x87\xc3\xe3\xf1xq\x97\tV\xe9NH\xe1\x98\xc5j\xbd\xbf\xb1\x0c9\x04,\xfb.O\xa6\xc8E8\x18\x83\xdb-\x11\x89\x0fA\xc8$\xa2FU\xb3\xda\xa3\xd3\x916\xad\xbc\xf8xsl8n\x05\xac\x862a\xd9u\x81\xe4\xccL\x92P\x92*\x1e\xe6v\xf3x\xe8\xb9\xb0\x84\xc70\x8d\x1a\x8fC\x93\'h\xa7\xbcs\x00\xb4\x02\xbb\xc9{\xcb\x86\xa5\xb3\xe7=d\xd2h\xb6)\xf1\xa8\x08\xbc%\xc6$\xfb\x0f\xc9\xc4\x8c\x8ai\xd6y\xf2\xed\x0e\x1be\x0e\rD"\xc3}\xd3\x96\x90\\./\x0b\xd6f\x98\x03\xed\x9a\xbc\x0eJ\xa6\x91V\x12:\xb1\x1b\x83"\xb1\x7f\xbf\x84\xc7kfT:\x9d&amp;ORZ}$\x9d\xee\xebKwZ\x81J\xfe\xa4\x0co=\x08j\x13\xe7\x0e\xeb\x14\x1a\r2\xb6\x1e\nE#,cn\xff!\x99A\xc447\xab!R\xae\x89l&lt;=6&lt;&lt;\xddi\xd5\xcbc1k\x19:\xb5@\xb0\xa7\x88\xa5\xd0\xe9&lt;J\xa5\xcb9\xbb\x94\xf2\xf9e~p\x16\xba-\x12u$\x1cI\xd7D&lt;2\xd67&lt;\x16\xe9\x0cA\xa1\x97\xc7\xc6\x9f\x95\x01\x8b\x05X\xb0\xbf6\x83\x8b\xa0n\xd2\x13\xd9\xd9\xfb\xb9\x84O&amp;K\xe4\x1c\x0e2\x10-\xa4\x8cY8\x80@5\x1dGT\xf0\x07X\x822`\xa9\x0fB\xe1R\xf0A/u\x94Tj\xefM-\xa5r\xb9\x1c\xf4\x9c\\A]\x98\x9c\x08\x81T#\xc3\x91\xc8\x80E\xafG\xce\xd2\xcb\x1f\x96\x03k0w\xae\xc5\xde\xd6\xc4mRh\x14\x0e/\x0cV\xf1\xf4\xd4\xec|&amp;\x99J\xa5\n\xa9\xf9\x050\xd5H\xdfX:2\x00\xc6\x02\xa9 \x00\x8bU\x0e\xac\x83]\xed\xedG\x9b\x9a\xb8|F\x1d \t|\xd2\x18\xff}z\xea\xde\xec\xd2\xd2l6\xdd722\xd2\x97\x9e\x1e\x18\xb0\xc8\xf5f\x13\x8c6&amp;\xbd\xb5\x0cX\xb0\x90\xa5\x0e\xeb\xda\x8fr\xb9\xe8\xfe\x9dJ\xa5vD\t\x1c\x9f\xb970\x06Go\xb8o\x04\x99jz\xa0\x13\xeaU\x91\xc9\xa47\x99\xe4wJ\x8e\xc5j8\xbf\xd4q\xd8\xaei\xe2\xf3\xb9\xcd W\xa3\xca\xa1\x8e\x12\xca@2\xe3\x9a\xd0[\xc7-\x169l\x85!\x8b\x05\x12h6\x9b\xcch\x16,\x03\x16Kx\xfe\x1f\xdd\xe7\xce\xd95\\.\x97\xcf\x07*F\xe1\x08D\xe1\xdf\xe3\x89\x06H\x18L\xe9\xa0\xd681\x91\xb5Z\xf5f\xa3\xd1\xect\x9a\xc0[\xd9g\xaf\tK\xcb%\xfc\xe8\x9d\x1f\x1d\xff\xc1a\x84\xc5\xe7\xf3x"\x06\xba\xa0Z\r\x15+\xa1V\xabT\x8e(\x99\xccPA\xa3q\x02\x12h\xd4\x06\x8d\xe1"\x96~\xf6\xd9\x81\xd2\xbej\xfd\xd6;{\x87;\x94-vE3\x97\xc7\xe3\x89\xaf\xf0D"F$\xf2\xf9|\x89F\x88\x84\x83T\xe2R\x97\xcb\xa55j!\xe0\xcbi\x86\x83h\xb5f_\x9c\x10\x96N0!\xeb\xc6\x8e#\xc3\xc7\x95\xa8\x9a\x02\xd6\x15\x08^\x11k\x11\xc0|\x8d\xbeFu\x00Wf&amp;\xa9`\x11\x8a\xfa\x1fVgo\xf6\xc3\x1b\xa5z3Jp\x95-\xbc\xf8\xde\x91\x91O;Z\xec\x9a\xe2\x10\x7f\x05f\x07\x10\r\xd4\x12\x89D\x06\x11`E\x89d&amp;C\xbb\\Am\x90\x96RhU\xd4\xcb{\xc7;\x8f\xc5\xc6N\xbe[\x8a\x17\xad\x05\x00\xb5\x8f}\xf5\xe2{[~\xac=\xe8\xdd\xd5\x8e\x1e\xdd\xf1\x00\x0b\xbb\x82\xe0\x0c\x06$\x97/\xe1\x08$\x93I%n\xa3a\xa5\x96J\x91\xcb\xcc\xf2\xd8\xdb\xc7\x8e\x9d\x1e\x1f?\xb5\xf7\xdd\x13\xeb\xed/\x01KXQ\xd1\xd3\xc3f\xdd8\xb9\xe5\xa4\x05:u;X^\xc4\x83\x81Y,FwOe\x18B\x135&amp;\xa2)\x12\xea\xab\x94\x06()Mi\x11\x96\x1ea\x9d~\xfb\x0f?|\xf5\xcf\'\xd6{\x07cWl\xae\x01,\xce\xf93;v\xfc\xf1x\x97\xa6\xbd\xf8\x00\x16t\xe2\x15W\x0c\tL6n\xcc\xe0\x83*\x16%\x08\xa5T\x9a\xb1!\xc5\x80\xcal\x92\x03\xd6\xf5\xde\xd8\xf5\xbf|g\xef\xc5\xf5|1\x8a%\xdc\xf7JEMue\x0f\x87\xcd9\xf1\xa7W\xb7\xbd\xe9\x82E\xac\xa9\xb9\x99\xe1\xa3\xa7\xc2E,\x99\x0c&amp;g\xd0\x0b\x0ec\x0e\xb5#\xa9\x14\x950\x97\xd3\xe9,b\xbd\xdf\x1b\xeb\x1e:\xd5\xbf\xfd\xccG\r\xeb\xf6\x86\x1bK\xf8J5\x8aJ\xce\x1b=\xec\x86\x0f\xbf\xbb\xf5\xe4\x82]\x07bq\x19.\x97\'\xe6\xa3L\xbae2\xd9!7&amp;\x91\x18|0s\x05\x94\xb6"\x96+\xec\x0c\x87\x9df\xe4\xad\xde\xee\xb3\xdd\xa7\xb6\xf7o\xbbYW_\xb5&gt;\xc6\xbf\xca~\xa5\xa2\xba\xba\x06\xd4z\x83\xd3\xd3#\xbcyr\xdb\x8e\xbe\x80\x06\x06\x08\x86\xcb\x87R\xcfE\x1b\x86\xfb\x90\xcc\xef\x87\xadLb@7\x87I%\x14/\x1b\xd4\xfbpX\xab\r;\x11V\xecl\xd8\xf8\xd3\xed\xfd\x9b\xfe^\xbfsw\xddF\xe1:\xe4\xef\xaf5\xa0T\xcd\xc6\x8a\x9aJ\x0e\xa7\xa7\x92\xf3\xd6o\xf6~\xeb\xe7\x0b*MS\xb1\xfb\xa0)\x02\x1dG7\n\x89\xe1JQ.\x0f\xa1\xc4it\x0e\xc3a(`\xc6n\x84e\xfc\x85\xf1\'\xfd\xfd[?\xa8\xdb\xb9swk\xdd\xff\xd5\x8b\xa0&amp;p*A\xa9\xea\xda\xda\xea\x8a\x9a\x1a\x94\xc4\x8d\xec\x86\x9b[7mz\xf3\xbe\x01a\xa1\x80v\r\x05\xcc]\xf4\xbdD"\x93\xa0"A\xe04\r\xce\xd2\x86\x83\x14\x156\x01\xd6\xe9\xa10\xad\xff~\x7f\xff\x99\xf3u\xf5\xad\xf5\xf5\xf5\xbbw\x1f`\xb3\xbe1\xd3\xbe}\x95`\xf5\xeaZP\xab\xa2\xa8\x16\x9b\xc3\x01\xb9\xfa\xb7\xee\xfdgN\x0c\\\xfc\xaf\xb1\xf8\xfc\xa2\xef%\x88K"R\x7fMe\xa3\xb4\xda\xa0\x8b\xa2M\xb1\xee\xf1c\xd7\x87\xce\xba\xa6\xbf\xd7\xdf\xff\xcb\xd7\xabZ\xeb\x07[w\xee\x86\\~\xfb\x1b\x98_ \x10r8\x88\xa9\xa6\xa6hw\xf4U\x89\xa0\xd8\x9c\x86\x0f\xfe\xb6e\xdb\x91)\x9f\x08\xa6-4r\xa1\xbb\xfb|\xf4K\x84\x81\x07\x9674F\xd19\x94\xa2I\x82\xa2)\x9a\xfe\x0f%\xe7\x1b\xda\xc6y\xc7\xf1&lt;w\xb9\xe7\xfeH\'%\x96r\x15\xce\xeeP\xe5\x13\xa9\x8d\x13\x98b\xec\xc8\xbd8Z\x9c\xa3\xe9vh\x1e)Y5L\xd4\xc6S\x9c\x16\xb3\xc5\x9b2H\xc05C#\xea\xe6\xb4\xc2c~a\\\xa7\x8a[\xbd\x18\xc1\x14l\xdc\xd9\xdd^\xac4\x90\x10&lt;\xff\t\x81@\xd7-\xb0f\x0c\x12\x02\xcb\x8b\xbc\n\x85}\x7f\x8f\xbc\xd0\x8dv]\x1f)\x7fl\x14\xe7s\xdf\xef\xf7\xf9\xfe\x9e\x13N\xbe\xf5\x9d\xf3\xbf}\xfdOW\xce~\xfb\xb5#\xfex-\x19\xcdU\xab\xd5L!\x9b-dl\xfe5\xad|j\xfbJH\xd14\xc6\xc31H\x05\x0b\xb7\xd0\x94!\x80\x85\x8aSRE\xaa\xdc\xeeL\xef\xda\xd1\xfd\x93\xeeg\xc5Q\x02s1\x8dCN\x17M\x9f\xb6\xb66\xfa\x16\xfe\xe7\x8fw@\xb4\x8e\xe3o\xfc\xf4\xfc/\xdf&lt;\xfb\xc2\xcf~a\xe9\xe3\xf3v\xb4\x9a0\xa2`\xcaf2I;\xfau\xc2/\xdc\xcbk1\xce\x84R\x89X\x8c\\$\xac\xd0\xd0\x10\xc0R3W}S?}\xbb\xb3\xe5\xd9n\xa2\xda\x81\x91\xbdsW\x9a\xf6 \x0e6\x88\xfb\xc0@S\xac\x8e\x8e\x81\xb6\x81\xe3o\\y\xe5\xcdW^\xf8\xee\x1f\x8fX\x96\xb5\xc8\xed\x9ca$\x02\xc8\x95,\x14\x82j\x10\xfd\x7f#\x06\xf74m5\x12QU\xce\x05M\x98\xa8\xc2&lt;\xc6\xb4\x11\xc85\x14\x1aR\xd8\xc2\x84\xeeZ\xa7\x1f?L\xa3SA\xf5\xcc\xd1=;\xbbp\x80\xc0y\xebT{\x0f\xda\x01k\x1f,\x1ch\xeb!\xac\xf7\xde\x03\xd8\x1f.X\xd2x#c\x00+a\x07I\xec\xc7l\xa1`W\x93U\xd6\xfa\xd5\xef\xf6b\x1cG"\x9a\xaaF\xc0\xc4\xc3\xc2C2\x91\xd3\xd2\x80\xa5\t\xbd\x14o\xce\x89;\xa3\xa7\xff\xfe0\x8d\xf2:\xb4\xeb(\x9d#\xd2\x98&lt;\x18=\xa7\xf6b&amp;\xb6\xb7\xb7\xed;\xde\xd1\xd1\x83_;^=\xfb\xd6\xe5\xb7\xae\xbc\xfe+7\xee\xbbk\x10+\x91H\xe4\xaa\xd8\x8b\x99df&amp;\x93\x0b\xb2\x81\xf1\x95\xff_\xc4\xf6\x90\x1a\x8b`\x01\n\xcfD\x8cR\xc5\x13a\xc6\xbd\xc2\xcd\x19\x86\xb4i\xc4\x15R\x94\xe2\xe2\xa4\xe5\xb8\x97\xee\xdf\xeb\xdc\x81ZMc2na\xc1\xc6SD\xd6C{\xb1\x1d\x8e~\xf3\xd5\xcb\x97\xdf\xbd|\xfe7\xba+\x8d/\x8d\x81\n\x8f\\P\x05V6H\x16\xb2F\x80\x88\xf1\xd6\xff\xc5\xb5}E\xa1\x00\xa9\xaa\xa0\n3\xea+x\xc74^\xd8\xac\xc9\xd7\x8a\x8c\xab\xaa\x90kH\x81^\x1b\xaeY\xa9\xdf\xbdW\xc2\x8d\x06N\xa9t\xe6:\xd0KX\xc7N\x9d:qb/*b\xa0m/\xa6c\xc7\xbew?\xfc\xf0\xeck\xba;\xba\xbbV`F\x82V.\xc0\xcaf\x89+i$3\xc9\xc0\xfe\xf2\xae\xd8\x1e\x8a\x84\xb9*\x1a\x8a,\x8b\xa8\x11lB\xce\x15\xad8=W\x9b\xd4\xa5\xf92\xc3\'5e\x85\xe4\x1aj\xf5\x16M\xd7q\xea\xb7\x1e\x0cwu\x89\x81\x9d&gt;\xd9\xdb{\xe0\x00\xb0\x8e\x1d;|\xf8\xe5\x9e\x8f?nk?\x07\xe9~=0\xf0\xe2\xef\xde\xa9\xbb\xfa7\x1a\xcb&lt;*\xb6\x10\x96aG\xedlRpqj\xb1\xe0K\xba\x02\xa1\xd2\xc2\td\nhB,\xd4\'7\x98\x96*\xdf\\\x9a\x95\xe3\x95I\xb3\xb1\xcc\xf0\xb9\xa6\\\xa1\x95\xd6V\xf8\xa8o8\xf5O\xee\x94\xd2\xe8\xab\x9d;\xbbz{\xfbzq\x9f\x81\x1b\x8d\xbe\xbe\xc3{\x07\x06\xda\xcf\x1d\xec\xa5\xba\xe8\xf9\xf1\x8f.H\xb2?\xb1\xc0\x8d\x18\x12\xca\x01\x15\xe5\x9bs\xd3E;\x99\x0c\xb2\xe0\x82\x97\xc9$\x06\xe5S_tH\x88\xf1\xb0H\x95\x8a\x9c\xc7T\xc6\xf0\x15Zya\xad\xe6\xb8\xae&lt;\xe98\xe6\xc4B\x8a\xc5V5MQB\x10lh%T\\\x9c\xb0L\xb3~\xe6\xb3\x0f\x8e\x1em\xd9\xb9\xab\xebbo\xef\xc5\x8b\x17\xe1$\xee\xd1\xf6\xbf\xf4b\xfb\x89c\x07\x0fal\xb7\xbf\xf4\xfe\x19I\xb6\x9c5\x8f\xc5b1\x16#\xa9\x0c&gt;\xa5O\\[.z\x01\xf4\n8*?\xfb\x05N&gt;\xb5\x92o\xca\xa4\xaa\xa0A\x968\xf78\xf3\xca\x0bK\xd7\x1d7\x0e\xa4\xc9IGv\x16=\x05\xb5/\xaa\xbe\x19\xb0\xe2\xcdY\xab"\xbb\x1b\x8f\xff\xdcyt\'nc/\x82\x08%\xd1\x95\xdesh\xffs/\xef\xff\xe8p/\xb0\xce=\xf7\xfc\x99\xd1\x8a\x1f\x9f+j\x1cc5\x16\xceE\xa3\xd5(\xbf\xe6\xfa\xfe\xec\xd4z\xd9\xb0\xb3\xe0\n\xd0\x17\xd8\x9c\xff5\'W\xf2\xa8\'NUE*\x81\xca\x03\x13\x125\xa1\xeb\xe6\xa4\xe9\x98\x84\xe5\xb8Kc\xb4\x13\x99"\x06#\xd5W\xca[oX\xb2,]\xba\xff\x8f\x12\xd4B\xe6i\xa5q\x9aHw\x7f\xef\xf0G\xf4\xae\xe0\xc1\x83\xe7\xde?\xe3V$s\xae\xc8\xc5\xa0\x08\'l;Q\r\xbc)I\x97,\x7fc\xfef\xb9H\xf9\xb2\xb11\xb3\xd9L\xe0}\xbe\xc44\x95\x8e\x08j\xb3\xae\x08\xacX\xd8\\\x9a\x90,\xd71+x8\xa6\x03.w\xbe\xac\x11\xb7\x12j\n\x06\xc5R\xa9\xe5y}\xd4t\x11\xfc\xd2\x9e46\xe3\x814\xfc\xfcA\xa9\xb4g\xd7\xa1\xee\xee\xef\xf7\xed\xffa\xdf\xb9\xbfV\xacK\xfd\x93\x8b\x1ek\xd6r"g\xe7rU\xbbHXq\xc9\x1f7kk3e\xecG\xd2\x8b\xc0\xc6&gt;\xe7$]H\x8c\x82\x8e\xd1\xcc\x0c\xee\xcd\xcc\xd5\x1c\xdf\x8a;\xa6\x1c\x97MY&amp;\xb9\x1c\'\xde\x98V\x98\xaa\xb1&lt;\xea\xab\x89\x15RX\xaa&lt;U\xf1M\xb3\xff\xc6\xe3\x87\'\x0f`X?\xd3Y\x1a\x1e\x1e.\xb5\xa4\xd1\xb2\xdd\xdd}\xddo\xbfs\xc4r\xfbg7=\xcec\x9a\x86)\x96#\xac\xc0\xe6\xd7$K\x92$\xd7\xf5w\xfb\x8d\xb9\x99\xf2\x98\x81s\x98\x10\xac\xec=\xe1\xe2LE\xda\xb9\x1a!/yj\xba\xa1Kn&lt;n\x9aq,\x99\xb0\x1c`\xc9\xb3\xeb\xc0\xca3M\xa1\xd4\xc2\x19\x84\x1a\x00\x00\x05\xf6IDAT\xd3\xc2\r\x07[A\xf0}\xd7\xd4+\xf7\xef\xc1&lt; \r\x0e\x0e\x0f\x96Z\xe8\x1bR\x0fu\x9d\xfc\xdb\'\xfd\xban]]\xf0\xb8\x91\x88i,\x12\xce\x11S\xaej@-K\x97\xa0\x18\x9c\x1c\xb7\x1a\x8b3\x9eF\xe7C\x04,\x93yr\x97K\xf6E\xc4\x8f0\xf2\x9e\xdaD#\xb9\xd8\x7f\xb2\x0b\xa8\x7f\xabe\x9a\x1bk)`\xa9\x8c\xa8\x86\xc4\x11\x07\x80\x18D\x0b\r_\x92\xa5\xfa\xef\xef\x94\xc0$\xfeEY\tw\x1b\xe9t\xcb\xbd\xfb\x17$\xd7w\xa7f\x90\x0b\xf2#\xc2\r\xdb&amp;,\xdb\xf6\xaeI\xbaNOKwu\x7f\\j\xcc\x95C\xc4\x95\xa1\xa9\x14l\xbd[\xce#\xabD\x05.\x92\x82\xdd\x9cpLh\xf5\x04\xcb4M\x88e\x9as\x1ec\xf9\xe6\xabD\xecI4EQR3K\x96_\xa9\xe8?\xbf\xfdPP\x01\xab4\xdcR*=\xf8\xb4\xee\xbaOO,\x8e\xe5\xa9\x19(%\xd1\xa8]\xc5#\x17D)[\x90\nbY\xba\xa5\x03Lol\x8ey\x99L\x19E\x91\xcc&amp;\x9bF\xaa\xc0\xc2d\x81\x91\xc83c\x0b\xb3N\\\x9eD\xb0\x9aXD\x08.G\xc6Vd\xf9\xfc*^\xab\xe5\xf3P\x8c\x9e\xe2\x0f\x94\x17g\x9f\xd6e\xeb\xc8\xa7w\x1e}0X\x02Vgi\xf0\xe1\xe3\x1b\xa3q]\xaf\xad\x17\x19\x85\x8a\x92\x95@5Ts\xd5\x9c\xc0\xd2\x9bj\xe9\x84\x05\xcd\xf4\xf1\xf8\xfczy\xac\x9cl\xae"\x95~$\xb2\xba\n\xb5\xf2\x8a\x82\x1bT\x0e\xac8\xc5\x9d\xb0H\xab\xb8\xe9\x90\x91\x93r\xad\xd0\xaaiy\xc03\xc1E7\xb3!2Rc\xde\xfa\xbc\xdb_\xa9\xfb\x1b\x8f\xef\t\xb1J\x7f\xf9\xe7\xad\xbaT\xef\xdf\x98*\xa4\xb8\x82bV\x89\xca\x80ZQD\x1e\x93G\xa8\x85\xd8\x01\x0bz\t\xe5\xac\xdd\x93S\xcbepQ\x85%\x03\xec\xc8\x88X\x10\x00w6\xb8\xb6\x85\t\xd7$,\xb9i\xe1V\xbe&amp;\x9d\xc6\xf4\n\x8a\x0b.bbc:\x02K\xe8\xc5\x98\xc2\xb1#\x9d\xfe\xbal\x8d\xde}0\x08\xbd\x1e}v\xc3\x07\xd5\xecf\x11\xb1\x8a\x8d\xe0H\xa4\xa1\x1bh\x10\x82+\x17\r\xfe\x03\x8b~\x032\xd7\x1d\xdf}}\xba(\xd2\x05\'m\xb6\r\x87\xbe\x08m,\xa8\x15Kh\xa1\xf5Y\xd74\x9f`9\x14.\x19&amp;\x9a\xb3\x0b+\x8c"H/\x87\xba4\x88\x84\\\xb8\x16\xc6\x8b\x0b5\xc9\xaf\xeb&gt;\xaa\xe2\xd1\x83\xbb\x15\xcb\xb5\x9c\xa5\xe5\x14\x0b\xc7FF\xb4\x11\x05Z%\x12\xd0\xca\x8e\x02+g\xf3\xf2\xbc%\x1c$\x13\tO|\xe4\xea\xe3KEq@D\xc2\x82\xea\xb6H&gt;\x8f\xafOA\xd6\xb8\xaa\xad,7\xe2\x0e\x01\xc9q\x11+\x81\x05Nsb1\xc4\x98\x80R\x85b\x9a\n\xdb)\xf4\x00K\xa5R\x85\xb9\xd9\xdd\x96\xeb\xd7o\xdd\xbf1\xaa\xfb\xf1\xda\xe6\x98\xc2h.\x10\x17MBx\x98\xb3\xa3F.gD\r\xdclneK@\xd1B]\xe8\xfe|\x91\x07Y\x9aD0r\x9b\xf0\x82\xae\x9d,TC35d\xcaA\x95R\x9bVd\xb1\x15EuMy\xe8y$^\xa5\x03\x06\xf5\t\x9c\x07\x19\x1b\xc1\xb1U\xe1\x8a7\xbd\xe4\x8f\xbb\xd6h\x1d\'\xbe\xebk\xe5\x94\x16\xa6YE\x87\xda0Q\x81\x066\x8a\x9f\x8dL\xcdjbIB*&lt;F\x05\x16\x1d\xc9D\xe3\xa3\\\xb7\xd1v\xa76Bx\xb5P$_ ,jxj\x88\n4\xabPC\x00m\xa9\x88BE\xaa\x08KDL]]E\xb2p9\xf8\xfb5\xea\xfc5\x0coS\xf2\x9d\xa9e\x8f.\x11\xb1\xca\xd36\xdc\x822\xa0V\x94\xb0x\xe1*\xfc\x13jI\xb4\r\xad\xe6\xbe\xd4\xfd\xab\x05\x1eE\x06\xb3\x99B\xa1\xb0mHc\xf0"/\xa8\xe0Sy^\x16\x0e\xc6\xa9!\x84fB0l\xc5\x99\x10L\xd4X\x13K\x0c\xd1\x08\xa2\xccB\xd0$\xc1\xf8\xbf\xaa.c\x16\xc5\xa1(\n\xfb^x\x99$nL\xb1"6\x91!\xf8\x0b\xa6N\xb1\xcdt\x83\xbd\x95\xc5\xb4\xdb,\xd8\x86-\xa6L!),D\x02K\xc0\xd2FX\xc8\x0fX\xd0*:\xf9E{\xce}\xcf\xd9Y\x90\x11\x87\x10&gt;\xce\xbd\xf7\x9c{\x95)\xfa\xcb\xfc\xed\x97\x86\x07\xd1\xff\xbeS+\xb93\x1d\xd67\x87\x95\xf8\xfb\xc3g,-XP\xed\xe7a\xaf0\xaeQ\xf4H,\xf6\xc7\xd0\xe0\x06C\xda\x99\xaf\xa3b+$\x9ee\x1a\xbb\xce\xc7p^\x10?j\xf4\x1f\x16\x0f\\\x08\x95q?\xcb\xf6\xdb\n\xdbBy^\xe2?\xb8Hp\xd1)\xb9Qp\x82\x11\xcb\xf6\x16\xc1\xfc]\xed\xb0\xe8\xa8\xdaV\x13X\xcfu\x1b\xf0\t\x08\xfa\xb4\x1c\x18\xc5$Y\x04La(\xb6jfN\xad\xf1\x9b|I\x87q\x13\xec\x14,\x0bs\'\xbd%X\xdc\xaf#\x95\xb7\xcb&lt;/\xfaM\x08\x817\xa7\xcc(\xb6\xaa\xaf\xb2b]\x88R\xd1?\xb5\x88\x95\xa8kyWK\xdc\x81\xb1\xcd\xa1\x04\x96\x9f\xb0\x011\xb3O\x03;O\x8b\x80/\x0b\xfc \xeb\xca\xb1\xc3\x82`\xac$\xb0d\xbdi\xa4c&gt;aA7\x85M8\xef\x8e\xdd\xfe\\\xea\x98Re\x19\xdeG\xd3X\xb5\xdbf\x8d\x83"\xb2d\xf8\x8b\x15\x10x\xd3\xd4?\xdd&amp;:tF\xff#\xb4\x82\x11\xab\xdc)x\x1b\xc4J_^\x06\x12n\x8c8\x83\xed\xd3\x0f\xcc\xa9FN{Hk!Ch\xcfh\\\x00\xfb]\x18V\x8fg\xc8\xe8\xc1\xd5\x92\xe5S\xefU\xb9\xa9\xf4xrx_e\x1c\x1d\x14Q-\xcf\x17\xafI\xa7\xe4I&gt;$s\xbd\xd5\xc5\x96\xc4\x1aD\xc8\x1f$$\x96&lt;\x93\xa64\x88\x85y\xa5\xfd\x186\xbd\xff0\xdc\xd5\xdav\xfc\\&gt;c\xee\xcd\x98\xc5*&gt;.\x03ne_d\x0e\x95\xa8E*\xe6\x957\xab+\xef\xb8\xcb\xf1\x9eW&amp;R~\x85\xbd\xdez?\xbacM?\xb0\x00\xd6\xcc\x9dZ\x12=\x13\x8b\xa5\xf5s\r\xb5\x1c\xd6z \x0b\x8a2ly\xae\x82A\xfbGK"\xa2|s\x96\xd0\xda\x03\xb06\xad\xe1U&amp;\xdb\x86\xf5.\xbb\xce\x02+\xbe\x95q\xd9\xe7\xd9\x10Y\x89\x98\xcc\xfb:\xf4t}\xc5\xa2E\xa0{%-V\x9a\x9c\t\xa1\xad\xbf\x8bj\xd2\\zRK\x11\xf9\xd0\xe3\xfa/\xca\x1e:B`\xc0s\x00\x00\x00\x00\x00IEND\xaeB`\x82'</t>
        </is>
      </c>
      <c r="M299" s="3" t="n">
        <v>45492.67628472222</v>
      </c>
    </row>
    <row r="300">
      <c r="A300" t="n">
        <v>905459</v>
      </c>
      <c r="B300" t="n">
        <v>1999</v>
      </c>
      <c r="C300" t="inlineStr">
        <is>
          <t>Luan Cândido</t>
        </is>
      </c>
      <c r="D300" t="inlineStr">
        <is>
          <t>L. Cândido</t>
        </is>
      </c>
      <c r="E300" t="inlineStr">
        <is>
          <t>LE</t>
        </is>
      </c>
      <c r="F300" t="inlineStr">
        <is>
          <t>LAT</t>
        </is>
      </c>
      <c r="G300" t="inlineStr">
        <is>
          <t>LE/ZAG</t>
        </is>
      </c>
      <c r="H300" t="n">
        <v>187</v>
      </c>
      <c r="I300" t="n">
        <v>36</v>
      </c>
      <c r="J300" s="2" t="n">
        <v>36923</v>
      </c>
      <c r="K300" t="inlineStr">
        <is>
          <t>Left</t>
        </is>
      </c>
      <c r="L30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8b4739e-1b25-47f2-b6e9-d96f109819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`gT\x08\x00\x00\x03\x00PLTE\xff\xff\xff\x14\x0f\x11:!\x18\x1d\x0f\n\x0e\n\x0b\xfe\xfe\xfe\x16\n\x07.\x1b\x15\t\x06\x07\x04\x03\x033\x1c\x15*\x18\x12/\x17\x0e2\x1f\x19\xbd\x80h:\x1c\x12\xd1\xdc\xf5\xd4\xdd\xf8\xb9\xc2\xdd\xb6x_%\x13\n,\x14\n\x19\x14\x15\xba|c\xbc\xc6\xe2\x1d\x19\x1b\x9ahR-\x1f\x1c2%$\xd8\xe1\xfaD43!\x14\x104#\x1eC$\x19\xc8\x93\x82=+&amp;\xaeqW\xb8}h\xbf\x87u3\x19\x10\xc5\xcd\xe86)(\xa6pW\xc9\xd0\xeb\xbf\x83n:&amp; S,\x1e%\x19\x18\xb3tYSKK\xd5\xdd\xf3\xb0wb&gt;/.\xd3\xd7\xf2K\'\x19\x93bM\\1!\xa0nW\xdb\xe1\xf5-"!"\x0c\x03\xc3\x8c{\xcd\xd4\xedA \x14\xd8\xdb\xf7)\x0e\x05\xc1\xca\xe5\xa1eKd7%\xf8\xf8\xf9\xb4\xbd\xd8\x7f\\PSCB\xa2jTI:8zE1J&gt;=\xc4\x89r\xaakQr?+k;)\x9al[\xa7gL^ST\xd5\xcc\xe4\xa9r^\x92hY\x92reD0*\xc8\x8ey\x9awi&amp;\x1e\x1e\xa5|l\xfc\xfb\xfc\x9caH\x8apf\xad|i\xf5\xf3\xf5S4(K5.\x96[D\xaf\xb7\xd0L-"\x83mgnD6tTIiMD\x87cSKCC\xc4\x88k\xa0uc\xd3\xbb\xd4}ga\xea\xe5\xe7\xf0\xed\xee\xa5wf\xd4\xb0\xc9}O=F+!\xa2p]\xe6.;\xe0\xea\xfc\xd9\xd8\xf1\xdf)7\xdc\xe3\xfa\xd8\xa3\x91\x90W@\xcd\x91v\x87TE\x89h\\#!$\xb0mQeF;~UG\xb9\x81o\x83J4g@2S:3\xdb\xe7\xfctK&lt;\xd2\xc4\xdf\xd3\x9a\x80\xb0\x82o\xd5\xd1\xec\xd0\x98\x85sea\xd7\x9f\x87\xcf\x95|\xc9\x99\x89]JGq\x02\x0e\\6+iZW^=1\x88[L\xa1vk\xe2\xe0\xe1\x9bpc\xd6\x98\xb2\xab\x83s\xd6"3\xc4\xc6\xddf\x04\r\x81|}2\x11\t\xcb\x1c.\xd5\xa6\xc0t^W\x89Q;\xc9\xd4\xef\x9f\xa8\xbe\xa7\xb0\xc8\xa1\x81t\xd3\x9d\x8c\xbd\x12%[A9\xcb\x86n5//\x93\x05\x18\xcf\x9f\x91jTN\x87\x05\x15\xcb\x8dp\xc1\x80c967\xbch~\xd2\xa7\x9c|\x04\x12\xe0\xda\xef*()\xd5\xce\xceuoo\xd9\x8c\xa3\xc3\xb3\xcb\xc2\xbd\xd3\xb8\x90\x7f\xb7\xb0\xb0\xae\x0c!\xeb\xdb\xdc\x89to\x94xo\xde\xcc\xe2\xb6\x87x\x90]Tdab\x9f\x07\x1b\xcd\xc7\xc9\xbb\xa4\xbc\xaa\x8a~\xc9\x9b\xb5\xbf\x8b\xa4\x9c\x98\x98\xdc\xaf\xc9\xc0\xbe\xc0\xbb\x98\xb1\xd8\xd7\xe7\xe0\xc6\xdb\xe2\xb8\xce\xa5\xa1\xa1\xb8}\x94\xda\xd7\xd8\xe0w\x8e\xd2\x80\x95\xb8Zm\xec8E\xe1\xa9\xbd\x97\x9e\xb2L\r\x11\xc5\xa6\xc0\xe5\xe7\xf3\xdd\xc1\xd4\xe3\x9b\xb2\xe0\xba\xb2\xb8\x98\x91\xd8@K\xc1n\\\xddi}\xac\xa9\xab\x83;B\xa9^^\x96\x82\x81\x91\x8b\x8d\xc8\xb3\xb0\xe5O^\xa2PG\xb9DY\xba\xa3\x9fw.2g"\'\xcd\xbf\xbd\xe6\xd1\xce\xa07?\xaas\x8d\xa5\x90\x94\x9a\x1d1\xac 3\x1b,\x97\x99\x00\x00 \x00IDATx\xda\xdc\x99\xddO\x9ay\x16\xc7\x87w\xe5E.\x00\r\xd8\xf0" \xd1\x80@0ES\x0c!h\x14\x05\xb4\x18\x1a\xac/\xabb\\|\xa1\x19\x99\xa0w\xcaPE\x1bb\xd3\xb46\x8e\x1d\x12/0i/:\x991m\x94L\xc2xQ3\xbb\xb1\xc4\x98\x18o\x8c\x7f\xc0\xf4\xc2\xac\xdd\x8b\xb9\xdbd\xcf\xf9=`\xdb\xdd[\x1e\xbb\xd9\x13M\x93^}\xf2=\xdf\xf3=\xbf\xf3\xf8\xcd7\xff\xb7\xc5\x19\xcb\x1c\x9f\x1d_\xcc\xc5b\x1d\x9c\xff\t\x1e\xcep\xec\xec4\x9b=\xe8\xcf\xe5r\xd6B\xa1?{y\x9c\x19\x1b\xe6|U8NG\xec\xf8\xf4`v7\x9f\x943HU3\xe4\xf9\xdcl\xe1\xf4ln\xf8\xeb\x81\x81P\xd9\xd9\xa4\x1c\x8a0\xb1+\xd8\xec\n(6\xa3:\x97=\xcb\x8c}\x1d0\x0eB\xe5\x11J^\xcd`\xb3\xd9\x0c\n\n\xb0**\xd9\x8c\xdd\xfe\xd3\xcc\xf0W\xa0\xea\xb8\xf8h\x85\xee%\xab\xab\xab\x11\xab\x04V\x89`\x95\x95\xf0O\xb2p&gt;\xc7\xb9q\xa9\x0e\x0b\xbb\xf9&lt;`\x81VP\xd8CvQ\xaeJBUY\xc1\xc8\x1f\x1c\xdf\xec`\x0e_\x9cZw\x93\xc9d\x92j!X\x1d\x8d\xf5\x19Ve\x05\xa21\xac\x97\xb1\xe1\x9bl`6\x97\x1f\x94\xcb\tURN\xa9EL_\x84\xaa,\xa21\xbc\x1f/:n\x8aj\xec\x18\xa8\xf2\x83\x83(\x16\xd5E\x02\x85z}NEl&amp;/\x9c\xdd\xccH\x0eg\xce\x0b94\x15x\xbdD\x85\xbf \xd5\x7fq\xc1\x0fc\xf6r\xee&amp;\xcc\x9e\xc9z\xf3\xf2\xe4 Z\xaa\xd8@\xe2y4\x16\x9b\xb4\xf1\x0b2t\xfeG\xfa\'\x923w\x9aC\x89\xcc*3\xd4\xa0Y\x05\xee2\x93a\xa4\x1c\xc6e\x7fi0\x14,w\x1e\xe3\xd0\x1d\x0c\xe7^\x1c@\xb3Yd\n\x85\xc3\xe1\x90\xb6Y\xd9\xdc\xac\xd5\xde\xba\xd5\xa0\x852\xa9E&lt;\x81\x8a\xc5\xfd\x92\x8c\x9d\xbb\xa4\xd9_\x1dgV\x90j\xf0\x8eir+\x92N\xaftvv\xce|?\xd393\xd3955\xb5\x12\x8f\xc7\xd3\x91\xb5\xad\xf1y\xa6@*eq\xb9\xdcR\xb2\xb2\xadg\xf4\xce\xe3o\x05\xd0\xca\xcc\x0b-\xa7\xd3\xf1\x95\x84\xfd\xc1\xe3\xc7\x8f\x8f\x8e\x1e\x8f\x8e~\xb7\xa0\xb0\xdb\xed\x8b\x13\x8b\xafV{z\xdb7\'\xe75L\xbe\x10\xd1(\xb0\xea\x83\x0c\x87N\xbb\x1f\xc0\x12\xbc\xd30\x1eI\xd8\'\x14\x9eF\x9b\xbe\xca\x18\xad2V\xd5H,\x96F\xb7{\x04\xa9\x00\xab\xaf\xbd\xa5iR\xc3\x14\xf3\x85\x02)\x8b\x80U\xec\x9e\x8f\xd1\xd8\xc2\xcb\x1c4P\xfbs|\xc2\xa3\xd3Y$\x92\x1a\xa8*\xa8\x1a\x89N\xa7\xf3\x07(.\n\xab\xe96rQNc\xc38\x16.\xe8\xc3\xca\x14\x92\x83\xb5\xa1\xe5\x17\x1e\x9d\xc5\xf2\xd0b\xb1\x10. C\xb5&gt;\xe7jo!r1\xf9\xc0\xc5\x032.\xba~\x98V\xb1B\xd3\xf6V\xddC(\x8aj\x1f\xb4\xaa\xa9\xd1K,\xf0\x7f\xfek\xb9Z\xc6\x89Z\x06&gt;\x9f\x0f\\&lt;\x15\x9b-\xcffh\x8b\xac\x83\xa4\xfc\xd6\xf2\xbdF\xbf\xdfO\xb8$\xa0\x13\xe9!\xa5\xd6\xc3\x87\x01\xca]\x80\xd5B5\xb1\x88%`\x81\\g\x1c\xda\xc2!\x7f+\xbc\xd2\xea\x0f@\xf9\x8bXh\xae\x1a\x8a\xcb\x82r\xfd\'\x96\x88`\xa9\xd8\x15\xf2,MY?\x97\xddm\x08-\xdb\x1b\x03\x04\xcb\x0f\x9e\xaf\xba.\x00\x83&gt;\x16\xb1z\xd0\xf3%\xb5\xf8"\x11\xca\xc5f\xcf\xd2\x93]\x9c\x8bBC\xf3\xa3)EQ,\xa42\x1aSF(\xc0\xd2\xeb\x01L\xe7\xff|\x165N&amp;\x9f\x80\x89x|\x9e\x8a\xcb\xce\xd3\x93\x11\xc3gVm\x18\xa60\xe0\x0e\x04\x10\n\xa8|\xf5%.\x82e\xa1\xb8\xb0\x8b\x14\x96X,&amp;\xe6\x12\x89\x04,.M]\x1c;\xf5\x86\x97\xe3v\x8f\xdb\rZ\x81\xaf\xf4\xc6\xfa\xb6\xb6z\xa8\xa2^\x84+\xf0\t\xeb\xb6S,\xc6\x8c@,\x18F.\xc3zLGF\xc4\xb2\xdd\xcb\xe9\x84\x82\xf2\x15\xb8\xbd\n\xa8\xea\x08X\xb1\x8dz\xbdD\x17p\x97\x92\x0b\xcc\x85\\%,3\x8b\x91;\xa4\xc3\\\x99\x83G\xcb+/F\xa0\x85\xe0\xf6\x1a\x90\x08\xb1\x80\xab\r\xe5\x022\xe8\xe3\'\xac&gt;\xc0B\xb9\xa0\x8b8\x8a\xbcZ\x15\x8b5HG\x179\xc7o\x97\xd3+\xf6\x11\xec\xa1\x0e|\x05*\x01\x15\x91\xab\xe4z\xa2\xd6\xc8\x97X\x06\xc0\xe2\xa3\xb9T\xac\xea\xc2o4\x98\xeb\xec\xed\xf4\xca\x0b\xc4\xc2h\xd0\x83X\x04\xab\xae\xad\x1e\x8c\x0f\xeb\x1a\xbde\x83\x054r\xdd\xc4\xdbN\xe02\x18\x84\x02\xa0\x12\xf1T*\x95\xf7\x90\x06\xb5\x0e\xa7(*\x10\xcb\xa6\xd7#\x15`m\xd4Q\xe62\x1a\xd1[\x98\x11\x04\xab\xb8\xac\t\x97\x90p\xd5\xf2j\xcd\xbb\xe7\xe5\xc7\xea8\x9f*j\xa5\x03\xac\x14@\r\xd4\x91j\xf3\xf9\x8a\xe1\x85\xd1\x05\xa3x\xad\x16b\x01U\x91\xab\xd6\xdc\xf0\xb1\xfc\xa3\xd8\xf1\xafN;`\x05t\x16\x1bP\xa5\x88V\xa8\x16\xb8\x0b\xb0\xa2E,\x8b\x1f\x03\xf5\xba\x89\x9f\xb0j\xd5\xea;\xb7\x0e\xca\x7f\x03u\xfc93\x01T~\x8bM"\x01\xb1REkA\r\xf8\xa0\xa2E,\x9d\x87\xc8\xd5G\xa9\xa5\xd1\x88\x81J&amp;\x14\x80\xbb\xd4\r\r\xd6\xe3\xf2\x7f\xef\xfb\xf0~\xc2\r\xf1\x0e\x8f?\xec\xe1\x11\x99\xc4\r\xa8"X\xd5&gt;\xcc"\x9a\x1e#\x02\xcc\xd5\x84\xe6\x82\xe8\x12\xcad\x88\xa5V\x9b\x1a\x1a\xbc\x87\xe5O\xd3\x13\xfb\x08\x89w"V}\x89\xea\xa77\x1b?=A.\xa2\x96\xde\x16l\xc4\x88(z\x1e\xb8\xa0\x8b\x14\x96\tn\xa4\xd9\xb2cqb\xafKX5%\xc3o\xbc\xa1\n\r\xe6C(\x89\xdefk\xc4.\x96FQ\xe3$X2\x82\xa5\xec\xb6\x96_\xad9\xc4\n\x10\xb5R\xc4V\x1b\x1bo~\x85\x02\xaa\rl#\xc6&lt;P\xd9\x82\x1e;\xa8\xb5\xd6\xde2&gt;\x8eg\x06\xb1&lt;`\x81V^\xaf\xb5\xfc\t\x01X\xee\xa2ZF\xd2&gt;\x02\x05Xh/\x92\xf5H\x15\x0c.x\xec\x89xd\xabi\x1e\xdf\xf2B\xa1T*\xc0\xe2i\x9b\xbb\xbbf\xad\xa7\x1d\xe5\xc7R@\x94"V\x95o\xa0\xed\xdd\xd1\xbbk\xb1\xeaH\xa4\xd6\xa7\xf4\xe8,O\xabb1\x1e\xd9\x9cd\xf2\xa4Xp\x91\xb1\x10\x8c\xa8\xd5e\xfd\x18+7\xd6\xefC##\xd4Sy?Z\xbf=\xb4\xbd}\xf2\xeed\xfb\xf5\xeb\xed\xa3#\xf2\xbeI\xa5\xb0\x83`,\x85=\xbe5iR\xf3\xe0\x10cI\xa52\xa9\xd4\xc1\x92\xf2Djp\xd6\xac\xb5?;W~,\xdc;\x01\xe0\xaa\xb1}\xf7\xe0\xf5\xc9\xf6\xfd\xbft\xbe|95\xbd2sw4\x95"\xb6\xb2\xb5*&amp;\x12\x89\xf4\xa6\x86/\x10\xb0X(\x13\xb8\x1d\xc0\xa4&lt;5\x88\x05X\xd6\xb2\x9f?\x1cP\x0b\xde4\x018%\xe0\xac\xbfw\xff\xfe\xf7\x9d\xd3\xd3\xd3\xcb\x8f\xc2\xf0\xda\xb1\x07\xd1\xea\xc1 @\xc5\xd3\x91M\x8dP&amp;u8\xa4B\x03\x93\t\x96\x87x\xe0\x89L\xcdJ\xa5\xd2\x0bje\xe8P\x0b.1\x9d\xcemW\xb4&gt;\x18\x1azpo%\x12Y\xdb\xda\xdc\xdc\x8a\xac(\x16\xc0T\x1e\xc5\xe2jo\xfb\xe6\xf8&lt;_\xe6@*\xa6\x93,\x1f\xc0\xe2\x9bB\xdd\xdd\xdd\xe0-\x1a\xb02Cn\x0f\xdc\x87\xb0\xa8\xf5F\x1f\xbeKS\x0b0r=\xe9Ho$\x9d\x80m\xa9\x00\xac\x9e\xbe&amp;\xc8\x04\x99\xcb\xe1\x90\xc9\x0c\xf8\xd8\xda\x91\xb9\\\x14\x96\xb7[\xd9\xdde\xa5E-\xea\xc3CU\x14\xf6\x1f&lt;M\xebG=\xb8\xfd\xa0\xe2\xab\xaf\x16\xed\x8dA\xcfb\xcf\xa6\xc6\x00 \x0e\x87\xcbe`j\xe65N\xa1\x0b\x85\x03k\x85A-0\x17\x1dX#~\xfc\xec\x80;\xc6\xa2\x93\xe8\xeb\x8fF\x15\x89xoo\xa4\xa7g\xf5\xd5\xc4HP\x9f\xb2\xd9{Z\xc4\x14\x95\x8c?\x1f\x0e\x99\xf8\xe01p\xbeC\x06r\x85\x94\xcano\xd7A\xd9\xb1\xe6\x86\xdcpXH\xc8\xf7\x06\xd8\xc6\xf6\xbb\xf7:\x97\'\xe1\x99w\xbb\xa5ou\xc2o\x830\xabo\x8d7\x89Q\x1e\x97\x8ci\n)sIFe\x05\x97\xab2K\x81K\xad\xd5\x86\x944`q\xe6~t[\xc8\xb7\x19\x89\xce\xdd\xd3\x1b\xd9\n\xcf\xf6\xe7\x18\x10M;\x9a\xf6\x9e\t\x8c\xd8\'u\xc1\xd5\x16\x82%\xe3\xf3\xd5\xfd\x85\x9c\x9c]YQ=\xc8`\t\xa4R!\x0fw\xa2\xb7+K\x8bZ5\xe4S\x96{\xb5\xbde\xf2\xe7\x1f\xac\xd6\xddj\x16\xcfdpn\xc6=\xc6\xbd\xbd\xa5\xa7Ol\xaf\x08\x96\x0bb\xcb{u\x90\xe7\x82V\xb5\xcdf.\xd7!\x05\xdb3qUg3c\x99LY\xff\xe0\x12\x1br[\xc0\xed\xd1*\x8b\xfbU{S\xfa\xefWo\xe1\xc6rMnM\xceo&amp;F\x07\x96\x10K\xb2\xd8\x8eX2\xa1\x8b9}ue\x1d\xe4\xb2\xccp \xaa\xb8\xd8V!\xf4\x11\xb0\x0e\xaf\xfa\x7f\xb8,\xd7\x06\xe2t\xc4\xc6b\'\x1e\x18B|\x86\xea\xec\xf1\xf8\xdd\xa3\x0f\x7fS\x9a\x05\xf3[kkk\x91\x17)\xdf^to}\xc02\xd1\xe7t9\\B\xa1\xe1\xf6\xd6\xd4\xb7\xdf&gt;\x0fkM|\x83\x88\'\xc5\xbc\x10\x1aD\xda\xee\xae\xaef\xa9\x8b\xff\xb6\\w\xd9\xd8\x1f\x1b\xbf\xfe\xf3\x81\x1f\xb1\x96\x9e\r\x18\xf5\xb0\xfb\xf4\x1f\xfe\xbcz9=\x15\x87xx\xb1\x90\xf2E\xf7\xa3KE,\x99P\xacij_\x83\xa4\x9d\x84\'\xb3A\x04\xd6\x02*\xc8|\xad\xb7K)u\xb8\xc4\xe12}#\x19\xfe\xa3^\x9f\n*t\x92\xa8o`\xfd\xe9\xfa\xb3\x81\x01\xa3\xae\xf1\xf1\xbb\x93\x1f\xdf\xc7\xe3\xab\t\x85\xcd\x08T\x80\xe5\xb3L\xb4;].\xd7\x8e\x13\xa6\x13\xde\x81p\xbe\xee\xe0N\x04&amp;\xa1\xc1\xc0g\x86\xba\x9e+y2\x99K\xfc\xd7\xf2,\xec\xb1w\xff\x90\xf8l\x1e]Mt\xef\xd9\xfa\xd3\xa7\xebK\x03&gt;}0x\xf7}"\x1eO\xd8[G\xdb\x9e\xed\xed\xef\xef\xff\xb2\x14\xd5\x01\x96\xcc\xe1\xda\xd14\xb5\xf4E\xf0\xb0\xd6\x90W\xa0\x81\x14\x9f\x19\xeez\xeeU\x0be\xae\x9d\xb7\xe5\xf9\x1a&gt;\x17\\u\xeb\xf5\x8d\x9fc\xf9\xa0\x93\xc1\x85\x85 &lt;\x1e\xda\x9e\xac\xef!\xd5\xd2/\xd8D\x19\xaa\x05X\xbd\xbdk\xa5[\xd1\xe9d\xe2\x178S\xf8\xf9\xf3\xae\x7f\xf3nv/m\xa7Y\x1c\xaf/\xd1\xae\xc6\xe6\xc27LB\xd2\x18c\x88\x18\xa3$\xa8!-E\xb6%\x89\x8d\xda4$1\x89\xdaT\x8bU\xa3a\xc6Ps\xe5\xa8Su\r\xa2\xc4f\x82U7\xf4\xa2B\xe7\xa2\xa2\xa2\xe8\xb6P;\xb0\xc5\x1d\x9a\xb2\x14z\xb7t\xebEo\x1c\xdcig\x8a\xdb\xb7ea\xbf\xe7\xf9E\xd9? \xf1\x08\x95z\xf5\xe1{\xce\xef&lt;\xe79\xcf9j\xc2\x1aONp\xedj\x0f\xab+\x15\xf6\xeabxj\x06\x16\x19\x19\x89DJ].WS9\xd2\x158\xb7\xd6\x98\x1dt\xb4\xd4\xe2\xf0)\xa4\x14\xdb\xd2\xd2\x02G^L\xdc\xae\xd3s\x90 \x1a\xa36\xd3\xd9B\xfe\xf2\xf2\xeaNR\xae\xb1\xbb\x95\x07k3.;\x92\xfc\xc0H\x84qE"\xe1\x99p\x18A\x16^\x19\x1e\xbe\x13\x19\xd9Z\xdb\x02Z\xf1\xd5?U\xd1\x05\x0cr]lav\xe5J\xa2_\tk\xb5\xd8l\xa6\x9c\x86\x1c\xe5\xf2Br\x1a]_\x0f\x0e\xe0#m\x19\xe4\xda\x1a\xe1\xc0\xee\xcc\x00+\x1caT\xe1\x08\xa8\xa0_\xa4\xa9\xfa\xbb\x8b\xb2c\xb9\xe8\x10\xbf\xdc\xd2r\x84\xa5n5\xd9l\x16e\x03_\xb9\xbc\x9a\x14,\xde&gt;\xb0\xd6\xd6\xf2\xcb\xa8^F:\xa7\xf8\x82\xad\xac\x84\xc3+0\\{\x06\xd6F\xf0\xb7\xb0+\xffFK\xb7`\x19\xe5\x032\x04\xb0P^\xb4\xc0\x8d\xb8\x97\x81J-\xa9aj\xf1\x05I\xc2:\x05\xac\xed\xb5\xed\xb2\nV\xc7o\x11\xc10\x0c\\+\xc3@cw\xea\x08\xfe\xb4\x02\xac\xcb\xf52\x143\x85\x02\xf2"\x89Ey\x02\xa1\x95\x8e#\x11\xa1e\xeb\xe7C\xca\x0b\x9b\xafy\xc9r\xe2\xda\xed\x0es\xf3m\xc2\x8a$\xb0\xc0\x01\x0b\xd3\xb5\xa7idf\xf8\xf1\xfe\xe30\xb0\xaad(N\x1b\xb8\xa0gXU\xb5\xa0R\xcb\xe5T3\xdf\x05\xd6\xb2@\xf6\xb7\xe4t\x05\xbfn\x1f\x8cl\x1fvT47Wo\x0f\x8c\x1ca!\xac6 \x96\xab\\Q\xe9\x9a\x19\x1e\xde\xdf\xdf\xdf\xf0\xdehAy\xca\x87\x17)\xa1\x02\xecH,\xb5\xbc\xb5\xd1d\xbbk\xb3\x00+\xbd\xf5\xbf\xc9\xc9\xf2\xbb\xe1\xe2\xb5\x83\xc3\x1bB3\xc3:\xe6\x1a\xde\xd8 \x0f*\xf2+\xc9\x85P\xab\xd4\xfec}-\xbbV\xf0k\xe7/&amp;\xa8\x90\xeb\x99X\x0c\xab\x91\xb0V\x7fM\x0e\xd6\xf5\xc7g\xd6n\x03K_Q\xbd\x8d\x90\x07\xd8\x1dH\xf5\x18b\x95\x9e\xaf,\xae\xcew\xddYq\xb9F\xc2\xe13\x1d\x10K\x8d\x1c\xc5/\xbcP5\x7f\xa5%q\x02\x11V+a\xe1K\xccm(T\xdfMR#\x9c\xb7\xdfDX\xfa\nJ\xf4\x03,G 3\xd0}\x1a\xc7vYs\xb1\xab\xc9.\x14j\x9b*+~\x9c\x1fR\xe7\xe5\xa5\xa7\xf3\x0b\x95\xb2\xfa\xa9+\xc7\xddy\xd4\xcc]\x0c\xab1\xb7A9t3I\xb5 o7\xec:\xf8\x7f,H\xb3\xb2\xb2\x11\xfe\xe1|\xb9\xa2\xba\xb99_QW/\x90MY\x83\x8b=C\xd9\xb8K\xf3s\xf0\xbd!\xa3\xb2\x14/\xe3\xc4\x02\x15\xf2C\x8d%\x87\x9f\xde\xf5[\xb2\xea\xad\xc1\r\xd7\xc0\xed\x0e8\xb1,\x1f\xa5\x02\x8a.W$\x1c\xa6\x8e\xc8\xa4\xb6\xf9j\x99\xc2~\xb9\xb6v~:\x1e\xef\xe9\xcc9\x87\x92\xf4\\\x01\xa5\x88\xda\xfa\xf9\xfa\x84X\xe4B`\xd5\xd4DM\xad2\xd9\xea\xb3duP\xdb\xf7]H\xa7A+\x82\x0bu\xf3@\xd3\x96\xcb\x15a\xbdoE\xd9U\xb3vR;:5\x1d\x0f\x06\xe3=\xddJ\\uP$\x9f#\xac\xaa\x04\x15\xc3\xea\xb2\x10V\x8d\xa9K\xa0\xdcL\xda\xf30o\xb7\xf4Le\xa5\xd6Jr\x15\x9farQ\x9b\x19b\x99\xffX\xa1(??i\x8d[\xedA\xeb\xc4\x82L\xd9p\x8e\xb0p\xc4\xc8\xbaqH\xd3\xb5:\x87\xaeA\x12\x86e\xb2\xa8\x97e\xbf\'\xaf\x994\xb8\xef:CX\xfa\nm1\xd3\xcb\xd5D\xaf*\n\xbb\xd9l\x9f\xc4\r\xfb\xb9\xd7\x1b\x14\x8eR\xff\x08Xt\xa3@1:\xd4M\xaf&gt;\xa8\xb4\xf2\xd4\x9cZ\xf8\x91\xe4)\x1f\xec$\xf1\xd1\xee\xebp\xa4&lt;\xc0\xb0pS\xa4\x92\x9e\x1eW&amp;\xbdv\xbdY[N\xb2y\xad\xbe\xc5\x9e\xce\xf9Nu\x01\xb4*\xa4\xb2O \xa3\x16%\xea@\x14\xf1tw\xed\x87X\xfd:\xf5jR\xdf\xa3\x06\xf7\xef\x94\xce"\xb8\xf4v\xad\x96^\xc7\x14\x8a\xca\xc9\xc9Yo h\x9f\x85X\xb3A\xdf\xf4\xf8xg\xf7B\xa7&lt;\x17&gt;,T"w\xe5\xa4_H\x17\xb0\xb2\x94\xc3\xb2\xd4\xf4\x9b\xfa%\xa1\xdf\x92\xfa\x1c\xd5\xbe\xbb\x11i\n\n\x85\xc2\xa0\xbdL\x9bO\xddf\x85bvv\xb6-\xd0vo\xf6\x9e\xdf\xd8\xb7\x1aZ\x98\xef\x9c\x1f\x1fo\x05VVAnvv^\x0etZF\xc9\x8c\xb2\x94}\x89\x16\x92\xcb4\x97\xdc\x97a\xde\xf5\xfd\x88\x0bIS\xa8\xb7W\xd0\xeb\x8aV\xeb\xd5z\xbd\xde@ \xe60\xf6\x02*\xd4\xb78:\xdd311\x95\x97u:3+##C*\xa5V 5\xb7\xe8\xa2\xafkl$/\xce\xbd\xfa{\x92g\x80x\xbb\x8f\x7f\x98\xb5\n\x85\x15\xc0\xaa .\xbb\xdd\xee\r\xc4\x8c}\xa1\xae\xae\xaeP\x9fo\t_e\x9d5x\xab\xbb\x90f~8\xcb\xc8(\xa0\x9e\x1b\xeb}\x93Z\xb6_\x93?\xc1\xc8\x1b\xdc\xfd\xe0\x07V\xc2\xec\x15\xfa`l\xac7\xa4\x12\xcbCHZ^\xaf\xfd=l\xf4b\xad\x80M\xfcd\xd1\xe0[f\x8647\x97\xc3\x92\x10\xd6\x8b\xd4\x8cB|\xfb\x92\xc32\x9b\xcd\xf87\xe8\x98X\x95\xa8\xce\xca\xe6\'\x90IG\xc9\xe2\xef\xaa\xa8\xfdWPP\x90\x01\xb2\xcc\xd3\x7f\xc8\x92\xd2\xdb\x18=`\xe8t\x96\x9a\x9a\xfb\xa9x\xe6D|}t\x08\x01\xa4\xd7\x9b\xc9\x84\x13\x0b\xad\xf2\xb3\xea\xee\xa9\x89\xd1w\x9f&gt;}z\x07\x9bz+@&gt;=\x97\x010)\r\x97eI5"\xf6\xda\xa3\xd3I\xa0V\x8a\x86\xf1\xda\xbf\xc4\x84L(p\t\x85\x8b\xd3\xa1P\xd7\x90:\x1dr\xc5\xdf\xef\xed\xed\xfd\xfb?\xef&gt;}\xfe\xfc\xf6\xad`\x19RQ3\x9eZ\xe0\x1a\x03q\xa9t\x94\xb8l\xaf\x06SA\xc5\xe3}m\xab\x13B/\xc4\x95^(\xac\x1b\xbd5\xd1\xd7\x99\x9e\x1e2&gt;\x7f\xf3\xe6\xa7\x9f\xfe\xf9\xaf\xbd\xbdG\xef\x0f\x81&amp;\xe3\xde\x08\xb2\xf1K*2\x88D\xc0\x92\x83\xab\xffE\xaaF\xde\x06\x11\\\xe4F\xbb\x1ef\xf5\xfb\x9d\xc6\xf1q\xe3\xd2\xf3\xd2\xf3\xe0z\xf3h\xef\xd1\x9bG\xef\xdf}\xae\x12 \xba(s\xe5e\xe7\x02I\x04\xb9Tr\n\xf9\xa7;\xa9\x99\x95\xe2\xb5\x7fD\x8a0sr\x05\xfd^o\xcc1\x16[\xba\xf7\xbc|Rq\xb0\xf7\xfe\xf0\xf0\x10b}\xae\xba\xc0/`X4\x01!\x12\x8bE\x90\x0b\xc1\xd5\x98\xb2\xd0\x02\xd7\x8e\xbbN\xc8\xbeBX\xc0\xeb]\x8a\xc5\x96\xda\xbc^\xa4\xac\xef\xe8\xbd\xb5\xaa\xfes-\xbdk"\x91&amp;\xb0\xf2\xc4b\xc8uVLX/\x9e\xa5l\x0eo\xf0\xa5\x03\xc5 \xbch\x0f\xda\x03\xc8\xf1Kmm@\x0bP\xa9\x85Cy\xb9\x90\xaf\xa4\x9fl&gt;\x8d\x18\xe4qjqX\xb8\x8e\xa5\xca\x87\xf4-\xc2\x8b\x14WA=\xa9EXK1\x87\xd5\x1a\xa7\x9a\xa6\xbb\xb3s\xa8\x1bF7{\x1a\x8eBhe\x9f%,$T`\xd9R9\xab\xbb\xe3fX\x00\xb3\x07\x02~\xff\xd2\x92\x1b\xe1\xe5X\x9c\x98\xee\x99\xea\xe9\xe9\xa1\x96\xe5|g7\xb2F\x1e7\xc2b@lesj\xd9\x9e\xa5p\xf4t\xf0\x97:=\xca\x1b\xa1\x15!\xef\x8f1\xb1\x1c\x8e\xb1\xf8\xe2\xc4\x04\xb2\xfc\xadiX\x0f\xc0\x86hZ\x17b1,r\xa2N\xd2\x7f\xffu\n\'O/}\x89\x11\x15\xccj\xf5\x07(\xb2\x9cN\x87#\x1e\xb7\xea\xcd\xc2\x8e\x1b\xf4\x064==\x95\xc0\xd2h@\x05\'\xb2t\x9aR\xb1H.\x87U\xe8\x10Z\x11Q1?\xb0\xdc\xceX\xcc\x1f\x8b\xa1\xa2\xa0g\xbb[\x97{\xb8\xe9a\x04V\xaeF$V\xa9\xc4\x06H\xa6\xd2Y\xee\xbfN%\x15\xaf}\xc7\xed\xa8\xab\x13\xc2uVG\x0c\xa1\xe5\x1e\xf3Y\x97\xfc\xb1@\xc0\x1aG\x80\x91\x07\x11[2\xa2bX\xa0\xe2\xb0^]?\x95R\xbb\xfeq\xcc\xe7\xab\xa3\x88rXc\xce1c\xaf\xd1\x1as\xc4\x1d\xa8\x06{\xc7\xe7)\xde\xf1%f\xe7j\xa4R\x8d\xc7\xa0J`\xad\xeb\xfa_\xa5v\xd6\x9a\xc7\xfb\xf3C\xe3\xa2/\xbe\xe8\xf3\xf9\x1c&gt;T\xcb\xe3F\x87\x03\xff\xe9eO\xb14c\x90\xa3\xcc-\x90\xd2\xda\x08\x89u\x8c\xf5\x8fT\xafd\\zF\x93\xe8\x8b\xc4e\xec\x93\xe8\xba\xfa\x8c\x13\x10j\x1cT\xad\xf2!5\x9bb\xce\xa0i\xfe"\x8f\xf8\tQ\x11\xd6_R\x8fuj\xc7i4\x1aiT\xde\xd8k\x12\x8b\xe4\xab}S\x0b\xa1\xce\x05\xa2bi\x81f\xab\xc9\xd2J\x0cb\x03\x02\x1e\xa1u"X\xdf&gt;D@\xd1\xdc~\xef\xa6\xa4\xa4D\xdc\x15\xeaj\x95\xa3\xa0\x97\xab\x0c\x1e\x84\x94\xb4\x88\x962hg\xab\x84\xa0\x90"\xc4\xeb\xeb\xeb\xa9\xc7\xe2]\xff\xc5\t\xa8MDSTWT\xe4Q\xe9\xe4(\xe8\xe5j\x83\x81[\xf8I\xec \x9d\x86\x17=\x1c\xd6\x93\'\xeb\x96\xd4\xabu\xe9\x83{\x0cL}\xd1\xbe\xa8\x84\xb6j&lt;\x1e|tP\xaa\xe8x\x05\x89M\xeegJ\x19\x95\xc1`x"V\x9d\x00V\xfb\x07\xb7s\xac7\n\xeb3\x89\xd9\xb6OQ\x1a\xad\xb7\xb1-2\xb6\xdc\xc6\xf6B\x8a4\x8c\xca\xe3\xf9\xde\xf0\xe4$\xb0x\x1f\x9cN\xa7o3j\x8aFM\x12q\xc9\xd1Z\xdb\xf1\x92\x0f\xc3B\xc4#\xda!"\xec{\xa8\xf5*\xf5X_~v\xba\xaf=\x00\x17L\xa2\xf2p\x0bQ\x8c\xed4[\xec!\xcb*\xd2\xc0\x87\x1eZ2\xf3 \xaf\xa6&lt;\xcb\xd3`,\xb0\xdc7\xef\xda\xc0\x15\xb24\x12\x18\xb7\x9cx\xb4\xaaE\x9fa\x11m\'ih\x93\xab\x04\x91\x87,\x9fz\xac\x9d\x9f\x9dK\xeeksw\xa9\xd7\x01,\x89N\xec9ZQd\xdb\x9cP\x8e\xa8\xb8\x0f\xb3H\xaa\xd1\xa8t\xa6\x13\xc0z\xfd0\x06\xac\xa7/l\xb6\x9a(\xc7\x85\x94\xe5a\x8b\x8ad\xd2"$/)\x97,@\x88\xc3\xf1\x04\x8ej\xea\x92\xbc\x0c\x04\xdc\xd7\xbe\x99\x9b{q7\x1a\xad!0\x9dJ,\xf2h(\x99JiB*-\x8bm\r\xa7e\xa6Q\x83D#\x02\xd6\xef\x83\'\x80\xe5\r\xb8\x9d7\xe7\xe6\xe6\xbey\xb0i\x03X?\x81\x19D\xe0\xca\xc8\x02I&amp;~\xd22(\xd8\xa8o#\x15\x89\xc4\xeb\x8d\'\x80\xf5\xf5\xaf^/\xb0 \xd7\xd3\xb9\xb9\x07\x0f\xe0\xca\xa8\xa9\xb1U\xae\x16\x11\x16w fqp\xff\xe3\xe5\xfcc\x9a\xbe\xd38\xbe`8\x12\x90\x08\x1cKz\xe5WgoN0\x1d\xb1\xb66T\xe3\x10\x84\x8a:cw\xdf\xb5\xbd\xae\xf8-`-\xa5^[h\xc5\xb56\x86&amp;\xb0\x83\xd2\xb4!\x19\xca\x8fA\x85\x93\xf6\x0e\x88DR\x12\xd1\x1e\xf2Kh\xd9\xa1\xb8uB\xa3\xb7\x05H!\x9aM=/SwL\xbd\xe7\xf9V\xcd.\x97\xfb\xb1\x1d\xdc\xd3R\x92\xf2\x07\xaf\xbc\x9f\xe7\xfb\xfe&lt;\x9f\xe7\xfb\xe3ga\xb5\x92/\xa4\xae\xd9\xfd4?(\xf9\xa97\xe5m\xa4R\xa7\x03\xaa\x06\x92\xd45A\x91\x1d;\x80\x82a\xf7@M\x91^M\xb8\xa89\x04\xf4\xf2\x7f\x1aZ{\xdfr\xdaeb\xc0\x01\xb9tJ\xb0\xb0\xa6_m\xdd\xba\xf5\xd8\xde}\xe9;2\xa9\xd2z\t\x04\x9f;\xd7\xadK\x83\xdd"\xf4\xf2\xd7\xd6\x1e\xab\xb7\x15\xa8H\x1d\xe8\xa5#EB\x0b\xa8\xe5\xf1\xa8T}\x9c?\xc2\xc2\xb8.\x0c\x86@\xf0\xb1s]\x1al\x80p\x8b\xf1\xc5\xda\xaf\x89\x93$9\xa9T*\'\xa5b\x9d\xce\xa2\x11\xba\x9b\xdc\x16\x81\xa7q\x1f\'y\x07\xb8\x04\xe8\x83g2\x12w&amp;\xe2\x9c+1--\x8a\xc1\x94\xa4n\x1d_\xeb\x1bM#\xc7\x95:\xa5\x92$\x95b\x99F\xd9\xa0k\xd3[\xdc\x16\xa1Z\xe5i\xac\x930\xc0D\xd3\xd2\x12!\x95x\x05\x0bE\xb5.-\x93\xc5\x94\xfc\x1fl\xbep\x1c\x94R\x82^\xa4^&amp;\xd65X4b\x9dH\xa8\x16\xa8\xeaK\x9b%\x8c\x97\xee\x95\x18\xb3\x1eg$\x00\x98\x99\xc4\x92H8\xfb~W\xbe\xe6jA\x06I\xb1\x8f$}Ny\x9b\xd2\xa2i\xd3Y\xb2,\x9e\xc6j\xd8\x8e1?@\xae\x984\xa0zk}"5\x08Ob\xb0\x98L\xce\xc55?\x14\x0b\xc7IR,n\x95\xf9\x94\xa4\xd4i\xd7k4"\xb7:+K\xd0x\xac\xaf\xb4V\x02\xad\xcc/b\xa2\xa2\xa8\x0b\x99A\xb44\x1c\xea\xb2\x98\xd0\xcdo\xfd&amp;o\xad\xb1\xc4b)\xec\xa8\xa5Pb\xa4\x0fV\xa1\xa6\xa6&amp;\xd1\t\xbajo_u\xb3\x04\xfa\xbe\xcc\xa8\x88\x08\xbc\xbb\x07\xb3\x89t\xb1\x0cV\xfa\x05\xce\x81+\xb7\xd7\xb4\xe8#\x8b\x1eI\xf5z\xb9^&amp;%\x95W\xae\x80\xa3\xc2\x92\xdd\xa4\x13f\xd0k`O\x86\x8bcl\xc4\x1b\x11\xb1\xb1\xb0\xab\x8e\x89\x89\x8a\x8e\xc2\xc1&lt;\x03v\x8a\xa9\xb0\xdf/\xffd\xed\x1e^Q84\xa3\x97\xcb\xed\x1a\xa9\x98T*\x11\x0b\x97F\xb7\x00\xaa\xbe\xac.\x95s!\x9d\xc1b\xb1\xa8\xbb\xff\xa2\x00/\x1a\xc4\x8a\x85\xadb\xfa\xc5TNj\x93\xa7\xaf\xf1\xe9ZL\xb9"\xf3**&amp;\xeeh\xe4r\xb9\xac\r\xa8 \x85&gt;\xb1\x88\x04\xa3op{&lt;\x8d\xb8b_\x80\x9d4\x83\x11\x8b\xef\xca\xca\xed\xefl\x00\xb5\xa2\x10+\x9d\xc3INz}\xf7\xeeE\xdf\xaa\xcfH"+\x1e\x0e\xde\xd7;5 \x96\x1el^I\xca\xe4\xb2Vlqt\r\xee&amp;\xb0z\xec$.\x02\xd7\x0e\x06\x93\xc5x\xe3(\xde\xff\xfaN\xf4zj\xfa\x96\x0e\\\xe9;\xa2\xce\x9d[\xec\xfcth\xb5\x8b\xeao\xadO\x9e\x9c\x12jZ\xa5\xb0\xc7\x80\xbe\xd9i\x97\xb7\xca\xc0L\x9b0&lt;\x1eAM}_]\t\x87\xc9\xac\x848Z\x1c\xbe\xd14\x1ao\xf2a\x00\xd6\x05\x0esGT\x0c`u\xb6\x0c\xad\xe6\x19\xa9\xc8\xa2r\xff\x833\xfb\x91\n\xd2&amp;\xb3\xdb\xa7\xecN\x99\\.\x16 \x96@\xe0\x16\xd4\xb4T\xa9\xaa\xfb\xea\x8a\xa9\xa0.7@\xacp\xcd\xb3@.&amp;#)\xe6\\\'\xc4\xbd\x87\xabW\xf8\x91y\xe5^\xfe7\x1eu\x9bF\xaf\x919\xa7\xecv\xbbS\x0czi,T\x06\x05\xea\xf0\xd0\xa6\xba\xb9\xb8\xa4\x04\xa8\xceP\xd7f\x1c\xa5\xa8(,fr:393m\x11\xb1:\x1f?Z\xad\xc2/,\n\xf1\x8d\xd6\x8e\x07\x16\x8d\x06\x95\x92\xc1qH\x8a\xe5v\xf0.\x0b\x1c\x87\x1e\xb7\x9aGo)\xdb\x8b\'\x17\xa9\'\x1e\x14\xd7\x1e\xda\xb3\xe7\xed\xca\x88\xa8\xf58\xda\x05\xe7bA\x1e\x93\xd2\xce-\x9e&gt;Mq\xb5^+Z\x1d\xa9\xfc&amp;\xab\xd5\xca\x1f\x9f\x94\xea[\x9dS2\xa9\xcf\xe7\x13\xcb\xec\xad\xd0\xdbX,\xd0&gt;\x00\xd7a\x9e\xaa\xef\xc0\xbe\xba:\xe0Jg\xd65\xef\xd9sf;\xba*u2\x03\xb0\x18\xe9\xc9XY\x14U\xe7\xe9\xcb\xf7n\xfe\xaf\x17\x11G\x16\x16\x95\xcf\xcdy\xadF\xa3\xd9\xbc\xe5s\xf0\xf7)\xbb\xac\xb7\xd7\tY\xf4\xc1&gt;Cg\x11\x89,\xee\xb22A\x8bHP\xbd\xb7\xae\xaf\xaf\xa4\x84#)n\xaem\xdeS\x8c\xae\x1a\rh8k\x86&lt;2\xd6#\x15\xbc\xf0}\xef/\xdd\xa3\xe5y?\xfd\x91E\x14T`\xc9d\xb6"\x17\xff\x8b\x072\xbb\xb3\x17O\x9c;\xb1\x9d\x87\x86\x1e\xba\x9a,\x91\xa0L\xd5\xc2\xe3\x95\xf5A\x80\\u\xb5\xb5\x87\xc2sp\xbc\'\x17\xe5J\xfa ))z1L\x04q\xf9\xf1\xe4\xc2\xc2B\xb7b6T\xf4\x934\x8b\xcc+\ny\x83\xf3K^k\nbY\xad\xb3\x8fz\xa9\xdbh\x9c\xbeI\xec\x04\x95:\xec\x01\x91\xab\x06\xb0`\xf9\xa9.m\xaek\xae\xc5q\xf3Q\x1c\xa3\x82\xdb\xc7\x82\xd5g\xc2\xae(f1\x8c\x84T\x03\x9f.t/,|\xbe\xd0\xdd\xa3 \xca\x7f4\x18\x98z(\xdb\x1f\x08\xf8\xf9))f\xb3\x19\xb9\xbc\xf3w\x80jl\xacW:\t\x01\xcd\xa0\xa5\xa1\xc9-\x12f\xd1\xd5\x80\xd5R\x85\xcf\xcf(\xad\xdf_\xda\\"\x91\xbc\xe0\x8a\xc5\xc31&amp;\xf1\xf5\xc5\xd3\x97\xf1\x0510p\xefiw7\xca\x85\xa1\xe8\xf8Q\x0bedd^\xc8h6\x19\xda\x83^\xa0\xc2\xb0\x1aC\xfe`ph\xfc\xce\xd8\xc61g\xaf\xcf\x07\xbd3\x98\xaa\xd8"\x10X\xe8t\x11\x8f\xc7;|\xe4\x14\x80\x01Z\x1f\xba*`\xe1\x80\x1e\x8b&gt;f\xf7\x86N\x04:\x8dL\x03\xfd+O{\x14\x14V\x0f`\xf5(\x14\x1d\xb3\xa1\xff\xb2\xcc"\x0b\xf3B|\xbe\xc9\xe6j\xd7\xf2\xad\xe6\x94\x14\xbe\xd7D8Ls\xc1\xb9\x90\x91}\xed\xd2F\x90\xcb7I\xa5\xd1\'\xd5@k\nL&lt;zn\xee\xe1S\x10U\xf5\xcdh\x14\xd4\x80\x1e[\t\xe8\x9f\xc1\x18(&amp;\nj`\xe5\x16\xa0\xa0\\\xdd===\x88\xa5P\xe4w\xccV\xfcg2,)#\x9bM\xb8\xda]D6\xe8d"\x96\x02\x81\xe0\x9cvi\xcek4\x1aC\xb7\x1f~&lt;66\x03`\xd0@\xe8H\x8d^H\xe7\xd1\x0f\x1f\x06\xaa\xaa\xe3\xa7\x8e\x1c9^ZZ]]\x1b\xae.\x16\x14V"B\r\x0c\\\x86\x170\xf5\xf7?\xfb\x1e0\x14=\xdd\x0b\xa8\x14\x80)\xf2\xf3\xf3\xe1\x8b\xfc\x8e\xf2\xa2\x7f\x07\x06L\x15!~J\xbcC{\xa3=8\xcb\xe6:\x08-2y\xcd|\xef\xac\x97\x0f\x05f4\xce~w\t\xc1\x1eL\xc2\x8e_g\x11\x9f\xc8\xca\xa2\xe7\xbe\xf7^\xee\x91\xe3\xc7y\xa0XUMUM=b\xc1\xda\xc8\x8a\xd8\xb0x\xb9\xbf\x7f\x80\x8a\xfe\xfe\xfe\xe9\xfeg_]\xcfO@,\xa4\xcaW(@\xad\xfc\x84\x84\x04D\x83d\xfe+2\xf0\x03\xaf\x97\x1d\xcfvh\xdb\x87\x036\xad\xc1e\x08\x18\x96\xfc\xb3|\xb3\xd5\xec\xf5\x9a\xa0\xca\xe0\x984\x1a\xf9C\x97&gt;\xde86\x03\x8a\xf9`\xd1\x16\x8a\xe8\xf4\x82\x83\x07\xe9-\xf5\xc7y\x05\x19\x19t^K\r\xce\xc3Y\xcc\xca\xa3\xdb\x9f\x0c T\x7f?\x854==\rT\x08\x81Xa\xa1\xf2\xf1#\x81\n\x80\x1c%&gt;\xf9\xe7\x87P\x15\xe6UL\xcc\x11\xa6\xec8\xae\xcd\xf5\xe5\x9f\x87\xdb]Z\xad\x8dp8 \x8ff\xa8.?\xdf\x88\x1eA\xd5\xfeDp\xe9\xe1\x1d\xe0\x9aqNM}\xb4-\xab \xe3\x97\x19@\x05\xaeJ\xcfx?\x8b.(\xab\x93\xa4\'3+\xdf&gt;\xf4\xec\xf9\xf4+\xa2\xab\xd3W\xaf&gt;\xa7\xa8\x10\xebE\xfa\xc2\x91\x90@K\xa0\xd1\xc2\xdf\x8f\\\xbb\xfd\xc3\x07\xea\x81qN\x04\x03.\x03\x90\xd8\\\xc3\xc3\xedA?\xe1\xe0r\xe3!\xb2\xe3S\xb2\x1d\x04\xe1\xa5,\x15\xc8R\xf8sA?(\xf6\xf0\xceLoo\xef\xcc\x94\xfcDA\xc1\xc1\\^\x8d\xaa\xb1L\x9d\xb5\xed\xe7\xdb\xb6\t[j\x8b%%\xc5\x8fW\x9e_\x05\xaa\xe9\x17H\xe7\x81j\xf0:\x02\xe0\xbf\xc7B\x07\x9c\x17Ba\xd0h\xb4\xfc\x9b\xdfC\xdc\x1c!B/\x85\xaa\x98\x08./\xb7\x1b\xb4\x904\xc3\xf0\xb0\xcb\xc4\x8e\x8b\x8bc\x9b\xb2\xb9q\x18\xbb\x88%\xc2\x14\x9f\xf2\xc2S\xcd\xfe\xc0\x12*\xc7G\xb3\x80\xb0k\xe8\xf4\\H\x9e@\xa5\x12\xbe\xf9\x9bw?\x92kxP\xf7\xfbW\xba\xba\xce\x03\x10\x15\xe71\xba\xbe\xbd5\x82\xc2 V\x18\nU\n\x13\xe5\xd0h\x1d\xa3\xd7o}5\xf8\xd9\x08\xca\x96\x10\xae\xf2\x89\xf9e\x10HK\x98\x1c\x84\xa1\xbd\xddec\xa3F\xf0\xc3f\x03\x17\xd7\xa6\x85\xbf\xa0n\x94\x7f\xb1\xfdp\x00X){\x9d\xbd\x06\xa9\x1c\x9b\xd2\xa8k\xaa\n\xb6\x9dP\x0b\xd4\x9aw\x7f\xbd\xa9WlQ\x95\xfev\xa5\xeb\xecY\x8a*Lt\xbe\xab\xeb\xee\xe0\x8dQ\xacmT\x0b&gt;)\xc0W\x01_^\xbf58xs4gsNNN\x02\r\x9b\xe1\xa5\xe5\xe1e\x83\x96pds\x1d\x86\xe1v\x03a\x02\xa1\xe2\xe2\xe2\xb3A\xa7\xf88.1:b\x0b\x8b\x16\x87\xb0&amp;\x9b\xd6\x9f\x1d\xf6W\xb31\xe4\xfd\xee\xd6\xfdI\x9d[U\xc3\xa3\xf3\xd4"\xa1~\xd3&amp;\'\xa9\x13\xfc~\xe5\xee\xc9\x93]\xe7)\x99\x90\xa8\x0b\x18\xff:\xac\xcd\xa1\x85\x93F\tE\xfb\x87H\x18\x01\xa5n\x8e\xd2\x80i3\xbe_\x9b\x08\xce\xcf\x07l\x0e\xa8\xf3]\xa8\x94\x81\xe0\xb2\xe3\xb8q\x94V\xd9\xf1l\xf0\t\xadm\xcb..p\xfd\x01\xc1\x1c\x94r\\\x87\r~\x07\x03Z\xbf\x7f\xf9\xeb\xaf\x07[-*\\\xab\xb3\xde?\x01\xfbG\xb1\xe8\xfe\xb7w?\xfc\xf0l\x98*\x8ct\xf6\xe4\xdd/\r\xc4fL\x0f%\x0c\xfew\x8c\x97P\xf9\xa8\xd4g#\x1d\x9b!r\xa8\x8f\xd7\xe6\xe7\x97\xa0\xb4\xd9/\xa1L\xa6lT\x8a\x92&amp;&gt;&gt;\x8e0\x00\'\x14\x17\x97\xcb\xdd\xb5e\x0b\xa1u\xddp\x19\x0c\xae\xc0\xdf\x9b,cV7\xc1(\x0c\xe7\'4\x99.\x05\xb7\x16\x02n\x1f8\xf4\x1bD2\x14\xba\x14\n\xde\xf6?tq\xa8Cj\xdc\xba\x15\xe1\xae\xa5\x83\xdco\x11\xf2\x13\x02wP\x97\x92\xa5AI5\xb7\x17s\x13\x90\x84\x8a\xa5\x85\x90\xadC\xdfs\xf4\x96\x9ehb\x12\x83O\xde\xf7=\xc7/\x8a\xc2\xf0\x88\xedXU\xc7\xe3&gt;\xfa\xfe\xe5\xd3\xdb\xcf\x8f/\x9f^\xbez\xf5\xe2W\xd3\xec\xa63PQ\x11\xd1l6m\xda\xf0\xabR}\xae)I\x13\xda.:\xb2\xd1s\xce\x14\xd9GD:\x1e\xe3\xf1 `\x0e3p\xc3\xcc\xb5\x85`\xfb\xc8,z6\x82\xf5-\x85\xcb\x846\x89\x9b\xd4u\x96\xb9(\x9e\x1b\x9e\xb4\x96\xa0\xda\x97\xbe\xff^\xaa\x9f\xbf\xdf\xbc~v\xf9\xe4\xe5\xb9\xd9\xedH*\xc4\x1dJ\x11\xd3lzj\xab,\xca\x8ab\x85B\x072\x1a{Hd\x17i\xf1\x87\x82\x0e\xe7\xf49\x90\xfa\x1a@\x97\xb9\x19dy\xec\xda\x96e\xfd\xcb\x10\xa2ey\x87\xc8\x81\x8eA\x14E\xc4B\xb3\xc34\xd0\r\x82:\x02\xf7\xa6\xaa\r7\x1e~\x84\xf1+\xcbo?\xde}h\x18jv\xcd\xd6\x11\xd4t\xba;U\xfb\x8d\x1d8\t\xfeR\xbdZ\x15E~wW\xac\xba&gt;T#\x95\x16\x8b3ZaB\xe6\xe9\xe0\xd2\xe7(\xc22\x0c\xdd\t\xb7\xf1~I3\xc1b\xe7\xba6\x14\xa5\x1b9\xcb\x83\x1bFk\x072br\x19DD\xbd\xa0AH\'n\xab\xb5\x07U\xf1\t\x14\xc50\x8bO;PA\x9f\xeb\xaez\xa8\xa5g\xead\x0f.6\x1e\xab\xb4^\x159\xd0r\xb0\x8d\x08\xea&gt;OF\x8a\xb5\x1b\xb3}z\x97-\x1bP\xdb\x88\x95\x02Q\xbf\xe3\x9da\x87\x98\xf3a\xb8\xde\x94b\xe8\xfb\x9em[\xf4\xb9\x10\xb8\x03IY\xbaU\x1b\xd9\x06\xe3S\xcf"z\xcb\xe3i\x07}\x98\x8atz\x802L\xba\x98\xd9\xa9\x80+N\x94J\xd3\x9aE\xbb;\x9f\x17\xab$MG\x17J)\x0e\x1c\xbe\xc4\xb7I2\xe8\xa1`\x9d\x85\\_q\xd9A\x10\xb8\xf16\x8e\xd6\x87\x1b\x82\xf0}\xe9\xdd\xdcH\x1ch\xbe\x94\x98_\xe5\xbe\xadn=\xd2\x0eX\x9e\xc0\x18\xb9\xf2\x805\xed\x80\xfe\x83\x12\xd4)\xban\x9a\x1d\x16QM\xba\xa7I\x92\xdf\x9f\xef[\xc0K\x00\x00\x00\xfeIDAT\x17\x90-\xcf)vI\x9d\xa0j\xaa\x0c5@\xa6\xd0\xfe\xc4c\xdb\x84\xe3 Dh\xb6p\x8b\xdc\x88n\x01\x08\x1e@}$&lt;MjR\x0c=Pm$2\x85\xe1\xcaA\xc3\xe1\xd0\x8e\x9b&gt;\xe3\x1dU{\xdcxH&amp;IDX(&gt;$(\xec\xaa\xa6P\xa9\x00\xca\x80#\xa7*\xb2:q\x02\xa5h\x1b\x00\x896p\x99$\x14\x06\xc4#\xac\x1f\xb2mTJ\xcb\xd208-`\t\x0fk\x88\x0e\xcb\x177\xd0*\xdeH\r\x86j\x1a\x8d~\x9c\x84\x95P\xd0^3\x0f\xa95kN\xf1\xa1\x140\x90qz*\xb3\xeb~(EQ\xbf\xcfS\x92Ogk9U|\xde\\7\xf5\xb99\xb0\x86\xdc|\x94e\x9a\xe9\xf4\xef=w\xbb=\x94\xbcV\xe6\xfb\x8d/\x05\xa8\xd8L\xd8)\xc4\xba\xad\x0e\x940!,\xc9\xab\x0b\r\xaf\xc3t1C\xe2\xa9\x13\x9b\xe6T\xdd\x1aT\x1d\x8f9\xef\xb1\xc8N\xe2R)&amp;U\x1d\x8c\x99j\xfeP\xfc\x0b\xbc\xd2\xb9\x7f\x01\xe16\xdd\xba\xa3\xc5\x11\x84\x00\x00\x00\x00IEND\xaeB`\x82'</t>
        </is>
      </c>
      <c r="M300" s="3" t="n">
        <v>45492.67630787037</v>
      </c>
    </row>
    <row r="301">
      <c r="A301" t="n">
        <v>905461</v>
      </c>
      <c r="B301" t="n">
        <v>1981</v>
      </c>
      <c r="C301" t="inlineStr">
        <is>
          <t>Rodrigo Nestor</t>
        </is>
      </c>
      <c r="D301" t="inlineStr">
        <is>
          <t>R. Nestor</t>
        </is>
      </c>
      <c r="E301" t="inlineStr">
        <is>
          <t>VOL</t>
        </is>
      </c>
      <c r="F301" t="inlineStr">
        <is>
          <t>VOL</t>
        </is>
      </c>
      <c r="G301" t="inlineStr">
        <is>
          <t>VOL/MEI/PE/MC</t>
        </is>
      </c>
      <c r="H301" t="n">
        <v>174</v>
      </c>
      <c r="I301" t="n">
        <v>11</v>
      </c>
      <c r="J301" s="2" t="n">
        <v>36746</v>
      </c>
      <c r="K301" t="inlineStr">
        <is>
          <t>Left</t>
        </is>
      </c>
      <c r="L30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b6654ac-008f-4a59-8006-f8f378fb3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\x9c\x04I\x00\x00\x02\xfdPLTE\xff\xff\xff\xf1\xc6\xb6\xeb\xbc\xab\xe7\xb9\xa8\xf7\xf8\xfc\xfb\xfc\xfd\xf4\xf5\xfb\xfe\xfe\xff\xfd\xfd\xfe\xf9\xfa\xfd\xf2\xc3\xb2\xf0\xf1\xfa\xe8\xb3\xa0\xea\xb6\xa3\xee\xbe\xac\xf0\xc0\xaf\xeb\xb9\xa6\xee\xc2\xb2\xeb\xae\x95\xe4\xb5\xa3\xee\xb3\x9d\xd4\x9f\x8a\xf4\xc9\xb8\xdd\xad\x9aT1-\xf8\xbd\xaa\xf8\xce\xc0\xe4\xb0\x9cA""\xcd\x97\x84\xe6\xa7\x8b\xd0\x9b\x88\xdf\xa0\x86\xda\x9a\x80\xf9\xdb\xd0\xdf\xe1\xf3h&lt;5\xe6\xaa\x92&gt;*,\xea\xeb\xf7\xf0\xb8\xa6\'\x1a \xad{k\xe0\xb0\x9f\xd9\xa5\x95\x8e\\O\xe4\xa4\x87\xed\xba\xa9"\x1d)\xde\x9b\x7f\xd9\xa4\x8f\xa8uf5"&amp;\xdd\xa9\x94\xf6\xba\xa6+#,X86\xc8\x94\x81\xe3\x9f\x85B14\xef\xaf\x97a4/\x9fl\\J12\xfb\xd5\xc8\xf2\xbc\xa9\xd5\x93y\xf3\xca\xbc\xf8\xf6\xf7\xf1\xf0\xf2\xc4\x84q\xabo[\xf9\xca\xbb\xb6}k\xc0\x89w\xe9\xaf\x9c8.4\xf3\xbe\xad\xd4\xa2\x92E:Chcj\xf9\xc1\xaf\xd3\xd5\xe9\xcf\x91|\xbb\x86t\x87mh\xeb\xaa\x90\xf0\xb6\xa1\xf5\xb4\x9f\xb3\x82s\xb4\xb1\xb4\xd9\xdb\xef\xe9\xbf\xb0\xf6\xb6\xa4ODF\xa6\xa4\xa8\xe1\xa9\x96\xd0\x8dv\xf5\xb0\x9b\xd4\x96\x81\x1b\x17 \x89\x86\x8a5\x1b\x1d\xa1rfK)\'3(-q@7\xdb\x9e\x8e\xbb\x7fl\xd9\x9a\x87\xbe\x8c~\xe1\xa4\x8d\xe4\xdb\xd9\xc4\x90}\x9fbP\x80PE\x98gX\xf7\xe7\xe2\xe5\xe7\xf6\xa4iU\xf2\xce\xc1\xb5xc\xe9\xa1\x8b\xa1\x9c\x9f\xf9\xe0\xd8&lt;3=\xf5\xc4\xb4\x82}~\xbc\xb8\xbbxtzbA=\xc2\x80i\xeb\xe8\xecvmn\xcc\xce\xe3/(7\xa3|s\xf6\xd1\xc6pFAO:;\xdb\x93~\x84aZ\xcc\x85o*.A\x96aRWTazG=\x98\x94\x97\xe2\x97\x83\xc4\xc0\xc2\x81~\x88wa_\x8dUE\x8dd\\\xca\xad\xa8\xb2s_\xca\x88v\x80XP\xe9\xa4\x92\xc8\xc6\xc9\x0f\x0b\x16\xc1\x96\x8a]FF\xac\xaa\xb1\x87UJ\x85M@\xb4\x95\x8e\x96ZIvOG\x98ka\xcb\x9e\x93\xca\x8dz\xdf\xd3\xd0\x92\x8c\x8d\xd1\xa7\x9b\x94sl\xb6\x8d\x83\xd8\x87y\xfa\xc6\xb4\xcf\xcc\xd0miu\xe0\xb8\xac\xf4\xd5\xcatXU\xc6\xc6\xdc\x97{u\xdc\xda\xdf\xe3\xe0\xe6TLS\xfc(9\xad\x84z\x8ats\xc0\xa0\x98\xe8\xc4\xb9iLIkVU\xab\x8b\x85\xf8\xee\xeb$\x0b\x11\xcf\xbb\xb8\xf3\xe1\xdc\xd5\xb3\xaaf]^1\x10\x14\x8f\x8b\x96\xea\x98\x89\xde\xbe\xb4\xb6\xb7\xcd\xb2\x9d\x9a\xf6\xa5\x9a&gt;@P\xb2\xa8\xa8\xd9xx\xcdgk\x99\x95\xa3\xeb\xc8\xbf\xbfxe\xa0\x84\x80\xd9\xc9\xc5\xd6\xd4\xd6^ST\xe1\x84\x83\xfb:G\xf2\xa1\x8f\x9f\x9f\xb7Q \x1f\xaa\xab\xc2\xc0\xbe\xd4\xee\x97\x9b56G\x9f\x91\x91&gt;\x06\x08\xa4TV\xeb\xe3\xe3\xf6ip\x90\x7f~\xf2}{KHZ\xf5\x8d\x88\xb6U[M\r\x10\x80:9` !\xf8M[\xeb\xd2\xcbv$%\xbdfg\xa3JN\xf8\x14!\xe8"5\xfa\xb5\xb4\xeb\xac\xb5\x95@B\xee[g\xbe\x1c/\xd4\x13\xf5\xa4\x00\x00 \x00IDATx\xda\xec\x97\xedOSy\x16\xc7G]\x17!\xe3\xa0\xb5\x05\x82RZC\xd9V\xa1^j\xc9My\x90\x94\x07\x1fh\xb1\xd7 %4\xe4VB/R\x15\n\xb8FMSn;rCw\x19f,7\xb7\x05\x95\xb4\xa5\x83\x0f\x8c\x85\xc6\xd6!\x94\x06E\x18q\xba\xc4\x90m\xc2(\xf4\xed\x92\x18\xe2\xbb\xfd\x03\xf6\xdc:\xbb\xc9\xbe\xf7\xe2\xbe\xd8_{\x9b\xa6\xbc\xe0\x93\xef\xf9\x9e\xef9\xbf\xaf\xbe\xfa\xff\xd9\xe1\x93\x96\x96^[W\x0b\'==\xbd\xb6v\xefWi\xff\x0bL{\xa3^\x83\x95^5\x06\x0cv\xbb\xd1h0\x04\x98\xf0@\xfa\x97\xd6i\xc0\xe8\x8e`\x14\xe5\x88D\x1cn@[_5\x1a\x03\x01\xa3!\xfa\x87/HU\xc7\xacG\xb0\x14\x10\xe1v\xc3{\x95\xa0\x03\x06P\x8da\xec\xde/\xa7\xd8\xa6\xc3\x85E\x88U\x9a\xa6W\xad\xab\x04\xe1^]7\x80TPK\xaf\xdd\xcb\x84\xa3\xb5_\x04\xaa\x96q\xb8I\xd2A\x06\xad4\r\x962Z\x03F+\x1d\xb0{\xbdv\xd0\xca\xeb\ron\xd6\xed\xbc\xa9\xea\x18\x9atP\x80\x859\xdc\xb4\x15\x0e@\x81T\x89\x00\xf8\x1e\xcce\xb7\x87\xc3\xd1\xe8@\xed\xbe\x1d\x85\x1a0\xb8\xdd)\x97\x07\x83\x04m5B\xdd\x18\xaf\x81&amp;\xacVx\xe0[\x00:2\xb1\xb99\x1f\x8dF\xe7kw..\xe6W\xdd\x14\xe6\xa6\xc9U\xa3\x95 \xa0\x80V:a\xb7\x1bh\x90\xc9\xce\xb8\x83\xc0e\xb0\x1a\x8d\xccf\xd8\xeb\x85\'\xbaC\x8a\xa5E\x89\x88\xcbA\x10d\x90&amp;\x88 \x18\x0b\xba\x8fv\xc0\x0f1&lt;\xbeeL\x10A\x83=\x900Z\r\xe1p\x18j\xe9ev\x86k_\xd8\x8dan\xe0!\x1d\x04I\x12\xb4\xc1n00^#[Jc$\xa63\xe3\x9e\xad\x04k6\x837\x0c\xba\x81\xf9\xbd\xf3;P\xc7\xbdv\x02\xb2\x8a"iP+H\x04\x83t\x10\xe0(\x8cX\x0f0\xd0~\x06\xa3\xc3\x86\xe0\xdb\xc4\x16\xb9e]ch;@3af\x80\xfb\n\x86W\x1d1\x0c\xc3(\x92\x02\xa5\x82\xb86\xe6\x80\xf4\x82l\x0fR\x13K\xe4\x16\x1d\xa7\xa8\x98\x0c\xa7(2\x1et\x181\xab\xd1\xb1\x96`\xbc\x0c\xd7Q\x916\xef\x8e\xb8X\xaa8\x9e$\x13\xd6\xa0+\x02\xe6\x02\x7f\xb3\xf3\x90t\xd9\xcc1]\xb9N\xab\x95\x99u\x14N\xc5I\x9b\x87v\xc4)\xeb\x06\x13\xe68\xf2\xeb\xdc\x0eW\x0c\x8b\xc7\x93\xc9\x18\x16\x0cn\x81\xb3b8\x1542\x1b\x1b+\xc1m\xcf\x12\xfc\x8e\x0f\x95kQ\x93\t\xd7\xea\xb4\xb6A\x17A\x93\x18\x01\xbd\xc9\xad\xbd\xd2\x02\x11,\xe6\x8ac\xf1%&lt;\x1e\x87\t\x1d4\x90\x14\x91\xf0n\xdc\x9b\xf3L\x14VM\xcc\xce4yf\'\xf0r\x99\xcc\x8c\x9al\x08h\x06\xe6\xc30\xd2`\x7fZ\xc7i\t#\x91\x8f.,\x89\xe32\x04\xb5\xe9b\xe0\xab\xed\xad\xc4\xca\xca\x9agbbv\xb8\xc9\x19\x9a\n-\xcc4\r\xcfN\x0c\x95\xe3Z\xad\x19\x87\x11\x10\xb4\xc2\x84J\x04\xd7\x9er(\xd7\xdeu\xd7\xc7\x18\xa6\xd3\xe9L\xa0\x06\xaa\xd5%\x93M3p\x86\xc7\x9f8\x9d\xce\xeen\x95BQ\xa4\xf2\x87B\x0bs\x9e\xd9\xa5$\x1es\xe1q2\x910\x90\x8em\x8a\xda\xe2P\xae0\xe6\xd2\xfd\xddf\xb3!\xda\xf2\xf2r\xb3\x0e\xafz\xf5\x18\x88.v\xabT\xaac\xb7O\xb7+D\x96\xab\n\x81\xa0\xe8\xfc\x94?47\xbc\x94\x8c\xe1\x18\trQ\xf1d&lt;\xe6\x89r&amp;W\xad[\xa7EQ\xc4fF\xf1*\xa5\xb9|\xc23\xfc\xa4\xa5;///\xbf\xf1\xa7\xde\x8b\x17\x1f\x88Eb\xb1H$\xb2\x94\x96^*\xcd\xef\xf6/\xcf\xbd\xc0\x1c$Ib\x946\x1e7k\xc9:\xce\xfcn\x1bDM\xbeA\x145\'\x0b\x87&amp;\xc6\xc7N\xdd?w\xba\xb1K,\x16\xb7W76\xb6\xb5\x95\x94\x95\xc0\x11\x89\xe4\x12\x89\xc8\xa2\x10\xf4.\xbco"!X\xe3I&lt;\xa9Cl\xc9(W\xce\x8a\xa0\x88\xc9\xe4C\xb4(\xeeY\x9a\x1d/\xbey\xf3\xfe\xbb\xd3?5VW\x03XI5P\xc9\xe5eee\xa22\xa1D(\x97\x88J\xc4\x02\xbfsn\x9br\xc4\xb1X\xcc\xacEt\x0cGU\x1c\x184\xf9|,\x96\x16\xf3\x8c\x17\x17?\xea\xbby\xfb\xce\xf7m\x00U\x02\xafj1\x8b%\x14\n\xd9G(\x97\x83n\xe2\xf6\xde\x85\x19p;\xb8\x1f\xc5M\x08\xc1\xcd\xc4\xde\xb7\xceB\x99LH9\xbe4V\\&lt;\xfa\xa8\xef\xcc\xbb\xef\xdb\xda\xc4\xf0\xff\xc5\xd5\xd5\xd5%eB\xa1\x9e\xc7\xe3\xb1\x0fO"\x84\x82\x8a\xbb\xf2\xa6B\xcb/^x&lt;I3\xea3\xc5\xb9Y\xa2\xd3\\&gt;\x9f\x0fAP\xf0\xfa\xab\xeb\x93\x93\x80u\x9f\x15\xabD$\x17\x89\x80\xad\xc4"\xe4\xf1\x0f\xec\xd7\xf0\xf9\xfb\x9b\xf9&lt;\x9eP\xcer\x9d\x9f\xf6\xbf\x9fkjZ\xc2\xcd&amp;\x93v\x9e\x9b&gt;\xfc\x07\xa8\x85\xa0haU\xce_\xafO\x8e\x8e&gt;b\xc5\xaa\xfe\xaeD\x0e^\x12\x81\xa3\xf4\x80\xc5\xe7k*\xf8\x07\xa4\xd2\xfd\x15&lt;\xbd\x10*+\x98\x9e\n=\x9c\x83\x80\xc5\xb5\x08b\xe4\xc4\\\x03\x08\x88\x85\x9a\x95U9\x05##\xacZ\xf7\xef\x80\xdbE@\xc5\x93\xc8\xe5r=\x94O\xc3\xaf\xe0\xf1\xf8\xd2\xfdR&gt;_\xaf/\x03\xac\xea\xbci\xff\xc3c3c\xa0\x97\r!\xb9\xc0J\xdbd\x8d\x85*\x95\x9d\x95WFX\xb1\xc0\xf0,\x96\x08\xb0@/\xf8\x040\xa0\xaahnVK\xd5\xcd\x15z\x11k\xb9F\xc1\x94\xaa\xe5\xe4\x13\x98\x95\xb8\x0e\xe7b\x8dH\xb3\x9a\xe0\x98;\x949\x95WXc\xf5\x9d\xb9}\xba\x8d\xe5b\x91\xa0\xffX\xa7\xf35\x1a\xf6\x93\x9f2\x97\xa8\xa4\x04\xfe\xdc\x9e\xdf{\xb1\xc597\xf7\xc2\x13\xe3\xc6\\.\x10K&amp;\x93\x1dIa\xf5\xf5\xdd\x04\xac\x07m\xac\\r($\xbc\xf5\x15`(\x89^(\xd1h\xf4&lt;HT\xf0&lt;\x9bh\x82|U}\xcb\xf2\xfb\x87\xdb\x14\xceEr\xd5\xfe\x80 \x80\xd5\xd1\t\xd6\x9a\x84\xcc:s?\x95Zll\xc1\xc0\x81\xc8\xd2\xeb\xf9\x15@\x05\x99\nF\x93\xb3\xd1\xca\x86\xbeXq^\xd5[\x1fz\xb8\xb6\xb6MY\xb9\xb8\xee \x9f\xb0r*\x0b\xaeL&gt;\xba\x99\xc2\xba\xc3\x96\xb1\xfa;v\x12Bj\xf1*x\xcd\x10\x0c,\x17 A\xe0\x97\xb1\xa3H,\xc8S\xa9\xfc/\xd7\xd6\xb6\xb6\x08\x0e\xb0\x18\xc0BR5,\xb82\nb\x01\xd6\xbb;P\xc66\x08\t\x91\x85\x8d\xf6\n5\x9f\xcfc\xab\xf8\x9f\xa8\x97\xcbEe\x80\x95\x97?}\xef\xde\x8aa\x8d\x83\x9c\xdfg\x1cd\xa9:\n\xff\x0b\xebA[c#K%\x91H\xd8\x16\x94\xf2Y\xe3\x83\xc7\xa0#\xf5),\x88ZXu\xf2\x7f]Y\xd9\x80\xfb\xed\xe7_"\xd2\xdc? \xbf;\xbe\xb2\xf2\xd1\xdd&gt;\xb6\x8a\xd7\xee\x9cnll\xef\xea\x12I\xd8\xf6\xe3\xf3\xd5\xcd\xd0\x83R\xa9Z\xadn\x86^\x94|\x92\xcbb\xb1\x94*\xde\xfe\xba\xf1t\x83I\x0cp0z\x06\xff\xed\xf8\xca+\xa3w\xef\x02\xd6\xedk\xb0?\xb4\xb7wY,\xc2\n\xa9\xb4\x99\xcd+\xbe\xb4\xa1\xa6\xbf\xa6A\xaa\x96J\xf9\x1a\x89\xdc\x02\xcd`)\xbd\x94\x9d\xbd\xf8\xf6i\x0fp}~\xac\xf4\x8f(\xd4P\x06aZP0\xf2\xe3(\xc8u\xe6\xdc\'\xaa\xab\x16\x89\xa6Y\x9a\x99\xd9\xd0\x90\xd1\xdc\x90\x91\x9b\x9b[\xb3+3Sz\xe2\x80\x86\x07B)D\xb0\x13^:\xb4\xf8\xcf\x9e\x0f==\x9b\x9f\x1f\xeb\x8f\x1fSj\xa5\xac5r=\x15\xf2\xf5\xbdy\xf9\x82\xf6\xae\xd2K\x9a\xaf\xd5\xbb\xb2r3\xfa\xfb\xd5\x19Y\x80\xf5\x97\x9a\x9a]\'2\x0f\xb6\xee\xc9.R(\x14\x87\xb3\x0f\x7f\xddz\xeb\xc6\x9b\x0f\x1fz\xc2u\x9c`!2%k-\x18\x89#\x93\xc5\x97\xeb\xfd\xf9\xf9\xe7\xe1\\-\xbd\xb4\xff\xc4\xad\x9a\xac\x8c\xb3\r\xea\x8c\xfe\xdc\xdc[55\xbf-.&gt;\x7f\xfe\x16\xb6\x1agK\xd1\xf1\xe3\x87\xf7\xec9\xfa\xe6M\x0f\xa8\xc5\t\x16\x9a\xc2\x02\xb9\n@\xb0\xf11\xa73\x14\xf2\xfb\xa7\xa6\xf3\xcf\x97\x1e\xdfs0\xebl\xffY\xb5&amp;3+\xab\xe6`\xeb\xf3\x97\xefgfg=\xf1%Orbv\xfa\xf8\xa1C\xadG\xdf\xdc\xf8\xc0\tV\xdd\xefX\x9d\xc0\x95\x93\xd3\t7\x8c\xa1\xa1\xaa\x0ee\xe1\xd0\xe3\x99\x05\x7f~\xf6\x89\x8c\xacg\xcf2\xd4\r\x19\xbbZ\xa7\xc6&amp;t8\\\xdalZ\xad\r/W\xce&gt;o=\xf4\xdb\xcf7~\x01\xac\x1eN\xb0\x06e\x9f\xb0:\x8f\xbc\xf6\xf9d2XsL\x88i\xd0\xa4\x1d\x9a\xbd\xac:\xfc\rX\xab\xff\x9b\x8c]\xbb\xa7\x87\x0b\x952\xa5\xb2P\xab\xc3\xcb\x87p|\xa8\xe9\xde\xe2\x9e\x83\x9f\xb0\xb8P\xcb58\x98R\xab\xf3\xc8\x11_\xea\xc0\xbe\x89\xa2\xb0T\xbcV\x16&gt;n\x11\x1c\x96\xa8/ded\xee~\x1ez5TU\xf5\xed\xab\xe1\xa6\x85\xd0\xc2r\xe8a\xe8\xa5\xf3\xde\xe2\xe2\xd1\x1b\xbf\x80X=\x9f\x7fm\xfe\x93\x0bnc\xe8\x11\x16\x0b\xb4z\xad\x84\xcdyx\xf8\xf1\xe3o;;\xfe\xd6q$\xe7I\xaf\xa2\x94\x7f\xe1YC\xc3\xee\xec\x85\xb1\xf1\xe2\xbb\x7f&gt;\xd9\xed\xf7w\x9f\xab\x17\x94\x1e\x9f^^\xfe\xf9\x16\x8b\x05\xc9U\xcb\x8dZ\xa8\x12\xb8:|\xa6B\xcf\x8c\xd3y\xea\xd4\xc9c-\x0b\x97\x7f,\x80\xd8\xbf~R\xd5\xc5\xeb?{\xe1\xc4!\xc1\xc5s\xd7n\x9f\xab\xcf\x13\x14\x15\x15\xfd\x8bV\xb3\xfdI3\xcd\xc2x;\x8dC\xb7\xa9\xdb\x19K\xac\x8f\xa2\xa2\x01\xa3\x08m,\x1d\xa4\x14p\xb5\xb3\xbc\xfa2\x04\x17\xe9\xa64\xbcd\xd5\xd1\xc7\xd2\x82\x06y\x82f"NZ-e\\CvQ(I\'R\xaa\xb8Ma\xb7\xee\x87mlmF\xd4\xb04\xcb\xd4F\xc6\xc6\x106\xb6:\x13S_\xe2K\xb2\xf1\xc3\x9e\x87\xdd?\xe1\xf1| |\xfc\xe5:\xe7&gt;\xf7u\xddpQdW^&lt;W&gt;\xba4\x05X\x93\xd0D\xe2\xb1&gt;\xfd\n\xb0\xbe.\xa1P(\xcd\xcd}#-la\xa0\x93\x81\xde\xae/_x\xf240,\x10\xf8\xad\xca\x02\x85DQ\xaa\r\xa2v;\xea\xf1X[\xa6\xa7\x1bEJ\x83\xb7\x83Y~}i\xc0\x96n\xe2;\xe2\xed\xe9\xc9\xbf\xdd\x81&amp;\x96P`\xb4r\x1ew\xb6\x08Y\xfe1s\xe7\xc8\xdd\x87O\'\x16\x9e\xb0\xdbvv\xdcvji/B.\x12\x89\x9cv\x8f\xc5\x9c\xd3Li\x15\xdcg\xc8\x94\x1d\xed\xda\x1333\xf3\xb3\xd0\xc4\xc9wG`\x03\xff\x94\xc6jm\xcdi\xed\x1b\xeb\x14\x0bi\xb4\x9c\xe6h\xa4\xac\xb9jD\xf6dA(H\xb5\x89k\xb28\xea,\x83\xd7Y\xef\r\x8c|\xa0D\xbe\xba\x12\xf9\x96\xdb\x19l\xa7\x1a\xcf\x9eX\xc2\xd5\x9a\x9c\xbcu\x04\x9e\xf9\xdf\x80u\xa7\x04\xf6\x03w\x90%\x14\xb6Q\x9a\x9f\xdf\x88F\xbe\xfb\xfe\xde\xbb7C\x89\xdb\xc3\x02\x9a\xc9\x89\xa9\xf9\x05\x86\x1a*\xd3\xfahb\x8eK)\xdb\xa2|\xf3a\xb0\xcd\xea\xa4\xe6\xa5\x17\x04`\xfd|\x14\xcf\xde=w\xee\xf4\x94\xe4pshf\x96\x1b\xa8\xbe\x7f\xf1\xed\xdaZ3\xe5\xdb\xfe[\xa3\xeb&amp;7m8`\xe7\xf1U&lt;C\x11\xd5\xe9E\x1bG_\xb4\xb6\xa6^,O\xb0\xdd\x1eg\x07\xfd\xf4\'S\xb6y\x10\xab\x9f\xf8&amp;\x92\xfe\xf1\xfeN\x0f\x8eEkc\rm\x0bR)\xf3\xf8\xddW9\xdc??zy\xb3Qj\x1d\x1b\xf4\x9b\xec.\x15\x9fW\xa4,\xba\xc8\xcc\x97]{z\xf7\xd1\x0f\xd7P)\xdb\xabst\xc8\xf3&gt;\xeb\xb6uM.\x1f\xc9Ce\xff\x8f\x95\xef\x01\x8b\xd6f\x16\x9a\x02ns\xdb\xb0{\x8c\xc5\xbe\xfbpta\xa1\xb0\x91\rV\xc7\x94(R\xf1\xb1\n\x83\xf2b;\xb3\xb0&gt;\xff\xc9D}&gt;\xd8\x1e\xaa\x91z\x9e.\xcf\xec\x9e\xb2MNN\xfe\x96t\x8cD\xac`$R\x7fC\xe5\x8f=%\xb8XB\x8bE(\x14\x06\x02b;x\xd3z&amp;\xe4-\xd6\x18\xf8\xaf\x84\x03\x83.Bfm\x87*?{\xfd\xac6\x0f\xbc\xb4\x91Z\x90E?}|\xcavkrwr"\xf8\x8c\xd0\xd5\x95\xf1\xcdO\x7f\xa8\xac|\xdf\xd0\xca\xa5=\x06,6\xa3Q\x86\xa2"/\x18\xe6\xc2\xc2\x89\xcb-\xac!\x8b\xc9\xe4\t\x01\xd6y\xfc\x01\xe7\x8bs\x00&amp;?\x9dN\xb1\x80\xa5\xa2g~\xdem\x9b_\x9e\xaa\x0f\xb9\x8cK\x04\xc6\x0c\xd2\x07\x9a\xa0\xb9\xac\xac\xa7\xa1\x8aK\x1bv\x0fY\xa4\xb2`0h0\x18\x8a:\xda\x99\xccB\xa9i\xc8"6\x05\xc4N\x17\x86A\x06sA\x80\xcd\xcc\xcb\x83\x80M&amp;\xf3\xc1\xd1\xd31\xc0Z\xc2\xb121\xfeb\xac\x8b8\xacw\x83m\x02J\xb4\xac\xb6\x01\x9f-\x08\x89\xa8\xcc\xab4\xd48:\xda\xdb\xb5\xda\x8bJ\xab\t\x92\x7f `\xb1;x.WQ\x85\x0b\xe3\x93\xc9\x99g.\\(m\xd2\xa8\xf9*\xc8@\xf4\xcc\x99b\xdb\xfcn\xf7\x05rl\xe5\xad&amp;\x830\xb1~\xda\xde\xd9I5G+\x1bJZ!\xe9\x0fy [\xc0\t\x83\xf8\xa0\xcd\xe3Ux=b\x8b\xc5\x04\xf9?\x11r\xb9*\x1c\x0e\x17O\xa5W\x97V\x9f\xa9\xe3Tk w@v\x94_\xb8\nGq\xf7x\x9d"\x1e\x8f}$L\xae/\xc7\xb7w\xb6\xb6(\xcd\x97\x00+\x87\xe67\x89Q\x91\xb2\x88j\xf4\xf9|t\x9e\xcb\x81_6&amp;w\x1bl\x08\x07\x0f\x9a\xa8\xac\xc0\x92|\xbd\x9a\xc3A\x14\x9c:\x0e\x87\xa3\x01\xb03W\xe1V\\\xfa\xac:7\xfe\xf1?\x1b\x03Da\xddZ?\xdcKmE\x9b\xcb\x1a\xaeT\xc165\xa5\x1f\x98]\x80\xa5\xe2\xf1\x1c5NgB\xec\x1e\xa6\xf9-NX\\*^\x8dN\xc5\xd7\xeb\xd5j\r\x82p\x14u\xf0\xa1Q7\x9d\x01g\xd3\xb5p:\xa9\x8f\x7fTlh\x08\xda\x11\xa4\xd1\xf5\xf5\xbd\xd4Z\xb49\xdas\x05\x86k\xcc$\xb6\xdau5.\x9f\x0fSa\xd0\xb4\x1a\x9d\xdd466\x1c@u\x05M\x1c\xbd\xca\x15r\x94"\x88F\xa3V\xeb5\x1c\x05P\xf1\xf5M\xa7\x06\x8ag\xbb\xce\xd1\xc9\xc9$\xa8\xa5\'\xe8,\x92^\x02\xd6\x16%\x1a\x8d\xd6\x82\\\x83cB\x8bT\xe4\xd4\xb9xX\x81\x0f\xc3\x87&lt;\xe8\t\x88\xc5\x16\xab\x8eJ\x96H\x10\xbd\x0f\xc3|\x92\xdc\xdej\xe8\xa2\x9a\x83k\xa5&amp;\x97\x9e\x9a\xb2uu1\xdf\xea\x15z\x1c\x8b\xa0\x99?\xf9h\xfd`\'\xd5\xba\xb6\x16\xbd\xd4\xd0SE\x1b\x13\xc2l\x05\r\x15\xc6\xf3X\x01\xe6\xc2\xce\x1b\xc4~\xb1\x1d\x95\x8atY\xa7l6\t\xe8\xc3\xa9.\x95H\xe0\x0b^8\x96\xbe\xf4x1`\xcd\xb8baEL\xf3\x0bBT\x13\x9f\x1e\x1c\xee\x08Rkk\x91\x08l.\x1a\xd8\x1a+&gt;\xf2T\xdey\x9e\x0f\xf3\xd1E{~\x0f\x8aJ\xa5Jr]nn/\x02\xb1\x9f\x0fr\xfdF\xd2[\rT\x1c\x8d^O\xae\xce.\x9e\x9f\x9d\xef\x8e\'\x11I2\xfe\xcb\x00QX\x0f\x0f\xf6v\xda\x00+\x1a\xa9\xbdqO`f\t\x01\x0bn\xbb\x0e*\xcf\x97\xc57\x8a\xb7\xb6\x03{\xa9\x1c\x16j$W#\xa5r\x91g\xd3\xe9C\xc2\xb9\xb9\x920\xa2Pp\x10\x8d\x1a\xb26\xf8\xad\xf9\x01E\\/\x89\x7f\xdc jA\x90\xe6\x0e\xf6\x04i\xac\xb2K\r7\xb8\x8f\xc7:\xad\xd0\xc4\x8e"\x87\x91\x0eG\xcf\x95\xd8\xde\xf3\xc0\xecE\xda\x82F\xba\xbc=\x11\x92\xc7Bq\x85D\x82s\x85\x15\xb8`\xd5\xbd\xb9\xb6\xd9\xae\xc9l\t\xc8\xa5\xdf l\x9d\x9e\xec_\xdf\x13\x0c\xa7\xd6\xb6\xc0\x8d\xd6&gt;\xcf\x19\xfc\x1f\x96\xa1FG\xf7\x15\xf8x\xa1\x90h\xfd\xf0\xf0p{g\xcd/\x13\xe5w\xe8\xe3+\x8b\xa1\xa4F\x11\x86\xf1\n\xa7\xe7\x8bS\x97=\x00X\xcb\xbd \x95\x9e\xbcQL\x98\x87\xc8\x98\xc6\x9b\xb8\xb5\x05r}\xfd\xfc\xde\xa0y\x88\x8dz\x95E\x1d\x1dT\x17\xcf\x11\n\x85\x9c\x89\x84\xd4\xc3`\xb3\xb6Mb\xa5\xdc\xe7\n\x85\\\xb1\xb8\x1aA\xc2P\n\x05\x1c\x81\xde\xecb\xdb\xec\xfcrX\x91\xdcH\x96&amp;\x89\xb3\x10\xa4\xb9\xed\x1d\xda\xd6\x1a`E\xcb\x1a\xee\xf5\r\xb2`\xe6\xf1G\xe4"G\xc8\xe9\xc4\xb7\xa9\x90-e\\f\xd63\xe1\xe2\xaeg\xde\x94yC\xb1\xa4^\xaf\x01,\t`!\xd9Wa\x99\xee\xbev\xc5B1\xb5|\x80@\xc3\x951\xb2C\x83}\x1a\x89D\xcaz\xeeqasy`\xe6k`\x8f&amp;\x12\xf6\x84\xd5\xc4b\xb1\xa5Ae;S\xabe2\'n\xde\xbc,E\x9d1\x0c\xc3\xd4\x88"\x8c\xdfA\x92b\xfc\xa2\x1e\xd5k\xe4\x1a\xb2/\x838\xaac\'\xdf\x08\x04)\x08\xae\x80U{\x8fK3\x0fYP\xafN\xe9\xf5\xb8Mb`\xf2\xb3\x18\xb2\xa0\xd7\x81\xbb?\x07\xcf\xd8\x9e\xaf\xbd\xcd`\x8b\xbc^\x03\xa6G\xc2p\x01!\xbd\xc56\xb05\x0b\x8ap\xb5&lt;6p\x8c\xc8\xea\x1f\x14@\xe6\xa1\x80^\xb5W\xd2N\x10\xb6\xa7\xce\xea7?x\xfc\xc0\xccb3DJ](\x16s9B+\xc9$\xe6\xf3\xb53o\x8e\x8f\xb70D\xb8^\x08\xa2\xc8..\x9e\xda\x9d{\x89\x84\x15\x9f\x9f \xd4\x9c\x92H\xff\xea\xe3\xe2\x96\x0b\xc7\xaa\xa2\xc1\x8a`\xa0"Q\xa0\xad\xef\xef\xf7;\x85R\x98\x7fC(\xb4\xb2\xb2\x1a\x8f\xaf&amp;a\xaa\xc8r\xadvb\xfa\x87\xdf\xb5\x88\xf8\x1c\x04\xa9V\xe4\xa6\xb1&amp;\xa0\xa5\xbd]\x84\x8au\x8c\xf4\xe9\x87\xc1aA*\x1a\x89\x02\x16\xc85\xc4\x96\xdaQ3\xed\xd5\xfdq\x864\x18\xf4&amp;\xf6\xf7\xf7\xdfB-\xa6k\xc5G&amp;k\xeb\x1fN\x8f\xc8T`l8u\xb9S\xdd3KsO@\xb8\x01\xc2\x1f\xe6\x7f\xf5\xe6\xc1 \xcc\x17\xa5\xf2J\t\x17\xce"\x9c=\xab\x9f5\xce`\\\x93\xa2\xe2u\xbc677\x81\x0b\x87\xdb\x7f\xbb\x88\xd1O\x97\x9f\x9b.\xcc\xd2p\x9a\x90\xba\xab\xddS3\xaf\x01\xeb\xf8\xfc\x11\xfc,L\xea\x7fs\xff\xf1\xab\xbf\xfc\xb1\xa7\xa4\xaa\xaf\x0f\xa6\xcb#u\x0b/\xcb\xac\xc2\xe1m\xbc\x0e\x0f\x00k3-\xd9\xe6\x01T\xa2&amp;\xaf\xfc\xe1m:G\xddT\xfd\xeb\xebS\xbb\xaf_\xcf-\xcf\x1e\xd5\xbf\xcb\xbe\xfc\xb9\x9f\xf4O\x08e\\n\xdf\x83N\xb1\xd4\xc2\xce/\xd4\xe5\xb7\xb0\xfcn\xd0j\x7f\xf1\xff\x1d\x04\xc16\xf77\xc5h\xbb\xf6\xdc\x04\x9d\xc3)-=s}i\xe6\xd9\xe8\\\xc6\xb1#,\xd2\xef\xc1rq\xd3mD\xa5\x8c\xdb_\x18t"T\xea\x81\xd1Z\\\xc1kuuu\x05.\x1f\x87\xd1G\xff\xe4\xec\xb3z9\xa7\xe9\xc2\xa9\xe3\xd7\x97\x96\x9e-\xcc\x1d\xe9_\x92N\xfe\xb5\xa1\xaa\xaa\x8a\xdb\xf7\xeaA\'\xa3\x11\x95\xa1:\xa7\xc8\x0e\x81\xd1\x8b\x9f\xc4\x95\xd8\xeaj|u\x15,&gt;_\xcfW\x91\xff\xcb\xbb\xf9\xf6\xa4\x99\xa5a|y\xa8&gt;H\xf9\xf3&lt;E\xc5\x88\x84\x1d\xb5TA\xe2F\xb0BQXk\xad\xa3\xa26\x14\xc6\xb2hG;Y\x91\xda2\xcb\xc2\xce\xd866\x1d\xda0\x14\xa4\xb1\xae\xad\x85\xcaN \x0eEg\x02\xce\xb6\x8e\xd26\x82H\xd6e3\xabn&amp;\xe9\xc6f^\x18M\x9a4\xcd&amp;\xfbb?\xc0\xde\x87v\xbf\xc0\x0e\xf4\xe8\x0byc~\xb9\xee\xeb\\\xe7&gt;\x9e[\x16\xb5\xee\xc8\xf1~\x8c\x1c\xd8Z_\xcfl\xbe\xcc\xef\xa4\xd4\xb3\xe7\xd0\xcfC\x19#\x12\xe9%\xa9Twzx\xee\xe6it\x8f\x9d\xbc\x0c\xc7\xe3\xe4\x0c\xe4\xc39\xb4\x00\xac\xb8\xb1\xf7h\x7f?\xb6&lt;\xb0\xbe\xb5\x95\xd9|\x9c_\xac[w\xdf\xca\x15\xf1IE*S\xd7\xdc\xf0\x9d\xb9\xb9\xd3\xc3\xe8\xca\xd8\xf0\xcd\x1c\xff\xecXwM\xb6!=7\xd8\xfc\xa9\xa0\xae\xbb\x98\x89-\xaf\xff3\xb3\xe5\xff\xf1i~\xc7\x16\xdb\xef\xf6\t\x91\xb9"\x12\xbb\xd4\xee\x13\x9d\x86\xa3\xfa\xec\x9d\xef&gt;\x98\xb9\xfc\xe9\xd8\x9c\x8e?v\xf9\xc89D\x05X\x1f\x8dY\x14\x8d\x0c\x82\xba\xbc\xb5\x9e\x04\xac&lt;O\x07\xb6\xdf\x9d\xd0\xa8!"\xdc\x01\x9f/\x12\x10]\xbay\xe7\xce\xc9\xe1\x99\x99\xabG\x9a\xe1\xd0\xe9\xee\xef\x1f&lt;~\xfc\x02\xba\x8f]\x18\xe2\x1b\x82\xbdb\x0c\x1b\xd8\xda\xf2g6o\x14\xe4\x17\xeb\xd4\xdd&gt;\x8d\x10\xfd\xe1=\x15q;\x02\x0bR\xf4`=y\xe2\x044\x0c\xe0\xf4#\x17\x9a\x9b\xa1\xef\x03\xb5.4\x8f\xf1]KQ1F\xddZ\xcf$\xfd\xfe\xc7y\x1e=-:\xd37!\x14*\xe5\x0e\x87#\xe4X\x81\xfdx\xf3\xe6\xf0\xe4\xcc\xd5\x13W\xa1\x95\xf9G\xff`\xf1`\x16\xab\x19Jh1\xad\x05\xa3\x03\x19\x7ff\'\x9c\xbc\x91\xef\tO\xda\x93\xbe&gt;\xa5P\xe6\x91\x87\xd4\x0e\xb9|\xc5\x8b\xe4:\x89\xde\xcba\x136C\x05\xa1K\x1e&lt;\xd7\xdc|\xb4\xc4\xe5r\xad\xad-F\xa3\xc9\xe4\xce\x8e\xff\xab&lt;S\xfd\x02\xffB91\xa1\x91\t=j\xa1G.\x0f\x81\xf3;n\xce\rON~7\xf9\xf7\xab`\xf4\xc1\x9a\xe3\x00ud\x88\xbf\xb4\xe0s\xad\x05\x93\xe1d8\x93\x0e\xef|\x9bw\xac\xfbB\xa1\xe6\xbcY)\x14\n\xd5B\xa5\xc7\x11\x80S\xfb\xe1\xe9\xb9\x93\x933\x7f*&gt;7XSS\\|\xf4\x97\xddC\xbdk\xbe\x98W\x1fO\x87\x93I\x7f8\xbc\xe3\xffC\xbe\xb1h?\xc8d\xc2&gt;\x8dY&amp;\x94A-\xc1d\x91@\xc0\'\xea\xfad\x88QO\xb9\xde\xc3bt_.\x11\xf4\nD\xae\x85\x98&gt;\x16K\x84\xc3\xe9p\xfa\x95\xff?y\xc7\xc2\xff(\x1b\xa9\x90i\x94B\xa5\xd2\x8c\x1e\xe8\xe0\x1c\x8ax}Ku\\\xea\xfax\x1bI\xe5\x8a\xa3\xd1\xf0\x92\xcb\xe5\xf3\xc6\xf4\xf1\xdd\xddp:\x19~\xf3j\xeb\xfb\xbf\xe6\x1d\xeb\x85lDV!\x9b\xd0\x98\x85\xb2\xdaZ\x99\xd2\xa3\x0e\xa5V\x16\\\xc1\xe8\xf2\xfa\xfar/w9\xea\xf7\'].\xbdK\x1fO$\x10\xd8\xee\x9b\xdd\xe4\xf8\xf7\xf9W\xeb\x9ald\xa4\xa2\xc2\xac\x01\xb5\xcc\xb5MPIO*\xe5\x8b--E3\xe2\xe5\xc5\xc5\xe5L\xc6\x9fN\xef\xce\xc6c\xfaY\xbd^\x0fT\x89\x9d\xf5\xb6\xfcc\xd1\xae\tGF\x90^\xc0\xa5ij\x02\xc1&lt;\xa9\x10z\xd3LF3QW0\x18N\xa6\xe3q\x00J$\xfe6\x1bO\xc4w\x13\xe1e\xca{QK\x08r\x81^\xb5f\xa4W\x93\xb9I\xe9I\xad\x04\\.d\xeet\xd2\x95\x0e\xae\xc5\x12\x1b\xb3\x89x\xe2\xa7\x8d\x04\xd0\x059\x03\xe4\xf8\xed\xfcc},DO\x8a`{\x99Y\xa96\x0bk\x9b\xccj\xcf\xc6\x8aW\x1fK\xc4b\xf1\xb5\xddxz7\x16\x9b\xd5\xc7\x81\xec\r\xb8k\x89\xc3$\xc8\xb6\xf1\xf7\xa0\x96z\xf4-\xd7\xa8\x0c\x92\xcb\xac\x04\xc1\x94\x9e\x8d\xd4\xca\xca\xca\xec\xac\x17\x85\x95^?;\x0b\x9f\xf5o\xf4\xf1xP\xccd\x10d\xe9\xed\xf7\xb0\x13\xd5e\xa3\xe8\r\xb6b\xb4\x02\x05*,\x08\xd6\x90\x07\xbeB\xa9\xd0\xc6\xca,\xe0m\x9c\xf7l\x00]l7\xcae0@-\xca\xf8{\xc1*+C\xef\xfb\x15\xa3\xa3B\x19D\x97Z\xe9\xf18 T\xbd\xde@*\x95rx&lt;\x9e\xd0\xc6\x06\xec\xc3\xf8\xd2"\x8f\x07T\x04\x8b\x92\xe7\xdc\xc2\xf1\xa2\xc7\xf7\xcb\xe4--hB\x03\xc0\xca\xd4r5h\xe5\x81\xa8\xf7.\x98L\xe8\xdb\xe7\xf5\xfa\xbc\xb0\x13]K\xc1^.\x83\xc7d\x12\xbc\xfa&lt;c\x15&lt;\xfd\xf8\xa7\xf3g\xb2\xd3,\xd5\x08lt\x14\xdag\xd0N\xee\x90G"\xbe\x05\x15`IM&amp;\x13\x90\xc5\\\x00\xc5\x05\xadj\x88n\x01z\x1f+\xc8#\xd4\xfe\x8b3}}\xcf\xe5-\xd5\x17aU#\xc9\x10\x13\x1a\xb9\x81e\xb3I$SSv\xbb\x1d\xe0\xd6\x16\xeb\xc4\xb08\xd4\xfaV\x82\xc9`\x92\xb7+O\x1d\xca\xd3\xe5\xf5\x94S\xeb\xdc\x7f21\x11\x92W_\x9c\x9e\xb6\xd9\xa6\xdd \x19h\xe5p\xbb\xe1\xd3&lt; M}\xde!\xed\xd4)\x04\x8d\x8d\\1\x87\xc3\xe11\xa9\xac\x9eV&amp;\xc1 \xe8\x80\x85\xd3\xf2\xc2U\xe0\xfc\xacJ\xbb\x7fFc\xceb\xd9\xe6\xe7\xe7m6\xb7\xbb\x1a\xdddm\x12\xbbJ*\xba\xd4e\xe5\x97p\xc5\xb0\xf5\x98L\x0e\x93\xca\x11\xf3\x08\x92\xd5\xdaC0\x99\x0cl\xbc\xb2\xbd\xe8P^\x86a\x8dU\x85U\xce\xbd\xe7\xe6\xa6\x90\xa3z\xda\xf6\x00\xc4\x91H\xe6m\xee\xea\x16wd\xde\xae\x12Y\x14%\r\\\x1e\xc9\xba~\xbd\xb5\x86 8L\xa0b\xb0\xd8==\xa8\x88\x0cV[\xe5\xadC\xed\xf9h\xe7\x0f\xaf\x16\x16\x19W\x7f\xe8k\xfa2\x04\xf2@\xc9\xec*\x95}J\x02\\n\xd4\x08\x1a\x14\xbdb\x02cSJ?\xfcsOk=\xc1\xe1q\xc4b&amp;\x9bd\xb3Z\t\x94\\m\x95\xaf\x0f?\xbd\x97{\xdb\xe3\xce\xaa\x82"\xe3\xf6\x17\x1a\x845m\x93L\xa9LR\xa9\xd4d\x07\xae\x80\xd7\x07XV\x81\x98E\xd2\xaf\x7fX^\nT\xa0\x15G\xcc\xad\xa7\xd0\xe9\x18A0y\x0c\x8cR\xf9\xbbg_\xfd\xa60\xf7\xce:8\x86\x17h_@\r5)\xf7\xf4&lt;he\x12\x89\x0c"\x91Jb\x9b\xf7\xdaM"C\x97\xa2\x8e\xc9f\xd3o\x97\xd3Y\x04\x06\xe6\x12syPC6\x1b\x18\xbb\x11\xd6\xcb{?\xee\xe4|\x0c\x02\x7f\xbaZ\x88\xd3\x0e\x9e\xfc\xeb\xcb&amp;\xcdF\xe4\xad\xc5;u\xba.\x9d\xc8.\x91\xf8\x16\x00\xcb`\xe1\x0f\xb1\xea{~]\x8aQ1\x8cJ\xe5p\xb9\x1c\x0c\xb0X,\x0c\xbcEm\xab\xdc|\xf5f7\xe7\xff&gt;Y\xb8\xaf=\x84\xd3\xb6\xef?o\xfa\x95r#0?\xa5\xea@TV\xabE\'\x85\xa02IA9\x8b\xa2\x81Y\xcf.\xaf\xc7`\xc16\x14\x8b\xb1\x01\x92\xce\xa6\xb3\xa9\x08\x8bR\xb9\xf9\xdb\xd9\xc4f\x8e\x07\x92h\xdb{F\x84uF\xf6\x97Z\xf9J@\x92\xc5\xea\xb2*\xf8\n\xab\xc8\xa4ZX\x90\x8a\x0c:\x0b\xc8\xc5\xa0\x97\xd6\x83TT\x84\xc5\xc1H\n\x9d\xa4\x93\x80\xc5\xc4(\xb7\xfd\xd0\x83\xf9\x0brZE\xfc\xd9\xde~\xd5!\x1cO\xff{\xa4B\r7\xe9w1\xa5P\xf0\x05|\x9dI%5e\xb1\x14\xfc\x92\xa1z\x16A`Y,\x0e\xf4\rt:\xc9&amp;!\xb6\xe0\xe7\xf1\xa8\xea|\xc8O\xcb)V\xe1\xde\xde6\xc2\xba&amp;\x87PO\x05\xbcSvHs\xc0\x12\xf0\x05\x02\xab\xc1\x84\xa8\x0c\x16\xc0\x12\x8c1\x18\x1cjV-\x0e\x15#I:,\x92  "0r\xf1\x8aM}\x83\x96\xcbQ\x96\xf6\xed\xbd\xfd\x03\xc0\xa2\xdd\x83\xf0lq\x07|o\r\xdfuVP\x02X:\x91\x14\xb0,\x96\xa0\xa0\xb7\xa4\xa1\x91\xc7\xc9Z\x0b\x16\x8bN\xa1\xbfK\x08\x06\x8fJ\xb5^yT\xf62\x97X\xed\xfb{\xfb\xdb\xabU\x858~\xcb6}\xb1\xda\xed\xf5\xd9\x81\xaaS\x07\xd6\x02,\xbe\x05bb\xcd`\t.\nz\xeb\x1aA+\xd8\x89H/\x8cN!K)t6\x8b\xca`0x\xe2FK\xe7\xef[^\xe3x\xce\xb8\n\x81\xea`\xdbi\x04\xacS\x0b\x0f\xa6\x01k\x01\x89u\t\xa9\x05r\xf1\x81\xcb`\xd0Y\xf9\xd0\xc7pQ\xed0\xd8\x81@\xc5\xa2P(\x80EgQ\x99\x1c\x06\x97\xdb`\xed|\x148\x85\x06\x92r\xc1\x85\x17&lt;\xdbFZ\x1d8\x91Z\xb4\xf0\xd4\xfc\xc5\x08\x8a)\x10\xab\x0b\xbcU\xd2\x00\\]:p\x96\xa27\xca\xe5\x02\rF\xb2)\x14\x12\xd8\xe8\x14\xc4Eg\xc1\xce\x84"66\xf0\xaf|\x1dF\x8e\xcf\x01\x17\xed\x98s\x7fo\x1b\xa8\x9c\xab\xce\xaa\xc3\xf0\x0b\xfd\x9fK\xa6m&gt;8w\x90\xb5\xbeAX\r\r%V\x1dlCA/\x97Ce\x91\x14\xf0S\x1b\x85\x1c\x00&lt;\x84\x85\x8a\x88\x11\xd0\x9f\x02\xd6\xc3\xe9\xd7Y\xa2\x9f\xc9\x85\xd3&gt;\xd3:\xb7_\xec\xad\x02\x95v\xd5iDX\xaf;\xa6\xbe\x9e\x87\x94\x12u\x1at(\xb6\x00\xab\xb1\x84o\xd1\x01V\x9dx\x19\x9d\xd4\xa5\xf4\xf2\xb66\n6\xc0"KK\x01\x0b\xf8\xb2\xa7\xe2P\xdd\'\x1d\xbew\xa9\xf5s\xb0p\xfc\x98\xd6h\xd4B2h\x0f\x9cF\xad\x13\xb0`\x1b\xe1\xba\x8e\x07\x12\x15D\xba!\xab\x16_\xd0\xc0\xe5\xd6\xf1\xad]\xd0i\xd5\x89\xa9\x03\xa0P[y\xf9x)\x14\x91EAXt\x12\x1b\xa0B\xc3\xc5\xe3\r]\xb6\xfb\xff\xc7\x83\xff\x9f\xce\xc7i\x85\x00UUet\x82\xdb\x8d\xab\xda*\xad\xd6i&lt;V\x04\xbfl\xf1\xe1\xa3\xa9\xff\x16sv\xa1m\x9dg\x1c\xd7\xc7\xf9x\x8f&gt;\xce\x91"KfG\x18\x83\x849\x02\x0bdR\xd4\x11\x18CB\xd2\xaa\xcd\xc88\n#[,3A(\xb9\xc8\x9c%\xb0j\x0e3f\x01\xd5\x9b\xae&lt;\xdf\xf8\xa6\xb00\x0c\x85%a\x83\xc5\x0e\xc6\xc2#\x83\x9a\xb6\xc3\xcb\x87\xa06\xb4T\x0b\x8d}\x11\xe1x\x17\xde\x85\x1d\xe3\xb2\xff\xf3\x9e#\xc5I\xea&amp;\xa5\x81\xbeN\xc08\xca\xd1\xcf\xff\xff\xf3\xfc\xdf\xe7=H:\x87\x12\xff%\x95\xd6)\xa8\x85:\x0f\x9e\xb8t\xe9\x04\xd4\xc2\xe9\x19,\x19=d\xd7\x1c\t\r^R\x9c\xaaN\x1fO\x88\xe4\xd8_\x0e}\x00\x03\xae\xa4\xb0oZ\xe5\xee\x91\xa9b\xb4\x82\x15\x9d\xba\xfbp1Z\x8cB\xb6b\xd1@\x9e\xca\x1f^\xfe\xe3\xaf\xdf\x80\x81\xa0\xba\xcek+\xd9\x9d&lt;\xde{\x1dy\x1f\xef\xe6\tJ6\xaa\x10\xcbEj\xb94\xa4\x85\xcf\x87!\xc2S\xbet\xefp\xc4\xcb\xb2(I\xaf\x9e\xf9\xb2\x10-N\x91PQ\xc3\xedvK#\x8b(\xaa\n\xb0\xc0U\x91\xa8\xb8.\xff\xe6-\x0c1\x97\xb0\xae\x9f:u\x96j\xab;\x19\x04U\x0f\x95\xbcCU\xa9\xc8U\xa7\xaa\x01\x0b\x1dYB\x86\xf9\xf8\x10Q\xfey\xce,\xf8\x8e!\x82\xa0\x88\x92\xf0\n\xbb\xa4LP@\xaa\x18\x86 \x8a\x8a \xb9\xa3S\x8bE\xa8\x86\x9f\x15\x8bQ\xb7\x88\x88\xb8\xf0\xd6{?\xfe\xc9\x85K\'\x88\xa4\xa7\xe7,\xb9\x88f\xec\xe9\xe9\xc5\x14\x1fp$TM\xd3T\x7f\x89\xa8B\xae\x92\xc3\x97\xa01GU}\x9e\xb8\xb9\x1fv\xaa\x8a\xd7\x17\x8c\xa9\x18\x92\xf8\xb2\xce\x1b\x89\xba%AQ\x88H\x92\xa0\x16\xb0\xa6\x88\x12\xe2\x8d\x14\xa3\xe4"\xfb\xf8\xbd\xcb\xbc\x07\x01B\x7f\xc9E\xd8\x18\x0c\x06\x87\x92\xfd\\.\xd5\xefwh\xb4\xef\xd8Kj\x02gW\xfcLS\x13\x9e\x0b\\,\x99\xa5VL. )\x8c\xc9\n\xb8\x0c\xe9k\x14\xcb\xa2\x86$\xd2H\xe0L\x9c\xca]\x9f\x1a\x19\x81\x9d\xa82\x18YA1\xc8\x8f\xf8\xae\xd3\x1b\xc4\xb6\x83\x8d:\xd8\x1b\xc4\xd9+I\\C\xc9\xeep\xc0\x0b\x06\xbf\xdfOAa\xf7\x93H\xb4\x0b\xa9\xaa\xe60\xc5\xc2\xaf\xd5j\x89Vz1Q\x84\x8dL\xa0b9\xa2\xcaDc\x04\x9dF"\t\x84E`|\xb9\x8bE\xd0H\x06\xe7\x8aR/\xb2k49\x04\xe9\r+AZ\xf1xw\xb8?L\\0\xd1\x1b\xc0\x10\xa8\xa9.\x9e\xf0~-\xe1\xa5y\x82@K\xff\xb0\xc4z\xd2\xdc\xcaYE&amp;*\x10A\x92@\x86\xab\xe2\xcf\xf3h\xcc\x1d-\x1a\xdc7@)\n\xe9\xd5^\xd2"y\'\xb9\r\xa3\xbe\x0f71D\xb0\x1b?\xba\xde3\x84M9\x19?N\xde\xc5\x8f\x97\x03\x9e\x80\'\t\xbc~\xa8\xe5K`i~Jz{\x02q\x05\xb9\x1c\xfe\x8c\xfd\xaf\x1f2\x1b\xc7j5ks39\x8e\xc5\x98\xc8\x98\x02W\x04\x80\xe1\x0b\xb2\x1d.\xb3\n\xe9AJZT|Y\xdfHwG*n\x81t\xde\xdb\xabG+(z[\xf6\xc4\xa9\xde\xa1\xe3\xf1~\xf2.&gt;\x14\x8f\'\xcb\xe4T8\x99L\x96\xc3tlE\x1e\x00\x0b.\xfai\x88\x0f\x04\x16J\xf6L\xe9\x0f\x96B\x13\xcd\x1dq\xa6Qo\x17?|$\x8bL1\xf0-0\x94\xb6f\xa4\x85\xfby,\xd1\xc2\x9a\x8b\x1a\x92\xa2\x18\xab\xd1\x83\xdd\r`\x91\x8b\x9f\x06\xa9\xfdp\x0e\xc4)"\x0e\xac\xee\xb0\xa3T\xf2\xe1\xa4S\x0e\xd3\x890\xe1CheB\x90+\xe1\t\x87\xe9\xfdP\xe3\x99k\xe6\xb4,\xb3\xed\xe6\xc6\xd2\xf4L\xfb\xa9!\x183\xc9\x04^@h7Q\x14\xad\x98\xad\x1c\xa2\xb2\xb8\xe8\x1fEZ\xee5\xc3-)\xc2\xcc\xc0\x99\x8d\xddf\x05\xcd\x0c/V\x10Vd\x98\xd3\xd9\xdf\xcd\xe5\n;4?\xa2)\xec\t\x0f\xe2\x9c\x0f*\xcd\x15\xc2\xbe\xa8\xf9\x80\xe5\xb1\xdb\xc7k\x0b\xe7\xaaV9\xed,G\xe66;oR\xe4\x82Yd\x8a\xd5k\x82b\x8d\x8a\x1d*\xa9M\x85*\x14\x19\x7f\xbc\xb1Z\x85\x87\xca\xec\xc0|uow\xbdbPt\xc9w\x92e(\x13\xc0n\x17\xe8\x1e\x1a\xc2@\xeau\xf1&lt;\xf7\xd0\xdd\x07\x9f\x0f\xd1\x85)"\x14\xd2|\xe1r\xd8\x07\xaa\xf1k\xef\x9b\xfa\xc8\x13\xcbM\xf1\xca\xf4\xe17\xc0\xf2\x01\x8c\x99\x1at\xcaZ\xa1\x87\x1f\x82\xea\xa8EX\xf4\x8b\x18\xabK\x94d7\x07\x06\xea\xad\xdd\x03\x83\xb0 W\x19v\x05\x9c~\x8c\x07\xfdh\xc7\xf3I\x8f\x86&lt;\xc0\x04\x93\x00\x93\x8a\xb3b\x01j\x85\xb4\x04\xb4B\xb9\x8f\x8f/\x9c\xbbav\x19{\xb2\xdc\x12\x1b\x9b\xcf\x1ebeS3z6\xd2\xc2J(\xc1v\x18\xea\xa9\\Xx\xb4\xb1v\x95tuo\x0e\xcc\xed\xef.W\r*.\x99\xfds\x10n%\xd0`~gw\xb0w\xec|X\xb5\xeb:m:\xd8f\x12\xaaZ(L"\xe2QY\x1e\xa7\x7f\xbcvk\xfd\xcf\xe7\xacMZ\xde^\xde\xceM7\x9e\xff\xcc$\xd9Z\xfc9\x99h\xdai\xeb =\xd3\x83\xa2\x855\x87FQ\x84\xba\\}\x8b\x00\x00\x03\xbaIDAT+\x03\xc3\xb9\xbd\xdd}j\x14\x92\xcb3\xe8\xf1i\xd0\xc1^r\xc6\xc1\xf5+\xdf\xa4\xae\xe738\xe6`\xeb\xc1\xf9\x1eX\x991`\x05\x1c\x99[\x91[w\xce\xdd\xb0\x82\x9d\xb5\x96\xef/\xfd\xfe\xf1W|\x94\x93L_f\xdd\x88f\x0f\xd8\xda\xc6)\xa6\xbd\x9dEib&lt;XU\xc8\xc5\xab\x03\xdf\xafn\xed\x1e c\x08\x8b\xad{}\xb1B\xa8V\x1b_w\xf4\x1f?;\x96\xf4\xb80e\xe942@\xb3\xb4\x8a\xa1f\x9c\xb2\xd4\xa9\xea\x91\x89\xf5\xdb\x1f\x88\xe6\x80%g[M\xfdw\xd3\xc3GD:\x85\xaaU\xd2p\xd2F\x8d\xc7\xcc%\xb6\xbbB\xe1\xe2\x89J\xe5\xc1l\x0e&amp;\x0b\xb9\xcd\x813p1\'\xf06\x91W|\xa7\xd3ZH\xaf\xd50\xb5w\x07\xcf\x8ey&amp;\xf5T\xad\x06\xc5\\v\xb2\xd2\x15\xaa\xd9Ug\xc0\x9b\x08\xa5"\xb5\x857.\x8a\xd9\\.\x8bk\xafl\xb5\xb2k3\xbf=j\x9e\xb1|\xb4q\x08\x1b\xaf\xa2\xa7\xab\x9d$\x04&amp;T\xbe\x98]B\xa3\x1a\xc6\xcc\xc0\xec\xa3\xdd\xdd[f\xf3\xca,\x13K\x17\\\x93y*\xa1\xfe\xf2\xd8X_A\xd7SX5=\xe3\xa2!BO\xe9\x85\x843F/\xa6t^\xb8\xfd\xd9\xf0\xe6t\xe3!&amp;\xb6\xa9\xa9\xe2\xd2\xdd\xb9\xdc\xd1\xc3)\x80A\xc5\x11\x9e\xce\x1a6\xb9]~\xccjV\xc9\xb8\xfb\xf6U\x03\r(\xac\r&lt;F\xe8\xdco\xb3\xbf\x13+\xa4\xf1UP\x13\t\xdf`\xf9|_\x9a\xa8"\x91H\xaa\x16\xd2\xd2\xdad&amp;\xa5\x9fL;b\xb1\xef\xa5=g\x7f\xb8\xda\x98\x9e~\xbc\xc4(\xc31\xb9\x11[={\x04\x16\x15\x88\xcc\xf86n\xfb\xea\xbe\xe0\x9d*\x19\x8b\xab\x0f\x8c\xa8\xc0Xus\xb3\xfe\xe4`C\xc8U/\xde\xb9\x98e\xa2\xbdPH\xa7\xdf\x8c\xc5b^o\xd7\xe0\xe0\x9f\xbat\xa2\x9a\x98H\xc1\xc7\x02\xbd\xcfT\xff{\xda\xe7\x19&lt;6x\xfeo\x80\x9a\x9e\xa9\x9b\xd7\xb4\xe1\xaa\x9212\xb5x\xe4(#\xb7\x9f\xffk|\x16\x15w\xf1\xc1ZQ\x92\x95\\\xfd\xe1"\xad\x87X\xff\xfd\xf2\xcb\xcf\xdf\x89\xc4\xcc\xe5\xed\xea:v\xac\xebt,\x1fI\x81j"\x92\xd2\'5\x15\x95\xa6\xe7\x0b\x9e\xc1\xbe\xbe\x0b\xff\xda$\xaaG\xed\xa7!\x8bd\x9b\xe0~\xe9L\xfaB\xb4=\xa3\x9ah\xdc]\xfb\xa2\x0e\x1a\x0c\xcf4Kc\xa3\xaaV?\xd9\xdbkn\xfd\xfb\x98\'\x1d\x8b\x8dvuu\xfd\xe0g\xa3o\xf2\x97p\x12V-4\xe9\x82Z\xa9\x8c\xcb;\xd8\xd7\xfb\xd3\xc7\x80\x9a\x9e\xcf\xc9/\x06\xe87;\x85=\xfb?dY\xa2\xe3X\x94&amp;T\x84n\x96\xc66&amp;f?\xdf\xdb[^n\xb6\xfes\x1a+6:J\xaf\x13\xae\xa1\xae\xa0W$\x95\x9f\xc4F\x84pU\xbd\x81\x0ff\xc8\xc0\xc6/\xb2\xdf\xf6\x1c-\xf3\x81\xec0\x97\xc8\xe74\xd8)\xca\x9d~e\xe2\x06\xb0\x00v\xb0u\x9f\xbfF\xe4d&gt;\xcf\x0b\x1edz&gt;\xa4a\xaeq\xf8K\xb7\x87\x1bd\xe0l\xf5\xdb\xdf\xa5y\x11\x8bJ\xcc\xd6I\x10\x9b5\xee\xb2\xf5\x9de\x0e\xb6\xd3\xda\x1e-\x9c\xcc\xa7t\x8b\nX\x93\x9a\xbfTZ\xb8\xfdn\x83\xa4\xba\xf2\xd9\xeb\xb9u\xf4\\\x1ft\xee\xb0&lt;\xcb*\xb2\xec\xfe\x81\t\xd6\xdc\xd9\x1e\xe5@\xd0\x0bT\x99\x90]]X\xb8\xf7.)\xb59{\xf3\xf5\xdd\xcf\x92_^\x91\xdcI\xb9\xba\xdfj\x12Wsg\xebI\xca\x04\xd3\xe9\xae\xc8\xc2\xed+\x04\xd5x\xbb\xce\xe4\xd7\xfa&gt;\xb6W\xb9\x1aY\xcb\xb2\xff\xdbh\xed\x10Xk#O!?^Z\xf8\xf8}Rjs\xfeLV\x96\xbf\x93\x0fc\xe5i\x0c\xb4\x8f\xf6\xb7[;;;[\xf7\xf3\xe3\xebw\xee\xcd7\x1a\x8d\xf939\xc6\xbe#\xaaC\x8e\x83m\xe5\xa3\xcc\xc6\xf6\xc6\xbd\x99\xc7\xc3k7s\xec5\xdc\x8b\xfc?*\x1f,\x91\x8c\x87\x05\xc8\x00\x00\x00\x00IEND\xaeB`\x82'</t>
        </is>
      </c>
      <c r="M301" s="3" t="n">
        <v>45492.67631944444</v>
      </c>
    </row>
    <row r="302">
      <c r="A302" t="n">
        <v>905463</v>
      </c>
      <c r="B302" t="n">
        <v>1957</v>
      </c>
      <c r="C302" t="inlineStr">
        <is>
          <t>Yuri Alberto</t>
        </is>
      </c>
      <c r="D302" t="inlineStr">
        <is>
          <t>Yuri Alberto</t>
        </is>
      </c>
      <c r="E302" t="inlineStr">
        <is>
          <t>CA</t>
        </is>
      </c>
      <c r="F302" t="inlineStr">
        <is>
          <t>ATA</t>
        </is>
      </c>
      <c r="G302" t="inlineStr">
        <is>
          <t>CA</t>
        </is>
      </c>
      <c r="H302" t="n">
        <v>183</v>
      </c>
      <c r="I302" t="n">
        <v>9</v>
      </c>
      <c r="J302" s="2" t="n">
        <v>36967</v>
      </c>
      <c r="K302" t="inlineStr">
        <is>
          <t>Right</t>
        </is>
      </c>
      <c r="L30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a39ca82b-e4c0-4e44-bf29-bc93e09e05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4n\xc1\xef\x00\x00\x00\tpHYs\x00\x00\x0e\xc4\x00\x00\x0e\xc4\x01\x95+\x0e\x1b\x00\x00\x03\x00PLTE\xff\xff\xff\x12\r\n\xe9\xe8\xe8\xf0\xf0\xf0\xf9\xf8\xf4\xf8\xf7\xf3\xf8\xf7\xf6\xfa\xf9\xf8\xf9\xf8\xf6\xff\xff\xfe\xeb\xe9\xea\x15\x10\x0c\xfe\xfe\xfd\xef\xee\xee\xe8\xe7\xe5\x0f\x0b\x07\x19\x13\x0f\xd3\x93k\xf4\xf2\xf0\xd1\x90h\xf2\xf2\xf2\xed\xec\xeb\x0b\x07\x04\x1d\x16\x11\xf1\xed\xea\xf4\xf4\xf49\'\x1b!\x18\x12\xe6\xe4\xe3\xf6\xf5\xf5(\x1c\x13\xb3z\\\x06\x03\x01X7&amp;%\x19\x10- \x16\x99cD\xce\x8de\xfc\xfc\xfb\x8aY; \x13\x0c\xf3\xef\xec\xb8{Z\xb7\x82c\xb3uW\xed\xea\xe7\xb2\x7fa\xc9\x86_\xf8\xf8\xf7\xbe\x7fY\x82S6\xd7\x98o\xc5\x86`\xd4\x95o\x85U@\x85W8\xb8~]@+\x1f3%\x1b\xed\xaa\x80\xe2\xdf\xdd\xcf\x91m\xca\x8bd\xce\x87e\xc3\x82[1!\x16\x9b]=\xbf\x81`\xca\x81X\x9ecC}O7\xa8oR\x93^&gt;\xca\x8el\xadvX\xc5\x8bj\xcd\x8ch\x92^E\xe4\xe1\xe0\x1a\x0f\t\xde\x98p\xa0iN\xeb\xa6y\xf2\xf1\xeeM.\x1c\xd8\x9bt\xee\xad\x85\xe2\xd0\xa6F2%\xc8\x87d\xb2kI\xa7kH\xb3rM\xe7\x9ajoB-\xed\xa7}\xc9~^M8*\x9foU\xa5gD\xa1hH\x99kR\xacz^\xa7vZ\x85\\G\xe9\xa2z\xcf\x87\\\xb7yS\xf0\xa9yN2#\x98fL\xc2\x85e\xc5{V\xe6\x9bp|WD\xd6\xc4\x9aG)\x1a\xba\x85g\xf7\xf5\xf1\xde\x94e\\&lt;+\x90W&gt;\xcc\x81c\xdb\x8e_gB0e@+8,"\xf2\xae\x80\xaerPmG4\xe4\xa0x@#\x15\xacmI\x98_K\xed\xa3r\xd5\x8diR?1\xb9sP\xdc\xca\xa1tI1\xe0\xdc\xda\xf2\xb2\x87\xadeE\xe3\x9bw\xdb\xd7\xd3?1$\x8d`JveP\xc0vR7 \x13) \x1a\xbe|S\xd5\x8a_\xe3\x95c\xf7\xbc\x94\xe6\xa5\x80U0\x1e\xa1tZ\xd8\xd2\xce\xdf\xda\xd6\xf5\xb6\x8bgH9\xbb|b.\x1a\x0euL7\x91hQ\x8fza^B3\x84I3\xc2\xb0\x8d\xbf\x89kuR@WI:\xe2\xd2\xae\xa6jW\xd9\x91m\x9b\x86h\xe9\xd8\xb4\xc4\x82a\xa5`@\xe7\xa1rb6"\xee\xaf\x8ej:&amp;\xb8\xa6\x84\xb2\x9cwC:/_QAl\\G\x86eO\x83s\\\xe6\xd6\xca\xdd\xc8\xbe\x9eOG\xea\xdc\xbc\x8dP5z&gt;#nN=\xa8\x94q\xdd\x9fx\xc7ql\xbd\x9d\x8c\xbaoJ\xcc\x92v\x8e\x86~\xf0\xb4\x95\x9f\x8cu\xe7\xa8\x89\xb1k[\xcc\xbb\x94\xb9o_\xda\xa6\x89\xd4\xce\xc9\xda\x9c{\xc9xNzD2\xa5YN\xaf`W\x8d;9\xc0b_\xca\xc5\xc0\xae\x9c\x86\xd1\xad\x9d\xec\xdf\xd8\xcc\xa5\x92\xd1\x80n\x91pX\xf5\xed\xe4\xd1\x81U\x81vl\xc7\xbe\xb4\xf1\xe4\xd0\xda\xbb\xad\xa0\x9a\x94\xb4\xab\xa4\x9bL1qe[\xe1\xc9\x96\xf0\xe2\xc3\xd4\x9c\x80\xb9UTcXMt0\x15\xb7\xb4\xb1\xe8\xba\xa1\xcf\xb4~\xda\xc1\x8a\xc1\xa9}\xa7Y;\xd9\xca\xab\xb1\x91\x81\xf3\xea\xdfLDB\xf2\xd0\xbf\xac\x85j\xec\xc4\xaf\xa5\x00\x8c\x0c\x00\x00 \x00IDATx\xda\xc4\x98\xfdOS\xf7\x1e\xc7=7s\xae\xe9\xd9\xa8\xba\xb5\xd99z\xb4=\x08\xd5h\xcc\xc8\x1d[O\xcd\xf4\xf4R\xe4\x87\x91B\xc7\x85\x02\x96\xae\xd3\xddI\x07\\\x0b\\\x1e\x02\x14\x87\x0cj\x1d\xb0\xb3\xd2\x82\x0f\x9b(\xf7\x16\x1b\xdb\xd8N\xd4&gt;\x00.\xa8\xdcD+\x0b\xb9&gt;\xfc\x02Y\xa2"\x91\x0b\x18b.\x84x\xb3\xdc\xcf\xf7\x94\xed\xfe\x03\x07|C\x0e\x84_x\xf1~\xbf\xbf\x9f\xcf\xf7\xb0f\xcdJH$Z\xf3\xca%\x12\xe1q%\xbd\xb6\xbdj]RR\x12\xfa\xfe\xd5s\xe1\xeb6&lt;\x06\xbd\x9c\x9a\x1b\x0e\x06\x87\xe7\xe6\xe6\xa6\x1e?\xaeJz\xc5`Ik\xb7O\xcd\x01\x8e?\xcfQ\xe1p8\xf2\xf2\xe0\xd3\xef\x1f\x9e\x02\xb2W\xe6\x93(\xa9\xea\xe5\xb0\xdf\x0f@y\x15\x15c\x8e\xa0\xdf\xef\xcf[\x02&gt;P\xde\xf0K\xb0\xec\xd5`\xad\xbd\xbe\xb4\xe4pT\x8c-\xf9\x83\xc3\xa0 \x92\x1f\x0c\x030G\xde\xf0\xdcT\xd5\xea\'\x89\'U\xfd\xf2S\xc8[Q\xb1\xb44&lt;5\x05\xc5\x82\x18\x11O\xc5\x12\xf2,/N\xb6}u+&amp;\xc2\xd7mz:=1\x12\xf2z\xbdcK`\xd5\\\x10\xa0P\xbd\x00\xc6\xe1\x0f\xfe\x86\xe8\x7f\xb9\x0e_\xd5\xd3wvb(0:2\x11\x9e\x08\x8dA\x86\xc3p\n\x91GH\xb3\xb3\x8ea\xa8\xdb\xd8\x18\x1c\x81\n\xc7\xf57D\xab\xe7\xd5\xe6{\x13C\x9eQ\x8f\'0\x1a\xf6\xc2\xaf\xf7\x07\x7f\x87\x02\xaa\x05\xc0\xca\xab\x08\x07\xc2c\xe0\x97\xe3\x97\xaa\xd5\xb2\n\xdf3=9\x14\xf0\x0c\x0c8\x9dN\x0f\xb0\x05\x02#\x80\x00\x10\xb3\xa0\x85\x85\x85&lt;\x14ih$\xb4T\x01\x11C\x90I\xa2U\t\xf0\xdb\xd1\x99\x19\x8f3\x1a\xbd\xd5g.5\x9b\r\xf6\xbe\x8b\x8f\xc2P\xb2E\xef\xd8\x7f\x90\x16P\xd3\x802\x18\x84\xa9\x81\xc0\xae\xbf\xb6\xf2\x05\xc3_\xff!6?\xef\x1c\xf0\xf9\xfa\x0c\x0c\xa5PP\xac\xca`\xbe5\xe8\x01\xc7B\x8b\x8b\x8b@\x05f\xcd\xa2\x82\xcd\xc1h\xad\x08\x85C\xde\xb1\x9f\xaa\xf0\x95\x0ep\xf3\xf8d\xd4\xe9\xf4\x198\x86U(\x95:\x9d\x8e\xa2\x10\x1cg\xb6\x0fxF\xc2\xc0\xb50\xbb\xc0\xb3M\r\xe7\xf9y\xacP\xc8\xbb\xc2\xc5\xc7\xf17_L:\xc1*\xbb\x81\xc6\x12\x12\xa4R)\x06\x8f\xad[\xa5\tb\x19\xcd\xd9}\x03N\xbei\x8b\x0b\x8e\xe0\\\xd0\x0f\r\x1b\x0b\x85\xc1E\xe0Z\xd1U\x84\xefz63\x1f\xf5\x99\rfF\x0c4 \xf4\x04\xba\x04\x0c\x931\x8c\x8d\x8b\xd8}Q\xde50mvvl1&lt;2\nXP\xb0]\xf8\n\x0e\xf6=1\xbb\xddnP\x11,-\x91J\x7f\xa3BXR\xc0"\xc5\n\x86 \x0cf\x00s\x0e&gt;\xfau$\x8c4\x12\xe0\xdd\xf2.m\xc7WjZ\xe1o\xc5"\\\xc4\xacb\x18J\xc7g\x17\xa7B\x19\xc6\xe3\x14\x93\xb4\xdbm\xe3\xb9\x86\x1ey\x10X \xe0qzx\xbf\xee\xad\xc5W\nk\xdc\xc7E\x0c6\x86\xa2$\t\xcb@\xffW\x02\xe4\x88I(7I\xd1\xb6\x88=\nCmp\xe8\xd1 \xf0\rDa\x1fL\x84\xbcgW\xa4^0\xd9_\xc48\x9b\xcfG\x93J\xd4s\xbe\xe9\xcb9J\xb7J\xc5\x18\xea\x97\x98d\x18\x9a\xa2i\x9ae\x08\xce`Fg`\xc8\xe3\x1c\x80\x8d01\xf1\xb4jE\x86\xe8\xf8|$\xc2\xd9\x0c\x06J\x07\t".\xbeSq%`b\xf8\x99\x04\xb0\x80\x89ei\x96\x02\xdb\x18\x9b9\xea\x1c\n\x8c\x8cx\xe09::q\x16\x17&gt;F\xfc\xddiN\xc6\xf8\xa2\x1c\xa3\xd0a\xd28T\x02\xa6\xfb]\xe0\x14|\x00q\x02\xa6T\xd0\x0c\xcb\xdal\x1c\x17\x01,O \x1c\x1a\x1d\x02\x05\x9e\xae\xc0mb\xc3\xf8\x8c\x8db`00\x94\x04\x8b\x9f&gt;L\xd9\xeb"\x08\x17\x88\x85\x81\xaaD\x82/\xe0\x1a&amp;\xa3X\x96\xb0\xb1\\\xc47\x0f\x93\x0c\xae?\xc0\xe5tN\xec\x12\xda.|\xddt\x94\xe3h\x86&amp;\x154\xa9\xc3\x10\x95NI\x94\xd6\xd4\xd4\x7fU\xdf\xd0P#/\xad\xac&lt;v\x0c}V\x1e\xeb\x85\xc9\xafd\x19\xb4\x97h\x9b\x1d\xb6\xf9\x10\xba\x95M\x8cz\xe6\x87\x04\xb7\x0b\xdf\x1c\xb3\x11\x06\x9af\xd0\xbe\xc10HP\xc7\xe6\xd4\xa7$\xd7~\x9d\x9d\xfduffjjjJ\xfa\tP\xd1\xb5+9\x95\xae\xde\xde^\x16\x19\xa8 )\x9b\x9dw\xcb\x1b\n\x07\x9c\xd1\xd8\x1e\xa1\xb1&gt;\x99\xb41\x04\xa5\x84s\x06\xc7\x10\xb6\x8e\xceU\x93\x9e\xacm&gt;z`\xe7\x8e\x9dq\x1d-&lt;tH\xab\xa9\xbd\xf0\xb0\xe8\xda\x99c\xae^\x14)II\xc4$\x17\x85rA\xbb\xe0\xca13.\xf0\x15\'\xe9)d\xc8\xb1\x14A\xa8(To]\xaf&lt;\xe5`{Ag\xda\xa7\xf9\xf9{\xf7\xe6\x83&gt;\xdd\xd7\xd5y\xbc\xa0\xa0]S{\xe3B\xd1\x95\x1c\xc8\x12\xc2\x94\xc9$\x98;2\x00{\xd2\xe9\x8b\xfa|\x03\xd3\xaf\x0b\x8a\x85o\x9a\xe4`\x0e\x11\x04A\xbb\\\xbd\n\x9d\xd2u\xe6\xa1\xa6\xe0v\xe7\x93\xee\xba,\xa4K\xeb\xdf_\xbf7\xedH\xe7\xf1\xdb\x05\xed\x975\x9a\x1b\x0f\xaf\x9d\x81(\x95\t\tb1&amp;q\xdb\x9dCN\x1fgc"\xbe\xc9M\x82\xa6\x88\xdf\x8br\xac\x82\xe0TD\xaf\x0b\x9a\xdd\xeb\x92_\xc8(&lt;~\xe4I]\xb5\xb5X_\xdc\xdf\x94\x95\xd5\x91u\xa9;\xed\x08\x80\x1dG`7.\xdc\x84${!o\x0c\x8d\xd8\xc8\x80\xcf\x06=\x03\xae\x17\x82\x96~\xf3\xb4YE)\t\xd8\xd0\xac*\xa7\xe8\x9a\xbc!E\x0bT\x96\xba\x93\xfd&amp;u\xa3I\xdf\xdf\xd1\xd1\x84\xb8,i\xcb\\\x00v\xf3\xe6\x95J\x17\xe4\x88\x89u\x12\xb7\r\xf2\x879k\x8b\xc4\xde\x11\x12k\xc33\x03\xdc\xf9\x08ZA\x139\r\xb5\xc9\x1f\xd4j\x9b\x0f\x80W\'\x8d-\xea\xb66\xe0j*.n\xca\xaa\xae\xeb\xb6\x80_\xf1$/\xff\xfb\xc6\xcd+g\xf8i!\x91\x80Q\xb0*\xe1o\xb2M\xfeA@,\xd1\xf6\x18\x9cB%\xc1R\xaaRyzs\xf3\xc1\xc2\xe6\x03\x9d\x96\xbajcKIc[[\xae\xc9\xa4\xd7\xeb\x9b\xac\xc0e\xb1\xa4\xf1I\xde\x8e\'\xc9\x07\t\x07R\xe1\xa6HR\xa9\xa4Xf\xfe\x1b!\xddz\x07a)X\xc6\x95#oH\xec\xea\x823\xd7\x99\x06T\xfd-%\xea\\\xc0\xd2\x17C\xc3\xac\xd5`W\xb7\x05\x05\xd9\tX&lt;W\xd1\x95J\xc4\xa5\xa0\x14\xa4L\x02\x93\x98\x89&lt;\x15\xf0\xff\x12\xf8\x86Q\x82\xd2)h\x96\xc8\x91\x9f(\xecJ\x03K\xd2\xba!\xc2e\xb7\xd4z}\xb1\xbe\xdfj4\xd6u\xd7\xa1~\x1d\x01,\x9e\xab6\xe5\xe1\xb5\x1c\x17\x8cU\x05E\x93\x12\x19IS\xcc\xb4\x90\x9d\x7fk\x92P\xe8\xe0\x1d\x07\xb0R\x0e\x00\x95\xc5\xd2\rf\xc5\xb1z\xe2)Z\x8dV\x88\x11\x0c{\xc2\xdb\xc5\xf7K\x137\x0cf\nE\x91J\x9d\x84\x14\x93\xcf6\x0b\x8eE\x13\xaa\x1c\xf9\x07\xc7\x11Tw\x1d2\x0bBl\x035\xaa\xc1/\xab\xb5\xbf\xdfh\x8cs=\xe0\xed\xba|Y\xab\xc9HNN9\x01\xc3\x95&amp;IR\x02\xebA\x16{W@\xac]\x93\xacR\xa7\xa4\x00\xab!\xe3Kp\n\xa8\x90YF\x84\xd5\xd3\x03`\x8dPz}\x8b\x11\xc0\x8c\x08\xec\xc1\x83\xdb\xb7\xdb\xdb\x0fj5\x9a\xda\x8c\x8c\xe4\xf4\x863.\xd8\x902l\xabT\x12{[\xc0n\xbd\x19cI\x9d\x92&amp;JK\x1b2\xba,u\xa0j0\xcb\xda\x02X=\xa7N\x9d\xeaik\xd4\x97\x94\x94\xe8[@\xfd\xc6\x93uu\x88\xab\xa0\xfd\xe0Am\xa2F\x93\x98\x91|\xa2\xa6\x1267\\\xb4\xa5\x92g\x02\xba\x85\xbf1\rS\x9ad\x0c\xa5r\x1e\xab\x1a\xa8N\x9e\xb4B\xb3\x1a\xdbN!\x81]%q\x01\x1ap=Y\xe6\xd2j\xb5\x89\xda\xc4\xda\xf4\x86R\x82\xe5\xb1dBvK\x84\x8fGH\x85Be\x96\xd7\x9cH\xec\x82\xb6#*\x1e\x8b7\x0b\xb9\x85\xb0\xf8\x07\xb2\x0bq\xa5A\xed\x9b\x81J\x93\xa8\xcdH\xaf\x97\xab\x18J\x06\x17D\xb7\x90\xdbG\x84\x7f\x1b\xa5HZUZS\x9f~\xe8Hw5\xc2\x82b\x99\xc0\xac\x9e\xbbw\xef\x9e\xea\xc9-\xe1\xa9x,\xab\xd5\xc8\x0f0\xb4\x88\n\x81+11\x13a\x11\xb4\x0c\x93b\xff\xfdA\xc0\x0b*\x8e\x7f\x12s\x93\xac\xca\x0cXG-&lt;\x16\x9cB\x93I\x9d{\xf5.\xd2U4\xba\x10\x97\xc9d\xeaGs\xe2Rkk\xb7ewZ\xd7\x81\xc2C(\xc5\xd4"\xc0b\xc1-\xf1\x8c\x90\xcb\x07\xb8\xa69\n\xde\x97\xfb\xfe^\xb6\xaf\xf5\x12\xa22\xf6\x17\xeb\xd5\xb9?/c]\xbd\xaa6\xa9\xd5\xb9j5\x0c\xfc\x0e\xb8\xe7\xb4\xb6\xb6\xee\xdd\xfb\xe3\xbe\xf7\xbe\x84\xbb!`%\xa6\xd6\x1bT\x8c\x0c\xcd\x87\xb7\x85\xc5\x1a\xf7\xc1\xdb\xb2\xfd\\\xd9\x8f\x1b\x11\x16L\x87\xac?\xdf\xbf\xff\xfc\xf9\xf3\x7f\xfd|\x95W.0\xa9M&amp;X\xd9\x80\xb5\xf1\xe3\xfc\xbf\x9e?\xbfe\xcb\x8e\x1dG\xf7\xef?\x041\x96\x1d\xae\x81+\x08\x86\xd9^\x08\xfa\n\x8b\xe3{\xe6\x19\x83\xbd\xaf|\xcbG\xdb\xb6\xb5VgU\x7f\xf4\xc7\x0f\xff\xf2\xfd\xe0\xe1\xcf\xbf\xff\xf5\x0e\x90\x81\x10\xd3\xe9\xe2\xd3\xe0\xd5\xfa\x8f\xf3\xcf\x7f\xf1\xf9w\xa9\xe5\x17\xcb\x0fgff\xef\xcf\x06\xaa\xec\xb2\xf2&gt;\x03+\x91\x08\x9b!`m\x98\x04\xaase\xef\xed\xde\xdd\xdd\xdaj\xd9\x99Y~\xeb\x9c\x993\xd8\xed\xe7.\x0e~\xf1\xb7;w\xee\xff\xb3\xe9\xf4\xe9\xd3\x1d\x1d\x1dY\xf9[\xb2\xbf+\xaf/U\x11\x04\x03w3\xf9We\xd9\xd9ee\xd9\x9f\xfd\xe3\x96]\xa5p?\x13\xf8\xd5G\x84\xc7\x80\xaa\xfc\xb3\x1d\xfbvo\xdb\xf8\xa7\xc4\xaf\xe4\xa5*\x86v\xbb\x19\xc6\xcd\x18\xce\xa5f\xef\xfc\xf0\xfd\xfb\xffc\xd5\xfc~\x9aJ\xd38\xee\xc5NH\xb3\xbd\x18\xc2\xc5l\xd6\x8d\'\x1d\x10b{\xb6\xa4TN\x0e\x12h\xe9\xc1\x1e9\x94L\xdb\x08\xb1\xa5\xb4\xcc\xc1\xfe\x12hK\x03\xd8\x02\x0e\xa5R+!m3\x1d6"\xa5Y\xecXmdB\r?\x93\x99a%\x01\xd2\xec \x8b\xd1 \xbb\x89\xeb\x18tuW&amp;\x99\x0c\xe1\x82\x8c\xa2\xfb\xbc\xd5\xf9\x0b&lt;oz\xc5\x05\xf9\xe4\xfb\xbc\xe7y\xbe\xdf\xe7\x1c\xa0R\xabKe41\xe09\x93\x9d5\xbf\xff\x0c\xe5H\x81\xdb\xe1p\x98Y\xb3\xfb\xe6\xe5\x13\xdf&gt;\xe28(\xf2\x0e\xdd\xfdnu\xd2\xc6H\xe4\xd3\x95\x0c!\xe8l?SVv\xe6L\xd9\x1fO\xe4\xe7\x97y\xfa&amp;\x1d\x81\xae\xcd\x8d\x98Z\x9a\xab\x13\x12\x17\x04e\xf9\x9f\x1eFv\xa3\xaa\xaa\xea\xeb#\xf9e\x03Q3`\xd9\xae]\xfe\x12j\xc8-\x16\x9f\xff\xbf\xef\xdd\xee$v\x9c"i\xa5\xa0\xd3\xb3z}\xd2\xe6p\xd4\xd9\x94}\x1ehf\x03\xb6\xa8x\r\xb0\x82*\\3\xec\x81\x02v\x9e\xf6\x0c\x106\x9br\xc0\x83\xf8\xaf%Y\x96\x8dN^\xbb|\xb7\x90k\xacC/\x17\x17\x17\xcd\x18Ea G_\x94ei\x86\x86\xe0ZTR\x02\xc1\x95\x88\x06\x12k\x1b\x1b\xf5y:\xbc\x00R\xac\xd1h\x1cV\x12u\x0e\x9a\xa65u\x84\xfb\xa6\xc7\xc6\xb2\xf1\xa4\xdb\xfd\xfdK\xaek\xc8\xe7?\xbf\xb1\x9ddIJB\x13\xee(\x8bat\x817\nr\x11\xca\xad\x12oA\x81\x86\xa6J7\x1a"\xc1b\xc3Yp\xfaJ\xe3\x82\x11\xb0\xbcE\xa7N\xd28C;Vm\xf18\x9b\xb4\xb9\xbfz\xce\xe7\x96\x0b\xb0\x96n\xb3\xe685Mj\xa2V1\xc6\xd4\x95\x10\x01s\x9c\x8dz\x8b\x8a\x08\x94\xf8\xf1\xfb\xe9\xd0D\xdb\xd5j\xfdI/\x18?\xa3\xdb\x165;\x1c\x01o\x89\x97\xc6H\xc6l\x8e[Y\xf3\xe2\xe2\xdf\x1e\xf19\xac"\x8fWx\xac\xbbp\xe9M\xdcl\xa1\x8eS\x8cU$b\xbc\xca:\x07q\xf3\xf3\xf6\xb22\xc10Q\x17\x00,\xd7\xf9~\xc0z\x18\xf6*\x17\x16\x86\t\xf75\x81\xc0\xd3\x07\x82\x95x\x19\x92\xb4X\xadY\xac\xedG\x7f}\xf9\xfcO\x9c)\xf5\xbb\x83\xf5\xf5\xb7ODV\x16;^\t\xdd\xdb\x99\xa0\x0b\x02\xc4\x85\xcf\xf3\x0f\xbf&gt;\xfc\xf1\xebI\xe3\xf2\x14F\xdf\xebi\x9a\x18\xbbt\xf5\xe1\xcc\xb2\xd1\xb85\xec\xfe\xe9\xf5\xeb\x8f?\xfb\xf4\x8c\x87\xa8\xabk\xc4H\x91\xd8b\x89\x03V\xf2F\x92`\x9f\xfc\x99\xa3\xf7\xeb\xdd{\xc1\xde\x8eK*\xcc\xca\x92:U\xad\xd3YK\xe1\x1ae\xfb\xe5_\xbe\xfc\xe4\x8b#\xf9\xbf\xdc\x8e\xa6\x02\t\x0c\x1f\xbd4\x96\xc5J\x19\x17\xe6&amp;\xffq\xf7\xdb/&gt;9r\xe2\xbb\xcb\xed\xd7\xeb4\x0c)\x12a\x0cm^LF\x95)\x05.\xfco\x0e7r\x1d\x04\x1f\xba\x82Mi\xd2j\xa5*U55\xb5\xb5N\xe8\\\x1e\xf7\x8d\x9fNTU\x95}u\xdb\x1c\x98\x82\xe1\xd7\xfb\x1b\xd6\xca\xdcB\xf2\xd7\x7f\x7f\xf3uU\xd97\xffYl\xbfh,\x80*\x02\x96\xd5\x9cLF\xbd\n\x1f\xa5\xbf\xf5\x94\x8b\xeb\xc5\xfbhO\xd6\xd3#\x93\xa5+\x19\x84UQQS\xe3\xc4\x02\xcaU\xf7\xf6\x8d\xaf\xdcnw4\x00T$\xde|\xf5R\xb6\x88a\xef\x96q\xcb\x16\x7f\x93\xbcv\xf3\xa6{\xd1\xdd\'\x18Wj\x84B!\xc60l\xd2|\xb6e\xb0U\xa8\xc7\xefp\x82\xf5t\x13\xa8Ju\xba&lt;\x92\xa1T\xb9R)\x80\xd5&amp;\xe2\xd0\xb8\xad\x16\x8be\n\xae\xfb=\x06\x97\xf46]\n\x8du\xf4&gt;\xd4\xcf,\x0f+\xeb\xa6\xa6\xcc\xd1(a#\x08\xc2Vt\xea,\x8e\t1\x0ca\xd1&gt;\x1f\x8e\x87\xc3K\x1c\xbc(\xe6\xf1_l\xcazr7\x7fvVR\x0cu4W\x9d\x91\x96\x02\x97S$N\x88\xc4\xd0)\xa6\xe0\xdc\x13\xca\xcew \xb5\x00+\xacHm\x11\x01\xf8\xa3\x06\x0e\x8ci\rM\xfbp\x84eM\xb28\xde8h\x08\xef?\xe6`^\xf3\x0b\x0f\xd22Y$\xf6@\'!1J%\x9d\x9d\x8d\x00\x17\x80\xddr\xde\xeaB\x9e\x8a\xb9\x87Q\xa3\xe7\x9b\x10V\xdb\xd5g?\xe8!\xe3{\x01+\xbb\x1f\x846\xef\xf3!\x89p\x86\xb1:h\xdc\xa7\x98\xd1\xcf\xec\xdc\xfa\x03\xff\xc3\xc5\xfa\xe8m$\x98\xb6\xc7\xd2\xd3\xad8\xe6\xccS\xcfjg\xfd\x99\xfa\xd2\xb5\xb5\nt\xf7\x13Ngb\xba\'\x98V\xff\x865\x92]\xbbi\xa6\x18\\(\x84\x9fPH\xbe\xdba\x02\x16\xd4p\x10\xb0\xc2;\xf7~\xfc\xe0\x9e\xca\xe3?]\x8f\xa4#\xfdZ\xb5\xcb\xc0\xbc\xc3\xd2j\xfd\x99\xcc\xe6f=\xd2\xacF\x95\x97N\xa7\xd5\xea\x8e\xa6K\xfdccmM\xa3.\x14\xc3fZh\x1c\')\xca\xa9s:\x9d\x14\xc2c\xb2Xg\x15\x06\x83A\xbf\xb3\xbfT\xf8\xe1X\xaf6"j{\xb9\xff\xdc\xfe\x0c\x859U\x80e\xd2j\xc1\xf1e2\xf5R)\x00\xa9\xc1du\xc0\x01\xb1\xc6\xfa\x9bz\x9f\r\xe9\xc3\xfa\xc1A\xc3\xd0\x10.\x04\x13\xa4\xd3MOS\xef\x9eD\x86e\x97W\x14z\xbd~g\xe7\xf1\x07\xbf#\xe6\xf1\x8e\xbd5ELv\xb5k\xdfU#\xa6T\xea\x0e-\xa4\x1b\xb0\xed1?\x1c;:\x90t\x00\xabmbl\xa2\xad\xe9\xfc\xa8\xcb0\xa8\x07\xa8\x91\x11\xf8\xbd\xc3\x9a\xa6HR\xc8`\x16\x96\xf5\xee.\xcf\xcc\x849\xc1\xe2w\x1f\x84\xec\xe5\x91\xe0\xc8H\x07`UJ#\x10x \xe3\xbc\x0b\x14p\xb4\x88+\x12\xd1\x9aBc!\x84\xd5&lt;\xd4\x186\x8c\x8c\xb8\\\xae\x11Ws\xb1.+\x17\tO\xa2\x85a\xcd\x9a\xd4\xca\xf2\xce\xfe&gt;\x07X\x87x9/\xc6L\xa6t\xf3\x88l\xb6V,\xd2I\xfd\xef\xb1\xe0\x98@\xb8r\xb4B\xea\x88\xd8\xcbM\xf3\xeb\r\xda\x8e\xf3\xc1\x1e\xa1\xa1Q?\xe4\xcab\xb9\xe4\xc5\xc5r\xb9\x9c\xa2H(\xa2%\xce2\x8a\xdd\x95\xd4\xce\xbeb\xe9\xc3;\x04\xaf\xf0\xd5^\xb9}\xb4\xd9\x95\x9e\xed\xb2\x88t\xb9j;\x94P\x0b\xc15\x14\xcaFC\xa0\x8bD\xec~\xbbi~\xaf\xc1\xde\x11\x94MS#z\xfd\x10 UW777\xcb\x9b\xe5r\x89DB\x92\x98\xc5j6c\x8d+\xbb+;\xfb\xcc\x8f\x1c\xb8\x1b~\xf7\xdbrS\xaf\xab\xa7&gt;#\x8a\x8b\x9c*\xa9?\x86\xd4*o\x98\x08\x85\x90d\xf3\xf3&amp;\xa0*-\xdd\x8c\xc4 !\x06\xa7\xa9\x04\xd5\xaa\xffa\xa4\x1a\xed\xe6\xaa]W\xaed\xa1HR,\xb6n\x9b\xf1\x96]\xc0\n\xff\x9d\x93\xaf\x0fr\x0e\xca\xfb\x9b\x9e\xc9\xa4\xf5\xe2\xb8\x88rV@\xf2B\x1a\x85\xc6&amp;B\x08j~\xde\x1e\x89\x04\x13\tU\x10:EP\xe6\xa4\xa8i\xb9^\xef\xaa&gt;w\xae\xba\xb9Z.\x19j\x95\x08\x11\x15)\x8eo\x9b}\xcb\xbb\xbb\xbb\xfb\xbe%N\x9c`\xe1\x8b\x86P[\xef\xa8\x1a\xb0\xc4H\xaeL,\x06T\x13Y\xb5\xe6\xe776"iYxaaJ\xa7R\xa9t\xd3\x05\xc6S\xc2i\xbd~\x04a\xa1\xa5\xb3$\xdbRILl\x89o\'\xa1\x86\xbb)=v\x87\x9b\x8f\xa7^\xad\x9bB\xfd\xe5\xb3R1+\xeer\xd6V\xd4gb\x1b\r\xa1\x86\xec\xbd\x9a\xdf\x80\x16\x96\x1e\xdaI\xa5\x02\x90&gt;(\xe1\xc9\xb9\x8b\xe3\nCK\x18-2\x11\x97\\\x0eR\t\x91\x0f\xb4\x02\xd6\xd9\x95\x95\xe5\x16=\x07\xb3\'{\xe9\xbb\xf7"\xb1\x89\xb1\xfe\\\x0b\x0bj\xd5\xd6H7\x91^\xe5Z\xd4%\x10U,r\xff\x9f\xffB\xc3\x11&amp;\xb17\xb5\xb5\xb2\xecU ,\x19\x80\x15\xcb%$\xaa!)\xb2X\xd9\xc5$\xad\x00\x17\xd8\xf2$\x87\x13\xb1x9\x07\x1b\x0f6b\xf6&lt;\xeb\xb6E\x04r\xd5\x94\x82^\xb1\x98\x16-\x1d\xa0\xa3jM\xf6\xe0\xfd)\rLg\xc8A[[\xa9\xd4{\xacQ\xa0z\x8f\x85\x91\xa0\x96\xd9\x16m\x1c\x1cr\xd2\x9a%\x8eL3\xff\xc5\xdez,\xe6\x97Z\x17\xe3"\x90\xab\xb6\xa6~3\x93A-\xde\xefW\xfb\xb5\xda6\xad:\x11P\x0eCV$\x8cs\x02c\xca\xabh1\\AX\xd5r\xc0\xcaR\x91\x985\x9e\xb4EO\xb6\xf8HZ\xf4\x94\x9b\xab\xc5\xe3u\x1f\x8c5\xc4\xca\xb5\x16\xb7\xd9"\xaa\x05\xac\xb5\xb5\xfa\xfa\x0c\x1a&gt;h\xe9\r\x96"8u\xdd\xd3.\x18\xb0\x11}\xa7O\x03\xd7\xa9\x16t\xb5\x82\xa3\xc5\xd5\x08K\x08X0y &amp;\xda\x14\'\x1b}\xd8\xe3\x1c\xae\xd4\xe2\x1f\xcc\xc3SW.\x9a\\d\xc5\x900jQ\x1d\xeb\xd3j\x10K=;\xabV\xe7\xe1\xc4\x85\xf6\xceN\xc1\xc0uAg\xe7\xe9\xf1\xb9-\xaf\x1e\xa95Z\x8cZ)\x9a\xd3\x18\xc6Fm\xeeI\x1b8\x1b\x9f\xe8\x0e\x8f\xa3\xa4\x08\xe6f\xcfo\xf7\xab-\x93\xb6$\x0b\xd7\xab\xab\xebVmE.\xf2\xa9G\xf3\xa4G%\xad\x83EFA\xe7_.v\x02\xd6E8\x9d\xe3\x0b\xdeF\xc3\x15\t@\t\xc1\xa3a\x18\x04k\xdb\xa4\xdb\xb6j\xa3\xf1\xd6\xc4\x93c\xdc}\xef\\\xf8\xf4\xed\x83\x9f\x9f\xfc\n\xff\x1b\x81\x89\xc5]]\xc0\xa5\x96\x1e\x87\x16\xdeXp\xaa\xa8\xc4(\x18\x1f\x1f7\xd6\x05\x94s\x9d\x08\x0c\xbd[\xaf+hlmm\x05\xfb\xc704\xed\x98\x1c\x98t\xafn\xbfI\xfc\x9f\x96\xf3\x0fi#M\xe3\xf8\xe6\x0e\x7f\x94\xe4\xd6Q\xdb\x8e\x9d\xd9\x8c\xe4\x87\xa6\xab]\xab\xb9\x98_T1\x95\x8c\xbf:{\x84\xa6\x10\xcf\x12\x88M4 \x89\x10\xa2D\xc8\x04\x87V\xe8\x92\xfd\xc3\x04\xcc\xfec-q\xa7\x9b\xa2\xa5\x1cw\x94\x82w{]Y\x02\x95]\x16\xf1\x04\xb5\xb5\xbf\xee\xd8B\x8f\xc2\xdd\xd2\xfb\xabW\xf6\xeey\xde\xb1\xb7\xdc\x7f{{\xce3\xbe\xe3?#\xf3\x99\xef\xf3\xbc\xcf\xfb\xce\xfb&gt;\xe3\xca\xd3\'\x87\xb9\x15\xa5\xab\xfe\xcb\x93\x86\xfd?\x94WQ\xb0\xd1\xf1\xb6\xb6\xd6\xee\xfa\xfa\x8eY_\\pX\xad\x8e\xfe9\x9c\xbco\x81\xed\xcd\xec\xdc]\x84\x00\x13EQ\xb2\x9ag\xc9\xbc\xd9\x17\x8f\'\xa4R\xba\\|\xf1\xe4\x8b/\x1a\x0ew\x0f\x1d\x8b\xbc\xe7_\x96\x8a\xab\xd1h&gt;\x9a\x8f\x8c:\'\xcf9\xcdvY\xca\xcaV\xc1\xb7\xb5\xbc|\x1fmkkss\xef\xf6\xdc\xcd\xa0h\xf0\xfb\xa1\x0f\x98\xfbP)\xc1\x92\x90S\x86T\xa9\xf8\xd7\xcaC/fA\xac3/\xaf\x02\xd7\xea*\xb0\xe5\x07{\x97\x05^2\x18D{|s\x13h\x80hosoo\x0f\xb8\xf6v\xe7\x84,\x04\x7f,\xc5\xc7\xfbn\xc7-v^\x12\r\xb1\xd0\xd5[\xcf\xab\xd4\xa8\xb1A\xac\xab\xa9b\x19^L\xcb\x89\xf1\xc6\xbe\xac\x08\x11%\xd9\x85\xb9\xf5\xdd\xf5\x1flw\x17\xa8\x84\x19\x19\xf4\xf2\x8b\x96\xb8/\x9a\x95\xc4T*\xe6\n\x84n\xed\xabQy}D\xf7\xde\x1fC\xa1P\xb1XL\x85J\xe5\xc8\xa0\x906@\x92\xe2\x83;\x0f\xec\x0f\xfe\xcbv\x1e\xec\xec\xecd\x83\x8bI\x7fJ\xce\xc7\xf9\x94!\x16#K\x9a\xbf\xdfV\xa5 \\\xf7\x8b\xaf\x03\x01W\xa9\\\n\xe5B\xc5\xfc(\x0fX\xa2\xe0\xb3\xcf\xec\x82\xef\x1e&gt;|\xf8w\xc5\xd6\xd7\x01\xec\xee\x9d\xa0]\xf4\xc7\xc4,\x9f\x97\x0c\xfe\xa4+\xe9r1\xcc\xad%\x9d*X\x95/\xd6r\xae\xab \x16\x93+%\xa2R:\xe5OG\x967w\xf7\xb6 \xda\x9f={v\xff\xe1}\xa4\xdb\xdb]\x9f\xb9ysF\x90\xfd\xfe\x94$\xcb\xa9\xc5\xcb\x0c\xe3r\xb9=\x9e7\xfb\xea\xa8\xd5\xfcj-\x93\x0b\x94J\xa1\x8c+T.c\x15\x92tmyyk\x13\xb1\xee?\xc3\x13`\x81t\x10ass\x82\x1cK\x1a\xd2\x92\xe8O.,0\x9e\x05\x0f\xc7e^\xa9R\x0c\xae\xd3=\x07\xacL(\x14\xc80\x81b\xd1\x10\xbb\xccH\xb7\x97\xc1\xb6\xb6\x1e\xfe`\xd0\x11\xd7\xbd\xdep\xd8,\xc7\x98X:\x15K.x&gt;5q\x1e\x8f\x91\xcd\xbcjW\x07k\xfb\x8d\xdb\xed\x0e\x05r&amp;\x93+\x142\xc4&lt;L\x11\xd4:\xd58\x08Y\x01:\xe3.\x9cv\xb1#\xce\xcdy\xc3&gt;A\x8a\xb9\x18\x83!\xc9|\xca\xe1"=\xc7\xb2k\xea`\xe1\xa6b\xa1\x00X\x19\x8e\xcd\x04\\\xb1\x00g\nEo7\x9e\xea\xf3\xcd\xe1\x8as0\x18\xbc\x1b\xdc\xe1\xedv\x8b0c\x0e{\xed\x86\xc0\x02\x13K2\x0b\x1c\xa9\x83`i\xc0R\xa7\xa2_\xf7\xee\xcbB\xa1\x90\xc9\xb9Y\x1a\xb0\\\x0ck\x0c\x14\xf3}}\xa4\xac,K*\xdebiI\x92y\xcbL\x7f\xff\x8cdp\x99\x18,\x9b5\x9e\xa4O\xd2\x88\xf5F\x9d\x04\xf1\x8e\xee\xd8\xd7\x05\x9avg\n,\xcd\xe4r.\x13mdJ\tp\x99 \x08&lt;\x8e\x84I\x98\xdc\xa4\x83A~F\xb0\xcb\xd9T\xcc\xc31.\x13g\xa4(\x9a\xa5X\xc0\xfa\xee\xbaN%\xaco\x0b\x94\x16oA\x9b\xdcn\x86\xa38w\xa0\xb8\x9a\xb0\x0b\xf1\xb8=\xb8\xe8_4@\xbb#\x06yK\xbf=\x1d\x0b0\x9c\xd1\xe4\xc1\r)\xad\x16\xfe\x88\xa6\n\xdf\xbe\xab\x0e\xd6;\xcd/\x00K\xa3\xc5\xe7\xe78\x13\xade\x0bL(\x95\x96\xf3&gt;\x9f\xc0\x8b\xa9;\xa2x\x07Z0\xcb\xf3r\x1at:\xc9\x99\x8cZ4MM\x8dF\xab-\xbc8\xaa\x0e\x95N\xb7\xb4\x06X\x1a\xb8\x07J\x86\'w.\x10*%\x04\xdf\x9c]\x92\xa4`Z\xc4#(\x8a\xa9\x98\x9bc\x7fE\xb3,\\]CL\xa3]\xdboV\x0b\xeb\x83\x97x#x|\r\xc5R \x1b[(\x98 \xef\xaf\xdayYB\x8d\xd2R\x1a\x86o\x7f\xd2\xcf\x18i\x9a\x02U\t\x96\x06\x9f\x84\xfa\xeec\xd5\xb0\x1a&gt;cP.RS\x8d\r\xf4`\xdd\x81TI\x92\xd2\xb2\xdd\x0e\xd3/I\\L&amp;/\x9b8\x8e\xc6@\x07\xac\x1a\xbc\x18=\xa9^h\xe9t\xef\x7fS\x82;\xd5\xa0cP\x00\x88d\xda\x84\x15.\xa5\x94A\xb6\xcb\xd1\xd54\x0c\xdf\x97\x19\x0f\x16kQZ\x94\x0b\xb1j\xb4\x18\x8dk/~\xae\x1a\xd6\xf9\xd7\t7E\xc4\x82F\xa1`4\x87uJ\x90\\A\xb0\xd52\x16\xeb.\x90\x122-\xa5A*\x12Y\xf8\x04\xee\xf2\xa3\xf3\xaaa\xd5\xbd\x8e\x948\xa4!\xa6=\xf0#\xe7f&lt;.C\xcc\x90N%]\x97\x17L\xe8&lt;J\xa3\xb8\x8e\xe8\n\x92\xb9\x8b\xf9\x8d:\x95&gt;\'\x03\xac\x8d\xd1h\xc8Cc&amp;\x82\xbb\x91\xf0\xc2\xe2:\x93\xc9\x03\x82\x05B1\xa5\xe8\x1a\xfa(\xad\xa9!XZR\xe0\xa95\x95\xf2\x91\r\x15\xd5\xda\x18\x1f\xcd\x97C\x05"\x87\x163%\xe4K\x8a\xe5X\x13\x03\xf9\x153(g:\t\xa9\x03;\x04\\\x83r\xe1u\x8c\x14\x8dG\x1e5\xa8\x865\xbd188~-_\xcc\x15h%y\x83X4\x92Q,\x00\xb9\x11\xd1\xa8\xa5i,\x9cG\x1d\t\x13\xcd\x05\xe4\xa8 \xc4U\xc4\xd2\x03\xd6 .\xbe\x942,BQ\xf4AbEF\x9aF\xc7\x91@G\x99PQP\x93\t\xa4xKT0G6\xdeW-\xb6*\x9f\x8e\r\x8e\x8d\x8d\x8d_\xbb\xb1z\xd5\x8d\xc3/\xa5`PJ\x0f\x80\xf8FB\x8c&amp;\xec\xa8Z-\xcd\x94d\x98\xea8\x04\xc4:\xaf\x12\xd6\x11]\xd5\xd3\xc6\xc6\xb6\xb1q\xe0\x8a|\x0e!\x86\x031\x19\x8d45\xc7\xdf\x8e1Z2\x06@\xa8\xe3\xc8\x19\x90\xac\x0e0\xbb`6\xfbT\x0b\xf9#G\x10\xabq\x8c\xe85z#Z\xca\x15X\x92\x9b\xb4\x1a\xe5\x93\x91\xe3\xc8\x85\xa3\r\xb2\xd2\xac\x1br\xac\xc3JV\x03T\xc6z\x0cXm`ccX\xd9\x00\x9e,\x90\xd4\x89\n\xd5 \x15d\xf4\x9a\xe3$e\xd1\x05W\xc9\xea\xb0 \x94\xc3B\xb0\xeaT\xc3j~\xec\xc4U\xe3\xb6\xb6\xefA0\x88\xb0\x04\xbc\x05\xa1b\x14\xa5\x8c\xc9J\xee\xc4\x8e\xc9\xe5J\x92\x8cP\xbc\xd5b\xb1\xa8\xaeV\x0b\xe1jm#5\x04\xd7"\xd1D1\xc4pD2-\xc68\x1ad\x0c7\x0cF\x0e\xc2\x04\xe6@,\xaf\x0fz\xa2zX\xce^8\x9c\xadm\xc4\x93 X\xe4F"\x9d2\xb8&lt;\xf8jc4\xc2\x84\x02\xd2\x97\x0b\xa6\xf4Y\x87\x82\x05\xbf\x80\xea,\xbc\n\xa9\x8a\xd5\x0b\x06X\xc8\xd5J\xc0\xc6#y&gt;+\x92\x99&lt;4\x7f\xcc`\x10\xb32j\x84\xc1\xce\xe3\x19B\xcb\xab6V\x07\xc1jkE\xb0\xd6\xd6\xb11@\xbb\x16\xc9\xdbe\x9c0\xc3&lt;&gt;\x98\xcdfy\x14\x08xx+\xaf\xa8\xd5\x8fj\x85_74\xab\x85U\xfd\xb8\xd7f\xb3\x11\xb9\x10k\nE\x9b\x02\xcdF\xe3\x16+~\xe5\xc3[\x15\xaf\x11#&gt;\x04\xdd,g\xcfz\t\x96\x9aND\xac\xde\xe5V@jmS\xb0\xe0&lt;\x08`\x82\x05y\xfa\xfb\xe1\xa7\x1f\xa9\x90\x08\\\xf8%D\x96\xdaX\x15O\x11\x0b\xb8z\xa7\xc0Z\xb1C\x82fS\xa8\xdd\xf8\xb8\xcf\xacX\x7f\xbf@\xc80\xbf\x7fI\x02\x1e\xb0.\x85\xbfW\xe5{;]3\xd8\xbd\x15\x82e\x9b\x9c\xec\x9d\\YQ\xc0\xa6pE\x9cH\xd6\xe7\xf3\x85\xc3a\xe4\xc2\x06X\x8a~\nU8\xfe\xe8\x83\xc3\xae\x0b\x04\xa8v\xfd\x89\xa3\rO\x9d-\xb6\xd3==\xb6\xe1^\xdc4\x18Z9@\xc2\x95z@\xc4\xa5n,\x16V4\x03\xa2\x19\x8c\xf6~\xa4\x02,!\xba_yxA\x0f*U\xb5WW\xea\xf5\'\xea\x8e&gt;\xf9\xaa\xa5\xa5\xe7\xf4\xe9\x8e\x9ea\x9b\xad\xbb{h\x00\xc0\xd0\xa6\xf04\xb42\xd9\xeb&lt;5\xdb72\x02\x8ay\xbdf\x04\x82\x06\xf6;\xa0\xba4\x126\xf3\xaf\xaf\xbfWw(\xff\xeb\x03T\xaa\xaa\xac\x98\x06\xab\xd0O\x9f8q\xef+gc\x87\xad\xe9\xf4\xe9\xeea[\xf7\xb9\x01,i\x19R\xd0p\xc3e`\xb2cbv\xf6\n\x90\x11\xcd\xbc^\xefY/Q\xea\xd2\xc8\x0843\xff\x9b\xfd\xa5\xf9\x0f\xabu\x87\xc0\xd4^Q\x01TpB\xb9\x00\xab\xb7\xa5\xe5\xb7MM\xdd\xdd\xdd\xc3\xe7\xea\xbb\xb0jd`\x80\xa0\x81r\x03C\x93\xbd-\x13\xa7NaQ\r\xa0]A\x96\x03\x1b\x81#,X\xff\xfc|{{\xfb\xcc\xffW\xc6\x0fP\xd5z\xbdBU]]]YA\xb0&amp;\x9d-=M\xc4\x00\xab\x13\xc1\xbap\xc7\x8c\xb0ay\x08\xee&lt;MLL\x10\xb4\xd9+`\x08u\x05\xa8\x14\xac\xa5\xa5\xed\xed\xeb\'~z\x84a\x8c\x1fxoZ_]UM\x82K\x7f\xef\xc2\x90\xd3ik\xaa\x07\x03\xb0\xda\xdaN\x85\x8cH6&lt;d\xeb\x80!\xa0\xc3\tG\x07\xa2\x81]\xbcx\x05~~\x8dpa\xb3`\xfdl\x7f\t\xb8\x96\xce\xfcL\xff\xd3\xea&lt;\x0f\xbcW1\xfd\x1f\xb1\xaa+\x81K\xff\xe4o\x03\x93\xc3\x00D\xb8\xea\xbbj;\xc1\x14*\xb0\xeen\x92;lX\xf7@L\x01\x03.\xc4\x82\xfei\xfdf{\x89p-\x9di\xa8\xfb\xdf\x15\x03(\x823\xadDU\x05bU\xa1\\\xfa\x7f\xfe\xa9s\xe0\x80\xaa\xb6\x96`uuv*P]\x80\x85\x1fO\x0e#X\x8f\xad\x07\xe9&gt;\xf9d\xe2\xe2G\x17/\x82Z\x10Za\xb3\xe3\xd1\xd2\xfc\xfc\x12\xb1\xf9\x0f+u\xc4\'X\xfe\xfb\xe3\xc3\x9cxOQ\xab\xa2\x02\x9cX\xa5\xc8U\xf7\x8f\x0b]\xf5M\x8a\x0b\x9b\xeaQ\xab\xce\xda\xae\x03\x1b\xc0~`\x1bV\x04\x83\xe3\x80k\xe2#\xd4\x0b\xb1\xe2\x9f\xbf\x9aGS\xc0&gt;&gt;v\xac\xae\xbd\xb9\xb9\xfdG\xa8\xa60M\x13\xa8\xe9\xe9\xb7}\x10\xd4z\x8bU\xf9\xaf\x0b\xbf\xac\x05\xa5\x90\xab\xbe\xb6\x13\x82\x0b\xdb[\xb2\x81s\xb6a\x04#h\xddp\x00\xd6\xbf\x0b9{\x1f5\xae(\x8a\xa3\x81y\x8cF\xcbH\x0b\x8c\x04\xd2\xbc\x92H\x14\x13\xd6Z\xb6\xc3\xcb\x16n\x1c#\x1aD\x11\xb9\xa1I"%R\xecj\x8b\xa9\xdcmC\xef\x92\xdeM$\xff\x03\xd0Y\xab\x95\xdc\xe0\xb4\xde\xdd\xc6Aih\xdc\xb9\xc99\xf7\xbe\x07\xac\x13+w\xf8\x98\x0f,~{\xcey\xf7=\xdb\xa3}\xfd\x9b\xc8\xf5\x1c\xf5\xfb\xfb\x0f\x8b\x05\xb0\x16\x8a\x86\x9dA\x92\x8e\x93\xc9\xff\xfc\xff\x94tr\xeb\xecS\xa4K\xd9*\x82\x15\xe1\xa2\xf9kM\xaec\x89\x16|&lt;&gt;V6\xc5\x1a\xa1\xa0\x184\xeb\x9d\xb3\xfa\x17\x82\xc5\xe0?G\xbf\xf8\xe9\xef\x85\x96\x80iao\x91\xd5\xec\xb7%\x83P\xd2\x0f\x98(@U\x08W\twj\x01\x8cX\xdd\xcf\xef\xa6g\xa4i\\u\x1a\x0e\x8cG#_\xa0\x02V\xffGR!c\x8f\x80%.\xa2\xc9\xbe\xff0_\xcc\xe7xb\x13\xa4\xf9B\x8e\x17\xf3q\xfe\x8d^\xc6fnC\xef\x9d\x84\nx\x15\x1cU\xf6X\xc6\xb6\xcdr\xcd\x9b\xdcN\xcf(X\xc3\x81A\xbdQg4\x1a\x16C\xbc!\xf7\xbd~\xbf\xd7\xa1X\x17\xaf/|\xba^\xbd\xfa\xe5\xd3\x9c5\x18\xe01\x98+\x12\x0f\xa5\xb2\xd6\x7f\xfc\x93\xbd@Y\x05\xa2R\x151\x90ja\xbfr\x88e[\x90kz\xca\xa8\xabL\x0c\x1at\xeb\x9c\x0f\x87\xbdY\x81\x17\x16\xa8:\xe7\xbd\x8b\x97r\x8f\x14\xc1P?_\xcf\t4\x1e\x8f\x85\x03@\x1ej,\xf5\xaf\x8c\x1d\x1dU\xaddJ \xa8\x8eW\t\x07\x95\x8a\tM\xa4\\\xd2Qo\xd7S\xcau\xea\xb9\x8eeTb\x9a\x9c\xcd\x9e\xcc\x8ab6\x03\x16\x83\xd5\xe9=\xd1{\xca\x94\xec\x87\xeb\xc5x\x0e\x82,\x1b{\xb21\x89\x08\x95i\xe5\xf5\xeaa\xc6\xbe3m\x1b\xdaP@\xc2\x08$\x0c\x16\x91L\xc4S\xc68\xac\xea\t\xa7\xc5\xfar}:U2\x07F\xb1:\xbd_\xc1\xf5r6S\xac\xce9A{\x17=\x18)d\xdf_/2PdY\x92\x10L\xa0T%B%\xd9\x97\xecK\x92$\xf9\xe4\xc0J\xcb2&amp;\x14\xa1\x08\xc7\xa8\x83\x0b&lt;\x15^\xb0^-\xba\xd8$\xd7\x14F*\xd9\xa9\xf8(\x82\r\x0b\xc5\x9a\x11\x8bu\xdeSG\xfb\xfdGo&gt;\r\x84\n_\x9d\x04I\xa68\xf2$\x14+Or\xa9\xc9n\x81!PQ\xe42E$c\xb0\x03\x1cS\t\x89e#\xe3\\\xf4\\\x7fN\xa7\xef\x14\x8bf\xb2a@\xa0^!To\x8ba\xa7\xa1X\xfd\x1e[E\xff\xcd\xdd\x87,\x81:I %z\x89\x9b\xe2]"\\\xb9\xafV\xbdz$\xf7o\x88KX!\xa8\\\xaaTH,A:\xc0\xaaB.\xdbl\xb6/o?o\xa7\xbc\xed\xf4x\x1f2\x8cE\x86^\xf4\x1a\x8a\x80\xe7\xcc\x18\x1e\xcf\xaeW\x83 \x01C\x12\xc4q,Xdr\x81rZ\x05B\xc4\xc2\x9b\xfeZ8 qS\x03\xad*\xb5\xc7\x8a\x0e\xb0\xc4\xc66\xc0Z+\n\x86\x11\xa9\\20\x1b#`I\xe8\x0br\x01\x92\xc9\x7fz\xbd\x19\xa4\x01)\x08\x95\x92+\xdbW"X\n\xb5\x03k\xe5]\x8b\x8cq^\xa9\x98\x8a(\x84\x80\xfb\xfe\x0e&amp;^\x010\xc5t\\j#\x8c\xbc\xdd\xac=\x97\xceA\xe8\xf4\xe8\\\xb3!\x9e\xc5\xf0\xaa\xd1\x19"`\xa3\x9b;@\xa5\xb4-\xc9S\xa9\x98\x07r\x02T\x81h\x15\xc7\x87LN\xb16M\xf4X\x94\xc6\xb8\xc9\x87Y\xaf\xea\xda\x81\xeb-\xc5b\xab\x87\\\x14\xecv\xb3%\x93\x1b\x91\x84\x1a\rY\x05\xa8\xa4:7w\xab1\x04\x12\x9bb \xd5\x14\x8b\xa9\x0f\xb2\x80\x0f\x19\x029\xb8\xd2\x94,\x8e\xac\xdb\x05d\xc9\xe8rJ\x1d\x94\xf9\'\xf4XT\x8aX\xd1\x81^V\xf4B\x01\x0cVj\xb8\x1e7D%\xa2\x15\xf7\xc3\xd1\xd5\x1fg\xd3\xed\xc7U\xe68\x02\x81B\xc5\x14+\x81Z\xbaI\x05\x14+M\x0f\xc4\xeav\x01H\xb5\xe8\x8e(%\x11\x83ZV\xb0\xac\xd1k\x04\xe3\x8e\xcc\xd8\xe2\xa3V\xedv\xf5q;=\x93\xc5\x17\x87!\xba\xfc\xf0\xbe(\xee\x1f\x9fm\xef6\xcbD\xd4A\x98\x90)\x81\xaa\xe1\x08\x18\x01\x951\x9f\x8f\x00\x00\x024IDATG$\xdf\x12\xe7!\xc5J\x9d\x89]n\xe0j\x95\xe4\x1b#\xf8h\x19\xee=V$XQ\xa4\xf12\x87\xf9\x12\xb0r\xb9\xd9.\xe7\xcb\xcdz\xfbT\xc4B\xdc\xe1\xe0}q\x7f\xb3\xde\xac\xc6\xb0,\'U\xec\xa1p"&amp;N\x1c\xf8F\xe1\xc4\xe2\xf5V+=T\x0b\\\xa5\xaa\x98h9\x0eU-p\xb1\x979,\xb3\xc3:\x89$d\x18\x8f\xd2(\xca\x04k\x96[\xe3\xe5\xe6\xe3\xf6\xe6\xd9\xdb\x17/xw\x1eR\xbe\x1a\xc45UJc^\xdbQ\t\x06\x91H\xeb\xb1\x02|\xa0\x95\xa6\xde\xbf\xaeVI\x1d\xe4\xc4L\x16Y\xd9\x10\x8b\xf9g\xbe\x8c2\xb9\x80\t\x19\x83O\xc1\x08\x06\xb4r-\xb9]\xaeV\x9b\xcdf\xb5Z.\xb2\xdcQ\xa4\x07P&lt;\x11\'^\'\xc1b\xe6\xe8a\x10\xe4\xf2C\xe0E\xec\xebv\xeb\x0f\xb00\xdd\xec\xb1\x8cH\xa7\x8dk\x87e\xcd\x89[\x11\xca_8\xc4\xc9\xa6\xa0\xa1\xf8\xcd\x9e\xc0=\x0e+\xdd3\x91*\xf0X\x18\x88\xf2adJ\xed\x9bL\xba$s\xedT;\x95a{\xc0\xc2\x8bm"\xdc\xa5\xca\xc9\x16\xe9,\xa5Xf\x1f12\xb9\x17/\xcc\x9e\xc9\x9f\xdb%\xca\x939,\xf6\x0e\'VJ\xa4\xc9\xa4.h%\x8du(\xf2\xc8\x02\xc7*\x9a\xba\xe8\xb0$b\xc0\xe2\xbc\x1d\x9d\xa8Z\xc4\x12\x99j\xfe\xb5V\xa6{\x1eHYk\xda\x19\xc4\xae\xf8P-\x1fz\xf1P&gt;5\xa9OX]\xbc\xd7K\xfc&amp;$&gt;\x94\xf6\xd0n\xb7\xad\xc32\x1e\xcb\x8dG7\x06\xec\x0e\xcb\xf5\tga\xf9\xa1iD\xac\xb9\xf3\xa9\xc6|\x87\xc5di\xba(X^\xf3\t$S\x1dh\xa0\x02\x96\x15\x99\xd8\x1e\xc2\xcbz\xbdN\x03\xeb\xa1S\xc8\xb9\x16\xedLt\xddL\xfe@\x9b\xb5\xe3r\xb1\xda\x0b\xe5OK\xf3"S\x1ck\x1b\xd3\xf2&gt;\xe6l%\x93\x89@MD0\xc5\xe2\x08\xc4\x92\x99y\'\x15\xd5\xaa\xdb\x07X 2\x91#\xe2\xc7]\tT\xd3\x05\xeck\x9d&lt;T\xec\x1cS\xb5\x14+\x95G\xbe\x9b\x97\x885q\x16\x02\x89\x82\x95\xb8D7mY2\x84\xe0\xb4f\x8f\xe5\xc0\xdcXtX\xf6\xb2\xfd\x15X\xf9ai\xd2e\x0c\xa4N \x87\xe5-\x14\xac@[\x17\'\x9f\xb4\xf6\x10\x0b\xf5\x0f&amp;N.\xd8\n\x87\xd9\xf6\x00\x00\x00\x00IEND\xaeB`\x82'</t>
        </is>
      </c>
      <c r="M302" s="3" t="n">
        <v>45492.67631944444</v>
      </c>
    </row>
    <row r="303">
      <c r="A303" t="n">
        <v>906837</v>
      </c>
      <c r="B303" t="n">
        <v>1999</v>
      </c>
      <c r="C303" t="inlineStr">
        <is>
          <t>Helinho</t>
        </is>
      </c>
      <c r="D303" t="inlineStr">
        <is>
          <t>Helinho</t>
        </is>
      </c>
      <c r="E303" t="inlineStr">
        <is>
          <t>PD</t>
        </is>
      </c>
      <c r="F303" t="inlineStr">
        <is>
          <t>ATA</t>
        </is>
      </c>
      <c r="G303" t="inlineStr">
        <is>
          <t>PD/PE</t>
        </is>
      </c>
      <c r="H303" t="n">
        <v>175</v>
      </c>
      <c r="I303" t="n">
        <v>11</v>
      </c>
      <c r="J303" s="2" t="n">
        <v>36640</v>
      </c>
      <c r="K303" t="inlineStr">
        <is>
          <t>Left</t>
        </is>
      </c>
      <c r="L303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e90114-9cc7-4031-81cb-f12471ad4b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9f\xf5\xce\x00\x00\x03\x00PLTE\xff\xff\xff1&amp;&amp;$\x12\r-\x13\t+#$\x07\x06\x086\x1b\x11(\x11\x08"\x0f\x07\x04\x03\x03*\x15\r\x1d\x0b\x05\xfe\xfe\xfe\x1c\x10\x0e.\x16\x0e\xd5\xdf\xf9\x8dZK&amp;\x1b\x1c\r\x06\x05\x0c\x0b\r\x85Q&gt;!\x15\x14(\x1f \x14\x0b\nA"\x1a3\x17\x0c701\x7fL&lt;+\x1d\x1c0)+\x86UF-\x1a\x140! \x18\x07\x03\xc4\xcd\xe9$\x18\x18\x93bUF&amp;\x1d\x97fZR, \x9egY;\x1c\x11\x8bVE\x8d^Q\xd8\xe3\xfb\x92^O\xb2ye\x9adURMQ;35\xaara3\x1e\x19\x12\x05\x02\x89ZM;\x1f\x161\x19\x12\x83VK:)\'\xa5kW#\x0b\x02T=;\xb4|jk&gt;/A:&lt;yG9\x7fQC\xa8o\\\x9fj\\I+$\xc6\xd0\xec\x13\x11\x13\xa5vm\xb0vaM*\x1e\xfc\xfb\xfc\xa4m^\xd3\xda\xf4\xa0fQ\xdb\xe9\xfc\xda\xdd\xf3]EB}SJoJA(\x18\x15d;0\x98aPb6%\xdf\xed\xfc3,/A\x1f\x12\\5,\xf8\xf7\xf9\xc3\xca\xe5\xf2\xf1\xf3\xb7\xc1\xdd:"\x1e\xbe\xc8\xe4\xbb\x80lT3+\xb3~r\xadzl\xabvfwPFG#\x16h9(\\2%W0"\xa6rd\xb8|e\xaa{s\xb8\x82swK@\x8ebXGACs\x03\x0f\xd7\xe3\xf7\xba\x87{vE3\x9emd\xad\x81zd@6\xb3\xbd\xd9pD6\x87]V\xdf+8\x99j_\xe5/&lt;\xcb\xd1\xee\xee\xeb\xecLGJ\x19\x16\x18oPK\xaf\xb9\xd4@/.\xda\xde\xf9\xeb8C\xa9\xb3\xcd\xe0\xe7\xf8\xa1qfL62q@.\xaaiOeID\xc5\x8b{\xb3\x83{~WO\xbc\xc4\xdfh\x02\x0b\x84ZP\xd2\xdf\xf5\x92ZCD43\xc0\x8a~\xadq\\\x98_I\xc8\x91\x85\xdd\xe1\xfa\xd5$3\xdb\xd7\xd8\xe4\xeb\xfc\\&gt;8\x80I3!\x1f"\xd9\xbe\xd3N&amp;\x17\xdf\xcd\xe1\xdf\xd9\xed\xea\xe4\xe4\xd6\xc2\xdb\xdd\xb4\xca\xd0\x9b\x89\xe0\xe2\xf1yXT\x96\x9f\xb3\xc1\x86tjD;\x92T;\xd3\xcf\xd1\xcd\xac\xc2\xe8\xe8\xf2lgi\xd1\xd7\xef\xa0_G\xcf\xb3\xcd\x83\x03\x13X+\x1b\xd3\xcf\xe9\x90\x8f\x92\xd2\xcf\xdf\xcb\x92~]UVb^`\xc9\x1c-\xca\xc7\xe1\xe0\xa9\xbe\xa3\xad\xc6\x93\x07\x18\xdc\xd2\xe9\xa3\n\x1d:\x14\x0b\xb1oU\x9c\xa6\xbd\xe8\xd7\xe8\xc6\xc2\xd9\xbe\x14\'\xb2\x0f#\xc0\xbd\xc1\xc1\xb8\xd1\xc7\xab\xa8\xe2aw\xe1\xdf\xe1\xb5\xb0\xb2\xdc\x9c\xb5\xe3\x94\xaa\xb5\xbb\xd2\xbb\x83\x9d\xc9\x95\xa1vsu\x82|\x7f\xaa\xa5\xa6\xe6\xc5\xdb\xcd\xa1\xba\xbaNh\xb9\xaf\xc7\xf5AK\xd8z\x91\x9bul\xb1\x90\xa8\xaa\x8d\x89\xe8t\x89\xbe\x9b\xb3\xe5\x89\x9d\xc9\xc5\xc8\x9f\x9d\x9f\x96\x87\x8a\xd7\xbf\xbc\xeb\xb7\xc9O\x08\n\xcd`x\xab|\x92\xbb\x96\x91\x9bV[\x8aeb\xf0\xa8\xbb\xa8*1\xe4M[\x87(2\x9c||\xec\x9e\xaf\xbeAP\xbdj\x84n\x1f"\xd4HT\xb0\xa5\xb9y\x18\x1e\xc4`X\xabv\x98r\x00\x00 \x00IDATx\xda\xdc\x99\xcbK[\xeb\x1a\xc6M\\11\x97\x92d\xe5f.K%\xd1\\$\xc4\xbb\xc6J.\'a\x05#\x85\xa2Q4\x12\x02\xc6K4\xa8[0\xee\x90"\xe8:81ac\'z\xe8@4\x08\x9dlN+\x84\x82\x04t\xd8\x99\x03\x1dig{\xd4\xf6\xaf8\xcf\xb7bw\xcf\x1f\xb0\xb4\x87\xf3\xa2\xd15\xca\x8f\xe7}\xde\xe7{\xbf\xa4\xa1\xe1\xff\xbc\x94\xa9\xdd\xf8\xff\x0e\x8crn\xf7\xeb\x97Z\xadv_\xbd\xbf\xff\xf25577\xa7T\xfer\xaaT\xea\xe2ao\xa6\x82bY\x8e\xab\x98\xaf\xaa\x0f\xb5\x9b\x93_\xcc\x15\x7f\xff\xadvE\xd1\xb4DBKh\x94\x84eY\x9a\xaet_\xec\xa6~\x1d\x99r\xf7\xa6j\xe3x\x1cR\xcd\xfc+y`\x83\xf7\xb5\x9b\xdd_\x035\x97\xfaV\x9da\x7f@5\xf3j\xb1\x8ft\xf8o\xe6\xbav3\xf7\x0b\xc6\xeeK\xd5\xc6\xfe\x90\xe7\x11\x8b&lt;I\xea\xca\xe1\xb9r}\x91z\xe6\xd1\x8c\xdf~\x0b\xd2t\x1d\xe9\xb1\x87\x84\x85\x14\r$\xf2\xafD\xc2\x05\x1fnR\xcf\x8auqO\xd1|\xb1F\xa3\x91\xe5\xc1\x9a\x7f\xd6\xe3\x83\x84f\xa9\xda3r\xa5N\xaa\\\x1d\x8aU\xa9\xc4b\xbd\xca\xa8\xa5\xb5Z-i\xa5\xf6o(\x1e\x8f\xb6\xd5\x9e\xcd\xfa\xa9\xbbj\x05\xef\x08&amp;\x0eT\xad\xad\xadV\x80\xf1\xa5%E\xd3\xcd?\xc1\xe8\xca\xc3\xed\xb3dE|\xf7\xcb^\x85\x05\x15\x90&amp;\'\x01\xd5gJ\xf7\r\xc9\xc5b\x15D\xd3\xf6\x1bUF\xc8\xf8_\xfd\xe4\xba\xef\x9e\xc1\xf8\xca\x8b\x1a\x9fUFHe\xefK\xfb\xd3iSG\xd4d\x02\x9a\\\xa6\xea7\x1aU*\x15]\x8f\x89\x1fz\xb1{O\x9f\x14s\xc4V\x12-\xde\xden\xb7\xb7\xa5\xa3Ng"\xb9\x9a\\I&amp;W\x9d\xa6\xa6\x172\xb1X*\x95\x19\xb5\xf5v\xd6\xc9\x08\xd7\xd7\'\xd6+~r_ai\xa3\xd1n\xb5\xb6Y\xd3\xd1\xf9D\xa0\xb8Q\x0c\x94\x8b\xc5r6;\xbd:\xb6l2\xb9\xddMr\xb1L\xa1h\xef\xef\xd7\xd6\xb1\x00v}\xf1\xa4\\\xca\xdb*E\x13[\xf5\xf9\xfb\xd2\x1d\xf3\x89P\x98a\x18\x0b_\xa1P\xbe&lt;=\xbd\xb2\xb2z\xe9\x1c3\r6\xbd\x90\x8b\x15\xfdP\xac\xdeI\xae\xfbI\xf5J}\x9b!f\x87\xa7:\xa2\xc9\xc2\x12\xa3&amp;\xe5\xf1\xe8t\x16\xfc\x9c\xe5\xcb\xe5@vz\xe5\xd2\xe9\xec\x00\xd8\xd0\x0bL\x81Q\xfbh\xb0\xcd\xbb\xa7\x0b\xb0\xf8\xd7=\x0e;\x02\xa7O\x13\xa1\x86\x07\xba\x1c\x0e\xaf\xba\xab\x8e\xe6\xd1YB\xf9|9\x00\xc5VW\xc7x\xae\xd6\xd6I\x80=F\xab\xf9\xcb\x93\xf9\xfe\xe4\x1aT*\xf9`Gb\x03\xdd\x03Ugg\xa7\xa3\xab\xcb\xeb\xf5\xaa=\x8cNwF\x1a\x99%\x8d\xfc\x81%\x97\xff\x14l\xef\xe2\x89\xf2+\xfe\x80]O\xd57\x96\xfc\xb0\xc1\x10\xaa\xce\x9d\xce\xce\x9d\xedN\x87\xc3\xe7\x03\x17\xda\x08\x87\x15\xd1\xc6\xe9\x15\xe7O\xb9\xf4z\xbd\x91\xe7b\x9f\xe6\x1cR*o\x82\x1c\xa7\x92\x8f\x05B\xa1\xb0\x87\x19\x00\xd1\xf6\xce\xceNd;\xe2ru\xba|u\xc1,u\xbd\x88\xbb\xdcp\x97\\.\xd7\xdb5z\x96\x08&amp;\t&gt;\xc9\xd2\x1a\'-\xd4\xb7F\x13\xf9\x90\x85\x19\x18p\xec\x1c\x1c\x1c\xc4\xf8\xdfH\xc4\xe7r\xf9\xa6\xea\x8a\x85\xf2\x01\xb8\x8b\x9f\xc6\x16P\x89\xf5v\xab\xc6\xce\x91\xa3\x92~\x12\xb9R5\x8e\xe5Z\xc7`\xab0\x03\xb7\xefl\xc7\xd6\xd6~_[\x8b\xc5\xb6\x89^.\x9f\x0b\\\x0c\xc1*B.\xb8\x8b\xcc"\x8e$\xbd\xdej\xd5h\xf8F^\xbd\x17^\xae\xf8\xc5\x15\xcb\xea\xd3\x89\xbc%l\x81\xd9\xb7c\xb1\xdf\xf9"\x82mG\xc6]&gt;\xc8\xe5\xd1\x85CD\xae\x00\xb0L\xee\x96F\xb9\x14\x19\x01,\x83\xc1\xaeB\x84U\xee\x94O V\x05T\xc9b\xc8\x12\x0e\x93\x0eB\xaa\xc3\xc3C`\xc5\xd0\xc6\xed\x03\xd7\x14\xb0\x88\xb9,\xa1@ \x01\xcf\x13\xacF\xa9L&amp;\x83\xb9\x0c\x94A\xa326K\xaa\xc2g\xc4n\x95\xe3\xfc\x05Pa\x06A\x15\xabS\xa1\x8d\xc0\x8a\x1d\x8cG|\x11\x97\x03\xe6\x02\x162u\xc5\xb9\x0c\xac\x17\x04K\xcccQ\x06=\x82\xa2\xe7V\xf8\xc5!\xc8Q\xa3\x13\x16K\x98Q;:\t\x16\xa0 \x161Wlq{|&lt;\x12!\xd3\xc8\xf0\x19\x81Q\xec\xa8\xab%\xc5\xe1m\xd7P""\x97\x16\x19!\xf4\x11\x14\xffR\xb1\xfb?l\x80\x8a\xe9r\xecl\x13\xb5H\x1d\x12\xaaX,\x97\xcb\x81\xcb7E\xb0\xf2\x04k\x0c\x96\xc7 \x92&amp;\x8a\xf5\x1a\xcaF\xc1^\xe8\xe2\xa6\xd0\xabj\xbcV\xd1\x94\x96\x98G\xac\x83m\x18\xbe.W\x8cx\x1eT\xd0\xcb5\xa5\xf6\x90I\xe4\xbd\xd5\x81=G^o\xa2\x81\x12\xd5\xe5\x92\x98O\x84\xde\xb3\xaa\x1cu:\xcc\xf0\xe9\x0e\xb5\xeaX\xf0\xd6\xdaB,G\xc4:\xc8\x11,$j\x08M\xc4\n\xf6\x88%%b\x19\x88\xb9\xe0.ZR\xb9\x11\xda\xf1\xdd\x15\x11\xc1\xf2xp\xe8l\xa3\x89H\xad\xcc\xe1!\xb02\x0b\x0b\x0b\xb9E\xe8\xe5s\xf9\xd4\x8c\x87\x0f\x08,\x85?\xb0db;\x02\x02\\"\x8dQ\xc2}\x13\x18\xebv\xd3 *\x84\x99\x01\xb5z\xc0\x01,\x8c\x1fI\x88\xccZf!\x03.P\xe5r\x91\x91\xf1\xa9#dW\xbe.\x17v\xae\x17R\xa9T&lt;\xa91X5\x06\x83h\x86\x02VM\xe0\xe4\xba\r\x1a\xfc\x05\xecW^5\x19Dbybzh\x15[\x83Z\x8b\x8b\xb9\xc8x\xef\xf8\xc8\x94\xd7{\xa4\xcb\x07\x12\x89\xe4\x8a\xf3\x07\x16i\xa2\xddN\xcd\xf4\xd8X\x9a\x15\x1e\xab\xe2/\xe8x,\xb26\x1c\xd4\xe3\x94\xb41s\x08\xbdx\xac\x7f`\x161\x8c\xa1\x04\xb0\x92d\xb5o\xe4\xb1\xec\x1a\x94\xc8l6&lt;\x05\xd6\x9e\xc6\xffA\xe7\xe1\xd5\xc2$\xe6b\xc0\xd9\xda\xda\xfa\xd7\x16^\xd7\xd7\xa1Wo/\x99Eb\xaf\r`a\x16\x81\xd5"\xe7\xd5\xd2h\x10]\xe6\x1e\ng\xaa\xd0X\xbb\xddh\xa2\x85\xf1`\xe5s8\\\x91\\\x0cBm\xf1\x85\xbf\xeb\x19\x1e\x0bT\x11\x82\xf5\xa1PL$\x9d8\xabaz\xb9\xd8\xfe\x88\x15\x9c\xc1\xb6\xf6 \xec\x12\xa1L]S\xa2\xf9\x10\xe4R\x03\xac\xd3\x97[\xcc&lt;Rme\x0e\xd7\xd73\xa0\xea\xed\xc5q\x8d\x03\x88\xd9(\x16\x81\x15\xc5f\xc3sMZay\xca\x16\xdc\xeb\xe1h\xb6*p\x9e\xce\xdd\xdb\x08\x96\x8e\xf1\xa8\xbb\xbc&gt;\xdfxf\x9dt\x90huH\xbc\xd5;\xde\xdb\x9b\x8bx\xa7|^\xc6RL$\n\xf3QS\xd3\xd0P\xd3\x10\xd4\x9a\xb4\xb6\x919\x0cv\x07+,w\x9f\x12:\xe5mm\xf3!\\p\x90\x10x\xf7\x08\xbc\xb5\x10\xfb\xeb/d&lt;2k\x11\xfdC\xcc\xfb&lt;\x1e\xaf:\x84\xd0\x8aFq\xc7\xc6\xe5_\xa5@\xe95\xa26\x83\xc8\xbc\xd9\xbdY\xe1\xd8\xeb\xf7B\x9f\x89\xc0\xda\xe0\xb1`\xfb\x817\xbf\xbdy\xf3\xe6\xed\xd2\xc4\xd2\xc0\x80\xda\xf7\n\x1b\xa0w\nCh\t\xe9,\x81\x15\xe2\xaaV\xfd\xdf\x9f\x94\x18U\x1a\x8a\xb2\x99\x83\xdd\x9b\x14\xc7\t\x8c\xa5\x8c\xdf\xcd\x88JE`y&lt;\x0c\x13~\xfb\xe7?\xff\x18\x1d-\x95\xe6q\xdb\x08\xe9\x8e\xc8}\x8cT&gt;[\x0c\\.\xcf6\xf1\xf7\x9d\x9f\xc5jD\x04k\xcfV\xa9\xdc\x0b\xec\xad\xf8M\x8f?Z\xb0\x10o\roL\x00\xaa\xe4ok\xebK\x9b:\xe6\x93\x81&lt;\xb6{\x02l\xc9^N;g[\xa42E{\x9d\xaa\xffQ0\x0e\xf1\x80&amp;R\x95\xca\xb5\xc0\x1b\x97\xf2bs\xdf\x7f\xba\x01\xacp\xe1\xb4\xf0\xfa\xb4\x14\xf5\xfb\xfb\xe4Ry\x8b{yu%\x1b\xc8\x87@V\xbe\\&gt;\x9fm|I&gt;~ \xd5\xae\x90\x89e\xfcg\x11*\xaa\'\xb8\xc9\xabu%\xf4\n\xf1\xfez\x7f\xfft\x83\xf10\x81\xf9\xd1\xd1\xd1\xd3?\n\x85$N\xe3\xa6\xc1&amp;\xf7\xec\xf2\xe5J\x80\x08\x168\xc7\xea\xf7\x92\x87jo\x97I[Z\x9aZ\x1a\xa5/\xdb\x15*\xbd\xc1\x0c\xac\xee\x99\nU\x15\xd8\xf2\r\xbb\xf7\xc7\xfb\xa7K\x10+9?\xffa\xe2\xed\x9b\xe10\x92\x80\xbf\x0e6\xb9\xcfW\xb3eDZ\xf9\xfc\xb3\x94\x97\xaa]\xf1\xb2\xb1ipvy\x16\x98R\x85Be\xb0\xf5l\x12,\xca&amp;\xb4\xb7\x1av\x1f\x8e\xf7K\xb8\xe3o\xcc\'\x96\xc2\xc3^r\xfa\x85\x8b\xc9\xd5\x8eA\xb7\xdb\xbd|9}\xe6\xcdEB\x97\x9f\xa1\x95\x96\xa7r/\x8f\x9d\x03\x0bj)\x90\\\x10k\xaf{\x0fX\x0fB_\x15S\xdf\x8fK\xc0\n\x97\x8b\x08U\xcf\xbb)\xaf\x0e\xab\xc2\xca\xf9l\x8b{v\xf6|\xba\xfc\xf1\xd5b\xac+\xe1~Y7U\xa3\xe9tb\xa2\xe0\x1cl\x81z\n\xb1U\xc4\xf7p\xcfFQB\xc7i\xc3\xdc]\xa9T\x9a\x08\x87\xc9\xcc}\xfcx\xa4\x0b\r\xff6\x1cp./\xbb\xe1-g\xf6\xec\xdd\xc8\xc2\x9a/\xeb&amp;\xce\x02U\xc7\xe8ii\xbf\x8d\xa4i\xbb\xd1\xa8\x9a\xf4\x9b\x83\xc1=\x825S\x13\xfcJv\xf1\x9a`1\xb8\xd0\x9f\x9d\xe5\xb3\xf9\xf0\xd2\xa8\x7fR\xa1\x90\xb7`\x16\xa7uG\x9f^e2S\xd9Y)\xc1\x92\r\x9a\xd2\xa5\x9e\xeb \'iFFhT\xaa6\xf31\xc1\xa2(\xb3\xd0\xdbiC\xc3\xc9\xd51\xb0&lt;\xef\x8e&gt;\xea\xce\xa6\xb3\x81\xb1V[\xb5\x87\xd5\xb6\xf9[&gt;\x9f\x87\x17G&gt;\x8d\xaco\x8d\xe4\xcf\x1b\t\x96T:\xf4\xfa\xfb\xf5\x0cKK\x9a\x11\\F\xab\xca\xea?\xee!\x01a\x0b\xde5\x08\xfde\xe3m\x95`\xa9\x81\xf5\xb1\xbc\xeaL\xefoV\xcc\x1cM\x1f\x8fF;V\x07r\x04\xeb\xdf#g\xbc\xe7\x91W\xd1?\xbf?\xd8\xc87\x08*=9}\xf4m~&gt;\xe5mW\xb7\xef/\x04\xfe\x98&gt;\xf5\xbdT\xfa0\xac~\xf7\xee\xd3\xc7\xf2\xd8P\xfa?\xb4\x9a\xcbOZ\xfb\x16\xc7\xcf\x06\x02;\x9bG\xf0F-P`k\x04D\x08 \xe0F\x84"\x82\xe4\x8a%;9\x88\x18\xa4i\x08/\xc5jA\x12\xe31\xc7\x98\xd44g\xd2\xca\xe5\x9a\x10\xcb#i4!11\rz\x93\x86\xc4\x01vXF\'&amp;Nz{f\'\x1d\xdc\xd6I\xed\xa4\xd3\xbb~\xdb\x9e{\xff\x81\xed\xd2\xf8`\xf4\xc9\xf7\xb7~\xeb\xf5[o&gt;\xbe\xfa\xfb\xbd{\x9c\x07\x87\xa9\xf9\xb9m\x1d\xdd\xee&amp;=\x805\x82\x0f\x0e\x0e\n\xc7\x03\xa7\xfbo\x1e\x90h\xec\xec\x86\xa8%\x16G\x94\x98\x17\x02\x84j\xf4\xea\xddoo\xd9\r\xf4\xa2\xab\x07\xa9S\xb5\xa1N\xd3\x07G\x0b\xb3\xf1\xfd?\xbf\xfd\xfcR\x1b\x88\x0f\x0f\xcf\x87w\xf4\xf5v\xcd\x83\xb0\xde\x0b\xdcn\xa1P\xa2M\x1d\x1e\xa2\xda\x86\xcb\xc5\xfbxXD\x8cG\x06\xbc\xbb\xbb\xaa\x18o\x80\xd37\xf1\x85E\xb9D"\xd1\xeb\xb7)(\x9b\xdb%\x17]7\xf4J\xa733\xdf\xc2P.4\x9b\xf3;Y\x7f\xa9T3\xe7\xfdGM9`\xb9\xdd\x02\xbe60\xdb\\\x1c\xe1s\xddnN\x8f2\xc2A\xa1\xab\xb8k\xc5\xc4B\x0eGx\xc1^\x90\x10\x1d__\x1f\x7f9\x9c\xbb\x7f@\xd7j~W\xf4\xa0\x1e\xb5\x18}\x93\x0b@5i\xcc\x04K\xa5n\xadf\xd6O\xcd\xdeb\xb9%\xb2\x80\x16Q\xc1\x7f8\x07Y_\x04\xf3\x16\xbd\x18\x8e\x93B\xe1\x03\xf6\xf2\xe2\xf1/Q\xd3\xa7\xef\xff\x98S#\xac`\r\x04\xabG\rS\xb9\xf3\'\x93&gt;\x9d\xc7\xd3\x05,\x97\xabV?:\xe7\x0bp\x10K\xc0\x1d\xd1\xa2v\x1f\x12\x93\x1c\xf5\xb0\x04\xc8\x85\xbd\x02\xac\x08g\x00w\x07Xk\xadE\x97{GQ\xa9\xf3\xb4\xd0{@\xfb\x81\xcb\xe3\xc9\x98\xfd\x16#\xa56\xea\xb2\xe9\xe4\x1a`\x81u\xdbg\xb9e9\xf4`n\x01W\xbe8\xfbdee\xe5\xc90\xaa\t\xe5P:+\x07\x14E\xaf\x02\xb3O\xe0\xee\xc4\x15kj}j\x9eK\xcd\xa1%\xa4V\xa9\x14L\x96\xcb\x8dry#\x0f\xad\xd8\xc6F\xeb\x16\xab\xdb\xed\x96\xce\x8er\xcb\xe3\x84\x1ba\xbd_\x9c]\xc8\xe5r\x93\xb9\x95\xe6\xb2c\x9c\x8cD\x06T^\xafu\x82$9n\xc7\x1f\xeca\x9d/\xf4\xd6\xccTA\r\xe1\xbcdnuNNN\x1a\x8dF\xb9\xda*\x97\xcb\xc95\xa0Z[\x83_m\xb8\xa32\t8\x14`\xbd_\x1c^\xc9\xe5\xf6\xc0\xfd\xd0\x14\x95T\x0e`V\xaf\x15S\x92\xa4\x9b\xcf\x1e\xd6\xd7\xdc\xd1A\xbb+\r\xa3\xf8\xd0]+\x03\xd5I\xa7\xd1)\x97[\xadr+\t\x1e\xbf\x06\xa4eP\xad77;N\xc0)J\xe4\xa8\x0cCz\xe5\x9e\xcc\xca~`\x15\xad\xca\x88\xddNH&gt;\xb3\xe7[Gg\xa5n\xc9\xe0;\xa8\xd7\xe9Z\xb2\xc3`u:\xc0\x04d\xc9Z)\xd8B\xf2\xe5\xd7J\xbd\x0bpd\\7\xceE\xd5a\xf3|eaaax\xf9/\xb5v\xadba\xc4&gt;N\xb2\xa7\xd6\xe5Y\xbb\xdbm\x1b|\x86(\xed\n\xfe\x0f\xab\\F\x82%\x83\xb7\x9f4\xf2\xe6\xfa^s\xd1\xe1\x90\xf1\t.\xaaw\x96\x9b\xcd\xf3s\xd4r\xc8\xe5\xb7XE\xf1\x98\x90C\xda\xd9\xc4\xea\xd6Jg\xbd\x90\xa9]?\xb0\xe0\x08;\x9d\x06\xfc\xac\xb6\x92\xadN\'\x99l\x05]4\x14\x82\xf2\x11\x19\x1am\xc9\x17\xc1\x9a\xc8\xa0D\x95\x8f\x93\x03\x08kW)t\xbb\xc9\x89+\x16\xb1\xd6\xfcg{{\x80E\x87\xcc\xf9r\x03\x1c\xbe\x8c\xae#\xf8}\xa3\xda9\xe9\xac\xc1\x05m\x9f\x1d\xad,r\xb9|\xd9\xa26\xc0\xe7"\xb5\x18\x03*\xae\x04aAV\xc4\x10\xd6\xcb\xff\xb0\x86u\xdd\x0eB\xc6\xcb\xf9\xd4&amp;}(\x93\xdf\xa8\x02L\x19q!+w\x92\xd2\xc9\xf9\xa9\x83\xa3\xbd\x85\xa6\x1c\x87\xae\x95c\x7f\xe9\xb8=\xc5e\x90\x0c\r\xc2\t8D\x15\x14\xa8\x10\xb5\xdc\xf6\x9f\xd9\x8b\xf2\xd7\xf56D\xa5^\x9f:\x1a\n\xadz\x10\x17\x13\x1c\x90j\x8d4\xbd \x18\xfb\x1b9\x9fk.\xcbp\xf4\xe84\x86C\xab\xc6\xe5\x03\x12`\x8d@\xa0\x97\x10\xe4\x00\xb4\xfb\x17\xa3\x98\xc0\x8d\x93\x17\xecu?\xaf\xa7\x0f\xba\xedv\xd4\xa7\xb6\xf8C\xab\x99t\xbe\n\xd6\xaa\x82Z\xd5\x8d\xaa\xe7\xe8\xbd\x00\x8fh\xe3+#|\x12:\x0c\xa6\xc5@\x11\x95\x0f\xf54\xa2\xe2\n\x08\x84\x05\x85\xe0(F\xb8q\xfb\x05{\xdd\xcf\xa3\xaft\xb0]\x8a:\x9d\xa0\x96\xcd\xecI\xb7\x00\n\xacQ\xcd\xe7[\x1b\xa6am\xdcg\xa4\xe6e\xd0Q@\xbf\x8a*.\x1c\xf2"`\x8d\xc0-\x14\x08p\xe2\xf6"2XB;\x8b\xc3$\xd1\xa5\xdf\x0c\xe9\xb8\x126\xe9\xf5![\xd6\x93o1\x82U\xab\xf9d\xab\x9a\xa6\xa6|\x1a\x9d&amp;\xbc5\xac\xe5\xa3\xa6zp\xd0\xcd\xe52j\x8d\xa0FQ\x80CF\xc4TP\xcd\x8fN\x08\x04\xa4\x9d\xcd\x97\x9f\xeb\xac\xbf\xdd\rV\xc2R\xbd\xcbo\xb3\x01X\x1a\x8d\xb7\xaayO\x12b\xaaguzS\xb7\xbe\xbd4w\x1aw\xa0\x87\x0b\x9c+\x91CO\r\xf5\xc3\x8f\x07\x16\xc0\x8a\xc1E\x1cU\xe0\x82\x84\xfd\xdf\xec\x95\x81\xa2\xe3\xa7\xfev)h\x0c\xab\xa3z\xc0\xca\x06\xb3\xb7s\xb74\xe8\xd6\xf2\x04C@\xb5\xee\\r\x86\xe7R\t\x92\x10H\xf8?\x8cy$\x13\xa0\xc9\x1b\x1ap\x8d\x8e\xbe"\x04v\xf2\x0b\x9bMu\xdauvV\xa7\xc2\xd0OO\xfbm\xc1 \xd46\xe9\x8d|:\x9d\xce\'=\xd9\x90N\xa7\xdbYw\x16\x9cj\xdf\x966a\xb7\x93\xf6[\xaaq\t\x1c&amp;\xd4\x80J%\x86&lt;~w\xb4HH&amp;^]\xb1\x88\xf58MC\x84\xf01X!\xbf\xdfo\xcb\x82\x83\x01V&gt;\x9d\xc9\xacn\xee\xe8vv\x8c\xf7\x0bj5\xf5k*\xa0\x95%\x10\x96\x1dQ\x81/E"\x11\xe5\xad\xc7\x03\x962\xf1\xdb\x05\x9b-\xc6\xa3\xaak\xadk\xf0\x85+R\x8d^\xefw\xd1.\x97\xcd\x83\x9eU\x90\xad\xbe\xd8\xdc|\x91\x9d6\xa8\r\x06\x93o\x1e\xb8\x1c\xf6q\xc6$\xe0V\xc04\xa4T\xf2T\xe8"\xc2U\xc4&amp;X\x8c\x0f?\x89\x1e~\x08\xb6\xca~j\xdfII\xa3\x16\x17M\xd7i\xbf9\x93\xcd&lt;e\xa8f \x92\xe5\xb3\xd3z\x8b\xb4wj2&gt;\x1c\x90\xd9\xc7%\xb7Xp\x80\x18\xa6T\xf6\xf0bh\n1\xba\x8b)\x07.\xd8\x1cC&lt;\xbc\xf6\x04kQ\xe7&gt;e4\xa21i\xb4N\xbbl\xab\xab3O\x01,\x9bEG9\xb3\xa9\xd1\x18\x0bq\xa8\xaed\xcc\xeb92\x82\x88\xf4`*U\x7fO\x0f\\D\xa4\x96w\xc0\x8e\xb1\xfa2,z\x9d\xaf\xd5{+\x15\xa3\xc6\xa4\xd1\x98L\x80EOOo\xce\xcc\xccd2\xe9tv\xdaHm\xef\xcf\x9dn\xa5\x02\tt~\x84\x04y\x15WBD"\xfdX\x0c\xeb\x19\xea\xc1\x14\x0c\xd6\x04\x91x\xf0\xc7Olb=\xab\x06-\xd4\xba\x11\xcc\xa4\x01\xbd\xeaQ\x97~zsss\x07\xe2\x85%\xfc\xeb\xd6\xd6V\x9caB;RB!\x07b\x97\x10\'\x08\x02\x9cJ\xa1\xea\x19\xeaW1\x13.\xc8\x89\x89\x8f\xac\x0e\xdeD\x8f.\x83z\x9d\xceX1J\xd1N\x8d\x85\xa6]z\xdd\xe6\xceva\xaeP\x00/\x97\xc1\xd1\xc9\x1c\xe3\xe8M\xcc=88\x06\x81~lL\x1c\x81\x86\x87\x87)b\xfd\x7fa\xbd\xfd\xf2\xee-\xcb\xab#\x0f\xafm\xb5\xa0\x89\xaaP\xcc\x1eR\xd4b\xa1-\x10\xabN\x03\x0e\xad\xd6\xe1\x98\x8d\x17nn\x0c\xf7\x0b\xe8\xe95\xae%\x06\x99\xf9\xb28Br\x94\x98J\x11\xe3\xf5\xf4\xc7\xac\xdebq\xf7\xe3\xe3G\x8f\xd8\xa5\x12\x89\x9e}5\xfb{\xd5\x14%\x05\xb9\xa4R\x04\xa6[\x0f\x9f\x06\x02\xa9\xc3\xc3\xa5\xf5\x99\xeaI#m\xd3\xdf\x84nn\xa6\x86\x1d\x1c\xf1\xbd\xc1A\xa0"8\xe0\xeb\n\x15\x0f$\xb3z\xe1*~\xbe\x83%\x9b\x87\xc7\x97\xbf|\xff\xb3B\x19)\xf4\x1a\x85\xb04\x95\xf0\xf3\xe7o\xd67_\xbc\x98\xf9g\xe3\xc3\x87jZ\x7fs#\x9d\x9a\x87\x16\x16\xc7\xa1\xd4!!lE\xb0\x985\x86\x81dV\xab\xb5x\xf1\xfb\x1d`\x89D\x8f\x8f\x9f]oSH/\xa4X\xd4"\xad\xec\xef\xefo\xef\xacf^\xe8t!\x9b\xed\xc60\x85\xde\xf4\x97\xa1\xe1\x87\xd6Z@@r\x14\xf6\xf1bV\x85\na)\x14\xde\x8b\xbb\xda\xe0\x12\xbd\xfe\x86\xa8\x0cR\xa9\x1a\xa2\xaa\xa6\x02f4B6\xa2Mh\xec\x1c\xd0&amp;\x1cv;Z3@e\x84\x00\xae\xa3x\x88\xc1\x8a\xc5\x14\x8a\x98\xc2\xfb\xee\xce\xd6\xfb\x8f\xbfW()x\xbdT\xad\x96Z4F\xa0\x82\x98\xa1\xb3\x98\x0c\x85\xad@"\xd2\xd7\xd7\x17!\xd0,\x84\xa9n\xd0j\xc6\x10\xcf\xeaU\x00SL\xc5S\x14Y\x1f\xca\xff?5^B\x9cW;)\x83\x1a\xb8\x8c\x94\xd3\xb9\xbe\xbe\x0e\xc7\xaa\xbe\x0fZA\xe9\x00F\x92\x12\x02M\xe3\x19\xac\xbe!\x1ex\x15C\xa5R\xec~\xbe\xb3\xadE\xd1\xbf\xbe9\x01\x03*\x18\x9fOMU*N\n\xbe\x9c&gt;_a2\x1e\x08h\xe1;a\'!\xeb\xfcPK\xdc\xd7\x8f1X*\xe4\xf5\x17w\xb8|\xfa\xf8S\xd8\xe9\xac\x84\x9d\xe1\xa5\x02\xfc\x01\x06h\xcep\xb8p:\x9f\x02\x8b\xa7\xb4|\x94\xa2!\xaaB\xb8\xc7\xfb &gt;X\x11\x16\x86\xf5\xf3\xac\x1f\x9f\xdd\xdd\xce\xf5\xc3\xdf\xb7\xc3\xce\x8asiiin)\x1cf\x10\x91\x15\xe6 \xf9\xc4S+\xc32\x87\x03\xca?\xb4y\x8d\xa3\'(\x95\x02y\x16D.\x1e\xafxu\x97\x9b\xcd\x8f\xbf&lt;\x07\x9eBa\xee\xbf\xbc\x9c{L\x93i\x16\xc6\x87K\xc4\x00EI\x00al\xb75\x14(S,c\xb9\x15\x86\n\x14\xa2\xe5Z(8U\x08\xb0\xb8\xb6(\xa0T\x18\x11lH\xdcik\xda\xc14\x8b\xa0\xc4\r+\xcc\xb0\xdcR\x08\nk\xd2\xec\x12\x9d\x91[\xc0\xc1\x10\x07Ywuv\xa21;\xce\x8cf\x1d\xc7\xe8\xce\x1a\xcd&gt;\xe7m\xd9\xdd\xec-s\xa1\x9e\x96\xaf\xe1\xbf_\x9es\xde\xf3\x9e\xf7r&gt;\xb5\xba^W\xe42\x1da\x8e\xd1\xed\x87\xec,V\x06\xf2\xff\x89\xb5\x1bb\x85\xa0\x90x\xf3\x82\x1b\xa9\x10]#j\xa3N\xcd\x8cqu\x1a\xdae2\x83\xbe\x15U\xb3NW?FSvh%\x9f\xa6\xec\xe0@J\x0f\x00\xf3\x0e\xf1\xf6\xde}\xf9\x9c;\xb1^+\x7ff\xb3\x19\xc7\x9c\\:\x9d\xac\xd3 \xeb\xd4\xeb\x9b\x0e\x1e&lt;\xb832AV\x7f\xac\xa4\x94\xca\xd3$\x97X\x08,\x12+\x04\xd3\xcfo\xdc\x8bUv\xaf\xb7\xb0\xb0\xd7\x06\x83j\xbaN\x83\xde \x8e\xa4{SG\x0f6\x89e\xf5\x10+\x82]FB\xd2\xa2;\x19\xdbv\x13UH\x08/\xcd\xddX\xb7l\xbd\xbd\xa9@\x83hF\x9d,A\xac\xd7G\xbew\xf7\xee\xce\x83M\x98\xb9K\xa3\xa2\xb2\x12\x13\x13)\xd3#\x95\x92X&lt;\xba\xe9\xe6\r@\xf7b\xa1\xf0\xd25\xa7\xd2\xb90\xb8l:\xca\x12t\xb7Yo0\x145\x97fGd\xed\xcdB\xd9\xc52| \xcf9\x08\x89\x8a\xb7-\xcd\xcd\xb1U\xb6dP\x17\xa6\xf6\x12Y\xa1\xcdX\xa4Cb\x05\x1bFb\t\xc6`hVVVb\x80\xa7s\xde\xd9My\x94\xc2\x9dG\xba\xb9\x19+gI_d+LeX\xe0R\xd7\xab\xc70\x00\x9cu|erVVh\x92\xefz\x0e\x87\x13\x1e\xc8\xe3\xed\xe6Q\xc6\xe2\xf1x\xaf@\xad\x9c\xaf\x842\xa3\r`\x85\xcc\xe0\xc9\xe6\xde^v\xf2\x84\x19\xb129\xb9\x92_\x1c\xcc\xe1 9`\xcd\xe3\xed\xc1\xb0X\x1d\xe8n\xac\x0b[\x13\xda\x8dFc\xe1?\xac\x97.\x90\xb4\x99+\x05qq\xa0\x12p\xc3\x83\x9dW`a\x1e\xc4E\xd1\xc5s7\x96\xff9\xa1\xd8\xc0\xb8l$\x16sg[W\x979Y@kz\x0f\x0170&lt;\x1cT\x0c\xcb\xf9\xf8\x00\t\xc2c\xdb\xe5\x0b\xeeUk0Rhh\x1f\x19\x19\xb1\xb9\xc4JM\x05\x949\xd9C\x10"\x80q\xe9\xca\x1d\xb8\x18\x18a}@\xf7\xca\x80u\xc9\xbdX\xaf\r\n\x85z\x94\xcb\x84\x05\xf7\x15\xa6\x1eN=\xdcET\x0c\x8b\xcb\xa0\x82\x19VH\x08\x1e\x81\xc1\xefB=\xf7c\xf9C-\xe2\x1aA\xdc\xa7\xba\xac\rX\xc4\xc5\xe5r\xc1\xc0b\xcbe\xe1\xc1;8(Z_\x85Z\xad\x94&gt;\x81ed\x81\xd5\x86x\xa7\xd0J&amp;\xad\xb8\xdcb\x82\ng\x92\xe17\xfc]\xce&amp;\x0c\xcbW\x83\xb5+\x12\xe1\x05,\x1a\x8e\xa9\xa9im\x14Z\xc9p#Q\x911\xc1\x82\xdf\xc5w\x07\xf5/r\x82iY\xfd\xe6}7c\xdd\x8d\x8d\xc4\xd2\xd5\x80\xa8g\xf9\x8b\xf9\xd0\xa5U #\x82&gt;\x9c\x1dt\xa2\xbf\xc9\xd9\x83\xc7\xd4z\x05X"\x91\x88fA&amp;\x98\x8d\x92D\x1b\xe5\x07r\x1c\xf2\xbb\xb3W\x91\xc3\xd9\xc1.\x95\xc5\xc7o\x01V\xa0\xc7\xb6\x9f_\xf3w;V,m\x93\x18X\x9e02\xb6\xde\xb6.J\\L\xa1\xf8x\xea&lt;\xe5\xb8\xa8\xe2\xfdPy\x05z\xbc\xee\xde\xa2\x99\xb0v\x89\xf2E"!*\x1a\x83\xa1\xb3\x1d\xc5&lt;\xc1!Y\xb4aV,\xf6\xe4p\xb6l\xd9D`\x9b\xe2\x19\xd5\x16??\xcfb\xda\xe0\xfa\xa2\xdc\xddje\xa6\xe4f\xc6"M\xd0uJ2\xddH;j\xf9^\x9a\xad\xf9\xc5tq\x84\xc8\xe2\xc9\x81\xf1t\xa4\x81!\t,7w\xe7\x1e\x7f\x16+JQ\x80\x8b5\x90\xa1:\xedl/j\x1fi7\xba\xb8|i\xe3m\x0b\xdb\xe1\x8ag\x80\xa4\x16\xd7\xe3\xf5\xae\xb5\xddp\xfbO\xac{\xa2\x94\x14\xe2B|\xad\x92\x91b(nJ\xd9=\xd8\xf5\xd45\xe9\xb7\x89\x11\xf91,.\xb0\xb6\xfda\xd0\xfdX\n\x85\xa26S\x94\x89\x10c1\xd6\xd9\t\xc9t\xea\xe6\xbd\xa1q|\xdf\xf5l\xa3\x92\x01\x91\xa1$,\x16`\x1d{\xc9\xbd/&gt;\x00\x96\x82\xb0\x14\xb9\xb9\xb9"Q,\xa6"\xa1^/6t\xca\x8a\xea\x9dX\x9e..\x00\xbd\xb5\x9e]g\xe1\x0b&lt;\x92\xbb\x0e\x7fQ\xe6~\xb5\xce*\xe8H*77\x93\xb0\xc4bq\x82,\x03\xab\xb1\xbd\xb4%\xcfv \xc0D\xbb\\\x0c\xcb\x97a\xa5]\xba\xefN\xb9\x8e\x1f%\xaa\xb3R%\xb0\x14R\x8a0\x02\xa35"\xad\xc6\x12\xb1\xd2g&lt;\xeb}\xbc\xe8x\xcc\x07X\xc5|\xae\xc0\xdc\x95\x96v\xf9\xda\xb9\xe39\xee\xdaz\xbb\xbeSAXJ\xa5V\xab\x95\xe6"\xbe"\xa9\xabS\x9c\x90q\xac\xb9doD(\x9d\xac\xd0\xbe\xbco@\xd8:\xea\xd7\x02 \xa9e\xeejK3\xb7\xed5.\xb9e&lt;\xe6\x94\x9f{\x14\xa9P\x00J)\x91\xcb%J\xa9(\x932~,\xe4\xcaHgM\x05\xa1\xd4\xc7\x99\xe4\xe5\x15@Wx\xc3\xf0\xeb\xeb\x03\xacdsWWW\xb27\xdf+\xea\x9e;\xd2\xd7\xe0MYz,i%\x91K\xc0\xa5\xa4\xe8\xa2\xf6\xb1X\xe1\xc6\x8c\xcd\xe9\xdbi\xa9\xcf6m\xc2\xc2\xd6E\'&amp;F\xafc\x8eD\xc8\'\x83+\xcd\xcc-\xf6\x9c{~s\xed#\xbf\xaco\xa4\xb9H\x04\xb1$uU\xf2\xaa*9\xc5W\xae\x14d\xb9\x99\xd4\xd7F\x1d&gt;\xd9\xa4W4\xa0"\xb0\xeaOd\xc7\xaf\xbe\xfc8\xc2j3\x0b\x8a\xfd\xe6:\x9e.\xad5\x97\x7f\xf9\x0b\x9bN\x98\xa9&lt;+\xa9\x83\x01\x8b4Sh)\xf4\xa5\xa2]\x1b\x83\xd2On/\xa1&gt;\xad\xd0\xd0=\x11\x11\xd5\xd9\xd9\x11{\xfe\x15\xab\xcb,\xf0|\xebaG\xc3\xd3\x9bk\xfb\xc2\x9b\x9c2\xfb\xad\x91\x04a\xa6T\xc9\xa0\xaa\x0eU\xfd\xacJ.\x97"\xcc$ZiJ\xfe\x19\xd6\xf9z \n8\xd5`\x82U3,\xdf\x00&gt;\x16\x90f3\xb08\xc0\xeahx\xd9\xf4\xd5\x1a\x82\xe5\x94OX?y,\x14\xbe\xa7\x95\xd6I\x08\x0b\\p\xa5\x1cTr\xadT\x91\xbf\xeb\xcc\x1bA\x9b\x8f\xbc]\x03\xae_gG\xc1\xb2\xab\xa9I\x91\x8e\xf0\xe2*\xc1\x05,?/\xa8\xd5\xd1\xd1\xf1\xb2i|p\x8d\xceY\xfc\x8f\x0fX{\xae=\x16\xb6\xe6J\x01BXr\xb9|\x1f\x86\xa3\x02\xffJ$ta\x10\\G\xb6\x83+\nT55\xec\xdaz\x18]\x1a\xf1]\xc5\xf2qR\xc1\x9e\x7fy\xff\xfaZ\xc4X\xceB\xbf\xbd@\xf3\xd1\xdd\xd6\xd6\\\x85B\xe9R\xeb\x10\xc8\x94\xf4\xafD\xa9 \xac\xf3\x9b\x8f\x9c\xdc_CJ\xd5\xe0SM\xb1\xcf\xb0\x92h\x1b\xc0l\xe6\xce\xadR5&lt;\xff\xe3\xe8\xe8\xb5\x89\x1f)\x98\x7fNy\xff\xd0@\xb7F\xa3\xbau\x17jIH\xae:\xb9\x9c\x81I0\x02$\xce\xdb\x95\x8c\xea\xed\x1a\xd8\x81\x03N\xb5\x08\x0bI"\x89\x1f\x87\xd4\x95\xec\xfb\xb0a\x15\xeb\xe9\xefFGG\xa7&amp;\x7f\xd4+e\xfc\xcb\x16\xfa\x86T\x8d1\x05==\xd7\x9e5\xe5\xd6\xd6B-y\x9dDB~\x94J\xcfB-%\xe3:\x13t\x84^r@F/\x14\xa8^\xc5\n\x08\xe0\xf3\xe1\xc68\xb8\x90q\xe1\xf9x\x94\x99\x05`\xfe?X\xaa\x85\xe1\xfe\xee\x82\x82\xc6\x82\x02M\xe3\';S\xa4\xb5\x8c\x8a\xa5\x07%\x82J\x81\x9c\xeftb\x10\xbd|a\xfb\xfe\xfd\xabX\x89\xd1a\xabX\x02\x01\x1fZ\x11UCG\x83\xe3\xe9\x97\xf3\xf3\x8ck\xde29\xf1C\x82\xdf?\xa7lbf\xf86Ie\x05\x98\xb5\xefQ\xedY)|\x082\xe4\x05L\x8b\x00\xa2:\'\xc5\x15\xf2\'\x9dT\xac[8\x91\xdd\x87\x85\x13\x03\x92\xf8\xc5Is\r\x0eP\x81\xcc\xd1\xe0\xf8\xfa\x85e\xca\xa9\xd7\xfc\xfc\xca\xa4\xfd{\xba\xd2\xdf\xbfl\xc2n\x9f\x19\x9e\x01\x15&lt;\xa8\xb1\x0e\xdc~0~T+qaI\xa5\xfb\xb4\xb5\x00"\xcb\x07\xd5\x993A\xef\xbb\xdcx\x00Z\xed\x89^Gmd\x8c\xcb\xd7\xeb\xa1\xc3\xd1\xc0\xcc\xe1p&lt;\xfd\x8b\xc525OLdS+W\xbfOe\x01\xa8\x1ek\xf7\x86\xc9\xe5\xa1\xc6\x98nx\xb0\xc7\xfe\xe0\xf3\x07\x0b\xf6\xf1_\xc8)\x9d\xc2\x8bZmS\xab^\xbcU\xb4+??_(\xfb\xc9/\xcf\x9f\xa7\xd6\x83\x93\xfb\xf7\x1f\xa0&gt;\xf4DDV\x80\x0f\xabo\xc2\xbc|:\xa6\xa7\x1dN\xa8\xe9\xe9\xe9\xaf_\x98L$\xd7\x94\xcb,+\xdf9\xf8\xe1\xbdr\xa2\xfa\xed\xf2\xb0Jc\x1f\xb8\xa8\xb2\xf7?\xf8faa\xc0:0\xfe\xe8\xd0&gt;\x9a}\xa0\x96P\xdf$\xde\n\xa8\xadb\x9d:\x03b\x05A.x\xb1\x0495bO\xf4\\\x18\xa4\n\xa3\xf0\x9a{9;\xebp*\x05\xaa\'\xbf\xb7\x98L\xa6\xa9\xd1\xf9)\x88fa\x0f\xcbU\xfbw\x0810\x1d_\x98\xb0\xc6\x9c\x00\xd5\xf2@Lw\xdf\xf2\xa7Wn\xfc\xf5\xc1\xa0f`\xa0\xc7j\xbfp\x93\x12\x96\xbcN\x91)n\xad%\xad6\xcat6u\x10\xb06\xbf\xbf9\x9d\xde\x08\x91\x1dE\xfd4aa\xa0Z7\xe75\xf7pzq\x96|\xe8\x98vL\xcf\xce&gt;\xf9\xdbg&amp;SK\x8b\x05\xee\x03\x9e\xc5D\x0f\x8bi\xe5#\xfb\xffW\x0cCobbb\xe1\xb6\xb5\xf1\xc4\x86\x8b\xe37\xfa7\xcc\x0c\x7f\xd3\x07\xeb\xb7j4\xd7g\xf0\xb0\x9e[zt\xa8\n\x11\xdf\x1a\x99Y\x9b)\x8c\x15\xb7\xeb\xc6\xd4\xba7\xa8{\xf9d:\xe6\xeb\xd2\xec,\xf801\xc07)\x00\xa3p\xee\xe1\xcb\xc5\x0fg\xa7\x1dN\xa5f\x17\x17\xff\xf4Y\xcbJKE\x8b\x05\xc3\x10t\xd0\xad\x85}M\x96S\x93\xffS2\x7f@\xd9\xad\xaa\xc6\x99!\xd5\xe9\xc6\x13y\xc37\xfaU\xe3\x9f_Y\xe8)Pm@~\xd0,,X5=\x1a\x8d}r\xe9\x1d\xb9DK%\xf3\xe3\x11C\x91Z\xad\xcb\x00\xd5\xf6\xe6\xb1\x92c\x98~\x80EUW\x12\x9f\xef\x1967\xf7\xfc\xc9\xaf&gt;\\\x9c&amp;$(\xb5\xb8\xb8\xf8\xed\xa7\x15\x15+\x15?\xad\x80Z\x96\x16\xe0\xd1\x17\x8f\n"\\\xb9:9\xf1_\xa2\x9f\xd2\x81]\xd5\xdd\xd8\xd8=3s"/O\xd5w\xe7\xca\xf0\xf2\x95&gt;x\xae\xa7\xbb;\xaf\xdbj_\x98\xd0\xf4\xf4\x00\x8f&lt;\xf9\x8e6\xb2\x15\xab1,\xa9\x8dj\xea]L/in.-\xa1\xb7\xb3\xa0\x18\x8c@l\xa1\xec\xaa\x06\x14\xa8f\xa7\xf1!\xa8\x8f?\xfe\xf6\xcfW+L\xa6S.\xac\x8aS\x15\xf4e\x7f 3\xb5\xacT \x91\xe5\xfc{\xe9\x82|\xa0R\x9d\xe8&gt;\xad\xca;\x9d\x97wq\xe8\xce\x9d\xe5\xe5\xdb\x03\xd6\x98\x18d\x87F\xd5\xccP\xff\x80\x06V\xf0\xf7*\xce\xe7\xb5m3\x0e\xe3\xf9\x0f\xb4Cn\xbd\t\xb6\xc1P\x19\xf4\x0f\x08+\xab\xd8E\x95.e\x81!\x8c\x18\xdbeP6\x10\xa5Mp\xadK\x90#\xc8.\x02\xf50\xe4\xe5\xa0I\x93\xf0%uPD\x84\x0f\x96\x8a{\xb0\xd3\xb9fv\xec\x83\x7f\xce\xb5=Xp\xca\x92tI\x96.{^9\x19\xdd\xd7B\x16\xb6\xb0&gt;&lt;\xdf\xe7}\xde\xd7`\x8b&lt;\xb4\xd3\xf8\xe5\xab\xdf\xfe|\xfc\xdd\x07\x8f\xf1\xddu\xf5\x93\xc5\x1b\xe47-\xf7\x96666\xee}q\xe7}\xe2\xae\x9fv\xff9\xceer\xa5\xbd\x17\t\x12\x98\xf6Jg\xed\xaa\xbe\xbf\x9e\x92\x80\xf5\xec\xd9\x1a\x9e\xf5\x94.\x91\xbd$J\x84\r\x9a\xedW\x7f\xfc\xff\x1c\xb3)\x08\xbe/\x98\x82\xeds\xa1\xaf(\xd6\xb0~j\xa9\x0c\xc3P\x0c\x04\xe2m\xcb-\xcb\xfc\xf2\x1cl9?\xad\xe4\xab\xbf\xbez\xf8\xd9\xd7\xb7\xee\xde\x84\xd5av\xa4\xc3\xd2\x83\xa5\x8d\xd5\xa5G_\xde\xf9pw\xf7\xef7\xc7\xb9,\xa1\x02\x16A\xda+\x95J\x17\xddPL\xad\xafI\xb4\xb4\x82\xf1G\xb0$]\x07\x97(\x89"9J\xa5\xfa\xa3\xc3\xc3\xc3w\x97S\x9by\xceW\xe8\x10\xa2\x84n\xc1\n\xc3\xeelh\t\x8c\xc9$\xc5/ovl&gt;9Hj\xb3s\xb4\xcdk\xf9\xf2\xd3\x97\xaf\xbf\xbauw\x8b\xdc.\x86\xdc&lt;\xe3\xc1\x83\xd5\xd5G\xdf\xae.}\xf3\xf9\x9b\xe3R:\x93I\xe7J\xa5\xbd9\x12\x9a\x99\x9b\x15"Q_[O\x89\x04k\x1d=\x04\x0f)\x91\x14Xu}\xd4\xeb\xdd?\x1c\xbd3\xef\xd9\xb6\x1b\xd4PA\xe0\xba\x9e\x15\x06\xc3\xd9\xb0c\xaa\xa6I\xb8x\x06\x08\xf66\xcf\'\x84@\\\xe6\x0f*\xdb\x9b\xbc&amp;\xf3B\xf1\x97\xd7\x0f?~o\xf1\xc6\xe2G\xe4?\xa8\x8b7n\xdf\xbe\xb9\xb5u|\x96\xcef3\xe94XH\xe5\x92\xba\x18\x06\nK\xc3A:-I+\x08\x86\x94.\xd24-\x8a\xb4H\xb3,+\x8az\xff\xbcw&gt;\xa9\xe9+\xd7\xed\xdb.[\x9e\x177\xbaA\xd0\xafV\x03W)6g\xb3F\x11.\x93\xb5\xb9Z\xa6f\xbb\xdb\xa4}\xb2\x0c0m\xd99\xd8&amp;\xee7M\xa7\xd2\x89\xffh_\xee\xdcDlm=y\xf2\xc3\xce\xce\xce\xd9\x05\x902\t\x14*=\xdf\xd2\xe9z#\xa2Ex}eE\xa2\xa1\x16RA\xc7\x01\xe1\xa2E\x96UX\xa9\n\xa9&amp;U\xe2\xb1k*G\x10\xdc\xb8\xe9\xca\x06eP\x9c\xa2\xb8\xc3\x8b\xa1\xebs\x06\x10\xe4\xc4[\x0c%x\xf6&amp;j\x99\x87d\xaaS\xeeXyY\x16\xec\xce\xc1\xd1\xd1\xd1\xe9\xc1Q}:yu\xff\xd3\xbb;\xdf_^^d\x07\t\x15\xb0\xe68\xa4\x97\x99\xec\xc9\xb8[\xe8\xf7\xf7W\xf4\xd4Z\x8a\xf8\x88\x84\x82$\xd2\xd7\xc5*t\xad\xd5\x9b\xd5\x14\x05\x98\xd2\x1cJ3\x05\xab\xd1\xf0\x1c0 \xab\x04\xc7\xab\xd7\x1be\x8e\xe3(JU\t\x13\xa8\xb8 vx\x92\\\x90Hs\xe2f3\xee\xd8v\xc7\x8b\x0f:\x9dr%\x1e7+Z\xbe\xf8\xfb\xeb\xcb\x93\x01\x98H\xf7\xe64i\xb2\xa1.\xc6M\xcf\n\xba\xadV\xebp\xd4\xdfG\x1e\xe8$\xaf\x80\x14A\xc8\x15\x00\x00\x02\\IDAT\xc5\xfeWt\xa1\xd7kG\x8a\xc2bc\t\xd4\xb6&amp;\xb8\x8dfl\x0b\xa6\xa9\xf2\xb2\x9aw\xe2\xfa\xd8\x13\x04d\x04EQ\x0c\xe4\xa3d\x86\xb3\n\xb61\xf7\x15\xafU\x8e\xa6\xa7\xb1gW\x1c\xc1\x11(S\xc5\xf9S[\xcdk&lt;o\x8f\x07\x83A:}\x05\x95I4\xc3\xd3\xc94.\xfap\x95X\xadMF\x18h#\xa8\xb6\xbf\x8f&amp;\xa6$\x9at\x0f\xb6b\xc5I\xaf\xd7\x05\x95B\xa8\xd8\x85\x04*nzE\xce0\xb0\x00\x95\rU\x00\x95%\xa8s*\x14Ga\x0er\x83\x90\xf0\x19\xb2\xe1\xb8\xde\xd1i\xe7gM\xdb\xd40g\xaa\x14U\x9c\xd6\x9b\xb6I\x19&amp;#\x94\x81\x85\xf1FD\x02M6\xd9N\xeaM\xcb\x0e#BE\xdc\x1dU\xfb\xfdI\xeb\xb05\x1a\xbd]\xdfO"K\x8ct]\x8cZ\xbd\xf3\x82\xc8\x92n\xe2DqA3\x1d\xaf\x19;\x82\x8a\xab\n\x94\xc1\xc9v\xa3&gt;\xee\xc8*c\\c\x01,\x0c\xbc\x90\x0b\xc3\xd0\r\n\x05\xaf\xd9\xf4*P\x06\xabB^\x86\xe5\x10nM\xc7\x84\xac\xb2\xa9\x96\xa7\x83\xf4\x8b\xbd\x1c\x9c\x94M\xa0\xb2pT\xa3,\x84\x91\x1b\xd1\xc4\xd6s\x83\x8b\xba^\xed\xb7\xfe:\x04Y\xbf\x96T\xb5\xd6:\x9b\x05\x11B"\x8a\xaa\xd5j\xad\xb6 \xdb\x9e\xe7\xc8\x0c\x10\x90\xea\xbe\x8f\\@GdU5\x0c5Q\x8a\x0c\x81b7\xb0\x03\xab\x10\xb8\x11\xb0\\\'\x0c\x05\xbc\xa52X\x82\x99\x945\xae\xc7\xbe!\xe4e\x15\x02\x97\xc7\xd9\x17\xcfs\x99\xc1\x15\xd5I}zP\xf6\xfd\xa2\x15D4\xd4J\x1cD\xb0\x90\x08HQ4\xb4;\x99\xc0n\xad\xb7\xfd\xf3\xb3Y\x17\x9f\x8d\xeaN\xdaxe\xc1\xf5l\x01\xad0\x0c\xdf\xe7\x94\xa8\xd0\x9e\r=\x1ff7\xd09\xf5J\xacb\xbb[\x08\xba\x16\xa1\x01cX\x0c9R\x18\r\x80\x07\x95\x87\xf3\x044\x1f3\xa93\xdb{^\xca&amp;\xae\x1f\x80)\xb6\x1d\xc1@\xff]\x85N\x1c\x94t\xe8\xaa0\x161\x0e\xc5D\x1c\xd8\xaa]\xe86\n\x00\x0b\xb0R\x89\\w\xc1*s\x0c%S\xc8w%\xea\x9e\x9f\xb7\x83"T\x03V\xd2\xc1d\x17\x0e1_\x17}01\x90/J\xa8(\x02N\xa9\xdc\xd3z\xdd\x13dL\x05\x14c\x12o\xf5\x08\x15a\x1a\x9fz\xb6C&amp;\xfbb`E\x89\x8b\xe1m:18\x9d\xe8F\xb8H,\xe0\xb2\x93\xde\xac\xa0(&gt;\x9b\xf8\xdd\'\xa2p\xff\x02\x8e~\xd9\x9fX9#O\x00\x00\x00\x00IEND\xaeB`\x82'</t>
        </is>
      </c>
      <c r="M303" s="3" t="n">
        <v>45492.67840277778</v>
      </c>
    </row>
    <row r="304">
      <c r="A304" t="n">
        <v>912786</v>
      </c>
      <c r="B304" t="n">
        <v>1954</v>
      </c>
      <c r="C304" t="inlineStr">
        <is>
          <t>Matheus Henrique</t>
        </is>
      </c>
      <c r="D304" t="inlineStr">
        <is>
          <t>Matheus Henrique</t>
        </is>
      </c>
      <c r="E304" t="inlineStr">
        <is>
          <t>VOL</t>
        </is>
      </c>
      <c r="F304" t="inlineStr">
        <is>
          <t>VOL</t>
        </is>
      </c>
      <c r="G304" t="inlineStr">
        <is>
          <t>VOL/MC</t>
        </is>
      </c>
      <c r="H304" t="n">
        <v>175</v>
      </c>
      <c r="I304" t="n">
        <v>97</v>
      </c>
      <c r="J304" s="2" t="n">
        <v>35782</v>
      </c>
      <c r="K304" t="inlineStr">
        <is>
          <t>Right</t>
        </is>
      </c>
      <c r="L30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fbb078e-071e-4811-a5e3-619613b98a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e9\x80\x00\x00\x00\tpHYs\x00\x00\x0e\xc4\x00\x00\x0e\xc4\x01\x95+\x0e\x1b\x00\x00\x03\x00PLTE\xff\xff\xff\xf0\xba\xb0\x15\x15\x0c  \x18\xee\xb7\xac\xed\xb4\xa8\xfe\xfe\xfe\xff\xff\xfe\x00C\xe5\x00C\xe2\xf1\xbd\xb4\x19\x18\x10\x00@\xe1\x11\x11\t%#\x1b+)"\x00=\xdd\x1c\x1c\x15\n\x0b\x06\xeb\xaf\xa0\xcf\x9b\x8a:94\xd2\x9d\x8e\x01B\xde\xec\xb2\xa5\xcb\x94\x80(%\x1d\xdf\xad\x9e\xbe\x86p\xa3tV\xe9\xad\x9d\xe1\xb0\xa2\xc3\x8au\xf2\xc0\xb8\xd3\xa2\x94\xfb\xfd\xfb/-%\x00^\xfd\x00R\xf7\xd8\x9f\x90\xcc\x97\x85\xe6\xa7\x95\xd5\xa8\x9b\xe4\xa4\x90\x9dqR\x005\xcf\xc5\x8f{\xe0\xb4\xa7\xe1\xa0\x8b\xdb\xa5\x96\x00D\xd7\xc6\x92\x82\x008\xd3\xa1xi\xf7\xfa\xf8\xdd\xb1\xa4\xd7\x94{\xd1\x98\x86\x00B\xd3\xdd\xa9\x9a\x009\xd721*\x8baQ\x00E\xda\x00P\xf2\xd9\xa2\x94==:\x00H\xe9\x00Z\xfa\xd2\x90u\x002\xbc\xb1\x81k\xe8\xaa\x99\xe4\xb5\xa8\xe3\xb8\xab\x01=\xcf\x0e\x10\x10\x99l[\xbb\x88x\xf2\xc6\xbf\xf2\xc9\xc3\x000\xc9\xf1\xf6\xf7\xbf\x8c{\x00\'\xb4\xab{V\xda\x98\x81\xef\xf0\xec\xbc\x83_\x7fYI\xbb\x81k\xb2\x82psXH\x9dra\xf2\xc3\xbb\xdd\x9b\x85N8-\xad\x7fg\xb4\x7fY\x00&gt;\xd9\x00:\xcb64,\xc2\x90\x81\x00I\xeePD7\x003\xc1\xb7\x86s\x92gW\x00I\xdd\xc6\x98\x8b\xa9|l\x017\xc5\xa7v^\xcb\x8f|tg?\xb8\x81[\xabya\xcc\x8boeOC\x00W\xf6\xe5\xba\xaf\x86]K\xa2sazSC\xc9\x8dx\x01H\xe2sN?\x98yN\xb9\x82p\xf3\xf5\xf1\xb7~h}aQ\xd0\x92\x84552\xac\x7fpEEAYF:\xe2\xa9\x9a\xd4\x97\x8b\x8bi[s]R\x7foB\x00+\xbe\xd9\xac\xa0\xe3\xad\x9f\xb2\x85wjK=\xcb\x9e\x92\xc0\x85b\x91oa\xea\xf1\xf6\xe0\xa3\x93\x14\x16\x15;2(\xc2\x86g\xe6\xb2\xa5\xbb\x8d\x80D9/\xb2zdG?4]O=cE76) \x8ftJ\xb1|X\xa9ye\xe9\xe9\xe6Z=0\xe0\xe9\xf6\xbe\x94\x89\x97lQ\x82eX\xda\x9c\x8a\xdd\xdd\xd7\xc7\x89iD1\'\xea\xc1\xb8\xce\xdc\xf2\xc2wv\xe4\xbf\xb4\xa8g_\x97tj\xe5\xe2\xdf\xca\x81\x7f\xa9\xbf\xed\xb5mglTH\x00d\xfe\x92gLa\x89\xe6,[\xe2\xa0|QRRJ\xbb\xcf\xee\x026\xb4\xcc\xcd\xc7\xd4\xd6\xd2\xbbro&lt;l\xe6Ox\xe0\xa7\x85z\x8aiG\x8b\xa8\xe9]aW\xb4\xbc\xb1k[?\xea\x9c\xa6rvlYm\xbb\xe5\x92\x9d\x00#\xa7\x01S\xe8\x99\x9b\x92\xe9\xd6\xd0w\x99\xe7(W\xd2\xc4\x82o\xbf\xc5\xbd{\x80v\xcb\xc7\xb2\x87\x8d\x82\x05D\xcd\x11K\xdf\xb7~bmk_\xcc\xb8\xb8\xce\xad\xa9\xc8\xa1\x9a\xe0\xc8\xc2\x9e^T\xa3\xaa\x9e\x05@\xc0\'Y\xc0\xd7\x8f\x90\xd4\x84\x896e\xd3\x92\x8cq\xa7\x99{\x9a\xb5\xe9\x86NC\x82\x89\xbf\x10D\xd5\x1cM\xd3-&lt;s{cF\x7fuT\xa2\x88\x87\x97\x80_\xb2\xa2\x96\xc5\xb1\xb3&amp;F\xac\xb2\xb3\xa0`\\x\xa8\xa0\xb9\x1f&lt;\x93\x85{\x9d\xd7\x7fD\xb6\x00\x00 \x00IDATx\xda\xc4\x97\xefK\x1by\x1e\xc7\x9b\x99d\x84\x0c\x99/\x13w\x8e\xec\xf4\x92m\x9a\x816M\xb8\xe6(\x9b\x06\x96\x11n \x90\xca\x16\xcb-jl\xfdu\xc2,\xe1\xcaA[\x1b\xd1\xda\x07\x9b-\xb9\xb1K\x8f\xf6l\x8e\xaei5\xeaY\x8b\xee6.\xbb\\\xa1\xc5\x07\x82&gt;\xa8\xa8\xf8\xc4\x075\x04R8\xf0/X\xee\xc9&gt;\xb9\xf7gt\xe1\x9e\xdf\xc4~Dc\xb40\xaf\xbe?\xef\xcf\xfb\xf3\xf1\xc4\x89\xff\xa3\x04|\x9c\x10Z\x04\x81^~\xad\x13\x1f\xb4\x08@\x10\x92x\x89\x14^\x15"I\xe1\x7f\xeaD\xcb\x07\x82"\x85\x84?\xee\xef\xd5j\xdb\xdb{\xf5\xdd\xfa^}\xef\x97\xfd\x8d\x8d\x97\xaf\x16\x93B\xe4\x83i&amp;\x08\x85\xf5\x83\xbdZ\x91I\xbci\x19\x8aeU,k\r\xb5\xb5\xb6U;\xd8\xe8^,D\x00w\xfc\xed\xeb^\xaf\x1b\xbc\xc4T^\x169Ye\x8c\x99\x8a\xa2\x18\x86\xa2\x14u\xc5\xda\xaa\xd7j\xfb\xddI\xa1\xa5\xe5x\xa9"/\xeb\x92\xcf\xe7\xe38^\x92y^\xe6UI5u\xadX$2\xa0\x19\xa6\xae\xac\xd5\xf7\x17\x8f\xb5\x95Bdq\xcf\x129\xc2\xf2\x89Lc*\xd3uE\xd3\x8a\x8c\x15m\xbd\x0c\x1b\xce4\xac\xdd\xed\x82\x90&lt;.\xc1"\x91\xfd-\x19L~`\x8923\x8c"/\xe9\x8aN(\x06\xe4\xd2\x99n(\xa6\x89\xb7E\xdd\xaa\xbfL\x1e\x93`Br\xdf\xe2\xfc\xe8\x1f\'\xcbh\x9fi\x15uQ\x94\x94b\xd1\xd0M\x1dX0\x97\t\xcd4\xc52\xd0\xd4\xad\xed\xeec\xb1\xbe\x10Y\xb7x\x8e\x13E\xfa\x14eQd\n\x03\x96a0M\xb3\x05\xb3\xdb\x88O\x1do\x8b\xa6n\xed-&amp;#ModK\xa4\xbb&amp;\x83\xc6n!\xa0dIb\xd2\xb7\x1co*\xaadZH\n*C\x87\xd9\x14\x8d\x99\xa6\xc9t\xab\x86F6\xddX\xc9}\xf4\xcc\xe7\xf7\xfb\xd1D\xc6T\x95\x15U\x9e\xe7d\xa9X\xe4\xf9"Ie\x98EXK\xe3U\x8c\x02\xd3TUG#\x9bl\xb0\x16!\xb9\xbe\xc6\x89&gt;\xdb\xec2_\xb4\x0c]3\xf0hU\xe25\xa5(\xca\xd0\xc84\x94"~\xc0x\xd1\x8e\r\x95g\xbaj\x1d\x14\x9a\xea/\x18k\x0b\xd2\xf0\xe4*\xc4\x95dX\x8af\x18\xc8OC\x87N\xfa\xe7\x9f\xb3\xa2&amp;\xe9\xba\x84\xdfK2\x9a\xcc\xf3LV1\xa8\xd6Aw\x13\xf5\x12"\x1b[\xf07OX\x88\x06\xe4\x94\xa5H\x9a\xbdz,\x03h \x91\x18\xa6\x93\'=\xf1\x06\xe6\xe3\xd1Z\xc6Ik{M\xe4\x8a\xbcz/\xe19h\x19/\xf2\x98&gt;\x13f\xd2y\x99r\xc1PT\xc3\x90\xe184\x173\n\xf3\x894\x13\x9c\xa4\xf2ZQ\xf41e\xafi\xbe\x17\xba\xeb\x12\xafB*\x9f\x0f=b\x1aZX\x84\xbfU{%\xea\xbc\xa8\xeb\x9c\xdf\xef\x13\xed\xfc\xc77&gt;\n7\x98K\xd5e\xbf\xa8\xae-6I.Ax\xb5\xc6K\x88QP\xa1\x98NI@\x01\xcfd$\xab(\xd3\x82\x04\x0b\x07,\xff\x11\x96_d\x08\x10&amp;\xfa8^\xd9n\x92\xeb\x85\xc8\xbe\xa1r\xf4D\xbf(!M\xb5\x8a\x06\x8d\xbe\x955E\x03\x97H\x03JJ!9\xfc\x87X(IE\xb0\xd1R\xe7\xb5zSRB\x88 HAE\x8f\xc4St\x90\x98\xa6\xaai\x92,C\x0f\x8c\xa5,\x1e\xa6&gt;\x8cN]\xf4\x91\xa8&lt;\x0f(\x99\xc7\xffCT\xb7\x16\x9b!WK$\xb2m\x88D\xe5\xa3e\xa8\xd3J\x9e25\xdc\x0f\xe0\x92\xb4\xf9y\x1a\x04^\xe2\xe9+/\xa9x\xab\x02\t\xc7\x05SE\xca^\xde:h\xc6\x12\xc2\xe1\xb7\xabB({\x17J\xe6t\xaeR\xa9LOMM\x99\xf8\x9cg\xea\xfc\xca\xe0\xe0\xe0\xfc\xfc\xca\xd4\xca4\xbe}179\xf7bp\x8aJc\x12G\xca\xc9\xda\xdaz\xa4\x19\x86\xdf\xc7\x8a\xf6\xa1Mh\xda\xf4\xc8Ho\xef\x9b\xde\xde\xc9\x89\xc1\x15\xe2\xb1\xeb\xc5\xe4$p\xde\xbc\x99l\xbb~\xf9\xf9\x9f\xfa\xdazz\xdf\x8cL\xe4\x06\xa7${4\xd1\xd0z\xc1\xf9.\n\xc9=d\x00\x9e\x80\xd5&lt;\xd8s\xe7\xce\xe5;}\xcf\xff\xfc\xc5\xb5\xbe\xebcm=cmTcm\x97\xaf\xb7\xf5}\xfa\xe9\xb5\xaf\xae\x9e\xba\xfb\xee\xd4\xbb\x99\xe7}\xd7{\xc6\xc7\'W$\xdb\x91\xb2\xbc\xf6*\xe9\xb8^\xc2\xcb-\x8d"\x8bc\xfc\xe0\xe5\xe7_\x9d\xba\xfa\xdb\xdf\xdd\xfc&gt;\x16\x8d=\xf9\xe6\x9b\x9b7/\x9c\xfd\xf2\xc2\x85\x0b_\xe2\xe5\xe3\xb3g?\xfa&gt;\xd1\x95\xeaJ\xa5\xdf\xcd|=s;\xb8&lt;6\xfeb\xfe\xd0\x93\xfc\xba\xf3\xee\x12\xf6\x15&amp;!\xbd\x99\xber\x19j\xa4\xd3]]\x03\xb1h4\x13\ne\xa2O\x9e\xdc?\xf9\xf4\xe9\xa5G\x9f\xdd\xff\xc3\x93\xdf\x9f9\x13\xcbdb\x89\x81T\xfa\xc7\xd7_\x97K\x8d\xe02\xb8(08n\x17\x7f\x0f9\xdd\xc3_L\x8d\xf2A\x99\xee\xb9Z\xce\xa7\xd2\xa9\x81D\x02\xcf\x0f\xb5\xb6\x06\x02\xa1\x90\xc7\xe3r\xbb=\x9e\xd6\x10af2\xad!\x9b\xeb\xf5\xebr\xb5\xdc\x08\xae\xf6\xccI&gt;{R\x0e"\x0e\x87\x84\xb0\xb8\xab\xeb\xc0\xe2\xd8\xe4\x8dr5\x9f&amp;\xacX\x0cP\x87\xe5v\xb9l\xae@k\xa8\xd5\xfea(\x9a@\x1b\xdf\x11\xd6L|u|\x85\xc7\x04\xfb\xb8\xf78pZ\x9c\xc5\xda\xd2LM\xf6\x89\xf3=\x8d*\xb0R]\x89D4\xd4\x1a\xf0\xb8Q.o\xd8\xe5\xf6\x10N\xc0\x13\xf0\x90~\x81P4:\x90\xca\xe7\xcb\xe5|\xa3\x11\x8c\xaf\xcei\x18b\x1f\xa7o\x0b\xce\xba\x0b\xc7\x83i\xea\xaa&lt;?\x17\xac\x96Aec\x81\xc2\x1b\xee\x0f\xf7w\\\xf1z\xfb\xfbI0\xc8\x15\xf0\xa0\xd0W`\xa5\xf3\xe9j\xb5\xd4X\xe8\x0c\xf6\xbc\x90\xe8\xd2\x91w\xbb\x05gW\xcf\xb6\xa5\xe0B\x1f\x9cl+WKU`\xa1\x87\x99\x80\xdb\x05$|\xe0+UGG\xbf\xcb\x8d\x1f\xba\xdd^O&amp;6\x80iL\xe5\xab\xa5\xd2\xf0P\xe7\xf2\xf8 \x1d\x1e\xb2\xb1\xe1\xe8b\x14\n\xefq)\x98\xb9\xb6\xf8B\xb9T\x82\xb5\xec\x1e\xa2\x7f^\xa0tt\x1cR\x11W\xd8u\xd8V7\xcc\xd5\x95J\xa5\xaa\xf8\xe7Y\xc8\xb59\xa7!\xede\xb6\xed$\x96 l\x18\x1an\xf2{\x8d\xecp\xb6DM\x84X\xd1\x8c\xc7\xedq{\xc3\xe1\x0e\xe2!\xa8+\xfda/|O\\\x81\xd6h"\x01,\xa8\x95\xcd\x0eu"%\x06u\x9c\xdbr\xad\xdbQ\xac\x03\x1d\x97\xde\xc8\x9d\xab\xc0\xa2AL\r\xc42\xd1\x10\xd9\xc8\x1d\xf6\x86;\xa8\xa8\x95\xfd^\x97\x0b\xc6\n\xd0D\x02\x0b\\0W\x96\xd4\x8a\xaf\xeeL\xab\xb8\\\x95u\xc1A\xaa\xc2\xae\xaeI\xcaw\x8d,\xaaT\xcd\xe7m,\x84\x16\xda\xe5\xf2\xc2\xf6(\x90A,`\x05h"1\x89\x88\xae\xae\xae4\xa6qx\x88\xb86\'01\xa2\xe4\xe05(\x08\xeb\x16\xee\xe2\xd9\xbe\xe1\xec0\x9aXMS&gt;DC!\x04\x04\x05\x16\xb8\xbc4\x8a\xe10\xb0\xdc\x18B\xfc\xa25\x13\x05\xd5\x00aU\xa1\x16ju\xc4d8\xb5\x9d\xc4\x8a\x1c\x98*3w\x82\x0bCC\xc0"*\x1b\xcb\x0e\x03/\x14\x02\x9a\xcbf\x83\xb5@\x14\xa3\x8d\x14;\xc2B\x17\x87:\x01\x16\xef\x9d\xd6p\x829yF\x14j\xb8\xf7\xb4\xf1\xb8\x8de[\x0b\xfb\x10;\xa6\x15&gt;\x82\xbd\x0f5#\xad \x16t\xa2\xdfEI-D\x04\xb8\xca\xc3$\xd7rOn\x8aI\xaa\x83\xc9\x05k\x01k\xa5\'\xb80l\x0fb*\x95\xa0-m/D\x80\xd9Y\xefr\x01\xcbMX0;.\x8b\xd8\xa1\xb5\xd2\xc8\xd4Rc\x88\xb0zgq\xfcK\xef\x1d\xc5\xd25\x96\x1b\x83Z\xc3Y\xa8\x95\xc2\x96\x8e\x01\x0c\x8b\xb95@\xab\xc6co \xefQ\xcegbT\x89#\xac\x94\x8d\xb5\x00\xb5F*S\x9a\xb4\xe5\x18V\x0ba\xe9S\x13=\xab\x90+\x9b\xcd\xa7\xbb\xc0\x14\x03\x19\xf4\n\x05\xc8_@r\xbb\xa9\x89\xe4y7\xda\x98!o%\xa8\x89P\xab\xdcX@\x05\xc7&amp;s\x15\x9d9\xa7\x96\x10\xe9\xdeU\xa6+\x13\xe3\xab\x9d\x90k\xb8\x9c\x1e \xaa\x04\x1d6p\x17\xad\x1a$V\xd86\x97\x9d\x11\xe0\xc20\xd2\xcdE\xdeJ\xe7\xb3\x8d\x19\x98+\xb8\xda;\x91\xabhu\xe7N.\xa1P\xabTr#?/\x1f\x9a\x0b\x9b\x07="\xfb\xd8\t\xe1\xf5\xda\xbb\'\xec\xa5\xf4\xbar\xa5\x9fB"@\xa7M\x94\xd6\xe2\xcdt\xbeq\xfb6\xbc\x15\x8f\x8f\xcdN\xe4\xcc\x83\xa4sj\x15v\xa7s\xb3;c\xabq\xf4\xb0T\xaa\x92\xe5\x13\x14\xf3!\x9b*\xdcq\xb8\x0f)\xe9\xf1\n\xbd&lt;\xa3n\xf7\xd3\x93\xf7i]\xa7\xd3w\xcb37\x82\x9d\xc1`p\x13\xa6W\xb6\x93N6\xd1\xc6\x1a\x0b\x0e\xdb1O\xbb\x87\xce\xe5#[y\xfb\x7f]\xd5tM \xbeFG\x7f\x1a\x1d=\x7f\xe9\xd2\xd3GO\xce\x0c\xc0[3\xc1`g\xe7\x8d\x1b\xcb\xbd;9\x07\xb1Zp\x9aVr;?on.\x00jx(k\xef\x9eL\x88\xf6\xa1\x9d\xa2? \xdf\xed;\x02\x1eC\x0f\xdb/\xb5\x8f\xb6\xb7?&lt;w\xee\xe1\xc5\x93\x9f\xdd?s\xf7\xeaL0~#Hr\xed\xe4*\xfb\x0e\xa6|\xf7ne\x02X\xc1!\xa2Z\xb0\xd5\xca\x84\xdc\xde\x1f~jo\x1f=*/\x81\x91R\xed\x9f\x9c~\xbc\xb4\xf4\xec?o\xed\xfa\xfb\xdb/&gt;&gt;u\xfb\x08\xeb\x9f\x8eb\xc1[5%\xb7\xf3\xb7\xcdN\x1b\x0b\xa3\x98\x1a\xc8&lt;\xfa\xe4\xfc\xc5s\xff~\xfc\x97\xa5\xa5\xa5\xc7\xa7\x1f&gt;\xbcx\xc9\x1d\xa6qt\x9d?\xfd\x9bg\x7f\xbd\xf7f\xa2\x92\xcb\x8d&lt;xp\xef\xbb\x07\x0f\xfeq\xedv&lt;\x1e\xb4\xb1n\xcd\xce:wA\xb4\x08\x91\xbd\xca\xec\xad[\x9b\x9d\xb0\x16\xd6O9\xdf\x95\xf8h\xe9\xd9\xdb\xb7\xff\xfa/\xab\xe6\xfb\x9a\xc6\x9a\xc5q\x841B\xde\\\x16\xe7\x0e\xce\xd5\xe8\xc4\x16f4a\xea \xb6\x1d\x06\x84YX4\x01mAb\xabi\xae1peQ\x94\x8cm\xc2\xa6\x8a\x1a;\x9bF\x93\x10\xf3\xa3Hb\x9a\xd6\xda4$\xb5\x04\xd2\xd8\x90PH\xa0\xb7\xd0\xb2\xdbw\x1b\xc8r\x17n\xef\xb6y\xd1\xa5K\xdf\xdc\xfeXv_\xecy\xa6\xcb\xfe\x05\xf3\x80`D\xcc\x87\xef9\xcfy\xce\xf9&gt;\xd3z\xbd\x7f\xf7\xee\xe8\x8d\x81\xb9\x95\x05\xa1\xd6\x89\x9a\xd3\x9e\xd9d\xbf+Q\xdf\xfa\xe6\x9b{K\xb7\'\'G\xa7G\'Go\xf8:\xber5\xd2\xaf&amp;\x9f\xa9\xd8\xcc\xb7\xfd\xf9\xf0nz\xa6\xd1w\x15Bx\xff\xf2\xe2y2u\xab5\xf5\xf0\xf5\xeb\xc3\xdf\xfepz\xe9\xf7\xf51\x9f\xcb\x8f\x1b\xdb\xa1H`\x16"\xeesg\xea\xeb\xeb\xeb\xf5\xfd\xdc\xfe\xe8\xe8\xe8&lt;\xbc\x9b\x7f\xd9\r`\xdd\x08\x0b\xd4R\r\xab\xad\xed\xaf\x08+\xdf7\x04\x9d\xd3\xfd\xcb\xcb+\xb7\xa6a\xc1?\xbd\xb3t{kpp=\xe7Nx\x98\x92\xf6\xfb\x8b\xdfcF\x1c\xb0\xdc\x895\xbfs\xc1\xba\xb0\xb0\xf1\xa255:\xb9&gt;9\xff\xf2\xffX?\xaa(\x96\x82\xd5\xc8C\x91\x1f\x82:?\xf0\xf0\xca\xfe\xe8\xfe\xf4\x8d\xa9V*\xe5\x1a\xf0=}\xfa\xf4d\xd8\xc4W\xf5\x9a\x0b\x9d5\x8e1\xad^\xa3p+,\xbb0k\xb7&amp;WZW\xe6\xeb\xeb\xaf\xba\xd1j\xcc\xa4\xd5\xc5z\xf6\xa7W\xa0\x16\xeak\xee\x0fu_\xa9\xef\xd7\xd7\xafLMl,\xd8\x17b\xfe\xc2j\x982\x99(\x996\xb7_\xe8\xac\xe0T\xb1H\x91\xfeB \xb9\x90d\x02\x85\xb8\x93q\xa6\x12W&amp;\xef6\xfe\x87\xf5\xea\x91\x9a\xe3\xd8\x93\xd7\x80\xd5\xb8\x8f\xd4\xea\xcb\xcc\xd7\xeb\xf3\x89\xb9\x98\x7fnc\xe3\x85\xcb5\xb1\x96\x18\xa6$)+;\xb4\x9d\x9a\x92\x146\x85M\xabk\x13\xad\x87\xd3\xfb\xd3S\xa9\xd4\xc0u\xbfs\xce\x97Q\xa2x\xf02\x9dN\xab\x89\xd56\xfe&gt;\x8dr\x0bqu\xcf\xe7\xc6\x06\xfac\xfe\xeb\xd7oM\x1f~{\xfa\xce\xb4\xcfT(fI2\xdb\xd4k\xb4\xb6l\x11\xd4[q\x85F\xef\xdd\xbcy\xfa\xbb;7\x06\xdc\xee8\xeb\xf7\xe5BH\xad\x99t\xfa\xfd\x035\'\x9fS_\xd2h\'"\xb5\x9e\xe6@\xa9\xc0\xda\x98\xfb\xca\xd2o\x0e\xffss\xf0o\xad1\n\'\xf9r\x967c\x06[6\xecYe&amp;2\x1b\x9f\x06o\x7f;8xx{\x10N,\x8a\x8d\xbb3\xf9\x83|\x1e\xb0\xfe2\xae\xea@\xf6\x13\xfc\xe4\xcc\x01\xe4V\xc7\xd8\x80?\x10\x18\xce\x85\x06\x97\x0e\x07\x97\xfe\xb8&gt;\xff\xe6\x8dk\x87n\x06\xcb\xd2y\x9b\xd6`\x93\xc2E\x8a:\x99\xfb\xe5_\xa1\xf5\xc1\xfa\xfe\xa7\xe9{[\xee\x0e\x13\x1b\xf0lB\x89\x80\xd4J\x7f9\xab*\xd6\xa3\x8f\x80\xd5\x07\xdd\xd6\x90\x89$\xd9\xa2;\xb3\xf5\xdd\x8dO\xa3P\x93Z\xbf\xbc\xd9\xf0SA\x9e\xcf\x9e\xf7j4\xfa`\xb1\x18\xde+$\x93\xf6O\tw\xe8\xd3\xc6\xad\xdc\xd6\xba\xaf\xc0R\xfehGG\x1e\xb0fTv\xe7/!\xac\x03\x18\xc8L,\x89\xb3\x9ek\xf5\xad\x9c+\xf9\xe9V\xcb\xb5\x91t\xe2v\x02\x9a\xd0lD\xdf\xae1D\xc2\xc5\x9f\xc3\x04\x8e\xdb\xed\xc9\x95Xr%\xe5\xcb\xe4\xdc\xd7X\x962]\xeb@A\xfc\xf8L]\x7fk\xfc\x9f\xe9\x19\xc0Z\xbc\xba\x9ceH\x13\xb5\x93\xcb\xf8&lt;+p\x1c.\xc4b81k\x0f\xc2\xfc\x1c\xd1\xc28V\xa5\x8aaS\x8ca\x9dxr%\x99t\xc6\x87\x87W\xe1\x036K\xfd|\x80\xd4\xfa\xf8\xa3\xaa\xfeV\xdb\xd9\x7f\xcf(j]^\xcc\xf2\xbc\x94\xcd\x1e\x0f_3%\x9dI\x1cg\x9c\x8c\xd5.B\x1bz\xbe\xaam\xd7\xe8a+\x86)\x16\xb7\xc6\n\xc7\xe1\xb0\xc9T\x0c\xc3\xd7\xc9\xac$\x99\x8a\n\xd6\xe7G\xea:6\xa7~Bj\rAk\xfa\xbb`\xe4&lt;\xcd\x11\xa4\t\xc2I:\xb3Y|v\x96\xab\xa2\xb6\xdd\x06C\x86\xa1K&gt;&gt;\x1e\x91yb\xd6\x8a;)\x96eh\x91\x13q\x12\xb0\xc2\x08k\xe6\xf3\xa3\xf1\xb3\xaa=\xb3\xa1\xd3)9\x0fX\xcb\x8b#\xc1\x88\xa3\xc9\xc1\xa2q^"q\xab\xf1\x8c\xb1j\x86q#(wAW\x88\xd9@\xca\x11\xbe\xe4\xa0\xa1\xef9g4Z\x8c\xb0\x80\x8b\xa1L}\x07(\x88_\x16\x1e_R\x89\x0b\x1a\x9b\xb3g\x9f\xbc\x87z:ty\x199\xccU\xc1h\xb1X*\xf0\xea\xe9\xed\xb5\x94\x0c\xfajW\xb5,W\r\xed\xed\xdaR\x99\x94%\xa9j\xb09\x84sg,\nVE\xc0y\x9e5E\x0f\x1a\xe9\xf4\xe6jqgA\x9d\x91Lw\xea\xc1\xe3s\xe7z_\xa02\x8f\xb0\x9aM\xc0\xea\xa9\xd5,5\xac\xb7\xa7\xa7d\xc646\x87\raa\x9d\x1a\xccK\xf0eYj\x1a0\xb3\xa3Z\xb1T*\x15oI\x10\x90\xb0\n\xd6\xe6\xf1\xf1\xce\x87\x93\xb7j\xb4\\mmGxX\x82\xdc\xe9\x00\xac\xab\x8b\x08\x8b\xe3\x8c5\xe0\x82\x01Co\xf3"\xe7\xcf[\x12\x11\x16\x8c&lt;f\xba\xcc\xcbr\xd3k\xc0\x0c^\xc5\xb57\x97J\x1cM\xe3$\xc2\xfa5\xce\x16\x9f\xef\x9d\xd8\xc7u*Dp\xdc\xbas\xb2\x97\x8d\xd8x\xe8lP\xc3\xdc\x14\x85R\xc5\x00S\xbd\xe2tc0\xe3\x1b\xcc\x1c].\xdb\x0c\xf0N\xcf\x11\xb2,\xd3]f`F\xbe\x8d\xdel\xb6\t\xa2H(X\x8d\x00\xeb\xdc\xdd\xddS#\x8a:\xdd\xd1\xee\x9e\x0c\xbf[-\r\xc3Y\rX4]\x02\x1c\xe4\xc1\xeb\xcd\x8aW\x83i+\xe5r\xb9\n3\x07\x02\x84\x18\xcaU\xb3bLh\xf5^\xf4=\xa3\xc0\x11L z0\x93\xf7\xe3\xd6\xdd\xdd]\xe2\x92\nA\xd4\xbd\x95\xcfs\xd5\xdesM\xc7D~\xe8\xea\xe2\x88L\x8b%3\x9a\xf1\x91\x1b\x89\xb00\xcc\xc0\x95\xcb\x04\xa7\xd7\xa0\x94\xaf\xd2\xb2\x94-\x83p\x98\x16\xc3\xb4\x8aCa1\n\x04\xa9`\x15\x18\x9a:\xde\xb5\xaa\x81\xd5\xf6\xf6\x1d\xdd\x8c`\x17\xb8`?4\xf3\x8b#&lt;\xcd\x95`p\xd5 \xefHY0@\xd3e\x9a\xe6\x0c\xed\x9d\x9d\x98\x19*\x87L\xb2\x9cFq\x06\x11\x19hi\x14\xacL\xccs0\xb3\xe9\xa4ij{wA-,9\x88iJ\xbc\x07\x9a\xf9e\x05\xab\xa4\xd7j\xbf\xda\xa6\xedH\x12\x88!H\x88\x1d\x1d]\xbcX\x13P\x9aId\x05kW\\\x12$\xaa\xa5"@q\xed?hd\xd681\xbb\xbd\xad\x0e\xd6\xc5w%9b\xc0z\xfb!\xb7\xfa.gy\x913\x1aA.\x0c]`|5\x8e\x90X\xb4\x05C\xc3~\x8d\xa3\x9b4]\xa6x\xafr\xc1\xa1\x81\xcd\xa9\xad!\xac\x18\xc2:\x91Eiw[\x9d ^\x8c\x94\xde\x05\xb5Z\xe9Cw\xfe\xa0o9\x8bs\x9c \xc0\xa0\xaf\x98\xb8\xed\x18\xe8&amp;\x96iN,\x8b\xb3=\x7f\xe8\xb1\x888\xc3\x13\x84LQ\xd5\x9a\x16\x05RqS\xcd\x9c\x92[\x8d\xebaY\xc4w\xb7\xedj\xec\xc4SGM\x07\x1d\xc1*\xd4N\xa1\x1bN\x1f8\x86i\xcehP\xbcR\x85J\xa3\xa5y\x9a&amp;b\xce$a\x85\r7\xd7?\xe7\x0f\xc4\x8b,m\xb4(v\x0eD\x11\xd4"\x9c\xfeh\xbe\x11ge\x91\xde\xde}\xac\xc6\x83y\xba\xa3\xaa\x83\xaej\x05Y"\xd6\xe0\xacfy\x9c\x80j\xfa\xd5\xf5\x86:\xa5\xc5j\x82\xd3\x1fH\xb9C&gt;W*5\xe1\n\xd5\xeb9\xf7\xc9\xaa\xb4\xdd\xac\x95\xbc\xb034\x18\x9c\x07\x02\x1e\x88{\xf2\x8d\x98\xfc\x0f\xb1\xbc]&gt;R\xa1\xb9\xd1\xe9\xc6\xcfT\x9b%=\'\n\xb3\xae&lt;`18N\x0b5TE\x15[\xd9l\xa8\x19\x99\x93\x0f\xeb[K\x83\xf5\xd0\x98;4\xd5B\x97\xd6\x05I\xa2k\xa5H\x17\xcaA\x94Z\x8c\xbf?\x9a\xcf\x07\xa8\xddr\x16\xc4R\xe3L\x84\xc3\xa7\xe2h\x9a\x1d\xa2Q\xf8\x9c\x87 \x92\x0cC\x08\xb5\xaf\x17;\xde\xae.=\xaa\xa0q_"\xf1p*\x94\xcb\x84|\xa9\xc4X\xc8\xe71I&lt;]-5\xb3\x0e\xafYo\x14D\xc2\x19\xf7D\xf3/w\x8a\xcf\xa5\xe37\x97t\xea\xf4\x0fg\x1f\x97\xa4\xaa\xa3Is\xa0V\x98"\xa1\x9d\x11\x05t\x81\xa2\xf7:\x82^\xbd\xd7K\xcb\xfe\xb9\xd4\xd4\xc3\xd6\xdcJlen 4\x9f\xcb%\xae\x87Y\x9e\xa7E)\xdc\x84#Q\xa4\xf9@\x7f4\x9a\x0f=gb~\xe7\x91J\x8d\xa0\xae\xedA\xaf,w\xf1\x1c1\xd0\x88\x9a\xa0\xb7c\x19BD\xae\xbc-2\x02\t\x04\xe5\xa0\x90p\x8fen\xdcj%\x93\xccD\xc2\x9d\x19\xcbe2n\xdf\x9a\x89\xc4\x89\xb5\xd5\x08G\x13\x8c3\x1e\x8d\xae\xe57\t{r\xee\xadj\x8e\x8d\xee\xd4\x13\xbb\xb3)V\xb0\xb9\x97\x08\x0b\xbaN\xd8z\xd5.[\xf58,\xccrL\xc1\xe3\xce\x85\xc6\xd0\xc3\x10\xd7\x03D?$\x96/\x93\xc9\xc1\xdf\x9b\xc3\xa9\x15\xff\xc9\xb1\x83\xe6Y\xbf\'\x1au\xe5?[\xed\x1b\x7fWqN\xd4\x9dzKP\xcc\x99\xf6\x8d_\xaf\xc5Y\'I\xb1\xa4\xdclv\xd9\x82{\xb8\xdd\x1a\xf3\xf86\x13\x99L\x08\x98&lt;\x05\x92`\n&amp;\xaa0\xe0{\xba\x19\xca\xfc\x97w3|M#O\xe3x/\xf6\x0c\x9cT1XA\xa3(\x13!\xd6J\xb22L\xb2A"\xe4\xa0H\x96\xe8\x8b\xca\x9d\x98\x99\xe1\xf4ED\x94\x19\x0cx\xb21A\x8cS\xe6L\x15R\xf5\xbc3T\xa3\xb1h.q\xdd\x94`\x0cJ_\xec\x92\x08\x85\xee\xf5.\xd0\xc0\xee\xe5^\xb4ir\x90\\J\xdf\xf4hK\x8f\xe3\x9e\xc9\x1e\xec?\x90\xb9\x87\xd1\x11D\xf8\xf0}\x9e\xdf\xf3\xfc~\xe3\xf3\xb8\x9e\x04,\x18\xd9\xfc\xcdW\xf7\xb41\xab\xb5J&gt;\xca\xe9e\xaf[W\xd8q\xc0\x85\x97\x8c\x1a\xbe^xW\xf5\x0f)P\xadJ;\xab\x18\xbb}\xeb{\xad!\x9b\x8e\xd8\x8c\x9b\xc1j\x84\x8e\xe9\xcdP\x94\xfe\xb8\xb4tk\x10\xf6\x10*U50\x07\x9e\x8d\xba,\xbf\xfe\xecs\x95\x15\xd4\x8a$\x93z\xef\xf1\x95\xf6\xb3\x08\x85\xce\xe3\xac\xe1!\xc5`~\xfb\x10\x87\xb5\xb0\xf0\xf9\xed\xcf\xe2i/\xc6\xf9\xcc\x16S\x8c\x8d\xc1\xd6f\xc2\xb4\xf4`\xe9\xec|w{\xbb\xdb\xed\xda\xfd\xd6\x88+\xba\xee\x8e\x8e\xdd\xbe\x83\xe3\xc0\x85%s\xf7\xa9\x93\xab=&amp;\xf6\x0e4^\xcb\x1fd\x99$`\xe9\xb5\xd3\xda\xd9\xdf\xde\xb9\xfd\x95\'\x1d\xc8\xcc\xcfY\x82v\xd4\x11\x03\x10\xa0\xd9\xde\xden7OO\xdf\x82Y\x02\xb6\x80\xcb\x15u\xaf\xdf\xbf5\xab\x02\xacj5i\xb9G5\xae\xb8\xf9\x07j\x90l\tI\xd5\xd9\xa1!\x05`)\xb4wn\r\xd2xf}\xce\x16\xb1\x06\x9b\x81\xb7oOOO\x9b\xedvw\xbb\x0b\xb7f\xf34\xba\xb6U\xa9\xacU\xe9h\xc6\xbc\xb4\x00\xa1\xe5\xb1V\xdf1\xf6\xe3\x91kW\x8c\x05\xc9\x1e\xc9\xbech\x07*S\xc4b\x8a\x85\xafo\x9b1\xdbZ&amp;\xe0\xb2\xbc\x9dw\x05\x9a\xe8\xf2\xd9\xe8\xc9\xe3\xeb\xd7ON\x0e\x9e?^&gt;;~\xbaS\x12\xb9\xabr/\x91\xbcn\xd6\xe2\x1e\xdcJ\x93\xc4\xc5\xd1\xe2\xb5+7\xa1\xf3\x8b\r\xa6N\xb3v\xd9\x10\x1e\xd3\xcf\xfe\xfe+Md&gt;j\xb1T\xd6\xe7\x93OO\x1e\x1c\xd6\xbel\xddu\xfe\xe2\xf0\xae\xf3\xe4\xe7\xb5\xc3\xe1\xd6\xf1\xc7\xd4ZS\x8f\x14\x88\xf4\xcf\xe4\x90\x1ep+YO\xed\xf1\xd1\x85\'\x14\x8e\xb4\xde09\xcc\xef\xb0\xe3V\xafbZ\xf1\x80\xb6\xd8p\xb4\x93\xfa\xf0j\xaf\xf6\xb8\xb5x\xe8\xbc\xbbxX\xbb{\xb7u\xe8l\x1d\xb6^}\xc4\x9a\xdf#\xf24A}I\xf9q\x1c\xdb\xa9\x13\xa9\xab}\xfe\xf0\x13\xd7\xc0\x0f\xa9:\xc9\xd28\x86\xd9e~\x15\xe2ei\xf4\xa1\x8c\xfd\xb0\xbf_k\xb5\x9c\xad\x9a\xb3\x06/\xee\xdej4&gt;\x16\xbam\x05Bas\xc8h\x81\xc6\xb0\\\x9d\t\xbfl\xf0\xd4y:\xd0\xf8\x17\x93\xcb\x91\x18la\xecx\x155\xa4#\xe8\xb0\xe6\xde\xf6\xebW\x8d\xfdV\r\xcc\xc9\xbd\xb5Z\xb5\xfd\xbd\x93\xb3nsZ\x86P9\x0c\xc9BfH\x02\x95\xef\xc2\xc9S\x9f\xae\xb0v\xc1\xec\xd4\xeb\xb9$\x8b\xd1X\xd2o\xa0Xjr\xd8\xb4\xdb\xde=.\xbc\xfe\xf8q\xbf\xd1\x80\xab\xb1\xf7\xf1x\xe3\xecl\xbb\xd9t\xc8\x11\xaf\x05\xcb\xda\xc1}D\xa7S\xf6\xbd\xe0k,C\xb8\xf8"\x95L2\xb9$P\x91\x8c\r)\xb0\x88f\xb2\xff~w{\xf7\xfc|\xf7\xfc\xec\xec\xec\xf8\xf8\xf8\xf5\xd9\xf9\xf9\xc1\x01P\xe1\xa8\\\xce\xbah\x94L%\x08&amp;\x1c\xf6%\xbe\xe3\xab\xa9\xb9w\xe0\xbb\x14\xc3\x10\xf5z\x92\xcd\xe5\\.\x1cgG\'\xbf\xd0L\xec\xb6\xbb\xbb\x07\x07\xcf\x9f??\xb8\xb4\xe7\x07\xe7\xbb\xed&amp;kG\xe5\x08\x9b+\xd0\xf5N\x82a\x12&gt;\xdf\xb3\x86\x90/\xb5\x84{\xa9\x0e\x01V\xc7H\x0b\xe3\nDhjrRc\x1a\xd3v\xbb\xe7\x1c\xd6\x8fvp\xdem\xb7cv\x87\x02AX,\x1d \x12\t"\x05X\x7f[\xe4\x0b\xabW\xe8\xfcK9L$\xd6\x92\xb9\\\x92!\xe6l\x98W\xf3Pc\x92\xe9\xb5\xe0\xc7\xb3K\xc1\x00\n\nP\xac\xe0\xf0{e\x88\x17\xcb%-\x890\xf8\xb0T\xfc\xe6\x07\xfe\x06\x0c\x84\x03/\xca\xe5\xb0\xbb\x9cd\x929\x86\tD&lt;h\xbfF\xd3?\xa1W\xa0^(\x87\\\x84\xedn\xb7\xdbm;\xb5a\xf7\xa32y\x01\xb31\x84/\xccQ\xdd|\xc9\x9bX\x97\x0f\xc2\x9f\x95|\xbe5\x82`\xea\x04c\xf3x\x86L&amp;M\x7f\xff \xea\xdd\xf0B\xa2jr\x16\xa1\xd3\x85\x82\xc31\xa4\x90Q8K\x86\x13\xbe2Q\x06\xac\x17|\x8e\xaf\x08G\xfe\xfe\xcbR\xc9\x97\xe8\x94;D\x92\xf4s\xab\xcd\xac1\x9b\x11\xcaQH\xb34\xb6\x83a;\xf0\xa2\xd3\x00%\x93\xd9Y,\x99p\xbb\x13a\xdfM]i\x9f\xcf\xe1\x15\xae\xb3y\xa6T\\)\x97|a\x82\xf4;b\x8aA\x93yb\xa2\xdf$\xa3h\x12"ig\'i!\xb1\x88_/\x1f\x94\xcb\xa0\n\x10\xa5\x95\x15\x90jF\xf2\xac\xc5\xeb\x08\x92\xd0\xf9R\xac\xd3U\x8a\x95b\x98\x88\xd0\x1e+:1a\x1a\x9c\xd0&lt;\xe8\x9f`Y\xdaf\xc3v\x02l:\x8d\xea\xe1\xf4\x0f\'V\x16cJ\x92\x9b7g\xc6\xc5\x95\x0b\xe75^\xb1\x16/$b\xb1T\xa7s\x87\x99\x80\x8dd\x1d\xa0\x96\xc9\x0c\xeb\xd1\x8cd\xb3h\x81J\xd3\x1b\x08\x1c\x8c\xcc\xe6A\x94\x86\xd5Z^\x19\xe7\xa8\x04[o\x16\xf9\xc5\x1a\xf9\xe4\x93\nzD\xd2\xcaz\xa2C\xd8h\x1cALf\xc0z8\xba&lt;:j0,g\x0b\x1b\x06\x041\x9bMr;\xf7\xff\xbe\xaf8#\x11\x0bD\x82\xb57\xfc\xaa\xd5;p\xf4N\x9c\x17\x89z\xc4\xc5\xadb\x07\xf69p\xc6\x96#\xfd\x9aI\xc3\xf2\xf22b\x18\x1e\xa5(\x83A\x0e\xe6\xc5\xb0T\xb9\xb42\xc3\xb5\x8dK\xddOx\xc7:y\x94Q\xe6o\xdc\x10)\x95\xba\x0c\xe4\t6My\x11\x03\x92\x05\x1a\xc3\xb2a\x14&gt;\x19\xb2^G\xdaK\xd7\xeban\xbcM\'\x15\xf5\xac&lt;\xd9\xe4\x1bK\xd8xo\x8cVn\xf4\xf4\xe5\xc5\xbaD\xd9\xdd\xa9\xe7\xb04$-\xfb\xc6F\x81Z\x1e^F6\xb2\x1b\xe9\xc2\x06F\xd6\xc3\x89\xe2\xb8N"\x91HE\xe2y\xb5\x91o\xac\xde\xdaS\xa3:*\x9e\xea\xeb\xcb\x0b\xc4J\xa5/\x91b U\xb1t\x1a\xc3\xa8,\xa7\xda\xd3t\x9a\xc5\x02\xc9Di\x06\x98\xc4J\xc1\x942\xba\xc9;\x16d\x887\xea\xa01\xc3\r\x0cL\x89\x04\x02\xe5\x8a\xaf\x1cN\xd5\x939z\x87,\x14(\x8a\xda\xd8\xc9\xed@\xbd\xe4\xda&amp;\xa5R\x89T\x90W\x12O\xe0\x07\x17\xb5^~\x9d\xe8\xfc\xf0\xabPP\xed*J\xfb\xa6\xfaD7D\x02\xe5L)Q\xee@\xed\xae\x93d\x9a-\xa4su\xa2\x1c.\xfb$\x02i&gt;/\xc8K\xc5\x84M\x1d\x0c\x1a\xdf\xf3\x8b\x05\x89\xebS\xd0\x13\nE,\t\x018\xb2o\n$\x93H\x8a\xbep\x98\xe80\x16\x0cv\xed\xa9p\xa2T\xfa\xdd\xb8N\x9a\x9f\xcaK\xf3\xe2p\xc0\x16\x0c\x05\x8d\x8f\x1a&lt;ON\x8e\x1c\x05C\xf1x(\x12\xc8T\xf2\x1c\xd6T&gt;?%\xd1\x8d\x17}&gt;_\x8a\x81=\xbb\xbbX\x9aY\xd1I\x04\xdc\x17Rq&amp;`\x8b\x84@\xad\'{\xfc\x0e\xe6\n\x07\x8e\xd4\xab\xf1\xe9\x98\x95\xb4D\x8b\xe2\x9e)\xce\xfa\xa4R\x81Dws\xdc\xe7\xfb\x06\xea%D:\x04:PMIW\x08\x0bP]b\x1d\xfd_\xb0\xb4vO\xc4\x92)\xe9\xa4\x1cU\x1f\x08#PB6\xd0\x8d\xebt:\xb1\x80\x93\n\xb0\xa4\xc5\xf9@\x80\x0cU\xabA\xb5z\xf3\xc3\x08\xdfX\xc6\xd0\xf4\xb4V\xe5\xc7IK\xc6\xbd"\x81\x18\x82d\x01\x0e\x83e)\xd1q\x93dRi\x0f\xe7\\\xb1\xdb\x05Z\x05!\x12\x83A\xf5\xe6\x05\xcfE\xf1\x7fji\xb5v\x7f\xc4\xe2\xca\xacoA\xce\x07\xb9\xa6\xfa.\xc9`\xf9I/\x1d+Z\xc9\xb8\xb8\xb8\xaaV\xc1\x89\xa1\xe0\xe6{~c\x9eSk5\x1e\xbf|\x86\x8ac6Kt\xcd\xbdU\xb9t\xdaO\xd6\'\xaa\x14\xb9\xa6.[\xd5c\x85U\xbb\x1a\xaa\x067mG\xbcc\x81\x13U\xda\x05\x85\x02vT\xe4\xdc\xfc|f\xdd]QJE\x10\xe2\xe0\xcb\x1e\xd0\xac\xe2^\x8b\xba,\x01\xd2c\xb5ZWWCp\xa9\x8d\x9b\x1fx\x9dE\x07\xac\xcd`\xfcG,\x85\xd7a\xaf\x06\xe6\\\xaeK\xc9*\xca\ng[\xeeD&amp;:\x0fP$\x06T\xd6x|5\xbe\x1aT\x1b\x8do\x16\xf9\x94k\xe0O\xff\xe0\xb0\xa6\xb5C\xb3\x8aY\x14\x1d\xb2\xd3\x98-`qq\x92\xb9\xdd\\K 0q\xa1\x8eE"\x9eX,~I\xc5\xa9ed[\xfca\t\x85\xdf\xfe\xf5\xdf\xc6`\\\xa5\x02*\xfd\xd0\x10\xaa@\x1d~\x9c\xc5H\xdb\xdc|4\x13\x8dF]\xe0\xbc\x00Y\xe5t\xf2X\xed*\xf0\xf6\xf4\xf4j(\xa4V\x1b\xdf\x7f\xfa\x03_\\\xc2\x91o\xff\xf9\x9f?sX\x0b\x0b\n\xfd\x98B\xa1\xd7\xebQ/\xeaH\xe38M\x06,s\x10\xe56\x92\xa6q?\x8e\xe3~\x80R\xfd\x97\x96\xf3\tm\xe4&lt;\xc3\xf8\x9e\xbc30\x879\x18\r\xc6\x0e66\x92\xc5\x92\x91\xb0v"\xe3\xf1\x80\xc6\x8c\x90\x91\x87\xf5v\xe4\xb9t\x97\r\x98O\xac\x18\xa3\x8d\x12X\x18g\xd9\x81%\x87\x1cZ\x90[Bt\xd9\xd2\xdb\x82\x9a^,L\xc1\x90\xca \x1f\xec\xd6\xbd\x08\xabXP\x90I\xd2\x83\x04\x06\xb3\x7f\xa0t\xcdn\xd2\xe7\xfd\xc6\xde\xa4\x14\x9a4u^\xa3\x7fx$\xfd\xe6y\x9e\xf7\xfdf\x8cd\xaa\x8f~\xbb\x08\xac\xb7\xde\xfe\xa2\xbd]\xf8i\xb8\xd2\xadA\xef\xc5\x9f\xdf~\xff\x16}\x90%&gt;\x17\x9f\x9b\x1b\x8e\xc7GF\xae\xa3 \xda{8G\xfc\xf8\xf6\xf2\xf2\xca\xf2\x1a\xae\x97\'&amp;\x08\xea\xd6\xad[\x1f\xadbp=\xb8\xf1\xe1\x8bA\xeb\'\xd1+\xbd=\xe8\x13\xd6\xfd[\x13$\xd60\xa8\xa8\xe2\x1f\xaf\xe0*\x1e_YN\xe0\xf4\xfa.\xfa\x00?\xf41F\x82\x1a\x1b{\x04\xac\xfb\xef\xdf\xb9\xf1\xf3\x17\xfd\xfd\xc2\xe5s]\xad\x9fvw{\xc0z\xeb\xfe\xe2\xc4\x078?\xfd\xc5\\$\xc2\xc9\xe2\xc3\x93\x93\x91\xc9\x08\xeeE\xe8*~}\x82K\x85\x91;\xf6\x08X\xabt\xc4q\xe7\xc6_vw\x07\xa7S\xfc\xdf\x04]\xe2\\\xa8\xb5\x9a\xdd~\x1fX\x7f\xbc\xf3`\x15&amp;\xceE\xa6\xa7\x17ff\xa6#sD\x83{\xf3\xf41\x9f\x8d\x99\xc9\xe1\x91\xc4\x181=L&lt;|\x98\x00\x18F\xea\x93\x07\x0f\x9e\xfc\xf2\xeb]p!^\x97(\xd8T\xba~:8\xd6\xfb\xbd\x8c\x0e\xac\xd5\xd5G\x89\x11~68::\xb3\xb0\x10\x19\x9e\x8bL\xce\xcc\x8c\xd2\x07\x90\xe6\xa7#\xf1\x0f \xd3\x04\xc272\x92H`\x89\xba}{u\xf5\xc9;w^\xe4\x80\xd5\x1f\x9c6\x1aS\x97\xa5T\xbaP\xab\xb7v:\xbd~\xaf\x9cz\xf1\xd9;\xef-&gt;\x1a\xbb\x1e\x8f\x00d||tt~azx\x98N\x17\xc3\x07\x91\xe18\x11\xc5\xd1\x11\x98\x1ec\x13kkk\x8b\xb0\xf1\xd5\xaeGX\xfd\xce\xe0\xa0v)\x07\x13S\x85Z\xa1\xd6:\xd8\xeftzE;\x13|\xfd\x19V\xba\xb5\x89\x04\x025?\x9a\xcc\'\xc7\x7f\x85\x93\xd5i\xd88?:\x0b,~\x92H\x8d\xc0S\x96X^\x06\xd6\xed\xc5UPA\xad\\\xae\xd79i\xb5jS\x97\x90)T\xa3\xb9S\xf1:\x1d[\xd7S\xc1\xd9\xa7\x8b\xb7\xd7\xd6V\xee\xc6\x87\x012\xbe\xb4\x9e\x87s3\xf38\x95\xbe\x86\xf3\xea\xf1\r\xdcA\xf8#\xd3\x0b\x0b\x0b\x93\x08\x7fbe\r6.\xfe\xfe\xac\x92\xcb\x81\xaa_.w\xcf\x06\xcdV\xe1\xff:(\x1c\x82R\xf5Z\xe3hggo\xffy\xa7\xa3\xeb\xb6^&gt;~\xb5\xb8\xb6\xbc\xb2r\x17.\xce\x83j}\x0b`\xf3t\xeazm69;;\x0b.(\x05K\xc9\xcf\xf8\xc8\n\x06\xd8\xaf\xd7&gt;=\xabx\x1ea\xe9\xe5\xd4\xee\xa1W\x19\x1c5~4\xd8U\x82B\xa6\x00\xd5\xdc\xae\xd7\x9b\xa6\xaf\xdb6\xe4\x1a\xfci\x05\x95\xb8Nr%\xd7\xd7\xd7\x97\x96\xf2\xf9\xd9\r\xfa\xea\x05\nXT\x1b\xf3\x14\x7f4%\xb6\\^\xfe\xc3Y\xd1\xcbQU:\xa9\xca\xa1\xd7\xefW\xbc\x93\xd3z\xfaG}\'}(MA\xdfn\xee\xec\x1c\xb5j\xe9B\xbdY\xf2S\xb6mkJ\xd0\xfe\r\x86&amp;\x06\xfb\xf0\xe4\x0c\xb9\x08\xac\xa5$\xb8f\xa1V2I\x8a\xcd\x8eS\xc1[\xcc\x8a\x95\xc4\xda\xdf\xcelX\xe8\xa1\xcae\xe6\xba$\x1c\xecl\xb6j\x85\xff9\xfbC\xe9Z-]?\xd8;\xde;h\x00\xaaq\xb0\xdf\xb5\xfc@U\x1dGeA;~\xef\xdeH\x9c{5J_\x12!\xbd8Pr\t\x95L\x82\x89\x1e\xc1\xce8\x16\xccW}\xdb#\xa8J.\x15dr\x87\x04\xe5\xe6\xbcJ\xa5{PG3\r\xfd\xf0\xa3\x04\x0c\x84B\xa1\xd68\xd8\xdb\xd9?\xad\xd7\n$\xd93\xad*\x99\x1d`U\xab\x0e;n\x7f2\t\xa6Hd\x92\xfeV\x03\xae&lt;\x8ad\xca\x13\x14\xa9\xf589\x0e;#\xc3\xf7\xae\xff\xa3\xdd+\xe6\\\xcea\x07\x8a\xea\xe6*\xf4\x88\xe7\xbf\xb7\xbfM`?(d\x17L\xe4^\x93\x9e\x06\xbac\x85\xa5lG\xb3|E\xbb\xe0\xfa\xfb5j9\xa85\x9a\x87Tp\x91\xf4Ir(h\xf5\x18\x83cv\x03-\xf9\xbbo\x06\x8c8@S\xb4;\x81\xe2\xee"eD\x05\xfd*^\xe5\x19\xc0`\xe5\xf7\x82\x85\x93\xb3\xb1}\x04\xa1\x0e\x1a\x854\x05^\x91\x95r&amp;\xa5\xa9\xaa`\xfa\x8c\x19*\xb8\x0c\xa1\xfd\xd5(\xcf6\x06*\x14Z\xca?\xe6\xb6\xf1`\xd1\x87?I\xbck\xd7&gt;\xf9f\xf0\xcc\xf0\\\xae\x95m+\x1dQu\x0f]\xc8\x86*\xda\xc5b\x11Q\xe5`\xdf\x17\xb2\xa9\xa9\x02\x90\xf6\x89\xa9\x15&amp;j\'\xc3\x94\xb2\xa2(e\xc6T\xc1\x8fZ\x92$C1M\x0cN^\xe7\xa9\xe96\x92y\xcaS&gt;\xff\x98O\x87Q\xfa\x0c,\xbc\x04\xd5\xf8\xfc_\xdb\xcfY\xb1Z\xad\xe6\x1c\xd56\x18\x0b,Ys\xaa\xee\xe1n1\x83\xdd\xccdRt\xd19\x18\xfcI\xff\x97D\xf1\xc6\xdbk\x1e\xb4\xb0!\xdd?\xce\xe0\x152\n\x07S4\xc3\xcc\xfa\x82@\\\xaa\xa6\x08\xdd\xa7_%\xe9\xfbXI\xca\xfcy\xe4g\xc36\xa4\xe4\'\xff\xd9~.\xb2"\x92^T5\xc6dE\xb1\x14\x83\xb0\xdc\xc3\xc3COO\xa1\xf4\x94\x8eJ\xe9\xcfa\x0c\x14\xfb\xcf\xff~puh\x08LH\xd1\xde\xde\xd1v\xa3\xdb.\xba\xf9\x00\x00\x04eIDATF\x83\xe1\x08\x89*\x07\xe5T\x99\xefU&amp;U\xd4\x04K\x88E\x03A\x90eC\x05\x98,\x9e\x00\x0c\xc6\xadomQ3\x12\x17.IJ\xda\xfa\xd6\xcbv7P\x98\xea\xc0(\xc6\x14^\x9a\xab\n\xa2\xa3\nV\xd9\xcdUsp\xb1R\xa1\xa1Q\xf1\xb0M\xb7\x89\xb7\xad\xfd{\xc8H\xa8z\xeb\xb4\t&amp;X\x97\xaeQ\xb4\x8e%\xb1\x8c"\xa9!\xb4\x8d\x16\x94J\x96$\xfb\xa6(\xc0GCuT\xcd\x90\x95\xf6k\x08\xb3\xb5\xb5\xb9\xb9y\x8e\x86qA\x0f_&gt;\xed\xca"\xd3P)@\x89\xa2\xa4\x88\xccq]\xc7\xcc*\xaa\x19\xcdZ\x8a\xe0\x1e\xe6\xc2\xf9\x95\xa3\x1e-jj\x0f\x92\xd5\x0b\xdf\x9d\xb0Su,\xc4{\xfbG\xdbu\xc4i\xfb\x00\xdeQ\x98\xca\x19\xa2B\xd9\xb6!\t\x10Iu\x1d\xd7\xeb\xe0\x9e J\x92\xa1\x19\x06\x13\xc5\xe3\xf6\xd3\x97\x9b7\x7f\xb6\xc9\xc1@\x86\xa5h\xf3]@)\x92\x88\xee\x00R \x8a\xc0\x12E$\xbf\xeay\x99\xacY\xf2\xb3\xd9\xac\xe9[\x0eu\xa7\x8d\xe0c\xe1\xd0S\x08\x99\xd6;\xe1\xaa\xbc\x01C\xc6)N|@\xedQ\x9e2\x84\x14VF\xd7d\xcb4\xcdX,VR\xd5\xaa\xeb\xc9\xa0\x12D\x11V\xca\xc8\x8b(\x1cw\xdb\xaf\xbf\xbc\xf9\xee\xcd\xcd-\xfcl\xaeon~\t(\xb00\xc6u\x12ic\x91\xb2\x8eT\xb9\xae\\*Y\xa8\x12n\xb4\xaa\xa7zE\xca\x18\x8f?L\xd1{]\x1aI\x17\xff\x1d\xa8yJq\xe2\xd6q\xdb2\x99\xd0=\\4\x83\t\xf4B%\x80\t\x8e\xe3\xf0\xe1 r2I\x92\xe0\x8e\x88\xb0=#2r\x12\x92\x91Rb\x80\x99"\xcb\x92\x18\x16m*\x9f\x87\xddu\xa02J\xf5\x1c\r\x0bF\x15\xe9\xaf\x14\x8boF\x86m\xf7\xf6O\x1b\xe7`&lt;N\xcd\x9d\x80\xe2DPaB3\xba\x8d\\#\xe7\xac\xea\x1a\x14(\xda\xdd*\xd0T\xbc!\xb9JP\xf4\xae\x81\x85\xee\xec\xb6\x9f\x02\rJ\xc9\x92\x82\x88\x9f#\xd1f\xf8\xa5`\xc6J\x06\xd7\xcb1\x1c\x92Y6\xaa\x87U\xe8.\xa8h\xcbJ\x91R\xc6\xc9\xc0\xa5\xda\'\x18\x98\xc4\xd5@\xda\x8fe1\x08\xa3DH\xd8_\x04\xd6\x10J\xa4\xb6\xa1)\x96`\x81\n#H54M\x12H(\x89\xbbCX\x02\x17Df\x10\x8d+\xa5`\x1a\x88\xc2y\x01Y(\xc5\x90\x82\x92\x8c\xf5\x14\x1a1\xcb,\x19F\xc9\xb4\xc0\xea\xfb\xbe\x89\x9d\xce\xd1\\=\x1f\xafz\x0f\rvrD\x07\xd6;\xc7x\xad\xa0\x1c(\x14&amp;%@)\x88\xab\xaa\x95x\xa4\xce\xcbp0\x15\xb0\x9f\x82\x1f3e\x03`\xd29\x0fG\xc3\xb5\xcc\xb8mx\xb6\xa4pZ.\xa8([\xbeOX\xa6)a\x0e\x03-\x88\xc64\xb4d6\x9a\xa5\x8aF;v\xb5\n"\x1ac4\x88h\x94\xd9\xcfN\x8e\xeaW\x82\xa0\\\xa6\x0b\x98\xcab\x86Q\xa2\xc4\x92\xa02\x1fO\xba\xa8\x12&amp;"\x13-\xdeH&amp;nI1\x12M\x908\x17$2\x94\xb0\xe9,!\x0c\x14\xa7\x92\rff\xcfw\xcc\x14T*\x96\xcdv\x98\x85\x97\xfc\x1c\x17\x8e\x16h\x8e\xa6\xa9\xb6\xce+\xbc\xe9\xf5N\xae(@\xe1\xe3&lt;\xa3\xb32\xd3Tf\xc5\xf0\xdeV6\xfa\xf9\xb7%\x92mf\xd47\xb3\xe1\x8b\xf9\x8a\xcc8\x17\x0f\xbe"\x1b\xf2wL%&amp;X-Cs\x19j\xa1\x89a$\xb8\xa0\x17*\xc8FM\xaeU4\xeb\x9b\x86\xc6J\x14&lt;\x15\xbf\xe2\xd9\n\xe1\xe0\xe5\x95\x0coP\xdezz\xd1\xa9Zx\xd3P\xdf\xe8\x1b\xb0\x0eMD\xcb2\xb3\x17\x02\xfa\x02\xda\r\xddFZ\xa1\x1d\xb0\xe2\xd1-Y\x1azG3\xd7@\xf6\x19\x13`bIc\xb8F\x90\x9c\xa2\xa3I\xa6\x9fE\xaab\xe8\x04\x93\xc6\x97&amp;So"\x13\x92\x16b\xf1\t\xde#,\xf24UN\x15U\xac\xf7Z)\x14\x9d\x0b\x96\r\xb5\xa61$\x8a\xa5\xf0\x11Qa ZV \xca\x92,\x13B\x10\x88\xd2Eg\x8aX\xfbh\xd8Y~\x07\x9229\x96\x8d\xf9\x96l\x02$f2\xcfa\xbe`\x86Y\xab:2_\xcadI\xb0\x90\x7f\xa8\x81\xbe(b\xba\xda:\x1a\xe0\xca\xf9\x94J\xd9\xaah\x8a\xaa\xc3\xfb\xcf,\x89\x9a#\x00\xce\x02L\xd6B[\x1a\x12(\xa3\xd9\x90\xcb\xc7\xc1\x04\xd4\xb3:\xbe\xdf\x81[\x12o\xdf\x7fM\x1cH\x81}.\xee\\\x0et\xbf\xb3K9\'0D\x93A^,\x07g\x1e a\xd3\xa7\xcba\x03L\xa2 \xa0\x1b\x02*1\x80\xd69\x94\x83#\x06\xe4\x7f\x07\x93\x107H\xbe\x04\x00\xbae\x1b^s\xc3&amp;\x96\x00\x00\x00\x00IEND\xaeB`\x82'</t>
        </is>
      </c>
      <c r="M304" s="3" t="n">
        <v>45492.67811342593</v>
      </c>
    </row>
    <row r="305">
      <c r="A305" t="n">
        <v>913598</v>
      </c>
      <c r="B305" t="n">
        <v>1977</v>
      </c>
      <c r="C305" t="inlineStr">
        <is>
          <t>Igor Gomes</t>
        </is>
      </c>
      <c r="D305" t="inlineStr">
        <is>
          <t>I. Gomes</t>
        </is>
      </c>
      <c r="E305" t="inlineStr">
        <is>
          <t>MC</t>
        </is>
      </c>
      <c r="F305" t="inlineStr">
        <is>
          <t>MC</t>
        </is>
      </c>
      <c r="G305" t="inlineStr">
        <is>
          <t>MC/MEI</t>
        </is>
      </c>
      <c r="H305" t="n">
        <v>182</v>
      </c>
      <c r="I305" t="n">
        <v>17</v>
      </c>
      <c r="J305" s="2" t="n">
        <v>36235</v>
      </c>
      <c r="K305" t="inlineStr">
        <is>
          <t>Right</t>
        </is>
      </c>
      <c r="L305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8b5dc6a-7616-495c-9879-4cd2fc3b4d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:\x91G\x00\x00\x02\xfaPLTE\xff\xff\xff\xfb\xfb\xfb\x17\x0e\r\t\x0f\x17\x0e\x15\x1f\x07\x0c\x13\x0c\x12\x1c\xfe\xfe\xfd\xfd\xfd\xfe\xfd\xfc\xfc\xfc\xfe\xfd\x01\x00\x00\xfa\xfb\xfc\x0e\x07\x07\x14\x0b\n\x12\t\x08\x11\x18"\x18\x11\x12\x0b\x04\x03\x1d\x14\x14\x07\x03\x03\xee\xc0\xb0\xfb\xfd\xfe\xed\xbd\xae\x04\x08\x0e\xee\xbd\xab)\x1a\x18\xeb\xbb\xab\xe8\xb3\xa3\xea\xb7\xa7\xeb\xf3\xfb"\x16\x15\xd9\xa0\x8f\xf8\xfb\xfe\xfe\xfe\xff\xed\xb9\xa7\xe2\xaa\x9c\xf7\xf8\xf9\xde\xa7\x98\xf6\xf9\xfc\xdd\xa4\x93\xed\xb6\xad\xe7\xef\xfb\x1e\x0f\x0e\xff\xfe\xff \x1a\x1b;)(\xf3\xf8\xfd\xe7\xaa\x9a\xef\xc2\xb4\xc9\x94\x88\xf3\xf6\xf8\xe2\xa4\x93\xe3\xad\xa4\xb7qc\xec\xb5\xa3\xc3\x91\x89\x17\x1d(\xd7\x9f\x96\xee\xf6\xfd\xff\xff\xfey]_\xdf\x9d\x91\xc9\x8f\x84\xc3\x8f\x83\xe4\xa6\x98(\x1f \xe7\xb0\x9f\xd4\x97\x8b\xbc\x8f\x87\xe9\xab\xa2\xeb\xed\xf0\xd4\x92\x81\xc2\x7fu\xc6\x96\x8f0 \x1e\xd2\x9e\x92\xab{t\xcc\x99\x8d\xd8\xa5\x98\xdb\xe3\xee\xce\x95\x8b\xc7\x81o\x89ca\xa2xt2%&amp;\xe7\xb1\xa9\xd8\x9a\x8f\xf0\xb5\xa6\xdc\xa8\x9e\xf2\xb8\xab\xda\x90\x85\xcd\x87w\xbczl@DN\xd1\x89z\xef\xf1\xf4\xc7\x85u\xd1\x8f~\xb5\x8a\x84\xdd\x9c\x8a\xdf\xa2\x96\xbe\x8a\x81\xb7\x86\x7f\xd1\x9a\x8f\xd1\x90\x86\x10\r\x0e\x91lk`DC\xec\xaf\xaa\xae\xb5\xbe(.9)\x11\x0e28B\xc3|k\xe2\xb0\x9d\xeb\xac\x9c\xe4\xec\xf4\xc1\xc6\xcf\xf6\xbe\xb5\xd3\xd5\xda\xd6\x8a\x7f\xf3\xb9\xb0\x86\x8a\x93QEI\xa0sm\xb8\xbf\xc8INZ\xe4\xe8\xed\xae\x82~\x9aoi\xc8\xcf\xd9\xdf\x96\x8d\xca\x8b}\xc0\x87{\xed\xb0\xa0\x98uv\xcc\x9e\x95\xe3\xe4\xe7\xe2\xec\xf8\x1a\n\t:26L87L=B\xdd\xde\xe3\xadodX.%\xd5\xdd\xe7\xc0uf\xa5fXxcjX=:\xb0wl\xb6}s\xe6\xa1\x99\xda\x93\x8b\xa6\x7f}\x89or\x1f$/\xafhZ\xcf\xd8\xe2\xd1\xa2\x99\xf5\xf3\xf4\xd8\xad\xa2\x95\x9b\xa4\xd6\x96\x83\xda\x99\x86\xdd\xe7\xf5\x96gb\xf2\xbe\xb0\x84ikqx\x83\xcb\xcb\xd0\xb2\x80y]`i\xcd\x98\x93/+0\xf2\xc4\xb7\xcd\x80tloy\xd8\x9a\x8am:0YKQ\x9a}\x80\x85J@\xba\x82x\xa4\xab\xb57\x18\x13\xbc\x91\x91TZe@0/?:?~XS\x99\\N: \x1cuSR|\x83\x8c\xc0\x95\x8d\xe9\xd9\xdbeirfLL\x9b\xa3\xad\xbb\xb8\xbd\xe6\xa1\xa2\xb4\x8e\x8c\x8e\x94\x9f\xd8y\x8bb1)\xc9yo\xde\xc1\xbf\xdb\xa1\x9ecSX\xab\x87\x88L% E \x1a{E8\xc9\x88\x83mRR\x8dZRqJEJ0/m^diV\\\xdc\xd5\xda\x90PC\xe2\x91\x9b\xcb\xb6\xb5\xd9\x8a\x91\xc0\x9d\x99\xc9\xa0\x9d\xcfn\x80\xb3Qc\xc0\xa9\xa8\xe2\xcb\xcd\xa4nd\xcd\xc4\xc6\xa3\x9f\xa3XU\\\xb8\x97\x95\xee\xe5\xe5\x88RJ\xbb]o\xa9\xa7\xac|z\x81\xa5LX\xa6\x93\x99\xe0\xb5\xb2\xca\x81\x80\xf3\xeb\xeb\x96\x8b\x91\x9d_]\xd0\xa8\xa5\xc9js\xf3\xce\xcb!9\x99\x93\x00\x00 \x00IDATx\xda\xbc\x98Oh\x1b\xf9\x15\xc7=s\x99\x19e\xfe03B\x14]&amp;1\x08\x1b\xc6\xa3\xc3:\x08ZB6\x1d\xb2\xc8FP\x16\x15\x9d*Y\x7f0\xb4;k\x82V\x87\xe0\x107q\xb7\xd8\x07#\xd9\x8e\x88k\xe7\xb2*!2\x85\x15\xaeH\xec\xa0\xd4\xac\xb5V\xb7\xb8\x18\x82\x0f\xc16u\x12\x9asjC\xb0O\xb9\xf5\xfb~r\xd2\xb0=\x95\x8e\xf3b[\xb25\xce|\xf4}\xef}\xdf\xfb\xb9\xa7\xe7\x7f\x0eA\x10\xe8S\x10\x02rH\x92\x02\xa2$\t\x01.\xc2q\x9c,\x0f\xce\xcc\xcf\xcf\xe4\xfadY\xe6$A\x14DQ\x94p\xf1\xc7\x89\xf7X\x9cD\x11\x90$\xb9/\x92\xeb\xbbp!7\xfe\xe0\xd1\xd6\xca\xd6\xdb[3\x832\xc7\x81H\x94\xb8\x8f\x8b\xd5#\x8a\x82\x00\xa6\x90\x1c\xc9\xe5\x06\xe3\xb9\x99F\xa3\xb1}seb\xa2]i6GN\xb6srD\xe6\x02\x01\x89\x13?\x1aV\x0f\xc4\x02\x96\x18\x89p\x91\xbe\xdc\xfc\xe7\xf1\xdf?\xbd\xb9\xd2n\xb7\x9bnsd\xa4\xd2\x1e\x19\xb9}{\xe5\xdaLN\x96\x03\x90\xf3#`\x9d\xe6\x8e\x05**299\xf9\xf9\x1f\xaf\xdf:\\qt%x.\x184]\xdd\xd3\x1d\xc0=\x9e\x9bXy:N\x99|wy\xef\xd9f\xef}\xa0j\xe2\xdb7\x1f}\xfb\xedQSW\x0cM\xd5&lt;\xc5P\x94 \xc2Pt\xb72\xd7\xfe\xea\xbb[}\x9cL\xb9fq\xe9,\xd5B\xea\xa8\xbdD)\xc0q\xb9\xc3gs\xae\xae;&lt;@x\x15` S4|h\xbc\xe9\xb8\x95\x91\xf6\xedkqT\x9f@\xbfp\xc6X\xb8\x85\x842\xe6\x02rn\xfc\xf0\xd9\xeclBU\x1d\xdd \x1a\x08\xa6\xaa\x9e\xc6#T\x9e\xd7M\xdd\xf9\xe6\x9b\x91\x073\xb2\xc4u\x0bL8S\xb5\xd0\xf6x\xf3\xb2\x1c?&gt;\xaal\xcc\xce\xa6lU\xd7\x0cUU\x0c\x83\x84R\x82\x8a\xe7y\xba\xae\xf2\xa6\xa9y\xcd\xe6W?\xcc\xc3\xc0p\xfd\x99\x16\xbe\xd0\x8b\x92\x82^\\$~m\xc2u7\xe66\x12:\x0f\x08\x95\x11!\xce!\x82AO\xe7\x81\xa5jx\xa9y8(\xb34\x9e\x11\x96p\xea\xa1\xc0\x928y\xf2p"\x95Hl\xccF\xc3\xb6\xe9:&lt;\x90\x8c.\x13\x8b\xa0\x01\xb5x\x96T}k&gt;\x04.1\xd4\xad\xfb\x9e^\xff\x13\xd8#\x0c\x00\x0b\x0e\x19\x99\xff\xa1\x92\x8anD\x11a\xcbrM\x83$:\xf7\x1f*\x04\xf5\x80\xa2\x9a:_y:\xdf\xc7\xe1\xbd\x10\xcf\xa53\xa0B"z\x05\x91\x06M\xfc_\')\xd3eX\x89\xb0\xe38\nC1\x82\xef\xb3h\xc0\xc3\xd0\x8f\x8a\xa2\x9b&lt;_9\xb9~\x1f\x83\xa8\x97%\xf2R\xaf\xefX\x81\xee\xfc\x93s\xc7\x8f\x13\x90!\xdc\xc5\n\xbb&amp;X\x82\x9e\xa7y\xa7\\ \xa4@\xb5\xa1\xb8TCq\x8e\xae\xc5\xb9\x10u\xb0(^\x12|\x17\x8b\x8d\xe5\xd0\x85\xc1\xed\xc7\x8ec\xea\xba\x05\xb9R\x96m9\x1aH\x14x)\xe4B\xdd\x03\xc7@i\xa9\x8cK\xe5\xa9\x17\xf4\x91\xe3\xfb\x12\rmQ\xf0\x1f\x8b9\x166\x97\xeb\xcf\x1c\x9d\xf7&lt;\xdetS\xa9\x84\xad\xf24vXiQ\xa1\xab\xb0,\r*\xf1\x1a9\xac\xa1P\x8f\xc2\xf4G\xaeEd\x92\x9af\xa9\xaf1 \\"(9\xb7}d\x9a:\x8d\x19\xdd\t\x87\xc36\xbc=\xd8\xadrp\x98\xa6i\x99D\xc6\x93\xd5\xebj0\x08@X\x9ab\x1e5"\xb4\x80\xf9\xad\x16\x1b\x82XU\xe2\xc7\x8f\x1d\xd3\x81\x14\x98/\x96e\xd9\xaa\xa2\x9cV\xb9\xa1\x9a\x16\x92\x0b\x0c\xf8\x98\x02Z\xd8,\xb2\xaa\xc3\xbf\x90Lgk&lt;\xd2\xc5\xf2\xcd\xbf\xde\xcd\xe6P_.~X\xb1P\xe3\x94&amp;\x9d\xb0x\xc5xg\xa1$\x96\x8e\x170\x18QO&lt;\x0cU\'7S\tK\xd5Mg\xab\x11\xa1\xf1\xe8?\x16\xd7\x97;n#s\t\x13\x05ev\x13f|`W\x94\xc9n1\xb1\x9a\xd7-\xb4\xa1\x114\x90E\xb8\xbd\xeeLl\x8b\xb4`\xfb\x8aEKC(\xd7\xd8J\xb9a7\x0c!\xa8\x17Q\xdf\xca\x87T\xa7\x9a\xa1\xda\r\xad;\x15y\x8d\xd6\n\x15i\xe5y\xc79\x9a\x949\xd1O,\xb63\x89}\xf1\xb7\xedh8\xe1Z:\xba\xd0\xc2\xad\x94\x1fQ\xa1\xc2\x14\xb6A\xb0\xd0\xbaMIfO;\x85\xe34\x0f#\xb2\x7fX\xbd\xa7[\x9f\x9ck\xbc\x8c\xa6\xc2\xaek\xf2\xaa\xe9\xc2\xb8\xd4\x0f\xc7\xe0{\xb5\xa8\x075\xb6O\xd0s\xc5P\x99pN\xd8\xd2\xbd\xdb\xe3}\xb4\xe1\xf4\xfaR_\xbd\xbd,\x87\\\xa4\xf1\x87h*\x85\x19\x88\x85A\xb5L\x1e\xa5l\xfc\x08\x0b\x01\x9c\xd3\xf2R\xba\x1f\x1a\xbd\x05\x13\nk\xdeO\x1f\xe4\xa4\xd3]\xd5\x17\xb5h\xbb\x0c\xdc?\x9e\x0b\xa7\xa2.\x80P2\x96\x83\x15A\xf9o.\x1a\x85\xb0vT:#\xa3/\x86Gn\x8f]B\xf7V\xe6eq\xc0/\xacKX\xfc`\xd0\xf1\xb7sa7\x91\x08\xb3B\x06\x14\xd1it[\x86\xd0\xb5\t2\x06\x95&amp;\x0f\xcb&amp;-\xf8\xec\xf5 \xdb\xa3M\xaf\xf9\x97AI\xf4i\xf7\xea\x15\x06D\x01G\x85\x7f\xbe\x9cK\xc1\xd7M\x1dNIk1\xcf\xdb6\xfa\x0c\x8fH\x10+~\x9a5*u 6@\x95Z\x10\xa5\xae2t\x85y\x04\xe4\x9a\xa1\xdd\xcb\',\xf2,\x91\xdb\x9e\xa3\xed\x8au=\xdb\xd6\xf1`\xf3\xc4A\x9a\xd0i\xcc\xd0\xd8\xbdm\xd3\xc2e\x96m\xc3m\x81\x8e\xa4\xe3\x12X-tTn\xcf\x87$\x9fN\x8e\x03T[\x01)~\x12\xa5\x0c\xe2?74\xe0\x98\xa6m\xdbt\xdc\xa1\x04B\x8f\xae9`\\\xf2\xbc\x15\xc6\xba\x13N$\x12@c#\xca2Y\x00k\xa4q\x01\x96\x1a\xf0\tK\n\x84\xe4\xc6\x04K!\x8d^E-C\xa9r\xb9\x0c\x17\xa7\xa6\xd3\xb4r\xd9\xe8\x9e| \xa3\xd9\xc5\xa2\x00\x17D\xc3oY&amp;T\x83^\xee\xa1\xec\xd79{\x00\xc7\nI\xbe\xff\xb6\x12\xedn\x0c*\xf3H\x95q\x01H3\xcav\xb1X\xb4\xcb\xac\x94hT2\x81,\xc2!0\xde\xc6\\`\x92\xe9\x98\x8c7#\x9cO\x873`\xc1Kg^b\x15\xc5\xcd4\x85u`\x19X\xc4b\x17\xcb\xe5bq}oo\xbdh\x83\xca\xb6u\x13\x8f\xf89\xa9\x94\x80\xfb\x82\x08\xf9\xa4\x94:Tx\x8f\xe2!\xec\xa8\xc2\x80/I\x14\xa4\xd0\xfcQ\n\x1b\xb2\x05}t\xc8\x84\xbb\x02\xa6\x03\x95\x8a [\xdf\xabV\xab\x1d\x9b\xb6\x06\x15\xf9\xa4\x97\x8b\x16\xc3\xe9D\xa3\x9d\xd3B\x0b\xdb\xaa\xc7{G\xf3\xa1\x80$\xf9U[\x12w\xab\x92H@.\xbb\xacB\x06\x10\xad\xaf\xef\xed\xae#\x8a\xa4Uugggw\x9d4*3*\xc2-\xb2\xea\xeaD;\x1d\x82\x8bv,\xd8&lt;9D(\xe0O\x12I,)r\xec\xe2=\xa7X\x11\x87;\x9d\xbd\xea\xeen\x15\x9f\xbb\xc8\xde\xfa\xee\xceZk\x7f\xa7Z]g4\xc8lq\x9d\xb0;\x9d\xf5p\xa2CH/^Tq\xa0\xb44\xdd\xf1\xbe\x9b\t1?\xf5i\x8b\x8fl\xb7\xc3\xacH\x8a\xdd\x94Q\xec\xec\xac\xed\xecT\xf7\xaak\xfb\xad7\xad\xfd\xfd\xfd\xea\x1e0;$\xe0:=\x032\xf8\x81^\xddY[[\x9c\xed\x845\xc5D\x12\xc9O}Q\x8bu\xe2\xf8\x04v\x19\x13o\x7f\x17\x14\xfbH\xda\x1ab\x9f\x9e\xaf\xb5@\xd5\xda|\xd5j\xe1\x07\xfbk\x94\xce\xbd=\xb0TwO\xe9\xd7\xf6\xdf\xbcy\xbe\xf8"\xa1)\xba\xb22Ij\xf9\x84\x15\x08p\xe3m\xd7\xd24\xbb\xb3\xf8\xfc\xe0\x80i\xd3z\xd5z\xf5\xaa\xb5y\xe7\xde\x02\xbekm\xd6j\x9b\x9b\x9b\xaf6\x17\x16\x166[\xa0\x03\xf5N\xb5\x8b\xde\xa2\x9f\x1e&lt;_L(\x98&gt;\x8f\xe2\x01I\x0c\xf8\x84%rR\xa3\xe2Z\xbcj\xbdx\xfe\xa7\xd7\xaf\x17@\xb0\xb0P\xab-,\xc4b\x99\xc2\x17\xd3\x99Lf)\x93\xa9\xd52\xb1\xa5\xe1\xfcp&amp;\xb6P\x8b-@\xbd7\x07\xf8\xc2H\xef\xdcY\xf8~1\x85Q\x84\x92\x97$\x7f:\xb1{rm\xb4]\xc74Sc\x07\xaf\x97\x96\x96\xee\xe0V\xb5X\xecN)\x9fO\x17\xeaW\xaf\xae~1\x95\xcf\'\xf3S\x85|~jj*]\x8a%K\xb1\xbb\x99\x1a\x91\xd7j\xb8\xb0\xb6\xf4\xfa\xfb\xb1\x14\xfc\xc3;9\xdd\xb8\xfe\x7f*\x9c\xa1DA\x9aYq\x10\x10ki\xe9\xde\xbd\x18\xeet\xb7\x14\xcb\xa4\xf3\xe9\xa1\xe5\xd5\xd1\xd1\xd5\xab\xf5\xfaTz\xa8^/\x00\xacPHg\xd2\xbf\xca&gt;\xcc\xa6Kwc5\xfc#\xac;\x07cQ\xf8\xa9wS\xf6k\r\xeca\xbe5\xf8\xa0\xe98\xee\xec\xf7\xaf\x97\xee=\xb9\x97\xc9\xc4b\xa5R2[\x00Wa\x08Q\xaf/\x17\nC\xcb\xc0*Le\x0b\x85\xe4\xdd\x87YD\xfaa\xf2.\xa2\x94\x89e\x96\x0e\xfe\xbe\xe1\x9a\x9e\xf3\xc0\xbf\xbf\x0c\x0e\xa0\xb4\xc8O\x1d\'\xb5\xf8KPM\x13\xd6\xddR)\x9fN\'\x93\xc9,X\x88\xab0T_^^\xae\x0feA\x9aM\xc6J\xe9B\xe1F6\xfb\xb0\x04\xac\xe4\xf0\xf0\x93\xdf\xfeu\xc3u\xbc\xe66\xd7\xfd\x1b\x9c/X\x01\x89\xe3\x1am\xc7M\x8d}\xf9\xeb\xe9\xe9\xe9\'\xa8\xf1d\tH\xf9d\x1aj\x15\nuPM\xad\x8e\x9e\xbf&lt;\n\xc1\xd2i\x08\x85\x97\xd3L\xb0d\t\xb2\xe6\xa7\xae|\xf6\xe5\xack*#\xe3\xbe\x1da\xc9N\x05.0&gt;AX_\x7fv\xe5\xca\xf4\xf4\xf00\x88\x18\x17\x18\n\xd9,%\xb2\xbe\xda\xdf\xdf\xcf\xb8\xb2\xd9\x1b7\xeaC\xa4$\x02T\xa5\xe1\xa9O\x7f\xf1\xe7\xdf\x8d\xa5\x9c\x9f`\r\x14}\xc2\xc2L\x0c\x08\\(~\xe2\xb8\xd1\xb1\xaf\xaf|r\xe5\n\xda\x0e\x8d\x07\x15\x80EH\xa8\xaa\xd5\xd5\xf3\xe7\xfb/^\xec\x1f\x1dE"\xeb\xcb\xa3xd`\xac\xb6\xf2\x9f~\xf2\x9b\x9f\xfd\xed\x1f\xc0bn\xea\x93\x9d\xa2\xe4\xb1\xcb\xf7\x1d6\x19VW\xadR\x86j\x86Q\x81\xe1\xf2\xe5~\x82\xfa\xf9E\x16\x97/\xd33p\xfd\x9bU\xb3\x0fis\xbf\xe2\xf8\xb2\xfd\xa1\x11\x19\xb7\x08\x1d+\x96\x8a\x8b\x99\xe1\xd6\xe2R\x93\x86\xb0\xbc\xde\'\xd6&lt;7/&lt;&amp;\xe6i\x9a\xa4\xde6\xcd[\x93\x94;[\xea\x1e_.\xb3$^3\x88Y6{\xd5$"1[\xb1\x827iZ\xb4a\x99/sv\xe5\xeaXL\x1d\xf8\xd2\xde\x16\xaa0\x85\xd5\xb2\xbb\xaamoa\xe7\x17{\xb7?w\x07\xcf\xf9Cx\x82\xf0|8\xe7&lt;\xe7w\xbe\xe7\xfc \x84}\xf0\x1d\x82\xb7\x08\x95\x16\x175\x95]\xfa\xea4*\xf2\x95\xf4\x94S\xe8\x99\x19\xa5%\xd7\xa6\x9b\xa6&lt;z\x81Dj\xef\x86\x92\t\xe5\xc8\xd2h\xbep\xf3\xa2\x18pX2\xb6\rL\\W{\xf5jm\xc1d\xb6\xea\n\xac\xa1\xb9\x80\xc5\xb7ts\x9d\xda\x80\xe8DM\xcdo?b\xa0\xb3\xa7\x92\x86Qe\xe5O+\xd1\xc8\x9b\x01\x1d\xd7T\xc7\xa4\x86\x0bX\x96\xf0\xf0p\x98\xaf4_\xc0*l\xb2Z\x16\xaf\xbe\x9e\xc5f\xcbdu\xb2z/X=&lt;\xb2\xd8Z!\x89\xb9\xfc\x8dPJ\x86\xf9\x19\xa9&amp;\xbe)\n\xcaS\x97O\x96\x82\xba;N\xc7\x02\xa8\xa80\x8ce2F\xdaS\xa9\x8e\xc9\x00pe\xc2\xc37\x80\xca\xefwa\xa4\xd0fc\xf3\x0c\x06\x1e\x18\xe0x9\x1c\x8e\x17\x9e\xb4B\x953\x99L\n\xa4\x92\x15\xf0,\x7fP\x8a\x17\xb0\xa6\xafU\xa1rZI\x07\xd6\xf1\x83!\x04\xb3\xf8\x8b\xe9\xa6\x8e\xc9\xcd\xa4\xc0&gt;\x18\x86\xa3\xc7\x92\xe9\xb6\x0b\xa4R\xdc\xe9\x14\x1a\x01\xc4`0p\xbc\x88\n\x08\x13q\xdc\xaa\xee\xd4\xe9\xdc"\x91;6&gt;\x08f\xc7\xe3\xd9\xd5`\xd3\xe7\xbf*\xacdi\xc1\xfa\xce\xf1w{\xba\x9f\xff#\x15\x1a\xda\x08\xe0\x80\x15\x0eo\x8f\x8e\x8e\xba\xddn\xbdb&gt;\xa9\xca\x1by\x06\xce\x81\x19x\x9bY\xb0.\xf7\xeaD0\xd5\xd4$o\xea\xf5\xcc\x8dv\x0e\xda\x05\x01\xeb\xeat\xaa\xfd4Zz\xd2\x84\xf5\xee\x00\x02Y\x1d\x0c\x89\x9eo\xce[\xc7\xd5\xa3\xeb\x8f\xa0\xeb\x0c\x86\x1e\xac\xeaz\x96\x17\xb3\xd9\x8d7\xc8[m\x1c\x83\x11_\x1e\x13\xad~\xb9\xfa\x10N\xf6\x9aCp\x8a\x96\x1d\xf9\xe3\xa3\xf5\xeb\x0eA\xa0K\x14\n\xfe\xf3$`\x81\x1e\xa6u\xfe}\xfa\xab`\x87h\x19\xb0b\xbaG\xef\xa3\x15XY\x8d\\\x9e\nu\x84:\x1e\x8e\xc56y\x08\xcbh\xd7\x0f=\x0c\x02O\x93\xbc\xac\xa6\xec\xd01\xb9\xfcC\xf0\xd7\xbaN\xef\xc0\x01\xeb\xdc\xb5RZ\xc7\x94\x05,\xc6G\xedA\x8f(\xb6\x81[uS\xef\x17&amp;\n\xdf\xbdt\xe9\xd2\xf7\xde{\xefP\x99\xbcw\xb53\xc0\x03,\x9e\xc3-\xf2\x9c8\xf6\xfdCr\xb9|\xaa\xb7\xdf\xf3\xe0\xc1\x03\x91[\xafw\x8fv\xe1\xb1\xb9\x8e;\xbfd0\x8b\x8ah\x9e\x9f\x96V]\xee\xf0\x88&amp;7\x14\xfa\x99\xfe\x8eP\xa8\xbf\xdf\xe3\xe9\x7f\x84v&gt;\xc7\x8e4\xf5\xce\x8d\n\x10\x16\xc7h\xd5\xebf\xd6\xfb\x7f\xdd\xef\x99)D7kU\xe0\x81\xf8\xbcu\x1e\xb0&amp;\xdaO",\xa4\xf5\x8b\xe8s\x174\xce\x9fO\x88z\x16\xad=n\xddP\x8f^\x1fS\x08\xe6\xad\x9d3\x1e \x18\xedT;\xb4G\x8f\xfe\x08\xe5\xbc6\xc0\xb5o\xaf\x8d\xeaV\'&amp;D\x93\xcb\n\xaeJ\xabM\xbc\t\xe0\xb8^4\x01J\xbf\xb4\x94Y\xca\xa4u\xac\xcbd\xfc\xa2}\xe2\xb3\xa1\xc5\xc5X,\xb6\xbc(\xc0q\xdc\xda3&amp;\x12\x8d\xe9\xd6\xd6\xd4\xf0\xf2+W\xca\xcbO\x9d9u\xb4\\+\r\xbf\xbe\xae\x0bA\xd3Wsb\xc2\xddeW\x19\x13\x89x\x92\xab\x16=\xfe\xe2\xc9\x93\x9d*\xb4\xf9\xa1o\x9f\x8e\x86IU\x97\x1f\x8b\x86\xac\xd9\xc5\xe7\x1b\x81@&lt;i\xd5\xf5~Xs\xa4\xa9C\xa4{\xb16\xa01^\xa9\xae\xb8x\xb1\xae\xf6\x03\x96$\xbc\xbd\xad\x1b:\x97\xea87]\xf3\xb3\xd0\xccvF\x95H$\x92\x92q\xdd\xe4\xf3\x98zs\x87q\xf8p1\x9dA,f\xfe\xf87\xed\x8f\xc7\xba\xb2\xcf7\x13\xc6\xb8"\xf6e\xea\x92&lt;\x95\n\x9e\xbb#z\xf1b6\x13\xd764\xa6\xd3\xe6\x9b\xb2\xea\xee\xf0\xf6\xeb\xc9O\xfe\x94\x9a\n\xa6B\xaf&amp;\xfev/\xcc\x05w\x05\xa4\x8e\xeb\xd6\x01\xfe\xd7{K#\xa5\x87i\rb\xf1\xc8\xfd\'\x9f\xdc\x19\xb3\xceo\xc2[\xec\x9d\xeb\xc1?LO\x87\x82\xa1?_~5\xf7bv@C4\xf6\xe5r9\xf3\xcd\xbb\xca\x1b\xb3k=/_\xf5\xfe\xfe\xc3G\x9f\xbd\x1c\x9b\x9b\x1d\xc4XW\xb4\x01\xa9}\\\xb0BQ\x14o\x9f\xd6\xeb-\x80u?\xdb\xf5\xf7I\xb7\x15\x8f\'\x12\x9a\xc1\xd7\x7f\xf5\xfc\xa5}\xea\xe3\x8fO\xdcy9\xb6~\xef\xe9@\xb7\xb2\xaf/\rf\xf6[n\xcc\xbe\x1e\xed\xec\x99Y\x9fs/g\xb3v\x89\x8a\xcdfk\x9d\x02\x87\x83 #\xa6\xbeg;hGL\xa3\xb7\x18[+\xfc\x81\x98\xde\x8a\x07 \x85\xa5\xdbk\xee\xc9\xc99\x8fg\xce}}\r\x82\x18\xb6X\xfar\xe6f*\r\xfd\xa8\x05$[\xc6\x9eQ\x8fg\x93\xf9\xbcJ\xc56\xb2\xab+\x9c\xd2\x8c\xc3\x19\x11\xa7\xbf\x06\xac\x12Z\x06I\xdf`Um\x89\xa9=\xbb\x15\x8e\xb7DB\xab\xe2J\xf1\x8de\xb5Z\xdf\xe5\x18\xbc\xb16\x1a\x0e[ZZ\xd2\xcd\x94\x89J\xb7\xb4\xf0\xc3\xe1\x01\xcb\n\xe1\x14\xe6\xf3y!Xu5\x89\x11\x92\x8c\x83\xa8\xbdhN\xe7\xf7\xd1 \xe98\x8d\x19\xbf\xf5\xcc\'L*\x14\x82\x80\x16\xfa\x16"\x19O\xbc\x81\xde\x05\xb7\x0f\xbc~:\x1b\xe6Cb\xa5)\x93\xc9D!q\x88\xba\x1e\x17\tDN\xa7\x93$+H\x0c#\xa4\x99L\xb7\xad\xae\x16[\xaab\xd2\xa4|\xdea\x15\xed&lt;3\xb1T\x02\xa9@\xa3!\x08BB\x00SR\xc3\xb5g\x06 \x97\xf8\x96\x163r\x96\xcfg2\x83.,`\x11\x18\x18\x81\x91\xa4\x18\xb0\\\xd0j\x0fJ\xb0S\xb5\xbb\xfbLt\xf9\x80\xc6r:\xb2\x8b\x19\x85\x02)\x97\xcb\x95\x80I\xa5\\\x82+\x91\x82:\x0b\xdf@T{\xb9fp\x16p5\xb6\x9c?\xaf\x04,\x17\x86\xdd%1\xb2B,\x06.\xf8W\xfb`\xb7\xab\xd6k\xbc\xcf`\x96\xd0[\xe5\xdf&amp;\xb5Z\x01B\xe2J\xfc~\xa9\x94\x90\xacHVP_\xcf\x07\x81\xd6|&gt;\xd7\x1c\xf5Q\x94\xcfG5\x9eo\x88R\xcd.\x97\xc9\x15\x8d\x92b\xd4\xe4\xdbPrI\xc7\x07]\xbe\x05\xde\xd6I&amp;\xad_b\tc\xeb\x8d\xd1)@\xae"\n\xfe\x02*\x89_\tRV\xa9\x04\xbd\x98;\xc02\xf9\xd0\xf8\xc1\'\xf6E\xa3&amp;S\xd4\'\x8e\xc8d@VA\x12\\\xc1x\xc6E\xf9\xf2POi\xed JF\x968F)\xae\xe1r\t\xa7\x13\xd2\xc6\x05&amp;\x01\xc9\xa8\xecF\xb2\xd1\xdc\xd7g6\xf9(\x94\xf6T3\xe5\x8b\xc8"\x111@-@\x83\x8fT\x10\x89q\xa5\xe3\x92\xbb&amp;\xea\xd9\xee\xc8a&amp;\x9d)_\xb2\xbfkP!,\xa0\x12\x8a}$\xe9\x8b\x9a\x0e\xd0\x94\xc8]\xfc&gt;\xc8\xadt\xce\x0cX\x14\x15\x15G\xde\xd9U\xc4%.xK\xcd\x15S\xb94\xc2*\xa2\xf5K\xdc\xb5\x11\xd0\xba\xc3gH\n\xa3b\x14\'\xc0\xc2V\xf6\x94\x16\xe5\xf9\xe64?\x07\xf1K\xe7r\xa8J@\xf8\x80\xab~\x01q\x81\xbfX6\xa8\\\x1aE\xa7F\x9c\xee\xcb\xed\x8e\xa0\xdd\x1d\x8d\x8b\xe1\x9d\x04I(\xb2\x01T\x8b0W\x14\x92\x07\x99\x0b\x14\x97E\xd9|\xa1%G\xc1\x13\x85\xdc\xe5\x03^\xd2V\x88_\xfd\xc2B-\xfcEe^3\xae\xd6\xba\x86\x87-KU\xc5%\xf4z+o\xaa\xc0\xb3\x01\x95\xca)$\xe1\x1b\x8b\x92\xbe=\x17\x89\xad@\x08\x95\xae\x0bJS$b\x8b@r\xe5\xd2\x90b\x17\xc4\xb2\x03)\x8b\xb4,\x0f\xc4\xadP\x85\xab\xad\xe5\xfc\xa7}\x89\x1d&amp;\xbd\x05\xa2x?\x9f#\x93\x8a@@%\xb4\xe5\xc5\xa4\x18\xc2\x14%\x85\xd8\x1eP\xed5\xf8\xfd\x11\x10\xae\xf5\xf5b\x13\xc4\xc9\xd4\x80\xc9X\xf5\xde3g\xdb\xda\xce\x16~\xe5\xb1\xb5*\xbcK\xc0z\xfaT\xf9\x96\xc1d\x94\xd0\xda4\x8f\x18\x87\xfdB\x05\x1e\x17j\x8dy\x10\xd3\x10$\x1e\x8b\x84 *\xbb\xfd\r\x98\xd0\xfb\xf6v\xdb\xd9V\x8e\xccG\xe5\xccw\xab\xc1W\x9c\xb6\xb6\xd6\xd66\xe8\xef\xbd^\x03K\xabRt%\xc9\xd9\xe1\xf8\xcea:o\xa2"\xc5_\xb5\xc4\xe7\x0b\x15\x8a\x80\xd6\x08\xc6\x02e_o\xe0\t\xa1\xa6\xae\xacH\\FN+`\xb5\xden\xe5x#T\xf3\xcdj\x99\x17A\xb5"\xae6$j\xd9*\xfb\xb8\xca\xd6`[\xda?\\\xcc\xa4\xb7;e\xec$\x87\xfd\xb85\x10\x07*\x1e\xa8{/r\x83\x11\xc0\\.\x82\xb7\xbb{\x1b\x10Z\x7f\xb0\xcb9#6\xfd\xae\x02\xb0Z\xff\x8bU\xce3j\xec\x19\xac\xae\x96\xb7\x04\xe5\x81YI\x1f\x16ZHU-\x85-\xdf`!\xaa\x82\xb8\xb7\t\t\xc2\xa55$\x92\x06x?\'\x1f7\xb4\x9e\x89\xdc\xad\xa8\xfb\xf4?\xcej\xe3\x1c-\xe7i\x05\x8e\xee\xa8/b\xdc\xaa\xfa\x16\x17Z\xfe\x0f%\x89\xbc\xc5\xb8/\xc4\x92\xd6\xf9\x00\xf8\na\x15\x86\x0e\xe5\xf56\xd2\xe52.\x0c\xdes\x18\x0c\xbc|\xf8\xc5@\xde\x1b\x01\xa9\xf1\xe9YDu\x0b\x92\xfe,\xa7\xfc\x03\x96P\xa0\xce\x98\xa2\xc6\xa5}\xc6\xffZ\n\x1f\xdcO\xfe\xf6\x8b\xf4b&amp;c\xff\'&lt;\x95\xd5\x8a\xe7\x8d,\x04\xc6\xf9\xe1\xad[\xb7\xda\xce\xd4\xda08\x97\xffu\xcf\xfeoZ\xce\'\xa6\x8d\xfc\x8a\xe3\xf1\xc9\x7f\xe4[%\xa4\xdd:+\xd7\x1a&amp;\x93\x15\xf2\xa2\xc14#\x8b\xc1v`\x02q&lt;v\xad\x19\x02\xd9\\\xb21x\x1c\xd9\xdb\x0bTM%\x8f\x94\x19%\xe0 a\x9aV\xb5AkK\x81h#\xc7]7Q\x17\xd9\x8b\x84\xc0\xade\xe4\x06k%\xc0\x07(\xe0\x94\x84\x84\xb0[e\xcb\x166M6\x87\xbe\x9f!\xab\x9e\x1aV\xc1?\x0e6\xe2\xc0G\xdf\xf7~o\xde{\xbf\xf7\x9bs\xe0j\xfd\x7f\xb8\xb1\xf4\xc9\xf9\xe6\xfa\x81=\xac\xbd\xad\xa8\xd3\x9ds0\xe2\xe4U\xf3\xfc7\xc7\xb4ol\x80\xa3\xbfA\x94&lt;\xb8Z\xf0T\xbce\xf6z\xa6\xc6\x10\x16\xc8\xf5\xce\x9d_\xdf\xb9\xd3\xd5g\xeb\xbe\xf8\xe7\xe7\xcf\x9f/ \x8f[07?Z\xba\x04b\rt\x01\xd7\x9d\x0f?\xec:\n\xb1\xab\x05\xb7{d\xfbY\xd0\xaaRR+\xff_vZQ\x0b,\xf3#\x0e\xd2kg\xbf{\xcc0\x1e\xbb\xab\xe2\xf2g\x8f\x83Z\x80e\xea\xbctz$\xc5g\x8aP\xdc\xf3\xb2\xc8\xb3\xa3K\xcd\xa6\xbe\xbe.d\xc0\xae\x13:\xdd@\x0bd\x8fB\xe8\xe1l\xdb\x0f-\x08\xe5\x1b\x1c\x0bLs\xe0\xb8\xa5\xd6(\xc6g\xe77&lt;y\xfb\x18\xf2\xaeF\xdd\xf1w\xe0\xff\xf6\xd9:\x97F\xe5\\`u\xb8\x1c\x89\xd3\x85\xe1p \x90\x95G\'-\xe6S\x08j\x00VK=\xee\xa4\xa4\xdd\xc1\xda\x1au\x8dfO\xab\xba7a\x1d\xd4\xbb\xd0\xc9\x8f\xa6F\xa3\xf8\xcf\xc3gv\xbb\xe3\x1c\x06f\xd4u\xc1:\xd5ca\xb9\x95\xe8_\xdf=i\x0c\x0f\x07\x86\xc3\xc6\xa1\xe1\xe9\xd5h`\x99\x93\x1c}]]\x00\xd5\xd7\xd7\x87\xe1\x0e2\xf6\xed\x05\xed\xde&amp;T\x1e\xe4Aw\xe4\xe0;\x11\x9d\x04j\x15\xdf&lt;\xcd[)\x07\x0e\\\x18a\xab\xb7\xf9\xd8\\t\xf5\x8c\xd1\xd8\xf1\xae1\x1c\x06\xaa3\x1d\xd3\xd3\x1d\x1dF\xa3\xb1 \xdb\xeb\x11S__=N8H\xe9~\x83\xf6\x80\'\x18\xca\x1f\x15 4\x1a\xd4oV4&lt;d\xc8I+\x8e\x81`\x84\x89\xf0\xc9Qc\xc7\xc9\x8e\xe9\xb0\xd1\x18-D\xf7\x9aK\xab\x80\x07la\xce\x87\xb0\xeam6\xdc\xe1p\x96.+\xb45\x95\xf6\xc3\x81\xb0\x0e\xaa\xd6~\x03U\xa5\xae\xfdl\xcaMQ.\x90\x0b\xb3\x99|b`\xb5\xe3\'\'\xc1\x9fr\xb2\xfc\xf2\xef_\xfc+5fg\x13\x1c\x17\x88.\x06\xa3\x05\x16\xeb\xab\xaf\xb7\x99p3\xe5$K\x0f\xb4jM\xcd\xe1\x8f\xcd\xa3\xe92\x84\xa5x\xf0\xccJQN\x17\x8eC2l\xcd\xad\x1a\xa7\xa3\xcb~^\xb8;\xb7\xfe\x08\xd6\xfa\xc7s\x0b\xe6\xebSrn9P\x08d\xad\xe8\xf4\xc0D\x98\x9dd\xff\xee \x8aXuMU\x98OG\\\x1a\xc5o7(\x92"\xcd8\x8e\xf7\xe8\xd9B\xa0@\x87&lt;v\xb3yn}\x7f\xcd\xcd-\xcc}\xfc\x9d\x9d\xf7\xd3\xf4r\nCjA\nH\xa6v\xdb\xb4\x95I\x03C]5\xb0\x0cJu\xdbS\xc6\xea\xa5\xecf\xbc\x07\'\xb9e:\x19\xbb\xbe\xb0\xbe\xfeh}\xfd\xcb\xbdU\xd1l\xaeq\xcc\x1e\xa3s\xac\xd9\x06j9\xdc&gt;\x92\xff\xe7\x05\xad\xa6r%\xa3*XGT\xea\x86\xfbE;C1&gt;\x82\xc0\xbd\xd9\x15Z\x14\xee.=\xaf\x00=\xf9\xf2\xc9\xeb\xf5\xea\xf4\x12\xc5f9\xc9g\xab\xc7\x08\xa7\xddA\xf1\xf7k\xc1\xb3T\xcaj`\x1d\xa9`\x1d\xfb\xba\xe8\xf5\xe6\x19\xa7\x99\xc0\xadrB\x1c\x1d\xfd\xea\xe5\xf6\xf6\xf6\xe6\xf6\xe6\xe6\xe6\xce\xce\xce\xe6&amp;\xfaeg\xe7\xe5\r\xaf,{Za\x1b\xea\xed\x14\xe5\x8d}\xa6\x05\xad4U\xba\xfa\x80\x8cx\xecrIb\x18\xc6\xe9p\xe1vAJ\x8d\xde\xf8\xcb\x17\xff\xd8\xa9\x00\xa1\xb5\x8d\xa8\x00\xebF?\xc9\xf0\xa2\xc5\x06\x95+\xc5PB\xe6\x81FePjTu\xd5\xa0B\xe7?\n\xed\x95\xddX^\x10\xecN\xa8\xfcY^\x1c\x19\xbd\xf1r\x07h^!\xdb=\xa9\x18\xf3\xd5\xf6\xcfO\xb7\xb6Z\xbd\xbc\xe8\xae\xef!|\x8cW\xe0_\x0c\xaaU\x10\x8b\xea\x8eT\xe5\xb6\x0f\x849\x85\xf6\xc2\xb7\x19F`P\x8c\xf0\xca\x89\xafF-P)\xbe\xda\x03\x02\x87\x87\xbd\xf8\xe87\xe7;;\xf5z\x8b\xc028\x86\xe3\x0eF\x88q/\xda\x10\x96\xf2Hu\xd4\x02,\xb5\xa2\xe1\xebL1\x0f\xa5\x06~N\xe0\xd9\x94\x95\xb4\xb8;\x9b\xafB`\xa8,T\x83!\x87r@\r\xe6\xa5\x1c\x04\xeerz\x84\x10\xbd;^Q\xabJ\xab\xae\xc9\x00\xa9\xd0\xe0\x8bR^`\xc6\\c\xa2(\x90n\x0bI:\x1d\x0b\xb7n}\xffx\xe3\xf1\xe3\xa9\xa9\x8d\x8d\xbcS\x0f\x0b3\x9b\xc7(\xd2\xe7\x80\x9cF\xf2\xd3O\xc7U\xca\xeaa\x19\x9a\xd0`K\xdbn\x08e]\xd7=\xa2d\xa7\xacnt +\xf1!\xba\xb0L\xe7\n\xcb\xcb\xb4\xdc\xef\xd4\xe3\xf8)\xb7\x95b\x05\xd2I2R\x8c\xe3\xbe\xaf*\x96\xb2\x0e\xdd_\x19\x7f\xea/^\xf7\xe4\x19\xa9\x18\xe3\xc5I7\xa1\'\xfb\xc5la\xda8\x1c\r\x87\xa3\x85\xac\xec\xd5C\x85\x8fyS)\x91\xf5\x92V\x81\xe7\xb2\xec\xfc\xb8JUU,\xd4\x16|\x98\xe0\xf3\x1e)\xe6\x91\xfc\xf04$\xf5\x0e\xbd\xde)\xf9\xb3\xb9\\\xa1\x90\xcb\xb2v\x92@\xdd\x07G"A\xf1\xac x%\xff2\xd7?_[M\xac&amp;4w\xad\x18\x9f\x1f\xe1\xa6\xf2&lt;\x1f+\xc6\xb22c6\xfb\\\xbd\xba\xc61\'#\x858Yp\xe90\xac\x05\xb2\x99\x9e\xd1\x04\xcb\x0b,\x9b\xe2\xb9\x95\x11\x0b`U\xd1\x88M(\x1d\xd46\xcc\xf7\'\xe4)&gt;\xc4\x17CY\xf02\xaf\xc3\x85\x1d=~\x14wQ\x12+8t]\'ZZ\xb0\x1e\xac\xd1)\xb0\xa9\xbc(\xf2~.q\xfa\xe2\xd6\xb1jb\xa1x\xaa\xd24\xcc_\x1b\xc9\xc6J\xa1L&amp;\x14\n\xc5\xa4\x14\x03\xb9\xfdY\x9d\x99J\xc8)\xc1\xd7\xdb\xa2Cu\xa1\xcfL",I\xe2\xb3\xdc\xb5v\xcb\x96\xb6\xaaj5\xa94\xa8\xba\xbevi\x84\xcb\xc4\xe3\xa18M\xc7&lt;,+y(\xb3\xd9\xe9\x95E\x96\x9dt\xfaP\xcec\xb6Rw\xd9\x04/\x8a!?7\xf9i;\xb9\x05EO5\x8d\x08\x8f[u\xed\xd6\xb5\x8b\x16\x9e\xa3\xcbk\xc9d\xd2/\xf3\tN\x94x\x16b\x86\x04\xd1\x95\xa2(\xd2KyS,\xcf\xa2-As\xa9\xf6\xdb\xed\xe4\x03uu\xb1\xd0\x99n\xed\x96\xe5b\xabE\xa6\xd7\xe2\x91d\x1c\xe4\xc8\xd1\x1c8\x10\xe3)\xe6Y\x9eb\xa4\x14\xcb\x8a"\xcb\'\xc0\xf5\x92\x90s\xe9\xbb\xbb\xdb\xdd\xb3\xcaj\xbb\xbc\x06\xd4\xb2\xb4\x7f\xd2J\xca\x85\xc5r$\x12O\xd2\x05:\xe7\x0f\xf9=|q\xc3#z\xa6$1\x16K\xf8c&lt;\xc7\x85h:\':\xb0\xe6\xeev\xe7\xac\xba\xaa\xe1\xd4\x80* \xed,\xd9&gt;\xd1\xdcLf\x03\xe5\xb5\x08\xd8\xb1\xbcL\x972\xa1g\xa5L\xa9\x18+\x15a\x1f\xc4\xfd~?W\xa0\xe3\x8b\x8bY/\xb6\x8f\xa5\xa96\x96\x1aa\xb5B\x8e\xc0d\x03\x8b\x91\x08\r?\x99P&lt;\xf4\xac\x08\tt\x0c\xbe\xf9\xe3I\x90pm8\x12\tF\xe5N\x9b\xcd\x84\xb0\x94\x95\x1a\xb1\xa9\xa9IY\x87\xd6\xa1GyT\xfc\xcc\x92\x17[}\x9dzBX\t.\xa6\xcb\xf1H$\x93\x0c\x95J!\xd0\'\x03H\xf1dd\xad\x1c\x0c\x06\xd3\x8b\xe1\x15k\x8f\x89\x00\xb5\xee\xbe\xc6R6\xd5U\t\x0bR\x9bYw{k+d\t\x9d|`8X\x8e\x94\xcb\xf1d\xb2\x94\xa1\xcbI\x90)\x02\x94\x91\xc5\xf4\xd0\xcc\xf0\xccPT\x9ehF\x93y\xed\xbeY\xd8\x89jM\xa5\xd6W\x1a\x0c\x06\xc3\xe1cAi=kGP\xfa\t=\xe5\x0f U\xd6\xe2kk\x99\xcc\x1a\xe0\xc0\x1e\x80\x1d\x00\x9f3\xc3C\x1d\xab\x9c\xb5\x1b\x8d\x9d5\x9fw\x03\x96Z\xa1\xd1T\xfaHuu\x87\x9d\xd1\xff\x805A\xe0\x04\x809\x9cr\xb4\xe3^:R\x0e\xa6\xe3\xc0\x12\x1cN/\x96\x0b\x05z1\x9d\x1e\xbaw\xe6w\xa2\xa5\xb5\xbb\x9b0\x99\xf4\x97*X\xe8\xed\x10\x9a\xc3\x1dfy\x8d\x85\xf2-\x85v\xd69\x01\x19\x15\x01`\x84%\x110\x0e\x05gf\x82\x914\xb8\x13l\x815\x10,=s\xef\x8cqEh\xbe:1\xa17\x99\x88\x89v\xf7\x16\x1a\x83UUz#*\xcd!\xf5\xe5\xff\xe7\xb5\x06H-m\xed\xacoBO\xe0\xe8\xc4\xde\xa5wZ\xc5\x95\xf0tx-\x92\x06c\x96\xd7&gt;\xffS:\x1d\x04\xfb\xe5F\xdcD38\x16\x98\xb0\xfbj\xfb\xb5\x87\xe3\x8a\xf1\x0b\rZp/M\x05\x0b]\xeb4\xbc\xe5-\xeb\xfdWx\xa0\\\xab\x0e\xbd\x05\xe2\xc1S7\x1a2%0\xec\x9c\xcb\x05\x9ayY\x91[N\x07\xa7\xc3\xd1hx\xdah\\\rG\xb3)\xcbD\x0fA\xd80\xa8\xf5\x9b!\xca\x7fT\x1aT\xb4]\xbey\xe5\xbd\x9fi\xf7g\xa5\x0c\xe8\x8e\xb5\xe1-\xecY\xe9\xd4T\xdew\xa2\xac\xf4\xdej/\x7fN\xb7\xde\x06#\xe2XKo/\x946\xb8\xde\x85\xb9 \xb3\xe2\x12\xa2,\xcb\t\x99%}\x84\t\x8c\x87:\xa8\xf5H\xad\xdb\x9f\xf6\xfb/k?\xf8\xd5/n\xde\xbc\xd2\xa0\xd5*\xf6\xb9TJ\xe5[x\xda\xde\x8b2\xd0\xd4"\x98\xa0F\xad\x1e\xfcw\xc722"\x86\xf5\xb6@\x12\x83&gt;z\x1b!\xdf:~\xb6\xb1W\xf7\xd3\xa3:\x9d\xee\xc4\x00\x1a\xf3l\x19\xd0\r\xf4\xd9L\xa6\xdb\x80\xf5\x11\xf7\x99\xf6\x83\xf7\xde\x7f\xff\x97\x7f\xfc\xdb\xef\xd1\x95a\xe4\xfe\x1a\xf5\x7fI9\xdf\x105\xf23\x8e\xaf8\xba\xba\x9d\x17\xf3fu\xad;\x83\xb3\xaekV\x02f;\x01\x91Y\x8e\x0b{\x879\x08\xd9\xb97\xb9\xbd\xa5\x88\xd7&amp;\xb4p\xe0T6ZAPA\x9a4JA*\x81\xde\x8b\x88ILd\xab\',6\\O\xf0E\xa9\xad\xb8TJ\xa1\xdc\x8b\xf4\xc5\x86%\x07\xdb\xee%\x85\x84\xbc\xca\x9b~\x9f\xdf\x8c\xbb\xb9r\x07\xfd\xf3\x8b\xeb\xba\xbbf\xfc\xcc\xf7\xf9&gt;\xcf\xf3\x9b\xbf\x0e\xc7\xffq\xca\xee\xec\xba\xc39k\xa1\xe1tb\x89\x96\xfd_\xfc\xe4o\xcc[\x10\x8b\xb8v0\xc3\x12W\xbdWV\xdd\xf3nP\xed\x88\x98\x06\xe2\x0f7\xb7\xfc\x11\xb6\x1f\xe9-\x86\x95Q\xd4PK\xca\x17\n\xa3f\x99\xc7@\xe6\xccR\x12\xfc/g\xcf\x9f\xdcZ\x84v\x03\x06x%\xa6i1\xe5\xab\xef~\xf1\xf8\x1d`\x9dY\xa6\t\x1f\xc4Y\xbc"\x8a^\xb7\xd7=\xbf\xb6\xf7\xd3]Q\x14\xfd\xfe\xc8\x06\xedW\xf5o\x91h\xe7\xcf_}p\x11X\x10\xabRI\x97J\xf9ao\\Uh\xff\xbc\xc5\xc2.\xa9\xfd\xaf#i\\\x9c}\xd6\xa0\xba\x17+6J\x8dZ\xab\xf8\xf2\x8bG\xb7\xdf\xff\x80\x82HL\xa2\x1f \x8b\xa2\x17Jy\xdd\xbb\xbb\x1e\x8f\xc7\xef\xdf\xf6\xe3k\x9b\xed\x85\xa6\xfd[W\x1f^\xfc\xe8c\xc2\nI!MKk\xc9\xdeh\x9cM0\xf9O\xaf\t\x9c\xfd\x0f\x8a\xc1\xd9\x93\xdb\xa9\x18w\x16q\x06\xca\xfb\xcd\xf6\xa4\xd4j\xb5*\xe5;\xbf\xfc\xed\xed\xf7}\xbe\x15\x04\xd0\xef\x85N\xa2x\x05b\xcd\x83\x8b\x94\x8b\xf8ilm\x11\xd6\xf6M\x16E\xb4\xea\xf7\xeet\xc2!\x0c)\x93\x1b\x97*\xb5f\xb7\x9b\xcb\x97\x95\x00\x9d\x87\xef`\x85\xcc1\xfb\xb5\xb1\xfe\x8dXK\xd3\xe4\xa3\xc6&lt;\xe7\xe0\x13\x9d\\oTh7Z\x9a\xd6\xaa\xfe\xfa\xcfOn\xbf\xe3\xbbFb\x01\x07\x83\xd8\xe61&lt;\xfeH\xc4\xa0\xf2\x8b\x84\xb5\xbaM{\xc0\xaf_x\xeb\xe1\xc5\xf7~\x9eU\x01%)\x13!Z\x984*\x8dq7&gt;\x98t\x8a\x01\xe3F$\x0e\xe7\xbfa}\x9b\x9d\x1c\x0e\xd7\x9c\x93n\xeacq\x06b1\xad\x94/52DEX\x8f\x9e\xfc\xe3\x03\x18\x1e\xa9F*\xad\xad\xcd{\xbdL-\x84\xcf\xc0\xda\xde\xf6\x8b&amp;\xd6\x96\x81\xf5\xf9gU5$\xa9\x922.\xa4\x84\xe8`\xac\xa5K\xcdA*\xd5m\x82\x0c\x15\x03l\xa8\xb2\xb4\xd7\xfe\x9b\x93\xc0\xd8\xf7\xbc\xb4N\x81\xa3K\x1d\x9c\xbcR\xcef\xd3\xe9"|UC\x08[ZK\xbb\xf3\xe8\xc9\xafX\x1enl@&amp;\x8f\xc9\x05\xb1&lt;^\x80\xf9=n\x8fg\x1b\x0ff.*\x15\x17|\x0f\x7f\xf0\xc9\xab\xa2$Ij8\\\x83\xe5\xe3u\xbd\x97\xd4Z\xa5~\xbb\x90\x8a\xf7\x9a\x99\xe2\xbd\x00\xd9\x0c\xad\x9c\xae\xf44\x92\xe0\xdb\xba\x0c\xbd\x81\x0f$\xca\xd9NIk$\'\xbd\xc1 _!\xac\x8a\xf6\x19\xb0.1,2&lt;\xe94O\xa1dX\x18\xf8yww\xd7\xbdMR\xb1\xa3\x18\x17|\x0f\xbe\xff\xe9&gt;\x19&gt;,\xc3`\x92\x96\xc9\xc5\xa3\xa9a^\x0bi\x991\xc8\n\xedf\xa7L\xf7\xd7\xa0*\xc4N\x9e6\xbde\xb4(4\x83uv=\xe9,;\xbe\xc3\x07\x8a\xd9R\xb6Q\xadu\x9a\x03\xbd^\xaf\xeb\xfd\nqU\xd2_=\xfa\xdd\'\x9b+\xcb\xb4=(\x8a\x1e\xb79\xc8\\\xec\t\xea\xed\xad\xed\xbaW\xb7\xb6"xDn\x9eC\xa7\xfe\xe8\x87\x07\xb0\x96\x1a\x0e&amp;2\xfd\x0cp\xf2#=\x1ao\xf7\x1b\xe9\x90V\xea\xe7z\x83Q{\xdc)\x93\xcf\x0c\xa7\xcd\x1a7hx\xd3l\x0e6\xf9p8\x82\xb1l2Y\xd2j\xf9\\A\xd7\x0b\xbdI\xbfY\n\x11WH\xda\xff\xfd\xe3\x1b\x9b+t&gt;\xa7hX\xdeM\xdeZ\xdb\xdb[cc\x0fc~\x17\xa6\xdf\x8a\xf8\x81u\xfd\xbc\xef\xc1\xc5\xcf\x8f\x12P+\xac\xf0\xd9\x81\x1e\xcfe*\xa1Z\x7f\x94\x12\xea\x83I\xbe\x16\x92\xd2\xb5L\x7f8\x1a\r\xfb\x9d"O7\xf1\x9a^\x10nN\xb2\xd7\xd7\xb1u\xca&amp;\x9f\x16\x9e\x0f\xc0S\xa5Zi\xdc\x8bC\xe4~IKKiT\x1d\x80\x85\xd4\xec\x9d\xc77\xce\x90X"\xe1\xbc\x81E`{\xec\xdb\xae\x91\x94\xa2\x1fb\x9d\xf7=\xfc\xd9\xf3\x03\x8a^X\x91_\xd49\x8e\xa5b\xba\x96l\xc7\xeb\xf5T7\x87\x85W Zr2|\x99\x97\xfa0}\x00\x00\x07\x0cIDAT\xebgc\x01\xe3\xe0\xde\xfaY\xe3x\x0e]p\xb1\xb4D\xf7\xf3Qb\xc5\x84\xa2(\xc5F2G\xc92\xc9h\x95\xb4Vk4*\xaa\xc4\x0c\x12{\xf5\xf8\x86oy\xe7D+\x86\xe5\x9d_\x9b\x0e\xcaI\x0f\x8al\x84\xc6\xc6\xf25\xdfo\xde&gt;\x84X\x92\x1a\x0c&amp;\xda\x02\x87Q\xef\xf6k!8\xab9JE\x05\xbd\xd0\x9e\xe4\x1bZ:]\xcb\x8f\x87\xc3f\'\x16p\x9a\xd7{RAs\xb2[\x8b9\xa1S\xb1\x1aK\xc4\xb2\xfb\xc4T\x18&amp;\x1b\xf4\xff\xfb\xb9na\x90\x91T\x95\xd2I=\xfe\xf8G\x08\xa2H\xd9g y\xc5U\xb7\x1b&lt;\x06\x92\xd7\xa8\\~1"\x9e\xbb\xbe\xbc\xe2\xbbz\xf9\xf0\x9f\x10K\r\xca\x96Z\xdc\xceq\x82`\xb7#\x15k!U\xaa\xd1\x9a\xd7\x85hj\xd0\x1e\xe7\x1bi\xfc&lt;a\x8a\xd1q\x18\xe3\xbaHV2\x10=9\x98\xa8f^\x0c\x9f\xe9z\xbc\xd7/\xb5\xa4\x10S\x1b+)L\xd2@R\x91\xe4\xb1W\x9f\xfaV\x16\xbdd\xee)\x17\x15.f{\xb7\x97!E"\xa4\xd6\xc6\xb9\x0b\xd7|\xbe\xcbG\xe5\xa0\n\xbf\xbbx9\xaf\x93Xv\x0cN\xef6K\xf0E\xba\x01c\rRQ\x0ehC\xa0\xa6\xb3\xf9d\xa6\x9a\xe0\x9d\xcc[\x16\xcb\x1c&amp;\x07\xbc\x92(v\xc6/\x07q]\x1f\x0c\x11s\x08\x95\xcf\rt\xac\x9d \x08\\O\x93\xc2D\x15\x0cv\xfez\x19j\xb9\xe7\xf7\x88\x0b5\x81,fT\tT|?\x81-F\xd0\x87@u\xe6\xea\xd5\xcbG\xd5@X\x92\x82.\x97K\x99DM*;g\xe7\x90\x8b\xc9\x1a\xc8*\xadZ\xbe\xd9\x8b\xd7\xed\x88\xe7p\x9c\xafi4\x1fp:gP\x13\xf89\xfe^\xb1\x8a`\x17\xe2)*$y\xbc\x1f&gt;l\xd2z\xd0\x82 \x96\xbdPS\x950Q\x05c\x87\xefn"\x88\xbb{p8\xe3\xf2\xb0\xd2`hG\xcd\x1aJ\xa1;n\x9c[\xbe\xc6\xa8dU\t\xc8.\x17\x1f\x1b\x99\x0bcOv\xe2\xe8\x8dK5\xac~\x05\x9e\xcfuS\xf5h]\xa7\x0c\xab\xc2\xf93\x90\t\xd5`2\x8ac0\x95\xe0 \x88\xdb\xec\xea\x82\x95\xe9d`\xa5J\xaa\xa2\x00J\xe6\x83\xe5\xa3[;\xa2\xe8\xa6\xc4\xdb\x9d\',\x0f\xabW,\x88\x10\x8fam\x80\xea\x8c\xef\xd6a9(\x87\x95\x00\x8f\xd92\xdfIY\x99R\xd3H\xdamV\x86\xd6\x84\xafB\x95\x10\x92l\xc8\xac\xa6?\x03\xc5L\xa0\xfa\xa2\x8d:0\xca%\x1bi5\xa8\xc4\xaa\x99\xfe\xa4W\xa8\xdb\xadv\x8e\xa9\r&amp;\xf8\x94\xab\'%H%\xcb.\x0b\x1f&lt;xz_\x14W\xa9r\xce\x1bX\x14E2=\xcdo\xbc\xd4\x1b7h\xeap\xe9\xe9q\x8c\xb7\xc8A\x8bK\x86ocC\xbb\xcdf3\xc5\xb2[\xadx`m\xadV\x9b\xb5\x8e\x00!\xa0h\x9a-\xe4\xff(\xaesBj&amp;\xf7\xac\xd0\x1eg\xaa\x92T\xac\x95\x92\xcdv7\xae\x93\xc5\xed\x84b\xfaS \xcd\xa2cI\x01\x95,\xf3p\xc9\xf1\xf3\xfb\xdb$\xd7\x1a\xb5\x1a\x8f)\xd8\x1a\xf3\x1a\xcd("\x8b;0\xd6\xe5\xa3\x0e\xa6U\x08\xdf\x1c\xfeY\x82\x19\xdd\xb6\xb0\xb0`c\x8a\x19T\xe6\xcb\x05\x08 \xe8\xf1Q\x13\xf51\x1c\x96\xb4F~\xdcK\xcd\x8c\xc6\xa5b\x91\x80\xe0\xf5z\x94\x92\x8e\xbe8Sm\x8e\xc9n\xb7\xdal\xed\xa2Jj\xc9&lt;\xea\nq\xb1\xe9\x0cH&lt;\x9e7\xe2HX\xb0\xfc\xc6\xc6\xf5e\x04\x90\xa6T\xd4L\x96\xe6\\\xc1\xe2\xc8\xb6\x00\xb5\xa6`P\xc9n\x0cCA|N\x94\x05\xb4\x04\x81*Zf\xa6V\xcc\xf6\xdbq\xdd\x00\x12\xb8\x93a\xea\xc4\x98\xb0\x9a\xdfI%\xc3\x14C\xd95\x077&amp;\x8e\x9f\xde\xc5\x16\x85\x89\xe5G\x9bf\r\x11e\xcb\xcbJ|d\xe7\xf5\xdfc\xb2&lt;\xc7z\xdc\xba\x83\xe7\x95\xa6\xb0@\\\x0b\xc46\xd5\x8a\x1e\xf8\xc9p\x8b\x95l#\xd4\xe3]\xf2wz&amp;\x93+\xd49\xf26C0\xe5\xe1\x04f\x012&lt;\x83"\xf9\xbb\x8dp\x18\\.\x17m\xf0+\xd9\xa3\xbb\x1f~\xb8\x83\x89\xf2&lt;Ln\xa8\x05\xa1D\xaa[\x91\x9b\x8b\x87\xc7\x7fT,t\xcc|\x8en\xe31\xc7+\xc9\xd4T,6N\xa9\xf0\x82}\xa6\xd5x\x81_\xd8\xe1\xb5\xe4L&lt;*\x98q\x9b"1:\xf6\r\xef\xb5\xb2\x85\xd0\xa2\xa2\xb9\x163=\xc8h\x93\xa3z\xf8\xe5\xad[\x9b\x91\xa9\xb7X\xb9\xa7i3\x8cu\xff/\x07\t\x9aD\xcd:\xe8lN\x87\xcb%g\x0b\xd6)\x12[\xd6\x89\xc7l\xa7TV\x16Q\xf6B\xd0g\xa2\':\xd1\x93!\x11g\xe7\xde\x90i\n\x96JJ&amp;\x16;%"v|\xf4\x87\xef\xf9vD\xc6\xe4\xc1\x86\x06J(6\xc5\x96\xef\x1f\x1e\xa0\xb3\xd1U\x04\xb4m\x8f\x89\xae+\x18\xce\xa4N\x95b\xa2-\xd8\xec\xd3\x08\x12\x16S\x8d\xfd\xc2f\xc86#\x08o\xea\xc4\xb8L|s\x01S4[t\x92\x0e\xcb\xbcl\x04\x12\x1fw\xef\xe0\xe8Oo\xffxe\xd1\xe8\x81\xb4u\x06\xa8\xbb\xaf\x8f\xcb\x8aq\xf3(\xdaI\x072\x97\xacJ\x0c\xcbv\xaa\x96\xf1\xddZ\xa7\x1eB\x1f\xca\x0cf5\x7f{\x8a%\x98\\h\nH\xd5\x82)\xa9\xfdT2\xf2k}\\\x91\x82\xa6^tY&amp;\xd2\xeb\xf8\xf9\xbb\x97v\xd8$\xc6\xbf\xb8\xb3\xb8sf\xf3\xf5\xe1A\x02:\xd1a\x18LO\x96\x18\x95"I\x19}\xc1v*\x96A\xb5\xb0\xc0\xb5\xfb\xd4\xddX\x15\xe38S*\xa6\x960\xc3\x99\xe9GT\xd1\x14\xd5\xb0\xc6K\xe3o\x1c+\x16\xa7`u\xccP1\xf5\x95e\xcaH\xd6\xdb\x83\xca\xc1&gt;\xa5\xa4H[\x8b\xcb\x9b\xb7\xbe\x04\x14\x7f\xba!\xc3"(\x87\xc3\xaa\x94\xd7m_\x87bKE\xffO7\xfah\x88\x9c!\x80\xf5\x84\nX\xac\x8a\x93\xab\xa2q\xccd\xb4\x90\x8azld\x08\x84\x8cR2\x1a\xb1\xb4\xfd\xab\x8c\xebwi\x18\x08\xa3)\xa1HB\x87L\xa1SA!\x1c\xdc\x92\xa1\x83\x1c7K\x17qv\x92\xfe\x05\t\xa1\\)\x14B\xe7f\x11\xb2\x07D\xa1\x83\xa3\x9b\xb3\x0e\xf6\xcf\xe8&amp;\x15\xff\x06\xdf\xf7.\x88?\xb2\x86\xf0=\xde}y\xef}Gr]\xa1{\\\x80\xc5]\x89(\xca\xe6\xb7\xc7\xc3\xfd\xe2\xfczq\xf9\xfa\xb9_\xcd\x94\xff)\xff\xc4\xefd\x81*\x05#\xcd\xed\x1fX!a\r\x01\xcb*\xa4{\xd1\xcc\xaa\xecX5\xa40\x99\x80\xe2$\xeb\x88\xdc\x8f\x01\x05\xee\xe4\xd6`\xd4\xf3\x95\x18\xb9(^\xe1\xb0\xac}\x12$\xacT\xd2\xa3\x8cl\x18D\xde\x0fwW\x17\x02*\x1b\x8cd\x92\x93\x11\xf8\x8c\x0b\x08P0\xc5\x9cl\x8d\x7f\xa2\x12X\xa1y\xd0\xb8\xd7\xec\xdc\xa6\xad\x8b\xe2m]\x8d\xd9\xf9R5\xe8e\xbd|\xac7\x0cz\xba\x01,\xe95\xf2EX\x9d!i\xd5\x12\xc9\x86\xa1\x0bZ/g\xbfJ\xec\xe7gJ\xdb\xe3\xc7~5W2\x8d\x0e\xe2~_A\xd6/\x93NTx\xe6\x1f[\x94{\x18\x9a\x85\xa4\xef&amp;\xd6\xb5\xc8v\xb3\'\xbe\xa1$#H\xd8B7\xcf\xf0#\x16\x9d\x10\x16\x85T\xcc\xf4\x1b\x98I\xaa%\xf4T\xa1\nL;\x95#\xe4\xd0D1\x92Z\x96[\xed\xa6q\xe4\x7f\xc8\x97L\x19\xa5\xc0\xa7N\xa7tQ\xdf[\xe1\xef\xe6\xa2\t\x01\x16\xb8jl\xae\xdb\xd6a\xba}\xf1\xca\x81\x92\xc</t>
        </is>
      </c>
      <c r="M305" s="3" t="n">
        <v>45492.6762037037</v>
      </c>
    </row>
    <row r="306">
      <c r="A306" t="n">
        <v>922546</v>
      </c>
      <c r="B306" t="n">
        <v>1955</v>
      </c>
      <c r="C306" t="inlineStr">
        <is>
          <t>Ademir</t>
        </is>
      </c>
      <c r="D306" t="inlineStr">
        <is>
          <t>Ademir</t>
        </is>
      </c>
      <c r="E306" t="inlineStr">
        <is>
          <t>PD</t>
        </is>
      </c>
      <c r="F306" t="inlineStr">
        <is>
          <t>ATA</t>
        </is>
      </c>
      <c r="G306" t="inlineStr">
        <is>
          <t>PD</t>
        </is>
      </c>
      <c r="H306" t="n">
        <v>172</v>
      </c>
      <c r="I306" t="n">
        <v>7</v>
      </c>
      <c r="J306" s="2" t="n">
        <v>34745</v>
      </c>
      <c r="K306" t="inlineStr">
        <is>
          <t>Left</t>
        </is>
      </c>
      <c r="L30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b20c851-1863-4a5c-bba0-32912bd68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k\xf5\xbc\xce\x00\x00\x00\tpHYs\x00\x00\x0e\xc4\x00\x00\x0e\xc4\x01\x95+\x0e\x1b\x00\x00\x03\x00PLTE\xff\xff\xff\xfb\xfc\xfe\xfa\xfb\xfd\xf1\xf2\xf8\xf9\xfa\xfd\xf7\xf9\xfc\xf9\xf9\xfc\xff\xff\xff\xf9\xf9\xfd\xf5\xf5\xfa\xf6\xf8\xfb\xf3\xf3\xf8"\x17\x10\xf8\xf8\xfb\xf5\xf7\xfb\x19\x11\x0b\x12\r\x08\xf0\xf0\xf7 \x13\r\x1c\x12\x0c\x1e\x15\x11\xfb\xfc\xfc\x17\x0f\n\x0e\t\x06\xf6\xf7\xfa\xff\xff\xfe&amp;\x17\x10\xf0\xf1\xf8\xf3\xf4\xf9\xdc\xdf\xeb\xee\xef\xf5\x04\x03\x02\xe8\xe9\xf2\xe5\xe8\xf1\xec\xed\xf4\xc0\x94u\xf4\xf4\xf9\xc5\x9az)\x1b\x13\xc3\x97x\x15\x0e\t\x13\x10\n\xea\xeb\xf3\xe3\xe6\xf0\xda\xdd\xe9\xed\xef\xf7\xea\xec\xf5#\x1a\x16\xe3\xe5\xee\xcf\xd3\xe0\xfd\xfe\xfd\xd3\xd7\xe5\xe1\xe3\xee3"\x19\xdf\xe1\xec\x10\x0b\x07/\x1e\x14\t\x08\x079&amp;\x1c\xca\x9e~[?1\xfa\xfb\xfc\xd8\xda\xe5\xcb\xcf\xdd\xc7\x9c~\xd4\xd6\xe2\x14\x13\x0f?)\x1d\xd0\xa7\x88\xcd\xa1\x81F- L5*V&lt;/\xeb\xee\xf6kC+\x80ZE\x86_I\xbe\x90s,\x19\x0e\xe5\xe6\xefL,\x1a\xc9\xcc\xd9hH4\xa9z^\x97iOzO7]C54\x1e\x11\xd6\xda\xe8\x96nYoL5\xba\x8cmK2$\xce\xa4\x85\xbe\xc1\xd0\x7fQ8{T=E1&amp;V3\x1f\x83U&lt;\x8b\\B\x8fdL\x0e\x0c\x0c\x8b`JlG08!\x14\x90`F~VA) \x1d[8#dB.\x9dqY\xa3yc\xb3\x84giK&lt;\xa1tY\x9doSE\'\x16\xc8\x9bzuM5\xe7\xea\xf4\x93jS\x98nT&gt;$\x14\x98q^\xf4\xf6\xf4\x8dm\\T:+^=)\xf9\xfa\xf9\xf7\xf8\xf7\xab\xb0\xc2\xb2\xb6\xc7\xd0\xa7\x8d\xa5w\\P:.cF7Q0\x1c@.%vS?:*#E5-qO&lt;\x9dt_\x8egRd=&amp;\xb8\xbd\xce\x86\\E\xc3\xc6\xd5\xc4\xc9\xd9\x87X?\x93gN\xad\x88t\x92\x97\xa6\xad\x80e\xa8|d\xa0\xa5\xb5\xb6\x87j\xb0\x82d\xd5\xad\x90\xa8\x80k\xbc\x88j\xa4\xaa\xbb\x9djNtH/\xb3\x8br\xa6sV\xac\x84m\x89dO\xc4\x8fm\x97iVlPB\xf2\xf2\xf1\xae}a\x84i\\\x97fJ\xa0}kyXE\x83eUS6%\xb7\x90w1&amp;"\x9cyfx~\x88\x7f^M\x18\x15\x14\x1d\x1d\x1b\xaavW\xb4\x80a\xc8\x95v\xbe\x8fo[IA\x86\x8b\x96\xda\xda\xd9\x98\x9e\xafrv}\xa4nO\x8a\x8f\x9e\xec\xee\xed31-w`S\xa2\x83sYZY\xb1|[\xc2\xc2\xc1\xa2t_OB;\x7f\x84\x8f\xe9\xea\xe8\x96teE&gt;8\xbc\x8f~rYJ\x8bsf\xd5\xaf\x9b\xb9\x83a\xb2\xb0\xae\x98\x94\x8f\xe1\xd5\xce\xb1\x93\x86\xd4\xc7\xc0\xbc\x7fvbfi\xd2\xd3\xd1\xc6\x91\x83\xe8\xe5\xe2\xc9\x9b\x84\x98bF\xb7\x88u\xc7\x9d\x8d\xe0\xe1\xe0\xc5\xb9\xb5MNI\'(\';;:\xe9\xdf\xd8\xbe\x97\x82\xc5\xb2\xa6\xd0\xa6\x96\xf4\xee\xea\xe3\xcb\xbc\x80\x82}\xd3\xd4\xda\xb6\xb9\xbegUM\xc4\xc7\xc9zhb\xaa\x9f\x9d\xd2\xce\xcc\xdb\xb9\xaanqo\x9d\xa0\x9f\x93\x82wfa\\\xb9\xa6\x9a\xa9ne\x18#\x95\x84\x00\x00 \x00IDATx\xda\xc4\x98\xddK[y\x1a\xc7\xfd\x03\x02\t\xc9\x9e\x84\xe4\xc6\xbb\x90\\-\x1c\x08yAo\x12\xc8\x14\x93\x95\x90\x17\xe5\x84@\xd2\xbc\x987\x93s\x1a#!i\xa29\xb9\xb0u3&amp;J\xc0\x0c\x86.\x82V%\xa6\x13\xadmQ\xbb \xa5E\xad\xabbEA)T\x96a\x9d\xea\xce0\xb8\xddN\x87\xbe,\xfb\xfcNb\xa7\xdb\xdbM\xda\'\x8a\x01\xe5\xf8\xf1\xfb}\x9e\xef\xef\xf9\xd9\xd2\xf2\xff\x17\xde\x82c\xa7\xa7{\xeb\xa9L&amp;\x05E\xe3\x18\x86\xe1x\xed[\xb8\xb0\xe5\xeb\x14\x8e\xe3\xf4\xfao\x17\x8f\x8f\x8f\xb6O^\x9f\xec\xadWR4M#.D$\xfc:\\\xf0\xcb+\xaf/\xb6\xceW{z\xd4\xab\xabg\xab\x1bo\x8fN+\x95L\x8a\xc6@B$\xd8\xd7\xe0BPG[\xab\xad\xadJx\xa1R*[W?\xbc;IU24\r\\\xe8g\x84B\xfcKC\xd1\x8f\x8e\xf7W\x00E)P\xd6\xb0\x184\xf5\xd6\xd1\xc9\x1e\xb4\x18\xea0\x06\x1d\xff\xa2P\xed\'\x8f7\x94J\x81\xa0G\xce\xe1\xcb9\xf2O\xd0\xd4[\xef\xb6\xd1\x00d2\x8c\x97_\x12+\xb5\xfd\x02\x1aJ\xcef\xb3\xc42\x8d\xe6\xfau\xbf\xbf\xb3\x93\xcb\x16\x08\xea`/^\xa3\xceOUR\xf4\xc7\xa9\xfc\x12R\xed]\xac\xf6\xc8yb\x99Vk\x18\x862\x18\xfa\x81\xac\xbbS\xc4es\x182\xe5\xd9\xf1i=/0\x1c\xfb2\x8a\xe1\xd8\xbf\xb6\x04\x12\xb1v0\x9d\x0e\x85\x9c5*(\x86K\xc4\xe5I\x18\xb2\x95\x8bG4S\x18Fg2t\xf3\xb9\xf0\xcc\xd1\x06K\xb5\x14\xb6Z}\xe11\xe0\x82\x1a\xfe\x9d\x8b\xcb\xe5\xb1\xf9\x1c\x81\xb2\xb5\xe7\xfcu\x06\x1c\xc4\xe8v\x9a\xce\xa4P\x9b5\x97\xaar\xdc+\x1b\xb4Zs\x0eG\xcc\xd71\x86\x8a\x01C&gt;^\xeff\xc0\xd8|\x89T\xael\xdd\xd8\x06\xa5\x90\\\xf0\x05\xa5\x7fS\xa9R\x17\xbd\xda\xb4\xcf\x17s0XL!\xcdjN^\n\xc6\xe7\xf3\x01l\xe3\x84\xceTR\x99v\xac\xf1F\n?\xef\xf6W\xbd6\xa0\xb2Z\\\x8eX,6]+\x10-\xe44\xf43\x8auw\x02\x18\x8f\xcd\x96B\xbd|\x04\xc3\x08\xe3\xd8\x8e#\xdd\x9a\x18\xf8\xf8\xdeKMh\xac\x03aY,\x16\xbb\xc5\xeeBe\x9fF\x8a\x81`\x06F0E\x1dL\xbd\xf2v\x9dF\'x\x06\x19\xd9\xc4\xa4\xc0SoU@\xd5\xe1\x9b\xb6\xd8\xedv\xd7\xf8\xf8\xb8\x1b&gt;]vK\x0c\xacDCY3\x12\x9cd\xf1@/\xf5\xeaq\nL\xa43(#\x1a\x18\x13\x9f\xe9\x8e\xe3G\xf7\x97\x80jz\xda\xeep\x05&lt;E\xb3\xb9\xeaF\x05`1F\xafa\x03\xd3\xfb~\x86\x0b\\T\x9f\xbdC\x07$]\x8b.a\xe3\x82\xf3\x7f\xfeB\xfct\xdf\x96\x06*\x8b\xdd\xed\xf1\xc4\xa9\x1d\x92\x8cV\xab\x01s\xc2&lt;\xeeB\rv\x19\x16\xa8\xc1\x00\x8b/\x95r\x90^(!\xb0&amp;\x06\x04X\xa8I\x87;:bvwy\x87\xa2\xa8\xbe&gt;r\x884\x97\xa3\xe6j`\xdcR\xa7r:\x19\xb9:;\x01K\xc2\x91s\xa4gGX-\xb7p\xa1\xb0Ig\x0eX\x88\xc4\x02\xaa&lt;59Y\xa2v\xfa\x86v\x12\x9ebb\xca\x1cpM\x8f\x85\x0cNg\x08\xc9\x05\x07\x11\xd3\xf5|\x8e\\.\x15ll\xd7ml\x18\xd6g\x0f:\xdd\xd5\xa6\xc3&gt;\x9fe&lt;\x8e\xb4\x9a-\x81\\}$Y.F\xa7\xaa\xee\xf1XGz\xd8\xc9p\x81Z\xddh\x1aY&lt;\xc0\x92C|\xfd\x865z\xc1\xf9\x04\x0c\xcf\\\xa8\xc0B_\xcc[,\x97\x93\xf9&lt;E\xe5\xcbf\xb3\xc7[\xf0\x06\x02\x01\xb7\xcb\xc2\x8cb\xbd\xb9\xd00\xc2J!\x91\x0b\xe4p\x10\xbd\xa8\xe08&amp;l\x16\xd6\xe9\xc8R8\xec\xb3\x16\x08\x82H&gt;\xc8\x03\x94\x17\xe2\xc1\xe5r\xb8\xc6\xd1,\xa2\xe6\x1afF\x91\xc9\x08?JU\xbe\\ \x00\xbdV\xb7\xf1\xf6\xe6a\xbdQ\x85\xc2\xbeX0N\xe5\xc9|&gt;\x99,\x17=\x88\x8a\xc9/7J\x08F\xae\xda\x8e\xe3\xafe*\x83%\xe8\xe9y\x91ip\xc2\xe3\x9fx\xf8\xeb\x12P9\xe6\x92\x0b\x93`!A\x94\xe3f\x0f\xd8\xe7b\xc8\xec.\x8b\x0f\x0en\'\xd3Y`!\xf2\x10\xb0\xa0\xb9\x00\x8c\x03r5x\xf8~\x7f\xfbh\r\xfa=\xab\'\x92\x0b\x0b\x14\x99L\xe6\xc9\xbeh\x14\x9a\xbd\n}\x85\x04\xb33gc\x1a\x9d\x8d\x08K\x01X\xbcK,\xe9\x8b\x14\xde\x1c,\x1c\xff\xb1-\xec\xcb-\x13y\xe8+\x10\x8b$\xc9\x99!\xd3\x1d\xd3\x90i\xc6\x1c\x00/\xa1\xcd\xecvP,\x9c\x0e\x194`!`\xa1\x8d\x10\x96|\xe0\x92\x9e\x9d4\x0b\x8b~\x0fb\x81\x85\x04\x11\'\xf2D\xb1\x18\x8d\x9a\xfer\xeb\xda\xb5[\xb7&amp;\x86\x80\xcb\xed\x86it\x8f\x07\x1d\xd6pzI\xabQ\xc9\x14b\x08\x08\tR\x0bM\xa3\xf4\xb8\xa1\xf9\xf0\xc9\xc3\xf6\x0e\xa0\xb3t\x03\x04\xe1\x19\x1d\x1d\xd5{\xf5s\xa3\xd4w\xf7~\xba}\xfb\xde\xedY*j.\x16\xcd\x89\x80\xc7\xab\xd7\xe5\x8c\x83\x0c\x15@1j1\xd1\xc5\x91\xbe\xac4\x14\x0b\xfb\xf8n\xbb+\xec\xb3\xe8\x07\x88\xb8^\xaf\x8ftu\xdd&lt;\xd8&lt;|\xf6\xec\xe9\xbd{\x8059D\x92f\x82,\xe8uA]\xa4\xed\xaa\x8c\xc5b\xc3\x1dM*Ebq$\x0c\xd6\xd9vc\xb1\xeaO\x13b\xc7\x90\xef\xc8\xc3\xb9\xa0&gt;rew\x7fd\x7fwww\xadksa\x92\x9a\x9d,\x91;f\xa2\xec\xd5\x05\xad\xf37\xbe\xfd\xa3T\xc9Q# \xf4\xc1a\xf4\xe2H\xd5\x17\x8d\\N?b\xe1\xeb\xdfC\x92\x02V\\\x17\\\xec\xda][\xfb\xf7\xda\xfe\xb7#7FnD\xf4\xc9\xd2l\x89L\xc4\xcb\x9e\x82\xc3\xd86\xa8\xea]\xe1\xf4H$l6,\xf4\xa8\xaf\x18.\xc0z\xb9\xd7@,\xe1G\xb5N\x0f\x8c\x10\xa5\xa3\xc9\xb9lvy\xfe\xe0\xf0\xf0\xf0\xee\xe6A\xa4\xeb\xe6\xcd\xf9E\xa24;I\x96\xbdz\xbd\xc3\x17\x1e\xd4\xc8D,\x96B\xa5\xd1\xa8\x14\n1\x9bI\x07f\x8f\x90\x9e=j\x06\x16~2o\xf5Yt\xa3q]dqy`\x01\xeaA\x9e\x18\xd5gs\xf3\xcb\t\xd3Di\x87(\x04c\x10\x0eZ\x99B!\xb3\x01m\x9b\r\r#\x17M!*\xa9t\xe5U#g\xb1\xfe,a\xcb\x8f\x11\xab\xcfQ\x88\x8ffs\x10\xf3O\xbf\x9b]H\x8e\xce\xe9\x83\x8e`P\xef\x8d\x0e\xedP\xe5`,\x1crj\xfd\x9d\nM[6\x9b\xcd\x19\xdb\x96\xb4\x00\xc6C\xdd%AX\xeaw\xcd\xc0\xc2\xffc\xb4N;\xbcq}DG\x10Trn\xe0\x011\xb7\x08\x19e\xd5y=S3C\x14Q\xf0\x85\x0c\xe8\xd6\xd3\x9f6\xe6\x16\xb3Vc\x9b\r\xe5\x84\x98s\xa9\x96\xfa\xa2\x19X\xc2c\xa3\xd5\x1a\xf4z\xb2\xb98\x99\xf7Z\t\x08\xab\xb8.\x9bk[\xb2\x16\xaaS3w&amp;(o\x87S\xa3\x10\x89\xfc\xda\x9bp,y\x1d\xc6\xc1\xab*\x154\x18\x9bs\xa9\xd6\xdb\x06\xe7&lt;\xecJ4]94ZcA\x8f&gt;\xa7\x8b\x9a\xccV\xb249\x10i\xb3\xd9\x96\x96\x0c\x83\xc1\x00`\xdd\xbb\xed\xed0\xf8E\\Qw\xe4\xe9\xf3\xe7O\xef\x1a\xd3Z\xbfX\xa1\xd0\xc8X\x12y\x1dk\x8bn\xf0i\x8dv\xf1\xbf\x1f ,\xb7.W4\xf5u\x10\x89\xec7"\xb8\xcd\xcbE\xfe\xfe\xebF\xcf\xd4\xc3\xbf\xfe\xe9v\xa0\xa3\xbf\x93\xcb\xe5^Yx\xfe\xfcp\xed&gt;\x97\xcd\x83\x98g\x89eb\x9e\xbcnbcs\x1e\xf5\x15\x86\xb5\xef\x01\x96\xc5UX\xd4\xdf1\x15\xbc\t\xdb\xc8\x87\xb3\xc7+J\xf9\xc8\x9f\xfd\xfd\x86\xe5\xbe\x87\x7f\xbbf\x1a\x1f\xeb\xe6r%\xe2\xcd\xa7\x03\xf3\x1f\xce\xcfZ[\x95+r\t\x9f\xabP\x88\xf8\x0c\x95T\xbd\xbf\xd7\xe8\xbb\x0f\xf8\xf8\xcb&amp;\xa8\xe5(d\xa3\xd7&amp;\xc8&gt;\x9fm\xf3\xb0\xf7L)`\x7f8\xb8:&lt;\xe6\x98\x98y8c\xb6\x84\xbay\\\x81\xec\xa0\xad\xeb\xe8\xd5\xcb\xf3Vu\xefy\xaf@\x0e\\\xb0\xd0\xd7\xd4:?m\xfc\x95\x0c\xaf\xdc\x05\xb5\x82\x05]_\xa9\x8f\xf4z\xf2\xcf\x9e\xfd\xba\xa6\x92\xa9\xe6\xdb\x06sq\xea\xe1\x93\'S\x01{\xc8\xcf\xe5qD\x9a+o~~s_*\xf8\xc3\xfdoT\\9\x87\xcde1\xe75`m&lt;j\x02V\xe6{+\xa8\xe5*$J\x84~4q\xeb\x1f?=?\x8c\xa0{a\xdaj!\xa2U\xb8\xf9L\x87\xfaa\x1b\xe5\x8f\xcc\xdf}vx\x00\xd3`\xd3j\x15l&gt;\xaf\xbeFp\x9a\x83\xd5\x82\x1d\x02\x96+\x18L\xe4\t=\xec4\xf9\xc9\xc9\xa4\xce\x98\x0e\x85\xc2\xd99\xb2Z}Ru\xc7B\x86nPF6\xbf&lt;0\xb0lM;\x97\x865b\x96X!\xfe\xa8V3L\x14b\xef\x91Z\x8eB"O\x91\xe6B\x10\x96\x1b]\xd6\x08\xdb\xaan4a\xaeN!\x13\xc7\x0c\x9d,.\x9f\xad\x89,/\xeb,pg\xec\xefVh\x07m\x1a\xb1\x84\xc1R\xab\xf7\xd7\x1b\x8c\x85\x0b\xe1\xf5\x1e\xb5|\xd6\x9b\xa7J}\xc5@\xcc\xa1\x03\xaeE\x9d\xce\xeb-\xc26\xffd\xea\xc9\x0f\xf6\x0e\x03\x04\x04\x9b-\xd2\x86\x8d\xbe\xb4\xd3\xa0\xd1\xda\xba\xb2\xb9.\rKr\x19\x10\x99\x06\xdf`\xf7\xf60\x1c\x03,\x8b#G\xe4\xa9\tS4\x80.`\x96 \x98I\xee\x98\xa0\xb3\x90Z\xae\x1a\x16\x9f\xdbmH\xfbP\xc1=7kLk\xb8\xec\xbaZ\x1fp\xba\xd2\xc0\x8b\x86\xf0\x97!\xf2\xe7\xca?\x17}\x80\x15\xa4\xa8\xd2\x84\xe9\xe1\x0c\xfa\x9f\x83\xc5\xae+\xeeLRd\xe0\x87*\x80A\xcf;\xfd\x08\x8b\xd7y}\xf8\xbf\xb4\x9a\xddO\x9ay\x16\xc7\xf7\x0fx\x92\xc7\x00\x0b\x91\x9b^\x98"^\x99\x98\x10\x19\xea&amp;f\x110"M#\x8a\xa12QG\x19\x14\x04y\xb1\x1a,\xa3\x8e\x89@\xc5\x17\x0c\x89\x12\x08\n\xa9\x88H\xa9/T\xc3D\xa0\x99\x84\xec\xaeel\xea\xe0@k\xc7D\x11\xd2\xcd\xe2\xdb\\lZw\xa7u\xcfC\xe7b\x92\xdd\xbd{\xfc]&lt;\x17\xdc\xf0\xc99\xe7w\xce\xf9\x9e\xdf\x99\xe9\x1ah\xea\xc0\x86^]#\\\x1a\x8a\x16\xb2|\xd9\xc7W\xff~\xf9\x0b~\x8e\xac8\x90\x07u;[M\xf0WS\xf5\xd3[&gt;M0\x92X\x8a\x9f\x80\xba\xef\xb0I\xa7w1\xa6x|i\xe9\xa4I\ti\xbe\x80uOY\xd7\xd4\xd4\n\x82v\xa0+$a\xc0oe\x80UT\xfe\x8f\xef\xe8\x9b\xf8\t\xa0\x8a\xfc\xa2C\xa0\xe9\x9b\x1d\x18\x18\x98\xb2\x0e:\xbd.\xbf\xdf\x9fN\xc4O@\x1e\xca\xa5\xbb\x9a\xa5Uy&lt;\x91\xd8\x8e?\x86\x98o\x06\x8f\xa1\x05\xac\xc5\x8e\xce\xce\x0eE[\xd7\x88\x84}\x97X\xc0\xa2\x17Q\xe8\xc4\x9e\x0f\xf8a]\xcc\t\x13\x9e\x96\xc7M`-\xa9\xce\xd1\xd2\xcf\xe1\xf4\xc7\xd2\xdb\'\'\'\xa0\xc1t\xc2\x93\xd5 pz\x12\xf1Y\xd5\xbdn\xec.R\xbb\x1f\xcd\xd45\xcdbCBP\xdaJ.\x13A1,2\x19\x92\xd8\x8f\xc7\xf8\x05\xd7\x851\xe1O\xc4\x12\xadp\x11\xa5\x83\x9a\xd2/S\xa9\x85\x8cg\x1b\xb3V\x87\xdc\xb8\x94\x88\xde\x89FSc1\xa1\\5\xcc\x059M%\xde\xbd\xa7\xecj\x9d\x95\xcbW\xe52P\x8d\x92n*\x11\x05,\x94H\xa4!/\xf0\x8b\xf9\xe2\'\x8e\xf4e&amp;\x92\x9e\x85\xb4%\xd3\xb5\xdcY\xb8\xbaJU{\x96\xe4\x10\xd2\xb3\x8d\x11?\xe7\x0e\x18ka\xact\xbb\xad\xaa\x96\'\xe1\xb2\x98\x04r\xf3\xa3\xba\xd6\xd9N\xf9\x1ch\x8e\x01U\x88\x8deT\xc0"\x10\x10\xe4\x05\x8e]\xc4\x93y\xcfUt;\xb2:\xd5\xa6\x90\t\xfd\x18\xd6X&amp;\xf2\xb8c\xb1n\xa0\xd1\xe9\x89\xce\xd7[\xa4\x91\xa8_\xd3\xd7\xc0\x93Hx&lt;\x88\xa5\xca\xa2\xe6\x11p"\xa8l\x9b\xaaK\x15\xe22\n\xc3]"\xc0\xd1\xff\xfe\x17\x1c\xad5\x9f\xf6\xfb\x13\xf1&gt;K\x1b\x7f.\xe1\x89rR\xa9\xb1\x96\xc7\xb3\x8b3u2_6\xd8\t\xcd\x1f\x999\x18\xd1\xc9BL\xb8s(\xa1\x9bYI\xa1?P5\xd9:g;\xc0\x87\xe0Y\x16\r\xa2\x8b\x8c\xa2\x04"\xf9G\x1c\x0b\xd0\x85\xd0\xcf\xf1\xb4.\xae\xb6\xb5\xf1\x1b\x13\xe9h\xb4:Wj\xec\xac\x9bQ\xb69\x93G\xd9\x8e\xb9l\xd6\xca\xef]\xe1[X\x95\xd8;,\xb1\x99J\xa9\xac\xbc\x1b\xba\xdf\xa6h\x1a\xb8\xdf52\x1cj/`\x95\x91)E\x08\xf2W\xfc\x12D\xf1\x85f\x81\x13\xafk}lS(\x1a\xb7#~\x7fi\xd2)\xefR\xaa\x14\xbb\xc9\xa3\xa3#\r\xc4|&amp;\xaa\xd1\xdf\xafb\xd2\xa8T\x1a\x15ZA\xb8sT\xee\x08\x94\xd0\xae.\x952$\xe120,:\xfd\xd6\xad\xca\xf2M\xfcTY\xc57\xa9\x9a\xf4I\xa7&amp;=\xa7PH\xfb\xb6\xd3\x1e\x81\xa3\xbe\xa1\xa1A\xd1\xebK\x1e\t&lt;~O$"H\x1e%\xc5\r\xdcn\x00#\x12\xa8p\xee6?\xf8j\x04\xe2J5"\x91\x80\xcc\xa0bN$Sn}QI\xfe\xd7(^X\xc5\xa3\xa9t&lt;\x9e\x8eE\xfb\x14\n\xdb\\&lt;\x11qX\xb5\x01\x8b\xc5\xea\xccbX\xe9t$\xa8v&amp;\xb3\xce\x15\xcb\x08\x83@\x00{\xd1\x98\xcd\x0f\xef}\xa5\x9c\x99Q\x86B!.\x1bD,R\xc0\xa2\x03\x17\xa5\x07\xb7\xa6\xab\xf8"v\x12\x8f\xd5\xf4\xd7\x04\x15\xeb6\xdb\xea\xb6\xb1^\x156\xb4M\x19\xdcY\x81 \xe6I\x0b\xf5\xeb\xfb\xe1\x8d\xb0\xc1\xaa\x1d\x1e/\'"@\xc5z\xf8\xf0^hD\xa5R&gt;\xe2r\x0b\xb6BH\x85\x90\xc7\xdedI?\xe0\x87\x15l=\xa9\xb9\xe4\xd4h\xc0Z\xb3s}2\xa5\xcd+\r=\xddr\xbb5.\x8dp\xc5"2=7\xb5K\xf6\xb5p\xe5\x102\x1d\xa52\x19\xdd\xac\x87lnH\xa5\xfa\xeaAa\xceUx^\xa4\x13\x8ap\xc6\x1a=]\\L,D\xa3\x1e\xbeBf\x93\xf6\xddop\xa8\x95\xa2\xa1\xbd5\xb1X\xbcl\t\x88&amp;E/!]\x05\x9eONL\xd0\xc8e +HT&amp;\x93\xc6d\x8f\x0f\x8f\x84\x9a\xb1\x91 \x91\x88\x92\xc9(\xb9\xb0\x8fP\x8e\xdbU,.\xbe\\m:\x91\'\xfaK\xf9|\xa9\xb4^\xaa\x92\xaa\xc3\x12\xd1\xf3\xe7\xfb\x81@@[\xf5\xd2d\n&lt;}Z?\xa5\x08\xd4\xf2&amp;\x18\xd8T\x92B\xa9DI(i\x931^;\xdc\x8d \xc0\x84\xc2A\xc0V\x14\n}\xf2\x18\xc7Z}:\x9f\x8ew\xb6\xf4\xd7+\xa4\xfaz\x99eP\xac\x1d\x9f\xdc\x9c|)\n\xac\x877\x86\xf6\xc2kos&gt;\xdd\x8aL\xc67KXL\x1a\x01\xad\xa4\x14Q\xbe\xa0\x94\x95\x91&amp;\xaa\xb8\x08\xfa\x99\nE\xb0\x06\x82\x80|\x1c\xc5/qU\x9c\xb5p\xfc\xfeh\xac\x9e\xdf\xd8\xbb\\o\xeb]\x16M\xf4\xf4\x8c\x8b\xc2\x06\xa77y\x9aI\x9e&amp;\x93Y\xb7zEf\xb3\xa8\x86\x87y\xe3\x13X\r\x84\xcc\xfau\x19\xb1VD\x05\xf7a^\x84\x0f\x01\xa1!\xe5\xefq\xec\x9b+\xf2\x1c\x0e\xd6\xbcH\xf9\x83F\xb1T\xaa\xb3\x9a7\xff\\n\xda0\xe8\xadV\xfd\xca\x8a\xd8\xb0\xb774\xb4\xccWU\x81\xa0`\xb1\x18XF \xd1+)_\x97\x95\x9bD\x08\xd8\x8a\x08&gt;\x85\x0fB\xa3!\xf8\x8e\x04GSP\x8b\xd3\x91F\xfe\xa0Sm\xb5\xee\xaa\xd7M4\x1a\x95\xc1~Te\x96\xa9\x93o\xed\xf6\xbd\xb5\xbd\xb0Y\xab\xad\xe5\xf2\xd8\xcd\x0c\x1a\x81N\xc7\x02\x0cA&amp;\xf7kIX\x9bE"\xa1Dl(A\xeby\x8d\xa7\xc8(.&gt;h\xd1D\x84}{\xd6A\x87C\xac\x9f\xf6\x89\xd7\xb5f3:\xf1\xd4\x9e&lt;\xbf\xbc\xb8&lt;\xc8\x9f\x1f\x1f\xbf{\xfb\xeelg\xe3\xcd\xbe\xf6o\xed4B\x11\xdc\xba\xf2Z\xf3~\x98\x0b\xa9\x01%\x01\x16\t\xb2\x17m\xf2\r\xbe\xbb\x10\xc5\xa3\x07gp\xf2o\xe7\x9c\x0e\xa3a\xda\xe7\xb3\x06\xccj\xb1v\xef\xec\xea\xf2\xf2\x9b|\xfe\xe2\xf2\xc9\xab\x83\x83\xfc\x87O\xaf\x7f\xf8\xf5\xcd\xaf\xa6\xcd\xf2"\n\xca\x90h\x03\xe1u\x06D&lt;\x11\xd2i\xf9/\xaf\xdf\xbf\x7f\xfd\xfd(\xde\xea\xb5\xf0.\xff\xc7wV\xa7F\xa3\xde\xf2=\xdb\xb2\x86\r\xb7]\xbb\xee\xdc\xd5e&gt;\x9f?\xce_\x1c\x1f\x1c|\xff\xe1\xec\xfd\xa7\x9f\xde\xfc\xc4\x1bg1X\\nU`\x7f\xc3L\x03k\x91\x00\x0b\x84~E\xc5\x1fnf\xe1\xa0\xa28?\xa4\xd3\xcc;\xd7\xdc^\x9fzz:\xd6_\x9a=&lt;\xc4\xba\x88\\\xee&lt;uv\x9eK^\xaf\xd4Oi\xabB\\\t\x9b\xcd\xe2\x9a\x03\xeb\xeb&lt;\xc8Z(BEH/\xbe\xbd\xc1\xf5\xb2\x8a\';\x83\xf3\x0e\x87\xd3\xed\xf5\xfa|\x0e\x97?\x1a-=&lt;&lt;\xca\x9d\x1f\x1d~&gt;\xd72\xdb\x1462e\x83\xb9B\xda\xf5\xb0\x99\x81\x05;\x02\xd6zs\x93\x9bR\xc5\x7f\xfad\x15\xce;\x9cj\xdf3\xbb7\xeb\x01\xach\xf4\xe8\xe8\xfc\xe0\xe0\xaa\x00v}-Sh\xabx\xedl6\x83\xc1\x1e\x9eZ\x0f\x98\xb0\x1d\r\xe8t\x90\x9e\x7f\xde\xec\xda\xcf\xcf\xcb\xbd\xc1\xa0\xc3\xe9\xf4\xda\xed\xde\x12AI\xf4vu&amp;w\x0e\x92\xe3\x08\x83\xba^QLiE\xa6q\xe8\x1a\x18\xecZ\xad\xb9\x8a\x05\xa5\x07K\xa2\xa4\x1b\x99!\xfd\x0e\xeb\xd80(\x0c\x06\x9dj\xa7\xd7m/\xb9\xdd\x1f\xbd\xc3\xc9\x8c\x9dCT\x1d:\xae{WV\xa4\x8a)s\xad\xa9\x9d\xdd\xdd\xcc\x92\x98jM\xe3T\x12\t\xb0\xa87\x8f\xf5\xc4\xae\xd7\t\x8d\xc6]\x83\xdbn?\xad\xe6\xdc\xe1\x8c\x8d\xe5r9\xa8=\xbb\x90\xed\xad\xcb|\xc0\x1an\xe7\xb2Xl6\xaf}\x9c\x06\t\x0bD\x18\x84\xd6M\x8c\xb6~\x7f\xbe\xfd\xa4\xef5\n\x8d\xd3\x86-\xbb=Y]\xcd\xa9&gt;M\xa5r\xcf\x92\xc95\x83Ul\x00\xacu-\xf6L\x00A\xcf\x9e`1\x81\x07\x98 \x8f\xa2x\x8a\xe9\xffi\xaewV\xbdN\xa73\x8a\xf7|vo\xb2\xfavi&amp;\x05\xf2,\x97\xc9\x1a\x0c\xbb\xce\xdd^\x19\xdf\xd2P\x05\x1a\x16j#\x83\x81\x90\nT\xe0C\xf2\xcbW7\xbc\x81\xf7\xf3\xc6\xb2\xbe\xb7\xd7h\x18r\xef\xac\xd9\x9f\x95\x96d\xc6\x16\xce\xcf\xcf3\xa5&gt;\xb73\x18\\j\x04.\x91(4\x0c\r\x0eF\xf5\x9b\xb1\x88x\xaa\xd6\xff3Tz\xba\xbc\xac\xef\xeb\x9d\x1e\xda\xb2\xef\xd8\xbd\x82\x92\xd2\xcc\x97\x0b\xe7c\x99R\x81\xc0\xe5\xd2,\xf5\xcdI-\r\r\xaaZ\xd0`X`aX\xe5\xe0C:\xde/\x05\xffu^\r\x85\x97\xad\xfa^\xb1\xd8\xe0\xf6\xd9\xed\xd9\x98 \xd6_3\x06X\xd5%%\x1e\x97\xb0\xafQ\xa6\x00\xad6\xccfb\xb6\xc2\xb0\n\xfa\x82\xfc\xe2\x86\xb1*F\xd7\xc2\xe1\r+P\r\xad\xd9\xedn\xa7\xc6\x15q\xc5\x04%\x82\x16W\x8bK\x13Yj\x94\xdb\xda\xee7\x8cH\xc0\x83\xe8g\xaer\x84\x04e\xf1\xc5\xe8Mow\xbem\x0co`\\ 1v\xb6\xa6w\x85\xdb\xdbK\x11W\xd61\xaf\t\xce\x07us6l\xe1\x80\xc7\x06\x13\x11\x7f3\x17\x04&lt;\x19\xfdx\xc3\xdb\xb0\xff\xa1\xdd\xfcc\x9a\xcc\xef8\xae\xfd\xf1\xc4\x16\n\xf2sE\x8bz\x96\x87\xc7\xdbN*U\x18\xd0\x02\xa5G\xa5\t\xd7\x98\xaa!j)\x19\x7f\xc8\xfeX\xb3\x93\x1f!\x93x5\x97\x82\x10\x04g8H\xaeX@\xbb\x00f\nC\x0e\xa80\xc6\x8f\x12~\x8c\x11Q\xa3\xd9\xed$\\\x96\\\xf40\xfa\xc7\x818\xa3\x9b\xd9\xfb\xf3-\xee.[.\xbb\xed\xae\x9f\xf6y\xda\xffx\xe5\xfd~?\x9f\xe7\xfb\xf9\xf6!N\xfb\xba\xe2\xf4\x1cb\x7f\xc6\xe9\x1c\xeas\x1e?S^~\xb4\xbc\xf5\x8b/N\x95\x9fk-%\xac\xf3\'~\xa9?\x98\x12\x1a\x1e\x1b\x1d\xbd!\x17\xd6\xf2Q/c\x82+V\\\xdc\xd3\x8a\xae\xfe\xfe\xde\xfe\xe3\xce^g\xef\xcd\x1b\x17\x9dXJ\\\xfe\xb8o\xe8\xea\xe9s\x97N\xfd\xf6\xa3\x13ez}a\x8a\xc6h\x1c\xd6\x04\xa0\xa2\xa3\x18V\xb0\x1f\x1d\xd6.\xfd\xa6\xab\x02X\x80\xea\x1fo\x1c\xbf\xd6\x7f\xc7y\x87~?\xec\xbfy\xf1\xf4\xf1\x9b\x17\n\xea\xcc\xa0\x8a\x1e.)\x19\xd1\xb0"\xac\xd8\xa8\xaf\x82\x8d\x15\xf7YEWWU\x7fo\xaf\xd39\xd78xw|\xee\xfe\xfd\xde\xfb\xbds\x18\xcd\xee]\xbbWV\x87\x1buJ\xb4q\xabq8\xdd\xc8\xa80\xbb\xd2\xe8\xf3U\\\xf0\xb1\x10\xf2\xf7\xfb{\xef;\x9f9\x1c\xc457&gt;\x8e9\xf6\xde5\xbd\xbe6\x0fT\x90\nZ\x95\xa4\x1b\x1d\x0e\xc7\x86X\xb1QSA7\xf1\xb3\xaa\xae?\xf5\xf4\x1c\xef\x7f~\xff\xde\xec\xc8\x08\xb8\xc6\x1b\x1bo\x95\x15\x144\xd6\xe3\xb3\xb8A3l\x04\x13\xa6\xc4h\xc2\x8a\xa6\xee\xb0\'&lt;\xe8W"\xb0\x8ev\xf5\x94\xb6\xb5\x1e\xef}\xfe\xfc\xd9J\xc9\xf0\xca\xec\xacc\xb0\xbe\xb1a\xd0\xa1q\xcc68\x18\x95\x91fW\r\xa8\xa8O\xc4\xd2.\\\xd0\xbb&lt;\xc3\xfa\xf3\x95\xd2K\xce\xde\xb9\x7f@\xae\xe1\xe1\xe1h\r1i\x8c@2\x8e\x18!\x15\nT\x94\xac\xd0H\xf206*\xe8\xb7j\xed\x0b`\xb5\x8d\xd9\x88\xeb\xf9-\xc7\x8a\xb1\x04\xcd`\x18o\n\x14\xbe\x97\xa4\x93\x87F\xd2\x8a\x89\x15\x1e\xbbgOl\xd4\xdd\x87\xc1\x0e\xd7\xd2\xef\xd0\xd5-\x16\x9b\xedTo\xef\xdc\xf8\xad\xc7\xb8\xe6\xc87F\x85O0\x8d\x18G\x1c\x01*\xda\xad!\x13\xc3\x83\xbc:\r\xf4\xadQ\x9bZ\x8d\x15\xc3\x10\xf4\xba\xf7l\x16&gt;B2b\x82J\x10k\xd818\xe8 W\xc9B\xb6\xb1\x15\x1b5\xf8"\xd8\xff#\xb2t\xf4\xc8\xe8\x15\x8bE\xb0\xa8;\xc1\xd5?\xf7l\xbcqp\xc4\x88X1;\x913\x82r\xb0\x9eEC"\xed"\xc5\x86k\xfe\xf203\xa8`Z`\xb5\xdb\xc6l\xbc\xa0Vw\xdeq\xc2\xc8\xb9\xf1\xbb\x8d\xb3\r\r\r\xe0i\xa0\x0b2Ph\x0e\xb4\xa2\tP\x85G\x8d&lt;\x9e\xb8\x1dd\xac\xdf\xf7\xb4Y\xd4\xbc\xa1\x92\x17:\x87p\xc7vR\xc4jk\x1b\x1b\x1aR\xd2\xa2\xc3\xf7`A\xa3\xd1$\xe2E\xab\xd27[[Qo\x97\x18\xe7\x83\x19{\xc2\x1a-\xb5\x08\xbcA\xa73\xf0\x03}CCC}Cw\x9c\xf0\xb2\x9e\xf6\xb5"#\xd9\xbaa\xe3\xbe\x13\xce\xb6\xdc\xa8\xdeN/\x19Y\xfc h\\q\xda\xa5\xaa#\xa3\xa5j\xden7\x99L\x06\xa1\xf32\xea\xe3\xee\xcbCg\xfa\xcd\xc5\xc5\x81=xZ;\xd0\xcc\x13\xc9\xa8"\x19\xd6\xd6\xf4\xf4\xe1\xf9\xf5 \xfe/\xc6\xa3\x8a\x9e\xd16xh\xcf\xb5C.\xb5\xad\xbb\xb3\x9b\x1e\xa5\xec;s\xe3p\x9d\xbe0\x00F\xcb\xbfH\x04\x1e&lt;\x91\xac\xa2\xb6\xeeL\x1f\x99\x7f\x154\xb9\xb4\xdaG\xe5\xa3\xa5\x84E\\\x06\x03o+\xed\x1cP?\x19\x18\xe8\xfc\xf5\xc5\x8b\xef\xdd\xa8\xfb\x04\\\xa1\xac\xbd\x872\x99\x80\x14J\\{v\xee\\\x99\xf7\x05-\xf5Z\xd1RyO\xa9M-\x18\xec\xc02\xe9x\x8b\xad{\x00A3\xf0\x96\xee\xd6KUW\xcb\xcc\x073\xd2\x12\x911\xf4R\xa6S(+`\xa5?^\x9eZ\xc8\x0c\x0e\x97V"Z:\xf55\x96\xdd\xc4[,\x16\xb5a`\xc0`0\x8c\xd9\xdaNU\xe5\x1f&gt;K\\\xdb\x12\xb7\x11\x16C\xda\x86\x016r\xebN\xe3\xfc\xcb\xa9\x89\xd5\x0f\x83\x10\xaf\xcdR\xb9T\xb4t\xb9\xbd\xed\xca\x1f\x18U\xae\xc9\xa4S\xab\xa1\x95\x1d\x80\x065\xb8\xcaO\x9e/\xa0\x89:\x8d\x1eh\x0e %&amp;\xe2\x04\xac\xd9\x97S&gt;\xdf\xe2\xa7\x0f?\xfc\x81\x9fm\xce\x94\xcb\xc2\xa4R\xc9\xa3\xee\xd26\x9bZ\x97Kb\xc1E\xc1"\x18t\xf6\xdc\x8e\x8e\x8e\x1a\x1d\xafn\x87\\\xe6\xe2\x86\x8c\xc0\x83\xd6\xa1`b\x15\x1a\xfa\xd3\xf4y\xdf\x94o\xd175\xf5\xea\xfa\x0f\xb6-\x08&amp;\x998"\x0cT\xd2\xccO\xbb\xdblcj\x90\xd8kj\xecv]%\xe4\xaa4\xd9k\x80e2\xf1mU\xbf8\x9cW\\\xdf\xd0\x90\xe1\x00\xd6\x1b\xaa\xc4m\xd1?Z\x01\xd3"\xb0\x96\xe7_-L~\xf0\xfdw,\xb5\xda\x18\x85,D\x1c!VJ\xe5\x12`=\xba\xdci\x1b\x13L\xa6\xdc\x9a\\\x94\xa9\x92W\xaby\x9d\xc9\xde\xd1\x91\x9b[co;y\xc2\xcc\xb0\xd0\xf1\x13\x13\xd36\nX%\xcb\xd3\x8b\x8b\x0ckyj\xfe\xcb\x97\xaf&gt;\x9f\xf9^fj3\x152\xf1v\xb1X%SJY\x89^\xf4u\xda,\x02\xd4\xc2\x8c\xcf\xb0\x04J\x97\t6\xd6t\xd4\xb4\xe6\xebk\x8b\x8b\xebI.\xe4+-\x05EX\x9a\xf0\x15\xbf{"\x805\xe5{\xf9\xe5\xf2\xfc\xb2\xcf\xf3\xf9\xff\xe9\xa6v\xb3H\xa9\n\x11\x8b\xc5!*\x95L\xa6\x00\x13\'\x95*\xfe\xfaG\xda\x10\xd1\xd9\x99Xh\xa9&lt;\xe3B\xec;r;\x0cG\xcb\xceB,\x14a\xa5dd\xd0O-)\x8e\xb4\xc4\xe1)\xaf{bb\x82\xb2\xe5\x03\xda"}]\x9c^[\x9d\xf9_;\x866\x86\x93%\x10\x13A\xa9BT2)\xc7I\x08\xeb\xfa\x83N\x8b\xf05\x96\x89\x17\x04\xc4\x9e\xe7u\xb9\x1d\xb9\xed?\xd3\xe7\xe5\x15\x173\x17iG\x90\xed9C0\xcdc\xd7\x1b,\x1f\x9d&amp;\xdc~\x8f\xc7\xe3wO\xbb\xd7\xf6e~w\xcd\xc0\xa4LP\x85\x80\x8a\xde!\x04\xa6\x04\x94\x04\xd9\xe2\xb8\x85nPTnd\x0bw\xc6J\xc1\x00\xb1\x0c\x86\xdc\x0eS\xc5asm^c#\xb9\x08\xaa\x83\x85\x85\xc5\x07\xdf\xcd\xc8p\xa48\xdcM^\xf74\xb0\x16}8\xfb\xa6\xa6\xdd\x1e\xaf\xd7U]]\xed\xf2x\xd6V\xaf\x7f\xa7\x0b\x80\xe2\x14\xc2\x8a\xc9\x94@\'\x95*,S\xc4\xd4\xe2\xb8\x99\x070\x917\x01\x89\xde\xa6\xcaJ\x9eJ0\x98\xecm\x1f\x15\x98\xf3P,\\\xf5\x85\x85y\x9fP\xfca\xe4rK\xb5\xc7=M\\\x13\xf8\xf0\xb9\xddn?Q5\x15\xa1\\\x1e\xef\xfa\xed\xff\x92\x7ft\x02%p\xc0\x11\x92@\x81B)\x03\x87B\xb2Y\xb2E\xc2m\xe18\xe9\xd3N\xf4\x04\x1d\x83b\x1d\x95\xb4R[\xb0\x8c&gt;w\xc2|\xb6\x96\xe4"\xac\xe2\xbc\xb3f3\x92\x06?o\x15\xb5\xb8\xfc\x0ck\xc2\xef\x86j\xd5M$\x93\xb7\xba\xa8\xb9\xb9\xc5\x9amm\xae\xf6\xaeM^\xd7j7}\x1b\x9a\x96Z\x81\x98%\n\x1d\x81\x05\x8b\xe4\x92)\x95a\n\xd1f\t\'\x92H9\x89\xf4\xe1\x03\x81\xd7\xe9L&amp;Z\xda\xd0Ar\t\x82\xda\xd6z\xf2\xb0\x1e\\\x94\xae\xfaz\xa2\xd2\x9b\xe1)\xf4zu\xac\xc8K&lt;\xd3\xd3n\xaf\xdb?\xed)*j\xc6\xab\t&amp;65[\xb3\x93\x93\x93\xadEkk\xd6\xdb\xdf\xf6\xe8\xa0V\xa1T\xca\xa0T\x02\xb9\'\x16o\x8f\x88\x88\xd8\x8b\x03\x80*\x95\\$\x92l\x11\x89`\xa34\xe1\x11\xa9\x050]\xa0\x0c\xccDu\xdb\xb9\x9fc\xb86\xd7\x06\xb8\x8ak\xcd\xfa\x00d\xe3T|r5\xf2M\xe5\x02\xde\xb4\xab\xa8\xc5j\xb5fg\'C(\x10Z\x93\xb3\xb2r\x92\xadMk\x0b\x93\x8cL\xfb\x1f\x99B)e*YX\x98\\\xae\x94+\x95\xca\x04\x00\x8a\tJ%\x03\x96H\x1a#\xa2\xd0+\xf6=\x81\\\x95 3\xe0E\x15P\xeb\xc8\xc9\xfc\x0beuz\xa0\xe0b$\xb1\xc0\x05\xbd\x9e\xad\xc6\xc3C`\xf9=^R\xcd\xdfT\xd4\x92\x9d\r\x95rrr\xb2\xf6\x03\xc8\xda\xcc\xbe\x13\xd9\xfa\xea\xcc\xbf\xed\x1b\xc6\xc8\xc3\x14\x1c\xa7\x90\'\x88\xc5\tJ\xf0\xd1\xdf\'\xf5\x98pL-\x91\x14\x07l\x94\xca\x16\xd0\x10\xf8J\x84]\xa0s%\x965\x02\x06\xda#UW\xf3\xcf\xd3\xcf\x18\x01,=a\xe9\x0b\xc6\x17\x92\xf67y\xfd(\xaf\xab\xa8\xd9\xe5\x99\xf6"RV8\xb7\x7f\xff\xb1\xacc\xefP\xe5d[\x99\x979\xd9\xcdEk\xeb\x93\xdf\xb8\x01\xc0?9\xae2\x90\xc8\xc4{#\xc4*\xa5R\xc1)$\x99\\\xa6B\xaeL\x00\x1a\xc3R\x10\x16\'\xe5\xe4\x87^\x1b\x04\x81$\x12X+\xe5+\r\x82\xc5\xd6~\xa9\xfc\xf4{\xf9\xe7\xeb\n\x18\x17\xa9U\xa0/((\xfb\xdb\xee\xd4\x16\x97\xc7\xef\xf7\xb8\xaa\x8b\xf67\x01\xab\xba\x05\x08\x10*\x8b\x88RQ\x0c-\x0br%\xe7\xac\xae2_\'g\x02P\x1c0\x14\x1cqA/\xd5\x8e\x1f\'\xed\x8d@\xd0\x15\x8a\xccLND\xc6\xcadh\x10")\x07,\xd8(\r{\xf1$\xc0\x841VM\x8a\xe9\x0c0\xb1\xfd\xdc\xfb\'\xf3o\x94}\x03\xab\xa0\xae\xec\xef3\xbf\x82X\x1eP55\'\x03\xcb\xed\xca\x81eY9\x04\x15\x0f\xa6}\x07\x0e\xbcu \xf5\xc0\x81\xd4\xd4xB\xcbad\xeb\xeb\xb4\x8c\x92\'\xc8\x94r\x8e1\x01\x8e\x93\x86\xa9"\x92\x92\x92v\xd0\x8dP\xce\x01\x0c\xb8a\xcaL2\x90\xc9\x05\xc1v?\xe5\x03T\x84\xb5\x91\xb2\xb1\xd2#$\xd7\x85:=\xb0\xf2j\xd1\x1e\n\xea\xea\x9eO\xee\x8do\xa9\xf6z\xbc\xae\xa6\x96\xe4\x9fd7\xb9\xfcY\xbb\xde\xc9!\xa8x*\xe2:\xb4k\xd7[\x87P\xfb@\x96\x056\\\x00\xab\xd6M\x9b8\x15YF&lt;\xc0\x921@\x85\x14\xeb\x98\xa4\xbd\xbbwl\x07\x198E1\x1c\x19("\'E\x1c\x81\xa7\xbe\xe6i\xe0\xb7\x04\xe4b\xa1\'\xb5\xaa.\xfe\x0b\xeb\x9f&lt;\x98Oh\xdc\xe8\x19\xc6\xdd\xf9FC$!\xc1w0\x08\xe6\x93\x90d-\x0b\xfa\x87\x84\x84.\xb1fv e#\xe2 \x1c\x87 :\xac\xd9K\xf0\xc1\x87\x90\xb5\t\x8aa\xbbP\'\xde@\xc0\x07\xc7\xc6\xdb\x10;\xdbB\xff@\x1b\xd8\x80\xe9\xa9\x18\xf6Ph`\x0f{\xd9e\xb7\t\x84\x16\xda\x1c\xda\xc3\xd2\xc3f\x0b9\xf4y5n\xbf\xf8`\x86\xc9\xe87\xcf\xfb\xbc\xcf\xfb~\xfe\xf8\xe2\xc5\xc5{\x7f\xfe\x81\x07)*GTY\x11\x1c\xec=\xda\x8e9\xb8F\xa3\x19T\x9e\xe7\x89\xe3\xdbv\x9d\xd73\xb2\xbc0I\xb6t\xae\x84Td$`\x95\xc4E\xf3O+\x07\x8a"\x8ba\x14ECh\x86\x02B\xb3^\xefG\x92\xd4a\xa1\x8c\xf2\xcb\x93\xb7\x17fTX\xb8H\xb7\xd3\xa3\xe3\x95\x8d-4#\x15\xf1]`}t\xf1\xda\xef^\x89\xb69\xb8\xb3\r\xaa\xe5\xcc\x8c\x9b\x83\xbd\x9f\xa7\x88E\xdb\x84\\\xd0\xc6D\xed\xf2\x1adI\xe2\x80+\x99\xa1%\x10-\x9d\x83m\x14M\xea:\x0f\x0f\x04\x8f\x88b.+\xda\xa0DDx*\x1fF\x90L\x1b\xf4\t\xab\xaf\x13\x16\xb9K\xe1\xafN\xe8\xbeOT\xa7\x0b\xa7\xa7\xd3)\xa8vn\xdc^\x82\xb7(\xac(\xe2\x17?xm\xc5f\xbazg\x9b\xb42\xe36;x\xf4\xc8\xc6\xec`&gt;\x1c5;\xa4\x17\xd9\xbe\x98\xe9e\xd7(hBX\x86\xa1h\x9d\xab\xd0\x89P\x02&amp;7"\xc7\xe70&lt;\xa2@\xd1\x91\x10\x8c\x0fUY\xe9\xf7\xe6\xe7{\xe2\x1c9\x8c\x8e\xee\xbe&gt;y\xa7[jNq\xa67\x8f\xa1\xd5\x8d\xdbkT\xc3\x8f:\xaa\xc5\xc5k\xdf\xf2(\xcf\x0e\x90\xe6\xf0\x95\x19\x88&lt;\xdb\xfbS\xca)\x0e\xb9_\x07(\x97I\xb6o\xc2\xa6\xc9B\x08W\xdb\xbe\x8fz\xfav]\x84\xc0"a\xba\x0e\xc4\xfd\x01\xcf\x840\xca\xd0v\xaa\xa10\x14:x\x9d\xd0\x84&gt;\xe8\x01K\x9c\xf5\xa2\xa4\xc8\xffx\xbe@\xf9~\x0b\x91ut\xf3\t\xa4:\\{\xb0~\x9f\xf2\xf4\xdd\x8f)\x1c\x16\xdf|\xc9\x83\x06Q\xb4\xb7\xb7?n\xf2!\xcf\xf6\x7f\xb9\xecX\xc8i\x99;f\xd8dMw\x10_Mf&amp;\x04\xe5\xba.\xc8\xfc\x0e\xab\xd3\x8a\xc2\x08\xc1\x0e\x03\x95\x12^\xd0D\xec\xb4\xe8D\xd1U\x18\xf5%4\xf2\xbb^I\xc0:\xe3\xfa\xf73\x04\xfc\xad\x0ek&amp;\xd5\x83K\xeb\x14\xf3\x10\xea\xde\xbd{\xd7\xbe\xff\x92\xb5fz\xb0\x8fy&lt;\xce\xc2Vn\xb3\xed\x91\xc8[|Y\xd9*2\xa4)\x1d\xe2j\xcc"\xb7]\xcb\xb2\\\x8b\xb8\xec&lt;0\'sZ\x97V\x83\x01=X\xa1\xe8\xd2\x08TT1\xfe\r\xbb-\xc2@%\xa9+\x06\xbds\xe7bA\x19A\x1b\x8e\xa4\x88/\x9eaR\x9f\x9f\xa9\xb5\x03\xbb\xaf=x\x7fw\xf7\x83+\xd7\x16\xef\xed\xee"\x1aX\x9cg\xe3\x03\x9cq\xda\x04,\n\xc2\xd4\x95\xcd\x04\xb6\x95\xe3f\xbc\x9c\xce\xa8L\xd4\xcfq]\x8bf/\x07\x95m\xdbI`\x8e\xe6fP\xa8\xa3\xe1Q\xd5\x0c\x05\xc1\x8e\xca!\xba\xda\x98Aq\xec\x10\xba\xcc\x87:\x9c^\x96\n\x1bJ\xfd\xde\x99\xbf\x14\xfe\xcd\xa7\xd8\x04\xcf/L\x8f\x8e\x8e\x9f\xacl\\\xbd\xbet\xe9\xd2\xd3\xdd\xdd+W\xee?}\xfa\xfd\xe7\xa2\n\x9at6V\xb2B\xf8A\x10\x08O\xb7m\xd8\xd4\x0b\x80K\xd3\x06B\x05v`\x81\xc9\xea\xb8\\\xdf\xf5\xbb\x9c0;\xac\x92\xcc\xa5P\xbd\x14!$\xfam \xa9U[aS\xc6\xe4f\x91&gt;d\xd8\xb9T\x1d\xf1!\x93\xbb\x90\xa9Tx\xc3\x7f~\x82\xad\xeb\xad)\xac\xb5\xb2\xb3\xb3yx}ii\xfd\xfe\xeeO\xee/\xfd\xf6\xab\xcf\xbd\xa8-\x80\x85E!k\xc2\x889\xb9\x13\xc7I\xedGr$\x0c\'\xc5f\x03\r\xcd\x04V\xa98\x03\x95e\xb1\x8e\xcbN\x92:\xc9\x0b\xc2\xc2\x8c\x01\x17n\xa7\x84\x15\xc9\x08\t\xacW\x03\x8fG\xc6@g\xc36n\x87\xb2,8\x17\x92,t\x9dt\xa3\x03,E\x8c\x9e\xfd\xf8\xf1\x85[Sd\xc3\xc6\xc6\xc6\xd6\xd5\xc3\xebk\x97\xd6\xd7\xd7\x97\xb6&gt;{i\xb08\x08\xb3n"gfep\'hc\xb4\xbf\xeb\xd4\xb6\xee\x05\xcb\xd8"\xd2\xa6p\\\xaez\xaa\xcb\x19\xaah\x81\x8e[h\xc3"@\x8e\xcd\x95\x95~\xa4O\x00\x00\x08\x13IDAT\xd4\x87\xe0\xea\xc3\xf4 \x1c\xc6l\x00\xdbK\xd8\x91QL9\n\x8a\xdaB\xd4\x0b\x8coM\x83\xd5t9\xc2\xd5\xba\x9c\xf9K\x11?|v\xf7\xf1{\xc0\xda\xda\xda\xbc\xb1\xb5\x852&gt;XZ;\xbc\xf1\x9b\xbf\x18j\xe5\xe4Mg\x9f\xd0\x8c=\x9dB\xc1)B\x9b\xe1u\xdfr\xf6\xef\xac\x8eA\x15\xab\x1e\xae1V\r\xb7\x83\x8d3\xcb\xad\x91\xf2A\x1e8s%"\xbc\x9c\xcdhC+\xb5a\xdb\xc9\x85\xa6\xc4\x104\xec\xb0\xe6\x86\xcc\xb0Ac\xc5\xd1\x14\xd9\xf3\x8c\x81`t\t\xeauz\x19\xd1\xabO\xbe\xbe\xbbp\xbcqx\xb8\xb5y\x95\xd4Z\xbb~{\xe5W/4X3((\x91\x9a0o\x05\x8fT\xc3s\x93\xd1\xa8\xc6\x06\xa0\xbay\xb1\xbfGZU\x0c\xcb\t\xf7\xfd\xb0\x86X\xb8\xd0\x90X\x882\x0co\x9b\xb0p\xa8\x8c\x9a\x01\xe1X\x1b\x8br^\xd2\xc8\xd8zar\x99\xac\xe8\xd1t\xa2\x90`\x1c\xd5e\xa2\xbb\x9c\x11\x96\xe4\xf9\xafO \xd7\xc6\xda\xed\xad\xcd-\xe2\xba\xba\xb9r\xf2\x02o\xacZ\xc2\xa2\xbc$*&lt;\xd5s\xf3\xd1(\xe1\x18u\xb2k\x8e\xc7v\x98X\xa4\x95\x9b4\xb9\x99C+\\i8\xc2!\x9b\x84An\x03\x0b)I\\$\x17\x1e\xc5\x9c\x96\r\xe6%\xea7\xb9\xb0\r\xfa2*\xb5(\xa8t\x99\xb9\x0c\xda*\x95&lt;\x90\xfa\x1d\x18\xca\x18&gt;\xfb\xfb\xe3\x85\x9d\xeb\xb77v`\xfa\xcd_\xaf\xfc\xf12\xa80\xc0\x1c\x8aq\x8ccG\xa89\x1e\xcb\xb9\x9d\x84\xa3\xc4B\xd4\x18\xaa\x9f\x87\xa3\xe5\x82y\xaa\x95\x84\x93,\xb1}h\x05D\x0b%\x9c\x8cC;q\x02\xa8\xd5\xef~he\xc6\xc0\x03V\xa4\xcd\xa3\xa6}=\xb7\xe0q\xabvU\x99&gt;\xcbPt\xd5\xb5d\xaa\xb9\\)\xd2\xb9Y\xaeH\xc6\xf0\xe5\xb3\xaf\xdf;&gt;&lt;\xdcXYy\xf8\xe4\xf8\xe6\xf4\xed\x17?3\xe4!\xc4\xa2e\x00\xf5`\xb2=\x19\xf9\x95\x8b&lt;*B\xc2\xd2\x0c\xc8\x82\x10\xb3=n\x9bh\x8a\xd0\xe7p\xbeA\xca\xe5\xd9(\x1b\x17\xbe\x93\x84s\xd0\xaa\x13\xac\xaf\xc8\x06\xe0\x98\xe3T\nf\xa3\xa6;j\x89O\xb0j_\x10\x16\xf6{\xd9\xf29\xad]`\x8f\xa4\xae\x8e\xd4\x8dr\xf5\xcd\'\x8f\xa7\x9b\x877V\x8e\x8f\xa6\x0b\xb7.|\xf7\xa1Bb\xb5A\x80)\x1c8\x91\\\x85\xe9\xa4\xb6\xe2\xd6q\n3`\xf4\x05U\x04\x01\x062\xf6Rj\x8a\xdcR-\xec\xe94\x92F\xe3I\x98%~`\xa6s3cA\x03\xc4i\x9f\x8a\x18\xc4\xca|\xaf\xec\xfb\x9c\xa6\xb6pk\x17v\xd01\x84\x0c\xd5%,\xf2\xa2R1i6\x1c$M\x17\xf5\xb7\xcf\xdf\xd9\xb9\xba\xb5stz\xeb\xc2\xe3\xef&gt;D\xb8\xb1\n\x14A\x12\x10\x153\xc7\xe9\xa8\xf0\xad\xd8v\x92\xc4U\xb1\xd9\x19\x9e\x85|r\xea051gB\x87\xe3\xb6,{\xb2g\x15\xe9rV\x84\xb5\x9f7\xfb\x94[\xb4x\x96%\xa2\x12\xbf\x8b \xaf\x94\xf9~O\xe7\xe47E\xf5\x03,\x13\xdd\xd0\xf60\x1b\x98\xd6a\x95\xb2\x8f\xa4=\xfb\xab\x84&gt;\x1c\xbd9\x99nl\xee\xdc\xbc|\x9e\xa8`ANX8\xe8jaO\x0e&amp;fQ\xd3\x18vl\xde\xdd^\x0cfa\xc6\xd8XD\x0b\'ll&amp;\xcb\xc0RU?\x1c\xe3\xad\x89m\x9b\xe3\xbdY\xca#\xb6{:uX\xc9r\xa7\xd2\xd1\xfd\x9c^\x1d\x18\xccvX\x07E\xf5t-U\xeb\x94E\x19\xe3n\xbd\x19\xd0\xf2\xe3\r\xbf\xf8\xe9\xc2\xc3\x8d\x9d\xe3\xe9\xf9\xff\xfc\x1eU\x15,\xea\xb0Z\x8c\t\x999\x93\xfd\x14\xab\xb1cc\n[\xb3K\x15\xaaX\xd9u\r\xcb\x8d\x8a\xd0\xa4j\xa8\x9e\x8ct\x18\x1d\xec\xa7\xa6\xeb\xe6\xcd\xea\x9d\xb9\xeeb\x81\x00\x1d(L\xa0\xc1\x86\xf84\xd6\x9bWez~\xa9\xa8v\xab*\xdd\xfd\xd1\xe3\x95\xc5\xb1\x0f\x96ge\x8c\xa4\xff\x1d]\xb4\xaf\xffp\xf9\xf8\xe1\xf1\xf4\xee\x97\x98\x15\x02[-\xb0p*\x84Td\x8fV\xf71\x8e\xb1\xb1c\x1e\xab3,|\x96\x0bM\xc6.\x1f\x99\x85\x0b\xebz\x94\x0e\xf9du5\xcd\xb9\x15\xa6w\xb6\xe7\xb0\x98"\x19$\x1d\x01\xcfJ\xa9/8\xb0\xe6%Ai\xda\xefij\xebb\xb1\xc0[d\x12\x8b{\x9dZe9?\xd0[\xf1\x7f.\x99\xe5o&gt;\xbd&lt;\xfd\xc5\xbf\xfe\xaau\xbb\x19\xef\xb0b\xa2B\xb6\x87\xab\xfbiX\x00\xcb\xc7|\xa1U\x047)\xe6Z\xfehy\xd9g\xd6$\xb1:\xbbs\xd7\x0e\xc7\xab\xab\x99\xa3\xf20\xdd\xde\x9e\xd3\x144\x19f\xa1\x04,\xa8\xa5\xb0\xb6\x15=1(i\xc0\xf44\xfc\x7f|NWB\x8e/k\xcc\xd4\xa22z\x8e~FE3j\xf9\xab\xb7\xce\xff\xed\x9f\xa5\xa4\xd3\x1f\xc5\x08+\x8e#\x8cuf\xf9u\xb8\xbc\x9cN\xc2\xc4\xc1z\xc0\xcf"\xb0\xeb\xc5\xc9\xea$\xc14,,fh\xb2\xe5\xdaA\xb6\xbf\xb7\xda\xb8\x1e\xc7%\x1cX\xbaN\\\x02?\x82\n\x8a\xe6\x16\x0cy\xff\xdf&amp;\xac Uq \n\x8a=\x11\x12I\xa0\x17\x03\r\xb6M\'\xf4*\xc6\x8fb\xe3\xce\x88KW!;W9\x87\xfb\xef\\@\xfc\x8b\x01W\x1eb\x0e00w\x98\x19\xe60S\xd5\xed\xff|]\x8a\x9dJ\xf5{\xf5\xaa\x1e\xe9",\x19i\x17\x9c\xa5N%\x91-\xfc\x9a,\xcf\x05\x0cm\x04\xa6\xeb\xdf?\xbe\xfd\xcd\x93@\x16*\x1e\xb0\x8e\x1a\xf7\x89\xfe\xeb\xe6\xb0\x11\x87CS\xc2|\x06!PL\xc4 \xe7p=x+\xa7U\x87&gt;P\xa6\\m\x0f\xd7\xeb\xd0\x98T\xce\x87\xc7c\x941\x9b\xaa\x02\xa6X\xeb\x1d\r\xa0@\xa6\xc0\xe3\xc7\xfcfS\x13[ZH^a\x08\xb4a\x82\x8e\xbf\xee\xd4\xf9\x08\\Y\xc2\xede!\xca?\xff\xc6\xb0\xfe\xa8,1\x0bd\x81~\xdea\xe7\x01\x8bA\xde\xd3{\xe2\xb4\x08K\x98\xb2\x1d\xfan\x8bk\xadk\x9c+\xfd|\xbb\x86\xe7o\xa4\x12\xcd\xf5\xfe\x00[A.\xd3"I\xd5\x18\xbd\x85q\xa6\x01%L\xca1F\xae\xce\'\x19N\xc1\x88\x9f23bH\xef\x82\xe5@yYY\x04`\xf8(\xb1\x82\x94\x15)a-\tK\xe0\x17\xc0\xaaJ\xdf\x1c\xb8\x06\x81\x98\xa3\x0c\x0c\x8b+\x0b\xe4\xdb\xf6vkV\xc82\x0e\x9d\xa4\xdc\xa2A\xa5_\xd6s\xc0:]\x00+\xe3Y)\xd8\xda\xc1\xcb#_\xa8\xa5p\x82i\x9a\x15\x84\x17vY\xee\xa49\x1a\xa3]\x88\xdeO\xba\x98\xfdS\x88\x07\x80\xc5{\x0c9\x89\xa8B\xc1\xcfh\xb6\xf5\x14]\xef\x9bu\xdf#\xaf\xb6\x0b\x0cF2\x0e\\\xb8D\x84\xd8~\xd8{\x08t*+\x8c\xef\xf2t\xea\x01\xcb\xcf\x9e\xb0r\x9e\x15`eL\x1a\xe3T\xab\x99\x83#\xdc\x81\x961\x9a\x06\x87H\x13{;\xa4\x91X[A\xd52}\x16a\xed\x94L\xa2\xfd\xc2\x0b\x86+&lt;/\x11\x95\x1c\xbb\xde\xd4\xbe%,\x84\xd5\xad5\xc2\x90r\xae\xa8\x84\xb4\xdb~\xb8\x1d0e\x95\xac\x8dr\xddf3\\.}\xe9\x94\xdc\x10\x96\xca\xb8\xbe\x82\xef\x9c\xe4\x01V\x919\x0c\x82\x94\xb7\x18a\xa5\xb8A#x\x1c\x93w\xfeD\x85\xf2\xc2\xdc\x14\x0b\xae\xec\xc3\xae\'\tdETG\x08=\x17\x89\xb0x\xf5\x8a\xb0Z\x8f\xc0\xbax\x11\xc0\xc5\x10\x0fY\x87\xb5Z\x0f\xb7\x9e\xf6\x04~f\x9aV\xa75\x02\xe5[\xed\xb2\xe5\xfe\xf5~\x1f\xe1\xb9.\xc0\n[\x11\x98T\x8e\'\x97Nbm!a@\xb0\xd0\x83\x08,\x9f`\xed\xe2]B\x19\xca%|&gt;\xa6\xc3$V\x96\xc4\x90.\xcf\xbc=\x10\x03\\\x12\xb0\xf6\xfd\xbe\xf1p\xc2\x9d\xa5_\x9</t>
        </is>
      </c>
      <c r="M306" s="3" t="n">
        <v>45492.67747685185</v>
      </c>
    </row>
    <row r="307">
      <c r="A307" t="n">
        <v>922556</v>
      </c>
      <c r="B307" t="n">
        <v>2020</v>
      </c>
      <c r="C307" t="inlineStr">
        <is>
          <t>Pedro Augusto</t>
        </is>
      </c>
      <c r="D307" t="inlineStr">
        <is>
          <t>P. Augusto</t>
        </is>
      </c>
      <c r="E307" t="inlineStr">
        <is>
          <t>VOL</t>
        </is>
      </c>
      <c r="F307" t="inlineStr">
        <is>
          <t>VOL</t>
        </is>
      </c>
      <c r="G307" t="inlineStr">
        <is>
          <t>VOL/MC</t>
        </is>
      </c>
      <c r="H307" t="n">
        <v>181</v>
      </c>
      <c r="I307" t="n">
        <v>28</v>
      </c>
      <c r="J307" s="2" t="n">
        <v>35491</v>
      </c>
      <c r="K307" t="inlineStr">
        <is>
          <t>Left</t>
        </is>
      </c>
      <c r="L30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726f102-036a-4096-946f-babf8f2124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h\xd3\xc3\x00\x00\x03\x00PLTE\xff\xff\xff\x1f\x0c\x06\xd2\xa0\x93\xfd\xfd\xfd\xcf\x9e\x90%\x12\x0c\x1f\x13\r\xff\xfe\xff#\x0f\x08\x02@\x98\x15\t\x05\xcd\x9a\x8c5\x1c\x15&amp;\x17\x12\x7fG;\xd4\xd0\xd6;\x1d\x15\xcd\x91\x81\xd3\xa2\x95tC8J\'\x1e`8/? \x18X/%c2&amp;f&lt;2\x04G\xa3\xc3\x1b"\x1a\x0e\tp;.B$\x1c\x92XJ\xc8\x87v+\x13\x0c\xd9\xd4\xda2\x17\x0fyC6\xd1\x9b\x8d]3*\xb6ra\xcf\xc9\xd0V4,\xcc\x95\x87n@5\x97\\N\xce\x8d|\x1a\t\x039"\x1c\xd2\xcc\xd3\xb3\x11\x16/\x1c\x15v?2\x84K&gt;\x11\x05\x02\xd2\x91\x81L,$F*"k9-\xbcxhvG?_."zG:\xca\x8ayQ/&amp;U\'\x1dd7+\x9c`Q\xd3\x9e\x90\x8bPB\xc4\x82s\x94TEO"\x18\xc0~n\x9deV\xd5\xa4\x98\xa8iY\x86OB\xc2\x17\x1c\xbd\x18\x1e\xfa\xfa\xfa\x04D\x9dj5(\xb8\x14\x1a\xc9\x1c#\xa2gX\xae\x0f\x13\xd1\x98\x89P* \xd3\x95\x86[*\x1e\xd7\xd1\xd8\xcc\xc5\xcb\xc7\xc1\xc8\xa6\x0b\x0f\xa9\x0e\x12\x91P@,\x17\x12\xc1zj\xf4\xf4\xf5B\' \xaco_\x8bUI\xc8\x8d\x7fI\x1c\x12\xc7\x92\x84\xb6uf\xc3\xbd\xc2\xbdtb\xcd!(\xa5m_2"\x1c\xadsdxOH\xba\x82s\xc0\x85w\xc9\x83q\xc5~mF"\x18\xb4{l\xd6\xa8\x9c\x9d\x08\t\xbd\x12\x17\xbb}n\x8bJ&lt;\x98\x07\x08B\x19\x0f\xb7\xad\xaf\xee\xee\xef\x91\x05\x06mD=\xb8mZ\x0c\x02\x00~LA\xdb\xd8\xdd\xaffU\xa5cS\xa2\x08\x0b\xbd\xb7\xbe\xc2\x89{\xb1l\\^;4:\x15\x0b\x03\x1cK\x04@\x94\x01!\\\xc1\x8d\x80.\x0e\x06\xa7_L\xa0ZJ\xae\xa7\xaau:,\x02;\x90\xd3\'0O3,\xc7\xb8\xbb\x04&amp;d\x026\x87\xafvi\x022~\xc4\xb0\xb3\xea\xe5\xe5k0#F3,\xd7\xca\xcd\xb7\x9e\xa3\xb9\xb2\xb6;,\'\x96\x8b\x8e\x84F6\xce\x88x\x01(l\x9bRD\xd1\xbf\xc2\x88\x03\x04\xc8$,\x01,t\x8c\x82\x83xnk\xa8\xa0\xa2\xd6\x99\x8cRD?~?0\x86vw\xda\xad\xa1\xb8"+dC=\xeal\x84\x9e\x93\x96\x16O\xa1\xaa\xaf\xc3\xcc\xab\xabk__ZMJ\x96\xa2\xbc\xbdnp\x9dww{\x02\x04L95\xa1\x99\x9e\xc2xx\xb5\x86{\xdb/8\xdc\xb3\xb5\x8db[\x16J\x8d\xde\xe0\xe5Ep\xac\xcaEL\xa3MR\xba09\xdf9A\xb6=H{ZV,^\xa5\xa6\x86\x85\xb2\xc0\xd7\xb2\x95\x95\xe8\xd9\xd7\xa08A\xe2Wr[\x80\xb5\xb5cc\xc2X`eVS\xc5{\x88\x8a;=\x90hn\x88\x90\xaa\xc8\x9c\xa2j\x81\xa7\xc4\x8a\x91\xcbhrl\x04\t\xaam\x85\xdd}\x93\x87!)u\x90\xba\xa3\x16\x1dBX{\xabYs\xab\\Z\xaeKe\x82\x0f\x11\xe1\xc2\xbc\xc4\xc7\xd4\xb5\x84\x98 @q[p\x91\x17\'I\xd8\x92\x9d\xa2%.jhy\xc4\xd1\xe4\x91M[;D]\xdcc}\xd1\xed\xf9\xcb\x00\x00 \x00IDATx\xda\xc4\x98\xd1O\x1a{\x16\xc7;\xa1\x03\x13:\xb4\xd3t\x180\x81\xa1s\xc7\xc0\x1da\xe1\x06\xcb\xce@\xe9\x8e5R!\x9a\x10\x12\x13\xc2\xeeM\xa4Rm-Q[o\xe9\x83\x8d\x12\xa5Jn\xc5\x87\xa2\x92\xb0\x89\t\x92\xd4\xba\xf1\xa5\x1a51&gt;\xd8\x976\xfb\x07\xf4\xbd\xff\xca~\x7f\xd3{w\xb3\xefc{\x1c\x9c\x88$\xf3\xc9\xf7\x9c\xf3=\xe7\xc7\x95+&amp;\x85\xcdf\xfc\xc2\xcd\xf6\xed\xf6\x83\xc3f`X&amp;\xaa\x9dNg\xf5\xc6\xeaj\xa7\xda\xa9V\',\x04\xef\x87\x11\x19a\xa9\xfe\xfd\xe9\xf6\xe9\xd7\xe3\xe3\xe3\xee^\xb7{\xfc\xf1\xe3\xd7\x8b\xd3\xa5\xd5\xec\x0fP\x0c,\xb8\xb2\xd5\xceO\xbf/\xbd?\xfc\xd8\xdd\x8bD\xa3Q\x96\x8d\xb0x\x95Dq/\xd2=&gt;\xfcg\xd5\xf2\x9d\xc9l\xd9_\xcf?\x7f&gt;?\xfdx\xdc\x9d\x9d\x8d\xce\x02)ZD\xb0,\xc7E\xc4RI\xd3TU\x13\xb4\x8b\xed\xeaw\xe5\xb2d\xb7\xf7\x1c@q\xd04-K\xb2D3\x14\xc3\xd0\xb4$\xc9\x1c\'\nbI\xd3u]\xd1yQ\xfc\xfan\xc2\xf6\xfd\x12X=\x9f\xb5"\x00CPd\x99\x05\x1b\xcb\n%Q`Y\xfc%j\x9a\xae\xaa*/\x08\x91\xee\xf9\xf7\xe2\xb2Y:\x87\x0e+me\x18\xc6`\xe2*y\x97_q*\x1a\xcf\xab\x1a\x94\x12#\xe0+\x89\x95\x8a \xb0\xb2\xd0&gt;\xca\xda\xbeK\xa9gW\x0f\xa3\x80\x02V\xb1h\xa4\rX\xc8\x98\xa0\xa9\xbc(p\x1c\'h\xedv[i+\xe4=@\xb7?\x7f\x07\xae\x89\xea\xc4\xcf\x1fIIYQK\xc8 \'\x18(\\\x057\x99P\xca\x11M\x13\xb9h\x11@(\xfb\x12\xb2\xaa-]\xb6\xb9\xda&amp;\x8e\x9ev\x88V\x0eB\xc5\x90\x14\xcat\x98\xe1D^\xe5yN\xa2\x18\xa9\x88\xd42\xac\x064T\xbe(\x8a\x1c\xcb\xc9\xed\xed\xce\xe5:E\xf6\xd7\xd3\xa7\xef\xf7\xac \xa2\xc9\x0b=\xc8\xd8c\x94\xc0\xf1\xba\xa8\xab\xc0\xa2\xc2\xe10E\xb3\xaa\xa2 \x8fjI+\x95Hy\xf1\xca\x97\xa3\xce\xe5\x99\xab\xcd\xf6\xcb\xc7\xe3c\x07:\x90PA,@\xd5b\x8c \xa8\xaa\xa0+\x9a(1VP1\xb2\xa0\xb6\x15]\xd5"Q\x86\xa2e\xc8\x95\xe7u\xe5\xcb\x12\xbc\xf5\xb2Z\xf0\x83\xc3\xe1\xf8\xe6\x0b\xc4\xa8\x18*\x16\x8b\xd1\x1c\xa7\x13*\xa5-D\x1dV{\x98\x928\xf8\x83\xaai\xa5"-\xc1.\x9ah\n\xb4\xa8\xd2\xf8\xf2\x8f\xec%aU\x8fQTV+\x05$\x8a\xa2\xa9p\xacV\x0bs\x82\xae\xca\x15\xbd\xa1\xb6KQ#\x87\x12\x0b\xf9@\xa9\xb1\x02\xfa\xb1\xad\nM\x99Wx\xde\xd98[\xba$\xb9~\xd9c\x88\x8b\x82\n\x8f\xa7\xec\x84J\x92+\x1a\x9e\xab\x95T]\xa3\xf0&amp;\xaa\x9e\xab\xe8gg\x8dv\xa9\xd4n|j\xb7\xbb\x9a,\t\xba\xc8iJ\xfb\xf8\xe9e\xe4\xd1f[\x9a\xb5z&lt;\x1e\nP\x08@\xd5\xc2\x0c\x1a\x8dj\n\\D\x10\x15\xe9\x0f*^i,74Q\x94a \xa8@|\x94\xe6UI\x8aDJ_;\xb6K\xa8\xac\x89S\x87\xd5\x13F\xf9\xc4\xec\x0c\r\xaaX\x18\xbd\xd8d\x18\x8ek69]"\x99E\xbd+\x8d\x86\xc2WT\xc3\xbd0-I\xaac2\xfe+E\xe9\xe8{\x8b\xf9\x96u\xe3p\xd6j7\xa2V#\xaf\x18\xbc\xa0\xd9d\x9aM\x19\x17\xdf4bcqQ\x1066*.\xe7\x99\xa2b\x95\xe0\x8a\x12I\xb6\'\xc2\x926\xa1\x8f\xcd\x96\xcb6\xf1~\x8f\xb6zb1;\xae\x1a\tP\x91n4\xb86\x16A\xf4g,.&gt;\x1e\x1e\xb8\xbf\xbc|\xd6&amp;6\xcf\x16\xc1e\xa7K\xc4~\xed{?\x9b\x8be\xcb\xbe\xdb\xb3Z=`\x82R\xa4\xaab\xa02\x90\x0c\x8a\xc7\xff\x8b\xe1\xc7\xc3\xc3\xc3\x03\xc9\xf8\xf2\xdde\x85\x93a\x11L\x186BE\xe0u\x8c\xdd\xf1\xce\\\xac\xea\xfb\xae\xd5\xd0\xca^\xb3\x93\xc7\x10\xaddC\x9a\x81\xe4n\xce\x9b\xcb\xed\xee\xba\x93\xbb$\x92\x85\x81\x81\x02\t\x17/4a#\x1cK\x93F\x90\x19\xf4\xa9\xc7zdf/\xda\xaa\xa7Q\xf4 \xb4\x02\x18E\xa1\x1b\xeda\xa6IrUH\xee\xb6\xf6\xf7_\xed\xef\x9f\x9c\xe0\x86\xd8?i\x19h\x85\xa4\xdb\xed\xca\x0bX\'`\xb6\xb2\x84\x81\x806\xb5\xcf\xfen\xa6Z\xd9\xa3Y\x87\xf5\x1b\x15\xc1B\xcb3\xd2\xc6\xe2p\xc1\xbd\x9bk\x9d\x80f\x1c\xf1j\xfc`ks\x0bq0\xfe\x8d-\xee\xed\x0f\xf6\xb8x^Q\x14\xd2\x96r\x94\x9d\xb5~\xea\x98\xd9\x8a\xd9\xcf\xff\xc5"uN\x85\x19y\xa3\x82\x9cy[\xad\x96\xa1\xd2\xf8\xf8\x83\x03P\xad\xadm\xae\xd5\xd7\xf0\xfb`||\xbf\xd5\xf2z{\xfc|\xa5\xc2\xe7u\x9dG\x99ad\x9a\x8ae\xb3l\xc3G\xbfy\x03\xfa\x9c\x86;-\x0e\'sqo\xae\xd5\xea\xef\x07\xd7\xfe+`mmm\xfe\x11k+\x06\xd9~k\x17u\xe6\xca\xc3^\x15U`\x8bL\xd8\xee9\xac\xdaLl\xc3\x0fD,;\x9984\x8d\x8d\xca\xa0\xf2z\xbd\xbb\xb9\x1c\x04CY\r\xfd\x1f\xd5\xda\xda\xca\n!\xdb:x\xd5*\x14\xfc\xae&lt;NA\xac\x04\xbb\xb7\xdb\x1d7\xcc\xc3\xb2\x00\xcb\xe3!c\xd88\xdf0\xf4\xc6\xe3\x01w\xdc\xeb\x8d\xbb\xdd\xee\xddx\x8bh\x85\x9a\xaa\x1b\xe9\x83T+e\xfc\xfc\x19\x9b\'\xc9B^@\xc1\x871\x1f\xec\xf6\xd9U3\xd5:\x87Z`"\xad\x8eA\'\xc3\x15r\xf1x\x0eT\xeex\xef\x9d\xa1\x07[\x9b\xf5\xb5\xf55#V\xca\xe5\x87\x88D9@\xa0\x02\xe5r\xf9\xc0; \xc8H`\x98\xa6b5\xfb;\x8b\x89\xb5ud`\x19\xfb\x0c&lt;\x88\xf4`\x0ePI\xf7\xfd\xf8\xf5\xa1\x07\xbe\xc1\xfa\xfa\xfaz\x00W PN\xbcx\x91J\xbdxa`\x112p\xad\x8f\xbb+\x92$\xf0\x82\xe4\xa8\xc5\x96\xcc\xac\xf9w\xb3\x94\x07v\xf8\rK\xae\x0c$\x89PI\xff\xfd\xf8\xad;C&gt;\xdf\xe0\xc8\xa3@ \x81xX.\xa7S\x84\xeaa"1=\rR\x03\xab\x9c\x18\xb9\xebT\x94\x86.\x88\x0e\xcfS\x13\xb1,\x9dc\x03\x8b8b\x98\xd9\x80W&amp;\x93\xfe\xa4\xdf\xdds\xeb\xde\xe8$\xc1\x9a\x0bL/\xa4\x1f\xa6\xd3\xe9D\xeaM*5??\xbf\xb0\xf0rg\xee\xd1\x0crK\xf2X\x1e\xeb9S\x9c\xba\xaeE\xf6V\xcdt\xf9\xec!1QB\x05\xac\xc5B\xb2\x90t\xb9\\~g0\x18\xbc\xfbzt24\xf6h\xfa\xe5\x02\xa0\xd2\xa94\xb0\xde\xbe}\xfb\xef\x9d\x9d\x99\xccLf0\xe4{P_\x07V\xa0W9\xc3\xb9Qi\x1f\x9az\xc6\xb6\x9c\xa2\x95\xc2dw\xb2\x87\xa5\xe1$\x06\x1e\xa8\xfc~\xa7\xd3\xa5\xebX\xfa^\xfb2;\xd3Hb\xfa\xf6\xc3\xc4\x9b\xe7/g&amp;\xef&gt;CLN\x862!\x9f/4\x02\xaeL\x1e\x9f\x83\xdf\x7f0\x15\xcb\xf6\x01{2V\x00L\xe90\x07\xa9\x06\xf2.\x1dd0o\x8ec\x05\xddyo4\x83\xf2\x9aNO\xbdI\xcc?\x1f\xbb\x8ei\xc8\xbb\x9c\xc1\xd7\xa1\xb1\xccXfrrd\xa5\x1c\xf0.\xf28\r\xb5\xcd\xc5\xb2&lt;\xed\xc2\xdb%\tG\x1d\x9aO\xba\xf2y&gt;\xefr:\x95|E\xd04A\xe4]\xf7\x83\x93\x99\xb1z =5\x95\x9a_\x08\x8d\xdeCv\x83\xf7^Off\xe6v^\xce\x85|\xc8\xa3o\x91\x15UM\xfd`\xea\xc1\xdf6q\x01\x1be\x8aT\xcd.\xbb`\xdb&lt;\xef\xf2\xf7\x04{\x9c\xce\x9e\xe5\xa0\xd3\xef\x1a(\xb8{}xz\xfa\xe6\xcd\xdb\xe9\xc0H\x1d1\xf2\xe8\xd1\xdc\xce\xf3\xf9\xb7}O\x9e\xefd\xb6V\x02\xeb\xae\xa6\x84\xe3\xec\xb9\xa9X\x16`9\x1c\x0cK\xd7(\xde\xefwA\xab\xe0-\xd2\x85\xa1\xcc\xcc\x98o\xb47\x9eL\xe6z\xef\xbc\xaa\x03\xeb/\xb7\xe1\x12\x81\xf55\xb8\xd8\xf4\xc2\xfcT\xdf\xb5k}o_\xd6\xd7\x02\x81[\x92\xc4\xa9&amp;cA-\x87#J\xb3tLrA\x1dHuk\xd4GR4738~\xbd\xd7\xebN&amp;\xdd\xf1\xeb\x06\xd6\xbf~{X^\xd9$\xfbD}dz\xfe\xc9\xb5\xab\xd7\x9e\xcc\xcf\xc1\'&amp;e\xa9\xd8\xd5\xccM\xa2%{\xea\x88\x16\xe9\xa2\xa7\xc69\x9d\xe8\xc0\xa0A5\xe6\xc30\x0c\x8d\xf7\xee&amp;\xc9\xdeW\xe8\x1fLL\xdd\xfc+\xc1Z?8\xd8\\I\xa4\x16FF\x9e\xf7]\xbd\xda7\xb5\x10X\x0f\x0c\xb2\x91\xe8\xa7\x92\xb9\x06q\xc5\xb2\r\xb5p\x96\x8f\x95z\x9c\xfe\xc6\xf2\xad\xd1\xc1\x99\x99P\x7f\xeeNhddd\xd0\xd7_\xc0\xfe&gt;\xec\x1e\xad\'RS\x7f\xfb\xedE\xe2\x00\x1b\xd8\xe6\xf4\xfcT\xaa\xbe\xb5\xf0\xa4\x0f\xe5\x05\xac\x0c\x17\x89|*]\x98\xfc\xdd\xe0O\xb3T4\x8aMPC\x9d/?\xbb\x0b\xadB\xb9\x82\xf7\xfaPh\x10\x9e9\x1a\x1f\xc0\xd9\xa2\xd0\xff`-\x91\xba\x9d\x9a\xdf&lt;A\x0c\x8dM\'\xd2\x89\xad\x83\xe9\xa9\'}o\x16\x02\x81\x8c\xc0\x96\xba\xdd\x8b\xaa\xa9X\xb6\xea\'\xca\x11\xc5\x19Cs:\x1b\xcb\xcf^\xc3(\xbdd\x13\x0c\xc28_\xdf\xeb%X\x8f\x0b\xad\x07\xeb\t\xcc\xc4\xc0\xf8\xc9nax 89\x83\xf1]\xdfLLM\x11\xac1\x11X\x9f.\xaaf\x7fYc\xb5:\x1c\xc0j8{@2\xe9\xbbS\xf8\x0f\xad\xe6\x13\x9bF~\xc5qm]\xff\xd1\x96\xcc2\xe1\xcf\x80\x94\x81\x89&lt;;\x14\xc3\xac+3\xcb?\xc30\x10`\xb0A\x8a\x90,\x8f\xd1\x1e0\xb61!\x96\x1dj\xa0\x91\xb0\xd8\x08\x87\x1a\xd5\x86C\x1c\x17)\x91\xa2\x8d\x9d\xca\x1b\xe4=l\x96$+\xab\x87X\x89,\xafbE\xca!\x8a\x9aC\x94\xcd^{\xb1\x94s\xa5\xbe\xdf8=\xf4&gt;y\x96\xc5\xf5\xa3\xef\xef\xf7{\xef\xfb\xde&lt;\x81\x10\xd5\xd3\x03K;\x87MA\x80\x96L\xf4\xb5\xa3\x16(A\xa5\xb5\xadv\xcd\xd5:w\xb0\xe3\xd2Do\xca\xef\xf1F,o\x193\r\x0e\xef\xdcz2\xa3p\xfbzy\xa9\xafo\x04a5\xf7\x01\x8b\xe3\x92\xa2T=?\xbd4\xb0\xfb\xf0\xe0\xf1\x01\xf4\x8a91I\xdbA-(\xd7\xf1\xe3\xdf\xf6\xdd\xc3\x07;O\xde\xa5\xda[P\xbc\xe7\xe7e\xaciP\xeb\xb1\xd2s\xe7/v\xcf\xf4\x9d\xf9\xfc\xfa,\xa85Z\xf0\xd3\x8eT\xae5\xe8&gt;\x1c\x19YZz\xf2`?\x07XB\x12\xb3oX2\x11\xaf7n7g\xad;;\x07\xaf\x9f\x85\x1f\xed\xad\x96(|h\xdd\x8b\xb0\xdc;\x87\xffTx\xbc\xdb\x7f\xed\x1d\x9c\xe2\xb9\xeb\xc3\x80U\x1b\xd58\x92&gt;1\'0\xfb;*\xb5\xb5\x16\x84\x9bU\x16}$f_\x03\xac\x8c\xc5\x12\xdf\xda\xb2g\x8f\x9f\xdd\x99\x8b\xafY\xe0\x11\xcc\xe3|\xc62\xe6&gt;\xbf\xbb{\xf87\xa5G\x95=`\x9c\x01K\xa5k\x1ak\x1a\r2\xf2\xa9\x94\xcf\xe3\x01\x83j@\x17K\x14}\x1e:\xdc\xd8\xf0\x96\x00kkoo/\xb4\xf8\x97?W*`\re\xac\x98%d\x1a\x80\x0c\xf1\x8d\xd2\x93\xa4\x9e\xcb\x80\xd5w}Z\x07r\xd94\x0e\xdaOC\x8b\x9f4\xa0L*\x96E\xad\x08\xf6\x9e\xc4\xb6\xd6\x16d\x1f\xdf\x80\x96\xe3f&lt;o\x01\xb7S\x89Dx\x1e\xd4j \xac\x83\x17JO\x92z^\xec\xf6\xf5\xf5]\xef\xb5B}\xb6\xd94\xb4\x1f\xa3i\xc7i\x9b\xe1\x13 \x9dJP~\xe8\xad\ro&amp;\xb3\x00\xe6y\xad\x11\x8f#\x83\x8f\x12Fd\x9d\x82\x02\xdepM\x0f\xef&gt;Q\xfcKK\xff\xcc\x03\x84u\x0e\xb0\x82F\x19\x0b\x82\xa65\xb4\x03\xd0@1\xf0\xf7dv\x03yT\xaf\xb7T,-\x80\xfdBje2\xb1\x08\x05X\xf9\xb8\x04X?*?\x9f\xef\xb9\xbc{\xae\xef\xeb\xaf\x02\xa7X2\x15\xc7%\xc2\x1c\xed \x93\xa0\x96\xc0\x18\xb0x\x05\x18"\x19\xc0*F2\xb2\xb7\xcf\x94\xa0\x13\xa2\xa8H\xcc\xbbA\xf4\x0e\xef&gt;\xbe\xf7F\xe9/-\xfd\xd7\x0e\xfa\x10\x16\x83N\x11\xb08.\x9cNG\xc3+\xf7\x1dmCJ\xcc\x11A\x87=\x1f\x8b\xe0C8\x95\x01,\n\xc8(\x9e\x82\x9f"PA\x9d\xdc\xb0\x9dw\xd7\xf3\xeb\xf3\xcf\x15\xe7\xfa\x1e\xcd\xdd]\xa7XX"\x9c\x8eF\xa3\xe9\x15\xc0"\rBN\x08\xda\xea\x13\x90\xd0\xc7\xcf~9\xc9\x97d\x18\n\xaez\x87\xef\xb0,\xceS\x11\xaf\x85S\xe9\x96\x87\xf8\x85\xd2\x1b\xa5?\x8d}\xb3\x04X\x1f\xd5\xc2\xa0\x99\x06\xaat\x1a\xb0 \x87\x89A\r\x14\xca|e\xfd\xea\xf8\xd0\xe4\x10\xc5w:\x14\x10QE\nQ\xe1&lt;\x0fXau\xed\xf7_v\xd9\x85\xe7\x8aN\xdez\xee\xde\xfe^\xc6\xd2\xe9t\x1e8D\x0e\x89\x85\xe4\xc2\x1cIA\x0c\x8e&amp;\n\x05\xf3\\\xbe2\xf4\x07\x1c\x9f\x1c\xe2\x9d,\xdb\xe1Y\x96\x07&amp;\xdc\x89\xb3&lt;$Y\xb3\xb6pv\xbc\xdb-*z\x8a=\xf7^IeU\xef\xe7\x03\x1f\x13\x84_V\x0ba\xddw\x18rB=1\xca\xe8\x12\x13\x8b\xf9\xf9\x1b\xc7c\xd4\xe4\x10\xce\xe2,\xe8\xe4tNA\x00#d\x08;q|u\xdcy\xc1\xa9,\xd6\xb3\x94\x8f!\x86?\x1b\xb4\x1a\x8dp\x86p\x88\xa0\x96\x1d\xb0\xc2\x9c\xc3We\x12u\xc3g_\xbbB\xf1\x8d\x1bw\x84\xdc{\n$\x82\xe0q\x99jjJ\xee&lt;B\xc1+\x17\xc6\xd9nWI\xac\xfe\x8b\x85j\xd5X\xb3\xf6\xaa\x9a\xc6\xfdS\xacpt\x0f\xa8@.\xda\x90KqY\xb2\xf5U\x95[\x8c/\xcf/n\xff{\x15\xc7A#\'\xd2\xaa\xdb\x05,P+c\xb1;\xbc\xce\xae\xd3\xd9\xfd\xd0\xa3,V\x8eaj*U\xb3\x061z\xaa\x96\x8c\x15\xc6H!Gf\x13\x06\xc1@\xa6\xb7\xbc8\x0eu\x90g\x9d\xf8\x94s\xc89\xd9\xed^\xe8NNA\xf9\x89Y\xcc\x89\xe5\xa9\x0bSl\xf7\x83\xa2M\xc6o\xe0\xf3D\xc2\xadj\x16\n\xa3\xa3\x08\x0b\x12\x04&lt;D\x00\x0b\xd3\x06AL\xf9\x04\xa2\x96\xcdnY\x96/E:\xa5\x12&lt;@\xf9^M"\xb5\x9c\x90\xc0bsY\xfb\xf2\xf8\xcf\xe3x\xf7\x8d\x92\x0f\xb1\xff_\x80\x95\xab\x9a\x06\xad\x05\x99\x0beS\x88t:\x1c\x05\xb9\x92D\xae\xa5\x96l\xc7\xbfLL,\x1ego.\x14;\x9d\x0e\x0bX\xe8\x14\xd1\xdd\x82vh.\x1c\xf2v\xc7\xafN9\x95\xc5\xfaGN\x14\xaaU\xbd\xdaU(\xbcBX\xa8\xf4p\xf2\xe8\x9b\x83|*\xaa\x07\x07\xcbL}L\xa3\x195\x12\xb6\x06\xe4\xf9\x8f\\H,\'\xce\x17\xbdq\xcc\xeeE7\xad\xf8AQ\xac\xd7\xe0\xa9\xaa\xe5\x80\xd6U+\xbc\x02\xb9\xfcP}0\x0c} Xqx\x0c\xda\xf3h\xceKh4\x84\x88&amp;\xf1\x9a-\x0bp\xa1c\xfc\x98 \xf8\x88%Dg\xbd\xac\xb3\xe3,\xfd\xach\x82x\x95\x13\x00\x8b!\x02\xcd\x1a`\xd5\xfd\x10\x18v\x9f\xe3\xee\xd3A\xa2&lt;\xfd\xd9@\xaf^\x1b\x1c\xb5\x89\xadrY\xab/;\xc2\x8d\xd5\x85\xa2\xf3\x7f\xc1\xf2\xb1F\x82\xb4EKT\xa6ST\x14\xeb\xae\xad*\xe4 G0V\xeb\xfe+\xe0\xf2\xfbi\x08\x0c5\xfa&amp;\xd5\xc0@\xef\xf4y\xbdg\xe2\x8a\x19\x0c\x18!\x95[\x82\x86\xc4\xcc\x8d\x12"\x92\x13X\xd1\xdb\xf0\x93\xd9\x95\xb5\xd5\xd5\x8e\xb2\x87x\xcfW\x15\xaa\xad\x16\xa1\xb3\x06\xe0-\xa2\xde\x10\\ D0`\x1aD3\xa6\xc1V*{\xa5\x12\xa9\xdcX\xc4H\x86\x19\xd5\xa4R6n\xaf\xe4\x9c:\x15+3w\xd3\x9fL`\xe9\xbdU\x96z\xa3h\xed\x81\n\xd3jm\xb6tV\x97\xb5\x06o\x11z\x1f\x072\xf4\x92\x1a\xadh\xe8\tC\x10\xb3\xa7_&gt;\x9d\xff\xf5(\xbfh_\xbcc6\x08\xc8\xe9td*\x96\xf2\x86\xec\xb4\xdf?6\xb1F\xb1\xf3\x8a\xf6\xd53\xc7B\xaa\xb5\xb9\xb9)6] \x17\xe4S\x8d\xcd\x86\xa8\xf4j\xbdZ\xad7\xc2\xbb\xcc\xda\xdf\xaf\xbc}\xfa\xf4\xe9\xd1\x11\x18\x89+\x1a\x1ba4\x90^\x19\x0b\x92\x96\xdd\xec\xd7\xd4+\xeb\xfc\x14{V\xd1\xb5\x83\xfe\xdb\xc6`us\xb3*\x06\\.ka\xdfh\xf4x&lt;\xc6 \x01Te\xad\x14\xac\xd3X\x16\xe3\xda\xefO\xdeB\x00Z~y\xcc\xef\x0b\xda\x0cY\xa8\xd7,\x98\xad\xb8=A\x06\x13\x96\xf5y\x8az\xaeh\x93\xd1?\xf3\xcc(\xb5$\x9d\xa0u\xb9\xad\xfb\xfbM]\x10\x82\t\xe8\xf5e\x02\x00m\xd0^x\xb6\xb7\xdb\xef\xdf\xef\xbd|yrr\xf2\xf2d.\x01\xa5\x9d!\xf3l\x07\xb9\x87x(\xe1\xb1\xd9\xf3\xcb7\xe6/\xbdQ\xd6\x9c\xf6\xfc`d\x04\xa3Q*\x9bfo5\xf7\xadh\xf8FX%\x93\x96\xf0\xdb9\xb0\x81\xc26\xf6\x9f\x97\x88\xe9\xed\xd1\xd1\xd3\xb7{\xe9\xe8}\xd2#0\x9e1\xbe\xc8S\x95\xb89\x94`\x0cc\xeb\xcb\xeb\xf8s\xc5\xdb\xeac\x86\xd1I\xa2Zmr5\x9b\x80\x15\x08H\x92\x16\xb0\x12\x13Y\x034\x89\xed\x15\x90\tN\xf0H\x8e\x0c\xd8\xbe\xba\x8e\x08\x9a#\xc5\x18\\\xf80\xe6\'\x02\xd9;C\xf8\xef\x14\xdf\x84\xb8\xf8m\r\xf4*\xb7\x86M\xee[V\xb43\xa6\x95\\.\x93V\xaa\x87\xe9d\xb2\xfdhe\xef\x041\xfd:\x0f\xeetr\x88\xa5\xa8J\x88\x91|\to,\x9f\xcf\x87\xb2\x8e\xe0\xad\x83\xc7\xbf\\z~W\xf1\xbd\x91\xfe\xbb\xc7F\x9f\x90\xdb\xffi\xc7\xedvY]\xb3\xda\xb2Vk\xd2\x9b\x08\x1as\x90\x0e\xb8\xf2\xf6P\xc8\x0c\xff\x13\xf9\x18\xb8@\xb0\xefl\x9e\x14t\xfe9\xcb\xdc\xc4\x1c\xdc,\xe2\xd6\xc1\xe5\x99\x99O\xb0\xf7\xd6\xd3\xf3]!(4o\x7fqhr\xcf\xbaM&amp;\x93\xbc\xe76\xcb\xa0\xa4J\xa3\xaeQ\xa3ct\xc6\xa0\x87\x0b\xe5)\xd92G\xfc\x12a\x0c\xc5Cc\x13!,H\xec&lt;\xfc\xf6\xd3,\xe3\xf5_\xfc\xe1\xf5\xeb{=/\x1e\x0e\xcf\xa2?\xb4{\xa7R\x99\x08O\xdb\x01\t\x9f&amp;=&gt;\xf4]\x9a!\x1f\x99\xf3,\xa4P\x9c\xad$\xb4.c\xd8\xcc\x85Ca\x9bMr?\xf9\xe3\'Z\x94\x82\xfbu\xb1\xbf\xff\xda\xbb\xa5a\x88%\xb4\x8f\xab\x1aQK\x0c\t\t\xbfM&amp;}\x82\xb6\xac\xd7\xda\xa2\xd1\x86\x97\xc7QSq%\x1b\xd0\xea\xeaa.l\xae\x13\x92\xeb\xf0\xa7OF%oU\x9fb\xa9FT#&amp;\x95jZ\xe5\xf2\x01V\xbb\xbd\xed\x13\xcb\xdaj\x950oXV-\x14\x0e\xf5&amp;n\x1f\r\xa8M\xc6\x04\x97\xe0\xfc\x92\xd6\xfd\xf0\xef\x9f\x0e\x0b]\xb1?=\\\x92\x97\x97\x07\x01j\xfa\xcc\x08\x9c"P\xb5Q\x0b+\nI,\xb4\x96\x89\x81u\xa7\xf2\r{\xc2V\x86\x1a`3\x879\xa3\x14p?P|\x86\xf4\xffX\x7f\xfdq\t-U\xabT\x83\xd3\xe8\xc3\xb5J2$I2\xb9mH\xa5\x92\x0e,\x1cMoX2\xde\xff\xf2r\xae1Mfi\x1c\x9f\xe9U\xe9\x85^i\x9b\xb4}\x0b\xb6\x05\xda2%m\x9dRK\xdb\xe9\r)m\xc2\x904 \x97\xc4B/\x01\x0c-\x14\xe8$\x90@\xd8\xd4%\xb0\x13\xd4d:\xbb\xea\xa2\x8c\n\x8c\xc6M\x80Q\'\x13\xc6U\xc3\x0e\x99D\x90/\xae\xa3\x89\xd1\x8c\x93\x8d\x1f\xdc\xf8\xc11\xcen\xc6\xdd\xec\xf3\xbcU7\xd9O\xe3\x0e\xf4\x04B\xf9\xf6\xcb\xff\xff\x9c\xff9\xefy\x9f\xd3\xf2\x00AX\xb2\x13\xc3l\xa5HF\xd4e\xc5"\xeb\xc2\xd2\x0e\xf7xRs\x0b&amp;\xb4pO\x84\xbe\x8b\xc1\xa0\x97\xf2\x86E\x12Imk\xcb\xfeV\x85\xd0b\x89{\xc2\x9f\x94\x07?\xf19\xb2n\x99XT\x12\xc5\xa2w\xb8j\xce\x9cY\xde\xe1\xa6X\xe6\xd4\x026|\x97F"\xf4w\x11+\xc2\xe6\x95\xc0P\x0e\xb7\x88\xedYa\xd6@\xf8\x02\x86\xb8C\xe8\xd6\x02\x962Z\xe2R\x13zQ\xc9N\x9c\xb8\xfd\xaf\x8bP\\t\x93)b\xa2\xcb\xe5r\x06\xf8\x18\xd9\xb3\x07\xd1Db\xbdL\x96\r\x85\xe2q\x87]\xaf\xd5j%\x95Ve\r\xcfe\xf3\xe9\xad\xc6\xa4qi\xa7\xd5\xeaZ_0q"`#]\xfe^\x91\x9c\xf1.\t\xc6.\xe1\x89$n\x99V\xac\x0fe\x1dz\xbb\xbeR$\xb2\x1e\x8f\x1a\x8d&lt;\xadM(S\xb2\x93\x0b\xb9\x9dnlfv-s8\xf4\x88\xc9\xb4\xeb\xbd\xa2\xa2W\x82\x95"\x96V"\xab\x14\xb9\xf4v\x99xB\xefrYkj\x8cl\xa3\xd2\xa5u\xbb\xd8\xe0a\xfb\x8ecQ\xc7\x92\xa5\x1cS\xa4\x94./\x92\x03\x18\x03 \xe9F\xd8X\x88\x86\xad\xd6\x1a\x91v\x026\xa6@e4F\x93\xech\xb4\xa6R\xacd\xd7\\Z\x9c{g\xa7\x07u\xf3z\x84\xc3\x89\xec\xc2\xde)\xc0\xe20@\xb0R6,\x92&lt;cI\x14\x1e\x13\xc5\xd6\xe3\xd6h\xd4\x04\x99k4\xd6(+[JJ*\xaf\x8cSw\x1c\x8bI]LbO\xb3&lt;\xdf&lt;\x05t0#\xd9&lt;\x08\xb2H\x84\x1dU*a\xe2%\xd9P\xe5I\x04+\xa9t\xb5\xb8\xf5w\x0bq\'\x83\x9a\xab4rJ9\x0c\x06h\x85\xd5\x05X`j\x84\x13\xe1\xd0!\xfeylS$\x89\xb7F\x92\x0b\xf0\x8f\xb2E+4\x04\xff\\\x10\xac\x132\xb1\x11\xd2\x944\xb1\x08\xa9\x18\xd8\x82\xcd\x81a2\x9a\xc0\xe0\xa4\t&gt;\x81\x8bF\xa5\xd5j#~wh_a\xb0.\xca\xf4\x95.6\xd9kV\xb4\x97Q\xc4\x91\xcb\x01\x0b\'%\x83\x93\x8c \x1c\xfe\x82\x8bl\x97;4Y&gt;\xd4\xd9\xf9e!\xee\x89P\xdbe\xf0HVY\xc3F\xae\xbdh"x\xc9\x81\x14c\xd0M\xd8E\xc8\xe1\xe4\x85S\x8a\x1d\xb0\xcdQ\r\x0eu~T\x10\xac\xb3@%\x93\x89\xb5\xca\xc8.\xe0\x82\x8c`\xec%\xd1P5:\x9dt3\xc2I\xbaB\xc1\xe0o;\x07\xcf\xab\x86\xea\x05\x85\xc1\xc2\x8e\x11\x18\xda\x16\x11\x1b\xea\x1ej\x0b\xd0\xc8l\xc5\xb2\xda\x05\x06\xb2\x8dQ\x19Q~\xe8\xd0\xbe\xc1\xf3N\x90\x8bV\x90\xcb&gt;g\'\x80K\x8b\\\x92\x16\xde\x1e:\x03{e\x81IN\xe7pJ\x93\xb0c\x85EH\x96\r\xf7\xf5\xd4\xfbUUU\xe7\x01\x8bU\x10\xb5\x8aI,m\x1eL4\xac\xe4\xf1`\xb1\xe6\x95\x88\x94\xd6\x16\x89\xd8-\x13\x12\x81\xb0\xc1\xd3\xb3o\x9f\xdf\t{zT\xab\x9bZ\x08\xac6\xc0rk\xb1\xab\xc5\xed\x16\xc3cl\x8b\xa8\x05&gt;5\x91o7\x0c\x84\xa1\xafg$\x13\x1b\xf1\xd7\x0f\xa9\xaa\xc8\x03\x9b\xc1\xa1c\x85\xb8\x1aE-C,\xa9\x14\x1f\xf8\xf1\xa9\x1f\xb8\xdc\n\xa1\xda\xe2\xf3\x19\x02\xe1T\xa6g \x9d\x1e\xa9W\xf9\xfd~\'\xff}\xec\x06\x1a\x1c\x9a.\xc8M\xb22;`\xb9\xb1kQ\xeb\x86\x19)\xd1J\xddz\x8b\xcf\xe0\t\xa62#\xe9DB\xd7\xedL\xc0~~P\xc5?\xd0|\x00\xb0\x86\x86\xfc\xe3\x85P\xeb\x1e`\x91\\R\xc0B\xe5\xdc6G\x88\x08\xc4\x00jZ\xc7\xa2\xd14\xcd\x07\xb0\xa4\xaa\x10\xeb\xfd*\x95\xbf\xb3~\xae0X\x132\x99\r\xcf\x92\xdcR\x19\xf9Y\xaf\xb6\x18\x82\xb3\x03\xd3\x89n\xafW\xe0\xd5\xe0\xcb(\x95\xaa\xea@s3\xc8\xe5,\x10\xd6;\xf7\xec\xe4a \x0c\xb7\xd4m\xef\xb7\x0b\x85f3\xd7\xd0\x93Nt\xb3h\r\x02\n\x89\xe5T9\xf9\x00\x85.\x0ev\xd6\xdf+\x10\x16yJ\xa9P\x80d\xf6\xfe,rq\x89\x9e\x84\x8eE\x114P\xbco\xb0P\xadf,\xae\x82`Q\xef\xf5\x03\x96\x10\xcf\x1e\xcc6\xb7\xbe\x1f\xe5\x82\x89\x18\xec\xa6\x01\x95\xc0\x8bX\xfc\xbcZ\x9a/\x80\xb0\n\x16\xc5\x1f\x0b\x815\xd7o\x07\x125\x1e\xce\x9b\x9blvT\x0b \x894RQ\xbc\x14\x1a\r\xb0\xaa\x9cU\xbaf\xafF\x03\x88\xaa\xc2`1\xe7\xfa\x85\xf8~\x85\xec:P4\xe9\x91\xd1,4[R\xb4\x8f\x1a@+\x98\x89,&gt;\x9f\x9fp6k\xf2\xca9\x87:\xbf,\xc0\xf5oR-\xbb#\x8bo\xa3,j\x9bMH\x9ah\xbe\xfc\xc9\xb4\x00\xe5\x01*\x96\x8e\xcf\xef\xe6k\xbc_\xe4\xb1\xfc\x9d\xdd\x9b\xe3\x8d;\xb5\x001_\x8f\xb9~R+\x88\xf5\xb8\xcfb\x96\xda@.|\xd72\xda\x03P,\x80b\xe9t|\x9d./V\x1ekvqq\xa5\xb8kGn\xb6Q\x1b\x1b\x1b\xbb\xba\xc6\xc7\xe7\xe6N\x83X\xf6,P\xd5\x11D\x9ck\x93b\x17*8:\x1a\x9c\x86\x99\xc7B2\x9d.\x8f\x05T\x80\xa5\x1a\x8a\xdd\xbe}\xfb\\u\xd7\xf6Cu\x95\xf5\x8e\xad\xac..-/_\xbb\xfe\xf1\x84\xdda\xc7\xd7\xd5\x84\xc1@\xf8\xd4R\xa9\x90\xecn\x19\x9d\x1c\xe9\xc6\x90\x07\x171\x19P,/\x0b\xb2"\xe1\xac/\x9f\xf8\xea\xab;\xbde\xdb}\xfc\xddX\x9c[_]\xbc\xb2\xfc\xf0\xd2\x99\x85\xa8\xd2\xaa\xc7\xda\x02,\x03\x1e\xe4Z\x14R\x1bv \xc4\xeb&amp;\x07\xbaY\x88E#\xbd|\xe5\xa1\x8el\xcf\xc8\x1e\xaf|4\xdf\xbe\xbd\x87\\\xcc\xc6\x8a\x95\x95WXQ#\xaf\xa4E&amp;\x14"\x16a\xf0\x04&lt;\x1e\x9f\xb0\xa9\xc9\x8c\xad\xc4\x86X\x1e\x8bB\xa1\xb1XP\xfa\xaf\xb1\x12\x80\x15\x94(o\x8e\xb5o\xaf\x8d\xcc\xcd\\.\x07\x06^\xb9v\xfd\x1b#[9,\xd2b5\xa1Z\x93\xe1p\xd8\x90U4)\x1c&gt;\xc23\x19K#\x96\x80\x94\x8b\xc4\xd2\xe4\x935\xa1\xaa/\'\xf6#\xd6\xe6v\x1e\xccS\xe7W\xc6r\xaf\xc4\xe2\r\x8bD\xfb%\xb8\xbf\xe2\x86\xea\x0c\xe1`0\x18\x88;\x14\nu\x88\xf0\x84S\xb0\x7f\xd0\x80Z$\x16\xcdK\xd1h\xbcP\xf1\xa0\xd6t\xfd\xbe\xdf|\x16\x1fk/\xae\xde\xce\xfbG\xe3\xeb\xebcc\xabK\xcb\xd7.\x9dQ~@\x0e\xa9M\xa1\xe6Z\x80$\x18\x0b\x86\r!50\xc2?\xb3\xc7X$\x16\x85\x02)\x81\x7f(\x80\x05&amp;&amp;\x12\xfe\xce\xce\xcb\xf1\xd3\xed\xc5\x15\x87\xb7\xf1F\xcd\xe1\xd5\xd5\xdc\xd4\xfa\xd2\xf2\xc3o\\\x92\xdaV\xbc\xeaW\xdb\xa40\x93$}\xb1X\x10\xaa\x1e&gt;\xc3\xcetv\x1a+\xab\xa1\xa1A@ci(\x02\x8a\x00\xe3\x153,\xe1\x1f\x1a\x1c\xbdy\xba\xa2\xb8\xfa\xf9\xe1\xc6m\x8a{&amp;\xb5\x17\xc2pj\xec\xca\xc3\x8f\xb5nlSl\xfd\xa0U\x9a\xc7\x02\x13c\xb1X\x9f!\x14\x8a\x13\x81\xbeX\x06\xb0\x04\x02\xc0\x82\x9a\x87e\x1bF~\x93\xa3K\xa8\xfc\x83\xa3\x01\xc0*\xae8\xf7c\xe3\xf6\xd4\x17\xb3k\r\xb0\xe6{\x97\xdd\n\xb3\xd9\xachj\xaam\xad%M\xccc\xa5R}\x01"\x04\x15\xdf7;pL\x87\xd6\t\xd0D\xaf\xe0\r\x96N\x97p\xaa\xfc\xa3k\'\x00\xab\xfa\xc4\xe3\x8e\x97]\xdb\xf1\xe5\x02\xd4{\xdf/-\xae\x8fu\xac`\xe7\xdd\xe7f\x05\xd9\xb5\x8f\xaf\x9f\x00\xcb\x13\x8e\xa1\\\x1e\xdfk\xac|&gt;@@ \x1ebauaF\x8c\\\xbe\xd3[\rX\x15\x0f\xfey\xe3\xfew\xb0B\xfeJ2j\xe3\xb9\'k\x8b\xeb\xb9\xa9\x8e\xb5\x83uu\xbe\xcf\xcd\x9f6\xd5J\xa5\n\xf5\x7f\xb1R\xa90\x11\'&lt;\xb0iN\'\xb0\xe4\xc9\x80\xc8{\x88{B\r)W\xec\xd3\xbb\x1d\xc50\xaa\x1f?~~k\xe3\xaf\x7f\x7f\xd9\xf5+\xc0\xf0\x0bjz\xd7\x9e="\xb1\xa6\xfa&amp;=\xc4(l\xfd\xa4PZj\x07\x89\x15\x00\x17g3\xa9\x00\xe4}8\x85\xb7/4d\xce{\xbdy\xb1\xf2X,]"]\xc7\x85|h\x03\xae\xc7[\x15\x7f\xdb8\xb2\xfb\xeb[7\xfeo2\x80\xba\xfa\xd3\xcf\x8f\xfe\x12Z]\xcf\xcd\xf7V\x9c\x83Yw\x90\x0b\xe5\x85X\\.\xa4|\x00\xb12\x99L\x1f\xc4j05\x02\x8f\x18dD\xd0\xf2T\x02\x8c\x08/8\xca\xe2\x8f\\\xbey\xa2\xa2\xad\xad\r\xb1\xce\xfe\xb0\x01\\@v\xff\xbb\xae\xb7/\x7fPj\xf3\xc6\xd3\x7f\xcc\xfc\xbc\xf4\xec\t\xa85?\xd5\xd1\xf1m\xf9d]\x08\xab\xdefvXB\x88\x855\x9f\x19\xc8\xcc\xf6\xc5\xfabP[\xb0T\x93\x8b\xe2\x1b\xb5p V\xf0\xb3;\x1d\xd5ee\x80\xf5`\xeb\xec\x8d\x8d\x8d\xdd\xbb\x8f\xc0\xf8\xf0\xd6[\x831\x1b7\x7fxqtf\x06\xb0\x9e&lt;[[\xcf\x8dM\xf5\xb6\x9f\xce\x04\r&gt;5&lt;\xf3(\x84\\\x0b\xac\x82\x9e\x00re\x06\x06zR02\x88\xa5!c\x94Bn\xeb)d\xdd\xe3\x0cH\xd4\x99\xcf\xb5\x17\x97!\xd7\x83\xad\xf6\xab\xa4Z\xf8s\xe4\xeb\xfb/\xdff\x1b\xc6d\x8e\xdfxq\xf4\xe8\xc9\x0b33O\x17\xbf\xff\xd3\xbf\xd6W\xc6\xe6{;*\xee\x06=&gt;\xae\xc2\x06\xf30\x0bQ\x05T\x80\x058\x03#\x99\xd9\xd9\xcc@\xfa5\x16\x19Z\x88% \xb1X\xb4\xf4e\x08\xd36\xc4\xaa\xde\xda\xba\xd8\xbbq\n\xe4\x02\xc1\x10\xec\xc3\xfb/\x7f\xe9Wk\xc0\xf6\xea\xea\xd3\x93GO\x9e\xfa\xe3\xa9\x99\x99\x7f/=\x02\x17W\xd0\xc5\xf6\xf6o=\x07a\x9f\x8c\xa1\x05\x01\x1a\x08x\x02\xe10`\xa5\xd3\x03\x99\xcc\xc8\xc0\xf4\xb1n\x0c\x08\x00A\x95\x1aH\x1f\xf3\xe1\x9aR\xdc\xb9\x08\x1e\xc28\xbb\xf5\x87\xd3\x1dO_\x90X\xc0\x85\x03j\xec\x17}o\x11\x93\xfa\xfc\xa7\x0b\'/\x9c\xfa\xfd\x7f\x1a9\xb7\x986\xd2;\x8a\xafR\xd4\xc8B\x95\xa5\xf4\x8dQ\xb5+\xba\xab\xb5\xa2&gt;x\xd4\xbcUyi\xb6\x17Hg\xd6\x9da\xaa\xca\x97y\x88HD\xd0 \x04\x0f\xb1]Y\xecTZ$\x9b\x07\x03\x0f)\x96q\xe2\x07\x1b\xad\x14\xd9f\x9b\x87\xc4Jbo\x01\xb7\xc1I6\xe0x!\xc8\x10\xc4\xc5\\\xcce)\xd9\xb0\t\xb4iz\xfe\xdf\x18\x96\xad\xbaU\xff\xf2e$[\x9a\x1f\xe7\x9c\xef|\x1f\x91\x82\xc94\x1c\x0c\xbe\x82\x8b\xb9\xa5\x9b\xe4\xa2\xd3\x12n\xfb\xe5\x19\xc8\xf5\xc3\x8f\xf1\xcb}S[S\xc3\xcf\x9b\x9a`bg\x0f\xb8\x80u\x89\xf5V\x8d\xd1Y\xc6\xb0\xad\xa8\xff\xed\xb3]\x0e;\xc3JL\xa4\xb2\x81\x97\x0c\xcb\x80b`\xffG\xc6N\x9e\xfc|\xe5\xeb\xc1A@\xd9L\x11r\xf1_\x9f~\x91[\xbc{\x95\\tX\xba\x1e~p\xe6\xdd\xdf2\xac\xb6vp544_\xe9\xec\xec\xef\xef\xec`\x1e2,\xaaT\xf00(\xb7\xdb\xddX{\xe5O\x0f\xc3\xd6\xfan\x8a\x16\xb0\xca\x84e3\x99\x06\x8e\x81\x19\xe1?\xf9\xbf\xf6\x9a\xcc\x97}\x83\xc3\x11\x93\xcdf\xba&gt;8&lt;0\x0c\xb9n=\x7f&gt;F.\x12W\xfc\xed\x0f\xce\xfe\xe8\xa7\x1f_\xfcIS\xfb5\xdax\xe8\xff\x11\xf4\xb4\xb4\xf4wv\xf6\xb0\x85X-\xd4\x13\x0c\xcbMT5=m\x0f\xe3\xe5\xd1\xd5l"f\x8deS\xa9rtye\xaa\xce\xf6\x8d^6z@\xb1\xef\xfe3)(\x85\x95\xc1&gt;\xf8g\xabcT&amp;\xdb\x00\xe4\xba\xb5\x98[&lt;\xc4\xb2\xcc\\&lt;\x83\x8a\xbf\x88\xcd\x86\n\xab\x81\xda\xbd\xa7\xe5tK?\xa8\x0c,&lt;k\xd9A\xa2\xd1}\xfb6\xb4\xea\x8f\'b\x89y\xcd\xeb:(&gt;\x1b\xfd\xbb\x94.\xa4\x8b\xabC[\x04\xd6{\\/\x9b\t\x8a}\x87`\x17\x9e2\xa9zm\xa4U\x1f\xa8l\x03}\x90k\tr\xb1p9-\xc4u\xf6\xdd\xb3\x17\x1bP\xa3\x1d\x1dW\x9a\xa0\x1aa\x81\xab\xc5\xc0\xa2\x1d\x91\xfe1\xc2\xa0\xaa\x01\x94=\x16\xdb\xcf\xe75\xde+{\x15\x97\x827\x99+\x8c\xc6G\x1e\xdf\xb3\xd9\x8es\x99l\xf7\xfe+\x18Zaepp\x98ReP\x91d\xc6b\\L.\xde\xacb\x85\xc33K_\xfc\xec7\r\xed\x1d\x1d\x1d\xe3\x1dm\xd8tp\x84?q\xaa\xf64\xd8\xd8Q\xbe\xa6\x16\x11ktS\xae\x1a[\xc6\xa3H\x94\xfd\xc1\x04\xb0\x14A\xd3\xbc\xa0\xf2\n\x1c\xc0\xd2\xf3\xab\x99\xb9{\xccK\x86T\x05\x9b\xfb\xfc?\xb9N~\xf8\xe2K\xac\xbf\xc8\x80\xa9\x9a+S\x9d\xcd\xd6\xfb\xe8\xe5\xca\xabW\x7f^z\xae\x8f\xc1\xc4\xd6\xf8\xf8\xf4\xd8X\xbc\xab\xeb\xeat\x1b\xf5U\xff\xf85,\xc5\x8e\x96\x1a\xb4\x14\xf3\x8e\xb5V-0\x81\xe4v\xd7\x8cO\'\xba\xa9\x15\xd6\xf2\xf9\x90\xa2\x08\xb2\xe0u)\x12op\t\xf02C^\xda([6"\xb3\xd9\xea\xea\xa62\x17\xbeu\x82\xfd\xde\x85\xe5\xafo\\\x07U/qGn\x10\xd5\xbd\xa9\xadLt\xef\xaf\xc1\xbf\x8c-&amp;K\xf1\xe8\xde\xe4\xf6\xf6de&amp;\x1e\xc7\x0e\x19\x8e\x8f\xa3\xa8\xc6\xb1\x1d\x9e\xffC\x0b\xc4q\x9fbQ\xafAk\xc1\xcc\x1a`a\x05N;\x88\xaa~?\x94\xcf\x03H\x10\x80\xa5B.\xaf p\x1c\x87\x97\xe2j\x00^\xd614&lt;A\x85\xd9:\xf6{\x1bj\xe1%\xfc\x8bD\x06\x06H\xd5\xc8\xf0u[\x1dv\xf9p\xf9\xd9\x81o\xfd\xfb\xafn-=\xf7\x14K&gt;\x8f_U\'\xf7\xe2\xe0\xea\n8Zg\xc6\x81\xd5|\xfe\xfc\xe5K5\x8d\x88\x91\x9b\x1a\x8bj\xaa\xe5R\x0b\xb0\xce\x9dn\x9f\xb6\x80\xa9\x9b*4$+.\x1eT\x92\xea\x92\xbc^I\x14\x81E/\xde\xe2B\x98\xbc\xac;\x82\xc2&lt;\xfe\xe7\x11\xd4\x87\xc8:\xd3\x8a\xc4\x1a\x88\\\x8f\xf4\x02*\xbaP\xdc\xf6\xf9t\xfd\xc7\xc1\xcf&gt;\x99\xf4\xfb\xfd.\x97\xdf\xaf*\x933\xf1\x9bF\x8be\xfb;\xaf\xb47\xb7]~\xe7\x1c\xd2}\xfbv\xe3\t\x96\xa7\xda\x96\x9eK\xb5n\xf7\xe9\xf61\x07b\x05\xb0\xd5\x94&amp;\xf3.U2\xb0\xaaj\t"\x06\x8a\x89\x85\xd1,yy|\xa6\x0ek\xe1\xa3e\xd4\x82!Vo\xef\x00\xde\xee\xcd\x8d\x84\xef\x17\x14\xc5\xe5\xf7\xe9\xfe\xf5\xe0\xab[%\x1f\xa3\x02\x97\xab4\x03\xb5\x904\x87%:~\xe5Zs\xf3\xfb\xbfx\x8fa\xddf\xedy\xaa\xb6\xbf\xb3\xe7w\xees\x97\xc7\xe8\xdc\x87\xc3LbB\xd6D\x97\xaaH\x02tRA\x9bQ\x16\x00\x00\x04\x8fIDAT\xc8DA\xd64Y\x96x\xc8\x85\x98y\xd3\xf3\xd9\xd6o\x83\x1de=\x08\xaaa\x12\x8b\xa6wj%\x13\xbd_P1\x8a\xaa\xebj\xf2\x07\xc1u]\xf7\x11\x94\xc7\x03\xf9J3\x0c\xcb\xe9\xb0F\xc7\xdb\x9b\x9b/\xbf\xf3{\xa3\xa2hs\xae\xa9\xed\x1f\xef\xe8&lt;\xfd^G\xc3\x90\xd5J\xc7d\xeb\x82,\x0b\xbc\xa4\xf0"\xc4\x92xZ\x8ar\x08\xa3\x11\x16\t&amp;\xf1Bj&gt;\x1b8\x0ev(U\x10\x87\x85a\xe6!\xa2U\x85r\xb9\x90O\x89O\xfat\xcf\xfa\xaf\x92Ipy\x0c*\x1d\\CF\xb9Z\xa3\xd7\xce\x9f\x7f\xff\xd7\xfd\xb5\xe5l6\x1b\r\x87\x134\xe1h4\x9b\x9d\x8e[\xac\x16\x80Y\xb3\x05M\x109E!i\x88\x8b\x17\xbdB(\x94\x07\x96\x84|\xc1E^\x12e\x01\x8a\x05(c\x87X\xd8\x97!\xd5\x11\x15\x8e@+\x99\xf0B\x81W\x18\x95\xc0\x89\xba\x9e\xf3\xf8\xf5#,\x8f\x87\xaeKq\xb4\x85\x93q\xb5\x8d\xcdt\x85\xe90\xd5]\x1d\xba\xa8\xb7;\x19\x93\xd5\x1a\x9b\xd74\x81Sx\x0e\x01\x83l"\xb0D/L\xd48\xc9\x10K\xc4\xbb,(\n\xc02\x87`o\xd1\xb9\xca\xa0b\xc9:\x84\xe2\x15\x12\x0bq\xe0$_r]\xf7\x90D&gt;\x86\x05\x1f\xf5\xa4\xee\x9b\x8cV\xb1\xcc\x0ez1\x8e\x07\xac\r\xec\xd8\x90\xedv\xa7\xd3\xca&lt;\xb4\xef\x874\x19w.\xa4R)\xb0\xc8\x9c\x04q\x10.\x14\x17[\x8eU,\x11KAJ\xcf\x97G\x1e\x1bX\x1f\xbd\x0c2*#\xef&amp;T\xc2jQQ\x08\x0b\\&lt;\'s\xbc\'\xb9\x9e\xf4\xc1:\xa2r\xf9)\xf5\x1e \xba\x9e\x85\x89\xcab\xc4\x87\xa2]o\x8c\x9d\x9d\xd8\x1d\xad\xf8\x88\x12\x9f\x98\xd0\xb4\x94,\x17\xf7\x16*\x95\x9d\x9d\xddb\x9a\x07\x96\xc0\xb0hH-PA-\x17&gt;\xf0rk\xad[$\xd8[GT\xc3\x90jjk\xa8&lt;!b-\x1bX\xaa\xc4i\x9c\x02\xac\x9c\x8f\x06T4\xc0\xf2y&lt;*?\x1a&amp;,vs\x1a\xbb\xd9j\x8e\xc5\xac\xd8\xffpi\t8\xd9\'v\xf3\x1a\xa8\xb8\xc2n%K\xc7@kxca\xa7D\xb5z\xc8\xc5\xfa\x8b\x83\xcd\xbc\xca\xea_\x9a(\x8f \xfao\x01\xaa\xaf\xef\x06\xb0"\x03\x8fV2\xe5y\xd1\xcb\xab\xfe*\x96"be\xab\x84\xa5S\xd4\x81\xa5V\xb9p\xc5\xa7\xef\x1br\x99\xd9\x19\xdd\x1e{\x10Nd\xc3\x0e\xe4\xdda7\xb7\xb6V\x81\xcb\xa1P*\xb5\xbb\xb0qgc\x7f\xff\x01L\xde\x9f\x9d]\x9bL\x17\x18\x96\xa1\x17\x12\x07*\xaf\x17=\x8b\xc8\xa8ba!\xf3\x18X\xc1 \x13+205\x12\x1dM\x8b\x1c\xa5\x8aL\xc4\x1b\x8f\x1fC\xf2\x10\x96\x07\xed\x95\xf4\xa1{\x0e*K\xdb\xae\xedM\x17|\x96\xd2\xab\x94-\xd2\x04\xf7\xeb\x8e}\xe5\x88e\xc3\xce(\x14\xb2\xb7\x06\xaa\xf6&amp;&amp;BZjw\xe3\x0e\x1b`=\xb83;;\xbbS\x8c\x17\x99Z\x02)\x85\x0b\xadPJ\xcb\xbcG\x81X\xaa\x92\n\xad9\xe7H\xadA`E\x1e\xadt\xad\x96\xfc"\xb2\x87\x81\xcd&lt;\xaf\xaaR\n5\xa83,=\x99Kz\xb6\xb7\x95Rfy\xf3\xf5\xddO\x0e\x00.I\x85\xb2\xa1\x16r\xd5\xddm\xfe\xcab\xe9r:\xa2\xe1h\xabc\xc8ia\xc0\xd6\xfb\x10+\xbd\xc0\xa06\x12\xdd\x06\xd5\xecnz4\xba+#\xfdX\x80hS,\x84\xca\x8bJHt\xb9D\x19\xb1\xc9?y\xb2\xe6\xacbE\x1e-G\x9f\xf9tUK\xc1c\xdc\x92\xb8T\x85\x0b\x85D\x8f\xcf\xaf\xe7rI&lt;6_O\xdf\xddY\xbc:\xf2\x8f@|r\x9b\xbe!\x8a\xc5\xb0\xc3\xc0B\xde\xcd\t\xb3\xa5\xabk\x08O\xe7\x10\xb3\x10X\xb0\xf0\x10k#\xd6]oP\xed\x1c\x08\xc5\x80e\xa7\xb2W\xd9M\xcb\\q\xa7\xb2[\xa8&lt;\xad\xa4J\xaf7\xbd\xf2v\nT\xe02\xb0\xae?Z\x8e\x97|I\x9d\xd3DE\x85=\x12=\x14I\xcb\x03\x0b\xe5\x90\xcb\xe5\xd6s\x9bw\xafV\xe2\x8e\xe5L`\xb9u\t\xe8\x8a\x94\xe6\xb8\xf4\xe87XV\x871N\'\xb3\x90\xb8`!\xca\x9c\x9b\xdf\xa8Rm\xbcy3\xfbf\xe7@J\x97\xed\x99\x17\xe6\xa7O-\xf1\xe2\x0e}wo\xaf~y/ps\xd3\xabm\x87\x9e0.\x16\xf9\x1b\x91\xe5\xd5\x03\x8f/\xe9\xd2d\x89nH\x83\xda\xe3B\xf9\x94\x82H\xe9\xb9\xf5?\xde\xfa\xec\xd3\xc0kW)\x90\x19\t,;\x97\x102\xda\xcfR\\z\xd5\xc0B\xbc\xacNc\x1c\x96V\xa7\x95aYFS\xa0\xc2\x97\x10\xae\r{w\xbd9\x96x\xb0\xb7\xbb\xadH\xdc\xea\xd39\xf3\x8b\xad\xb9\x11\xfb\xdf\x02\xce\x9d\xf9\xb0u\xa4{\xc4r\xb5\xe4\x1345\x9fgX\xff\x06+\xa2\xdd\xb6"\xbc\xf6\xa1\x00\x00\x00\x00IEND\xaeB`\x82'</t>
        </is>
      </c>
      <c r="M307" s="3" t="n">
        <v>45492.67747685185</v>
      </c>
    </row>
    <row r="308">
      <c r="A308" t="n">
        <v>922559</v>
      </c>
      <c r="B308" t="n">
        <v>1958</v>
      </c>
      <c r="C308" t="inlineStr">
        <is>
          <t>Júnior Santos</t>
        </is>
      </c>
      <c r="D308" t="inlineStr">
        <is>
          <t>Júnior Santos</t>
        </is>
      </c>
      <c r="E308" t="inlineStr">
        <is>
          <t>PD</t>
        </is>
      </c>
      <c r="F308" t="inlineStr">
        <is>
          <t>ATA</t>
        </is>
      </c>
      <c r="G308" t="inlineStr">
        <is>
          <t>PD/CA</t>
        </is>
      </c>
      <c r="H308" t="n">
        <v>188</v>
      </c>
      <c r="I308" t="n">
        <v>11</v>
      </c>
      <c r="J308" s="2" t="n">
        <v>34617</v>
      </c>
      <c r="K308" t="inlineStr">
        <is>
          <t>Right</t>
        </is>
      </c>
      <c r="L3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041bafc-a772-416b-85ce-31ef7afac4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c4\xafW\x00\x00\x03\x00PLTE\xff\xff\xff\xfe\xfa\xf4\xfd\xf9\xf2840\xfa\xf4\xec-*\'\xfe\xf7\xef\xfc\xf8\xf0\xfa\xf2\xe9\xfb\xf3\xea\xf7\xf2\xe9\xfc\xf5\xee\xf6\xef\xe50+(51-(\'$\xf9\xf4\xea\xf4\xed\xe3*(&amp;2.*\xf6\xf0\xe7:52&amp;$!\xfd\xf5\xec\x1b\x18\x15\xfc\xf5\xec\xf8\xf1\xe7&lt;85\xfe\xfa\xf1\xef\xe8\xde4/,\x17\x15\x12\xfb\xf7\xf2-\'$\xfc\xf7\xee*%"\xfc\xf5\xeb# \x1e\x1d\x1c\x19\xa6f=\x18\x17\x16\xca\x84P!\x1e\x1b\xbdxG\xb9uD\x9f`8\xdc\x98d\xfe\xfc\xf4\xc1{I\xb3pC\xc8\x81M\xf8\xf0\xe7\x92V1\xff\xfe\xfe\xabi?\xfc\xfb\xfa72.lF,\xa4a7\xf8\xf5\xf0!\x1a\x15\x9d]4\xec\xe6\xdc{J+\xce\x88T\xa9d8\xb0m@qG*\xade9\xd1\x8aU\xd3\x8fZ\xfc\xf9\xf5\x96Y4\x90Q,\x8fW5\xd9\x95a\xa1c=\'"\x1f\xfe\xf7\xed\x9aY0\xff\xf8\xf1\x8bU2\x80L+\x93Z8\xdf\x9cf\xd3\x8cXvG)\xcd\x86Q\xf1\xea\xe1\xfa\xf1\xe8N1 N6&amp;oO9S7$\x9a^8`B-wS:fE.\xb6qA\xd7\x91[Z&lt;(\xe8\xe1\xd7\xf2\xef\xed\xc6~K\xfe\xfd\xfcnJ2\xc3}L\x8aQ-\x80T8iI1\x86S3P&lt;,\xe1\x9ek\x8f^A\xe3\xe1\xdf\xb0j&lt;\x86O-\xe5\xdf\xd5W?-\'\x1b\x14,!\x1a\x88Z?\xe6\xa4q\xf8\xf7\xf6\xd8\x93^n?%RON3#\x19\xc5\x81Qe@)?;9\x97^=\x96U.\x86K(\xf5\xf3\xf0\xeb\xe4\xd9}O2\xfe\xfd\xf5\xb5l=\xa3jF\xea\xe8\xe5s8\x1b\x80X&gt;\x98cB\xa2]3uJ.\xff\xfd\xf7\xf3\xeb\xe0G4\'_;$\xb5g8F.\x1f:\'\x1a\xbe~UVB2\xbetC\xe1\xdb\xd0KGE\xa8kE\xb5\xb1\xae\xc4\xc2\xc0\xb5uKh3\x1b\x9eeD\x82O1\xbbzN\x8aW9@.#h&gt;%\xaduSC@&gt;\x94dI\x87\x84\x83]H6\xadoH\xcd\x8b[fK9]4\x1e\xe5\xa1k\xb6zU\xdc\xd7\xcb\xd1\x90a\xee\xec\xe9X9#\xc4zF\xef\xb0~\x8cL\'\xd6\xd1\xc5\xc8\x85W\xdc\xda\xd7\xd2\x95juM4D)\x1avA$]ZY\xea\xa8t\xff\xfb\xf2\xaa^2\xbc\xb9\xb8\xf2\xec\xe8\xd2\xd0\xce\xbf\x82^\x92\x8f\x8dmig\xd6\xd5\xd2\xa6nN\xeb\xaax|zx8+#\x87D!\xcc\xc9\xc8/\x1e\x13\xbco&gt;}&lt;\x1dhba\xa2\xa0\x9euro\xc9\x89c\x1f\x16\x0f\x95N%\\+\x15\xcc\xc2\xbb\x9c\x99\x97\x7fE$\xde\x9fv\xdd\x96_\xae~c\xac\xa7\xa4\xccyc\xf9\xbe\x8e\xda\x9bo?\x1f\x13Q)\x16\xe0\xc9\xb9xXF\xbekV\xd9\xb8\xa3\xf1\xb5\x86gPA\xc5\xb4\xac\xd5\x81h\xe6\xc4\xab\xc0\x90wq\\Q\x9fV+\x9a\x85z\x85cO\x94o\\\xda\x90p\xb0\x99\x8d\xee\xd8\xc5\xc9\xa7\x94\x82kb\xb3aG\xc4\xa2\x8c\xe5\xa9\x96\xea&amp;\xe1\x93\x00\x00 \x00IDATx\xda\xdc\x99\xffO\xd2\xfb\x1e\xc7\xdb\xdc\xf9\xb1\xdct26\xb7\xc3\x1a\xf3\x03|\x00\x07\x0e\xf1\xc0&gt;\\\xf8\x002\x10\x19\x13\x137T\x08\xe3jh\xa4\x89;p3D\x04\x9a35\xdc4Qf~)\x9525:3\xad\x99\xa1\xad\x96\xd91O\x9a\xa5\xc7[\x9e\xda\xd4{\x7f\xa8\xed\xd6\xe9\xde\xb6\xf3\xc3}}\xb8\xe7O8\x1f;\xbbo\x1d\x8c\xdf\x1e&gt;\x9f\xcf\xd7\xf3\xf5\xfe\xe0\xa1C\xff\xcf\';\x07N\x03\x9c\x9c\xec?\x0b\xd1\xf9\xba{O\x9f\x0f&gt;z40\xf0\xee\xe5\xbb\xc1\xa7m\r\x7f\x02\xb2\x93\x15\x83O\x96\x1b\x1b\xd3\x9a\xe1\xa4\xd1\xbfMk^|\xf5\xf2\xf1\xed\x93_\x17\xaa\xe1\xf9\xcb\xe5\xfe\xebi\xa9t:\xfd\xdb#\x87\x8f$\xa5\xa7\x1dNJi\xee\xdfxY\xf1\xf5\x98rn?Z\xeeoN=\x9c\x9a\x9a\x9c\xac;J\xa7\xa7\xa6\xd1)\xc9(\x15Eu\x87\xd3\x16\xdf\xd5}%/\x1b\x06_\xa5\x7f\x97\x8a\xa0:4\x03E\xe8\x14*\x95~\x14\xa1\xd1\x98pR(\xdf|\x93\xdc\xf8\xee^\xc3W\x08z\xdb\xbb\xfe\x94$:\x95\xaa\xa30iL*B\xa3R\xa9\t(xAh\x08\x05\xa1R\x1a_\xd7\x1dt\xc6\x1a\x1e-\xa7\x7fw4\x19A\xa84\x04a2\t&amp;\x8cJ\xbc\xd3\x88\x03\x1f\x11$C\x97\xb1\xf14\xe7@\xa9\xda\x9e\\OI\xa6\xa0T\x0cX\x80\x82\x80\x03,\x82\x8b\xc6$\xb8\x08\xd1\x90\x8c\x8c\x94\xfe\xe7\x07\xc9U\xf7,\xe9\x08@1\x99\x04\n\xe1\x1c\x82mQ1B%f\x02\x8b\x8a&amp;R\x06V\xf6?:\xb0\x80e\xd7\xbd:B\xc9@P`\xc2\xb6\x00\x05E\xa8\x98\xcb\x85Q\t\xd9\x98\x18\xe1 \xf5w3\x11\n\xda|P\\9\x8f\x97)\xc9\x90\x1d\x14\xdbr\xad\xb90T\xb7\xear\xb9\xbdk \x97\xcb\xad\x030p2\xe1\'\x18JC\x91\x8c\x03\xd2+\xfb\xde"\x05A`\xf20\xc0p\xa3T\xaa\xcb\xeb\xf5\x02\x96\xcb\x1b\xee\x89\x87\xd7\\\xee-\x97\xd7\xed"\xdcL(\x86 I\x03\r\x07Q\x0c\xcf\x8e\x80y(\x06T.\xd4\xed\x1d\x8b\x9bb&gt;\x8b\xef\xbe\xddn\x8f\x1a\xa5\xc6h\xb4{\xdfd\n\x83\xa7\xb4\xdf\xb9hh\xff\x01p\x9d\x7f\x92\x8a2\t\xa1t\xa0R\xb8\xacs\xb4@\xc0\xf5_\xb9,\x14\n\xcf\xf8\x85\x0cn\x9e9\xcf\xd0b\x14\xc5z\xc2k0\xa5\t/\xd1\xe4\xf4\x01\xb2\xe71{ \x05\xd2\xe3r\xad\x85\xdd\xabe\xd1\x85BI(\x843\x18\xf9b\x06\x83\x81\x8b\x85\x0c\x89\x99+\x96\xa8\xcdj\x81\xc1\x133\x01\xda\xd6\xff\xea\xb5\xb1\x8e\xecjh\xc4\x98(D*\x1c\x1b6\x16\x98C\x92\x90\x98\xcb\x05$\x86\x10\xb0p\xdc)\x163p\xae&gt; \xd0\x14\xb4t\xdaE&gt;\xd3\xdaV\xa2&gt;R^\x93k\xe3\xf9gt\xc0\xd2\xe9\xbc\xfbA\xbd8$\x81#\xc6\x95`\xa0P.\x17*\x01\x0b\x87w\xa18\xa0\xd1T\x1b\xa4\x904Q\xb7i-Q\xad\xcd\xa4\xd6j\xf6`:\x95\n\xa9\n\x1b\xab\xd5\x12\xbd^\xcf\x95H\x18J\x02\xcb\xe9\x94\xcb\xe5J\xa5R\xec\x94\x0bq&lt;\xa4!\xb8\x8c\x9d\nE\xa7\xc2\xe6&amp;J\x96\xb9\xd1F\xe2}\xa2\xe2\x06\x04\xc5\x1d\x8e\x05\x03j\x81\xda\xcc\xd5\x87\xc4b\xe1\xe4$\x1f\x90Z\xf9\xfc\xd6V\'\xf8\x88+\xc5\xa1P@\xf3\xb3\xc6\xa0P\xd8\x15\n\x85\xa3k\x8bX\xe1(\x89\xa9\xcf~\x9e\x04\x7f:\x16?\xad\x17\xe4\t\xd4\x12\xd0\nwr\xd8l6\x87\xc3)/O\xfc\xf2\xf9J%\x1e\n\xe9A.\xc0R(DV\xab\xcd\x95X\xe4\x8b\x15$&amp;\x8bF4V\xbcZ\x9d\x97\xa7\xd6\xc3\x102\xf8#MMMsMM\x9c\x08\x8f\x17\x89D\xd8\x1cv\xb9\x132\x06ri\xea\rF\x85\xc2\xe3\xb3\xda\xbc[\x18q\x9f\x18$o\x0c\xd3i\x08\xa6s\x9b\x00\x8b\xa0\xc2\x95\xec\xa6\xb9\xb9)8sl\x1e++k6\xc2fW\x01\x97S\x8eK\x02\x9a\xeaz\xa9B\xe4\x119l\xb0\x030\x14Eo\x90\x865H\'VM\xb8\xbb@\x00\x16\xc2\x08\x967Mmn\x02\xd8\xf4TeV\x91LV\x9cUY\x95\x05\x8e\x96\xcb\xa1W\xf5z\x81!\xa1V\x99\xd7\xeb\xc2`[-\x92\x16\xae\x1b(\xe6\n\x8f\x85\xa3\x85\x02\x81^\x0fu\xc0\x9b\x9a\x9e\x9f\x9f\x9e\xdf\xdd\xcdT\xc9N\xa8\x8arY\x95\x95\x80U\xce\x172\xf2!w\xea\xd3\xc6\x84\x89a/l)\x1d\x96NV\xa5\xe64b\xd0\xee={\xdd\x10x\xbdD\xa9l\xad\x9c\x02\xa8\x9d\x95\x9d\x9dZm.`\xc9X\x95YY\x84\x89\xd0\xa8j\xb5\xa0\xe0\xb4\xd4\xe8\x11Yg\xc2^X\x91\xf4\x8c\xd4\x01\x92\xe6\xb0\xa1\x1fs\x03V\\\x94W \xd0\x8b\x9dJg\x13\x88\xf5\x9f\xdd\x9d\xdd\xf9LUn\xaeL\x95\x9b\x95U\xcc\xe2qZ\x9db\xe8\xf9\xea\xa0\x01\x1a\xd5\x03\x93\xd8\xd3\xd3\xe3]]u\xd3\x9f\x90\xd5Z\xd7\xddkp{\xe91\xc2\x1cJ\xc4J\xbc\x95\x88\xd6&amp;\xd88\xad\x9dRM\xabT*Y\xae\x0c\xd4\xba\xa4$\x061h\x90J\x8d\x0b\x1e\x91\xc5Vb\xea\xe9\x19\x1b;\xaa{F\xd2\xf3\xc6\xedf\xb8V\x85\xcb\xba[\xf2\x04\x01"\xf1NN\xef\xd2\xd2&amp;(6?]\x94[\xa4\x9aR\x81^\x95\x91K\x80\xa5\t&amp;\xb4Rx&lt;&gt;\xdf\x8c\xc9TVR\xd2\xb5\xaa{E\xd2^lKw\x8f\x8d\xf5\xcc\x88F\xf3\x04\x1a\xb5^\xffP)\x1fYZ\xea%\x1aB\x96\x0b&amp;\xc2On\x15/\xb2\xde\xfa\xf0S\xe0n=!\x96\xc7\x13\xb5Z\t\xac\xb2\xbe\xbe.\xf7\xc6y\xb2\xd4\xf2v\xf5\x98f&lt;\xa7\x0b\x05\x05\xd5\xc1\xbb`#\xa7\xb7w\xa4\xb7\x89\xc5b\x15\xb3\x8a\x8bY\xb2\xa2"V%\xafr\xb6U)\xd6\x0b\x82R\xa9\xb4Sau8\xbame\xa0VM\xcd\xeaF\x05Y\xd9\n\x9b\xca,QE\xbd\xdf\x9f\xf7\xe6M\x00W\xca\xcbGz\xab\x9a@\xa6bV\x16\x8b\x95\x95{\x0e\xa2_,c\xf1"\xe5JI\xa0\x1a\x04S\x88\x1c"\x1f`\xd9\x00k\x8c,\xac\x86\xfe\xd5\x12\x9b\xb5SZ\xe0/\xac\x0fj\xb8\xb0\x0f9l\xe8Rm\xe6\xb9s\'\x8a\x80\xad(\xb36\xf3\xc49\xad\x8a\x18G\xa1\xd8\\`0\x18E"\xbb\xddg\x9b\xb1}?\xd1G\x1a\xd6\xc9\xc5\xb1\x1a\x9b\xbd\xc5\xe07C\xb6\xb8b\x9c\xcf\xab*\xd6\xee\xac&lt;xp\xab6S\xab\xfd\xe5\x17m\xed\xca\x83L\xed1\xed\xf4\xf4\\\xef\xd0d~\xe1\xd5\xab-"\x9f\xd5j\xb5\x10X\x13]da\x1dz5Vc\xb9\x7f\xaa\xdalV\x9b\xcd\\\x1c\xe7WMe\xd6\xae\xdc\xb9s\x16\xfa\xf4\xec\xad[\xb7\xce\x9e\xbds\xa7\xf6\\\xe6\xbcV\xbb\xb9\xd4{\xed\x82\x7f\xf4\xd4\xa9\x16\xb8B8\xac&gt;r\xb1^v}o9&gt;\xaa\tp\xcdz1.\xc6\'{3W\x1e\xac\xdcY9[[[\x0b\x8a\xdd\x82\x0f\x0fjs\xe7\xe6z{\x7f\xb8r\xe5\xf3?\x8f\xdb-&gt;\x91\x03\x8e\xd5b\xe9\x03\xace\x92\xb0\xb2\x07\xbb,\x8e\x8eQ\x81\x9ek\x96\x08\x19\xc2\xa1k\xd7\x96\xe6\xe7w\xe7\xe77\xa7\xa7\x8f\xd5\x1e\x036\xadV\xab\xe21\xfc\xa7\x14V[YM\xd7X&lt;\x1e7\xcd\xd8\xacv\x87\xd5111Q\xb2LRA\x1c\xbaWc\xb5w\x8c\xc2\xfd\xcfl\xbep\xd9\x7fq\xfco\x1d\xe3\xff\x86\x97\x8e\xf1\x0b#MS\x99\xda"X\x89\xac!C\xac\x04\x1eba{\x9a|\xa2\xceNQ\xf7\x0c\x94\xc4\xcd\x9b\x80\xf5\x8c\xa4:\xcd\xae\xd8\xb0\x94\x1e?c\xe6\xe6\xe7_\xf1\x17\x18;\xed\xb6\x9a\xbe\xae1x\xa6\x8eG/\xf2#\xac\xa2\xa2\xd9\xf5r&gt;#8\xbc\x1f\xdf\xdb\x8b-hp\xfe\xe5\x0b\x17G\x8d\xb1\xee\xd2\xd2\xd2\x9b\x137\xfb\x9e\x90u\xb3ix]\x06X~saaA\xfd\x9b\xc2k?\x8e\x9f\xb9\xea\x89v\xc7\xb6\xb7\xdb\xcd\xceK\xb3,\xd6\xba\x13\xd7\xdf}\xd1\xbe\xbd\xbf\xbd\x90?\xc4\xe3\r\t\x19zM\xbd1j\'\xb0&amp;&amp;H\xbaA\xc0\xcdf\xb0\xa6\xb4\x83\xc0\n\x06\x86\x86\x9a\xe6wwT\xc5lF\xe0\'8?\x7fz8\xcb\xaaZo\r\xfd4&lt;&lt;\xbc\xed9s\xb1C!\xba\xdfr\xb5Z \x80\' \x05!W\xdf\xfb\xc7\xe4}\x83\xf4\xd1q\xdc\x7f\xf1\xb2P\xce\xe1e\xc9\xa0\x9e&amp;\xcd W\xac\xfd\xae\xe6\x932\x92\xabeEZ%/\x00k\xe1\xc2\xf8\xfbt\n\rs\x87M\xdd\x86\xea\xa0\xb4\xd3A`}lK\xfcS\x81\x94\xad\xf8\xab\xa5\xa3\xf0\xca\xe4\x08\x8f\xcd\xa9\xe4q;M5tT\xd7U2\\oVFfeEU\x97\xc4\x9a\xf6\xf6v\xc3\xf8\xa9/7\x16\x1b\xaf\xa7\xadNx\xf7\xb6\xdf\x04\xeb\xa5\x04V\xcdo9\x87r\xea&gt;|\xa8\xc8\xfe\x83\xf3\xfe\xd7\xf3\'s\x06l\xa0\x96\xbc\x8a-\xe7\x9b\x87\xe3c[\xe9\xc9\xcd\xe9\xbf}\xde\x1f\x16\xe0\x91\xf5u\xf6\xacR\xff\xa2}xXj|\xfb\x8f\x81t,\x03{\xffk\xdf\xde\xf6B\xb0\xda r\x94Nt}|\xfe\xf7/\x9f\xa3\xd1/\x7fhMd\xff\xe5-\xe3\xed\xbf&gt;\x0c\xdc&lt;~\xe6"X\xc8\xc9\x1f\xde\x8b\xdb}\x0e_\xac=O`\x90\xe6\x85Z\xd7/\xb5F\x12X\xb1h\xcb\x8f\xd7\xdev\x98\xf6M\xf6\xfb\xb1a\xc3\x7fy5\xdb\xd7\xb4\xf2,\x8e\xcf\xbf\xb1/\xf6\xdd\x82\x88\x1a\xa2\x18\x8b\x0e\xa2\x897\x195\x82\xa8Q\x07\x9b\xc4\xc7\xad\xab\xb9uz\'"\xdc4BD\x9d\x11\xef\\5tc\xd7Xd|D\x91\x9a\x07\xb7SkmS)NW\x18\x03n\x95%$]\x9bN\xda\xc4M\xfa\x904m\xda\xa6i\xf7\xe7\x0c\xec_\xa0{\xc4\xf7\x1f\xce=\xf7\x9c\xef\xf7\xdc\xe3\xe6\x03\xab1&gt;\xfe\xe2\xbcJ}Qa/\xc7\xc6\xbb*\xe9\xcf}*V \xaf\x08\xb5\xfb\xfc~\xaa.\xea\xddt\xbb]\x01B5\n\x81w\xcf*#\xb0\x82\x9d\xa8\x88\xeb8\x1e\xb3K\xe9\xa2\xceJ\xc9\xda\xc2\xf1"\x05t\x13\t(\xae\x177W\xec-\xa9\xd4\x8d\xaf\xdc\xee\xa6H\xfd\xf2dS\x974\x97HS&gt;\xbf\x13\x02F\x10\x82*\x15\x1d5\x1f\xa2\x12\xc4\xc5\xa2\xebw\xaa t\\o6q\xbc\xd9\x9a\xe2\x8b].A\xd1]d\xb3\x01\x97\x0c\x14\xd7\xb2Z!\x99\x92\xc8\xea\xcd\xd8\xa3nb]\x88\x07\x8d@\xea\xc91\xd8\xef\xaf@\xd1h4\x19e0\xa2\xf9|\xcdI\x17\x88\xa1F\xb8\x01U\xa0 \xd4\xc9\x16\xdej\xba\xddt\xd7\xa6\x80.\x10\xb8\x00\x1d_&amp;L\x98\xc6\x97\xb5\x1c\xe1\x14\x9d_onu\x15\xeb\x01\xd4\xf0\xd2V\x87\xb9\x19\x14q\xb2\xa0ij\xa8\x1a\x8a\x12\x08\x1d?\xc8\xf2\xea\xc2ao\xa5\xe2m4\x82\x83.7\xde\xac7\xdd\xc5M@E\x07\\\x82"\x90\xcf\x16\xceoXVw\'[\xdd\xc5\xfa2\xd7\x08\x1a\xfb\xb8\xc6\x1c\x9a\xf5\xb3\x06\x87H\xa1\x10\xd9\x0b\rV\x06\x03\xd0t\xb8\x9fFk\x04\xc3\x85\x82\xb11\xcdb\xb7\xf0V\x87j\xd3\x05\x9c\xb7`\n&lt;\xc8\x8e\xd9\x00X\x17\xed8\xee\xf6\x0b\xdd\xdd\xc5\xfa\xea(&lt;=\xdaG\xf3R:X\xd3\xc0\xe5/)\xc3\x9dj\xaa@a\xe5\xb0&lt;\x1c\x0c\xd3\x94\xdc\x91~\xa0\xe2\xf9\xcd\x98[\xc4\x08\x1c\x07\xc4l\xb6\x98\xcew\t$\x16)g\x1e\xd4\x16\xc0jZ\x91D\xec\xef\xddl\\\xe7\x0eX\xa4\x19\xb9\xf7\xb8\x88f\xe3\x0c/\x89x\x83V(\x14\xc2^o\x98;\x1cn\x04+\x8da\xfdl\xdf\xaa\xbc\xe0\x1d\xa4\xb8\xcbx\x9dB%\xe9\xbc\xd3\xd3\x10[,\x06\xa55\x95\xe8`)\x9ax\x13Oq\xde\xfe\xd0U\xc1|\x8d=g\x06\xe9\xa1\xa0\x086D"\xd1\x884\xa5\\\xaeT\x0e\xcf\xca+\xc7A\xafqt\xec\xd2\xfa\xd3\xe7\x97\xfaJ\xc9\xa8\x88.(\xd6\xdd,3\xd7X\x08S\t,\xbeP\x08\\\xbff\xf9:\\\x04\x83\xa9\xa5x\xd9]y\xf3u\xb5CU\xc8\xa3~LG2\x1b\x89\xfa\xed\xed\xb1\xd1\xbeQne\xb3\xd1\xcf\x1d\xbbu\x7f\xec\xd6\xe1\xd3[3\xa5\xe8\xdc\x1c\x15\nL\x95q1\x11\xb83\x12\x95!\x12Z\xac\x16\x0e&lt;\xbe\xec\xa9\x83^\x8b{nww\xf8\\&gt;\xd4\x05\x83\x8d\xe1(\x9a\x8dP\xc3\x859\xf9\xd8\xea\xcc\xfd\x99K\x80\xcaK\xd3\x8f={6\xa2\xec[\x9fY\x9d\x85X$"-\xa9cK\xed[b\xe5\xc8\xf0\xef\\V\xb7G\xb3l\x9b\xefH\x9eX\xf6\xcf]\x1e\xd3\xd7\xa8\x95JA\x1f\x85\x11\x02\x95\\ n\x8f\xcd&lt;\x7f&gt;\xa3\xd7mN\xcb\xcd!\x91@\xb0Y\x99\x03\xae,\xd9J\xa7\xcb\xa0\xe9\xb3\xad\x9c\xad\xd8\xa0|t\xc9&lt;\xc4\x888%\xd2y\xcd\xb8\x01`\xc5\xf6bo\xba\xad\x9c\xffX\xdd\x0c\x18g\xa3p\x96A&amp;\x87i\xdbc\xebO\xd7\xf5\xe1\xe3\xc1K\x97nP\xf0z\xa0Q S\xc9\xc9\xd4\xd6\n\x10\x85\xb1fK\xea\xaeo\xb5\n\xf2\xa5\x12\x95\x11\x91Y`\xde\xda\xb8\x8d\x89\xe3@\x1e\xbe\xef\xb6\xb2\xf9\xeat\xb3^Q\xe64\xd9!\xb2.,\xd7\x8f\xad\xaf\x8f\x14\x8e\x03#\xdb\xab3K\xd4\xa1\x86\x91X\x8a\xd2\xa51\xdc\xed.\x97[\xf5"\xdd\xe5\xb2\xe2\x01"\x97H\x86X\xf4)\xcb\xfc\xda\xf8\xe2\xc4\xdeV\x8c\x83\xbe\xec\xf2\x1e|`\xa0\x1db\x05*2M6G\x1d2\xeb\xf5\xfa\xd5me\xa5N\x1a\x05\xa5\xbf\xad\xe7\xce\xf5\x93K7rb\x8aH\xe8\x96&amp;\\\x01V\x80\xc2\x0e\x08\xea\xd34\xa3\xb7\xc2\x16\x80~\xba\xb6\xbcxu\x17Oy|w\xba\xae\x01\xbf&gt;\n\x99\x8f9\x1a$7D5\xd3\x88\xc4m\xeeP\x9d5"\xd7o\x0f+\xfb\x87&amp;EX-\x97\x0cU3\x12\xc5\xc2\n\xc7"\xa1\xf3)\x15\x96\xa0H\xee\xf7\x06\x04\xd6\xb2\x9d\xb7\xf6\xe2\xfa\xc4\x96\x04\xf1\x9ct\xdf\xfd\x9c;\n\x8dR\xcb\xe3&gt;\xc24\x95\x1cn\x18\xf5\xd1V\xf1\x86\x9e\xcb\xe5\x92\x18\xb2\x84]\x01\xc3\x1c\x0b\x16O\xe1\xb1\xbd\xdd\xbd=\xd5\x82"\xc1g\x11\x04b\x92N\xec\x96\xda\xed&lt;\xd3\xb2\x8d)\x95\xc8\xd0\x97=\x90\xcc\xed\xbb\xc3\xb4\xb8\x06%L\x0fy\xa1\x06M\xe9\xb2\x96\x96JIl\x92&gt;\x95\xb0\xa4\x9cq\xac\x16\'\x04$\xd6y\x1eP\xf7 T&amp;\x19\x96+\x8a\xfa\x03\x8a\xb2=\xc64-/\x9a\xca\xe5Dw[\xfc\xff\xe6\xa2\xb1\x90\xf1\xf9\xfc\x0c\x06\xc4\n\x12\xcdul\xa3ZK\xa4%\xa2H\x0e\xcbt\x16py\x12$\x12e\x114\x95\x80=\xf6\xab*\x13\x9a\x91\xb5\xfaYe\x85\xc2\xee\xd0\xaam\x8e\xb2\xfd\xe2\xcb^\xec)\x07\x0e\xa2\xe4\x0c\xec\xf3\x8b\x08\xba\xc0 \r\x12\xe43\xfey\x85\x84P\xabE\x80\xed\xafV\xf3\x99\\$\x1ew\xa6`\x8f\xc63oR\xab\x16\x98h\x96\xc3\xa0\xe2e\x0e\x8f\xa9\xbd\xfe\xe2\xf5\x7fN\x1e\xf5\xc6W_nW3&gt;4\x1e\xc9\x15\x02l\xa2\x98\x9dGy\t,\xc2\x96e\xe3~\xc4\x89\xd50\xbe\x98"\x14\xa6\xd6\xd2\x0e\x13\x8f\xa96h\x1d*5\xc2\xe1G\xc1\xb3\xe3h\xd5\xcb\xff\xfe\xe9\xbb\xefzu\xdb\xf5\x97\x07\xed7\xbe\xc9H\xae\x9f\xc07\x0f\x12\xfc+\x0e?\xc5c\xa1[,-iB\x16\xcf:)\xa2lJ\x86p\xec\x0e\xbb\xc3\xa0ZqL\xdc\x84\x15\x92\x88=!Qh\xb5\xd7\x7f\xee\xe9w\xe1\x81Go\x85\xa2H(G\'E\xf3\xf1=\xf5|Lm*7S\x99\'\x07\x07\xa7\xb7\xdb\x07\x87\xd7\xda\xa7\xed\xd3\xa3O\xf0\xde\xde\xbd]\x95!-\xb4X0\xbbG\xc2aj\xd5\xff\xe8\xed\xb9\xcd\x9d\xb7\xc2IB2?I%\x962\x8eq\xf5\xeeC\xf5\xc9\xa7\xc3\x0f\x07W\xae|\xf8\xc3\x9f&gt;|\xb8\xf2}\xfbC\xfb\xe0\xfb\xf7\x1f\xcf?|xO\xcbD\xa6Z\xb24l\x01X\xcbwz{6u\xe1\xc4\x19\x8fg\xf2"\xc2\\)\xcf\xf3\xc0+\xbb\xaf\xdb\xed\x83OU\x90)\xc0sppxzzd\xfa\xf4\xe4\xc4\xb0\xabR\xafi\xfc\xf4)O\xdag\xf10\xd5\x1f\x7f\xe8)\xd5\x17\xe7\xde;\xe3\xfeZ\xa86\x99,e\xd6&lt;H\xdc\x03g\xce\xce(G\x80\xea\xb0\r\xfe\x87\x07G\x99z\xb1\x1c[Q\x8f\xa7\xd3h\x8d\xce\xd12=\x1c\x9e\xc3\xf6\xa6\xc7\xe7o\x03\x8fR\xf1\xb8(\xb9\xe1\xa4\x8e\xe4&lt;p\xb6\x16wB\xde\xfd\xfd\xfd\'\x1bG\x8f?\x7f\xfe|\xb4\xb1_9;\xe3\xaf1\xd3L\xc7B\xc2\x82\ty7\x99\tEz\xe1\xfc\xaf=\xbe\xd0\x18\xf8\xd6\'\xf3\xe7\xa8ULT\xca\xa0\xd9Z2\x99\xc9\xe4w\xde=\xfe\xfcxcg\x7f\x7f\xa7\x13\xfb\x8c\x08\xcad\xae-x\xb2\t\x8eGk`zx\x0e\xc37?\xf6\xfa\xc0\xec\xc2\x9b\x14\x82E\xab5\x7f\x08Css\xe6\xe4\x06\xc8\xd5\xab\xc7\x9f\x0fo\xcd\xbcz\xf5\x0e\xc4\xce\x99\xc8)\x81a{9eYcv\xb6\xba&amp;\xa6\xda\xf6\xfa\x97^\x1f\n^\xfeu\ruFB\x19\x04\xcb\xfa00\x14G\xee\x02\xb0\x9dW v:\xbf\xfd\xfd\xb3\x08\x86e=e\xab\x04\xbe\xa86\xa8\x17\x98L\x87\xad\xe7\xa5\x05Z\xea?5hJ\x14\xcd9Q\x04\xf5/\x8dr\xb9\xcf\x9e=~\xf6\xee]\x07\xeb\xb7\xc8g25\xcc\xa2\x98\x92\xc1Z\x95\xc1`p0\xb5\x86E\xdb\xbfz~\xf46\xf0\xe0\x8d\x0f\x15b\x18\x86\xf8\x11$?2{\xa3\x13\x1b`"f\x11\x1f\x8c\xa2\xa8f\x1e\x86%\x16+\xdf\xe9\x9b\xb8g\x9b\xb8\xe9\xe8|+x\xf1\xe3\x17=\x8fs/5&gt;D\x06\xe6\xa0?\xabA\x96\xf4\xf2\x91\x1b\x1b\xf9Z\x16N\xab\xee]UM,,\xf082\xd1\xa4\x90\xcewj\xae^\xb5\x9d\x9f0\xa8m\x8b\xdf\xbc\xbe\xd3{\xac/\xbe\xfd\xe8CR\xb2\x14\x9aEn\x9a\xf2J"Q\xdf7vwc\xa3\x06\xaf\xd8a\xa9TB\xa1\xf6\xebX\x021%\xa5\xfd\xdb_\x17\xcfOL\xd8l\x8b\x8b\xaf\x7f\xf9?`\xfd\xf4Q\xe3\x83S(\xeaC\xb5\x06d\xaeT \xce\x8e\xdd_\xbf\xf5_\xde\xcd5\xa6\xad\xf3\x8c\xe3\x0be\x8d\x0f\xb8-N\x9c8!u0\xc1\x89\xf1|\x99o\x98\x99\x80\xed\xd8\xc58\xb6\x81\x18_\xb8\xf8v\xc067\xdf\xa0\xb1\x1d $\xc0\xe8b\x04\x11\x94`\xcb\xc0N\x1c!.&amp;4aI\xec\xcd\x91HJ\xd6j\xcaE\x8d\x8a\x16i\x8b\x90\xf2\xa1\x8d\xb4H|\xc8&gt;\xf4\xc34\xed\xcb\x9eC\xf6\xb1\xea\xd6.\xf0\x1c\x1dd\x7f\xfb\xf1\xff\xff\x9f\xf7}\x0e\xef\xa1\xefq"\xb1*&gt;uv\xf4l\x8b\xf8\xb4\xc8n\x18\xb7\x0c\x04nZ,\xb6@`\xf6\xe6w\x8fv\x01\xab\xf5\x1f\xe8\x16\xea\xed\x85$\xa1\x16\x19#%\x17\x08L\xdc\xae\xbf}&gt;\xb8\xb8\xb8*\x16\xaf\x9e-\xab\xa8\xd5\x0c/\x8d8\x06\ng\xc3M\x16\xa0\xbaus\xeb\xcf\xbb\xa1\xd6\xb7~\x14E\xc7\xe1\xf6e\xd6G&amp;\xee\xc9\xef\xde\xbd\xcb\x9fK\x8d\x8d\xa5V\xe7\xed\x06\xc3i\x91\xa8\xdb\xeb\xbb9P\xbe\x11\x08X,\xa0\xd5\xcd\xe6\xad\x17\xbb\x80\xf5\xf0[\xd1\xd6\xd6\xb8\x17E\xad\xa85\xe3\xf2&gt;\x9da\x8d\x8a\xed\x13\xfe\x85\xa5\xee\xee\xee\x89%\x99Y\t3r|\xa3\xbc&lt;\nT\xdbX\x12tw\xb0*z\x81\x0b\xb5\xfa:\xac\xb6p\xc7z\xf7\xc4\xf0\xf0\x84\xd7\xdb=\xe2\x1d\x19\x1f\xf7\xcb:,\xc9\xe4\x83\xe4\xc0\xe6F\xd4\x12\x80.\x9cu\xf8v\x0b\xebS\x1dp\xa1\xf8\x89\\\x93e\xd6\x16F\xd7\xbd\xbd#\xdd\xdb\xe5\x9d\\w\xc4\x93\xd3\xd3=\x9b=\xb3Q\xa0\x9a\x9d\r\x0f)w\x0b\xebO\x1f1\xc6_[\xa1|\x8e\x07\xd3\xb3Q\x97\x0fE\xd7{\xfd\x9f\xf5.A\xa8\x9ac\xb68P\x9d\xc3\xa1\x02\xe1p\xd8!1+\xd7w\x07\xab\xec\xa3Q\x1d\nT\xa8\xf5V\xf8\xd9F2\xecs\xa0&gt;\xb4w\\\xa2\xec\xb5\xdalM\xf1\x81\x9e\xcd\xcdd\x00\x98\x02\xb3@5\xa9\xdc5,\x05\x9b5\x8cZ;\xf0#9\xcb\xb3\x1e\xc8\xf6\xad\xe6e\xd4\xd1t\xbb\xc3\x15\x7f0\xddSPP\x9e\x0c@\xb0`u\xb0\r\xe1/\xbd\xed\x16V\x0b\xaf\x93\xdf\x8dn\x83\xdd\xb2=+\xaf\xde\xb0\xd82\x8e&amp;\x1b\\\xd3\xf8;\xd7\xcf\x92\x967]\xe8\x8aI\x94\xf0\x9c\xbd\xfe\xf7\x9d\xa7*\xb9|\xbd\xac\xa5\xb3m1\xe1\xed@\xad\xcd&gt;\xabuv\xe3\xdcfyu\xf5\xc6\xc6\xc6\xc0\xc0\xc0\xe6\xe6f\xf94\xf4`\xc0\x12\x85\xdb\x05\x16N\x9a\x95\x1d\xbb\x80\xf53\xf7\xf5\xb2\xd1\xbbm\x82\xc5y\x19~j\xef\xb3\xfa|\xe1\xf8@y\xf9\x9bw\xaf{6\xa2\xd1\xa8%\x1cMFa?\xb4\xc5\x94f\x99\xcc&lt;\xb9\x0bX%\xad\xff\x9a?5z\xb7\x9e\xd99c\x9f\\nnv8\x9a\x9b}C\xaeLS2\x99\x8cGq\x89,\x96h4\x1e\x07\xac\x8ck\xd9\xbcP\'\x83\x87\xfdk%;n\xe1\x93-]\xd9\xa8@\x0e\\\x8c\x89\x85\xe5\x98#c\x83\xe9\xc5\xe1\x88\xb9\\6W8`i\x02\xaax&lt;\x0e\x9b4\x0c[\xe6 ~\x88\xa1\x94\xbc\xdc\xf1Q\xfe\xc6\xf1\xd7\t1\xbfM\xaeR\xd5\x0f\xceM\xc8\x96}1X\x13\xa0\xb6\x7f@\xc5\xe3I|\xf0\x82r\r)\x17&lt;\xbf\t.\xc8\xcc\x92\x7f\xee\xf0t\xda\xfe\xd7\xa2\xf7^\'\x14\xecA\xb9\xc9\xe9\xd4&gt;\x9e\x9b_\xc0\xdf\x94\xefh\x8eel\x0f\xa0^\xc1\x1d\xb7\xb92\x99\x8c\xcb\x96\x91HdzQ0\xe8\xaf3Kvx\x96/}\xb4r\xe4\xc8\xad\x84\x82\xc5\xac\x97\xf7s\xb5\x9f\xffn\xce\xb04\xe2\xef\xee]\x1a\x9e\xf8l\xbccr\xf2\xc2\x05\xe5\x90D\xb9&lt;\xd4\x9c\xb15\xc5&amp;\xcd\x1e\x91\xc6\xe3\t\xd6\x99\'\xb7^\xec\xa0\\\xed\xa5\xad_\xef;\xb2aM(xL\x01`\x19\xbbT\x8b\x89a\xbda\x18\x9e\xff\xc7\x9e&gt;\x9d\x1f\x1b\xb3\xdb\xe7\r\x9a\xba?J i1\xa5\xdf#\x12i4z\x1c\xab\xe3\xbb\xfb\xed;\x94\xfa\x92\xf6\xaa\xaaG+\x1f\x14\x9d[O\xb4\xb0\x04\xccJ\x95\xb6\xcb\xe8\x1c\\\xb4k\xecc\xbaTju\xac\xfbi\xea\xfa\xd8pB\xa7\x01\xd3bPJ\xcfi\xbb\xdd\xa0\xc7\xd5R\xa2\xd37ZO\x9e\xdf\x01\xb2\xf6+\xb4\xdc,\xda\xcb\x83\xfb\x8e?[H\xb4\xf0\xda\x04rS\xbf\xd1h\xfc\xfd=\x9d(\x01\xd3rj&amp;56?o\x80Z\xf2\x8fLJ$\x92\xd8\xd0\x88\xc6\xceQ\x8b\x82\xb8\x8b\x93hreM\xba\x16z\xdb\x7fx+\xa5e\x13\x89y\x1f\xfe\xe1\xeb_\x1c\xfd\xe0\x81g\x8c\xcd\xeb\xacw\x9aLZc\x17W\xc5b$\xe6R\xa9\xeb3\x8b\xa991#\xa13\xf8G\xcc\xb2u\xa5Db\xd6st\x9cZ\xb5A\x1f\x0c\xca\x94\xe3\x81\xe3/I\xe9\x17\x18\xd6@k\x7fk\xe6\x95\xd2\xc8\xc4|"\x1d\xc9\xfd\xf8/\x07\x7fu\xb0\xc9\xa3\xe3\xb3\xda\xea+\x9dZ\xed7F\xa3S\xc0\xe2\xb3\xf9\xa9\xc7\x8b\x8b\x8fg\xf8\n\x86a\xd8\x13\\X\x181\x9beAQ\x19\x83S\x01.\xfaA&gt;o\xf8\xc4\x93\x06l\xedE:\x8d\xb9/\xbf\r3K\xce_\xca&amp;\x10I\x8d\x84\xec\x1a$\xeb\xe3\x8b\xc7\x8f\x16\xdd&gt;mW\xb0:\xeb+U\xdc;]`\xa3\x9c\xc7c\xb3\xe7f\x16\x15|&gt;_Q\xc6\xb1\xab5zX\xa9du\x1e\xbb\x0e?\xca\x86\xaf\xfe\x05t&lt;\\\xfc&lt;\x84\xa5_\xacA\xa5\xb1\x87U\xff\x1fXI\xe9\xf9K\x97\x1b\xc8\xc4\xa9|:\xf1p\r\x85v\xffj\xe1\xfe\xa2\xcc\'j1\x9b\x07\x91\xef7\xf6\xf5\xdd\xe1\x9a\x98,\xd6\xe0\xe0\xcc\xcc\x0c[\x01\xc5g\xe8\x00\xcc_\'\xab\x13\xe9t:\x06\xee\xa2\xc6\xef\xf7z\xc3\xc5_\xa41lm\x1bkm-B\xa6]\xf9\xc9d%\xa5\x97Z\xc999\x08\x91HB\x90\xbc\xbdtJ\xd6W+\x85\xefU\xc7j\xd5\x0c&gt;\x8f)\xc7\xe5\xfa\xb2\xaf\x8b+g\xf1\x04\x83\x83\xf7T\xf5\x9d&lt;\xd6\xf6K\xe9:\xb5\'\x18\xf4\xd8\x19\x0c0\x91\x83\xbb\x18\xf4{\xa3\xc5\x17\xd3 \xd7\x1b\xb5\xd6\xd6BRR\x0e\x90\xfd\xa4D\x9d\xcc\xc9\xce&amp;\x10\xe8\x04b&gt;\x82\xe4\xbc\xfb!=o\xcfW\xbf.\xda_\x1d\xab\xe0\x88\x15,\x01\x84\x8b\x8b\x9fu~\xa9\x1d\xe4\tL\xa6zSe\xbd\\\xc0\xe3-\xe2zy&lt;\x1e5C,\x16\xbf1Q\xaf\xd1\xa3\xd3\x87.b!\xe0\x020,\xe4N\xaf\xb9#\x91\x06b\x0e\xad\xf4\xc7iV\xd2~%\xf7\xe4^z\xa3\x90\x80\x10\x84B\xe40\x05A\xce\xd4\xd0\xb3\xee\xaf\x14\x1e\xad\x8e\xa99\n\xfev\xb8\xa0\x13\xbb\xfa\xfa\x8c\xfd\xcc6\x15\xb7_%\x97W\xd63\x05&lt;\xbeXg\xd7\xe85j14\x00\x1e5\xbd^\xef\xd7w\xf4\x1c\xfa\x02\x0ba\xee\x10pani$\x9d\x96R\xddn\xea\xd4\x14\xf9G\xfc#6@e\xe5\xe6\x1e&amp;4\x12\x10\x84\xd0H$ \xb9\x08\x9d\xbe\xa7\x86^\x05&amp;\x1e\xdd\xd7\xa4\xc6\x0f\xa3x\xf8\xc2\xc5\xed\x82\xea\xe3\x9a\xc0O#W\xdb_YY)h\xe3\xf1\x19\x1c\x83\xc6\x00\xe8\n1\xde\x89\x80\xa8\xd7[N\x14?\x8f\x84\xdcP\x18ND\x95b\x18\x95\x1aq\xbb\xe1\xe3\xc3\x93\xff\x1b\x18@\xed\xcd%\x80N\xc2F\x04\xb0\x90F\x84\x0eb\xd5\x9c\xa1\xe7\xfd\xf2\xfe\xc5\xa2w\xf6O\xeb\xf9b&gt;\x1b\\4i\xb9\xd0\x8a\x80\xf6\x8d\n\x17\xee\x0eW\xe5T\x01\x18[\xccQ\x1b\xec\x0c~\x0b\x7fU\xf7\xa9\xdd \xd2\x184\xeb=\'\x0e=\xa1\x86\xdc\x80\x12\xc2\xd60*QH\xc50\x12\x99*\r\x01\x98T\xfa\xb0\xaa\xe4\xbfC\xed9\x03\xbe\tA)\xb8\xb2\x11!\xb1\x91BA(\x14\xca^\n\x1d\xd6\xad\xa2\x03\xef\x9f\xbb}V\xc1f\xe3r9\xb5\\P\x89\xcbu:\xfb\xfb\xb5\xc6;w\xb8\xdc~\xad\x8a\xc9f\xa8E\x9a\nEK\xcb\xdc\xaa\xaeBm\x80V\xd4X\x0e\x15\x1f\xbcFrK\x1b\x1a\xa6\xa8n\x90K(\xcc\x97\xa6C\x04\x02\xb1!\x12\x8aPq\xb0\xd2\x1ffj\xaf\xa2\xe5f\x0b\x1b\xa1\x10\n\x1d\x07#\n\t\x14\xbcj\x8e\xe5\x11\x8e]~~\xe2\xfdw\n_\xd9\x7f\xcbf\xc1B\x8fo\x8b\\\xad\xd6\x08\xb9\xea\xd7\xf6\x83\x8fZ\xad\xd6)\xefTp\xd4j5&lt;\x1b\xb1\x15\x0c\xce\xb0\xe8\x13\xc3\x92\x08\x92Up5\x14\x01,R\x83T\x1aJ\x87H\x04\x04\xe7\x12\xd2\x89S \x18\x954%\x95\xfe\xc0\xbeTRJ;\x99\x9b\x9d#\x84@\xe1X\xb8\x83\x04!\x82\xfc\x07\xeb]\xcaa\xda\xb5\x9f\x17\x1e8p\xee\x02\x8f\xc7\x82\x0bR\x0f8\xa0\x98Ve\x92\xcb\xe5\xd0\x8b\x95\xf5m,XR9\xb5\x15\x0c\x05\x9b\x7f\xaa\xa2\x16b\xb5\xa4\xf1G\xcb\x8b\x0bnP\xdd\x11*)\x7f\x8aJ\xa5\x86\xd2\x112\xfc\xceT\xccM\xa07\x92\xa8\xa1Pdjj*\x02\xdbR\xc9\xf7\x8f-U\xb4l2\x91\x8c \xb8\x85\xa0\x11!\x9f@&amp;C\xd8q\x0fkj\xa0\x1bk\xb2\xee_-:p\xa0\xe8\x15\x83\x89c\xf1:\x05r\x15L] \x93\xd3\xc4\x1c\x14\x08\x98\xcc\xceN6\x9e\xf3\x8a2\xbc\x0f9\x15\xb5\xb0\xf3h4\xe1\xe3\x87\nV\xd2T\x88\x11\t(\xa6H\x11\x0c\x93\xe6\xd0\x11J\x03\xe6\xce\xab9F\x86\xbcA\xe8\x80\xb7\xf5|\xfb\xf7\xf8G\x83U\x8aL\x84X\t\xf3\t\xfff\xdb\xfcb\xda\xc8\xce(\x8e\xed\xf1\xfc\xf3x&lt;c\x8fm\xc6\x8c\xbd\xf6x\x0c\xd8\x10\xfey\x15(\x06\x17V\x01o\xaa2qZ\xd8\x0c]U\x95\xa0\x98\x8a(\xab\x08\xeanDR\x82"\n\xa5B\xaa\x16\xaf\xd4m\x1bJ\x1eZ!Q\xd4\xb4hKE%\xf2\x00V@@!\xcaC \x8d\x14eW\xea\xbe\xd1\xc7\xf6\xb5\xe7\xbay\xa9\xd4+c,\xd9\xb2\x7f&gt;\xdf\xf9\xcew\xaf4\xfe\xafP,\xab\xf0\x10\nz\x99\xa6\xa9\x9b\xc1\xa0+z\xe6\x8c\x88\xbe\x8f\xbf6;;111\x8e\xfc\x9c\xed\'r\xdd\xbbw\xaf\xffq\xb2\x05"\x8eL\xd5\x91\x0b\xdc:/\xff\xa1\xae\xfb\xfdw\xaf_\xff\xe1\xcd\xab\xb7&lt;\xb5\xb5\xf5\x87Y,+\xc4\xca`\x93\xb3\x0f\x8b\x96d\x98F\xf8\xf3\xa2\xc2\xb8T!\xbb\xb0\x10\xb6\xc2\xff\xc7\xfb(_\xd4\x08\x85B\xc3\xc3\xe9J\xff\x11[\x19\x1c\x17\nQA\x88E\xdce\xaa\x90\xcd\x95[:r\xfa}\xde\xcf.?N\xb6\x8d\x8f\xb7\xb5\xb5\x8cL\xf4\x8c\xa2\x92\xc0\xea\x7f&lt;\xdb\xd0\xd0@R\x1e\xa3\xb0\xee2\xa1\xbaI\xd2\xfe\x83\xb5D\xa2z\xfd &lt;f\xc92\xcb\xa6K\xc4`\x0b\xc5\xa2\xa53\xbaj}&gt;\xc6\xe7iN\xc8\x8e\x11\x83\x85\xff7-H\xa0\xc3\xe8&lt;?\xcc\xf3\x95\xac\xe2B P))\x14b\x89V*g\x1a\x86\xc9H\xc1\xa0A\xdb\x0eV\x06|\xbe\x81\xbf\xfc\xae?I\x8a\x96l\xc3@\xec\x87\xd3\x87\xfaG\x87n$\xc7[\x1a\x91V\x18?\x98\x86ssW\xaf\xfe\xf5\'\x1f\xfd\xf4Co 1p\x16F\xc3)\n\x9b\x16\xf0\xe9\xa5\x12\xea\xb6 0\x8c\xce\x95\x8acT\x9ev)\xc8\xd6\x85\x92\x0c\xde\xacL\xb5\xff\xe0\xad\xa7\xa2.\x97kX\xe1)\x95\xe2au\xae\xa2\r\xc5r\x92d@3Ce]\x14C16\xd5\x08\x9aA\xfb\xdd\xd5\x07n\xd1\xd9uk\x14\'\xb2$\xb9M +\x92\x98&lt;}=\xc9\xe4xC\xe3{\xbd\xbd\xbd\xc0\xea\xbe6\xf7\x8a\\\xebv\xfdG\xcf\xbc\x03\xb5\xbbY\x0b~\x0f\xb3&amp;\xe1\ng-\x01\\a^\xd5L\xd6zX\xe4M\x9a\xa1d\x84k\xd8\xc2=^WQ\x0c&gt;\xa7\\\x94\x92\xe6%\xf4\x1f\xcf\xb2\\\xc5M*\xc5\xb1X\x86!I|4\xb3\x95\xc9\xd9\xec:\x9e25\x1bNdnw\xe0\xce\xcf\x9b\x86zn\xdc\xe8\xb9\xd1\xd6\xd6\xd6\xd8\xda\x8a#\x07\x1e`\xf44\xb6N\xf5\xf6\x92^\x9c{wn\xee\xd5\xab\xeeO\x9ey\xdd\xb5\xeb\xc7\xfb\xf84\xd40H\xf1\x07\xc7\x85\x02&gt;\xbf4V\x0cK4C\x93~\x14L]\xe7\x94Rv\x011ke\x17\x90n\x85\xf6*J\xc2&lt;fC\xc3,_qU%\x0eT\x95C\x1bJ\xc6p\xd0\x95\xc9\xe5v^\x9f\x1f\xe4\xec\x8c\x86*\x9a\xb4\x96\x9b&lt;O\xc4\x9c\x89\xb5\x97\x83}\x98\x82\xfdC\xc9\xf1\xe4l\xc3\xd4Tc\xcb\xf88\x1ea\x0bq\xa5\x82E\xae\xc1\x9b\xeb\xfc\xe8\xd3\x888\x108\x9b\xdf\x0f[i9\xc4\xb2\xda\xfc\xc6\xca\xc6\xa3\xad\x0c\x8f\x00\x1b\x0b\xf3t^5J\x0f\xc7\x14]79\xc1B\x84\xc9\x9cB\x82d,[e\xb0!\x85`\x85H\xffqD,\x97\xab\xa2\x14g\xb0Tf~\xe9\xf9\xe1\x8aS\\\xcd\xd93\x9a\x89\xe74m\xb1\xfd\xf8\xc5\xc0}O\xfd\xad\xaf\x9aP\xb9!X\xaa\x07-92\xd20\xd1\x82\x88m X\xbd\x9d\x9d\xdd\xe4\x97\x93\x97\xbe\xfda\xc4\xf9\xaczci?,X\x82\x82/\xea\xca\x1c&amp;R\xbe\xa3\xd5ba~\t\x9d\xc9\xd3.\xd5\xb0\x8a\x0b\x96\xa2\xd3*\xba\xb4X\x0c\xb3!\x19\xc0cUD+\x08\xc5\xf2\x128\xa4\x8aZ\xd0J\x928\xca\x95\xd9\xda9\xdb}0\xe0\x14\xfd\xaf\xe73\x14\xa3\x19\xc1 \xcdhLnr7\x15\x0bt\xfd{{\xb0\xefF\xff\xe8(\xc0\xc6\x1b\x1b\'\xc6\xe1w\xb4bC\xeb\x95\xde+\x97;\xbb\xbb\xaf^\xbd\xf6\xcd\xef\xbb}\xbe\xd4\xd1\xa4l\x95J\xc3\x8a\x80a#\xcdo\xc4\xe3\xf1Tl\xe6\xf0\xf9R\x01Y\x01\xb3\xe8t\xb8\xb8 \xf3\x14MS\x02\x19\x92\xb2"\xa3k\xabx\x81gy\xd6\xc5\xf1\x92\x1a4\xa4\x8a\xb1\xb0\xe9\xe3)&amp;:\xf9hc%\x91\x12\xfd\xa2\xa3\xe3\xb0\xc0\xb8t\r\x91\xea\xd2\xca\xe5\xc5\xf6\x83\x99\xae;\xd5\xcf^\x9e\x0c6\xf5\r\xf5\x93_\xd3\xb4\xfc\x8c(\xd5\xd88\xd2\xd8\xd0:E.\x97\xad\xeb\x9c{\xd5\xfd\x81;\xe2K\xac\x1fd\x90\xa1%\x99\x95\x10\x8a\xd4\xfei&lt;\x16s\xc7R\xf55\xe7\xab;[[\x82\xe2\xa2mT\xb6\x08\xe7\xa1\xad$^@\t-\x85\r\x17\xab\x04\x94\x90\xa2(\xc3\xd0iS\xc5\xceX5\xd8\xb4\x14\x8d\xce\x1f\x9f\xed:\xe2q\xd1\xe1pt8\x1c\xa7K\xb6&lt;tb\x82.Fkn^\xce=z\xd0\xe5\xad\xfe\xee\x93\xbd\xdb\x98\xd3_\xdc\x1b\x1d\xedK"Z\t\xd6Hk\xeb\xc8\xc8\xaf\x1b\xde\xeb\xbd6w\xe9\xb7kN_@|\x9a\xd9\x97K%A\x08IJH\xa0\n\x1b\x04\x0b+\x91\xf2\xc2eK\x99\x0c\xcf\xd8\xa9\xb1\xa2\xcc\xf3\xbcD\xfc\x84Y\xbe SB\x15\x81R\xc1\xa3\xebP\xca`\x8d\x10EE3\x93\xab\xe7\xebN\xa7\x0f@\xa2\xdf\xd1\xe1\x17\x8f&amp;\xedy\x9d\xd1\xca\xb4\xcahv\xdb\xf2\xf2\xddG+\xd5\x89\xae_=\x99~s\x1b\x1b\xad/F\xfb\x86\xfaz\xc6[\xb0y\x06\x1a\xce\x90\x13\xad\x97\xae]\xba\xf9\x8b\x88c@&lt;+\xf0\x02\xa8\xaca\x0c\xb2\xb7X\x00s\x02,\x10\xf0D^\xbc\xde\xc9\xd8u\x86\xcf\x8e)\x8a\x0c\xf3\xb1\x8aL\xa6\xb9,UA)\x95\x86\xf5t2]8\x83\xa1\xa2p\xf9\x8c\xd7\xe3t;D\xb1\xc3!:\xfc\x1dbd\xf78\xc7\x00K\xd3T\x9d\xa8ek\xbe\xfb|\xa6:Q\xff\xbd\'\xd3\xd8\xda\x0cnbk\xd3\x0f\xc5pJ\xebAL\x0c\r\xcd\x8e\\\xae{\xff;^\xa7;vVp\xc9\x82@\x02\x1eG\x02A\xa6\xe6\x89Z\xf18\xde\xdd\xe9\x8c8\xe3\x89\xc0\xfa)\x91l?ku\x93\xd5\x98\x00\x00\n\xd2IDAT\xe9\x94\x8c^\xc5x\xb2\x04+,W\x01\niJ\x9b\xb0\x0e*\x98+\xec\xac\x1e=\x08$0\xf9:\xc0$\x92\x12\xe2\xff\xccA\x94a\xf2.\xa6\xcc\xa8z\xb9\xd9f\xb3e\xda\x0fVR\x03\xef\xfc\xf1\xab\xbd\xcd\xc1\xdb\xd3\xe4\x9a\xca\xcaF\x82\x0c\xa2\xa6\xdbM\xc9\xc6\xa9K\x7f\x8a\x8b\xb1\x81\xc3-\x9e\xe3,A\x08s\x1c\xc4\n\xc9&lt;\xd4r\xc6\xe2\x01\x8f\xd7\x89b\x00\xcd\x9d\xa8\x8d\xbcX\xdd\x99\xdf\xcf**G\xb88\x89\xe0[U\x10\x8a\xc6\x82Zt&gt;_\x80\xcb\xdd\xb5\xf1\x88[\x14}\x11\x14O\xec\xa8\x80\xf9W\x9ef\x18\x1aX6\xd8\x9e.\xdb\x16m\x8b\x8b\xed\xcfg\xfe\x0e\xbd^\x9eL\x93cY\x139nl\x0e\x02qzzop|\xe47?\xbe\xe3\x8b\r\x9c.E9aX\n\xcb\n\xc7\x0f\xa7\x81E\xcd\x1f\xc6c^/\xea\xe7\xf5BL\xb7\x0f`\x81\xfa\xc0\xcc\xc6\xf1\xbe\xa5\x98\xa8#K\xb6x\xd8\xb9T\xd1\x95\xa5\x99:\xc3\xd8\x96\'_\xa4\x12n\xa7/\xe2\x8e\x88\x91\x8e\x0e\x94\xaf\x03\xf7\x0e\xbfc\xfdi\x86\xbc\xcancL\x93\xb6\xa1\x8c\xcdZ9w\xf0\xa2+U\xbb\xf6\xe5\xf66\xb8\x06\x9b\xb0k\x9e\xde\x03\x13\xceBM-\xad_\xbf\xefE4,\xe5\xd8\xb4!\xf3i\x99UY%\x1d\x12`\xec\r\x82\xe5!\\\x1e\xe8%\xc6c\x90\xcd\x93\xa8\xdf\x9d\x94\xe4\x90\xaa\x94\x94\xcan*\xc4\x02+\x9f\xc7\x1f\xdaL\xb3a\x83\x10\xc07pG\xdcn\xa2\x92\xdf\xe1\xabx\xde_Ss6\xcf\xe8\x84^c\xcc\xbc\xd6\xbc\xbc\x084\x1b\xf2&gt;\x15H\xdd\xff\xfd\xc9\xc5\xf6\x1e\xb067o\xef\xed\xedm\x9fl\xef\xfd\xf9\x97\xdf\xba\x8f\x03\xe5\xf9\x92]5p@\x91\xd3\xc38\xd2\t\x02\x0f\xac\xcc\xa1\x97,O \xe1\xf18\xbd\xee\x08\xd0\x08Wjf\'G\xf1\x12\xa5\xc8!l\xabB\n_\x95\x07\x15\x03&amp;\xa6y\x11X\xa7\x81\x98\x08m#\xbe\x88\xdf\x81\x9b\x8f8\xcb\x01\xb9\x0e\x0b\x1a\xaaHkeF\'X\xb6\xe5f\x80\xe5\xb6Nk\x03w&gt;\xfe\xe7\x9b\x8b\xed\xe9\x8aZ\xdbX\x17\x17\'\xfd\xdf\xf8\x0c\xe3\xe9h2G\xc3+\x02\x8b$U\x90:\x02\x8f[\xf4\xb5\x13PX\x15\xbdb`\x82\x04\x1eO\xed\xeeN\xce\xaeS:%\x0c\xa3\x84\xc8\xd1*;\xa1\xd2\xcaZy\xb1\xd9\x9eY:u;ET\x11f\xf7;\xdc\x1d\xa2\x0fU\xf4\xfb\x1d5\x8e\x8d\xad2\xb0tx\x1e\x16\xb4-B+\xb01\xe0\xc2\xd7~\xe7\xd3//\xc8/\x00\xa7\xf7\xb6/\xfe\x815]\xb7\x16 T\xcbQ\xdd\x80LiV\x08\x0b&amp;+\x08\xca[,\x02U\xe1\xf2\xc4H?\xfa\x80\x95\xd8\x9d\xcc\xa9*2\x81\n\xa6\xc1\xc5\xf3\xc0\xb2k6(\xa5i\xb4+\xb3\xbf\xe1t\x13,H\xe5p\xf8\x88\xef\xc5\x0e\x7f\x8d\xbf\xc6w\xbedc\x88\xac\x9a\x06\xacr\x19\x11\x01\xbd4\xdd^x-\xa6\xee\xd4\xc6\xff\xf5f\xf3\xde\xe0\xf4\xc96\xa1\xda\xfe\xdbZ\xbc\xa2\x95\x8d\xa1\xfeS\xc5\xf9\xc3\xb6\x8d_q\\\xfc\xf1\xafHQ\x92E\x912E\x1e\xefGR\x14\x02-\x1c4\x98\x00\x83\xac\x9a$h\xe8\x10O\xdd\x82\x0c\x1d\n-=\xc0\x80\x0e\xe0\xa0\x83\x80\x00\x05\xd4v\x14\xa4\xb5\xaa\x87.5\x90!\x1d\x0cCuc\xa7.&lt;\xd8A\x07\xe3\x00\x03\xdd\xb2v\xee\xf7\xd1\xb9\\NP\x0c\x1b\x88\xc1\x8f\xdf\xfb\xbe\xef\xfb&gt;\x0f\x9e\xf4\xb0\xef\xab\x07\xdf\x1ctzx\xdc\xb0\xd6\xce\xa9Z\xa4\xad1\xfa\x08\xaf\x08Q-\x0bM\xbc\x9bq\ti\xc5(\xf7q\x15\x92\x17\xd0\r\x1ay\xdf\x90\x0c\xbex \xbd\x9b\x90\x14\x14\x0f,P\x89\xa2\xe7y\xd6\xdd,e\x820eL5Tv\xf1Y]+&gt;\x99,\xf6\xf6\xb7a\xe3\xf9\xaf\xff\xf9\xe3\xaf~[b}\xfa\x0b\x1eFTL\xc2\xb9\x19E\xdd\xea\xf1\xcb\x17\xb5jG+\xb1\xf8\xbd\x05o\x88\x9d\xf1\x18%J\x08\xcb\xc2\x86j\xa1Z\\\xaf6%2Q$&lt;I\xaa,\x97K\xa2\x12\xa6\xae\xab\xa8\x8b\x07\x0ba\x1d\xbdC\x17\xf11\x08\xe0\xa6^a\xdb\xd6\xf95\xaaUb\xa9l:\x990\xb2\xd4tt\xe4O\xd2\x93\xfd\xba\xef\x84\x83?~\xf8{\x89\xf5\xe9\xcff\x8b\xd4~\xc4}U\xf2]\x94\xa0[#\xac\x9e\x06\xdf\xea\xb6G\x9b\xa0\xc4r\x12\xf40\x19\x97~\x1fXr|\xf3\x86I\xbd*\x92\x1f\x85u,\x9d\xca\xaa\xac\x95\xc0\x14\xd7\x98r\xbe\xb1e\xc0\x00+\x83\xea3\xbcE\x1bM\x84\x9f\xde2\x951\xc2b\x8c\xb9.#.a\xa9\xf2TP\xf8\xf5\xf9`\xdc\x1a|\xff\xfb\xff\xfe\xeb\xed\xa7\xb7\x1f\xfe\x1d\xc7\xf0\xab\x11W\x99\x80zI\xba[+\xab\x85\x00\xa7k\xdd\x1a\xdf\xd4aX\x8dq\x92\x80k\x9c\xc4q\x0b\x921C\xfc\x1ch"\xcee\x03\x81\xa6\x0b\xbc\x8aP\xbe\x10\xac{\xca4\xe7\x1b\xcf\xca\x02\x94\nPff\x9bP\x98m\x17\x9eW/\xf6#UU|\xc5/\x87VR\x91#\xd2tI\x8ff\x08\x86\xa7\xc9\xf30\xf9\xee7\x7f{\xfb\xe3\xff\xc28\xa9\xbf?[\x11\xbd\xca"&lt;\t\'\xfa\xcb\x17m&lt;m\xa8\xeb\xb5\xa1\xba\x17[\x10}2\x18&lt;\x95+\x86\xe8-+l\x9d\x9e1\t\xe8Z\x0fQ]o6\x9b_\xb0\x94\t\x96\xd0h\xbb\x96\x03\xd1\xae\x07\xf0.\xb9\xeeY\x10\x19\x9a\xe8\xd9v\xfd\xf1\t\x0bM\xc4\x8b\xb6\xf6*\x05Q\xca\xf1\xadLxu_|;v\xfe\xf3\xa7\x0f\x7f\r\xe5A\xb1Y\x08,\x15"!2&amp;\xbdn\xbb;\x1c\x1e\xfcP\xa3"&lt;ay\x84\xe5\x0c\xfa\xe0\x82\xd4\x1d9\x94\xeb\xc0z\xffJ@\xca\xd3\x9a\x92\x0b,pU\xf0\x03?aa\x01\x19\xc2\xf5\\\x86\xd83\x91\x16\xa9e\x03\x0bV\x8a\x97\x18&lt;p\x0e\x87\x10\x9e\xb0\xe8E\xbdOU\xbeB\x9af&lt;\xdf\xce\xfb\x83\xc1\xef\xc2\xc0\x1a\xcf\xb7\xb9\x90\xe6,\xc5\xd0b\xaaj\xc8\x05\xc3\x1a\xee\x19M\xef\xb6\xdb\xedcu[4d\x9a\x89&gt;\xb8\x1a-g\x0c\x97\xa7!\x03\x96\x84"\x95\xa2\xa7\x8c\xf3\xb9Z\xac\xdc\xd7\n\x9f\xdd5\xa0u\xab.\x87\x18\\1\xa8\x83\xaa|[\xa7\xb9\xc0\xfc\xe9\xf4g,\x1a`\x95-\x99z1\x89\x98p2\xbb\x19|\x17\x88f\x8c\xac1\x82\xdfp\x9e\xe2\xc7\x1cb\xed\xb6\xbb\xc7\xb5o^\xc2")o\r\x8d\xdb\x9d\x03q\x85(W\x7f\x80\xcf\xc6\x0e\xe2\x97%\x8b\x8f\x88\xbf\x061\xe1\xb4\x00\x96^\x81\n \x10\xb5\xe3\x1aX{\xec\xecF\x0el\x0b*\x8c-\xcb$\x7f\xc7\x0bXvps\xb6d\xd3\xaf\xb0\x80\x82b\xe1\x1b\x055\xbaP\xf3\xd1\xd1v\x17f\xe1\xf7\x1fg\xd8\x00TJ\xd5W\xaa\x9d\xda\xc1\x01\xcc\xb1\xda\xfd\xc3K\xda\xc1t\x1e\x1b\x97k\xa7\xd5hA\x81\xfd~\x9f\xca\xe58\x94\nm,7\x08=\x97\xe8\x0e|\xc2zzJ\xc7U\xa5|\xca\xcfNa\xf1\x96i\xca\xc8\xa5\xe8\xa0\r\xb0\xb2b\xd9\xd5\x1b\x81M\x05j"v:TF\x9a\x86\x82T\x8c\xa3\x0f\xc6\xd1f\x1e\x88ap\xfaf)0$\x1f\xceX\x1bwA\xf7\x00a\x19\xaa\xc2\x81\x81\xb3\x18\x0e\xa1\xf1\xebu\x02?\rI\xf5\xfd\xe7T\xafF\x0c,o\x93\x13\x96\x04}\x01\x0b\x05#,_Q\x10\x87\x15\xea\xa2zO3\x88\x86\xc7\x81mg\xa2W\xcf\n|D\x14\xbc\x9a-\xe1C?iK!-\xe2s\xc8\x9e\x1fq&gt;Z&lt;\xd88j\xa1\x90\xa3\x94\xa5\xbe/\x08\xfc\xd5\x8bZ\x17\x9b\x17X\xb8W\x909\xe9\xba\xeav\x87\xfc\xdd\x9c\xc2V+\x84\xd1\'\x87\x87\tq\xb5\xcc\xb0\xd8s\xc3%\xae\xf2\x8eh\xf6J,\x9c\xdb\xaa\xeb\xa2\xb5\x08\x83\x8f\x16r\x1a\xc2#"\x84\x1d\x04^&amp;\x16AV\xc0\xc6\xeef#?\xf2\xd9\xcfX\x06\xad</t>
        </is>
      </c>
      <c r="M308" s="3" t="n">
        <v>45492.67748842593</v>
      </c>
    </row>
    <row r="309">
      <c r="A309" t="n">
        <v>922570</v>
      </c>
      <c r="B309" t="n">
        <v>1980</v>
      </c>
      <c r="C309" t="inlineStr">
        <is>
          <t>Luís Oyama</t>
        </is>
      </c>
      <c r="D309" t="inlineStr">
        <is>
          <t>Luís Oyama</t>
        </is>
      </c>
      <c r="E309" t="inlineStr">
        <is>
          <t>VOL</t>
        </is>
      </c>
      <c r="F309" t="inlineStr">
        <is>
          <t>VOL</t>
        </is>
      </c>
      <c r="G309" t="inlineStr">
        <is>
          <t>VOL/MC</t>
        </is>
      </c>
      <c r="H309" t="n">
        <v>171</v>
      </c>
      <c r="I309" t="n">
        <v>5</v>
      </c>
      <c r="J309" s="2" t="n">
        <v>35459</v>
      </c>
      <c r="K309" t="inlineStr">
        <is>
          <t>Right</t>
        </is>
      </c>
      <c r="L30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b93d2d8-3c0e-448b-976b-ddea7aa9c4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e4qB\x00\x00\x03\x00PLTE\xff\xff\xff\x1b\x08\x00\x0b\x01\x00\x14\x03\x00\x06\x01\x00\x02\x03\x02\x10\x02\x00\x00\x00\x00\xfe\xfe\xfe\x18\x06\x00\xf7\xf8\xf8\xff\xff\xfe\xf1\xba\x9c\xfb\xfc\xfb\x08\x06\x05\xed\xb6\x97\xf2\xb7\x98\xf2\xab\x87\x0b\x0b\t!\r\x03\x1c\x0c\x03{\xa7\x88\xf2\xb4\x94\xea\xaf\x8f\xe9\xa1}\xf4\xf5\xf5\xf2\xbd\xa0\xec\xb2\x93\'\x13\x07x\xa3\x84\x11\x10\r\x16\x16\x13\x02\x0b\x04\xef\xaf\x8e\xf3\xc1\xa5\xea\xac\x8a\xe9\x9eve8\x1ft\x9f\x81\xe3\xad\x8fn=#Z6 \xed\xa7\x85~\xaa\x8b\x7f\xc5\x9f\xe1\x9at\xe6\x9aq\xc5\x86d\xda\x9ax\xf3\xaf\x8d\xe1\xa5\x84H&amp;\x12\x80\xad\x8d\xea\x97m\xe9\xa5\x82\xd0\x8el\xf2\xb3\x908\x1c\r\xf3\xc4\xa9\xe2\x96n\xd3\x88e\x16\x0b\x05\xe8\xed\xf1\x1f\x1c\x18\x1b\x11\x0buC)\xf2\xc6\xb0\xec\x9br\xe5\xa9\x88\x10\t\x05x\xc2\x9c\xbbtSQ-\x18\xb0yZ\xee\xbe\xa3\xdc\x8ej\xb3pP\x82\xb0\x91\'\x1c\x14&gt;!\x10~J/p\xbf\x98r\x99|\x82\xc9\xa3\xd1\x82^\xdc\x89`\xcf\x94s1\x18\n\xee\xf2\xf4\xde\x84Y \x15\x0e\x95aE\xe9\x92h\xf1\xa5\x80\xe6\x8fc\xd9\x93o\\\xbc\x92\xc1|Z^\xb4\x8d\x9d\\?\xa2dF\xdd\xa0\x7fk\xb9\x93\xca\x80_\xf1\xf0\xee.\x12\x05T\x91q\xdd\xa9\x8cY-\x15\\\x9ay\xackK:84\xa4nPS\xaf\x88\x84Q5\xdf\xe5\xefx\xc9\xa0n3\x170$\x1d\x8cR5a\xa2\x80\xe4\x9e{c\xa9\x85\xe6\xea\xe8S\xa3{I\xac\x84c-\x15\x96kQ\xcfyM\xe6\xb2\x94\xf0\x9fx\xba\x7f^%$!d?(S\xb7\x8d\xcazXh\xaf\x8bd\xc3\x99\x93W:\xdb\x7fQ\xc8sI\xd4~T\xbdmF\xf3\xcd\xb6\x88\xb7\x97&lt;\x13\x04\x86\xb3\x93\x94\xc1\xa2\xd9\xdb\xd9\xd1\x9az\'\x0b\x01\xe5\x92vD\x8ej7/\'K\x1f\npI2S\xa9\x82Oq[O\x9bs\xc5\x8dm\xe0\xe4\xe1\xb9\x87i\x8d\xb9\x9c8\xa1|E\xa0|\xd7\xa0\x81k\x91v(jL\xe3\x89^|&gt;\x1f?y];\x8cc\xe4\x8fh\xc5sS&amp;D2./,&gt;YFDfP\xd8\xde\xeaF+\x1aI&gt;5\xa3v[{{v|U&lt;\x82\xd0\xa9Y}d0\x84[\xafcD\xf0\xa6\x8c?\x99u&gt;\xa9\x83\x1b5&amp;P\x85i\xe7\xb7\x9b\x8bE(\xa2\xa4\x9d\xd2\xd3\xd1\xb0\xd4\xc8\xf4\xba\xa4\xce\xd8\xe4\x89^C/rR_a\\KJD&gt;\x83d-{W:H&lt;\x98P-\xc1\xdb\xd1d\x88n\x93\xcb\xb9\xc0\xc3\xc4,Y@\xa8[8TUQ\xc0\x96|\x16%\x1a\xb8f&gt;\xf4\xd3\xc1\x8b\x8e\x8a\xed\xc4\xab\xa8\xcd\xba\x84\x85~\xd4\xe6\xe0\xb0\xb1\xafllfk\xca\xa1\xc9\xa6\x8d\xb9\xb9\xb4\xc8\xc9\xc7\xec\xcb\xb5ZE5\x90\xc9\xa9r\xa5\x89\xa5\xa9\xac\xef\x99\x84\xe9\x8a\x87\x93\xaa\x8f\x91\x97\x9b\xf0\x9f\x9e\xe0\x83s\xa7\x9d\x80\x92\x9e\x81\xe7\xbf\xa6\xd7rl\xb9]X\xc9^[\xf3\xe3\xd7\x87\xbd\xb0\xa7\x83l\x7f_J\xa0?7\xd5\xba\xa5\xa8\xba\xc4fVH\xeb\xd3\xc1O\xe5\xf6\x8c\x00\x00 \x00IDATx\xda\xc4\x98OH\x1b\xeb\x1a\xc6\x9bd\xc6L\x122\xc2$`B\xc3\x0c\xc5\x94S\x85\xfc!\xa2Ab\x9897\x0e&amp;\x8d$.\xa29\x8dA\x91V\x9a\xd2\xe0\x88`\x8a\x08\xc6\xab#\x05[\x0b\x85(D\x17\x8d\x8b\x82\x82\x87,\xd4tqV5YH\x02v!M)\x16I\xa9V\xe8\xc2\xcdY\xb5\x8br\xdf/\xd1S\xcf=wwG\xfb\x1a\x86\xc4\xd5\x8f\xe7}\xde\xe7{\xbf\xb9v\xed\xff)\x8d\x86\xd0j\t\xedQ&gt;\x03O\xad\x86@\xbf4\x9ak?\xb7\x08BC\xa8\x8d\xc6\x986\xf51wp\xac&gt;J\xa9\t\xb5\xda\xa8%\x08\xe2\'2]\xd3 \xa1&amp;\xbf\x1c\x15\x8e\x7f;\xccRb\xeeP8H\xa52\xa9\xd4O\xc4\xaa5\xcfh\xcc\x1c\x7f)\xef\xed\x15\x8b\x14\x8e\xe34\xc9ds\xb9\xfd\\\xca\xa8\xfd\x19D\xc8P S,\x95J\xed\x7fdY\x01ppe\xadp\x8a\xc9\x96\x85\xfcO0\x182\x14\xa1\x8e\xc5\xf6\x0fJ\x82 \xb0\xa0\x12I\x91\xf89\x97RI2\xa4XA\xfe\xd2\x12W\x87T\x9d5b\xb20y\x90\xa5H\x92\x06(\xe6"\x13\x12\x0c&gt;\xe2\xc1\xb1VkT\x13WI\x15\xdb\xcf\xe7\xb2Y\x11W\x92\x14\x90!\xad\xc8\x1f\\\x08\x13\x1e$\x93+\x18c\xc4\x95\x98\x1f\x98b\xa9\xe3\xca\xd1\x81\x80@\xaa(\x00A\xb2&lt;IR\x80\x82+\xab\xcdD\x12"\xb0l%c\xbc\x92F\x82R\x93\x90\x04L\x96\xa1A\'\x9aB\\\x14\r4"M\x93@\x8a\xe3\x14\xcdP "\xf2\x1b\x0c\xe6i\x8a\xb8\x82\x0c\x03\xb1&amp;\x8f\xf3e\x06\xa6\x8d\xa1\x19\x9a\xa4\xa1]J\x9c\x05:Fd\xb3\x14OQ\xa0\x12\xcd\xc2\x83\xc41\x00#\xd9b\xe5\n\xc0\x08"vZ,\t,\x08\x02Z\xd1\x18\xb4\x0b@X\x08\x07\x92\xa1\xd9,\x8b\x94\x82AD\xac\x14\x06\xbe\xa3)F\x14\xf6\xd5hD.\x95J=Y\xa6\x01\x8abYh\x19\xe8\x85S\xec\x99fJ\x92\xa3i\x0eZ\x8b\xfa\x8aAk\xd14@GqR&lt;\x8ai/\xd1`h\x06\xd5\x85\x1c\x0b\x9d\xa2\xe8t\x1a\xbc\xc424\xcd@J0\x14\xe2\xc2i\x1a\'\xf9\xdaHbH3\n\xa5&gt;4T\xacL\xaa/\xaf\x8fp$\xab3\xfb_\xb2t\x95\x8baXh\x11#\x82\xc7P&gt;`\xc8\xfb\xa2\x1c\xc31\xf9yN\xa0\xff\xe1U^1\x97\xb9\xb46\x82T\xb1\xcca6\xcb\xa0\xe6\x90\x94(\x8a\xe0%\x9aE\x8aa$\xe0\xa0\xc6q\x18y\x9e^\xe0;\xac&amp;\x1b\xd2\xb1\x9c\x82\xc3\xe8\x92\xc4J\x1d\x9d\x96\xc1O\x14\xc3\x02\x0cE\xb3"\xc32\xac\x98`X\x1e\x93c\xb5\xc6\xc91\xecG\xd8\x93\x17r\xffc\xec\x92\xb8 H\x0b\xf9"+\x8a\t!-\xb2\x0c\xc3\xf3@\x17\xe0\xd8D\x80s\xf3\x18&amp;\x97\xbb\xddr^^W\'\xc7\x94\xff,\x9c\xad\xa0%Ls)M,\x1c\n\x0c\x89\x81N0\xf6B\x82\xe5"\x1cK\xcb\xf9HD\xafR)\xea\xea\x14:SX\'\xd3\xab\x14\xff\x0b\x0c/\xa5~\xbb\x1c\xdbCh\xe5\x85j\xabD\x08yp;\xc8\x96NDd*\xbdI\xaf\xd7\xe9t\xa6\xa0\xd7\x1b\x0cn\x06\xc3:]\x9d\xfc\x1f\\b\xfe\x92vCX\xf9\nE\xb4*`\x88\x8b\x81\xc6\xd1\xbc\x9b3\x99\x1e\x847\xbdMM-Mss+\xafvw\xc7v_5y\x83&amp;\xd5\x7f\x83\x91\xc2a\xea2\xd2\x0b\xa5V\xaa\x0c\xeb\x02\x86\xf1`\xfb@\x84S\xa9d\xbap\xb8\xa5\xa9g\xb7?9\xda\xdf?\xda\xdd\xed\x9b\xb5\r\xcd\xcev\xf7\xcf\xff\x1ao\xd7\xd5\xfd\xbd\x97t\xb6p\t\xaeGT\xb1\xfd\x12M\xf1`&amp;\x8e\xe3\xc1K2S\xb0\xe9U\xbfou\xd6f\xb39\xfb\x06;\xa0B\xa1\xfbCCC]\xdd#\xfd=\xf1\x96\xb0\xeao`lE-\xbd\\\x08+s*\xb0&lt;\xcf\x05P\xe9U\xb2\xb0w%\xb9\xdag\xb7\x0f\xda\x87\x87-\x16\x97\xbf\xb7\xb7waa\xe1\xf7g]]]##\xf7\xe6\xc7n\xb6,).\x80\xe1\xd9\x82Zrw\xc1yX\xc8\x89L\xc0M\x83X\x81\x88\xdbmj\x9f\x1b]\xed\x1bFD\x83.\x17@\xdd\xb9\xf3\x04\xa8\x9e&gt;}\x86\xea\x8f\xbb\xf3;\xe3\xf1\x96\xe7Ku\x17\xda\x987J\xbe\xe0\x13\xea\xe3\\QL\x07\xdc\x00\xe5Vp\x89Mo\x8f\xafo\xd8\xe1\x98\xb0\xb8@)D\xf5\x04\xaa\xcaU\x05{\xfbf\xe7\xd6\xd4\xf2rp\xe9/\x8b\xe1T\xf9\xc8(9V\xacR,e#n\x8e\xe3\xdc\xeeH\xa0=&gt;js\x0e;&amp;\x80\nI\xb5\xb1v\xe7N\x95kzz\xba\x8a\xf5\xfe\xed\x9b\xf5\xf1\xa9\xf8\xf2r\xbb\xec\x87\xf5\xa9bFjw\x11\xc6\xfd\x83b \x10I@(\xe8\xf5&amp;/P\rZP\xb9\\\x03\x1bP\x03\x03\x17\xb8\x9e&gt;{\xff\x07\xc2\x9a\x8a\xc7\x9f_\x081\x92=\x8dI\x8d\x05\x97\xe7R \x12!\xc1Xu:\xef]\x1b@M (\x97\xd5buY\xa3\x03\x03kkU\xb0\x05\xc45\rr\xad\x8f\x8fO\x8dO=\xd7A\xea\x9f\x9f\x94xyRb,\xad\xb6\x90+\x07\xaaT\xbc\xbe\xa5\x1fI51aE5a\xb6Z\xcd\xd6\xd6\xd6(\x80\xad=Y@\\@\xf6\xfe\xed\xce8\xd2kyIU\'\x97\x9f\x9fG\xc2\xbeV#u\x13+i\x1e:\xc8E\xdc\xa6W/\xec\x16\xe0\x01,\xcb\x84a\xc2`0\x9b\r\x06\x83\xb5u\x00:\t\xae?\xc3z\xb3\x0ez\x81\\2\x88\xb8\x08_\xe3"s\x12G\x84\xd6h\xcc3\x14\xc7\xa3\x85\xa1)\xd97h\xad\x15\x00\xb5\xb5\xc1\xa7\xad\xcdluU\xb1\xa6\x17P\x13\x11\xd6\xce\xce\x0e`-\xcb\x14\n=\xe7&gt;\x93k/&amp;m\xd2\xc3\x159GS\x11\x1e\x82\xd4\xd4\xb4\xedt\xb9\xa2\x88\t&gt;\x9dm\x8d\x8d@\x06b!\x7f\x9da=E\xa3\xf8f\xa7:\x8dK*Y$\x10 k\\bAR\xb94`\xf9"\x8f\x91$\xe7\x0e\x04W|6pz+0!\xb1\x9a\x11\x14|\xab\xba\x0b\\_\x1b\xc5g\x08k\x07\xfa\x18\x0f\xcb\x14\xfaH\x80\xab-\x85\xcc\xa9\xa4\x11\x01g\xcf\x11\xdcvx\x9e\xe4M\x9b+\xdb6\xbf\xb5\x86\x05@V\x0f|o\xf5\xb4\x02\x16r}m\x14\x9f\xd5\xe4Z_\x9f\x8a\xb7\xebU\xe0H\x9e\xaa\xde=\xc8CI\xb14\xdaX\x8e\xc2y\x9a\'\xb9D\xd3\xabQ\xa7\x1f(\xacf\x10\t!EQ\xb5\xc2\xdf\xc6\x00\xe4j-\xbb\x80\xeb\r\xf4\x10\xd4Z6\xa9\x14\x18\x86\xde\x06\xa0\x88(J\x9a\\\xb0\xc9\x97p\x8a\xc4x.\xb2u\xf2\r\xbc\x05X\x88\xca\xecAT\x1b\x03\xd1\x01\x84\x06\xa1Z\x8b/\xf0\x17\x92\x0b,\x1fG\xcb\x17:\xb1\xcf^\xea\xb0\xc7Rz^\xa3\xcd\x94\xd0\xfb\x0e6\x12@X\x83\xaeV\xb3\x07Y\x0ba!\xb3G\xd7\x80\x08\xe06\\\x80\x16]\x83]\xe2\xf1\xef\xdd\xf7\x1e\xfdzs\xb9%\xa8\x83=Z\x89\xdeKT\xcf\xeb#I\xb1\x88\xcc\x1e\t\x97\xc0Hb+\xfd\xfd\x9bo\xd0\xe59+P\r\x1eQ\x04\xb56\x00\xc2Y\xe1\'d\x85\xcb\xdf\x11\x1a\xea\xbe7v+\x8e\xb0\xea\xea\xce\xef\x8cJ&lt;/\xe5(j\x88\xc9=\x9e\x94\xbb#ia\xeb\xfb\xb7\xd5A+4\xb0\xc65\xd3\xd6\xdcl0T\xd1\xa2\xd6h5\xc8\x0c\x86\t\xcb`\x87\xd3\xd6=:\xb6\xe2m\x87\x8b\x87\xa2z.\xd6\xbax(\xe5\x05\x88 \xf6Y\xde\xed\xe6\xd2Bz\xeb{ru\xd0&lt;\xe3\x99A2\x99\r\xcd\xf5P7\x1a\x9ba$\x11+\xa4Xc\xa7a\xd8&gt;h\x9b\x1d\xdd\xed\x99\xf3\xb6\x83Vp-\xfaq^\x17\xa5\\\x9d\tm\x9e\xe6\x12\x91H"-\x9c|\xdf^\xb5xf\xaa\r4\x1bn\xdc\xfe\xd7\xe7\xcf\x1fn\xd77\x00\x18J\xfb\xce\xeb\x8d\r\r\x8eE\x9b\xaf\x7f\xc5\x1b|\xf0\xc0\xb4\x04X\x98R\xfe\x83\xab\x1c\x93\xd4[\x07\x81@:\x91N\x08\xa5\x93\x93\xe4\x0b3`\xb5\xf6\x86\xfc\x13\x9d\xb7?\xa3\xfap\xbb\xa1\xe1:\xe8\xd4\xd6l\xe8\x04*\xe7l\xffJ\x13\\\xcd\xc2\xa6\xf6\x16\x98DE\x95\xeb\xec\xf8)\x1b%\xf4\x16\xa1=\xd8J$\xd2[[[\xa5\xc4\xc9\xb6}f\xc6l\ru\x0f9\x17_~\xfa\xf4\xe9\xdd\xa7O\x0f\x1f::_\xd7\xff\xbb\xb1\x01\xce\xc7N\xc7\xe2\xec\xe8\x98\xb7=\xb8\xb99\xd7\x93\x1c\x1d\xbb\xe5}\x00\xb9\x05\\\xb5\xc3:\x9b\x92\xd4\xf2\x15\xd0j\xab\xb4U:I\xcc\xf9\x0c3\x9e\x8d\xfb\xa3\xbe\xd5\x17\xab_\xbf~M&amp;\xbf\xbe{\xf7\xee\xe5\xc3_^\x83^\x06Xs,N_\xb2\xa7\xe5\xf9\xf2\xcd~\x9f\xcd\xd6}\x17\xae\x1a\xb0\n\xfe%WQR\xb5\x88\xcc\xc7\xc4\x16\xaatp\xd7n\x06*\x9f\xcf\xb7\xbd\xbd\xfdu;\x99Ln\xaf\x02\xd7CG\x03t\x11m\x86\x1d6\xdf\xfc\xad\xe5\xa9\xf9\xaePG\xe8q\x17\x84\x847\x0c;\xd7\xb9\xbbrR\xbe\x83\xd3\x10\xc6\xc3t6-\x94\x84\x80\xf7\x85\xc1\xd3\xda\x01\x97\xc3&gt;\x80\x81\x06\xbe[\x05\xd9\x16\x17_:\xc0\xeb\x8d\x16\xbf\xbf\xf7~\xd7]8uF\xeew\xf8\xfd\xfeP\x17\xa8\xe5\r\xeb\x15\xe7r\xe1\x87\x92\xde\xf95\xda\xa32\x0b\xdeJ\x98\xc6,\xc8\xed\x1d\xf6\xce\xd7\x7f~\xfe\xf0\xfa\x97N\xc7K\xbb}\xd1\x0ew\xc5\xc6\xeb\xd7\x1b,\xfe\xd0\xe3\x91\xf9\xf5\xf5G#!\xb4\xea;\xef\x8f\xccC\xa2\x86Q\xa2\x9ea\xe5\xa5\xc5"b9.\x9d\x16\x12\xc1Y\xb3\'\xda\x1brv\xd6\xdf\x86\xaaon3X,v;\xac\xd0\x86\xc6\x1b\xf57\xcc\xbd\xd3p\xb9X\xbf\xdb\x1d\xb28\xecN\xdb\xec\xbdG\xb7\xbc\xc1v\x93Lu\x9e]dE\xe2\x85K\xfd\xd1\xcd\x8a\t\xfd\x9c\xd3\xe3\xd9\xe8\xf5;\xea\xffC\xab\xd5\x85\xa6\x95\xa6a\xf4\x18\x13\xe3\xc9xN\r\'\xf6\x18v\xf0\x98P#8\xfeQ\xff\xcb4\xa7)&amp;Q\xaa\x17jpSG\xc4\x04#\rF\x02FBA\xdb\xa4E0?"l-\xb5\x17\x93\\\x14\x1a\x88\xccE\xdb\xd9\x0b\xbdJ\x8b\x94\x19\xd8^\x0c\x99!NYZ\xa6;\x85m\xd9f\xd94a&amp;e\xba\xefw\xcc^\xec\xfd\xe9\x97+s\xf5\xf0|\xcf\xfb\xbc\xcf\xfb~GF\x10\x04.SY\x06\x9c\xc1\xa0\'\x8a`Q\xb8L\x11\\\x8dk2Yw\xc20\xad\xdf|\x94\xf7k@\xef\x02\x81@\xc2\xad\x9aP-~\xcek\xabF\x8f\xac/&gt;\xff\xf2\xd2y\xf9|\xf4\xc2\xd9\xed\xa0\xaeO\xa92\xda\x00\x97\xd2\xa2\xf3\x04\xd7\x02\xae\xe8\xa2ZE\xd0\xb46\xb8\xbeU\xcd\x81\xaen\xa5\xf37\x17.b\x02\xb9\x1c\xb2\xbc\x04\xc1\xc28X\x10OyM\xcd\xd2\xae\'7 \xc7\xf7?\xd5\r\x9c\xddv*\x94$I\xaa\x88\xbe\xe9+\xb7\xf4nw\xa1\x10p\xe9\xfa\x08\x19\xceh\x83{\x99\xf2\xa0\xb7`\x9d\x1a\xfd\xfd\xf57\x9d\xe7|\xfdb\xe4YX\x1b\x96\xa8\xb3\xe3\xfb\x19\xee\xd1\x98\xc7\xfes\xf5\xc7\x8b\x7f&gt;g\xcf\x03,\'\xe8\x88$\xb5\x8bQ\xebf\xfe\xee\xe8\xd0p6U\x0b\x18d\x84\x8d\xc2\x15\xc1\xf5Ly6\x95\xd8\xf4\xfd\xfe\xea\xa6\\X\xae\xfa\xec\x13\xbd\xe0\x0em\xbaD(\x06nlt\xf3\x9am\xba\x1fC\xda\xb2\xa7u\x90\\\xb4\xd0\x9b\x07\x02\x85\xd8\xd3?\x1e|\x7fJR\xbd;\\/\xe8d6\xd2&amp;S\x84\x81\xad\xea\xaea\xbe\xfa\xdb\x87\x7f\x0f\xe74\xfe\xa7\xf3(\xcc\x9f\xd0\x05\x9a\xff\xdb\xcb\xb9\xb9o\xf9\x1c\x7f \xdb\xcc\x9d\xbfd\x7f\xa4\x83\xec\xa2Vi\x07\x82\x85\xba&amp;\xffxh\xa1C\x9ey\x94\xdd\r8)\xb8U\x95b\x05`\x95w\xacn\xb7&gt;\xf4\xf5\xb2\xdb\x0beY-W8\xd5\xb7a\x89&gt;\xc3\xb0s\xdf\xf2\xf8\xce\x08S\xc6\xcb\x85\x85\x85\xb4\x0e\xf2\x94J\xad\xf8\xeaZ=\xee\xfd\xe5C~\xb6\x9a\xf3/\xd7\x0b\xd3\x03d$\xa2%\x81\xad\\\xb9\x9cYO\x14\x12\x89@`mu\xef\xd9Vn\xd47\x91LV8\x8f\xe8\x84\x9e\x8d\x89\x84\x0b\xff\xe0\x95\xaeW7\xee,\xe4\xbf\x88D\x80\x96\xa5\xf0Z!\x90\xb0^\xf9\xe9\xb7t\xca]\xab\x15\x16\xd5\x91\xa5\x08\x04\xc2\xfb\xeb\x08\xd6n\xcd\x05\x8d\xa7V\xab\xb9\xeb\xf1bvx\xc8l\x07\\H\\"\xb8Ma\x87\x98\xcf\xe1\xba\xab\xe7\tt\xeb\xb43\x121R\xb6\xc8m\x08\xed\xb7\x17M\x86{\xd6Bm\xbd\x16\xd5\x92KKdD\xab\xb8|\r.1\xf7l\xaf\x10\xf4\xa0\xe5 \xdaZ\xa6\xe2\x08W?Dz\x04\xabW\x8eu\x88\xe6\xf8\x9b\x7f\xbaNo&lt;\x99{\xf8\xfa\x91S\xb1\xa4\xc2\t2\x02\xf9\x14\xe8\xd1\x9e]Y\x852T\xdb"KP\x9b*\xed\xd9\xb5\xadd\xb2\xba\xb3\xbb\x1a\x0eno\x07\x03a\x0eW\xd6?h\xb6\xb7aI\x04r\x89Ht\xfe\x05_\xb7\xd85s\xdd\x19\xcd\xbe~\x98w*H\x8a&amp;\x8c %\x12\x99\x84\x07\x9c\xd4\xd2\x07\xf4\xa1\x9f\xaa\xc6\x85\xb5g\xe5Jy\xeb\xd9\xfaZ8\x1c\x84\t(\x18\x0c\x14\xd0\xa81\xeaC\xa2\x17\x8a$\x98@"\xec\x14\xbe\xe4I\xf4\xd2\x9e_A&lt;\x9e\xa7\xaf\xf3N\x8b\x11g\x08\x1bI6\x8c\x04\r\xddG\xd9\xa7T\xda\xd0o#\xfc\xabqae\xb7\x9aL\xce\xee\xec][\t\x87\xd1\xcc\x18^\xab\xad\xc7\xb3\xc3\xa3`\x13mX\x98D\xdc)|\xc8\xcf\xa2K*\x9d\xa1VV(r\x0c\xc1"q\xc4\x16p\xc68X\x06\x97\xc9l*\n\xfdV\x91\x91F\xe3\xcd\xfd\xf5L\xb2\x82D\x0ft\xa1\xb3v\xadV\x8f\xcf\x0f\x8f&amp;\xdb\xb0\xc4\x12\x81\x00\x13u,\xf0\x94Q\xa5GK+#\x04\xe5\xfc\xeb\xa43b\xc4q0\xa9\x08\xcd0\xac\xc31NP\xe8\x90p\x87\xe0\x10\x8d7\xdb\xb5\x9dr\xa5R\xdd\xd9ks\x15\xbeV\x03X~H\xce\xbd\x9cqq\xb8\x84\xa2/\x9fH\xf9a\xabu\x99*\xd1\xd4\xd2\xe4\xe4\x17\x16#A\x19It\x834\xed`h\xc0H\xe0\x04xV$\x82\xd8\xba\xbd\xb6[\xad\x08*\xb3\xf5\xc0}8\xc1\xf0\xda\xea\xba7\xee\xbfi\xee\xe7\xb4\x05~\n\x9d\x08\x13]\xe2\x89\xad\x1e\xf62\xcb\xb0-\xed\xd4\xa4SK\x02*\nb\r\xd1l:X\x07\xc3\xe0\x00\rJ\x00\n\xb3\x01\xb8\x82\xf5\x0c\xd0U\xd9\t\xa0\x8dD0\x1c(\xac\xd7\x8b\xfe!\x1f\x97\xb9\xd0\x16U$\x12c\xc2;\x1b\xfch\xebt\xb3\xd1\xc2\xd9\x92m\xb9\x08\xb0\x8cF#\x81\xe3\x04\xde\x04q9\x00\x17b\x0c\xf9\x16\xd9P\xa9\xdexj[\xe0\\\xe5\xb2Ww\xf9\xf26*D\xa4\xf8!\xbb\x9c\x83%\xc4\xd0\x93,&amp;\xfc\x91\x1f\xe3\x92\xce8\x98\x16E\xd3\xb8\x15\xd8\xd2\x1a\x8dpo4\xddd\x80-\xd61\xce\xd04\x81\x0cBE\x8d\x7f\x1cW8\xdd\xb3\x15\x9f\xa6Z\xc9\xb9tNd]5\x18~\xe0\x0e{9Xb\xf4\x0e$\xc2.\xfe\xcc\x8boA!\xb2,K\xb0\xf4W\xc1tT\xab&amp;\x8d\x14N\x03\x98&amp;\xcd\x96~-\xb1\xe34n#\x1b\x14N)\xc7?*\x17=\xd9\x8a 9\xe4K\xca3z\x0f\xc0*\xd4RE \x0b\xee\x10-n\xc4\x021\x82u\xfe\x15?\x1bg\xe9\xe9R\x93i\xb1K+\xe1\xb4\xd5\xa2\xee\xb3\x11P\x86\x0c\xedp\xb0\xa5R\xe9\xb9\x03\xd9\x18Ek]Q\xad\xd6iuW1\x91\x18\xc4%\x16d\xacN\xa7\x0b\x8dd\x83\xe6~y[\xf1\x18\x82%\xc6.m\xf0\xc4Vw\xa9\xc9\xb6\x18\x9c$6\xf5\x03j\x94\x8f\x9b\x80\x0bP\xb5Z%\xd6\x81\xdb\xa02\xb5{v\xfb\xa4\xcb=\xe6\xaf\x80|\x90\x97\x8b+\xd9\xa8\xc7\x95\xf0\x82\xe0\xed\xf2\xf6\x1d\x8a\xb8\x85\x84\x04\x9b\xeb\xe6)\x9fv\xb5\x9a\xa5\x12\xdbr\xd0\xf7\x96u##j\x88\xed\x0c\xcd\xc1\x82\xff2\x94\x8d2.\xdd?.\x0b\xee\xde\x8ak\xaaH&gt;b\xf4H\x80Uc\x1eW,U\xbc\xfb\x00\x94\xd5\x86\x85u\xa2\xa4*~\xc9\xdb6\xa9\x85\xe4}Tr&lt;\xdf\x8cZLj\x19\x8e3\x0et\x87\xf0\xc72\xe0\x15\x90tVk1\x13\xee\xda\xaa&amp;%0\xab\xa2A\xa7\x92\x8b\xb9\\\xeeTv\xc8\'o\xc3\x023\x05\xc0\x02\xf19\xdevo\xd2\xa3f\x93m\xb6ZL\xeb\'\xeb\xa2iDI \xb3\x02\xba\xe0&lt;\x07X\x94\xcd8p\xbb\xa1T\xcb,V\xfd\x94\xe6\x01\x8a\xa3\x82d.\x1ep%R\x93\xc3\xe6\x89\xf6H\x86&lt;^\x0c\xbdG\xbc\xc0\xdf\xf83\xd3\xc4Y\x8am\x95Z\xbfl.ZF\xfa\x94\x04}B\x18\x18=\xa0\x82kTM\x8f\x98\xae\x18B\xf7\xac\xa9\xe2`utP\x93\x9dr\x07\x12n\xf0,d\xa5\'\xb0$\x12\x81D\x8c}w\x9a/X\xd2n\xb6\xc9R\x14\xc3\x96&gt;\x8c\x19\xa0\x16\x81.\xa4y\xceN)\xf0\x06\xa3V\x17\x1a[\xfe:\xe4\xd5\xdf\x8by\xfd\xb9jyv\xb8\x98\xf2\xc6\xdcS\x10\xb5\x92r\xc1\xc9\x84\x81\xc2)&amp;\xee\xe5o\xad+\xedi5\x9b\x0ce\xa4\x1c\xff\xc9\x7fmR#q\x81\xea\x81-\x07\x83S\xd0\x89\x8c\x86\xb1\xb1\xc9\xc9\xb4\xbe\x1e\x9b\xb6\xd6\xb3\x83\xb3\xc9J\xd2\xec/\xa6RY\x8d\x99\xf3,\x94\xe4\x11[\x10#\xb0;W\xf9\x8b\xf2]GM\xdcQ"\x88\xc8H\x1e\xe8\xea\xbb\x8es\xa5\xe8@\xbd\x1a\x14\xaf\xd6\xe9\xe3\xe9\xa9\x94u\xda\xe3Q\xa9\\\xde8\x08\x1f\x80\rj \xd1\xd8\xfb9\xb2\xb8\x1d\x84\x10D&amp;\x90\xff\xcc\xe3\xe0#\xeda\x9b\xe0\x9f%Z\x95N[M\xea32d\xa8\x0c4D\xb4\x890\x85\xdc1wL\xaf\xdf\xbf\r\xbdz\xff\xb0\xbe\x9b\x1d\xce\xf9*Xo\xbf\x19\x84\xc59)&amp;\x04\xc7\xe8\x98[\x10\xf4\xca\xbf\xbb\xca\xe7\xf8\nt\x01*8\xfay\xbda\xdat\x060\xd1p\x8f8A\xa9\xef\xe9\x97\xdd!\x93!Q;\xd8\xdf\x7f{p\xf8&gt;\xbe\x93\xc9i\x06}\x10\xfc&amp;@\xee\x9c\xb00\xf4\xd6\xf9\xd9\xe3\'\xff\xfa\xfb\x8b\xab|\xce\xfa@\xd7\xc7&amp;]*9\x18S6\x1d\x02\\\xc8P!r\xe1\x84\xda\x1a[\xd6\x87\xaeX\x03\x89\x83\x03\xc0ux\xbc\x95\xabV\xcbe\xfb\x84D\xd0\xdf\x9b\x94KN\x84%\x14u\x9c\xfa\'\xfa\x0eU\xca\xefr\xa4\xeb\xf4s\x88\xa383^\x9c\xd4GC&amp;\x1c\x0e\x98\x04\xa1\xd2\xe9\xbd^\x83\xa1V\x7f\xff\xfe\xf0\xf0\xf0\xe0\xf0\x18BM9YA\xda\xb6\x8fN\xfc\xaf\x08\xb9\x87\xe1S?\xa0\xad\x08\xef_\xb4\x1cA\xd5\xd1,3\xe5_v\x19LgF\xae\x03(J\xab\xf0\xb8\xbd^k\xe1x\xe7\xf8\x18P\xc1\x15\xa2s\x9c\x9b\x90\x9cOj\xb2\x83\xc9\x93\x8d\x1b\x07\xebO\x7f\xf9\x14\x1f`w\xf5\xb4\x08\xdc\x81+\x9e\xdeL\xeb\xa3&amp;\x93\xc1\xa4\x1e\xd1R6\xad\xcb\xed\xf6\xee\xeed\x8e\x0f\xde\xbe\x83\xf3\x16\x0eP\x96\xc9\rOM\xa5bY3\x1a\x0f\x85\x179X\x1d7\xae~\x92O\xde\xa4=G\xe38{\xf4\xc3\xcdyoh\xda:=m2X\xc0\xdd\x9d\xb1X \xf6\xfe`\xff\xed\x9bw\xefX\x0e\xd6\xfe\xfb\x1d\x8d&amp;7\x9b)\xc6\xe2\xb3\xfd\xd0l\x84"\x11\xfa\xea\xa0cn\xe6\x13} (\xed\xee\xee\xea\xdax\xed\x1f3\x84\xf4\x86\xd0-\x97\xc5f4Z\x02\x1e\x0b\xd9x\x03\xe7\xdd\t]\x00+SM\xda\xcdYw\xd1|\x02\x0b\xa5\xf8\x0e^w\xf2\xff\x1f\xbc\xa4 \xfd?\x06\x97o\xfd\x97\x97\xb3\x8di2\xcb\xe2\xb8 \x85\xa7\xbcX\xa0]\x8a\xb6\x0bm\xb0\xdb&gt;\x80\xb4\xb4@i\xc6fh\xa4\xd0"\xd0"\xd8:\x14\xc7\xb8\xb4\x08\xb4@\xd3\x18\xc5ab\x83\x9dFBf\x12\xb6\xd0l\xdc\x86-%\xe9d\xc7\xec"\xa6b!\xbb\t\x125!\x92\x10\x9d1\x8e\t\xab\xb3d\xd7\x1d\xc7\xc4\xdd\x8c|\xd8\x8c\x1ff\xf6\x9c[\xea\xce\xa7\x99\x9d\xd1\x87\xcbK\xf8\xe6\xcf\xff9\xf7\xdcs\xce\xbd\xa7\x96p4\xecS+\xc4\xb5\xb9%\x155\x901Wb\x95\xf8\x97\x7f\xff\xf6\xe0E(\xc0&gt;\xf9\xddo\xfa\xfa\xfaTg\xedf\x82\x95\xe0\xca`]g\xf6\xa1\xfac\x83\xdb\x17\x96G\x8da\x8b\x02*Wq\xa9\x18\xea\xfcJqIa\xc5\xc1F\x88X\xe7\xcf\xcbh\x95\xca\xa41\xb9\xccf\t)-\x88g\xa5e\xecy\xcc(\x16u+fs\x1b\xc3a\xa3/\xa8\x14\xc0\x81(\xae\xac\x85/\xc0:qjp\xbc\xbb\xbb\xdbn\xef\xb6\x99u\x12X2\x88\x10\x18\xb5\x08UF\xf1MF_\xa9SS\x97B\xb6\x88\xd1\x8dX\xe2\x82Z(f\xc1\xc3*k\xc5\xa5\xe7\x0ewtt|\xd4q\xf1\xe2\xc5\xc6\xc1n\x9d\xceo\xa0UVag\xa2\x9b\x0bXW\x9ePL\xcegP\xbdw\xe8q\xa3\xdbn\xb4(\x14|\xb1\x98\x93\x0b\xa9&lt;Z\x91#.&lt;T}\xe8B\xd7\xd1\xa3\x87; W\xd6I\x0ctL\xc8\xe6bmA\xba\xccC3\xcc\xaa\x95\xf3\xd95\xcf\x82\xd1h\x81\xbcO\\RR[\x00Uv\x1e\xfc\xde\x07Elie\xde\x85\x8a\x8a\xb7\x0e\x9fj\xb6K$\xb4\xc1\x04\xaeU\x97\x88\xa6L\xbb\x16\xf6\xc2\xbf\xf5/\xd8\x8c\xc1\xa0\xa3F\x8c\\\xb0\xf2r1Y\xdd\xa7&lt;,\x10\x17\x1e\xc0:\xac\xd9\xa6\xa3\xe9\x98\x95\x97\xb2\x1d\xe4\xd3\xf0\x02\x83\xe19\x83\x9c\x7f|\x19Z0F,\x0e\x81\xb8\xb4\xa6F\x0cX\x05$+\xe48\xd4\x07J\x1c\xea\x13\x1d\x8d\x7f\x1e\xb4\x85\xfc\xe0Z&lt;69\xa5!\x96\xb2\xd6F\x98\xc6\xa2F6\xe36[$\x1cU\xd6\x9c;P\x08\x06\x04\xad\x80\xaa\x89\xefP(\x1d\x96\x93\xf2\xc6\xee\xb36\xb3\x9fF\xd7"\xc74\xbe\xc5.~\x96\xc38V\xe6\xd7\xf1\xd5\xb8\xd7(W\x9fx\xeb@M)\x98Q\xcc\xe1\xf39+R\x87\\\xa1\xb4\xf8\x9a\xed\x10\xb1h\x83\xcad\xb2r!\xfdKC\xd7b\r\x8d0?\xc4BMyi\xbf\xc7\xee\xb3(N\xa8\x0f\xc0\x99]R\xaa\xb4@R\x11\xb5\xc8\xd5\n\x8b\xcf~V\xe7\xa7\rV\rW(\x14\xa6&amp;N\x1e\x16\xebA&amp;\xc5\xf8\xf8\x16\xd5\xbb\x10\n\xc5m\xee\x08$\x80r\x00r\x14\x86-aK4,7\x1a\xe5\x11\xb7\xdd\xecR\x19\xe8\x14\xa1\xb6\x93\xcdN%--V\x06k\x93b\x1e+k\xaf3\x12\xf2\x03\x98\x17\xe3W8(\x0fF|F\x9f\xc5g\xf4\xda\xdc\x0b6[\xc8\xd5\xa7\xd1\xb0\xc9MpB\xac4\x16\x16\xf8\xbb\x18\xc7\xca\x19U\xd8h:\xbe\xea]\x95y\xe2\x10\xc3"\x0bn\xaf7b\xb3\xc5\xe3\xa1PH\xe2\xf7[\x85Bt\xaat\xa2\x15iJlR;0\x82Gm\xf1-\xab~`\x88\xfb\x81\x03\xf1V_\xae\xae\xc6\xe3~?\x1dSi\xf0\xd2B\x9b\xae/F\x99\xc8&lt;F\xean\xf6\x9d]\xcccee\xfd\xb3\xa4&gt;\xe8}I\xc3~S\xc5T4\xaeP\xdc\x00!!v\xe9\xcc\x19\xa1P\xcb\xe3i\xf5{\xf2\x89P,\xech\xb1\xd9wv@\xad,\xea\xbbRq\xbd\xdc\xfb\xd2\x1f\xd3\x08\xadV\x13\xfc\xea\x8b\xc54\x9a\x98\xd5z\xedR\xa7\x10_\x82fdl3\x91\xa67\x9b\xbd\xb6\x03Cn\x80U#\xaeW\x06\x17B1M\xab\x90\xdb\xda\xa9\xadK\xc1G\x96\xad\xf8&lt;\x9c\xd7\x99\x9a\x9a\x18{#\xa35\xa9lr\x89~m\xef\xce`\xe5\x15\x88\xeb-\xee8mm\xedl\xad\xd3\xc2\xe2\xd6\xd5\xf1\xb4\xbc\xceN-8z&gt;\x99\x13\x04\xc7J\xd5\xa7\xb3\t\xd7\xa5\x91\x1d\xb0"\xf5\x1d\x9c9bA\xbd\xe5\x1b/\xdaQ\xdbY\xa7\xd7\xf3:[[\xb5u\xc0\x08\xf5\xf3\x9e\xc4\xe8\x118\x17Z\x10\xb1\xceL\xe5\xec\x00\xd6\x7fj\x00+W \x8d\x86\x8d\x0bq\xd3\x19\x90H\xcf\x03\x13\xa2jz\xdc\x7f\t\xa6\xd4T-\x0f[p`\xc4\xd6\';\x80\x95\x05Xxg \x90\x06\xc3\x11\xefj\x9c\xd6p\xb5\xbb\xf5z=Ib\x12\x8e\x8eGa:lIlP\x02\xd6\x9b\xbbC\xfc\xc1\xfb\x03e^e-\xde\xdc)\x83a\xa3qa5\xee\xa7MBv\xfa\xff^\xa1\xa7mC\xf1H\x87\x12\xd6\xc6N\xcc\x9b\xf6*K\xf3\x00k\xdf\xbe\xd1\xfa\xa8%\x12\x8eD\xb0\xed&amp;y5L\x80\xef\xc8\x08\x14/%\x89\xb5\xc9\xfcV\xcc\xca\xeau\x1c\x87&lt;\x0b\xbb#|H\x1c,\xd1h0\x08\xb5\xa3\xd1F\xf7\x11\xc9R\xd3w\x03\x157)\x166\x9a\xaf\x8d0\xaf\x16\xd5{\xeeB\x1e\xc9I\x9b8\xa3Ri4*uJ\xa5\xa3N\xa73\xec\xf6\x80f\xf8 \x83\x97\x14\x8bp\xb1\xd9o\xdfb~8\xb7\xf7\xc9\xc1C\xc7\xf3\x08V6d\x80\xf5R\xa9s\xa5\xe9\xaf[+RP-\xec\x96Ai\xc1\xe3r\xbf\xefY\xb0\x86n2lF\xea\xc9\x83K\x17\xbb.\x90+\xa9}\x88\xc5\x1f\x1d\x05\xaa\xa6\xad\xad\x15\xa7\xc3\xe9\x0c\xfa&lt;\x86&gt;.\x97\xfb=*ls\xe9\x8b7\x18\xe5\xca\x99Y\x13\xb5\x02\xd6\xf1Jb\xc6l\x01\x9f/\x18]Yi\xdaj\xdaZ\x19uJ\x9dQ\x8b[\xa7\xea\x13"W\xd2\x86\xe4\x16\x83U\xbc\xc1`MFMM^a\x11,\x94+;7\x97#H\xe8\x85kt\x14\xb0\xc2v\x1d\xd4\xd3\xdbr%}\x9e\x9d\x9e&amp;*\xde8\xc6\x14W\xd6\xcc\xe4\xec\\\x9a\xbf\xa3\xeb\x02Z177\x1b\xb0J\xa4|)\x00I\xa5\x84J\xdd\xec\x91`\xca\xc5\xe5q\x13X\xc9\x07o,Q\xd1\xf5^\x8a!o\x7f4;\xbb\xee\xff\xd3\xd1jT\xab\x12\xc4*(\x00\x9f\x87\x85{\x11\xc8\xa0\xf4I&lt;\xd2\x15\x12\xf7J!&amp;Lb\x89\x8a\xee\x8c01?I\xe5\xdc\x9e\x9c\x9c\xfc\xf6\xc3\x8f\x08\x16Z\x91`\xf1\x81\xc7\x99X\n\x88\x11\x90\xa4\x82\\\xa8WJrmc\x89D\x9b3\x0c|\xeeA\xce]\xa0\x9a\xf4\xbe\xf3\x0eb\x1d\'V,(\x10#\x15\x06\t\xa72\x1a\x947\x8f\x9beXQ\x03\x16\x0f\xe2D\x92\n/\x14\x11+\xff\x83\x07\xcfF\xded)\x0b\xff\xc9\xcc\xbb\x13\xb3\x80\xf5\xcd\xbb\x7f\xd8V\x0b\xdf-\xa2\xcb\x13\x03:\x9d\xd1\xa0\xda\xe7\xb6\xc5C~\x83\x89`q\x85\xc4\x94\t\xac\xddD-\x00\xcb_\xbfy\xec\x8dqQ9#S\xe0W\x88\xf5\xa2\xeb\xdd\xa3\x15\x85\xa5\xd8\xa8\xc9-\xc8\xe5\xa0\xcfK\xa5\t\xac\xb0\xaf\xd9\xe6\x81J?F\x8c(\xb4j\xf0Q\x19\x97p\xa5oc\x89D\xac\xfc\xb5\xbf\xed}#`\x14u\xecvy\xd9\xec\xc4\x04\x1a\xf1Eu\x17\xc1\x02\xb1\xb2q/\n\xc0\xe7\x89\\\xa0\x96\x1cJG\x1b\xce\x15X\xfb\x84}V\x93\n\x1b\x96h\xceWX,\x11~\x8aE\xf1\x83\xcf^?\x88Q\xbb2\xbfx\xda\xd631Kl8\xf9\xfc\x04\xc1\x12\'\xdei\xc0\x0f\x87\x9ft-K\xd8gt\xdb&lt;\x12\x83\xcad\xb5jL\x06Z\xe22\x90\xd7nPa\x13(\\\x90\x91\x89X\xc5\xd7g^\xd3\xf7\xa9\xcc\x99G\xed\r\rc\x81\x89\x96\x00b\xcd~^\xfd\xc7\x8a\xc2\x12Am-\xde\x0e\xe3\xdc\x83@\x80!K\xe9PX\xd4\'\x9b\xed\xe3\x1e\x99\xc4\xa5\xd2hT\x06\x89\x04\xfer\x01"\x97\xb7;M\x94\xe4B,\x11k\xcf\xd0\xb3\xde\xd7\x00\xcb\xa2\x00\xaa\xbc\xbd\xa1\xbc\xa7\xaa\xa5\xaae\x02\xbck\xf6\xeb\xfd]\xd5\x85|\x01\'\x97\\\xfcd\x0b\x80\n\xb8\xf8\x08\xa6&gt;\x05\\\xdddh\xc5\xa4rId2\x19\xf6\x055}\\}~\x12\x0b\x8b\x0f\x16\xfe\x91\xbf\xf6\xecg\xbaX\x16\x959r\x1b\xa0\xda\xdbO\xb7\xb7\x95\xb5\xb4T\x05f\xc1\x92\xcf\x15\xd5\x87\n\xf1j8\xbb\t\xef\xa4\xc8\xf9\x83XR\xa5B}\xf0d\xe3 `\x9d7\x10*\x90K&amp;\xa1]\x06\r\xf7\xed\x87\xc5E\t.\x1cFb%\xccY\xb4\xf6\xecg\xc4W\x08\t_&lt;zZ\x8eT\xed\xed\xe5\xa7\xbf\x02\xac\xaa\t\\\x9f\x1f\xda\x8fj!S\x13\xb1":=\x04/\x87\xe2\xe0)\xc0\x1a\xd7\xa1\x15\r.\xec\x82#\x16\rql~\xf9\x83\x87\x0f\x8b\xf3\x89\xd3\x03SR\xb7\xa2\xf5\x9b?\xb1\xf5E\xa0\xca\xcb\xcb\x1b\xcaQ\xab\xc5\x86\xc5\xe1\xaa\xaa\xaa\x96\xc0D 0\xfb\xe2\xdc\xfeR1\xd0d\x93/0\xa2\x80/\x85\x03\x08m\x08X\xf6\xb3\x9f\xe8t.\x83\x8b\x96\xc8\x80O"\xd1\xe9d\x86\xb5\xe9\xb9\xb9+\xcb\x0f_\xad\xa2m,\x88cC\xff\xfa\t\xceO\xe5\x1c\xbb\xfb)B!U{\xdb\xe2b\xdb\xe2X\x19r\x01V\xe0y\xb0\x90`q\x04\t\x87\xe7\'\xceE\x87B-?y\xb2\xb9\xdb\x03 .\xa0B\x0b\xcad:\xb3N\xf7\xe5\xbd\xab\xf3\xf3\xebss\xeb\xb0\xe6\x97\xe7\xaf\xde\x9f{\x08q5\xbf\xa8xy\x19X\x876\xa6\xfe\xbfap\x8a\xda{\xf7)\n\xd5\xd0\xd6V\xde\xbe\xd8\xd6\x03?\xa7\xdb\xbe\xaa*+\xab\n\x04Z\x02\x81\x17\xf5%I,\x94\x8a_R\xafT\x92\x8d(ol\x1e\x1c7\xebd\xe7\x89\x05\xe1[\xa7\xd3\x99\xcd\xe6\xcd%\xa0\x02\xa2\xe9\xe9\xa5\xe9\xfe\xfb\xfd\x03\xfd\xd3sH47wu\x1ax\xe7\x96\x87\x1e\xdf\xfa\xf1\x13)\x8b:\x86P\x84\xaa\xa7\xe1\xf4\xe2\xe9_\xa3Z=\x8b\xc3-e\xc05\xd1\xd2\xd2\x12\xf8;\xba\x16\xe1\xc2}\x88X\x00e\t\xcb\x9b\x07\xed\xdd\xe3x\xb9\x02\x1a\xc9\x88\xfdtf\x8f\xe7\xe5\xc7\xd3\xf3\xf0\xaf\xcf/\xdd\xfb\xf8\xc8\xc0X\x7f\xcf\xd8{\xfd\xf3\xcbs\xf7\xef\xcf_\xee\x1f\x1e\xe8\xbf\xb1\xb4tu}~\xe3\xc7\xc6\xe7\xe1\xec{\xda@\xec\xd7\xd0\xd3\xd3\x06n\xd5\x86X=\xef-\xbeW\xf5\x8b2\x8c\x12\xf0\xfd\xdc)\xe0\xacp^\x99\x90`\xe1\xa0\x03R\x9d5\x03\xcbY\xd8\x8d\xc4\x82f\xcf\xf8\xea\x91%\xb4\xe1\xfc\xf4\xbd#\xbf\xfc\xd5\xf0\x8d\xe1\xb1\xf7\xdf\xff\xfdeP\xea\xf2\xe5\xfe\xb1\x9e\x9e\xb1\xe1\x81\x81\x81\x1b\xd3W\xa77~\xe8\xd3\x19\xc0\xd1?m@\x97\xfao\x1dg\x14\xd2F\x9e\xc7\xf1&lt;\x96\xac\xc5}\x99\xab\xb92\x0f^a\x16\x1c\x97\xdeC\xb0\x0f\'\xf3p\x0f\x91\xd5\x046cY\x02}p\x1c%\xc2\x1c\x11f\x130\xa6\t\xcb\xbe\xc4d_*\xe9C\xe6a\x0c\xdd8\x8c\x10o\xa5\t\xdcbl\xa3\xe9\x95\x10\x02\xc9\x91\xa4\x1e\xdd\x07\xdd\x80\x1e\xe5\xd2E\xa9\xf6\xc5\x05\x85\xfb\xfef*\xbb\xcb\xdd\xfd4!bt&gt;\xf9\xfc\xbe\xff\xdf\x7f\xc0\x89\x1e\xa8\n\x06=\xa3\xdb\xd3R*\xb2=\x1d\x94\x83\xdby\x9e\x81/\xd8\xe2\xddg\x14\xf8\xc1\x17\x036\xd6-\xc2\x9a\x19\xb7\xb1\xbeY\xfaf\x0e\xca\xb0\x08\to\xe9\xc1\x83\xef\xc5\xb5b\xf1\xe9?\x8ae\x91e\xfb\xa1j*\x18S\x9a\x85\xe2~\xb1\xaa\x84\x828\n\xb8\xa2\xd1P\x19\r&gt;y\xf2\x7f\x84Y\x9b\x1f4y"H\x15H\xfc\x9em\xbb\x87\xe9\xa0$\xd7\xda\xab\x0c\xcb0\x10\x86\x15y&lt;90\t\xaeA\x8c\xd2[\xb7o\xdd!,\x04\xde\xbb\xb8\xe8\xf5NLx\xe7\x97\xbe\xfc\x9c\x1a\xb8\xf4`n\xfe+\xc8\x02\xd5\xd3\xb2\xc9\xb9\xdd\xc1j(\x14L\xc5\xab\xfb\xfb\x85BUQb\xfe\xd1Q\x7f,\x14\x8d\xc5\xa2\n\xc0\xcc\xff%\xec\xa3\x1b\xd7\xa1\xf2D(V\xb2\x8d\xe5\x97\x8e$5\x18\x89\xe8\xdd\x9b\x87&gt;\x86\x07\x17r\xbfz\xf2\x82\xde\xbc\xf2\xf5\xed\xeb\x85hc\xcdN\xcc\xce\xce\xd2\x90\x98[\xc2\x02\xfc|inqq\xfe\xc7\x0e\xc9B\x0bY\x9e\xa9u\xabJ5\x95\x8a*\xc5\xad\x8df5\xa4\x84R\xfeQ\x0f\xb51\xd6\x8f\xa1\x93k\x9dW\xff\x95\xb0\x1bN\xa1\xfd\xefi\xdah&lt;\xa3\x91\x88-+\x12\x89\x1cI\xb2\xec\x97+9Y\r:\x1f\xe6y\xfcn\x1e\x135\xe3&gt;;\x98\xa4Yj\x83\xdd\x19[\xfetf\x06c\xcb.L\xfa%,\xc0/\xe7\xbc\x13\x9f\xfdM,\x13\x16\xa8|\xbe|\xb8\x1b\xaa*\xb1T,T\xd8\xdbo\x14\x94\\(\x8a\x98@W(\x9a\xea[\xc2\xca\xf9\'\xbf\x06\xfb\xc8q\x93&amp;:\xa8\xe0\xc9\x03\xaa\xa0?(\xa5\x8f\xd2R\x12\xce\x82i\xa9\xd2\xd4\xd4\x8b\x80\xb3\xe6cY\xc6\x07*d\xec\x18\xba\xdeOZC\xe2\xd6\xc8P\xf6O3S\xf7\xc6\xedZ\x98x\x06]\x7f_\x9a\xf7\xce\xce~v\xdeAw\x8ak\x1d\xce\xed\xe3\xeb\xa5Z\xa8haU\xb7\xb6\n\xd5\xaa\x92\xd3c~\xac\xach4\x1aK\xa5bX\x96\xe553\xff\xcbu\xa9\xd663m\xa9\xf2\xfb\xc9Q\x1a@\xaa\xae\xeb\xb2,\xabzB\x95\x92FS;\x0c\xb8\x84\xbc\x9b\xa5&amp;\xba1\xc2\xce\xdf\x1f@\xd8\xe4\x0b\x08\x1b\x1e\x19Z\xceN\xcdX\xff\xdcc|\x06XV\xf4Au\xf7\xee\xcfb\x99\xaa\xc3\xf1&lt;\xdb\x15\xea%\xe5WX\n\xa2\xdf\x8c\xcb~L\x8ch4\x95\xb2\xc0\xd0I\xf3\xf1\xf5H\xb7\xa0\xac-\x19\x9a\xfch\\\xc2\xd0\x8c8\xa0\xd4\x84Q\xa9\x18\t)\xed\x97\x8dZ p\xb3\x9da9\x16c\x02\x8b\x919;\xb0\xb8\x06^\x0c\xde\x19\xfa)\x9b\x05\xd7\xd4\xd4\xbb\xa9w\xe8\xe5\x84\xf7\xd9\xfc\xfc?\xbd\x13\x0b\x0bw\xcf\xcdr\xa7\xd3)s&lt;^H\xaf^*U\x8b!\x9d\x02\xbe\xbf\x87\xd07Q\x85\x82\x96\x83*\xd2Et4,\xca\x1f\xce\x87mS\xe8\x1f4I\x84b@\x94\x0e[\x06\xaaR\xa9$\xd2\xdb\x91\xa4\xd1\x13\x02\x01\xe1qF\x149\x06\xb3\x8b\xe7\xc5\xcb7\x7f&gt;\xb0\xde\xb6u\x1bM\xcc\xbe\x9b"\xae)\xe0\xdd\xff\x0e\\\xcf\x9eM\xac,\x8c\x9f\x89\x9d\x8ei"W\x19w\xff0\\\x0f\xb7\xd7\n\xa1\x1f*C0\x00\x00\x03\xefIDAT8a=\xfdak\xa3\x01\xae\x82\xa6(\x8a\xd6\xd4r:\x06\x07\xbe\x81R\xd6,\xa8\x9a\x1dt\x8ay:-\xeb\xb0\xa4\xaa\xaaN8F\xc50v\r#.G"\x92\xaa\x86A\xe5\xac\xad2\xa6\xc8\x12\x97\x9b\xfd\xf1\r]\x10\x0b_\xbf\xbb3\xf2S\x16HS3\x90\xf6\xc7w\xe3+\xe0Z\\\xfcn\xfc\xde\x17\xe7\xa6)\xe2ud2n\xc6\x07\xaa\xfaU\xa1\x9a\x8bGc\xf1\\q\x8fB\xdf\xd4\x14\x0c\xd3\\\xb3\xb0\xb1Q,\x18\t\x15X`\x0b9n\x00j\x94*\xe2I\xa7=A\x04\n\x85@\xc9\x15\xadB\\\x86N_\x05)j\x92\x10pR\xbaV\x19Ndq&amp;\xe1s\x9b\xc7\x8f\x1e=\x82\xb0\x81\xc1\xe7\xc0\xca\xfe5\x9b]\x1e\xca.#e\xf7W&amp;\xbc\xde\xd9\xfb3\x9f\xbe\xe6L\x91c\xb1\x06y\xa6_\x03\xd6\xabS\xe4\x1c\xd33\x9ek\xecAWa\x13T\xb9\x9c\xd6lm\x80\xabat/\xe4\xb8\x8ef:l(\xe4\xfch\xbb\xd6\x13.\xa4dRM\xa8\xb2\x84\x88[T:\x1e\x06e\xca\xbc$M\x07\x02.\xa7\xe0\xaa\xadf\x18\x0e\xba\x80\xc5\x7f\x7f\xf9\x86.\xf2\x1c\xf8x\xf8\xf9H\x96jhlh\x8c\xfe\xc8\xbf\xb2\xb2\xb2\xb0p\xef\xf5\xd9\x89i\xe2\xb9|\x86g\xb8&lt;\xc9z{\x15\x82\x9f\xb8\xb5\xfb\xfc\xb0\xb7\x81\x0e\x02J\xdb\xdci\x00k\xa3\xa0\xf4\xc2\xf5\xda\x05,8\xd0&gt;\xcc\xff\xf4Q\xb7\x17p\xba\x02\x84\x95H$\xc1\x90X\x07\x14DI\x92\x9aX__O$\xd3\x91.a\x05\x02\x0f\xf3\xabn\x86\xe582`\x8a\'/\xffu\xf9\xfe\xe0\x0f\xbf\x1f\x1c\x1e[\x86\xab\x91\xe7\xc3\xc3\xc3c\xd9\xa9\xf1\xbb\xdf\x9e\x9d3,\xcbR\xc3y\x1f\xfd@;\x1c.\xd5O\xeb}M\x89\xc7\xf5x\xae\xb9\x8f.\x166\xc1\xa4m6wZ\xc4\xd5\xd2\xeaaT\xbd\xd6u\xe0\xac\xf3\xe8\xa8\xdb\x16\\Vu\xd3\x90e\xd8X\x04\x85\xf4\xef\xae\x7f\xa0\xb2\xb1\\\x82\xf30\xb3\xca3\xa2\xc8\xf2P\xd0\xc1)\x98\xfb\xe4\xe4\xe5\xf1\xe5\xd7\x9f\x8c\x8d\x8d\xe1,\xec\xe3\x81\xdb\x7fy}v\x0end\x8a\xe5\xd0B\x0c\x14P\xe5\x85\xb0P\xba:\r\xfb \x08\xb6\xe2\x1aa5v6A\xb5\xb9\xd9l5\x00\xd6j\xd6J\xe1\xb0\x00|\xc7t\xc4\x16\xe5t\xe2\x06,\t\xb6T)\r.\xe4&gt;\xb1\xbb\xbb\x8e\x8f]P\xf9=\xa3]\x17\xb0\x9cB \xbcJX\xa6H\xfbP\x07{\xb7\x9b6p\xb0\x9d\x9d\x1d\x7f2xy\xfc\xf2\x84!"Z\xaf\x1c/r\xd4C\xcc\x14\xc8\x12\x84\xfa\xdb\xb7\xe1\x0b-\x97\x83\xad\xb8\xb6\xb1\xb5\xb7\xb5\xb1cqi;\x96\xaeF\xf3*\\*\xe1yaG\xa4\xdb\xb3\x98\x9c.P9\x81\x950t\x9a\xee\xc9]K\x13\x98v\x93I\xe8S\xe5\xe0c\xe8t:\xad\xc5\xe8\xe3\x18\xd3\xc46\x84{\x9e\xe8\xacb\x81s\x8e\x9bI\x8b\x8f%\x1e\x96\xa1\xbc3\xb8\xf7\x1d\n%A(\x9d^\x01\xabBX9\xadAX-\xc2B\xb6\xec&amp;\xee\\\x10\x16\xb8\x1c\xed\x80\xf3C\x11\\\x8dl\xa9i`![\x16T\x02P\x10H\xee.,,\xa4\xcb\xd5k?\xce\xb0\xb0\x81\xc1\xdd\xc1Q\xa1\x03PP\x82\xe3\xbbY\xf2\x04;\xc8\x15\x07Mx\xd8\xef\xe7\xdb0 \xc0\xd6\xe9\xab\xd2\x15BN\x91\xd7\n\x18\xa8d\x8b\x9a\xb8\xd3\x02W\xa3\xb5\xe3C\xfc\x88\xcbq\xf3\x9a\xc8\xaa\x1a6A]\x95\x8e\x8e\xd2\x96+\x1b\x8a:\x89\xce&amp;.\\\xb6\xd6\x00\xc0\\\xc2\x93\xf6a\xde\r]\xe2\x07U,+\xb2n\xce\xf4\xf1\x1cQY\xc5\xf1\xa0\xea\xaf\x1e\xf60\xef\xac*\xbd\xb5\xb1,\xaefc\x0bX\xa4ks\x07\x85h\xb5Z}`a\'\x08;\x9c\xbf\xa96\xba\xa7\xeb\x90EX\xbb\t5i\xc5\xcb~\x98\xec\xba\x9c\xd7\\t\x0c\xd0=\xec\xf6\xb9\x0eO\xe7`\xe0\xe2(L\xa6\xb5H\xad\xce\xb1\x1c\xc3\xf6\x0f\xdb=\xe1\xba\x02\x88\xfc\xabz\xcd\xb6\x15\xcfm6\xf6\xb7\xf6[\x14.\xfal5\x1a\x8dV+\x1a\xae\x13V\xe9?+O{M+\x9b8\x86\x00\x00\x00\x00IEND\xaeB`\x82'</t>
        </is>
      </c>
      <c r="M309" s="3" t="n">
        <v>45492.6775</v>
      </c>
    </row>
    <row r="310">
      <c r="A310" t="n">
        <v>922575</v>
      </c>
      <c r="B310" t="n">
        <v>7314</v>
      </c>
      <c r="C310" t="inlineStr">
        <is>
          <t>Gabriel Baralhas</t>
        </is>
      </c>
      <c r="D310" t="inlineStr">
        <is>
          <t>Gabriel Baralhas</t>
        </is>
      </c>
      <c r="E310" t="inlineStr">
        <is>
          <t>VOL</t>
        </is>
      </c>
      <c r="F310" t="inlineStr">
        <is>
          <t>VOL</t>
        </is>
      </c>
      <c r="G310" t="inlineStr">
        <is>
          <t>VOL/MC</t>
        </is>
      </c>
      <c r="H310" t="n">
        <v>178</v>
      </c>
      <c r="I310" t="n">
        <v>19</v>
      </c>
      <c r="J310" s="2" t="n">
        <v>36077</v>
      </c>
      <c r="K310" t="inlineStr">
        <is>
          <t>Right</t>
        </is>
      </c>
      <c r="L31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8c188f-ffca-43d4-8210-5b2827fd13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03\x1d-\x00\x00\x03\x00PLTE\xff\xff\xff\x11\x1a\x1f\x14\x16\x1b&amp;&amp;(\x17\x19\x1e$$&amp;\xfe\xfe\xfe\x1d\x1f$\x19\x1c !!$()+ #*\xce\x91j\xfc\xfb\xfb\x12\x1d$)!\x1f\x1d\x17\x1d\x1c\x18\x13\x19\x1c\x1a\xcf\xa1r\xb9\x86d\xc1\x86a\x1e\x1d\x1e1("\x11\x13\x16\xf6\xf3\xf38%\x19\xbd\x8bf\xd7\x9ft\xfa\xf8\xf7\xd5\x9a{\xbf\x8ck\xc2\x91m\xd0\x9cv\xc7\x99l0\x1f\x16\xcb\x97s&amp;\x1c\x16\xd0\x97p\xb3\x85d\xc9\x8ad\xbb\x82]\x0c\x1c\x1b\xed\xb6\x86\xdd\xae\x82\xc8\x8cj\x14\x1c\x19\xdf\xa0v\xd3\xa5s\x1d"\x1f\xaf\x82^\xe2\xae~\xc7\x93l\xd9\x9f\x7f/-.\xc8\x93r\xdc\x9dq\xdd\xb2\x89\xb3\x8fstS;\xd8\xa5\x84\xb3{S\xde\xaaz\xdd\xb3\x92G4(\xcb\x9do\xe5\xb6\x91\xd7\xa8y\xe6\xa7~\xe5\xac\x8f\xc8\x91f\xb5}]\xeb\xb9\x8d\xeb\xb3\x82\xcf\xa4\x83\xf0\xba\x8a\x9e{c\xd7\x9an\xbf\x97s_E4U=.\xbb\x91n\xc2\x8fc\xc3\x8af\xb6\x87\\\x9erW\xd3\xa1{90)\xcf\x97y\xfd&gt;6\xc7\x9az\xe2\xa5z\x89lX\xdf\xa3\x82\xa1qJ\xc1\x96h\xfbJC\xab\x87jN\x12\x0f@, \xabsM\xf1\xed\xeb\xeb\xb9\x98\xd4\x93q\xa8|^\xd1\xa8w\xef\xb2\x8f\xc0\x9b\x83\xec\xe6\xe4yH5\xfcF7y[F\xea\xac\x85\x89eL\xba\x94x\xc5\xa1w\xe5\xb1\x80\xde\x99e\xd8\xaa\x8a\xb4\x8cjD(\x17\x86[@\xf4\xb9\x97(\x18\r\xc2\x98y\xb3\x81X\xe5\xb4\x88\x93pU%(\x1b. )\xc6\xa2\x87\xa3wY\xcb\x9e}\xa8\x82d\xc2\x83V\xe2\xa5\x89\xf4\xbf\x90lF/\xde\xaa\x8e\x99lF6\x14\x10\xd0\x9dk\x92r^\xf3PJ\xe3\x9fl\xd4\xb0\x95\xf0\xc1\x9c\xadyX;\x1d\r\x91[C\xa1eO\x1c\x11\x0boVG\xc8\xa9{\x80MD\xa8{S\x19)#\xd2\xad\x88U7!\xb1vI\x81`I\xbb\x8c]\xf9\xef\xeb\xf8\xc5\xa3\xcd\x97\x85jN:a\x19\x16\x91eI\xd5\x91eN/\x1b|dQc?&amp;\xbb{U\xe1\xde\xde\xc9\x92{\x7fR9y&amp;":64\xb4\x84q\xc6\x8cv\xcb\xa8\x8d\xda\xd5\xd4\xf2N5\xd4\x9b\x8a\xf6\xe4\xdd\xe9\xdd\xd7\xe3\xd1\xc7\x91.+\xc0\x83lRMJ\xe6UKxLF\xa6}kKD?\r\n\x0e\x8e\x15\x1a\x85H=\xa8\x86u\xf1\xd8\xce\xc9\xc3\xc2\xb2\x8d\x81\xb1\x0c\x1eaN&gt;\x96jR\x95yh\xb1\xac\xaa\xd0\xcb\xca\xf3A4\xa0\x0e\x17B=7\xef\xc4\xae\xca\x85Z\x9e\x84p\xce\xb2\xa4j`[\xbe\xb9\xb7w\x14\x11\xcb\x9dcqjf\x9f\x97\x95\xbf\x9e\x93\xd2\xba\xad\xe2\xbc\x9d\xcd\x8dZ\x8a\x83\x81\x92\x8e\x8b\xc4\x8e\x85\xda\xbe\xb2ztrnH@\xd9\xc5\xbd\xb2zg\xc6\xa9\x9b\xbfxh\xe2\xb3\xa2\xeb\xa9t\\XV\xb6F=\xa2/1\xbc\x86z\x9fG;\xacpb\xbf\x99_\xdaPP\xc9QJ\xb0\x99z\xaedF\xa5\xa0\x9e\xf0\xcb\xbb*\x0b\x06\xb6\x99\x8d\xe4&gt;4\xbb41\x9e\x88\x85\xd2FB\xd7oV\xcbX\xf38\x00\x00 \x00IDATx\xda\xc4\x98\xffK\xe2y\x1e\xc7\x07\x96\x13\xee0$\xc6\x19QsU\x9c\xb20\x10\x9a\xa6\x9c\xb4\x14\xc7\x1aMM\xad\xcc%-\x10\xb3\x93\xea0\xdb\xa6\xb4it6\xb3\xcdb\xa5\xc9\xbe-Qc;\'~;\x89\x86\xe2\xd8\xe1\x82\\\x18\x1a\xb2\x02\xa7\xb9\x82&lt;\xac\xb8vn\xa1\xf9}`a\xe0^\xefO\xcd\xfd\x03\xa7\xcd\xf3\xf3\xc5\xcf\xe7c\xe0\x83\xe7\xeb\xf5y\xbd_\xafn\xdc\xf8\xff\x85\xcb\xcb\xa3\xd1\xc8d\xb3\xb9\xa7\xc7L\xa3\xe5\xe5\xe5\xe1n|a\xe1p\xc0D\xee\x89oll\x1f\xed\xed\xa5?\x1e\xed\xc7\xe3=fr\x1e\xee\x8b\x92\xe1\xc8\xe6\x9e\xf8\xfeQ\xfa\xdd\xae!\xba\xb0\x03\x8a\x1av?}\xfa\xb8\x1d7\x7fA\xc7\xf2\xccq\xb0\xe8\xf7w\xd1\x1d\xb5Zd\xa2\xb0\x9e&gt;%\xe9\xd4\xaa_\x17\x0e\xcf\xcf\xf6\xb6\xe3\xe4/\x02\x86CP\xe9\xe3\xc3\x85\x05Udf\x86B1\x91\x9e\xe6\xe7\xe7\x93L"\xb5(\x95J|8Oo\x9bi\xb8\xeb\x87"\xc7\xb7\xd3\x87)\x1dp\x88( \x93H\xc7\x9a\xff%\x9f\xa4\xd3\xe9Dkk:\x92.q~\x84B\x89\xbbf\xab\xf6\xd3\xc7\x9b:\x12\x81\xa4\x13QX\x88J\xa4+\xfce\xfe1IG(,\x84\x87$\x12)uxv\x14\'_g\x8e\xe1h=G\xa7\x1f\x12\xa95\x1d\x81@ \xb1\x1e\xb3(:\xc0"\x15\x16\x92\xd6R\xc0E \x91\x10\xdb\xda&amp;\x80\xf5\xe4]#U|\xef|3\x05\xf1\xd2U\x00Waa!\x0b\xdc\xd1\x81Ek\xa9\xb5\np\xf0;\x12\xf6H\x97\xda&lt;\xff\x08\x86]WU\xd8\xd8;F\xb6\x10H\x15\x15\x15_a\\\xf9\xf3\xc8#\xc0\xfc\xd3W \xe4!\x06\xaaK\x1d\xa6\xf7\xaf\'\x90@\x95\xfe\xb0\xa6[\xc3\x02\xa5\x030p\x89\x00\\\xf9\x08\x8cp\xfb\xf6\xed?\xfe\x01H\x11\x13|Q\x91J\x9c]\x0b\xd7%\x15\x81\x80~\x14\xa2\xf5\x1d\x01s\t\x12+?\x7f~&gt;\x1f\xee\x08(\xae\xf3W\\\xf0\xe5\xe6\xe9\xfe5\x940\xf2\xfe\x19\xa4\x15k\x9eE\xf9,\x16\x0b\x15+\x12\xabp~\x1e\xd1\xa0|\x7f\x0co\x01\x0b%\x1c\x0bq\x9dm\xe4\x9a\x0bG\xde&gt;\xdd\xd4\x99\xa0\xa4\xdb\xed&amp;\xbb\t\xea\x02\x92jgaG-\x82B\x0f,\x14\x13\xfa@g\xd6%3\x01\xe3\xca1\xd5\xfei\x02\xaa\x94\xdd\xae\x0e\x06\xbd\xde \xdf\x1a\x8dF\r\x06\xdf.Z\x14\xa3V\x0cnY\xadV\xab\xd0\x0e\x9c\x88\x10\xcaF"\xbdA\xcbm^\x9d\xee\x98\x1e\xcf,/\xc7\x1c\x166{\xb0o\xb8{ddd\xfd\x19\xd2\xfaHww\x9fQ\xe12\xd8l\x80\xe9\xf3\xf9\x0c\x01\xbeJ\xbd\x1c\xb1C@I\x9b\x1f\xe39L{\xda\xc6\'\xb5\xddn\x8f\x05B\xed\xc4;Lf\x8b``\xe0\x99P(\x14g:\xa7;3\x19\xa10#|\xb6\xb4\xb4\x0e\x02\xca\xf5\xee\xaa-\x835\x18\x8b\xd8)\x14\x92\xeep\xaf\'g\\y\xf1\x8f;33\x91\x98\xa3\x8c\xd8X\xc0\xe5rkjJ\'&amp;\x84b\xb1T\xda\xd99=\xdd\t\x12\x8b\xc5\x9d\x80\'\x14b\xfe\xd5\x0f\x0f*\\\xd6\xa0\xca\xc4\xa2\x88\x8e\xf7rU\xefq\xe6\xa3\xe3\xc8L\xc4\xeb\xf0\x97\xe3\xc3S \x9e^\x7f\xd7\xe9tr8R\x8e\\.\x97^i\\\np\x03\x03\x03\x13\x13\x13\x03\xf5\xc3\x1a\x8f\xc7\xa6\x82\x0cK\x9do\x93s\xb4\xe4\xec\x9f\x8a\xec\x11\xef\xec\xe2\xad\xa2p\xf8\x11hjJ\xdf\xef\xe4\xc89\x1c\x99L\xc6Ag9G*\x87\rvgii[\xdb\xdd\xb6\x16f\xe5\x9d\xd1\xc1\xc02\xa4~\xe2,\x9e\x13\xbb\xf2z\xce\x12\x14\x88\xa0\xbb\xa4\t\x7f\x85u!\xe3\xc8\xc7\xc7\xc7\x01\x0c\xd9%Gx\x08\x10Y&amp;\xef\xd5\xf3x&lt;eQ]\xf9\x9dVc`\x99B\x11\x1d\xe6\xc6.\xf2\xd1\xa1\x89\xb2\xec\r\x95Q\x01\x0b\xf3\xea\xe2B\x86\xa8\xae\xb8\x90]\xd2\xcb\xfbq\xb9\\\xa6\x9f\x82\xbf\x012|#\xa3\xc1\xc3\x8fPL\x89\x8fq\\\x8e\xcc\x12\xc5\x1cZvSS\xf1\x15\x16\x98%\xc5(\x90G\xb2\xfe\xbb\xfd`\x1e\x80\r\x01b\xef\x05\xc2\x020eq#\xa3\xca\xa0\x02\xae\xe3#r.\x8a\xc3\xb1\xc8\xa4\xf6\xda,\xc4\xa6\xa6\xba\xf0g\xb3\xe4\xe3`\x10\x8a\x1e\xb8%\xeb\x97\xa1PJa\x97qd\x17W\\\x8f\xea\x1a\x19\x1a\x85Um\xa7\xa8\xd39\xb0\x8b\xbc}(\x12\xa9\xf9I\x88a1^\x89\x12\x0b\xa3\xc2B\x08\x19\x05\x97rt+Gi\xc6\x01,\xe0\xba\x98\x02\xb2p\xb8\x8e\xa11&amp;\x83\x11\xbbiw?\xeb\xb5\x0bg\xde\xdb\x14Aq_l^i\xac+R*yzI/z\xfd.u\x95\xe8R\xa9\xf3\xf2\xb6\x1f\x91J\x00\x0b\xb8N\xea\x1a\xa9\x83nG\xccn_\xd8\xcb\xfa\x92\x8d\xebIo\xaaU\xde\xd0\xe2J\xe3\n`\xf1\xb8z\x89\x04~\xba\x1f\xe9.R\xbfS\xe6tb\x97\xe8\x01\x1c5z.PM=R\xe2\xeb\x18tO\xc8\x1b\xb1\xab\xd2\xe6l\xd7\x88\xbc\x8d\xd3\x84*\xc8\x9f\x04\xacF\xbc\xf2\x12K"\xd1\xd7\xfcO\xc0\xe5\x94\xf5\xd7\xd4&lt;\xf8\xfc\x80\x0b\xaf!\x0f\x82\rX\xe5\x0cv\x92\x1f\x8b\xa8&gt;e\xbd\xd2\xd3\xf6\xcf\x13;|G\xfb\x93\x95\x93\x93\xb0R9\xc5\xe5\xea\xf5z.\xb7\xa0\xa0\x008\xe0Rr\xb7\x1f\x99W\x83\x9e\xc0\xc2\xf4\xe0\x01|(yS\xb0]bi\x1d\xdee\xf5\xbb\xacc\x91\xb7\x8f\x13;\xd6\xd0\xf3\xb1\x13\xc0\n?Bk\x0fw\n\xec\x00\x06=\xa2\x92Hz{e\xbd\x12=\xf2\xa8@Y\xd0Rp\xf3&amp;x\x8a\x14\xaek\xac\x04,\x1b\xf4\x13\xbb?g\x1f\xebP\x15\x0cL\xfe\xed\x04\t\xc3\xe2\x81c\xb0\\c\xc1\xc4\xd4\x0bTz\xf4\x0c\xaa;\xf3&amp;\x93\xf9\x83\xb2\x00\x15z|]]e%\xdd\x1dr\x04\xd5\xbel\xb7]\xd0\x95\x1e\xee\xf0m~d\xd6A8\x1c\xe6qy(\x8c\xc0\xe2t\xf6"I\xb0\x93\x04\xf3M\xd2\xc6ma\x82P&lt;y\xf8\xe2[M\xe5\x95Dw\xd2\xb6\xa02\xec\xd3\xb2\xeeVt\xc1\xeaj\x06\xac\x83\x83\x13\x84\xc5\xe5\x02I\x17\xb44CCC]H\x9c.\x0eB\x83\xab\xde\xde\xef\x05\x02\xc1\x03\x01\xca\xaf\x1f\xf0\xb7J\x88t:\x1b\xb0\xac*\xc3\xfb\xec\xbbu\xbc`\xd5R\xc7\x0e\x0e\xc6\x0e\x8a\xf1x\x9e\xbe\xad\xadV\x8c\xda\xac\x17/\xa6\x01lH\xde5\xd4\x85\xceH\x9d]N\xa1\xf0\xfe\xfd\xd2\xd2\x9a\x96\x82"|cI3\x15\xb0\xb4\xaeh\xd0\xf7&gt;\xdb\xff-!o\x1b\xac\x01\x84566V\x8c\xff\xf3\xbd6\xc1\x84\x18\xa0\xde\x82\x00\x0c\x91\x8d_n\xd0\x0cB\xc3\x85u\x84\xb5\xa5\x82\x16fQ\xdd\xca\n\x9dN\xb4\xb8\xdd\xd1\x85\xddlc\xc1l\xe1\x0b$\x17\x9fT\x97\x94TW\x13\xef\xdc\x13\xb4\x0c\x0c\x083\x99\xb7\x99\xb7\x97`/\xa6\xd11&gt;&gt;=\x8d\xb5\xa9\x191\xea\xa5\xc5\xb5\x03\xf7Z\x98\xe5\xc4f*\x83\xce\xb6\xb8\r\xd1w\xd9wk\x7f\xd7\x96\\\xac\xae~^\xfd\x90\xf8\x0f:]\xa3\xe9\xeb\xeb\xeb\xeeF\xf3E&amp;3\xfd\xf6\x05\xc2yq\xa5\xe9\xe9\x0c\xd68\x0b\xc5\x13\x03\x02AK9\xb5\xb9\x99H\xa7\xb2-\xbe\\`m\xbc3h\x17\xab\xfd\x1d~\xbf\xc5\xa2M&amp;\xb5&gt;\x97\xcb\x80F1\xc5\xeb\x91%a\x06a\x8d_2\x89\x9f\xd5\xc3\x08\xc4\x86\xc1\x08\x0e*\xa3\x85\xc9 6\xa3\xa4\xf7\xf8\x0c\xaf_e\x1b\x8b\xb6\xf1\xda\x05X\x0f\xfd\xda\xb9\xd0\xac\xc3\x06S\x97-`\xb5Z\xf9|k@Q\xd5\xfd,3\x8d\xd2\x1fb(\xbe?Z\xe5q\xd9V19f\xdb\xcbFG\x19D\xa0\x83\xecR\xf8\xde\xbc\xcav\x81\xa0m\xbc\xd1\xb6#\xac\xb9\xd9\xd5U\x9bK\xa1\xf0(\x14&gt;\x97!\x00`6\x97q\x04\xb0\xc4R\x18\xcb\xc4\x03\xadF\x97\xc3\x1b\x83I2\x16\xf3z\x1d\xc9\xb2V\x06\xdb\xc2\xa6\x03V\x99G\xf1{\xd6\xab&lt;\x86\xf5\x1c\x8287\xeb\x08y\xfa\xd0\xd8:\xd2\xddWeTh].\x97\xb1[\x88\xa61\xe9\x90X\xc0\xb0$\x1d|\xaf\xd7\xfb\x97U\x87\xc3\x16r\x0f\x0ek,\x93\xa1E\x08"\x95j\xdc\xfaW\xf6\xb1~\x06\xac\x8ej\xa0\x9a\xf3\xd3[\xeb\x97\xd0,\xb8\xf4\xe3\xb7\xc3\r\x9aA\xa3\xb1jd\x02M\x89\xd2\xa1\xdao\x1e\xb6\xa3\x10\xbb\xb4\ncU_UU_k\xfd\xb0erv\xf2\t\x91J\xd7\x18\xb7~\xeb\xc9\r\xd6\xf3\x8e\xb99?ctt\xb4~\t\xf4\xe3\xb7\r\r\r\xc3\rUU\xc3\xf5P\xc4\xa0\xd6\x0fu}M\xd4&amp;\xb5\x8a\xd7o\xba\xe1-]_\x07G\xebG5\x96\xf6v?\x91J%zr\x88\xd5\xd1QR\xc9\x1cmE@`T\x19\xc8\xe3y9\xfc\xf7\x89Zl\r\xfa\xfe\x1b\xa2[\xeb\xdeBTP&gt;\x10\xdbH\xeb\xb0\xa6l\x11\xb0\x88~\xcb\xd6o\xe6\xdc`utT\x97P\x19\x95\xad\r\x9a27,\'!\x07R\xc8\xfd\xf2\xaf\x82Z\xb4\x16\xb6\x155\xf9\'g\x93\xda-\xc5\xae\x0f\x8a\xc7\xd6\xd6\xcb\xbeaM\x03p=\xa1\xd2\x9b\x17\xdd\xff\xf9g\xb6\xb1p\xe4W/\'\'\xdb\x17;\xaao\x95C\x9b\x02%\xc0f\x8d-Gf\xec\x11\x15?\xe6\xb0T~}\xaf\r\x1a\x08f\xd3\xc3\xf6\xd5\x18\xdf\xe5\xfbUm2\xa9\x17\xa2\xb6\x90\xb6\x0c\xc2G%\xb2\x89\xc42\x8b\x9f\xfe\xef\x9f\xb2]\xb6\xcc\xef\xd9\x93\xc0\xd5\xf1\xa4\xa9\xbc\x1ck\xea\xbc|+_53CQ\x07c\xabnze%\x93\xab/\xc0\x97\xf8\xdbW\x97\xbd\x81\x80\xcad\x12\xa9\x82\xff\xa5\xd5\xfcB\xda\xd8\xb38~\x9f|\x1a\x9fn\xe6\xc1M\x9c$e\x98\xcc\xc0\x1d\x84l\x86\xa8\x99i\xd7\xbdN\x06\x06\xf5\xde\x98\x18B\xec\xa4HS\xc7j\xc5\xa4\xb2z\x95\xa4\x82\xe6\x0fM\xa0\xac+\x96-\xa2\xa9iJ\xbdk\x88\x90\x14L$p}1\x04n\x9f\xec\xcd[\xdd\x05\x05\xb5\xee\x83\xb7\x0f\x15\xe9\xd3\x9e_\xca\xee\xd3&gt;\x8e\x075(\x8a\x1f\xce9s~\xdf\xef\xc9\xef\xb5cg.-5\xb9t\x16\xeb\xcaJ\xf5DS\x8b\xd1\xda\xfe\xa0r\xbal\r ,\t\xc4\x93\xd1:\xf4f\xc7\x11\xbe;\x05X\x90\xad\xa7\xabV\xa3\xdb\x8d\xf5\x83S\x15\x82\x81\xb9\xedm\xc7\xd4\x0f\xf7\xffp\xff\x87\xa9\xa9\xed\xed\xc9\xf4\x8a\xcedjbA\x835\xb2\x1a\x16\xb1\xb5\xadr\xda8\xcfI\xc1\x00`1,I\x9atp\xfc\x0c\x8d\xec\xdf}\xbd\xf1#\xd8\x8e\x9d\xb4\xce\x84\xe3XgG?\x0e\x8fDz\x12\xf2\xf8\xf7\x1f\xef\xff\xe9\xf5\xdd\x85\x9d\xc9\xb9\xa0\xa0\xb7\xc1\x1f ,AZ\xac\xb5\xb5k\x06\xd6\xfe\xe8\x08\x9e\xab\x1c\x9e\xf9\x8aE\x99I\xbbQg\x19X\x9c\xe8\xee[X\x08O9V\xd7\xf4n\x1cW;\x86\x11\x96\xb027\xe9xywj\xea\x1f\xcf\xf6\x8bP9):h\x06\x11a\x01,I*]\xd4\xcaZ\xbd{\xd0\x92\xdd\x9bp\xf9wyJ\x00,\x01\xc7(\x8a"I\xd2n\x8a\xc9\xf2\xc0\xc8\xd0\x9b\xb9\x9d\xf4\n\xc30x\xff\xf0p\x7f\x02\xb0\xa47\x93\x93s\x0b}\x07\x070Kc\xa4\x9b\xc1)\xaf\x17\xb4\rL\x12\x9dIU\xe6\x0fk\x1a\xf5\x17$+n\x89\xa5R\x9d\x89` \x98\xc7\x9d\x18F\x91\x08\x0c\x8ai\r\xac\xae\xbeI\xc3\xd0`\x12tgoo\xe7{\xa4{\xa0\x8a;\xe1\xbe\xf8Hw\xc4o\xd2\x0f:mf\x83\xd7\x06T\x16\xcb=\xaf\xd2\xdb\xab^\xd44Q\x11-\xed\x95\xf31cjT\x1cNd\x02\x99&lt;N#.\x08\x03E\xd9\x18&amp;\xb8"I(W8\xd6\x01Xt^\x10\x048\xcb\xe7\xde\xfc:6\xeb2\xd9H\xcaL\xf5\x1b\x0cf\xdbf\xd4j\xd1\xbf\xe8z\xd2\xab\xe6\xab\x17\x9aL\t\x98XoW\xc8\xd1\xbf\x89\xffNd2\x19!\x81\xd3\x18\x05\xce\x14&gt;\r\x14\x8b\xb9Y\x8c\x85\xc6\x82\xe7\x10lv\x07\x9d\xc8\x83\xc6\x08&lt;\x7f&gt;4d5\xdaI\xb3\xf7\xf6m\xe42(\x9b\x1e\xb0\\\xeb]\x7f\x1e\xef\xcc_\x1d\x97\xb5X\x90@k-\x06Xq4\xf9W\x84\x05\\4f\x00;\xd8Oa\xfd*\x8d\x81\xdb\xc0h7\xda\xe1\x80\xfd\xff\x8a\x05a\x95\x8cz#\xa9\xfc\x11\xa0n\xc3o\xda\x9cz\x8f\xd53\xb0\xbe\xde5?\xaf^\x9diRE\xc0z\x1b\xc0\x89\xa4\xb2\xf5&gt;\xd3\xe4\xc2)\xf0\x82\x1d0\xa4\x12y0A\xf4\x16\xc6\x02\x1a\xa6\xa2la4\x03eD`\x8c\xdb\x06\xf3\x15\\\xdbp\x87\x81r\x0e\xea=Q\xcf\xbd\xf5\x17\xde\xd0&lt;}\xf5\xf1\xbaM#\xac5\xc0\n\xfd\x05\x9e3\xc0\xca7\xb1 ][\xf4{\x08zk\x8b\xa6\x01\xac\x1f\xb1\xaa_\xb1\x18\x9d\x8e\xc1YTf\x83\xa1\xc3\xf0?\xac\x17/\xe4\xd08s\xf5\xf10\xab\tVm\xd9\x83)bh\x0b\x9e\xc4\x8c \x00VGos\xd7\x00E\x04*U\xfd\x9a,d\xaa\r\x18\x9e\x17\xf2\xf0\x00@\xb7\xb1\x18\xd5\xb4\xd5\x06\xef\x7f\xb1\xa6\xa7\xf9\'!\xe6\n\xd7\n\xeb\x9f\xb7\x86E1\tE\x04\x1d\x08=\xdf\xec-\xb4jP\xa1\xb5\xd4\xce\x0eB\xa5("\tbk\\\xa1X\xf4X\xba\xdd8kC\x1d\xcfq\x1c\x01\xc3tP\x8f\xb0l\xae\x81\xef\x9f\x84\x9c\xf9\xd2\xb56\xbdU9\xe4C\xa2\xc8m\xfd\x0b\xe6\xa9\x10ep\'\x05}\x04\x9d\x04i\x82\\u*\xbd\x1c\xa1r!\xa4\xb7\x14\x82Ey\xa2\xdd8@\x11^\x8eWx/\x8c7\xbd\x1e\xf7D\xf5\xa4\xc7C\xf6\x86\x0c\x18_k\xd7d@\x94\xafy\x85\xdbMv\xf4G\xd3\xe9\x8c\x80\xb0\x86\xd1\xaeA\x01,\x16\xa7UE!|\x842&gt;\xff\n\xb0|\xac\xdb\xcd\xb2,\xce\x18A\xea\xf0|2\x95\xe2}v\x93\x1e\xc7\x19\xc6mf\x04\x06\xeb\xbc\xcd]\x9459~\x00Kf\xab\x051dXI\xa3\x89\x8e;\xcd\xbd\xe3\x90\x9b\x10\xa7\xb2y\x81Q\x81\xca\xc7\x89`\x11\xe7\xc7E\x8ed\x11\x95\x10\x94\x8c&gt;\x8eO\x89\xa28cF\xd9\xd2I\x92\x9b`\x85L&gt;\xd1\xa9\x1cj"# [{2\xb3r)\x8e#\xac@3[\x08kT\xe4X)\x18\xfc\xe8KB\xb2\x92\xf3M\xac\xd1\x14a/\xd9Y\x06\x14\xff\x99\xd1\xc7\x83\xef\xb8Hy}&amp;p=R\xd4\xcd\x11x\xe6\xea\x8aV\x0e\xb5\x99\xf2\xed\xd9\x9a\xec\x96\x8a\xbbI\xce\x12hb\xb91\x0e\xad\x8b\xc0\xe5&lt;\x7f\x0eTI\x8e\xe0R\x08kT\x04\xd4\x82\xddG\xba%\xf0Gg\xa5\\\n\x8cc\x8a\xf0\x95\xc0\x8dI\x12\xab(j\xfe\xea\xf7\x84r\xad\x19\xd62Y\xad\x96\x08\xce\xb8\x04X\x1e\x06\xa7)NQDN\xf7|5\xe8\x13\xc7\xc5$Ap"J\x9f(\xf2\x05c\xc9\xc7\x11%i\x15q\xcd\\\x8c\xde\xe1}\x05\x93\xde\x88K\x8c\xed\xbb$\x81_\xfd\x8e\'\xaf\xb51\xfc\xad\xed\x95F\xf7\x00t5\xa7\x83le\x84&lt;Z$\x81\xb8\xd1\x05V\xd3\xa6$d\x8d\xa8JU\x02&amp;HR\xe4\xaaP\xbeba7W\xfa\x04\\:\xbf,\xcb&gt;P\xfe:P\xf2\x96\x010\x95\xba`\xa6s\xb4\xd6\xae\x95\xb29\xf9\x1c!\x94d\xd2\xbe\x06-\x9fO4\xf7n6\xe3Z:m\xe5E\xc8\x16W\xaa\x96\xb8\xa4\x029+5\xabw\x99\xcb\x1d\x03_P\xd2\x0fD\xfcv\x96u3\x08\xcb\x05C&gt;\xe6\xa6{\x0f\xcb\x1a]\x07ji\xab\x9c/\xf2IQ\x8c\xc5\x01+\x91\x00\x11A\xb3n\xdd\xda\x9a\xc5\x9e\xe29%)\x17\xec\x05/a7\xba\x8d:\t\\\xe2\xd9\xe5\xc4b\xaeP\x95V$\xab\x0e\xed\x1ep\x1d\xc3\xe8$\x8bK^_\x9e!:\xe6kY\xed\xc4\xfc\xde\xd1\x05\xc4\xdb\xcfKk\xd1\x04\n8]&lt;\x16\x97_\xe6}&gt;\x82\x88\xf9\xfd\xb1\x98\xdfh\x89J A-E\xb0\xf8\x13\x13\xb1B\xa9\nSA\xa7CrL\x87N#\xd6{\xe7\xce\x8c2~X\xd6ni\xd3\xda\xf6\xa8\xb6\x07\xd1\xf8l\x8dn&amp;\x12\xf9|\x1e\xfe\xd7@L\xf6G\xfc\xb9\\!\xe2\x07\xfd\x1c\x03)\xaa\xb3Zg]\x8f\xbb!\x1e\xc3\xcf|v8\xb1\xa3A!\xeai\x8eX;\xd7\xd5\x95\x0c\xbd\xaaih~ZZ\xdb\xdb\xda\xb2m\x0f*G\xb3\x9eM\xfa=`I\x8c\xdd\xef\x8ft\xcfFr\x85\xe2\xec\xac+\x12\x81\xef\xc0\xfc\xcf\xba\x10\xd6\x01\x80Eb&lt;\x9cD\x8c\x10\x10\xa2\x9b6V%\xf8;\x17\xd0\x87\xaf\xae\xcb\xda.\xdeZP\x80\xd9\x00uN\xa3\x9a\xe8\x01\xe3\xf1\xc8\xc2\xd0\xd8\xfe\xd8\xd0\xd2X\xdc\xe2r\x19\xc1&lt;[,\xf1\xb1\xa5\xa5\xbex\xbco$"{\x11V\xd0\xe3\x19\xbc\x85\xa9\xc9\xc3Z\xed\xfa\xf0\xf0\xba\x9c\xbd\x817\xac\xdb+\xcb\x0368\ti\x96\xb5\xf9\x07\xba\xbb\xfb\x1c\x8e\xf0\xd0\xfe\xd2\xd2\xd8Y\xd1h\xacV\x8b\x9630\x90o \xc2/\x17F\xfc\xe8\xdc\x8e\n\x83\x9b\xf7z00\x16mm\xe5r9{#\x97\x93Z\x1f5"6\x8aRU\x95$c\x03#}\xe1m\xc7\xc2~\xb1X\xbc,\xe4r\xb9R\xa9T-\x9e}j.1\xd1"\xc2\xe5Si\x9c\x89\xde\xbaw\xaf\x87\xe5`,\xa0\x84\xdf\xd0M\x88\xec\xc9\xb4\x8d\x04*\x1f\xe9\x93#}a\xc7\xd3\x85\xfaD\xfd\xb8\x90\xdbM\xa5vs\xb9]\x88\xdc\xf1\xe5\xd9\xa7_\xe76\xb6_Z|\xa0\xc7\x18O\x0f`a\xc9\xeb\xec77\x17\xc8\x05\xf9\xed\x14\x07\x9a\xc1\x17\x8b\xc5\xc3SO\xa7\x9e\xf5\xf5A\xb6\x8e\x8f\x8f/\xe1\x05^//\x8b\xfb\x9f&gt;\xa1\xea\xc6\xed*\xf6\x1e\x1f|8==m\x16k7z%\xa9}o\xd9o7\x83\xe6\xa4H{dd\xc1\xb1\xb1\xe1xW?\xff\x00q\\?x\xb7_?\xa8\xc3\xc7\xc1~\xf8\xe9\xc6\xeb\x05\x97\x19\x03Q\xed|\xf8\xf0\xc5\xb4\xf7\xa2v\x937\x92\xbei\xad,\xfbI\x82S\x08\xca\x0c\xcd\x15\x7f\xb9\xfd\xf3/\xf5\x93\xbd\xd3\x13\x88\xa3\xf3/\x1f\x1a\xe7\xe7\r\xf8R\xbf\xfb\xd3O\x8e\xb8\xec\xc5h\x1aa}\xdb\xe3\xd5r\x88\xfe\xff\x9e\x9f\xf0\x13\x04`Q^~=\x12\x0f?}\xb6\\\xcb\x96QT*{\x95\xf2^\xad|Z\xbbn\xfc\xf6\xf3F\xf8q\x17\x0fX\xce\xc1\x9eo{n\xc9\x87\xe5\x1b\xbdN\xd9\xf2\xe0h\xd1\xef\x05,\x8c\xf2ze\xd9\xdf=4\xf2\xf6\xa4V+g!\xca\x0f\xb2\xd9J\x19\xc8N\x1b\xf5\xa9\xf0\x88\xdc\xe5\xc50\xa7ss\xf0\x96\xcd$_go\x16\xab\xed\xf4\xad\xdf\xec\x03,\xcc\xfc\xbd\x19N\x9f\xc7\xc5\xe2\xfe\x97\x0fG\x90%\xc8\x17|\xd4\xf6\x1a\x8d\x0f\xf5\x83g\xb3~y\xc6Ka\xceA|s\xd0h\x9c\xd9\xcb\xde\xec\xe5\xc0\xd6\xbd\xf3\x08i\xe7\x00\xcb\xf0\x9d7\xc6\xc7\xe4Bq\xe9\xe0\xa0\xfe\xe5\xc3y\x03u\xfe\x97\xfao\xef\x0e\xf6\xf7G\xe0L\x94y\x1e\xac\xd8\x7fx\xb9\xf7\x98\xa6\xb24\x00\xe03\xe3\xc0\x00SB\x95\xd7\x0cE\xfa\xa0R\x98L\x89m\n\xd5\xb6\xbb\xda1\x96\x84\x14\xfa\x10XB\nM\xab\r%\xd0\x10 \xd3G\xb4\xe1Q+\xa9\xd2&amp;\x86\x87\xe5a\xa7L\x04lqy\xd8!F\x81\x00)D\xe5a \x8a\xa2+YF^\xb2q\x180\xd91\x18]\xf7;\x17v\xb2\xff\xec\xce\xeeh9\xf0\x07\x7fP\xf2\xe3;\xdf\xfd\xee\xfd\xee=\xe7J\x05R:\xd1s\xd1\xb7\x07"\xca\xf9\xe7\xa5$vL\x1a.&gt;\xee\x8fYd\x80\xdd\xe8\x82x\r\x0f\x8f\xddA\x87\xe3\x9d1\xe1\xc4D\xe6\xe6\xe6\xaa\xc7\x03\xc7+\x8f,\x90Jq\x02:\xbd\xebo7\xf7\xfb\x96\xe5_4\xcb!\xd2\xe3\xa0P\n\xa2\xc9T29\x86\xc7\xcb\xf6@\xc5\xba\xfe\xec"\\\xf9\\\x84\xb2\xf5\xf3\xea\xda\x00\x0czvRR\x1cb\xe1\xa0kZ,\xf21+X5\xcb\xd1\x91\xe8\x88\x15G&amp;S\x93\xb2\x93\xaay\xdb\xc5\x1d\x8d+?{\xae\xdc\xf0xbbptv6\x99\x8cX\xf1\xf4\xf0\x81+\x8b\xdf\xfbz\xdd\xa9j\x9eC#\x86\xe3\xf2\xe3O\xa0~\x1e.\x94s\xab\xd1\xe3\x1f\x80m\x9f|n\xdc\x88\x81jKe\xb3Y\xd48H\xf9\xf8\xf8\x13a\xd7\xabV|\xbf\x1cv\xfe\x8e9,\x01\xb1N@D\xa0\xa1\xcf\xfd\xfa\xc8\x91\xf3Z\xa4\xdaf\xc5\xc0\xa0\xb2\xd8,\x16+\x0e\n\x04\xfc\x1a\xed\xfa\xd3[\xbeN-\xa8\x10\x7f7\xd5\x1a\x81\x15\xfe+K\xab\xd5\xfe\x00]E\xd7\xb3\xae.\xb8\x92\x80\xd3%\x95Mb\xa1\x81\xdd\x91\x0bc\xfa\x9e\x05]\xe3\xca\xeb\xcc\xbc\xda\x13\xb8\x13\xe1\xe1D\x94?Y\xbc\xaf\xb5\x97So\\\xe9\xea\xf2ty&lt;]\xd9hPY$4X\xf4x\xb8bd\xaa\xaf?\xef\xf3=\xeb\xd6SS^^\x02\x9dN\x08#\x90\xa0\xb7@,\xad\x96\x97\x8a\\\xc0\x82\x19\x04+\xe6\x92\xa3\xbb\xf5\t\xc6Z5\xe7\xf9M\x9f\xb3\xa0p\x993/\x9c\n\xc7\x11\xc3h:\xb8\x82?\xcb;|\x04%W\xd2\x95l\x98\xc3\x98$\x1evK\x8b\x8a\x1e\xeb\x11\xa0\x13K\xa95\xa99\xb3\xbeg\xf9C\x8b\xad\xce\xcb3\xd2\tL5\r\x1a\x89\xb3\xa9\x87\xbf\x81q\x1e:F\x94\xec\xb9\xb9\xb9IIY\x88%\x91\xd0\x98))\xb5\xcd&amp;s\xe9\xecM\x9f\xef{\xf0/\x9a/\xa55\xe7\x9dJ\xa0\x9923\x15\xa5\x85U\xa9\xda#h\x81\xc8\xf1j\x04\xca\xad\xdef\xb1%\xa5\xdb\xcf@!X\x8a\xc2\xf9\xa2]aI\xc2\xc0U{\xc1P"\x84N\xb5\xea\xb2\xf60\xe6:_\x8d\r\x1e\x8f\x97E&amp;AK\xa63\xab\x99j\xb5\xc9\xcc\xd9\r\xd6GE\x8b\x85\xe9$c\xde\x85&lt;\x83\x86+\x1b\xe6`\xf1B\xf7\xd7\x8eW\x83\x0cl\x88\x95#\xd1qt\n5\x0c\x93I\xc1\xa9\xda\r\x96j\xa5P\x92Cj\xae\xaf\xb7tZ\x9c\xb6\xc9\x07c\xa5p\rs\x1e\xc2U\r\xae\xe3h\xf9\n\xef\xac\x84i\x16\xda\xa0\x874Mt\xd4w\x0c\x17.\xeeN\xb4$TJF\x9e\xa1\xd3\xe5\xe0\x16\x17\xcb&amp;\xc7t\xd0\xf6k\x01t\xfe\x1b\xb4\xe8\x9b\x97\x9a\xa33M\xc8J\x9c\xce\x92\xf2\x0eCww\x89pWX\xaa\xc5R\t\x85"\xcf\xe8\xe8t\xb9Dmm\xc52\xa1PWz\xe6l*O\xab\x85:\x01\x05\xbfPQn\xe0r\xdb,m\xc5\x06\xb4\xa0\xa5d\xb8p^\xb5;,\x16\x8b\xc22i\\z\x87x\xdc\xee\xb6\xd9\x14\x90\xe0\xe99P+\xb4\xa9UU\x85c2ng\xa7\xc8\xe1\xea\xe4r5\\\x8d\xa6~\xf8\xf5.\xb0\xfcU\x8b\xe9r\xb9@.\xa7\x19\x1cuuz\xf1x\xb1\xbbD866lV\\\xe7\x94\x96\xa2\xfb"6\xbb\xc8\xe1p\xe8\xf5\x0e.\x97\xdb\xdd\xa4i\x12\xee\x06\xeb\xa3\xa2y\tA\x0e\x1d\xbc&lt;\xd3\xa2?}\xfa\xa4\xc8n\xb7\xcb&amp;!\xc1\xcb3\x850\x1eL\xca\x8a\xd1\x9e\x95\xa8:}\x9b\xb3\x98\xdb\x04,\xdb\x9d\xd9]\xc8\xad\x9b\xb3\xbaV9\x1f\\\xb4rpE\x89\xc7\xc7En\x99M\xe6\x84\x14\x979e2Y\xf18\xda\xd9y\xbaN\xec\xb69\x9b\xd0\x98\x18~zs\x17N\xd5?\xd0Z\x05V\xab\\.\xc16Y\x1c\x15\x8bEv\xb7\xbb\x98\xdb\x06\xe9\xcf\xb5\xa3\xad&gt;\'ca\x1c-\x9e\x14\x96`\xac&amp;\xdb\xd8m\x1f\xcf\xa2\x7f0\x14\xf9\x0c\xa9\xd4z\x90"\xd7)\x84n\x11\xda\tuT$\x1a\x17\x89\xc4\x0e\xb1\x08\rP\x9d\x86 \xdamB\x1b\xc6\x1ajr\xca\xde\xde\xf3\xad+X\xb5r\xa76A H\x8b\xb6\xf2%:\xc5\x03\x99]\xac\xaf\xa9\x8b\xd2\xeb\xf5.\xf8v\x88]\xfa\x930\x81\xa0rON\xc2\x1c\x1a0\xd6\xd0\xb2h\xe1Q\x91/7\xc2\xaaf7\x7f9u\x0egMKK\xcbg\x81K(sr- \xaa\xdb\x1e\xfa\xba\x9a\x9a\x1a8&lt;\xdb\xdc\xe5fs\xa6at\x14TCC\xcb\x8e\x9a\x93h\x9b\xa2\xcf\\_\xdeZ\xeb\xdf\xf8\xe5\x1a\xa4\x16\xb0p$\x1dG!,/\x9f\x80#\x0e\xad\xbas\xb9\xf4.\x97\xcb\xd1i\xe1:\xcb\x85j\x1a-\xb3~ttt\x08\xb1\x8en]\x8a\x1dY\xf2Q\x82\xf9\x07\x7fy\xeb\xd9\xc6\\?\xc6\xba\x8aX\x12\x0e\xc7\xac6\xa9\xcd\n\xd0\xa1\x05\x8cP\xa8\x9c%\x90SP(\x14\x92_Y\xf6eq\xec\xd6\xa5\xad\xa3\x93\xbe8c\xfb\xefW\xfdy\xe5\xd9\x86\x17X\t\xf2\xc7\x8f!\\q\x94\xf4\xf4R\x1d\x8d\xc9T`uT\x81\x86\x0e\xea\xbd\xc2,\xccT\xebt\xea\x8e\x9d9\xb4\x0f-\x8b\xa3\xb6\xb6\xb6\xda\x1b\xe6U\xfe\x1f\xf86s\xb0\xaao\xea\xadm\xa3\xdf;\xb7\xf1]\xc6\xcb\x97\xe0\x8a&amp;\x97\x95\x95\x9d\x91\xa0\xe79\xba\xf4\xb23h\xf5[:\xb6T\xd0\xacV\x9bu:\xe6D\xb7f\'\xb5\xecn\xbb\xb8nkK\xd9\xbf\xb6\xf8\xfd\x07\xddh\x1d\xac\xba\xf7j\xe9\xe1\xf2h\xbf\x17X\xd7\x80\xf5\x12X\xa1\x88E"\x84\'d\x10\xd2\xe1\xc7\xc62\xb40O\x0e\x17\xa5j&amp;\r\x05Kc\xd14!\xd4x[\xb1\xdb\xee\xa8\xd9Rz\xd7\xd7V\x8a\xf6\x7f\x98[\xcd\xe8IA\x11\xa0\x06gN*\xe7\xbc\xd3\xd3^`\xb5b\xe1\xe2c,\xe8n\x8c\x19p6\n-8V\x10\x1a\n\xd5\xbf\x95\xd9\xdc\xcc\xd4\xe9\xcc\xdb\xac\xe5\xe5\xa1q\x11\xd7\xed\xb4(\xb7\x94\xd3\xd3\xeb\x9b\xafo\xf7\x15\xbd\xffMpH\xf3\xa2\xbe\xdbS\x0b\x83\xc9\x15\x91\xb1\xca\xb9\xe9\xbb\xd3\xde\x9f\xae\x81\n\\|\n\x05\\l\xe8\x05322\xe0tTp\xecXAA(\x85\x90\xd1\xdc\xdcl$Ht&amp;\x83f\x9b\xb5,\xb2\x14O4\xb5+\xdb\xe1\x7f\xea_^z\x8b\xde2\xf0&gt;0\x7f\xb41\xff\xde\xd4\xc2\x93\xc1\x99=\x8c\x8a\xc8:\xa5\xf7.b\x9d;\x87\x82\x05,4qT\xe8Q\xa5\x84VpQ\xf8|\n_\xdejD\xaaVRz\xba\x0e\xd5-\x8d\x06X\x16K\xd3f};\xf6O\xf5\xb8\x8e\x8e\x0c&gt;\xf9\xcb\xfb\xc0\x10\xea\xd1\x8f`J\x0e\xc13Z*bk0\xd6\xf4O\xf7\xef?F#\x14&amp;\xb1\xb1\x11cI[[3\xa4\x88%m\xcd0\x1a\xff\xd0\x0c\xb3J\xca9\xb3\xda\x81X\x1a\xcb\xb2EcXm\xe8Q\xce\xc1\xa7\xe7\x94Q\x91\x7f\xc2`\xbf7\xc9\xfc\x11\xea\xe1Ld\x88_ ~o\x05\x8c\x1d\xd6?\xde\xdd\xff\x162\x0br\x8b\x0f\xac2*N \x95J\t\x04)\\\x1a\xca\x01el6\x82\x8a\x95\x93\xd3E\\\xddl\xa8G0\xb8\x14\x1c\xf87Ved\xd0\xcc\xe0\x93\x1f\x7f\xcf\x0b#P\x95\x82H\x8dD\x1e\xb8\x84\x0f\x0c\x89@\xac\x03\x18\xeb.\xc6\xfa\xebc\xeb\xb7V+b5\x86\xc6\xe1\xa0\xb3\'H\x89$\x12\x91`42\x01\xc6$\x90\xa8\xd4\xec\xec.\xcf\xc0*\xe6\x1a\x1dmXk\xe8i\xf7\xee\xb0"+#\x18-\xc9\x00\x9b\xea\xfb\xbf\xde\xb1\x81\xf2\xfc\xde\x14\xa0\x82\xf6^\xc2\xef\xc5\x07B\xb4\xfc\x80\x15\xbb3\x89\xef\xae^E\x1b\x90\xd2\xac\xa1\x8d\x88\xc5\x8f\xa3\xb2\x81D$\x12\xa0\x821i0\xc2\x08$6;;&amp;\xdf3\x00.\xc4\xaa\xdf\\\xdb\x98\x9b\x83O{\x81UY\x19\x82OLli\t\xea}\xb1\xf0\xa8\xef\x7f}\x95\x05\x96\xe7\xb7_=\x19\xec\r\xda\xf7\xc5\x17{\xf1\xf8\x08\xc4\n\xa9`\x00\xabg\x1d\\o\xde\xe5\xe3\x04\xd6\xb4C\xdb\xac\xcbP\x15\xa8T6\x06\x0b\xa3\xa5\xd0\xa0\xba\x86\x11\x88lj\\LL&gt;}``\rX\xa3\xa3\xf5k\xc0\xf2N\x03\xab\xbd.\x16%\x05\xa3\xa5\xa5\xa5\x82\x11\xf2/\x98\xffo\xa3\xd0\xec-&lt;\x1cI\x0e\x0cd$\x82*"\x82\x11\x18\x80\xc7\xfbU0\x18\x95\xfa\x9e\xfe\xf5i\xef\xfa\xb5\x18\x01\x05X\x87\xa2C\x0b\x1a\xe1\xeb`(\x19\xb9@\x86\x9e\xe0\x87\x11\xc3\x88D\x125;&amp;:\x1f7\xb0\xb6\xb6\x89\xa2\xa5A\xac\x1e/\x8aV{\xcd\x01\xc4\xfa\x8c\x91\x98\xc8\xf0\x0b\nJ\xee\x1d\\z\xf5\xdbS\xe9\x8f\xde\xd4\xb1\xf4b\xa67yO\xc4\xbe}\xfb\x90* \xe0\xb3\x00|De\x08\x83\x11\x12\xd5\xde\x03\'\x9f\x9e\x86l\n\x1fE+:\x14\xc2U\x00\xb5\x8aL\xa6\xe6\xc0\x17\x9b\x85M%\xa8\xd8\xe4,\xb4B\x8f&gt;\x90\xd2P\x8fe\xfc\xdaf\x7fO\xff\xf4\x9bi\xaf\x12\x82\xb5\'\x10\xffi"\xb0*B\xfc\xfc\xf6\xf8\xcd\xbcXx\xf5_\xb7\xf4\x07\xefWAF-\r\xf6\xee\t\x84\x8f2"""\x10+\xf1\xe3\x80O?\tA\xac\x88\x03\xfa\xf6v\xa8\x8a\xdd\x9c\xf42\xbe5\xfa\x10b\xa1h\x1d\x84x\xa1\xc1\xa7\xb2X,\x92\x14\x8eIjV\xd61\xab\x00\x87\xa3\xa74tk4\xdd\x86\t\xa8\x0f\x10\xe97\xeb=\xca\xd8@\xbf\xcf?\xc7\x07\x04\x040\xe0\x0fB\xea\x07\x06\xf5\x8e\xbcX\x98\xfaOG\xe5N\xe5|1\xd2\x1b\xe4\x07\xf3\xc7\x80\xb9\x0bD\xac}_}\xf5q\xe2\'\x95\x95~\xff,\xe3\xfcB\xe2\xca\xaf8&gt;\xf7_\xef\xbfrg\xee\x15\xae\x177KI\x86\xe9\x83Nog\xb0\\\x98\xcd\xa2\xb3\n\xa9k$&amp;a\x93`\x11\xa2\xe3\xcbJ\xba\x06T\xac0a\xa2&amp;}X\xd0\x0c\xdbZ\xc6\x05\'$\x0f\x1a\x9aRV\xc1\xf5E:\x90\xb4\xa1\x90\xa6\x0c\x01\xc9\xa6MY\xe8[\x1f\xd6\x90\xa2&gt;l-\xd9~\xcf\xb9w\x8c\xdb=\xfe\x89Y\x92\xc9\xe7~\xcf\xf7|\x7f\xe7.\xccu\xb3\xbe\x88a,\xcc\xcf\xdf~\xb2\xff\xe9D\xd3\xb1c\xc0\x02\x17ae\x9a\xb8\xdeCr]&gt;\x7f\x1e\x07Q\xa6;\xb3p\xea\xd4\x0f\x7f\xf4\xeb{\x9f}\xf4\xd9\xbd\xbf\xdc\xf8\xf7\x9f\xd6\x9eo\xbd|\xb9\xb56=\xa3\x9b\xc0RU`\xa1\x1f\xd9eCR\xd0J,\x89\xdf\xdd^\xe1r8\xea\xcf/\xfe\xfe\x87\x07\xeb\x81\x9eU$hE\xd7\x92\xb0m\xc2j\xf5\xbd\xd9Y\xfc\x17\xc1K$\xe7\xe7\xbf\xae\xb4\xdc\'\xac\xee\x1f\x1f\x03MH\x15a\x81\x0b\xb7\xdb\x88{\x9c\x8fM\xc0:\xff\xd6Oo\xdc\xbbw\xe1\xc3_^\xf8\xcd\xda\xea\xea\xf3\xb5\xad\xb5\xd5\x96\x99\xac\xaa\x9a\xaa*\x8b\xbe\xe3\xba\x0eZ\x99\xd5T\xc5\x80\xc5\xfe\xfa\xf9\xb7\x83\xff{a\x1e\xc0\xe6\xebA`(Y]Qt\xd6\xca\xb1C\xb5Z[\xbd\xc4\xac\xab.[\x82\x1b\xc7\xddCef\tX\x13G\xb1H\xa7\x90\xeb\x04\xea\xbd\xa6\xcchf\xe1o\xa7\x10\xf9o\xfd\xe0\xdc\xb9k\xe3\xc3\xd7?\xba](\x14\xc8\x01\xc9l\xd6\xd2TS\x935]\x92\x94lvYs\x1cW\x87^\xe8\xe4\x17??\xba\xf5\xbc\xcd\x19\xf5\xd5\xd3K\x88\xcc\xe6\x19z\xf4\x05|\xa4\xa3\x91\xc0rp=\xa0\xf2D\r\x17i\x89r\x02\x02\xda3\x8f\xb7\xe7\xaa\xbd\xdd\xdd\x99F5-0\x0e\xd5\xe5P\xac\x8b\xbcJ|p\xf7\xfcO\x8e\x1f\xef=s\xe3\xce\xc7\xb7\xa7[\xb0\xe5\xcf\'m\x07#\x04\xb9\xf0\x1dM\x91\x14SWU\xe8 I\x06\xe5\xeb\xd1\xb5\x9a6\xa9\x07\x97\x9ag\xb8\xe2I\xc2"\xa8,\xb0&lt;P\xf9\x1e\xc9\xe5\x83\x0b\xd6\x17E\xcf\xb1S\xf9\xc1\xfd\xb9j\x9a\xb0\xa0\x0b*\x83\xc0?q\nL\x8cu\x06T\xa3M8\xb4\xef\xde=\xf5\xfd\x85\xa6\xcc\xc5s\x17\xae\xf6\xe7\x9b\xe3\t\\\x13.P\xd6\x98J#\x1c\xc90\x94FI\x01f\xf2H\xeec\xf4\xd6\x83\xf8\x11\xa8\xb8\x9e\xd5\xb3\xcbYV\xcb\xf6=|\xe0\x13/\x03,Y\x96\xa1WK\xff\xe0;\xbd\xc4\xd5\xd4\x94\xc9\x8c\xd2/\x91^g\xe8\x13\x1b\x0e\xd4\xc2\x82\xf3\xc1\xf9\x05\x1a\x8b\x9f\xfd\xe2\xfa\xc9\xb3\xf9x\xc2\xf3\x1e&gt;|\xe8y\x8c%\xe3;\x95)\x1db)&lt;\x93\xff\xfc\xe2\xf7\xd1\x11\xbe\x8eT\x9b\x8dG\x8f.a*RK\x85\xe7qy\x90\xc7\xf6\x1d\xc7\x13\x1d\xcd\xd2\x04Y\xd0T\xd9\xb3\x8b-+\xb7\xc6{\xd3\x1d\xa4W7\xb6\xac\xcc\x1b\xb0\x13\xecw,\x84\'\xd0\xc2\x13\x99\xee\x8b\x17o\x9e\xc1\xcdw&gt;n\x13\x14\xb0DY\xc5\xab\x8b\xa2\x86\xeeQ\'\x1bZ\xa1\x8d\x8a\xab\x07\x0f\x9e\xbd\x88\xce#\x18}\x16\xe7\x14\x91!\x80M|p\xa9\x98D\xd2]\xf4\xc4\x84C\xdag5A\x10,K\x14\xedT\xf1\xb7W?&lt;\xd3\r.TG\x07\xbb,\x8c\x07\xb2\xfehw\x1aX\x97\xd9e\xc7/\xde\x9c\x18\xbe\xbe\x92OV\x98\xc9\x0b\xc5\xd2U`\xa9\x8c\xa5\xbfQKRt)\x08\xc2\x99\x84\xf5\r\xa2\n\xcb\x0c\x8b\xf5M\xa8\xc8RB\x13I2`\xa1\x18KvS\x90\xeb\xfa\xf0\xc4\xbb\xe9t{G:\xcdt!\xd7\x02\xe61\xc3\xa0M\xe4\xfc\x89\x9b\xbd\xbd\xd7\x86\x07W\xf2E\xa6\x12`\xcd\xb0yZ\xa3\x89\xaa\xca\x12\x84M\x94\x90\x03J4\x93o\xc7f\xff\x8fJ]\xa6?\x8eC\xc7}\xc3\x05,\xe2B\x1f-O\x04V\xb2\xffN\xdfxo\xaeTj\xa77{\xa7\xa9\x91\xd4GX\rP\xed\xd4^Xl\xf4\xd3j\xf5\xca\xf6\xfd\xfe\x91T\x85\xa5\x125M\xb6\xe8\xead~5Ug\x01\xdepA/\x0cA\x10\x04$XL\xa2&amp;\x06\xcc4k"\xe1av\xd8\x9d\xcbuu\xe6Jx\xa2\x98`\xb94K\x10qV&amp;\xf3K\xb7\x86\'r]%\xaaI(\xd6\xcd\xf9u\x0c=\xa5\xb7\xa1C/\x8chouc\xee\xd1\xfd\xb3\xcd6{\nED2\xcd3_%5\x10VQu7\xe4\x92\x14\n0\x03\xa1\x1f&lt;}\xf6"\x06\xbc\xc00M\x03\x1f\x92\xc2\x9e\xa7G\x1e\xd9\x14Z\x04\x86\xf5!\xa1\x898\xc9mr\x00\x00\x05bIDAT\x89P.\xa8%\x80\x8b\x87q{\xbc\n\xb9\xdaz\xdaJ\xa5\x1c\xb8\xba3\xe4\xb3\xf6\xf6\xc9\xf7\xe9\xbd\xf1hn\xb5\xbaqe\xfb\xd9\xd38y\x9dF\x18 \xa0\xc2O"#\xaa\x91\x8d\xdd\x86Z\xf8N\x8fWBhH\xc1\xfaW1\xf0\x18\x86\xb9\xbcl\x9a\x8a\x12O&amp;\x93\x14{E\x94m\xfb\x98A\x87]@\xc1\x90\xe0\x8b\xb5,K\x90\x13\x95T~\xe9\t\xc2+W\xea9}\xba\xd4\xd3\x95K\xb3\xf9;\xe8\x9d\xe8m\xfc&gt;\xfeR.W\x9d\xdb^\xbad\xdb^\xab\x87\x8b\x81\xad8b\xe8\xf2d\xd9#,\xea\xa0y\xa4\x87\xdcG\x83\xa8P1\x13@\xcbT\xd8?\xe7\xe9\x88X\xfbx\xedw\x85E\xb0\xd9\x94\xa6&gt;iD\xaf\x96@;e\x19\xa6\x17\x04\xd9F\x1b\x07\x1f]\xa9N\xe5\xe8\xe1\x0f=]\xa4W\x07k5\xd9v\xbam\xb2\x1d\x02vv\x82j\xc4\xf6\xfcV\xfc\x15\x14\xb9\x894#\xdf\xcb\r\xef\x9b\x08z\xc6\xa2\xc4\x8f\xa8\xa8\x02#\xb6\x1c\xd5Lr\xb1\xb0J\xfb\xc7\xab\x9d\x9dW8U\x0b\x8b,\x18J\x08\xb1\xa8B,\x84\x84\x9d||k\x7f\xa3:U\xea\xe9\xa1\x07\xb1\x00\x8b\x1em@O\x1a\x01&amp;\xa4b\xaa|\xca\x16C(\xcb\xa28\x90!\x92\x88\x90PC\xd5 \x16p\xf4\xf0\xf4\t\xb3\x8b\x91\xe0.`Y\xcb\x921\x13Bm\xed\xec\xedR\xed\xed\xedl=/\x14+\xb6\x93u(kD!\xc2J\x08T&gt;\xb0\xec\x16\x1c\x8d\x1bSS],\x16cA\xaa\xf0\xa1\x10]\xc0\x9a\xeb[\x19I\xa6\x1c\xf9(\x96\xe8\xc9\xba\xecy\x9a\xa2EY\xa1\xeb\r\xb5\xc2H\xfd\xb6Z\x04\xb5Xx\xbe\xb5\xb3[+\x97\xcbC\xf8*\xef\xee`g\x83\xc7\xe0~\x9c&lt;@\x89\xb8\x042=\xcbU\x19\xb9\xffh\xe3\x93\xce\\\x0eP\xa0:\xc4\xfaUWn\nZ=y\xdcR\xa9\xd8.\x0f\t\xe5\x9d\x85\xad\x01!\xc1!\xaa\xc9&lt;\x02\xd4G\xf2\xfa\x9b\xa4\x8f\xb0\x14\x05XRs\xbc8_X\x85R\x80\x1a\x1a\x1b@\r\r\x95k\xafw\xd6V\xe1\xb0d\xca\xa6-\x02\\Z\xa4\x96\x15\xe9\x95\xca\xdf\xdf\',\x86\n\xb1\xdeoCG\xe9\x91?s\x83\x8fG \xb6\xed\xc8V\x84E\xd7BN\'\xaf{d{\xa6R\xf5C\xb1\x1as\xc8\\RLj\xc6\xf0\xe1\xa6\x86\xa0\xea\xf51\xc6\x1a\x18\xa8\x97\xcb\xb5\x1dv\x18:\xe1\xb7Z\xad\xad\x16\xeb%\x0ba\x89\x8e[)\x9e\x1d\xbc\xc2\\D\xc5\x815\xd9\xd3\x93\xabv~\xf9\xc9&gt;\xe2\n!\xe3P\xab,\xd6\n\x7fE5\xb0:\xc0V`\xd24\xad\x11\xf3j\x18ZRH\xc5`A I1P\x91T\xaf\xb9\x7fc\xc0\x1ac4\x08\xb6\xbb\xf7\x12\\\xd0\x8bw\xc1\xb0\x8f\xb2\x18q\xc9N\xa5\x92\xec\xbfu\xa5\x13~\xe7\x1e\xb2\xe7i\x04\x89\ng3r\xcfu\xe8\xd0\x02\x19+f\x06\xc4\x05\xcb\x1f\x12\xd1i\xe26\xb8\x8e\x14\xf4\x8a\xb5@\xaa\xad=0\xd5\x87PcQ\xd1\xcfh\xe4\x7f\xff\x08\xae\x94\xeb3\x97\x1c\x0ex\xc4\xe5\xd9\x95\xe2b\x7f\xdf\x1ca\xb1\xe3)\x1f\xd2D\xf5\xe8j\xbe\x88\x85\xd8\xf3eJdQ\xf4\x05_\xf0&lt;\xa8\x05,8\xde\xc3\xf6\xc0b\xd1B\xd08}\x8eR\xe9H\xfa\x187p\x17F\x07\xc8\xe6\xe6\xe6\x18\xbe\xea\x84E\x82\x81k\x8b\xb8\x1c\xe6\x12\xf1\xcf\x88\xfe!\x96\x08\xae\xe9\x95\xbe\xb9\xce\x08\x0b\xc5\xd9\xbe\xbd\xd2RL\xc1\xeb\xad\xb0\x90KXh%ELx\xe2\xd2\x19\x14\x9d\xd5D\x05\xa2\xefrA\xaeXa\xed\xd5\xden\x8d\xd5\xd9\xdc\xc4gX\x00\x1b\x18\x82\xc3vw\xc0\x95t\x1d\x81\xbb\xc8\x17\x1fq\xa1\x1d\x15\xe6\xda\xa8\xe6\xd2\xb9I\xe6J\xe7\xaa\xd7\xae\xf7\xb7\xc0\xec\x1e\xb9\\\xc6]\x84\xe78\xe1\xfe(\xaa\x1a\x06Q\x93i9\x95\x0f\x1d\xcf\xc7\x0e\x9d\x8c\xcaQ(]\x8f=\x7f\xb9[\xab\xb1T\xe5Z\xadFZ\x85z\xd5\xc7\x06\xea\x07\xf5\xf2\x01\xf4ZL\xd9\xa4\x97\xe0\xcb.\x82\x1eX\xa4\x9d\x85\x1d\xdf\xb6\x8b\xf9\xa5\xed\xde)\xa4D\xa9\x04\x83\xbd\xdb;&gt;x6\t\xad\x1c\x1eXr\x97\xe3\xaaZ\x03\x03\xa3\x88\xfd/ZN\xb5\xc6b#\x19\xb8\xad\x89vh\xdc\x9f\x99\x92!\x99fl\xebu\x99=\x85\x96}\xb3G\x80\x07!\x169\xbf^\xaf\x0f0\x17\xee\r|RHS\xe9\x00b,*_\xf4p:\x0e\xdf\x9c\xea\xc22\x91\xcba\xbb\xbas6\x89\xb4r\xf9\xec\xa43\x95:F\x9b\x07\x8d\x9eI\xaa1$\xa5\x84\xc6`\xc8x#\xc0\x97\n\x15)\x1aLZ\x1aP\xb1\x9d\x1a\xf9h`lh\xb3\xb6\xb7Gy\n\xb5\x0e\x88s \x8a\x8a\x83\xc8_\x18(zu\xf4F\x14#,M\xf6*\xa9\x91\x93}\x1b_vvvuV\xc7\xfbNN\x7f]\x81V\xa2\xd8\xc0rd\x1aD\xfa\x1de\x16\xa1\x90d\xbc\x0b6\x02\xc2\x08\x14RP%\xa2\x10\x8c\xb0\xf6\xca\x1c\xa0c\x18\xbc\xda7\xa4\xd6\x184\xe2\x89l`\x1d\xd0]:\xe6Q\r\xff\x01\x8b\xe71\xe4\x12\xb0\xeb\x17\xa7On\xd3S\xe76\xde\x19\xec\x9f\x86\xad\\9&lt;\x08\xe5\x08\x0b\x9e\x14(\xad`{\xcd\xa4N\xca\xb4Lh\x87qJ\xc75\xffh6\xa4\x02a\xac64\x10\x06\xfb&amp;\xac\x15\x86W=\xeaa\xc4E`\xf4\xffZ\\5:\xdf\xf8\x18\x12\xb1\xb1\xb4R\xf6\xdb\xc5\x91\xa5\'\xff\xf8\xd7\x7f\x9e\\%[\xa5X*\x93\xfe\x18\xb0|\xee\xbd\x80.\xaa*\x1d=\x86\xa9\xc3\xf4Z\x83\n\xf7\x18\x94Z\xba\x1em\xea!\x16\xfd\xfa?\xbe\x97\xd0\x81l\x9d\x04q\x00\x00\x00\x00IEND\xaeB`\x82'</t>
        </is>
      </c>
      <c r="M310" s="3" t="n">
        <v>45492.67752314815</v>
      </c>
    </row>
    <row r="311">
      <c r="A311" t="n">
        <v>923948</v>
      </c>
      <c r="B311" t="n">
        <v>1962</v>
      </c>
      <c r="C311" t="inlineStr">
        <is>
          <t>Alerrandro</t>
        </is>
      </c>
      <c r="D311" t="inlineStr">
        <is>
          <t>Alerrandro</t>
        </is>
      </c>
      <c r="E311" t="inlineStr">
        <is>
          <t>CA</t>
        </is>
      </c>
      <c r="F311" t="inlineStr">
        <is>
          <t>ATA</t>
        </is>
      </c>
      <c r="G311" t="inlineStr">
        <is>
          <t>CA</t>
        </is>
      </c>
      <c r="H311" t="n">
        <v>176</v>
      </c>
      <c r="I311" t="n">
        <v>9</v>
      </c>
      <c r="J311" s="2" t="n">
        <v>36536</v>
      </c>
      <c r="K311" t="inlineStr">
        <is>
          <t>Right</t>
        </is>
      </c>
      <c r="L3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b794d90-966b-453a-9ca6-07ab9981cb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M\xd7\xd7\x00\x00\x00&gt;tEXtComment\x00xr:d:DAEewil2SDw:3728,j:5402490484489585236,t:24032500o\xad\xf7\x96\x00\x00\x00\tpHYs\x00\x00\x0e\xc4\x00\x00\x0e\xc4\x01\x95+\x0e\x1b\x00\x00\x03\x00PLTE\xff\xff\xff$#%\x1f\x1e "!#((,%%\'$#\'%%)\'&amp;*\xff\xfe\xfe\xe4\xad\x8e\xcb\x94v\x13\x18\x140/1-,.\xbc\x84e\xd0\x9d\x80\xc9\x92s\x1d\x1c\x1d\xbf\x87h+*,\xaasT\xf0\xc1\xa3\xbe\x8ak\xb8\x80b\xdc\xa0\x80\x11\x16\x12\xa7pQ\xc3\x8ak\xe0\xa8\x89\xc1\x84d\xe2\xab\x8c\xc4\x93v\xbe\x8do\xb7xU\xa3lN\xc5\x90q\x15\x1a\x17\xd5\x9f\x81\xc7\x8bj\xd0\x99z\xc2\x87g\xb3|]\xe6\xb0\x92\xafwY\xb7}^\xce\x96w\xde\xa3\x83\xf7FB\xed\xbe\xa0)\'(\xd3\x9c}\xeb\xba\x9d\xc2\x8dn\xca\x8em\xaeuV\xe5\xae\x90\xd6\xa1\x83\xcc\x97z\xb3yY\xdf\xa6\x86\x86[?\xdf\xab\x8d\xb4~`\xbb\x81b545\xb9\x86g\x91[&lt;\xd7\xa4\x87\x19\x1b\x1a\xbb|Y\x98_?\xdb\xa5\x87\x9fiJ\x19\x18\x18\xc0\x90s\xc6\x8dn\xdd\xa8\x8a\xfc\xfc\xfb\xf4A=\xc8\x97z\xb3\x85g\xda\xa2\x83\xa7|\\\xcc\x90o\xafz\\\xb4\x82d\xaf\x81c\xac~_\xcc\x9a~\xb9\x8cp\xdb\x9e}\xc0\x82a,#"\xd1\xa0\x86cK9\xa4tW\x8c^B\xaavY\xca\x9f\x89\x93bE\x98fH\xbd\x92z(\x1d\x1b\xbb~]\xf8\xf7\xf7\xd5\x98w\x84S6kQ&lt;\xb8\x89k\xce\x93s\xe9\xb7\x99\xa1eB\xd3\x96t\x87eG\x99jO\x8feK|P5\x9dwU\xc4\x96|\x9ccB\x9epU\x8dT6\xc5\x88hP7\'\xd9\x9ay\xd2\x93p\xb3\x87n\xfbNI\x8bY;\x8dmK\xa3zYiB+\xa6iG\x85dO\xea96rQ7%\x1f \xb9\x8evQ&gt;2\xb4uQ\x93lQ5($_F1\xe8\xb3\x95&lt;;&lt;wJ0\xac\x83l\x98u^sVC\x87iU~W;WB3\x8fnY~bO\xa1v]\x99uQ\x81`B\x97oV\xaamJg=&amp;\xafqOoF-\xc7\x9a\x82=*"\xbe\x7f^G,!z[I\xf3\xf2\xf1UTS\xea\xe8\xe6\xd8\x9c|\xaeti2"\x1d\x9d{dB1+^8%I6-\xa9~eFED9/+\xa4{`\xcc:8\xc1)&amp;\xa3~f\xd8\xd6\xd4\xf2\xec\xe8\xcb)&amp;\xae\x8bt\xd8\xa7\x8dspn\xd4\xb0\xa2\xe2\xb5\x9e\xd0\xaa\x98\xcc\xa4\x91\xfeVPy\\&gt;\x9flPlSE\xc0\x98\x82\xe274\xeb@&gt;\xe1\xe0\xdf\xee\xc3\xab\xb41-A62\x85\x7fx\xa5\x85o\x88\x88\x87\xce\x83\x84\xe0\xaf\x96\x90/.\xdd2/\xa4-)\xab\xa7\xa6\xb3|o\xa4k_\x9aLF\xcc\xcb\xcb\x97\x94\x91ecb\xd7\x8d\x8c\xb0]_\xba\x80t\xb5\xb4\xb2{$!e%#\xa7A8\xb8rn\xa4UV\xd6.+C\x1d\x1b\xbegj\xeb\xdf\xd7\xe6\xcf\xc1\xda\xab\x92\xb5\x93\x7f\xbcNB\xc6\x83\x7f\xc5zy\xda\xc8\xbc\xfed[\x9f\x9d\x9a\xd1\xc3\xb6W\x1e\x1d\xf9^V\xc0\xc0\xbf\xce\x8f\x85\xb8\x9e\x8a\xd8\xba\xaev84\xc7\xb8\xab\x8cwg\xaeTC\xe0MJ\xfdka\xe6\x80i\xef\x00\x00 \x00IDATx\xda\xdc\x98\xcfOZk\x1a\xc7[\x88\x0b"-z\xd0@\x84\x10~x\xb4\x10\xd8xC\x89\x12\x02\xa2GG\xe8\x10\x1d\xabR\x03E\x8bZ\x1c\xb0\xe1bQ\xa4$\xc6\x9fAQH\xad?o\xa5^\x14\x1d\xed\xc4\xaaU\x93:1\xdch\xa8&amp;&amp;\x1a3\x0b\x17\xea\xc2\xfdt\xd5E\x93\x9b\xccb\x9e\xf7\xd0\xdb\xf4\x0f8\xda\x9by\xe0\x05\x02\x8b\xf3\xe1\xfb}\xde\xef\xf3\xc2\xad[\xff\xc7\xc5H\xd5\x9f\x0b\xe9\x16\xc3\xd4\x8a\xca\xf4\xa7!\x03\x90\xd6\x9d\xab\xcf\xa7\x89\xc4\xc9\xc9\xc9\xc5\xd9\xce\xb2\t \x7f&lt;\xd4\xf2\xf9\xe9J\x16\x8d p&amp;\x8e\xe3\x04vw3\xf1\xf9|\xf9\xc7\x92\x81Ng\x97wp&amp;\xaa\x9c\x1c\xe0b\xa2E\x14_\x9e\x1d\xb52~\x9cRoOSL9\xa8\x08`2\x80`8N\xc3\xb1\x97\'G?\xa8\xcb\x18\xcbg+\x04"b\x92\xf7\x1c\xc4\x87#+\xc1PX+_\x96\x7f\x04\x97\xe9(A\xff\xaa\x13\x92\x89\x04\xc31\xe4#\xa2\xa2\x11xV\xe2\xfc\xe6\x9dl\xbd\xda$\x90@h\xe1\xcc\xafj\xe1\xdf\xda\x0b#0\x0c+&gt;\xdd11n\xb6\xd7/\xb2p\x82\x84\xca\xf9V\xa0\x13f\xf8J\x85a\xa0\x17F/&gt;=b\xdcd[]\xa4\xc1\xd5\x01\x05\xc7s\xf0?\x9c\x04,P\t\xc7A)\x9a\x01^\xa1;\xb1r~S\x821\x18G\t\x0ci\x05&lt;\x06\xd4\xe4\xd0X\xf0` \x08X\x18b!\xd2\x08\x880:\xc6\x84\xd6\x7fyu3\x1d\xc6h\xfd\xb2B\xa4\xfa\x08\'\x0c\xa8\x97\x08C\x8e\x01\xc3\x86n\xd3\xc19C\xaa\xad\x0c8\x8dF\xa7\xe3(,\n\x127a$\xa3\xf5\xec.D:\x13\x94\x81\x9b\x81\x89L#\x08\x1am\xc8\xba\x15_]\xb5Z\x0b\x86\x90\x89t\x1a\xcd\x90\x96f@\xbe\xe60/\xdf^?\x17\xe3\xea.R\x8a\x89\xd1\xa0\xad\xe9\xf4!T\xd6pxkm#\x14\x99\x9f\x8fD\xd6\x03Ka+\xaa\xa1!\xe4"\xd8\xc8\xc4/\x8fL\xd7\x1dW;\x9b\xc8&lt;\xd0\x07`\x966\x02\x81\xf5@\xa0\xbf\xdff\xb3\xb9\x82\xde)MO\x8f\xd3\xe9\xf4\xce\xc3{KK\xf1p\x01\x1df%i\xf3\xca\xce5s\xed\xac\x80k\xa0\x925\x1e\xe8\x1f\x1b\x1bs"\x10M\x8fF35\xa5\x01(T~\xbf\xdf\xe9\x1d\x9b\xef_\x07\xb2U,\x95!\xf8\xe6\xf9u\xce"\xc6\xd1\n\xec{k8\x1e\x88\x8c9\x11\x12\xe2(\x81\xeai\x04*x\xea)\xe9\xf1\x93`N\xe7\xd8\xfc\xaf\xfd\x81\xf0\xd3\x1c\xd8\xa8\xa0\xd7\xe6u\xfa\xf86\x81\x11C\xabK\xebc^\xaf\xd3\xef/!\xab\x9c\xac\x92o\xe5/A\x9f\x90h\xde\xf9@\xfc)f@\xfb\x16\x05\xd8\xb5\xa5h\x82\xc0\x87\xc2\x81~/\x88\xe1G@&gt;D\xe4\xf3\xc1\x1d^5\xf9\xbe\xc3Cp@6\xb6\xbe\xb4\x8a\x91g1\xe6\xe6u\xe5\x84\xe9\x82\x86\x85\x03\x91y\xaf\xb3\x87T\xc9\xe7\xae\xf0\xf9\xdcnwy\xb9D20PAV\xb3\x8fDD|\xfe\xaf`\xf1\xa7C\x06\x98\xdfD\xe2z\x8e\x14\x8c\xa3\x97D8\x12\x0c\x82V=\xe5\xbe\n\xb7{\x00J\xc2C\x95\xadReg\xc3\xb3\x04\xaaB2\xe0v\xfb\xbe\x03\xeb\x07\'\r\xb0y\xe9\x17\xd7\x92\xf7\xad\'4k$85\x05]^\xee\x9e\x83\x8a\xa9b1\xb5Z\xaeR\xa9\xe42\xadL\xce\xe3!6\x89\x84\x87&gt;\x03\x11\x11\x1b\x98Y\xee\x1f\xeb\x8f[\xd1P\xca\xfar\rX\xa6\xab4k(\x08\xd9T\xd2\xe4\x03\xa1b\xb1\xb9\x11\xb1X\xac\x06$\xb5\x0c\xa8\xb4Z\xb9\\\x8e$\x93\xcc\xc5b#\xb19P2%Zy\xb9\xdf\xfb\xeb\xd2S\x1a\x9a\xdb\xd4\xc7=c\xf9\x92\x08\x90T\xe5\xbe\x01P\n\x90\xca\xca\xca\x1cej\x85B&amp;\x93\xc9k\xe0A-\xcfFv\x82\x86##1\xc0\x1e\xf8*Y\xb9\xdf\x19A&gt;\x1an_P\xbe\x1b\x19_\xee"\x0bST\xb1\x11q\xd9\xa2E \x10X\x04,\x96\x02\xf1\xa8T`\xa7\\\xad\x06J\xf5\x80\x1bA\xa7\x14\x1bp\xa3\xedZ\xe2\xed\x8f\xc3\xc9\x15\xdb|K5\xd6r\x82\xb6f\x9b\xd24B\xb3\x83K\xe22\x8b\xe0E~&gt;_\xcaWrt\\.W\xa1FD\\\xae^\xcf\x11\x89X\x02GY\x99xd\x04\xc8b\xc8I_yI\x8fs}\x95F\xd0\xe8\x17\xd4\x9e\xbe\x18\xa6/w\n\x90\x87\xa8\xafH\xad\x04\xf9\x0f\xd3\x1fu.,tv\n\x95,\x16W\xabP\xe8\xb8\xc0d\x14\xa27\xa4\x96\xc5E\x92ld\xee\x0f\xaey\x08V\xfam\x8a\xbb\x8b\xd1\x9a\xb8\x1d\x8f@g5\xf9H*\x8b4?\xf3\xd1c\xbb}oo\xcfn_\x10\x8a8z=\x9b\xad\x14\xd5\x1b\x85---\xc2\\&gt;p!,\xd2I\xb2\xc1J\xbc\x81\xf0\xea\x10q\xf7\x9cAqf\x857\x82QMc\x93\x8f\xa7\x12\x8b\x1d\x96\x17\x0f\xd23\x1e\xdb\x1f\xef\xed\xed\xdb\xf7\xed\x9d-"\x0e\x87\xcd\xe6\xe8\xcdfsm\xadV\xa6\xb3X\x16\x1d\x0e1\xaa\x112*\x00\xcc\xb9\xbe\x84b\xe23\xb5XW\xb7\x8f#A\x8d\xa6\xa9Y\xc2S\xa9\x15\x0e\xcb\xfd\xcc\xf4\xca\xce\xce\xce\x85N\xa3\xb1\xbe\xdeh\x14q\xa0\xbf\xe4(\x1e`/\xaa\xd5\xb0Ka\x9f:`\x89c\xa8\xef\xe7\x06*J\xfa#\x81\xf0\x10qb\xa2\xb4\xb5N\x0b6lIMcs\xea\xb2\xeaE\xbe\x92\xcf\xd2\xb1Y,\x96\x9e\xa3\x87N\xe7jQJ@\x9cf\xab\xe4j\x87\xa3LL\xe6\x07R+\xb5!\xe7*|^\xc4E[\xa1t\x02\xfd\xebrm\x1ay\xe8\xe3\x81"pe\x85\x8e\xcd\xd6Aqa\xf7\xc9d\\\x16\xda\x8d\\\xadZ\x85\xa8\x14\n\x07ID\x82A\xd7\x8f\xc4\xdcs1IE#\xc9\xf5\x92\xd2\x81\xbd\xb3\x19r%\xa3\x1e\x10\x8b\'\xc9FY\xa0\x13\xb0\xd9,\x04\xc6R\xa8\xb9,6\x1b\t\xc7\xd5\xd6\xa8\xd52\x07K\xe7\x80\x86\'\x1b\x8b\xc4*[\x14\xc7T*^S\xa378\x1d\xdf:\xa74KC\xb6`\xd2\xd3\xce#M\x82\xfc\xd4\xb1Xl&gt;,)\xc2a\x83\xa3\x1c\xe8y\xe0\x92A\xdf\xb1\xa4\x16hyqJ01\x8a8\x07|\x91\x9a\xf6\xd1h\xd2\x16\xd8\xa2r+2\xce@\xacdo\xd7\x13\x15\x99\x9a`!K*\xe5Ka\xb1I*%\xdc\x95\x1c\x84\xc5\xd59\x1c\x90\xfdRK\xd9\x08\x1aNH2\xb1E\xe0P\xcb\xb4\r\xb3\xcf=\xc9\xe9c*\xb1L\x17\xd3\x805\xdb\xd0 W\xc0\x08T\xe8\xa4l)\x9f\xff \xf7\x01\xff\x01\x1f\xe2J\x99kTB\x90*!\xbd\xb8:6?\xff\xbe\xd4\xc2\x17,.BF\x90^B\xc8\xc1\x80\xaa\xa9\xee{\xd3\x1b\xb5\x85\xa8&lt;E0Nl\xc9dt\xb6\xcf\xac\xd5r\xb5\xb0Xlef&amp;DD\xa5\x10n\x95()\xc8\x07\x94\xf0\x9d\x8f\x8a\xd23\x91t,\x8b\x05\xb0\xa0,\x16\xa9R\xa9\x93\x9b\xcd\xd5\x1d\x9e`\xe8\x8a\xc2\xf1c\x02,OoGu\xad^\xaf\xafUhe\x1c\xa3P\xb8\xb0`\xff\xbe\x16\xc8\xb5\xbf\xbfo_\xa8\x14\n\x85\xb9J\xb6T\x00T0\x85,|\xf8\n\xb955\xe6\xba\x8e\xde`\xe43uX0z\\Q\xcfh\x87\xb9\r:\xbb\x86W\xcb\x01Y\x16H\x06\x18&gt;\xbfA\xc1\x03z\xb1OR\rww\xd7\xb7\x90`:\xc1"\x9c2^\xa4\x17ed\x14\xb5\xd5\xd5\x99\xfbz\xa3.\n\xb1\xe0\xf8\xe0\x8a\xf6\xcev\x98E"\x91\xfe\xc9\x13#\x84\xfba\xcb\xf0\xee\xa7O\x87\x87\xf6}\xc4\xf5;\x14&lt;\xed\xdb\x0f[v?\x8czff\xc6?\xbco\xabo\xe3\x88\xf8\xf9\xcf\x1e\xe6?\xbb\x97\x91\x97\x91\x9e\xdbVU\xdd\xebqQxr\x86\x9f&lt;\xaedo\x07\xa8%j3\xd7\r\xb7\x0c\xbf\xfa09q\xe0\x9a\x9c\x1c\x7f\xb7{\x98R\xec\xf7\xdf\xf6@\xa9\xc3\xee\xd73\x83\x13\x11\xf8\x91\x1d\x8a\xb8\x06\'g&gt;\xbc\xaa\xfcK\xde\xdf\x7f~\xf6SaF\x91QT_7\xebq\x9dP\x8b\x15\x1d\xed\xe83W\xd5\x8b\xba\xdfM\xferp`\x0b\x1doNO\xbb\\\xc1\xc1\xddC\xb2\xa7\x10\xd4\xc2\xc2p\xdf\xa0\xeb\xc0\x15X[\xdb\n\x17X\xb7\xe0\xf3\x89\xd1\xe1\xd2\xbf\xe5\xdd\xbbWX\xf8(7WT5\x1b\rR\x8c\xe5\x99EXm\xaff\x0e\xa67\x8e\xef\x14\x17\x17o\x1do\x84"\xb6\x89\xd1*a\'r\x15mDQ]\xfb\x94-\x12A\xff?\xa0\x7fL\xc2\x1b\xd36\xd7\xe0x\xd5_\x0b\x7f*,}\x94\xc9\xe1Tux\x92\'\xadT\x9e\xb6\\\xd0Z\xd5\xd5u\xdb\x83\x07\xb6\xe9\xe3\xac\xb4\x82\x02\xab5\x0cX.W\xb2\xa3\r6\x9e\xd1\x08\t!\xd2g?\x9f\n\x06\x83\x91@ \x10\x0f\xc7\xe3\xf1\xb5\x80\xcd\xe5\x9a\x19\xef.-,,\xcdKg\xe9\xab\xb6{\x93\xff]\xa60NO&amp;\x00\xab\xaf\xaf\xc3sp0a\x0bl\x84B\xa1\xe9\x88\r~2NE=\xedz\xa1P\xa9\xe7\x08\xd33\xf3\xd9\x8a\x86\xf6\xf6\xf6\xe6\xa6\xa6&amp;\x8d\xe7\xf9\x9b\xd1\xc1\xa8\xc73\xf8\x8f\xc9w\xef:K\xf3JK\x8b\x94\x9c\xba\xd7\xa3\xd1\xc9\xb7T\xe6\x16R\x0b\xa8\x92\x93\x933oFg\xc6\xc7;\xba\xba\x9a\xd1\xf5\xdb\xdb\xbbjs\x85\x90\x1b\xc6\xf4\xfb\x0f\x1f\xbeP\xd4\xc8\xe1x#\xf9\xd8\xd5@\xd6\x93\xaa\xfa\x96O\xbb\xaf\xeaK3\xf2\n!d!\xb8&lt;Tb1N\x01\xab\xafo69\xbe\xfb\xa9\xa5\xdb\xdc\xb7\xfd\xde\xfc\xfe\xfd\xeb\xf6\xe6\xe6\x8a\x8f\x1f\x9f\xe8\x85E\x99J\x98=\xf9\xcf\xfe\xf9\xf3\x0b\x85Z\xc5\xfb\xf8\xf1\xf5\xf6\xf6vC\x17\x8c*\xbd\xb2\xf2?\xff\xdeo\xc9\xc8\xcb\xcbKO\xcf\xad\x9b\xed\xf5\xfcB\xe1\xc9\x86qaCj\xf5F\xdf\xc1Q\xbd\xbe\xaa\xfa\x7f\xac\x99\xddo\x1a\xe9\x15\xc6{k\xcfj\x99)\xc5@\xf9t\x8c\x86/\x03B\x03\x84\xc16 &lt;\xf5\x8e\rX0\x06\xdb\x18D\xb0e\xef\x12b\x831\xd8\t\xc1P\xd5N,g\x136\xac\x13\x93\xd66\xb8I6\xeb\xa4V6U&gt;\xa4m$vYi\xb3\xbd\xb0\x94H\xbe\xc8E7\x17\xe9\xe5\xc6\xbd\x88\xda\x9b\xee*\x17=\xe3\xfe\t\x99\xa3A\xa0\x01\x89\x9f\x9e\xf79\xe7=\xe7\x1d\x88\x87\xd7\x1en\x17r\x83]\x12\x97\x10\xd1\xa8x"\xa1\xd4\x96\xea\xd5h\x07$\xe7fr\xd7\xd9(&lt;\x93\xe8\xf8\x014\x82\x1e\xb5\x8e\x9a(E\x13F\xee\xb1^\x02\xd6\xea\x93\xd5\x91\t\xc0\xfa\xd4\xa3K\x14\xb6\xbf\xfa\xeaz\xe3z\x03\xb8\\V#\x81\xf1\x85\x9d\xbe\xac\xa9\x9d\x88\xdd&lt;\xd7?SY\xdbZ\xab\xd5\x16*\x85\xb0\xb5\tH\xcd\xa3V\xa6IA:b\xa3;\x0b\xdcz\xeb\xf5\xa9\x156\x11\x83\x13\x10\x1fO@\xef\xd4\xf8\xd3\xd6\xde\xdeZ\r\xb8$\x1e\x02VH\x19@\xc4U\xb3\x9f78=\x9d_\x80\x82\xfa\xc3\xa9S\x9b\xf9\xc2\\\xfc\xb0\xd5::\xb4tX\x0e\x9d~\x12\x1bm,\xd4\xb7\xb8\xf4\xd6?\xee\xad,\xad\x8e\x05\x83s\xc1`p\xe2\xf7\x8d\xf5\xf5Z\xed2\xd4\x87\xcdZef\xc6C6i\x14A4\xa6L\x87\x85\x9a\x9a\xce\xe7\xd7\x97\x1f|v\xe9\xd1\'\xf7/\xcf\xae\xbd\xf84\xdej\xb5,fs\xeb\xd0\x8f\x83Z\xf5z\xed)\xa7\x87\x93\xa0V\xb0\xd3;17\x16\xdc\xbe\xbeu\xf9\x8b\xc7\x8f&gt;\x1f\xba\xf4xy\xb6\x92K()\x8a2b\xbeP\xc9n\xee0{\x9f5\xf6\x96_=\xff\xcd\xa5W\xbf\x1b\xfa\xf0\x9b\x1f.o}\xedm\x99\x0f\xcc\xe6\xcc!\x98\x8b\xbf\xb3\xb0\xf0\x8e\xc3\x19\xa3\xed/[\x80\x05u\xd3;7\xd2\xf7\xfd\xd5\xcb\x8f.\xfd\xf6\xf3G\x1f|\xf8\xcd\xab?\xd6\xb7\x83J\x8d\xd1\xe8+J\x8b\xa1\xdej&amp;\xa3JT\x96k/_\xde\xfbdh\xe8\xd7\xaf\xde\xbe\xb8u\xe1\xc65\xca|pp\xd0\xb23\x84Qx\x8c5&lt;\xcc\xd5\xf1n\xdb\xdd\xe7+K\xe3\x13g\x03\xde\xb1\xfc\xad/\xbf|\xf7\xf2\xde\xd0\x07C\x97\x1e\xfd\xf8|\xf3\xea\xd28O*U\x17\xe5Z\xb9-e\x921\xa2\xc4\xfa\xf2\xde\xbb\x17[\x9f=\xbe\xff\xc5^~\xf2\xeb\x87\xb9\x82\xf2\x10\xe4\xb2\xe8\x19\x82\xb0.\xd5\xeb[/\x7f\xfc\xef[\x8e6\xa0\xb6\xe1\x7f\xaf\xac\x8e\xcf)\x03\xde\xf1I\xd8]\xf2\xd7\xdf=\xb8\xff\xe0\xc1\xd5\xcd\xd9S\xeb\x8dD\x8f\x01Z\xf7\x98[\xae.GM)^\xd7\xe4\xde\xe6\xde\xe6\xec\xec\xde\xec\xc6\xe2L\xf0\xf6\xc7\xa3n)\xda\x04\xe3;\x19\x9cT\xad\xd6\xbf_\xbepf\xd0\xfb\x96\x9b\xa6\xab\xad\xed\xf5\xcaj\xb0S\x199\x1b,T*\x8d\x85\x8d\xf5\xf5\xd9\xcd\xcdM\xc8\xc5F\xa2[\x97,j\xef\x18\x0c\xacZ\xa6\xa8\xadGR\xa9mA\x96\xd6\xfbf\xbaF\xcf\xdeVz\xb4R\x95\x83r:i\x1c\xa7\x90\xc4\xe4\xfa\xad\xfe\x1e\xe9E\xc7O\\`\x9d\xfe\xdb\xeb\xe7+#s\x9dg\x03\xca\xb9\xf1\x11\xa8\xef\xf9\xc9\xbe\xc5\xbd\xbd\xad\xb5\xb5|\xa1\xdb\xc5+\xaa\x8f\xb1\xca\xd1\xde^qJ{\xa2+_\xab\xad\xad\xb1\x13\xb8\xa0\xdb\xc5\x97\xcac&lt;\xa9\x91\x91\xf9\xf1}\xd41\xd2w\xe6\xa3\xd8\xbe\xe4\x9f7\x0f8\x98\xf9\x87\xff\xb3\xb0~a\x05\x12Q\xa9\xec\x1c\x1d\x1f\xbb\xf6\xa40=\xd9\xd7W\xaf\xd5j\xf9g\'\r&lt;iH-\x97\x1b\x0c\xb1rI\xa6\xe8\x15g\xe5\x03\x92\\\x05\xa2\xf0\xac\xabK\x10\xe6\xf1\xe5\xb1$OE\xd02\x13\x8e;\xc6f\xba\x11\x99\xd8\xf4\xd1n\xeb\xfd\xbb\xae\xb6\xbb\xff\xea\x9a9\x03X^\xa5\xd7\x13\x16\x84]\xe1\x04l{\x85F\xa1\x01+\x98\x94K1\x9bV\xceK\x1ab\xb6rTf\xef\x8d\xa6\xd5\xbc\xb0\xa4\xd0\xd8.$$\x02\x80\xd6\x16\xb5r\xbeO\xc3\xf8e$\xe9pI4\xb2\xf6\xa8\t=qx\x97\x83\xea\xb0-\xd1M\xe7\xc1[\x9ds\xba\xf0Tw\xf8\xe4\xc9\x93\x82\xa9\xa9\xed\xed\xa9)\x91T\xadV\xf9\xe4r-?9\x10S\x87\xb2\xbdv\x85)k\x0b\xf9D\xe1\xa9\xc4\x14\xfc\xb2\xc7]\x0ce\xcb\xa1\x10B0~\x86 \t\x91\x8b\x89\x96K\xd1\xc3\xa4\x9f\x83\xa2\xfat\xa4_8\xbe\xb04\xd6\xd99\xaa\x83!Qd0\xf4t\x87]cc\xa3Bv\xd2\xc2\xf8\xb1\x98\\\x1e\xbbS\x0c\x95S\xe2v\xbdl\xdf\x88!\x88Ud\xe8\xee\xee\xd1\x19\x92\xdaP\xaa\xb4O\x108\xed\xa7q\x12\x15\x89\xf6c\x03\xe5R+\xb6\xff\xfe\x9eo{\xea\x95x\x84\xf9\x9d\xf1\xb9\xb9Q\x17\x8f\xe7v\x83\xbf]:\x17@!\x88\x11S\xa9\xf8\xda\xa2Z\xaa-\xda\xca\xd9R\xd4d\xd73\x9a4\x12@`\x1c\xe3\x89$a\xad:\x94\x12\x9bh\x08\x16\x0bw\x19\x8c\xa8\xba\\\xa6\xdd\xe97\x1c\xa8\xe5p\xcb]\x80\xe5\tz\x84V\xa9V\xeev\x1bt.^\'\xe2p8@\x19+?d\xb4\xa9\xb5\xea4PEKb\xbd\x8c0"\x0e\x04\xba+\x1f_ P\xdb\xb2Q\x85\xbd\xbd]\xe1\x97\xb1j\xb9\xee\\4f\xdaK\xea\x13\xa17\x1c\xa8\xe5p\xdf\xe9Y\xd8\x19\x01*\x15\x96\xb6A\xde\xb9E\x1e\xab\x8a\xc5\x82\x17\xcf\x97\xce\x86B\xb6P6U\x8a\x96\xb26FA\x00\x13\x0c\xfc\x98\xca\xa7\x06\tK\xbd\xf6*\x84]\xc1\xe08\xaa\x9b\xdf\x98OY,\xc5\x9b\x1c`\xfd\xeaiD&gt;0\xb0\xb2\xc3n\xd5\x88\xc3\x08\\Z-_hU9\x8eC\x98,\xda\xd2\xe94\x92\x06*S\xb4\\\xd4\x1aYX\x84\x8d\xb4\x91(\x95\xc4\x8a\xaa\xc5\x92\xc9d\xaa4\x89\xa3\x86\x8bg\xce\xc7Jzf\xbe\xc8\x85Z\x91\x98:\x95\x00,o\xc0A\xe0D\xda\x16\x02Ga\x18\xe2\x08\x80VI5\x96\xd6h\x888J\x88M\n\x998\x15\xb2I\x91\x00K\x067q\\\xbc/VX:::\xcc\x96\x8c\x93\x01\xcb_\xb9x\x1e,/\xdb\x8dq\xe1\xad\x88T\xa1y\xb6\x03\x1d\x84\x03%I&amp;\x05*\x1c\xcb\x11\x898\xacR\r\t;\x0b\xd5l\xb5\xfc\xedU\xe8_\xec\xb2\xde\xac0\x12A!p\x9cdd4\rwY\xae\x8c\x82\xa64\xee\x01m\xff\x95rV\xccKr\x90\x89w\xe3\xa4\xb8,\xd8\x19\x11\x06"(I1\xfb\x84\x06%`\xf9\x02\x81\x88\x03\xf3\xeb\x9d~g\xd5\xd9&lt;j:\xab\xd0\x84Z\xcc\x1d\x07\x16^ \x1e\xc7\xe3@E\x8ae\xbd\x8a\x8c\x85\xc5\xea\xb0\xb4\xd34\xe1.\xa6\xe6\x05\x11\xb2\xa4\xf6\xbc\xffS\x96\xb6\xd3\xdf\x8aSY\xd7\xd2\x88\x17D\xa0h\x8a\xa1q\r\x88\x01K\x08\xf3\x03\x89\xa8\x10\xa5\x86$4\x04m\xd7+p\x04\xc33\x1d\xa2\x898|\x83S4C02;\xac!\xab\x97YO\xfb\t\xb7Z\x16\xee\n\xa4m\xb6\xb3\x1cT\xf9\xe1\x9f\xf7I\xdc\xb34\xa2\x04\x18\xca\xef\xf7\x93F\x82\x82?\x8e\xa0\xf1\x08"\xec\xffecz\xcc\xea\xf3a\xb8\x02/\\\xf8\xeb/\xf3Y\xc5\xa0\x07\x8d;0\x1c\x8a\x15\xe3\xb7W\x8f\x9d\x05\xaf\xaa\x93\xd6\xb8m\xed3\xe7o\xee\x9e(\xde&gt;\xcd\x01V+E\x93^P\x0b\xb0`\x8eq\xc2\x8c\xdc\x84\xb4b\x15\xb3\xf2\xa6\x12\xdb\x95\xfc\xaaN\xe7FT\x82\\!\xc8\xe7\xa5\x93\x02-\x82F0\r\xc90&amp;\x85\xfe\xff\x86\x87\xab\xaa\xf0kD\xc6\xf0\x9f7\xfa\xe7\x8b\xea\xef\x869\xc0\xfa\xb6\xa8V9\x8e\x17\x91\xf4\x1f\x1e6i\x8a\x04\xe3\x1cc\xf1u:\xbe\xf2\xf6\xc4\x93\xfctn\xe6\x0f\x92` \xee0\xbaw\xefhC\xb0\xca\x04\xce\xf4\xca \r:\x0e\xd8&lt;\x04,\'\x8d\xba\xb0\x8d\x8d\xf9\x13b\xbb\xf6\xe7\xf7\xef\x03\x01\xeb\xca\xeeI\xcf\xcejg\x00%\x9b\xce#\n\')\x94\x02,\r\xe6s\xf7LM\x8d?,\xe4\xf2\x93\xd3\xb9\xc1\x19I"\xcc&gt;\x83M\xca\x8b\x18\xc2\xd6\x07\x99\xe2\x18\x8b\xe5b\xb1(D\x84\xf4\x9f\x8b\xa5\xec&amp;#\'m\xe0[\xd7\xee\xe0\xe0\xca\xea\x9c2\x82RM\x90\n\xb0H4\x12\xc0|Z7\xb4\n\x85&lt;D\xa5Q\xc9\xe7r\xb9B\xa1\x10\x86\xc6\x90\xefSaF#A\xb7\xdba\x11\x0f:XkY\xf4N\x12\xe1\xe1XH\xa6\x10G\x8f\xb8\x98\xca\xda~\x8a\xab\x04\x83\xd0\xd9x\x03h\x9c\xa2"$\x8c\xc88{\x9c\x0c\xbb\xf1x"\x97\xef\x83\xc8W\xf2}7\xe0\xbd\x9eo$\xc2\xa3B+\x86\xf9\xd2\x90\x87\xedU\xd6[P"\xcc\x16\xbb\x13G\xf8\x1aE\xd5\xacO1o8i\xe5\xef\xfe\xdd\xcb\x13\xe4\xa0\xb39\xc6\x82\xf2\xc9N\xeeV\x8fgt|u;\x7f\xe3\xd6\x85\xc5\xc5\xc5\x1b\xf5\xfa\xe2\xe2\x99\xc5\r\xf8\xc0\x1e\x1bz\x84\x9d\x98\x11\xc7\x19}\x95\xadZ\xec\x95\xb1\xfbq\xc4m3e\xa0\xb0\x1er3\xc2\x9e\xfe\xce\x8b\xff\x8f\x96s\xfdI;\xcd\xe2xg\xf7\x95\x98\xb4\xd8\x8e\x83\xdd\x8a@%\x94\x96\xb6\xa6R\xeb\xad\xa0%nWK1 -?`\x14D\xaem\xa1d\xf0BLm\xc9\x88!\x03\xc4K\xfd\x01ri\xc9T\x9d\xda\xed*\xad\xac$\xd4`zI\xd5dg\r\xa9o\xb4\xd9T\xb3\x9b\x9a\xe9-\xb6I\xb3\xd1\x89o\xf6&lt;t&amp;\xd9?\x80\xdfA\x88\xf8\xea\x93\xef9\xcfy\xcey~\xe71\xaf5\x83\x05\t\x02\xa8\xea\x80J&amp;O\xc0\x1a\xb4!*\x8d\xae\x83wE\xd7&gt;\xaf\xd7i\xae\x00aG4\x89\xc71F\x15\xbbRTaEb\xa1\xb7\x95\x04m\xf5\xbeC\x97\xa9\x1c\xeb\xd0\xbb\xec4&gt;\x8do\xed\x95d)\x14\\t\x88-\x84EfR,\xd0]C\x89?:\xcc\xebX]]\x9d\xfc\xdd.\x1e\xd0\x01\x98\xcd\x15\xf2%\xc4\\\xf2oX\xc8\x87V\x0e\xb52\xaf\x90}}?\xd5\xfas\xb6\xce)/=\x153\x9d\xb7\xe4\x12\xa1BU\x07Xu\x8a2\x8a\x04\x8f\xfa\xd5\xa3\x9d\x1d\xdd\xf1\xc9\x15\xc4\xb3\xfezre\x1d\x8c\xc1\xc0\xe6y\xa3f\x7f(\xe4\x00i39\xdez\x12\x0c\xb0Xy\xcc\xa6\n\x1a\xed\xe7\xd9\xac\xb5\xfb\xef\x84\x96.\xc0R\xda\x15\xaa9~]\xa5B\xac\x8c\x04\xcc^\xf3H\xbb\xc31\xb9\xb2\xb2\xf2\x7fX\xeb\x06\x85B\xd2a\x0e\x9aC&gt;;\x9fc\xb5\x9e\x80\xfd\xfb$\xd46\'\x11\x96\xa9\x88D{\x92\xc5\xb3\x91K\x8f\x05\xce~\x0c\xb3\x08a\x17\xae\x9b#\x8b\xed\x8e\xf0\xa0W\xedJ8\xf0\x04 \x81\x17W_\x83\x01\xe0\xca\xba\xc7\xa0}o\x8fBs\x1b\xb2/s`\x9f&gt;\x81\xa4\x82\x17`1\x8f\xca\xdf\xbf\xcb\xe6\xd1H\xce\xecb\xa2\x17\xb3@\xa7\x08[\xe1\x9c\xcaN\x8f\xaaA\x0f\xdc\x13\xef\x8e\xacflmm\r\x81\x01\xa3c\x05_|j\xe8w\xb9\x02\x89\xf7\x9c/&gt;|\x02\xb5\x85\xb5\x82\xcfen\xbf\xbd\x97\xd5A\x08\xe0\xda\xee\x87\xd6\x87\xce\xa0\x8b\xe9*\x95\xdd\x13\xf0\xfb\x03x*\xd9\x1f]\xddx\xb9\xb1\xb1\xb1\xb6\xb6\xb1\xf1\xe6\xcd\x9b\xb5\x97/7V\'#\x11\xc3b&lt;j\xc3S\xef3\x95\x16\xc8e\x058\xd2i.\xf3\xd7\xec\x8f\x96\xcd\xa6\xe4B:\x18\xc2\x1a3\xb8\x9e\xbb"x\x0c\xba}\xcdK@\xd9X\x038\x10l\r}Y]\x8dF}\xd1\xfe\xfe\xb8c\x0e\xad\xc1\x13hG\x84\x00\xa3\x01\xd6\xa7\xec\x8f\xfe4\xee\x00\x96P\x01N\x84\xaaF\xd9\xdf\x9bH\xf8\\~W\x07\xa2y\xf3\x9b}|\xfd\x1a|9\xb9\x1a\xf0\x9b]\x1dQL9\x97\xc9\xa5P\x1b\x9e\xf8R@\x08\xdfe\x7fR\xaa\xf1Q\x02B\x8bL\x16+T\xe0\xc5H$\x11\r/\xf8C\x93\xaf?~\xdc\xfc\x98\xb1\x17\x19\xdb\xfc\xb8\xbe\x1e\x9dpA\xe2\xc0\xc6\x96\xbf\xd4\xcb\x99$\xcf\x81r\x8bN\x00V\xce\xfd\xa4\x92\x0ei^\x0c\x05\xa0j,\x91\x88D\x03\xe1@de\xfd\xc5\xabW\xaf\x80&amp;\xc3\x04\xbfnm\x1a\x0c\x9e\x14\xde\xed\xb4(\xc7\x9e\x9c\xc8\x18Rl\xa8\x82_\xc7\xb5\xbf\xdd\x95}\xac{i\x0b\xa8UG\xce\xb8\x11\x8f&amp;"\xbe$\x8e;\xd67\xb7\x80\xe5\xc5\xe6\xe6\x8bW\x88\xea\xd5\xd6\xd6\x98V\xbb\xe8\xc00\xa5R\x8b\xb0Px}\x03\xfd\x18\xc2\x1a\x9b\xcd&gt;\xd6\xae\xc6m\x0c\x02\x1e\x1a\x1a2Y\xa5\xc2\x13\xf1x$\x81;&lt;\x1e\xc3\x16\xb2M\xb0\x17[[*\x15Y\xa5}\xa6\x12\x0b\xe9\x0c\xb9\x1c\xd4B\xf9\x1d\xed&lt;@\xc5\xaf\xe7j\x89\x18Zl\xdc\x91*\x85(\xba\x14b\x85B\x08z\xc4\xe3\xc0\x86I\n.\xa2s\xa5\xd6v\xfd|\x9b\xa0\xac\n\x90\x91\x91\xc5\x96\x84\xe7\t\xca\xa3P\x98r8\x1c\x1a\r\x8a\xd3\xa7\x97\x08P+\xe7Q\x12%T1tbb\x85\x10\x8b\xe3\x0etJ/+\xa8\xc9\x9f\xd7\xf1x\x1a\x9eF7\x7f\xb1\xa0\x90U_77\xa7\xaaS\x89\x1dI|\xf9\tg\xc8j=I\x12U\xd0\xf8\xa0\x96\xe21\x11\xa3\x949\xb3))p1)\xb0 \xed\x12\xcc\xe1P\n-\x16\x8b\xac\xb6 \xbfA\xc3\xcbL5\xeb\x8b\xf3ksY\xf5\xa29\xadj\xce\xbe\xf8!\xf5l\x9934\xc4\xa9\x10\x91H|\x91\x88&amp;\xaa\xfa\x95\x88\x01\xcf\x9cK\xdb\xe8\xf9+C&amp;\x83\x10\x938\x95\x1e\x0fC\xc2`\x08j\x8e\x16\xeb4\x88\xabC\xa7\xd3\x1f8Rx\xbcR\xc4\x07\xbd&lt;\x86\x0fZ\xed2\x873D\x02"\xa0\xe2W\x88\xc4\x9fv\x11b;]R\xb9D \x93\x95\x95\x89%\x98\xc7\xe3PR\xe8LFmy\x83\x0e\xb84\x1a]\x06k_\x1e\xaa\xf7Uv&lt;\x92\xde\x06\xb58$(\xcf\x10\x15\x9f_I\x7fD\xcc\x98\xee\xa3\x84\\\x8e\xc90Aa\x19\x1d\x83U\x88\xdc\xc8\xa0\xd4\xb4\x157\xe8u\xd0^\xcc\xcf7\xcc\x1f\xb8\xb8\'\x8f-\xb6\x8f\xd9\r\x8e\xa4/\xad\x9d\xe3\x93h\xa2\xcc\xa1\x1b\x08\xc62\xbc%\x06\x0b\x82K\x8ea2\xc1\x1e\n\xa3\xab#\x06IKb\x11\x14\x1ciC\x07\xa9\xf1Dbe\x05\x1d\xac\x16\x941\x85\x1eH\x1b\x86d25V\'"\xc1\x02d\xd5SE\xd4\xfa\xca*\x031\x97\x1fr.=s\x02\x97\\V#`\xc8C\xb1d\xb4\xabK"\xc1jj0%\xe2\xf0x\xd6)\xfb\x04\x05\x14\x06\x83\xa1Tz\xec\x9e\xa4\xcf\xa3U\x89D\xd4\xca\xaaJ*\xf5t}\x13\x8b\xe9\x99%&amp;\xb6v}\x02,\xb9\xfcH\x8d@ \r\x07b\xc9d\xdc\xa1T\x82/\r\x8b`)\x07T\xccL:$R\xa5G\t\x7f\x8e&amp;SZ\xe8\x93\x9aX\xb04\xa9\x95,hJ\xecDa\xddO;\xa5R\xb9T.s\xda\xcc\xae\x18x\xca\x01\xd9\x0b\xc7=\x86\xc5\xed\xed\x14\x9eNy\x18\x80%4\xa0Q\x97\xb8/\x94\xf2\x08\xc9\x95MM\xe8\x88\x84\xcbf3\xcb\xc6\x88\xc2j\xdc\xbe\xe5l\x95J\xa5\x98\xf3\xf6\xa0?\x06"\xe1I\xd0\x0cO}\x00K\xfbb\xe9\x14,\x02\xba\xd0\x01\x1e\xf5\xc5B&gt;\xdcAg\xd5\x954q\xb9,v^\xeeyf\xae\x96(\xac\x9c\x9d\xde[\xdd]\xdd\xad\xd2\xae\xdbAu \x9dJ\xa5c\xc8\x92\xe9T\xcc\x17\n\x84b\xe94\xf8O\x02k4\xe9s\xb9|)\x83\x02:\xd8\xbf]\xbe\xfc\xdd\x85\xc2\xf3\x85\\\xae\x8a8,[o{ww\xab\xb3\xcbf\x0eN\x84\xd2\x1fRi\xa0\t\xc4B\xf0\x19\nO\xb8B\xb0\x10\xd2\xb1D\xcc\xe7\x0b\x84\xc3.\xdc@gs\xb9\xc7/\\@\x87\xc0\xb9M\x04b}\xee\x05.}{\xf7\xad\xde\xc1\x1e\xf3\x84/\x9dN\x87\\\xe1\x80+&lt;\x01\x86\x9e\x9a\x9b\xcd\xe1p\xd8\x16v\xb9&amp;&amp;\xc2\xe1\x98C\x98\x9bw\xea\xfc\xb5\xc3E\x87\x0f\x9fb\xd5\xb3\xc8D\xdd\x8ej\xfc\xdc\xd5{[\xa3\xd3\xb7\xf7\xdb\xcc\xd3\xde\x85p8\xe4\x0b\xf8\x17\x16\xd4\xfeA\xff\x82_\x1d\xf4\xfeui:\x18\x1c\x1c\\\x00H\xb5\x7f\xc2\x87\t\x0e5\xef\xd9Sk25_c\xd7S\x9b\xc8\xf7\tS\xcb\xe9\xd4A\xa9\xa0\xb3\xd9\x9eO\xcf\xfc=\xa8^P\x07\x83^\xefR0\xa8\x0e.\x04\x1f,\xcd\x0c\xcc,-M{\xd5\x0b\xe6A\xb5y""/\xaa\xfd2\x1c[t\xb5\x89\x06-\xc6[\xc2\xb0\xa4\xf2V(a\xe0\xe7y\xcf\xc0\xd2\xf4\x83\xa5\xa5\x0733K_\xdfD,\xd3-\xbbK\xd1\xfc\x94\xd7\x1bT{{\x06\xfd\xbeHM\xf3\xd9\xea\xea\xea\x83\xa6k7\xf6\xd38\x15%l\x02\xb10Y+\xda\x975#\x83\xe3\x03 \xce\xcc\xc0\xee\xd2Rwi\xe9\xcc\xf4\xf4\x80\xd1\xed\xfe\xaae\x00H\xbd^\xa0\xb4u\x1f\xa95\x1d,\xaf&gt;\xd6\x8c\x9e\xfbp8\xe8\x0c\x90 \xac]\xa0\x96L\xd6\xaa\x03\xb5x\xcf\x0737\xeb\xbe&gt;S\xea&gt;\xb7\xd7=3s\xf3\x8c\xfb\x0f\xee\xbd\xee\xd23\x006\xfd \x18\xeeo;f:x\xf0\xac\xa9\xe8\xc2w\xdfR\x81\x8aVr\xf5\x1dA!\x9f\xf3I\x8a\t,5\xadz\xa4\xd7\xf3\x9e)#\x08t\xe6+\xf7\xdes\xc6\x96\xa5\x9b\xbbK\xff\x08`\xee\x96\x99\x81\xf1\xa0w\xa2{\xbe\xfc\x18\x1aP\xcf&lt;\xf0\x07\x17\x92N\x97\x1c\x7fL\xd4\xc5\xce\xcf\t\x99\x80B\xa99\xa0\x07\xc1FF\x06\xefN\xb5\xb8\x81\xec\xdc^c\xe6B\xe2\x9f\xf7\xba\x8dF\xe3\xd4\xf8\xdd\xe0H{k~\xbe\xe9\xac\xe9\xecO\x87n\\?M#\x81\xd1J\xd8\x89\x7f\xddo$\xe2\xe6\x1d\xc4\x96L\x00esM~\x83\x0e\xb0~P\xdf\x1d\x9f\x1a\x9f2\x9ek\x99j\x010\xa3\xb1\xc58\x05P=}\x9d\xbc\xf6\xf2\xf2\xf2\xb3?57\x03\xd5~\x12\x89J#qH%\xec\xf6_&amp;v\xee7\x12\x92 d\x942&amp;\xb3\xac\xa0\xadA\xa7\xe9\x1c\x1e\x19\xed\xeb\xeb{\xd8s\xf7w\xeby\xf8\xe3\xe8p\xe7\x08d\x90\xe2\xa3w\xd0\xd5\x88S@E%!\xa8\nZ\x13[~\xd7\xf8\x9f\x97s\xd9\xef\xca\x90Z\x14f\x15\xb3l\x1f\xf4\x15ztP\xfa\xc3\xe8\xf0\xf0h\xdf\x8f`\x0f\xe1\r_:G:y\x1a\xbd\xbe\xf8N\xb9\xa9\xe8\xda\xa1\xab\x97\xf7\x9f\xa6\xd2\xa8T\xd4\x91\xd5\xb3\x05\xbcq\xe3/\xff\xac\xc8n\x84\xa1\x7fF\xb1\x03XyUyt\xca\x1eT+\xeb\xaet\x0e\x83\x8d"\xcd\x00\xaao\x14\xd90\xef\xfb\xef\xffR|\xa7\xdat\xed\xd4\x85\x1b\xd7\xbf\xadGX\xd0h\x90h\xf5\xdcB\xfd\xc8\xd4\x9f\xfe\xfd\xdf\xe5{Y\x0b\xb0\x9c\x9c\xc6{\xffx\xf4\xb9\xadUV\x96WU\x95\xcb\xccp\xcd\xeb\xbf\x07\xa6\xe1/P\x19\x03\xc8N\xa0:Pm*:\xf5?R\xce0\xb4\x8d\xf3\x0e\xe3&gt;\xdd\xbdwg\x8b;M\xd6\tIX\xb6\xe7ID\x96*KBF\x96\xe3x\xb5\xa4\xb0\xd5\xa6J\xdcx\x92\xbf(\x86\xcd\xc44V\xa8\x98\xd9\ni&lt;\x07\x851\xbc\xc1\x08\xd5`\xd0O\x83\x96,\xd46!\r*2\xa9 \x1ff\x06\xf2\xd0\x8a\xc1V!i&gt;\xc468\x9f\xfc%$\xfd\x10H\xd9\xf3\x7fO)\x1d\xa3[\xbb\xbe\x11J\xa2\x98\xbb\xdf\xfd\x9f\xe7\xff\xbc\xef\x11\xdd[ZZY\xf1Dgza,H\xd8\xd55&gt;\x9c\xf0-\xfc\xfe\xcd\xa7\xe5g\x7f\xfb\xfe\xfb2t\x02\xe8\xec\xd9\xc5O\x1e&lt;yX\xad\xde?&amp;,{\xc4\x1a\xb1\xbb\\\xb3\xf3N\xa7\xef\xc2%\xd2\xf0\xa3\xf6\x00\xd6\xdb\x97N_N\x12T\xb1P\xf0ll\xccDA\xd5\xdf?\x8a\x84\xe8=\x91@\xa7\xfc\xe6 \xf6\xec\xc5\xda\xce\x83\x0f\xbfGOB\xb7\xc5\xf5\xbb\x8fv\x1e\xaeUu\x81iwj\x1c\xcbj\xb5\x0e\x0e\xda\xfd\x89\xccD(\x1f\xee\x81\x92\x1f\x98\\T\xadK\xbf\x98r\x9e:\x1f\xcc-m\x14\xc6g\n\x85\x8d\xc9~8\xab\xff\x95w)OO&amp;\xc2=\xbe?\xed\x97\x9f\x1dW+\x95\x87O\xee.\xfe\x9f\x9b\xa6t\x9e]\xff\xec^\xb5\xa2\x0b\xa2(Z\x98\x96\xfe\xa8abA\xc5\xc8\xe0\x98\xdf\xef\xc8d\xe8q\x15\xdf\xc2\x8f\xdf&amp;\xdb\x7f@P\xc9\xa1\xbe\xe5\\i\xc53\x13\x8d\xce\xccx\xa2&amp;\x15\r\x8e\xe5\xec\xb9\xb6[\xde",\xcd\xa8\xdc{tw}\xf1;\x83uv~\xf2\xd9\x9a\xae\n\x8a\xca\x98`\x11\rM{\xbe}\xfc\xf3\x8c\xd7\x1e\x19\xc4\xb0\xc2`\x03\x03\t\x87\xcd\xe1\xc0=Y\xcf\xd4\x85kXYL9\x87\x820z\x11\xfd7\xde;\x1e\x1d\xc7-\xcfx\xff\xe8\xe8(\xaaE\t\xe1\x0f%\x9d\xd7Z\xc0\xaaT*iC\x10\xb5\n\xd4\\\xfc.%\xeb\xec@\xa5\x00\xa5\xaa\x82 0Y\x14\xe3\x9a\xa6\xef\x9aXV\xc2\x8aD\xac\xd6\x1f\xfa_\xf7\'\\\xf4d\xcd\x10\xe4Y\x98\xf2%/\x06\xe1\xf4\xa2\xc7\x13\xe5\xf7`\xe3\xe3\xd1In\xf8W\xde\x1d\xed\x1a\xed\x9a\xb4\x87N%/5\xb7\xb6\x0eA\x95\xd6\x98(i\xbaA\x1b\x93|{\x9b\x11\x94\xa6\xaa\x8a\xa2\xc8\xa2\xac0Q\xd0\x81\xd5\xdc&gt;\x84\x88\xd6H\x04P4\xec~\xdcU\x0fp\xaeP\xd8\xf9NOr(\x18\xc8--\x15\x0b\xa0\xea\x82z\xa8\x17\xe2\x01a\n\tq\xdb?iu\xff(y\xa5\xb6U\xde%*-.*\xba\x16W%}m\xe7\xee\xb7\xea\xccN\xdaGD\x97$U\x95\x99\xac\n\x8c\x89\x16\x14K\xfb\xb8FX.\xab\x95\xb0\x06#cP2\xe1w\xb9 \xe4\xd0D&gt;&lt;??\x1fv\x07\xbd\x81\xd2\xd2\xd2\x062\x14\x9d\xd7\xdf\x1b\xc5\x18\xff\x1a\x96\xed\xa7\x7f\xbc\xb2\xbd\x15{\x9e\x06\x16fv\xa6W\x0c\x91\xe1&lt;\x15\xdag\xa3\xf3\x7f\x19\xfd\xc3G\x0f5I2\x80%\x88\x02SU&amp;\x88q\xdd\xc4\x9a\x9f\x1d\xb0[\xcdZE\x06\x87\xc1\xe5\xb2926\xb4\xe4&lt;\xee\xf9\xc3\xa1T\xd0\x9b\xbb\xbaT\xdc\x88R\x95z\'\xe1{\n\x08n\xf9\xae\xae\xc91\xc7\xc5d+\xb6\xb5\xfd\x1e\x15Kc\x16\xc1\xa8\x1a\x8c)\xaa\xa4\xeaU\x80\xfd\xd7\xcdo:?\xfc\xe2aZ\xa2\xa1\xc0Y\xa8\x94\xa4*\xb0\x96\xaek\xb7\x81\xf5\xdb\x8c\xcb\x8frE\xac%\xe2\x1a\x1c\x8b\xf8m\xa9\x94\x1bA1\xdf\xe3\x03\xd7\xd0\xf9\xe0\x08\xb0\ndvtb\x81O=\xf0\x15\x7f\x9d\x19\xf6\xa6~\xd7,\x97k\xff\x04\x94f\x88\xc0\xaa\x88"yW\xc5\xd9\xaa\x9f\xff\xe3\x1b\xff\x87\xa3\xb3s\xf1\xc1=M\xa2\x1f\x93\xb8\xb3\xf0\xa6*\xe4xT\xeb\x0e\xc7\x1a\xf0[\xc7"\x11\xfaV\x8d\x15\xae\xb7[\xed}\x17C\xfc\x11@\xdf\xdf{\xc2\x94\x0e9`\xd1\xd7\xf1&lt;\x05\x8c\xa8\xe9\xadQ\n\x88\xde\x1fd\x83\xf7\x1b[\xb1C^\xac8\xb5Q\xda\xd2-0A\x90!\rc\xd5\'\xeb\xdf\xa0\xe4\xe2\x83O+\x04\x84\xba\xd2;\xc0\x0c\xc3P\x98Ed\x06\xc7z\xf1\xb3\xb7\x80e\x85\xb7\xc0C_*\xc3p\xd8\xdc\xf9\x9e\xa9\xa9\x05\xcc\xcf\xceS\xa9 \x962\x05h\xe7)l\xac \xe7\xb9\x9a\xa8\x15R\xbe\xeb\xccI\xab\xedp\xba\xbc\xfd\x1c\xdd\xa3\xeb\xe4\x0c--\xa0f\x8a (\xd0\x86)\xfa\xda\x93\xf5\xff\xa8\x18\xed\xc1\xf4iE5i\xc8\xeeT(E\xc5\x01d\x8b\x85\x99\xd5:6\xb1  \xa8\xacX\xe1$\xbc^\x07T\xcc\xfb\x16^;}\xfa\xb23\x9c\x82\x88\xc5\xe2\x06\xf2}\x05\xef\x9e\xa8\xd9\x8bH.\xcc@gN\xbe\x91\xdc\x8c\xc5jw4\\k\x1c\xdd\xadV\xd2\x02\xb3X\x04\x99\x0cL\xda0c\xed\xd1\xbf\xaf{0\xf5\xdd\xdd\xa9\x80F\xe2\x12\xaadE\xfaY\x99\xe1:Po\x83{\xebx&gt;3\xf0\xba\x9d\x9b\xcb\x9e\xc5\xfa\x06X\x0e\x9b\xcd\r\x15}SS\xc8\xad\xa1\xa1\xf3P\xf1\xea\xca\xcaJq\xa98\xcc\xa7Dp!\xb9\xba8\xd6\xd8\x8b\xbd\xd8tK\xd7\x89J\x10U\x03\x0bmt\xb9E5\xa7\xf1\x02\x00\x00\x07\xbbIDATf*S\xda\'\xd5\xef}}\xf3\x1bTj\xa7j\x10\x94ap\x1c\x8e\x15\x97 &lt;|\x0fcr\xac\xd5\xda|\xc65\x90\xe0\xdf\xbe\x1b\xc9\xa2P^\x07=t\x17\xe2X\x0b\x0bS=\xc9P\xaa/0\x92+\x16\x97\xae\x96\xd0\x11\xc0"\x19{\xf9*\xa2\xbf\xf7\xa4\xab\xb9\xba\xbdw\x00(\xa2\x12\xe2ZE\'\xe7[D\x08\xc3m\x8f\xf33x\xbf}\xf7\xdd\xae\x14\r\xc3\x90\xda2\xd2{\\A\x81\xf1\x81\x05\xc7\xd0\xb5\x8f\x9b\xab\x8d\xf7\xdfr\xb9\xbc\xdel\xae\x94\x1b\x19\xc9f\x83\x0eG0h\xb3M\x84\x93\xc9\x1e\xc2\xf29\xf3\xd4\x8b\xb9\xd2\xd5\\.\x87^\xdd\x80\xedIF\xc2\xea\x87\xb7\xde\xaf\xaf\xae6\xaf\xc71\x99\x01\x8bIi\xa8\xa9\x8b\xc4\xa5\xb4\xed\xcc\xcf.\xad}A\xf1\xca\xa1\x0cb\xe2\x02\xb6\xb1\x08\x0c\x17%\x08R\x1c3\xa2\xa0\xd2\xe4\xb3\xda8&gt;\xe7r9\xbc\xd9\x11P\xf9\xb3\xa8\x97\xb7\xef&lt;,\x1f\xe6{\x08`8)\xba\x02\xa5\xab#\x80.\x95\x80\xf5\x92\x8bn2^\x1d&lt;\xdck\x1c\x1d\xc4\xf9Q\xa1\xa1^a\x16Fm\xde\r.\x1e\x93\x8a\xd9hjzg\x1d\xf3\xcc\xe7U\xfa\x8c&gt;a_\x15\x8aAEE\x96!;\xb9\x13\xad\x08\xcf?o\xac\xd6&amp;\xa8Z\xdel`$\x10\x08d\x13\xde\xac\xd7\xe6\xee\xb3\xd1\xd3\xb8|\x03\x06`\x9d_^\x86\x8c#\xdel\x89\x17\x8bc\x8d\xf7#&amp;\xba^\xed\xdb\xdc;j]\xc7\xac!P*\xa0\x0f\x01$\xe3\xcf\xb4\xc7\x0b\x15\x8a;\x9f\x86d\xacu&lt;Z\x93\xb8\x97\x80A\x86\xe2\xa6\x92\x14\x9er\x8c\xc9H\x08^.J\x08\x98k\xefE\x06X\xc1e/qe\xb3\xd4\x88\xb6T\xdfP\xd8\xc9\x9f\x12v&amp;\xc3C\xa9\xbe\xe5e\x80{1;\xae\xaclPFD)%`\xf9\x93\xc7\xf5\xa3\xcd\x03:0\x06\x0e\x98\xd6EK7\xe2T\xb5t\xa3\x1d_Jd\xaa&amp;u\xa4\xc1D\xcd\xc9\x08\xc2\x0c-\xa4\x08/\x14U\x0e&gt;\xa0\xe0\xc2\xc5\xe9\xfa\xe1jcs\x08X\xb0T\x80\xbc\x05\x19\x836\xb7\xdb\xe1\x0e\xb77\xa9p&amp;O\xb9\xfb\xb0\xd8\xa1\x82\xd2\x97\x18\x0b\x85vHP\xca\xffu\xb3^\xdf\x9dC\xa1\x98\xca\xb3\x94\x12\xb5\xdbB\xb5\xb3\xd0f/\xd4\x8b`hgA\x07/\x92Y,\xd4F2\x07\xc9l\x12\n"O\x08\\\x9dn\x1c4P.\x87\x97\x1e\xc4\x85\x8e\x01NE\x0f1CD(\xd86\x97\xdb\xe6N\xa1A\xb3\x98\x1ay\xd2\x13\x16\x12\xb5\xbf\xd4\xac\xd7\x9b7\x19\x1f0\xbc\x9e\x86\xc9\x80\x85\x96B\xa6\xc2\xf6\x02\x8a\xa1\x98 8{\x07e\x13\xaf\x15\x99\x8afB\xfa\x8dQ\x05\x05\xcc\xee\x06\xb9\x8c\x9b&gt;\x1e7n\xd4V\x1b\xcdd\x90\x1e\x10\xc6Za9@Y\xea\x0e\x9d\xa2\xfd)\x9c&gt;^\xae\x1eg\xf8Th\xc2\x9d\xb2\x05rX\xcdG\xa3\xa8\x16E\x04\x82+r\x7f\xb3\x0e\tq\xb0\xb8\xca\xa7\xc34:\x8a\xca%\x1b\xcc\xe4b\x92\x99L\x02\x84bf\xb5H,\xa8\xc5\x83\x9d\x06#Td\x8b\xac\xd0\x8a\x99]\x7f\xfc\xa6\xc8\xe2\x86\xb1\xdbX=\xba?\x81V$\xd7\xc3BH\x07w\x9e\xe2\x81\xa7)^\xc4\x15\x9a\x98\xb0!%\x966\xa2/\xb1\x10\x0e\xd6_6\xeb\x9b\xbb\xd7\xa1_\xdc\x98;h=Gf\x81\xcf"vwC\x07\xe2B6*\xe6&lt;\x0c\xf7)\x0c\xd5b\xe6\xc2X\x96\x956\x15\\\x86\x0ef\xbcaq\x19\x96\x1b\x87\xb5\xfd9\x94+~\xb3\xd6\xd8k]\xc8$\x10\x0e9x\xde\xeb\xa5g\xbc\xa9\x0bM,\xfc\xf2\xcd\xe7\xf3n\x1b\xb0\x96V\n\\C\x8fgff\xe6\x84\xebrk\xb3\xde\xbaI\xb5\x8a\xdf\xd8\xfd\x12\xab\x88*\x96\x80\x1c\x0b\x953D\xbax\xa4*7\x8eL=\xd1\xa1\xb4%d\xe6B\xa6\xdd\xa4\x80\x13In\xc4\xca\xdc\xd3V\xe3\xe8h\xff\x16\xfemn\xf7\xe8h\xf3\xca\xc2l\xc2\x9f\xb3\xdbGF\x02d\xf8P\xd2\xdc\xfa\x846iA\xb1\xe6\xf3\x13)\x9b\x03\xabA\xf2{\x01\xf3\xe2\xf0\xf0\xb0=\xff\xda!IH~\xf8\xc3\xd3\xe6j\x8c\x167\xba\xc1p\n\xcbO\xba-\x8a\x11\x17e\x19d\xa6\xa1yBuPW\x12\x13\xff\x1b\xcf,\x1e\x18&lt;\xf21W\xb1\xb9\xd6\xd1\xde\xde\x1e\xaa\xb4\x7f\xf0\xf8\xd6StS\xeb\xc2\xaff\xfdt[\x96\xa5;\x0c\x9a\x11\xf3\xdc]|@B7:1\x1b)z\xb0\x8a\xf0\x14N\x0cZ\xb3\x0e\xe7\x052\xd6\xfe\x1c\x82\xf4\xd6\xc1fc\x1aX7\x05\x9aPD*W\xb7 \xe9&lt;a\x05j93\xb8$\x8e\xc5L2xMf&amp;\x1d\xb8\xb0\xb4\xa5\x95\xf3\xed/c\xb1r\xb9\x1c\x9b\xde\xde\xae\xb5\x9eB\x8b\xe6\xa5_\xbfs\xee\r,\xba\xec\xf6\xac\xd7\xe5\xb5\xd1\xb6,\xa10\xc4\xc3\x0b\xa5r\x03+k\xe7\xce\x8a\xce\x0c\x8f\xf9\x1d\xb4\xbc\xd8\xe4\xc6\x8a\x0b\x8f\xf7\xeb\x8d\xe9r\xac\x1c\xdbG\'\xaa\xe4}\xda0K\xd1\r\x05\xf3\xa2,|\x15P\xc0"\xdd\xa8X\xac\x8d\xcch\xd9\x80\x19\x00\xab5\x04\x05\x9b\xabMc\xc4b\x04\x17k\xd4\xeb\x10\xe3\xf6{\x7f\xfe\xcb9?-n\xf8\xf7\xe2\'f\xe1\xb0&lt;\xe0f\'f3\x03\x99L\xea_5\\\xbfk\x1aq\x14\xf7\xbc\x1f\x11\xc4oiz\x90\x0c]\x02\xa1\xb3\\\xc8\xd0R\x10\x8fJK2\x1c\xa6C\xe9\x81(\x85\xe2R\xa7v)\x14\xe2\xd4o\xe5\x88!C!mi\xa7\x92-\x14\xad\xd5\xc1Q\x1a\xee\xe02\x9d\xfe\x01\x1a\xd0Y\xd0\xa5C\xed\xe7\xbd\xb3\xdfA\x87/\xe7}\xee\xbd\xf7\xf9\xbc\xcf\xbb\xc3\xbb\xb5\x9b\xa6{"\x0f\x8f\xf6\xd2\xbb\xf6\x8b\xdf/\x1f\x87\xbd\xde\xe8BQP\x0eS\xe9\xd4iEggf\x92\xec\xb8Z( \\&amp;\x89\x83\x01?H\xad\x91\xf44A\xe8`5h\xa5\xb8\xd6AO\x98E4\x9b\x8cHa2QB\xe7?\xael\xd6\x91\xd3~\x7f\\m\x94\x9a?N\xdfW\x8a\x87\x87\xfb[\xf66\xbd1#\x97\xc3\x97m\xa3\x93\xdb\xf6\x9d\xbb\xb7\xe9\xcf\x17O\xee=H\xef\xe7*o_\x03U?\\4.\x17\xa3\xfe\xd4\'T\x83\xc1\xf2O^X\xc9\x82\n\xb9\xdf&lt;\xd8T\x99\x83\xba\xc1\xa4\x8b\x853a\x8a\xf5b\x87m\x82\x9f:\x98\xab\xa3\xb9\x9b\x80-2\xe2f\x8d\xc8\x91\x12\x9f(\xb3\xde\xac\x019\xb4\x94\xd2w\xef\xe3I\xdb\xad\xf1\xe3\xbbm\xbbVsw\xb0\xb6j\xb0\xfb{G\x8f\xee?\xdf)V\xde|8\xf5\xdeETX\xb3q8\x94\xc3\xa1\x03L\x83\xf9jy\xf5\x13\xbd\xa7PHb2&gt;\x80\xb3!\x01\'\xee\xa1\xb5pu\x01\x96\x06_\xa6\xc5\xa8\x00B\xc0\xfa@\x15HI5\x98,$2"H\xb4$\x85,\xf0}\x19\xce\xaa\xe4W\x05\xbax\xa9\xd3*\x7f\xfe\xf4\xe5\xe9\xb3\xe2\xb1\xeb\xba\xf4,\xd1=n\xb7\x7f}\xfb\xfa\xea\xbc\xd5\x89_\xa76\x01Mz\xa3\xae\xc4e\x81\x83\x805\x9f\xaf\xfez\x18aq\x1a\x92\x1fRx\xc1\x13\r\xe2\xa5\xae\x9bub=Hh&amp;\x07L\x08 \x84a\xc4\x0e\xc0j\x99\x8c\xa6G\x9cC\xce\xa2\xc3A\xf3e\x7f\x0c}\xe50\x83Opu\xcd\xce\xb5W\xbe\xa2U&gt;\xf7Z\xd7\x9d&amp;\xe4\x89.\xc9DH\x17!\x98\xec\x07q!\x00\xd5|\x05X7\x96\x9e2\xc8j%\xd1\xad\xc9\x07b\xbc\x82z\x1a*\xe7S\x8b\x99h\x90\x9e\xeb0\x0b\x88@&lt;\xc1a\x93\x1d\x10\x82\xabD\x8cf\x8d\xaa\x1egSv\xa3E\x15\xda\x88C\xb8\x08\x059^\xfaa\x9a\xdc@\x96&lt;\x06\xe7\xbc\xa54J\x97\xe3n\x80\xeb\x90\\\x9c\x00\xb5\x9cc-\xb3\x13\xcbLQGS\xa9\xd1\xb0\x96\x02\x9eN\xb7\x16\xf4x\xeaJ\xc4b\xc5&amp;\x08\xe6\n\'1\x93\x</t>
        </is>
      </c>
      <c r="M311" s="3" t="n">
        <v>45492.67641203704</v>
      </c>
    </row>
    <row r="312">
      <c r="A312" t="n">
        <v>923951</v>
      </c>
      <c r="B312" t="n">
        <v>1962</v>
      </c>
      <c r="C312" t="inlineStr">
        <is>
          <t>Everaldo</t>
        </is>
      </c>
      <c r="D312" t="inlineStr">
        <is>
          <t>Everaldo</t>
        </is>
      </c>
      <c r="E312" t="inlineStr">
        <is>
          <t>PD</t>
        </is>
      </c>
      <c r="F312" t="inlineStr">
        <is>
          <t>ATA</t>
        </is>
      </c>
      <c r="G312" t="inlineStr">
        <is>
          <t>PD/PE</t>
        </is>
      </c>
      <c r="H312" t="n">
        <v>172</v>
      </c>
      <c r="I312" t="n">
        <v>37</v>
      </c>
      <c r="J312" s="2" t="n">
        <v>34481</v>
      </c>
      <c r="K312" t="inlineStr">
        <is>
          <t>Right</t>
        </is>
      </c>
      <c r="L31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b5f2b8bb-547d-48fa-bf3a-cbc00314d5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7\xecY`\x00\x00\x03\x00PLTE\xff\xff\xff\x1d\x1e"%\'+\x1d #\x1c\x1c\x1e"#\'\xff\xfe\xfe\x1e$&amp; %("&amp;)\x1d!% !&amp;\'*/\x19\x19\x1b! "\xcb\x9f\x83\xc8\x9c\x80\xb5\x89p\xc5\x98{$$&amp;\xc0\x92w\xe1\xb3\x94\xce\xa4\x8b\xe6\xb6\x96\xc7\x9a})()\xb8\x8du\xcc\xa1\x85\xdd\xae\x8e\xfd\xfc\xfc\xb7\x91{+,2\xb0\x83k\xef\xc1\xa1\xc1\x96}\xbc\x91x\xbc\x8ft013\xce\xa3\x86+,-\x16\x15\x17\xda\xab\x8c\xd0\xa7\x8e\xe5\xb8\x9a\xca\x9d\x80\xae\x80d\x11\x14\x11\x14\x1a\x15\xed\xbe\x9e\xd4\xae\x97\xc3\x9a\x81\xea\xbc\x9d///\xe9\xba\x9a\xc5\x95x\xb3\x8dv\xb9\x8bq\xb3\x85k\xf4\xc6\xa6\x94nY\xf1\xc4\xa4v^N\x18\x1d\x1a\xbc\x94}\xc6\x9c\x85\xa8\x82k\x80_L\xf7\xc9\xaa\xc0\x90r]K?\xa9{`\xc9\xa1\x8a\x1d \x1e\x8diR\xf3C&gt;\xc2\x94x0)$\x9ar[\xd6\xa1\x7fpXG79:\xc4\x9f\x89\xbe\x97\x81\xe0\xb0\x90bPC90(\xa0w`\xbe\x8do\xac\x87o\xee\xed\xed355\xc5\x93s\x99wb\x86[@N;.\x82iY\xc0\x9b\x85\xd0\x9f\x7f\xa3~h\x8abI\xbc\x89jB2\'\xb7\x87i\x80W&lt;\x9boT\x97hI\xd6\xa5\x84\xa4{d\xf8\xf8\xf7\xd2\xa5\x87hUH\xb0\x89q\xa2rS8*#\xa9\x7fe\xd0\x9by\xa5x^\xdb\xb1\x95F7,\xb1\x90j&amp;\x1e\x1f\xd80+\xa8tR\xb7\x97\x84\xd6\xab\x90\xaaxXZE6\xda\xb4\x9d\x9e{f\x89cR\x80dU\xf4\xf3\xf2\xe20)\x94hT\xb4\x82d\x95aC&lt;50*$"RF=\xb7\x94q\x9bkMwP8Z=+\xd1\xaa\x93\xea&lt;7\xa2tZ\xd5\xa8\x8axcUL@7\xd9\xa8\x88\xe4\xb2\x91dH6\xfeZP=??\xa1nM\x8ao]\xca\x97wS@4\xa9\x1e\x1b\xf5\xce\xb2\x8d^@\xbb\x9d\x8czYF\xdd\xac\x8b\xf9LF\xdc\xa5\x83\x8dwgD&lt;6\x97}n\xb1xT\xe5\xbf\xa7\xe2\xe2\xe3\xbd\x99woM6kP?\xd3\xd2\xd5\xe0\xb8\x9f\xf1\xc7\xaa\xc6\xa4\x90\x92s^\xb0}]\xb2\xb2\xb2\xce\x94p\xc8\x8fk\xa9\x8cc\xcc\xcb\xcd\xbd\xba\xba\xcb\xaa\x95\xbd\x83_v\x1f\x1dMPOCGGO1%\x9d \x1e\xf7\xd3\xbc\xcb,(kG1\xe395cA.\xc3$ \x87\x8c\x8av4&amp;\xd6&gt;:\x84na\xa2\x84p\xed\xc8\xb0~\x80\x7f\xda\xd9\xdc\xc3:6\xea\xc4\xab\xfddZ\x99\x9c\x9a\xc5\x89c\xc5\xc2\xc4E \x1f\xfesi\xab\x8byqtrW\\[\x8d!\x1f\xb40-\x97}W\xb3{rk+%\xb9zY\xee\xe7\xe3\xf8\xdb\xd1:\x1b\x1a}pK\xdd\xbd\xa9\xa2gc\xa2\x87^\\#$\x8bxQ\xd6\xc4\xb8\x9e\x89{\xc9\xb3\xa5\xb1#\x1f\xa6\xa9\xa9\xe8\xe0\xdb\xb5\xa7\x9d\xe5\xd2\xc5\xaazhbb`\x81B3&amp;\x14\x12\xab\x8f\x84\xacE&lt;gli\xabqmR\x1f\x1f\xachN\x9970\xf1UM\xab\x95\x98\xe8\x86y\'\xc1\x00\x95\x00\x00 \x00IDATx\xda\xcc\x98\xfbK\x9bY\x1a\xc7eV\x92v\xc0\xd4\xdc\xa6\x1a\x92\xac\xe4b\xb4\x8e\xbe4\xe3\xc6\x84\x92W[\xd4\xbeb\xaa&amp;&amp;\xd5xIcM\xd4\xd8h\x13/Q\xa2f\xdaJ\xe3%\xd6\xa1V\'h\x15\xda\x0em\xcd\xc4\xd4\xc15\xe3\xa5\xa2e\x10\t\xe8*CZP\xa1\xe0.\x85\xd2U\xa4\x8bP\n\xfb\xcb&gt;\'\xce\x9f\xb0\xaf\x9d\xaf\xe7\x1cN\xcc\x0f\xe7\xc3\xf7\xfb\xbc\xcfy5*\xea\xff!\n%\x8aG\x81\x05vQ\x7f\x1e\xf1\xbayQ&lt;\xff\xe1\xe1\xb4\x95b\xf5O\xeby\x7f\x06&amp;\n\xcf\xaa\xf7Gu/l\x86v\x967\x0fCG\xbb\xc1\xc5\xee/o\xd4B8\x14\n\x86\xa7\x17\xc3;[\x0b;\xa7$!\xffB\xf80\xdcM\x89B\x99~\xa9D)\xdd\xc1\xf0\x8aD,\xa1\xa6\xa7\x8b\xc5\xa3E_\xe1DQxg\xf7\xb3d3\xb8\xb5\xb00\xad\xb7~\x01.\xeb?\xf5\xdd\xfe\xd0\xca\x91\x98J\xc5\xb04\xf8\xa1\xe2D4\x8e\xe1\x186\xba\xb2\xf3f\xb7(\x1c\x0coN\x7f\x81\xf4\xf4[\xe1\xd0\x11\x15\xff\x1a\xa0\x90\x92\xf0\xb44")\x1aK\xc3\xf1\xd3\x92\xcd\xd1\xf8\xa0~\'\x14&gt;q*\xff\xe2\xe2\xe1\xce\n\xf15\xc0\x1cc\xc5`\x18\x02\x8c\xc1q\x9c N\xe3x\xd1nz\xf8\xf0D\xcb\x8b\xc2\xa3XCG\xcbb*8\x83\xe3\x11(\x0c\x8b\x89\x8eNJ"\xa2\x93 F\x82 b\x984\\\\\xb6\xd3}\x82X&lt;\xfd\xc2\xe2\x9b\xf0(FDx\x88hdS\x0cA\xd0$\xb4\x18\x100\xd1\x08\x1c2\xc5\x98\x92\xd3\xe1\x93\xe3\xa2\xe8\xa1\x98?\x8b\t\x94\x1e\x06\x81\xd1@D{\x9fJ\x15\xcfd\xc26&amp;FB\xa31iX\x1a\x93I\xe0\xd4\x9dE\xeb\xc9&lt;\x80z\xeb\xd6\xe7\xe5\xd1"\x94]R\x84F\xa5\xeakW\xd9\xedf\x9d\x1dma\xf6\x02`4\x81\xa5%\xd1p\xa2l4t"\xcd\xd5:\xbd\xb9\x02m\x00\x95T4\xd1g\xd7\xd9uf\x9d\xcen6\x9b\x1d\x0e\x1d\xc8\x0c\xab\xc3\xacS\xf5\xf5\x8d\x8eB\xba\xf1_\x11\xd4\xd0I\\F\x94 -\x1a\xc7Q|}`\x90\x0el\x02\x16\x90\xfd\x18\x08\\\x9bp\x19\x0c\x0e\xd8\xf5\x96\x15\x89\xffR&amp;.Z\xf1\x93__\x94\xade\xa8\'\xd4\xa2T\x0e8]\x07\x18\xaf^\r\x82\xd6\xbck\x83\x83.\xd7\xa0\x014\xe1u\r\xae\x19\xccv\xd5\xf2\xeei\x89\xf8\xf4&amp;\xf9\x97\xb7\x7f\x17\x8f\xf4)\\e6 \x98\xc1\xb5\xd5@\xe0\x1e(\xb0\xba\xb6\xba\xba\x1a\xd9\x05\xbc\xdeU\xef*|k0\x88\xcb\xa8\x92\xe5\xdd\xdd7\xe4\xfaE\xe9\xde\x89t\x854\xc2n\xf0\x02\xc0\xbd\xda\xda\xcaJ4"\x13\x90\xd0\x06vH\xf0m\xe0E\x8e\x8e\t=\x96\x08\x91\x1c\xe3V\x19\xf4\xa8\xa4\xa4h\xddZ\x00N~\xd4c\x19\xb0\xf4X,=\xa0G\x95\x95\x11\xc2G\x11\xc1.\xb2\x06\\*\xbc\xa8leWO*\x17eA\x82.\x18B\x17\x80c{\x06\xc6l6\xdb\xd8\xc0\xc0\x80\x05\xe8,=\x80q\x0c\xd5\x03\xb8\x16\xf4[KO\xe5\xbdA\xe8\x16\x04\xbe\xc9#\x93\xcb\x1a\xc2Q&amp;\xba@\xe5#8\xd7\xe6t:mcc\x00f\x19\x18\x03\xdb\x00\x0cl\xb3D\xdc\xb3\x8c!9\xc7zj\x07\xed\x92\x15fY\x90\xcc\xaa\x9fF\x19\xc6\xa8\x02\xd5\x005fsvu\x01\x96\xcd\x06\xcb\x80\xcd6\x80\xf2\x04\xeb\x10\xe7\x98\xd3\xe9s:\xff\xeb\xf4\xf9\xc6,\x8f\xbc\xaax\x82\xba\xb2@b\x86ah\xa41\xed\xae\xca\x88\x17N\x84\x85d\x03\xba.\xc8\xb3\xae.\x02\xd9\xd55\xeb\x03\xed\xf9\x80\x0cM\xcbZ\x1f\x13\xc3\x97\xf5\xe4e\xb8\x03\xed=\xc6Qk\x19\xb0E\xb0\x10Xn\x17\xa8\xa5\xa5%\xb7\x05\xb8l6\xf80;\xeb\xf6\xed-\xed\xed-\xf9\xf6\xf6\x10\x9f\xb3\xd6N\x8b?E}C\x9aY\xfe"p\xab\xcf[\r\xc7#$\xe4\xcbl\xea\xb1rSs\xef#!(\xf7\xd2\xaco\xe9X\x11.\xcb+\x02.+\xf2\xee\xa0 \x81aP\xef\xd5u\x91\xf4\x00\xca\xed\xae\x01\xb9\x13\x8e\xc9\xc0\xb2\\\xa0\x9au\x03\xcf\xeb\xd7ss\xafA\xe0\x9ao`\xcdL\xe0X\x91\x9f,\xb7B\x18\x16\x1d\xef\x08T\xa3\xa8\xba|n\xdf\xec\x92\xa9\xc4d2\xd5(\x12\x14\n\xba"\xb5\xa9\xa9)5\xd5\xedv\x9bLss\xbf\x82^#0p\xcc\tUO\xc3H\xb3\xcb\xfa\x19#\x98\xe9\x86@\xf5\xfd\xd9\xd9\xae\xd9\xa5\x1a\xb7\xa9\xa4$;;[$\x92s\xe80\x14\t\t\xa9\nE\x8d\xc9T\x12\x81\x02\xcdE\x1c[\xf2\xf5\xac\x9aU8\xb6BN\xd1S\xf4\xcb\x18!\xd1\x19^\xe4\xb5\xa4\xbag\x97\x96L\xd9\xd9\xe5\xe5\xb2|\x19\x8b%\x12\xd1\x13\xe8B\xfaM\xf0\x8c.7\x99\xca\xc7\x9b\x9b\x9b\x0b\x9a\x9b\x7fm\x062\x18K\x965\x03`\x11A\nY]\x8b\x88\xd7M\x14\xde\xbe\x9a\x8a\x9cBP2\x86,N\xc0\x12r\xe8\xa9tX@\xf2\x1aS\xc9xUUs\x01\xe8\xe9S\x84\xd6&lt;^b\x0b\xb8tP]\x9b\xe4\xa4\x18\xa4\xe24f\xefpa^\x13D\x95\rL2F,#.N*\x10\n\x85\x99\x99|\x84%/\x81\\\xc7\x9b\xcb\x9b\xab"X\x05\x05\xcdOG\xaaX\xb9O\xbc\xbav\x1c[&amp;\xe5=\x95\xb2x\x8a`Jz\'\noq\xe8%%\xc8)F\\,H*\xd5dfj4|:\x9d#\x14\xb2X\xac|\xd98\xa4\x18\xb1\xab\x1e&amp;\x97\x1b\xab\xc8\xf3:\xda\xdb\xf1Qr\x8akQ\xc2\x8c\xef}\x9es!c\x8a\x05e\xc5`0bc\x81++\x82%\xc8\x04\xb3\x84B\x91H\xc4b\xc9\x8e\x8b\xeb\xe9\x08\x90\xfdT\xccf\'fT\xbcp\xd9UD:)\xaf\xa9\x94\xc5\xbfJz\xfbs\xaey\xa6\xa6\xa4\x0cV&gt;`\xc51 F\xa9\x00\x85(\x14r\xe4\xe0\x16&lt;\x8f\n9\x14\xdd8\x18V\x8f\xbcz\xfa\x13\x9b\xdd\xfa\xcd\xad\x17Z\x83\x8a\x90l\x91R\xf3\xc1x\xf1p\x8e\xb2\x8do\xcc\x922\x18\x80\x95/\xcbf\xc9\x18\x02\x01K.\x17r@\x190\xe9\n\xba(\xbb|\xaed\x0e\x1cC9\x8ep\xd9)\xec_.\xe7)]\x8e&gt;&amp;)\xd75\xe5\x8d\xb8\xb7\xbf\xf1m\x9bF\xad\x96\xc6\xe6\xb3\xe2\xf2Y\xd9\xc830K$\xe2\x80Q|\x10\x87~\x93#\x82\x14\xa1\x9f\xa2\xf2\xaa*\xa8/N\x01\xb1\xbf\xb9Xh\xd0\xc5O\x93\xe2\xd6\xf4h\xbf\xf6\xdd\xbc\xc78\xa3\x96J\x85%\xac|V~\x84\ne\xc8\xe1\xf03\xf9h\x80c"V~\xf6\xdc\xdcq\xd1\x17\xd4\x83[\x7f\xfb\x8e\xcdm\xa8\xc8\xd1\xc5\x93\x13\xe2\xd6JN\xe3\x876\x8fFm\xd4d\x8a\xe4p\xba@\n\x85\x05C\xa3\xc9\xe4d\xf03\xc0\xad\x8c\x0cx\x1eE\x82|\xd9\xb7\xf5\xa0\x02\x98#\xc5g\x91]\xc9R\xa5\xa1\x8c\x94\x92\xe7\xf9\x97\xb5\xef\xde\xb6Me\xa9\xa5\x99B\xa0\x02"$\xf8\xa4\x01\xaec(\xd0M\x0eG\xc0\x88Ml\x18\x1aj\x80\xb6Z\xd5\x90\xccF1r;+^\x0c\x93\xf3$\xfa\x8f\n?\xbc\x07,\xa9\xe7&amp;\xeaP\x82,\xb5\xfa\xb2Z=\x03\xe6\x19;@|\xce\x1fd\x99\xd2\xd83\xe7:\x87\x1a\xce4$\xc6\xc1\x03\xc9MI9\xcbN\x1e\xf2\xbck$\xe5\x0f\r\x9e\xfeH\xf9a\xbemj\xca\xd3\x96 \x84\x922\xaagff\x1e?\x9e\xf9\x08\xcb\xe3\x0e\x18\xfc\x8e\x88\x1e\x1b\x8d\xea\xcb/\xcf\xff\xd0y\xbe\xb5\x13\x0c\xab\x1fie\xb3\x7f\x1c\xa9\x8f}\xfb\x80\x9c.\xaf_\x7f\xf7v\xbe\xcd3\xd5V*\xd4\x18\xf9\x1b\xfb\x1b\x93\xeb\xeb\x93\xcf&amp;\xf7?}\xda\x07\x98?\x04\xc6}\xda\xbe\xb5\xb1\xb1\x9dq\xfe\xfb\xef\xcfwv\xb6\x16s\x87Z\xcf\xfe\x98&lt;r\xe6\xfd3+\x99X\x9e6O\xc7-e\xa3\xb6\x7f\xb8\xb7\xb7\xf7\xb9V\xab\\__\x7f\xb6\x81\x90f:\x8c\x1d\xfc\xd2\xc9\x87\x0f\xef(\xb5\xda\xc6\x07\x0f\xff~\xbd\x94\xff\xc3/)C\xc9)ln}\xe2\xfc$\x8f\x1c\xacg\xc7X\xf3\x1b\x0f\xb4\x13\x06\x87]\xa5JO\xef}\xde\xafU\x16*\x9f\\\x07\xbb\xd4j\x8dFH\xbfXqIY\xe8r\r\xf7\xf7;\x9e\x1b\\\xcak\x15\xe7\xd8C)g\xb9\xc9\r\x9e\x0eR\xb0x\xdd\xc7Xm\xef\x0b\xb5\x85\xd7\xc0\xa2\xf5\x07\x8d\xda\x9c\xfea\xadR\xa9\xbc}=\x83\xdfa4f\x9d\x89\x13\xd0o\\\xb8\x03\\\xe8\xbf6\x0e\xb3c\xa2Py-\xa3\x93\xcd\xe6r\x1b\xa6&gt;\x92\xe3V\xf7d\x04k&gt;\xef\xd2\xe4\xcb\x83\x8e\xed\xedO\xdb\xfb\x93\x0f/\xdd\xb9t\xe7Z\xde\x95Rt\xf7\x08\xb2\xce\r%J\xe9\x8a\xa6\xab\x15\x17n?\xac\xd8\xd8(\xdd\x9e98\xd8\xaf\xf0tr\x93\x93\x1b\xa6\x0e\xc8\xc1\xb2\xee#\xac\xb6\xf7y\xfc\x83\x83\x97\xfc\xd2\x84\xd2\xd2\x8b\xb7.\xdc\xbe\x94w\xe5\xea\x8d\x8bt\xb9"5A\xcehHi\xed&lt;#\xcb\x96\xb7\xd4\xd5]\xb9\x9f\x9a \xfa\xf6\xfc?\xfe\xf5\x1f\xe3|"\x97\x9b\x9c\xe8!\x07+\x8a\xf7\xe9\x1d4\x88\xf9\xb7\xa5\xea\x973Fzj\xd3\x8d\xeb\x15y\xb7\xab++\xab\xebZ\xe0=\x1e\xa4(\xaf/\xfe\xee\xe7!Y\x8ds\xc0R}\xb7\xee~n\x8dl\xe8\xf7\xdf~\xfb]-\x1d*\xe6&amp;z\xfeM\x12\xd6G\x84\xf5~&gt;Km\x94zZ\xee&gt;\xf1B\x01\x19\x06\xbd\x81{\xb5w[r\x13\xe4\x02\x81H6\xf2?Z\xcd\xf6\'\xad4\r\xe3\xf3a\xe3\xb7\x86\x97\xe0\xe1\xacP\xc2\x11B\xe4\x00\x1b^\n\x82\xd0\xf0R\x84\x10\x0bF\xe8\x00\x06Z8@\x11eY;\xa8\xa3\xd9b\x01\x1b0\xbb\xd4\x1a\xe8\x8aI%\xa1+\xc1i\tu\xa06j\xd6I\xa7!\x93f\xcd\xc8$f\xdd\xa4\xb3I\xd3\xea\xaci\xeaNb\xb5\x9dO\xfd\xb2\xcf\xe9\xdf\x80\'\xe7;\xbf\\\xf7\xf5\xdc\xcfu\xdf\x07j}7\x96\xbe?{u\xee\xf1\xdc\xf2\xd5aC\x80S)6\x9b\xbb\xb1\x08\xb0\xfc\xe4\x19a}\xf1\x19k3#\x16W\x99W\x9f\xff2\xd5\xf5\x87\x0b]\xbf]\xfe\xea\xfa\xdd\xc7C\xc3\x06\x16\x87\xa3\xe9$.\x08\x8b\xcd\x89\xe9\xd9\xb9\xbb_\x7fy\xf9/S_][\rQx\xbb\xf5&amp;\x8fK\xe7bg\x85\xd5\xf6\x0f\x80\xb5\xb9Y\xcdd\xa2s\xbf\xfc\xf6\xd7\x7f&gt;\xeb\xfa\xcf\xb9\xae\xef\xbf\xb9~mq\xce\xaf@\'r4"?_o\x14\xe3\x86\xab/\xbe\xfe\xdb\x85\xdf=\xeb\xeaz\xf6\xe1\xda\\\x88[A$\x00\x8b?yr6\x93O\xdb\x11\x8e5Ye\t\x86\x9e_\x7f~\xf1_\x17\xba\xba\xba\xa6~\xfe\xb9\xf7\xda\xa2N)\x8f\x00\xaf\xc3\x85R\xbdq\xa9\x16\x1ez\xde\xfb\xd3\xf7S\xbf?w\xf9\xdf\xdf\xfe\xf4\xfc\xc50\x88\\\xdc\x05\xa0\xd6\xf1\x99@\xb5}\xf1\xed\x7f\xdf\xbd\xdd\xcc\x08\x0c\xc3C\xcb\xa65]\xff\xad\xeb\xdf\\\xfe\xb2\xb7\xf7\xd6\xe2\xad\xe5\x94\x82\x98\x8b\x80\xc4Z\xea)J4\xa6\xbbw=\xff\xfbpy\xea\xdc\xd4\xc3\xf7J\xe5\xf2\\\x80\xc7\xb3\x8d,\xf0\'\xf7\xcf\xa4\x99\xden;\x06X\x19\xb2C\x90\xcd\xda\xa3\xa3Z\xa5\xces\xf1\xca\xe2\xe2\xe2j\xff\xf2rj\xba\x8fC\x80)\xfa2\xd2Cg\xea\xee\xfe\xd0\xdf\xbfz\xa5\xf7\xda\x8b\xb9\x90\x18\x15k\x059\x1eoa\x81S=\x83\x9b\xfa\xfcI\xf7\xce\xd1\xe0\xca\xbb\xb7\xd5\xbe\xa0@ `\n\xa2Q\xbbrmi\x06 \xcd,)\xcd\xd9\xb4\x8c\xc3\xefd\xeb-R\x84\xce6+M\xc9\x99\x19\x8fn9$ W*(\x19\xe6\x82\xbce\x89\x0c\x9c\x81\xe3\x07\xc5\x82;\xc9\xf7K\xef&amp;\xc9}\xfa \xbem0\xd8\xf1_O&amp;\x95nwB+\x08\xea\xe1\x08\x81\xc2\xee\x1b\x91\xa8\xa8X\xa7Vi\xd2\xe9\xfc\xfe\xd0S=\'&gt;\x91\xe3p"\\*o\x04\xdb\xc2\xbf\x14\xb7\xd8X\xfb\xa1`:\xe4\xf7\xbf\xcb\xc0\xb0L\xd6G!\t\xc6\xb3v\xbb\xdd\xed\xf3\xf9\xb4L\x12\x89-#\xc3\x18\x91"\x07j\xf5H\xb9|\x16\x89\xa9\r\xdbC7\xa6\xd3\x0e,\x17\xe1c\x9cH\xbb\x84^\xf8\xf5\xfc\xe0\xf1~\x8b\x15;V\xa4\xfb\x1c\xe9W\xaf\xaa\x04|\x90\x86\xf5A\xa6!\x1a\xd5j\xb5\xceQ0\xe1\x83\x04-+\xc0d}\xd0\x81Q\x11a\xfb\x04A\x86\xefJ\xe4\n\x05\xbe\xc0\x01\x93\xee:F\xa7R\xc9\xef\xdf+\x1fENZ\xcbu\xe2r\xc9\xf8\x84\xc9\xb7U\x1a\x8d@\xe3\xd0\x88\x9f\xf7!`\x9c\xe8\x00S+\x89\x14\x94\xebe\x05\x99C\xe1\x18\xcbK\xa5\xf9\x18\x81\xacw\x04\xd3\x02\x83a\x1a_\xc3\x056\xc6,%\xa9\x94\x16z\xf0\xa6\xc4\x93\xec\xb7\xb2\x8em\x87.\x97\x0b\x8ed\xdeV!4\x07A(\xa4\xe9\xb4\xaa\x19\xf8\xcc\xda\xc1f\xeb\xfb\x80"\x85\x82\xcb\x91v\x14JT*=\xc7!;\x1c\x81@0\x98\x0e\x06\x1c\xf8\x18[\xb6Q\x85H\xae\x00\xdbT\x8e7-\x95\xeb6\x14\xd8X_\xc7\xb1P\xd1&lt;\n\xa1\xf3F\x8dUmU\xe3\x91^\xa3!\x12\x8822\x9f\x8f\xab\xc5\x1f\xc9S\xf3\xb6\xf6\x1c\xec\x02\\\xf8\x0b\xa8\xca\xa5\xbcT\x88 t*\x8f\xaa\x8a&lt;\xdam%\xd6&gt;9\xb0\xb1\xb1\x87\x91p,\x11\nAF\xa3Fl\xb5\x8a\xc5\x1a\x8dq\xc0J\xa1\x90\x022",s\xc9]\xd8\x82M\xda\xce\xa5\xb6G\n|28\x19z\xfd\x06\x8e\x05\xb4\xeaQ\xd1%\x12\xaaT\xb2\xb7\xdb\xca@\x7f\xa2w\x8c\x940}\xf4U\x06\x12\xe1\\\xf3\xd0\x80\xd7+\x06L\x1a+I\xa0\x00\r\x83M\x06GT\x8f-\xe4\xf3y,\xe0\x1a\x89\x90a&gt;\x81@\x84\x0b8U)\xaf\xaa\x17U6ii\xbd\x9c\xdf\xa0\xb6r\x9bt\x14\xc8\xd1\x0b\xf7\x87\xcd\xaf\xaa\x1c0\xd0\xc4 \x1a.\x18\x18\x12\xd5\x1d\xccq&amp;\x1bD@\x90\x00#|"(\xa1\x84\x07\x07]c\\\n\xc5\xc8\xa1\x110\xcc\x02\x8c\x95\x97\xaa\x8a\xc5z{~oo}lc\xe1\xa0u\x9eo\xfb\xd5\xc5\xc5\xd2\xf7oDA\x83@\xe3\xb5\t\x14\x86\xd0\'[x\x18\x8c\x8e\x1b\xc8D"\x9bD\x9e\x8f\x8bDG\x13\x12\x90 \xe8\x05\xacd\x83\xff\xcc2\x1a\x01\xd7\x08(!\xa8a\x1d`\x95\xd7KeKy\xef\xb0u\xe6:\xbfE\xc8\xb9\xd2\x02v\xe6U\x86\x88\xc6+q\xa0\x16\xf0\xd8\xdf\xd5\x8a\xf1\x1b\xd9\x0eQ\\\x04\xd1D\x95\xe6\xa1\xe8p\xa2~\xb0\x7f\xb0K\x15\xd6\xeb\xdcY\x01Kc$DF\xca6)\xa2*6\x8au\xea\xec\x83u\xc4\xe6\xfaTi\x99\xb9\xda\xce\x8b8\x98&gt;(\x87)\xef&amp;\xab\x9cx\xa5\x16Ci\x1a\xe3\x96\x959\x1e\xca\x9e\xb2\x00\xe0&lt;\xa8l\\D\x84\xb9\xf5\x83\x83\x83F\xb1qp\xb0;\x94U\xb04\x1a\x0e\xa8\xa1\xe4R\xb1\xd1h\xf4Hg\xb7\x1f\xecQ\x03-\xc4\x02E\xe4\xbb\xf6\x02r\x02\xc54\x99!\xc6\x80\xb9P`\xad\x01\x92\xe1\xce\xac\xf9\x94I\x8a\xa6\xec\x1d\x04\x14"\xb2\xf5\x0b\x92b\xa3Y\xcb\x95$u\xfa\xf6lV\xa0`\x11,\x16\x9b\x10`6\x8a=\xd2\xc0\xf6\xf6\xac\xa5\xfdS\xb3\x85\x1d\xe2P\xf6\xdd\x9bt\xb0\xaf\xcf?\x99!\xc7j"\x11\x8d\xa0\xf12\x0c!\x7f*\xccdjg\x7fx\xf18\x15\x05\x97\x8d\x03\x9b\x90T \xc3\xc7\xed7\xe5\xc0\xd0p\xf6\x94\xc9\xa2\x8cY\xda\x91\x06\xae B\xa5oo\x7f\xfcN\xd8\xd2~zB\x0e\xdc\x9f~:\xdd\xb1\xbc\x99\xa1\xa0\xa0^\x90\xb8\xb3#\n\xae\xee0&gt;Y\x90\xa2&gt;\x9f\xd3\x1e\xca\xdex\xea\xe0V\x9a\x95\xa6\xc8\xe1\x1a\x8b\x10\rw\x80\x92r\x97%/\xc4\xb1z\x10\xaad\xfb\xf5\xf6\'\xe9F+3\xea1L\xebs\x05\x86\xc7u\x9b\x19\x98\x16\x17\xa1D\xbd\\\x01\xa8\xecNR\xa7F\xdc\xc9f0F\x9dZsj8\x8di(\xe4xe\xa2\xc6\x93\xf0\xd0\x1bw\xb2QpK\x96p\xb5\x8a*\xc4\x96~\xfdz{\x96:\xd2\xca\x8cz{\xa0\x13\xcaa\x06s\xff\xdb\xc9*\x8c\xceC \xc4\xd8S~\xb3\xaf\xdb\xeaU3\xba}\x89\x84O\xbb\xb3\x930\r\x87\xc6\xc3\xe1n\xa3q\xbe&amp;\xe1\xd5\x8cf\x93\xd9\x90v\x95\xa5\x9f\xad\x85\x90_\xe3X\xf9Z+3j\xdb\x91\x1a\x8a`.\x1f\xc0\xca\x90A\x8f\'\xb3\x15f\x7f\xd2\xed|\xf9\xf2\xe5N\xc2\x9dp\xbb\xd7\xc0\x93\xf0\x85\xedf\xb3Y\xcb\x18U\x1bE\xb1\t\x91S\xa7S\x1a\x1c\x16i\xa3Q\xbc\x84 \xf2\x8f\x8ff?n\xd8\x9a-M6\xb7\xb7\xa0X\x04s\xf6;3U\xd0Qi}\xf2pR\xb7\xf4\xd0\xbd\xe6\xc6\x9fD\xc2m^[3)\xcd\t\xb3Ri\xee\xb62F\xbb\xbd\x10\x8az\x93\xab\xcb\xa1\xf4\x98\xa4X\xecQ!\x88\xe2\xc1\xba\xad,\xa1\xb76\xd8\xb4\x1d\x8bb\x91\xd8h\xff\x8e\xba\xdaI\x84\x882RX7\xb3\xb2\xb2\xb4\x06\xa4\xd2:;H\xdap\xc2m\xf2\x9bL&amp;\xa5\xd2N\xa2t\xaa\xd5\x0c\xef\xc0\x80umq\xd1o(H\x8a*\xa1P\xa8\x92\xef\x95\xa5TK\xb3\xc5\xab\xb7\xf3G\xa0.\xddW\x96\x18b1L#\x90\xe5v\x9d\xe7\xc7\x1fW\xd6\x12N\xab\xb7\x93M\x8a\x86\xb5\xa3&gt;\xb3\xc9\x9f2GY\xc4\x9chb\xdek\xf5ny\x13\xfd\xb7\xfa\xc3.i\x11\x91 \xaa:\t\x84.\x0bu\xbf\xd5i~\xf0P\x14\xd3\xf6zv\xd4^1\x01\x82\xd9\x00\xcb3\xe3qw\x0fl=Q3O\xed\xf6p\x18\xb4\xb0\xb0\xfdT\xae\x01\x97fe\xb7\x12\x17\xcd?\xb9\xf9\xf0\xca\xa2\xbd\xc0\x03\xc6B\x9a\xbbN\x89\xea\x12r\xdc\xf2\xe9\xa7m\xf0Hm\xbau\xef\xe1\x0e\x03\xf8F\xcc\xb2/\xdf\xbb\xa7\xf3\xa9\xb7\x9e\x0ct;\xc3a70U2\x99R\xa6\xb2\xa7$\x168\x88\xbb 2\xd4\xe6oz\xee\xdd\n\xe1j\xa9\x9a\xbb\x87Ji\x8f\xea\xf8,\xb6\x10\x7f&lt;~\xdf{q\xc5\xedd\x18Q\x8d\xda\xbc:\xe319\xbdV\xa7\xcf\xbdfV\xa6\xc0h\x96\xd4\xe9\x92)\xb3\xfd\xb4\xc3kDE\xb5J\xbd^s\xaf\xde[T\xca\x84M\xa4^\x89\xc7\x95H\xcf\xc9\xd9\xfc!\xafm\xf0\xc3\x9f&lt;+;\x0c1\x04\x89\x13\x17=:]\xca\xec_\xd6\x81\x01v\xc63\x83c\xcd\xcc$\x95\t\x1f\xe3&amp;\x83\x81\x7f0\x83\x19\xfd\xfd\x17W\x95\x98\xaa\xd9l\x8a\xb6\xb6L\xff\xe7\xdd\xfc\x7f\x9aH\xf38\xee&amp;\xbd\x9aM\x16\xa6\xdf\xbf\xd0\xc2\xd2/\x94+-\x97J\x8b\x05\xca\x9ct\xd8Q\x1b Se\xca\x16\x16;w\xc5\xfa\r\x98ZN\x0b\x1bL\x81\x12\xbdvv\xc5\xc4\x169\xd2\xf4\x0c5\xdb6\xb8[P\x8e\x1f\xc0;\xe5\xee8\xb2\'*\xe0\xa5\x1e\x1a\x97\xac1r\x1b\xf1V\xd7[\\\xddd\xbd{\xe6\xfe\x84[\xe7\xa6\xcd\xf4\xd7W\xde\xef\xcf\xf3\xf9&lt;O\xfa~\x0c\x7fb*\xbf\xd8\xfc\x12\x8f\x10I\xf3\xde=\xa2]N,\x82$\xe6\x87\xe6\xe6\xa8\xc8\xebl6;;=\xb1\x04^\xb3\xd9\xa5\x99\xa7\x17\x9f|\xf3dcdnh&gt;\x11$\xb0cG.\xdd\x1c\x07\x956F|\xc3X\x96x\xf0%\x05\x13\xa0\xce\xf7\x8av\x99\x11\x18\x19\xc8\x0c\xcd\xf9\xfe\xf5\xf5\xcc\xd2\xc4\xc5\xa5\xa5\x8b\x17\'&amp;\xc0\xbb\xb9y\xb0\xa3\xb9\xa3y\xd6\xf3\xf0\xce&lt;2\x10C\xb8\xc2\xf3+`\x88^\xdex\xc6X&amp;\x89\x9d\xffy\x94\x84\x89\xc5~sM\x99\xd7\x82a\x88m`~\x01\xbb\xf5zzv\x02&lt;3\xe0Cc5w&lt;\x18\x9cy=2\xf2Y\x02A\xa6l\x02\xe3\xf9\xc9+`\xcb\x98f2\xf1\xf6u\n%#\x8b1\xf7\x0e\xb3\xd9\x8dd\x90\xf6vK\xdb\xc0\xc9\xf5W\xab\xcf\xa6\x97\x96\xb2\x13Y@6\x93\xcd&gt;\xd9\xb3\xa7\xe2\xf9\xa1&amp;\xab\r`\xb9e+7\xfb.o\xeb\xebM&gt;`\x8ej\xcb\xcc5\n%\xb1H\xab\xd7k6\x13#\x88\x95\xcb}\xde\xd0\xf4\xea\xd5\xab\xf5\xf5\xb5\x17/f\x9f\xcd\xce\xbe~\xfdb\x8d+\x10\xa8*T\x9a\x9aJ\x0b\xd2\xea=\xb1\xb2\xd2w\xe5\xf2\x8b\xf4\x06\x93\xf1\xd3\xe6{Q\x94\xc41\x8b\xd3i^\x8d!\x16\xaf\xfa=A^\xe1\xf3\xb5\xb5\xb5\xbc5\x80v\xf2\xe4\xfa\xfa\xab5\x81h[\xc9.\xce\t\xb9\x8c\xdb\x80\xc4\xf2\xfa\x00\xd5\x95\xd5\x8d\xe43\x06se\xec\x8e\xcfS\x14\x85\xa3\x03n\xab\xb75\x88\xd8\xba\xf2\xb6K\xcaj\n\xbc\x00+o\r\x80\x01?\xd7j\xe83P\xdf\xa4N\xae\xa93[l{\'\xc7\xb7\x8d\xf5n\xa4\x17\xb3\x0c\x8a\xb5\x85=;\x9a\xa2\xd08\xec\xf6ZcA\x9b\xdb\xcaUq\xc0\xc1z\x97\xaa\x10\x08\xb6\xb6Nk\xa5V\x8a\xfaVn\xde\x1c/\x17\x9e\x85\xbc\xad\xce3\xe3+\xdbzW7"0\xb3\x89\xfe\xe6\x97EQ*\x00[\xfa\xa7b\x11b\xa0\xa1\x90\xab\x02g\xeb\x1aeE\xe1s\xdaC`b\xa5\xe4\xf8\xf8\xcdK\x97\xaa\x8d\xc2\x12\x81\xb3\xbf\xf5\xcc\xca\xe4\x9e\xd5t2\x19y\xc0(V\xc7-~(\x15@a8\xb8\x18\xc0\x90\x06\xab\x97\xe6R\xaa\xb8N7=\x13\xc1\xc4\xce\xdbEO\xeaK\n\xa3PV\xe9\x9dj\xfd\xc5\x993\xbd\xab\x04\x81\xdfb6\x08\x9e?]T\x1c\x8a\x07p\x8c\xa4P88\xe5\xe6\xaaU*\x95\xbb\xc9b\x0b\xc2\x18\x89\x81ic\xe9\xf7\xd6l\x9b4\x18\x85g9\xe6\xfeV"\xf6\xa2\xb7`5\x16\xa1f\x19\xa5\xda\xc2\x9e\xb8*m\x89\xa2h4\x14\xc2\t\x8ch\xb5VrU\xaavKb\xc4\xe5\xf7x\xe2q\xbf?\x9eA\x9c"\x9dNwBVS\xd0\x9fNG\xd2\xab7\xd2\x11\xf2\xdeS\xc6\xe3\xc3\xa6\xa2T4j\x92\xa6p\x9c\x84\x83\x16K;W\xd5\xde4\x10py\x1c&gt;W&lt;\xeeq\x8d \x85\xcaI\xddq\rG\xe9\x9dJ\xc6\x82`\xb4\xa7\xf1h\x92\xe9[\x06\x1d\x1b\xfebS\xc8$\x95\x8e\xa6\xa2T\x1c\xc7\x12mM\x85\xde\x1b\xf0H\xc0\xe3\xf1\xbbP\xdc\x15H\xb4\xab\x94\xc7O\xf0\xea\xf4*w0H\x06\xc1\x0c\x85S\xf8\x18\xd3\x19\xf0\x8e^\xcc\xc17\x99\xa4\xc5&amp;i\x88\x02n\xa2\t[\xbb;M\xc2\x194\x0e\xb0\xb0\xc0B\x8c+*+\xa9\xe1\xaaw\x14\xf4\x13$\x89\xa28J]\xbd\xd1\xc78\xd6\xd8\x17\x99\x96\xa2\xe2b)_\xda\xe2\x08\xc5]\xf1\x0c\x06\xce@D,\xbd\x88\x07F2\x99L\xc2\x92WR\xb2\xc3j\xb5\xba\x9dI\x18&amp;)*\xe5\xf7\x07\xcb\x1e1\x8c\xc5\xee\x18\xfb\x87\x85\xb2\x03\xb9\xf8?)\x92\x86\x1c\xae\x00\tc0LD\x92I&lt;\x0e\xc3H\xc2\xd6T\xb0\xb7\xa0\xdd\xd2\xda?\x90\x0c\xe2\xd1Tt4\x15\x8aW\x0e?\xda\xc2\xb8\x89\xa7\xba\xa7\xa2\xfc\xe2\xb7rY|\xbe\xc3O\x0fn\x12##`\xbb\x83\xa2I\x02\x0e\xc6\xc0\xb1\xd16e\x89M\x81\xf5\x17\x1d\x1dm\x19\xb5\x93\xd6\xe1s\xe3\x0cS\xb1\x07{\x0f|\xe4\x8c\x85\xf89\xbbs\xe9\xa0 \x8e\xe30\x19 #\x91\xc8"N\xa6\x93A\x18\x99\n"\x19\x8c b\xc1\x08\x192\x99ZLT\x9e\xb0\xfc\x1c\xe3j\r\x9a\x0f\xa8?\xf5b\xbe\xdd\xb9|\x96\x14,F\x8a\x8a`\x01z\x13F\x06\xe0t:\r:B,F\x92\xb1d\x9a\x88PEE&amp;;\xea\x14\x1b\x8c\xcc\xab\xd5l\xae\x10\xf0v\xf4g\xc2\xb9o\xe5H[RT\x8a\xc2\xf1(\x9d\x11\xc1\x03x2I,\xc2\xf0H\x06\x8e\x04\x17\t\x82L\x99\xec\xf5q\xab\xd0Xm`^\xad\x07\xdd\x15u&lt;^\xc1T \xcc\xca\xc9\x05\\\xd1h\x14\rQ$\x0eZ\x01\x8a\x110\x86\xe2\xf1\x008\x86\x04\x83x\xe8\xaa\xfd\x1a\xdau\xc2X]\x05\xb0\x98\xbeS\xf3\xb4[\xcd\x83 \x9ey \x1e\xce\xd9\xcd79\xa2\xa9T4\x94\x02\r\xcc\x15\xc73$NQ(\xb0\x14\x86\xe9\xc2\xb2S\xa4\xf7\xac\xd1PUm\x103\xdd \xb6Lt\x0b8\x10\x04)\x9dA\xb4\x9e\xc5\x92\x16\xd7\x87\x1c!\xf0\xa5\x83+h \x10M\xf9)\x14\x8d\xa38\x9e*\xb6\xfb\x10\xb5V\xa8\xa8\xae\xaa2\x88\xc7\x99\xc6z\xdc]\xc7\xd1s8uyV\x1b^\xbf;\x17t\xd5z\xc7\x7fo\x8e\xf9&lt;q0\x17C!\x0f\x15\xf7\xc7\xa9P\xd15\x97M\xa2\x15\x1a\x15\x97j\xff\x0fX\xf9\x8f\x81Z\x1c\t\x87\'\xc8k\x1f@\x1dR\xe9n\x16}\xe3N\x1a\xee\t\xfb&lt;&gt;\x9a\xcf\x11r\x98\xea\xc3\xf6T\xd2\xdcy\\(6\x02\xb5\xaa\x8d\xe7\x9861\xff\tP\x0b\x82$&lt;\x9e\x8a\xeb\x1e\xc8\xb8\xea{X?\xcd\xc9a\x016VO8\x1c\x96\x86s\x8bM|~\xd8\x8fMAg\xe5B\xa1\xceX]]\xad`\x1c\x8b=8\xd6]\xa7\xd7C\x1c\x1eG\xa9\xf2\xb6\xda\x10\xb0\xcf\xea\x01T\x80,\x87\x05\x1cm\x91\xb2z\xec-\xd1L\x83R\xd2)o\x94\x03,\x05\xc02\x88;\x1f0\xb7\x14\xd9\xec\xc1\xc7k\xc7&gt;\x92p\xf4\x12\xe0\xa3R\xa0r\xba\x9bl\x89\xf9!\x8f/\xdc\x93\x1b\x066J\xc3&amp;\x87\'\x8e\xd9\xba\xd4\xbf\x1c\xd6\xeatB\x80e\xa0M4\x88\x7f_\x93\xcf\x1c\xd4\xa3/\xef\xff\xf5\x0b\xb5^&amp;\x83 =\x87\xa7T\xee\xc8\xab\xdcy\xb2\xed\xe0g#.\x8f\xc7\xe7\xf3E]\x81L\xdb\xb1..O\x02\x1d\x91\xeb\x8c:\xb9V\xac+\xa7]4\x88w~\xc7L\x92\x85\xcd\xeex\xfc\xe5\xf2\xf2\xf7s\xad*\x8eF\xa6\x11A@\xaf\xb22\xa5\xaa\xb2\xf4\x10\xe0Z\x18\x9a\xf3&lt;\xbc37\x7f\xf0\xf0\xce\xfd\xdb%\xdb5\x8dB\xa1Q\'\xd4\xca\xc5b\xa3Q\xa1\x00]\xbe\xf0\x0f\x7fg\xc0Fv~s\xf6\xc6\xf2\xf2\xfd\xaf63n\x01G\x03\x1e\x08\xd4\x97\xbeL\xa9T\xbf_z\xf4\xe3}\xa7\xe7\x01\xd8\x9d\xb9\xd3\x87\x8f\x9e\xa2\xef\x16\x80\x05\xa8+\x17\xca\xe5\xc2F\x9d\xc1\x00LT\x88%\xdf\xff\xf0\xef\x8e7\x9b\x82`\xb3\xf3\x97\xfev\xf5\xdb\xeb\x7f|\xb8\xb9\xe9IX\xeb\xf4\x1a\x91F\xa6\xe7\xc8 \x19$\x11\x08\x04\xea\xd2\x9dG\x7f\r\xc0\x86\xe6\x16\xf6\x1d-}\xff\x83_\x1di\xd4\x19\x8d\x80J\xab\x95\xcb\xc5\xe5\nEU\x95B|d\xe8\xfa\xed\xde\xd9\xa5\xfc7E\xc6\x06%5}\xaf\xc5\xf4\xed\xf5\xe5\x87?\xdb\xf4\xbb\x90\xfeOe"\xa0\x95D\xa2\x17\x81\x12\x03\xe5\xcf\xab8Pz\xec\x90\r\x80\x9d&gt;\\J_\xc4\x00=\xd4h\x14\x0b\xb5\xc3\xdaF \x9bAQ[[-\xfe$\xb1|\xfb\xbb\xd1\xa2\xab\xd3o\xe2\xa8\xc1\x06\x1b\x86\xd9[\xa3\xef\xbc[\x1cZ\xfe\xcb\xfd\xcdM\xff\xd0\x10\xe2V\xeb;\x01\x17G\xa2\x97i \xf0\x0bq\xea\xd4\xdc\xca\xae\x06\xdb\xbe\x83\xfb\x8e\x1e\xd8\xff\xbb\x0f\x8e\x0c\x8b\xcb\xcbu\xc2F\xadV+\xa4\xff\xd1\xaf\xaa\xad\xad*\xff\xe4\xd0\xf2\xed\xeb\xa9Q;\xffZ\xf6\xc7*\xc6\x06Lw\xed[\x7f\x0e\xa8\xde\x99[\xfe\xf0\x9f\x9b\xbe\x85\xa1\xa1\xb6J\x80\xd5\xa9\x81@eA2\xb0&amp;\xc1 \x92\x08\xd4\x15\xdc\xaeC\xb6\xb6\x8fK\xdf\xe3m\x07\x1e\x8a\x8d\xe5@,\xed\x05`\xa1\x81\xa6\xa2\xb1N-\xff\xe6\x07\xb0Y\xb5\xe7J\xeff\x7f\xc4UX\xb0\xf2fn\x8d\xbe\xbduk\xce\xdb\xef\x02\xac\xaf\xfe\xfc\xe1o\x1f\xce\xcd/,\xd8\x0e\xbc\'\xd1\x94\x88d\x1a\x19\x9dj\x81D\x80\x0f\x0c"uE\xe5\xce\x86\x86c\x15&lt;\xa8s\xf8\xc29\xb1\x18`\xc9\xb5\xf2\xc6r\xd0Lk\xcf\x03\x13\xcb/\xec\x07Xq\x80eb\xb1\xec\xd7\xeef\xff\xb7\xf2g\xff\x87\x92\xb3\x8bi*O\xc3\xb8\xe7\xcb\xf3\xd5s\n\xb4\x96\x96v\xa5"\xa7-\x15\x0c\x83\x95\x0f!\x01vI\t0$ \xb1`\xdd&amp;j\'\x800\x86\x91-\xc9\x90\xc5\x8c\x93I\x9dl"\xcbG"\x19o\x9aM\xe0j\x8dY\xdd\xcc\\\xb8\x1bD\xa2\x0c\xc2\x85kb\xc2\xee\x08\t\x17\xdep\xa37c\xe2\xc4u\x93}\xde\xff\x01w\x92\xdd\x9d\x8c\x7fm\xc4(=\xbf&gt;\xef\xf3\x7f\xde\xf7\xd0s\xfa\x8b\x9b/\x9f\x85eMQ9\xc3Q\xec\xe0];\xab\x0fr\xcf\x7f\x7f\xeb\xd6\xc3l\x7fuy\xf9\xc5(\xe4\xa2\x0b\n\xc0\x85\xa8(\xe8(-\xca\x1fMd\x82\xa5^g\xd9\x010\x15\x16R\r\x030\x16\xc6\x07p\x9d8\xdes\xf5\xc1W\xff\xfa\xb6\xebFW\x92\x17\xad\xa4Z\xfc\xec\x9b\xd3\xef\x0b\xf6N(YQeC\x08\x17\xf3\xbc\xb4\xf3b\x15X\x93\x93\xb7\xb2P\xc4\xef\x0f]\xf4\xa3\x03\xc1ZN\xecJgS\x89\x9b\xde^A\x8e\x86f\xcb\xd0o*\x8f\x13V`\xae\x90"\x9e\x15\xf1X\xcf\xb5\x07\x0b\x0b\xdfv\x81+,\nIK\xd3\x1c\xf7^\xbe\x17\x18\x1c\xf5\xcd\xf7\x96"\xd3Ry\xc9\xd0\x1d\x0e\x9fdn\xe4^,o&lt;L\rLv\xd6z\x9d\xa1\x10\xc0\xfcx\xd0^\xc4\x9f\xfe\xa6F\xa8\x15\xaf\xa8uN\x941?\x11V\xa0\xe7\x00\xc2\x81Y\xebW\r\x95\x81W\xeb\x0b\x0bk]X1\x8e\x8b%%]R\xde\x07l\xff\xfe\x9bO\xef9d\x8d~i\xb2\xea\xd0\r\xc9\xc7\xbb$nc\x19X\xb7\xd2\xa9\x81DiA9\xac\xee\xf4_\x9c\x8dz&lt;\xd0\xac&lt;\xcf\x19\xf2#\xeeG\xea\xf2\x0f\xfb\'\x02l\xf3!\xe1\xb1\x8eW640*\x0c\\\x17\xd7\x18\x16\x8ahq"\x9f\x0cK\x8a\xa2\x02\xec\xe7\x95\x12\x96z\xba\xa4\xca\xb6T\x9a\xa0\x91Z\x92\xaaJ\x02\xf7\x1cXo\x06\xd2\xe9T\xe7a\xea\xd4\xd4\x16Q\xbe\x10\x952\xcf\xe9\xa7[}\xf2\xf3\x8bJ\xbc\xa1Y\xe4:\x06\x99BFu\xa8\x01\x8e\'\xaa\x13\x95\x1d\xc0j\xdf&amp;\xac0\'J\x96\xa5\xea\xc0\x92\x15\xc7\xcf\xf0\x18\xa0\x1e-\xa9\xf2\xde\xd28N\xe1y\xc3t):\x07\xac\xdc\xf2\x9b\xd4\x85\x0bi\x86\x95\x87i\x1e\x19_\x8e\x86Mm;\x8f\xbcU\x07\xb5:\x9c\x14U\xc0:27\x07\xbfW\xbe\xf3\xd6\xa1\xe1\xb5\x95\x85\xe9\xfb\xc9.\x1b+\x99\xd4eI%\xc1H\xb1/~\n\x0c\xe5{t\x03:\x91T\xb6\\\x9c\x08\xb5"\xa6$i\x9c\xf8\xe9fny\'=8\x98\xadw\x13\x16vc\x9e?D7E\xa1\x9e, \x82\xa3\xc1\xfc\xa2\x8e\x10M\xc9\x87`yX\x8b\x85\x16\xa3\x82\xe5\xd3\xaf\xa6\xdb\xd7\xef[\xc0\x8a1\xb5\x04M\xd3u\x95\x04\x83b?\xf1\x91\x11\xfbO?]Rl\x1e\xbc\n\x99\xf1\xa9\xa8_DS%s\x17\xab&gt;\xd3\x99\xcd\x96\x16\x14 A\xf3\xbc^\xcc\xa8\xec\xee6\x96\xa7\xf9A\xb2|\x07]\'U\x89\xa9/0??w\x84\xb5C[\xad\xb1[o\xdb\x17\x9e\x9cJ\xeeb\x15[\x80\xd2u\x1c\x89\x1d\xae\xf8\x87\xbb\xff\'`\xbf\xf8\xcb3\x95\xea\x07\x9b\xef9\x8b\xa8\xe0-Q\xd7\x81%.\xe6\x96\xb7\xebG3\xd9\xb6 x\xbc^\x0c\xcd\xd5\xb5\xd5\xd5\xd5y\xde\x82\x8e\x0e\xa8\x95_\x11\xcfT\xd4V\x9f\x1b\x9a?^Y\t\xad\xe6\x03\x14\xaaTD\xa6V\xe3\xc3\xad\xf6\xf6\xad\x18\xa9\x15\x16I-N\x104]\xdb\xb3\x8b\xd2\xf5\xe8\xe6\xff\x00\xfb\xf8\xee\x0f\x0eE\xd9\r\x05\x85A\t\x9a\xac\x08\x9a$\x89\x06^\x16\xc3\xca-fG\x87\xeb\xdb2\xf0U^A9\xb0\xdc\xd5-\xee\x82\x82\x0ew)\xdd\xcc\t\xacx?\xb0\xe6\xd0\x0f\x8f\xf7\xcc\xcf\xa3\x88\x07(\xb7\x1a\x98\xb5\xb2\x0f\x9f,\xb4o\x86-,\x9f(\xba\xba\x8a\x05h%\xebD\x04\x83i\xaa\xa2\xc2b\xff\x05\xf5\x9d\xb5\xeb(\xaa51\x11\x95,\x18\x82\xae\n\x06g\x92Zo\x80\x95\x1a\x1d\xee\xcc\x0e\xd6:\xa9\xefT\x9fii\x01\x11\xd0z[0B\xc4\xe3\xf1\x99\xcb\xfdg\xce\r!\xb7\x8e\x14\x06\xae\x97\xd1\xe9\xc5\x9eZ\'\xa2\x93\xaf\xd6\xdb\xa7\xb7c\x96\x95L\xf2\x86\xc0/Y\xbc\x83\x9a\x87\x1d\xd9*\x15R.\xfe\xeeo?\x16\xec\xe3?=N\xee\x15\x99yK \x81\xb18C\x945I\x8f\x88&amp;U\x11\xc1\xb5\xf9jx8\xd1Y\x1fw\xd2\x00ac\xb9\xdd\x1dt\xa70\xdd\xbc&lt;\xf3\xc9\xe5\xaf{\x7fs=p\x04\xe10\x0f,\xbaG\x8b\x9a\x0f\xc5Cf\xf2-\x1c\xbf\x11\xb3\x92\x96e\x02\xebFX\'.\x80)v/ak\xe9\xe5\x8f\x04{\xdc\xa5\xc8{X\xb6T6\x16\xce\xb3\x80\xa6\xaa8\xa1q\xe9\xb6\xe7\xd7\xae4\xd3\xf5\x17n\xc4(,\xd5\xd2\xe2&amp;\xb9z\xfb{k\xa9\x8433\xf1\xab-\xe5\xb3e=s\x85=\x18\xb50\xd5\x1c\xd8\xdd\x8b\r\xa1\xd4\xc0k\xb2V8\x1c\x8bYh\xb2]7x\xc4\xbc\x83\x81A+\xf8\xd9\xdec\x8e\xc7\xffq\x98b\x9b\x8a2\x84\x12\x8e\\\x85\x02jF$bp\x06\x87\xef7\x10\x11\x9ch\x92\xb9\xda\x9aG\x13\x89\xce\xa0?\xea\xc1\xf4\xd7\xd1\x01\xb5\x08+\x1f\xce\x9a\xc9df\xe2\xfdg\x80\x05[\x05\xca\xae\x0f\r\x95Q\xf7\xa1\x91\xf9\xce\xed\xec@\xeaI\xfb\xf4f\x18X\x16z\x8f\xcbJ\xba\xf0\xbc$\x18\x81\xd9\xfe\xc1\xd1\x81w\xef]V\xd8X\x8aboDM\xb0\xb7\x87\x00*\xd18\nc\xa1\x8a\xba\x0bU\xdc\xc9\xbd\xd8\x9clnF\x1d\x13%\x1e\x1akH0p\xf5\xf6\xd7\x05\xe3\x99k\x83\x8333_\xb7\x94\x87f\x87\x86\xae_\x07\x16\x1bM\xc9\\w\x8edR\xa9?\xac,\xacl\xfb\xc2a_,\xcc\x99\x12N&amp;\xf1\xbc\x9a\xae\x02\xccB%yE\xd3w\xb3\xc9z\xbc{y\xb1\xbc\xc7%\xdb^\xa7\x02\x92\xdd#\xa2\x189\xca\x19\x98!\x0c\xce\xe52a.T\xf1W\x89\xcd\xe0\x00\x00\x07\x9fIDAT|\x1f\xca\x98\x08\xb6b\xe0\xa2S\xb2\x02\xaf\xd7M\x15\x8c\'\x06\xaf\xd1uR8\xeb9\x87\x15\x1a\x82Z\xf0&lt;\x1bl\xc6f\x06R\xe9\xd7\x0b\x0b\xeb\xf7!\x96\xcfgr.\xb5\xd8\x14EN\xd0MS\xe2!\x17\x96\x03\xfbR\xb7\x13\x93\x7fv\x97}\xa2\x85\x1d\xa0\xb2JJ\t\xf6o(&amp;\xd0\x89r\xe4\xa8!\xe2\xef\x86HX0Wn\xb1\xbe\x0fz%\x86\x1b\xa3!\xea9\xf4#\x92\xaa\xda:\xfa\x10\x81\xc1\xc1\x0b\x83\x9f\\\xee\xefm9S\xed\xf5\x86\xe0,\xaa!\xda\xe3\x9d\xb1\xce\x81\x81_\xa6\x11\x0f[\xa7\xc2&gt;\x1f\x9e\x87\x93\x8a}\xba\x84~\xa6\x0b\xba (*\x03s %H\r2\xd2\x8d\x97\xf4V\xbb]@U\x92\xa87\xb3\x7f\xd2\x10*\x02qE\x8eF\xc4\x08\xa7b/\xba$;\xb9\xd2#\xe0:?\x1cl\xc5x\xea\xac\xc2(\xe8\xcf+\xad\xa3\xcf\x10\xe8$\xb9\xe2\xfd\xbd\x1f\xf5\x7f\xe4\xaev\xe2\x94\x87%\xc4\xb1Cc\x89\x81\x81\xf4\xe7_\xa2O\xbf\xb5H+P\xf1\x16\xcfi\xc0\xc2\xce\xc2a0i\x92\xc3\x00\xc6\xc6\x16\x98\x8c/~tz\xff\xbe\xdd\xb0\xa2 \xd5%\x95\xc7RaG\xfa&amp;x\xeb(\x17\x11\x15\xc3\xa0\x9f\xc9p;\xb9\xdc\xe6\xab&gt;\xc65\xda\xd8\xea\xf1x\xca\x19\x96\x9b\xfaN\x06r\xcdd*\xfa\xfb\xafV\x04K\x0bBecc\x81\x00\xf2\xe1\x8fc\xf1T*\xdd\xd6\xf6\x1a\xf1\xb0\x83\x8d\xe8\xc3\xd6\x91|\xa8!\'px\x88\xf4\xf2u\x90\xf1\xef\xc2B\xa3\x1cs|\x7fs\x1f\xfa\xa5J\x89\xa5\xf0\xd0\x8cq\x03\x0cZ\t\xba\x04s\xc1`\x12\x1f!,\xf393\xd7?\xfa\xfa\xe8r\xf4\x93\x9e)\x0f\x9d[\xfb\x9d%\x98\xe3\x83\x15\xc1\xe1L&amp;\x1e\xc4\x17\xa3u%\xfe\xb2\xc0\x18\xd6\xedc\xb7\'\x82\xe9T:\xdd\x96]G&lt;\x9c\x8a\x85\x91\xf0\x18H\xc2&gt;\x17Y\x83\xa3c\xc8\xba\x8e\n\t2ktv\xba\xd2\xd7\x8e%\xb6\x13A\xc8\x17[\xd8\x14\xf6\x96\xe5u\xce\x80\xab$.\x12\xd1\xf5\x88 \x19\x94\xf4\xe6\xef\xc8\\\xd9\xbe\x9a\x91\xe6\xbe\xbe\x91\x83\xad\xd1\xa8\'\x1a\xf5\x87Z\xab\x10\x12\xa5\x84\x16\x0c\xd2\xa3\xaf\xa8\xa4|v\x02T\x9f\xdd\xbe\xfdAQ\xfd\xe7\xa0\xaa\x7f\xbd2\xbd\xb2\x8dp\xb0\xa0\xbd/\xc6\x9b\xba \xf1\xd0\ty-\xa9\x12|Ln\x86f4"\xc8\x1a\x0b+\xde\x0e\x08\xcd\x16\x92\xb9\x0fI"\xb0\xd4\x12\x84\x88\x81\x81\xcb\xd0\rr\x97\xe9\xdaF\x15\'\xfb\xe8=\xfd\xa2\x1a\xba\xfcg*\n4O\x13]\x03\xdeTr\xb8\xb4\xa8&amp;\xd8\x1c\xac9X\x92\x87\x1a\x82\xeb\xb31Oc\xa2\x9e\xae\xe8\x1a|\xb2\xb2\xb2u\x89"&gt;"\xbaL\x1f/q\x92\x8e\xd3\x03\x01F\xe1\xc9R88\x85\xb8\xc66\x9b\x9d\x13\xea&gt;\xaa!\xcbP]\x92v\xb7\x85$\x88\x91\x08\x02\x82\xe3T^E\xaf\x96"\xd0\xdee\xbe\xc9\xbd\xc8\xad]\x19\xa1{o\x0f\x1el\xec\x8e\xd25\xd7QOSU\x1e]\xdf\\UTT\xd37R\xd3X\xd5\xe4\x9c\xe8\x19\x9b\x98\x88z\xba\x0f6\xff\xba\x1e\xab\xf3\x9f\xe3\xe3\xe3k\x10\xab\xeb\xd2\xe2\x8e\xcf\x15\x06\x96.Q\x94:\xc8\xc8\xb2\x9d\xde\x1a\xd3Kc\x9e\'0x\x8bg\\\xb2K2u\xc5A\xb5\x04\x16\xc9ep8E\xe4\x05\xec\x9d\x8d\xe7\xc8\x08\xfd\xd2\xf2\xea\xea&amp;\xaaH\\\xbf=y\xf6\xcf\xc0\x9a\x9a\x8a\xb6:\x9d\xd1\x0f\xa6&lt;\xdd\x98\x9a\xf3k\x1a\xcfvWy\xc0\x14mm:9\xd2|\x1e\x1d\xb4\xb33\xf1d||k#\x1cK\xde__\x98~}\xc9\'I\xa6 9\xc800\x91\n\xeb\x93\xbfX\x17\xc6RY\xaa+\xca&gt;f6\xb2\x1b^\x82\xaa\xa3UY\x0e\x85\x83\xb7 \x17\x87\xbd\x8b\x1ean\xafom|\xea2\xcd\xc5\xd5\x07\xab_\x8e\xa2\x8a\x07\x1b\x1bO\x9e\xed\xfe\xeb\x14\xb0\xa6\xa2~\xcf\x14\xf8Z\x0f\xe7\x83\xf7dw\x13\xb0H\xbcFP\x9d\xbf\x02\xa8\x04\xc4z\xb0\xf8\xa1\xef\xc3\xed\xf5\xbf\x7f5=\xbe\xb9\x81c\x08&amp;\n\x03\xb5T]d&amp;\x96iV\xa5jR&gt;\xc98\xfd\x90\xf7\xf14S\xd3\x7fB&gt;\xa0\x8e\x98\xaeh\x1a5\xa8\x8a\xe4\x00\xcee\xee\x8c\xff\xbb\x873\x06i#\x8e\xc2x\xee\xcca\x12\x93\x039\x10n\x11\xa1\x84\x88\xe0"Y:\x84\x04A\x02\x87\xa0\tu\t\xa5\r\x05\xd7\x96v(w\xb8\x95+5P\xda+\xed\x10(:\x94@;\xa7\xa3\x04\x1a\x8e\xe308\x84\x1b\x12!\x01\x87,..\xa5"H\x84~\xdf\x8b\xed\x1f\x03F"\xff\x1f\xdf{\xef{\xef\x7f\xdc\xc5\xb3\xc6\x03\x84\x11\x87E\x7f\xfaie\xe5\xc5\xf2r\xb5^\xad\x96\xc1\x05\xa0%`\xad\x95\xeb||\xb9X)\x97J\xe5\xb5Ri\xa3\xb8\x08\xaag\xbc\xf1\xf37\xc4\xba\x1a4&amp;7Q\xd4jY\x81?m\xe8\x9a\xf8\x8f\x82]2\xbc\xec\x8a1%5\xaf\xcd/\xcc\x8e[\xa9y\x9c&gt;\xe6c`\x9e\xb5i\x95\xf3OjNWt\xfe\x03\xac4\x03I\x17\x94Fg\xec\xb8\x9e\x07\xbdtFq\xfc\xfe\xd5\xca\xc3\xc5\xe5\xe2F\xb1X\x17\xae\x8fKe$\x7f\xb9\xc2G\xbe\xebmD\xafT\xc2\xaf\xa8W\xf8\xdb\x19\xb8 V\xd8\xb9\x86T\xc3\xa8\xd9l\x05~\xb7\xa1\xcd&lt;^\xfaH\x1c\x19\x0c9\xd8\x12Q\x8a\x1a\x86\xd0\x84\x06\xb5\x16b\xd42I\xf3\xa2Ip4c\xe9b\xc5\x11H\xf4\x87\xc9\xa8\xe7\xb8\xae\x0b\xbdnm\xbb\x13\x86\xe1\xbbu&gt;\xae\xf2\xa0*\xf7J\xb6O@Tn#\x97*\xf5\xfa\xc1A\x85\xb7\xd0\x17\xcf\x1f\x7f}Sx\xbeu\xf4\x84\xdf]6\x98:\xe1q\xa7{7\x1c\x92\xcbs\xfc\xae\xad\xc1\x16\x15}&amp;\x15[\x10\xed\x1b?\xff\x87+j\x04\xb5\x04\x0cj\x89\x9df\xe9\x0fsl\xa5\x06\xfc*&gt;\x18\x8d}\xc7!\x96\xd5\xeb\xd8\xb7\x88\xe2\xcd:\xb4*.\x17\xab\xc8\xae\xcaI\xbb]\x01\\[\xa0\xce\xcf~&lt;\x05\xcd\xfe\xde^\xde\x14\x0361_\r\xae|?\xb0\x9a\x91`y\xae\xe3\x8fl\x0cJPJ\xaeN\xe3\xf4\xa3j\t\xc9\x1e9\xa0\xa9\x84\x80Z\t\x06\x91\xd5J\x97\xd7\xd0\xb1a\x11\x10\x8c\x1dK\xaa\xf1\xa2\xdf#\x95\xeb\x06\x9e\x17t/\xbb\xa1?~\xcb\x1b`\x7fB\x90\xc2\xe6\xe6\xe7Ba\xe7[a\xe7\xd1\xd6\xd1\x97\xef\xaf\x0f\xb7\xcd&lt;V\xb6\x967\r\x13+{\xf8\xebb\xd4\xf7Z\xcd\xe6\x8cjh\xb9\x0e\xb1\x14\xcco\n\xb9\x98\xbcitc\xa0\xe1\x95N\xaa\xb9\x1c\x05b\xcf\x89\xb1\na\xa5i\x06\x92\xe0\xac\x10\xe4\xa0"\t\xb6zy\xe5xA\xe0\x11\x0c\t\xe6_\x85\xe1\xf1\xc0\xb6\x1b\xdb6V\xc3\xa0\xc9\x1a\xbam\x18\x86\xa6\x99\xaa\x89\x11!G\xd7\x849\xe5\xf3\xfb\xa7\xd3&gt;\x9a\x8ee\x01+\x8a\x86\x00k\x05\x0e\x8b\xd2VXT\n\x03\xa2\xc9^\xa0I\n\x92\xaa\x1a\xc0\x93`\xc6\xc4\xd6\x92\xe4b\xa3\xa6\x98l\xd6\x18\x87\x16\xc859\x0e)\x94\xeb\xcc\xb8\xbc\x00\xf9;\xb1uC\xc5d\xa8\xe3\xe3\x88\x94\n2\xa6"\x1b\x94\x0e\x99\xb25S\xdd&gt;\xbd\xe9\xdd\xa1\xf0d5)W\x145)\x16\xb0$\xc7Y\x87\xc0\xe2V\x89\x9c`a\xea\xe1\xe6H48\xec\\L\xecVK\xc0\</t>
        </is>
      </c>
      <c r="M312" s="3" t="n">
        <v>45492.67642361111</v>
      </c>
    </row>
    <row r="313">
      <c r="A313" t="n">
        <v>924226</v>
      </c>
      <c r="B313" t="n">
        <v>1980</v>
      </c>
      <c r="C313" t="inlineStr">
        <is>
          <t>Danilo Boza</t>
        </is>
      </c>
      <c r="D313" t="inlineStr">
        <is>
          <t>D. Boza</t>
        </is>
      </c>
      <c r="E313" t="inlineStr">
        <is>
          <t>ZAG</t>
        </is>
      </c>
      <c r="F313" t="inlineStr">
        <is>
          <t>ZAG</t>
        </is>
      </c>
      <c r="G313" t="inlineStr">
        <is>
          <t>ZAG</t>
        </is>
      </c>
      <c r="H313" t="n">
        <v>184</v>
      </c>
      <c r="I313" t="n">
        <v>4</v>
      </c>
      <c r="J313" s="2" t="n">
        <v>35920</v>
      </c>
      <c r="K313" t="inlineStr">
        <is>
          <t>Right</t>
        </is>
      </c>
      <c r="L31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7dd51bd-f64d-456b-91c0-4e976515f7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\xad\xa3i\x00\x00\x03\x00PLTE\xff\xff\xff\x01}`\x02w\\\x02\xc2\x95\xdf\xa9\xa0\x01\x82d\x94iW\xfe\xff\xfe\xd9\xa6\x9b\xfb\xfc\xfb\xd8\xa2\x94\xdf\xb0\xa9\x8abT\x02qX\x02\x87h\x01\xaa\x84\xd7\xa9\xa3\xa3r_\x02\xb0\x8a\x7fXN\xe1\xa5\x99\x04\x9cz\x9dnZ\xcd\x9d\x94\x02\xa3\x7f\xcb\x99\x80\xdb\x94\x96\x1a\x87d\xd0\xa4\x9e\xa9xc\xd0\xae\x9c\x02\xb8\x91\xb8\x86k\x01\xbb\x96\xe2\xea\xec\x02\x8dm\xf6\xf7\xf6\x8eXH\xd5\xa9\x92\xed\xf0\xf0\x83MC\x08\xb6\x82\x02\x95t\xabzu\xcd\xa7\x93\xb3\xb4\xaf\xcc\x94\x8a\xc3\x91\x85\xd7\xa1\x8a|G;\xd7\x9a\x9d\x02\xb6\x8c\xcf\xa2\x89\xde\x91\x8c\xde\xa1\x8c\x02\xc7\x9c\xd7\xae\x9a\x05hQ\x81\x82\x80\xa0\xa4\xa5\xd5\xb3\xa4\xc0\xa1\x90\x10\xad}\xd3\x9e\x93 \x92i\xbb\xca\xd4\x14\x8ahnUM\xb7}p\xb9\x98\x86\xd8\xb8\xab\x9dpj\xc7\x9e\x8a\xdc\x8e\x83\xaa\xa9\xa4\x91rd%\x1d\x17\xc5\x90w\x9f_S\xa2d^\xbcobXTQ\xac~j\xe1\x9a\xa0\x97\x9b\x9c4\x84b\xd6\xbd\xb7\xb8\x8b\x82\x03\xbd\x9dy{y\xe7\xe9\xe7\xc2\x98\x81\xaa\x81\x81\xae\x86sMB=\xb7\x85z\xc3\x93\x8d\xde\xb3\xa1\x02\xbf\x8c\xdf\xe3\xe2\xb2k\\\xaa\xad\xae\x87\x8a\x85\xd6\x88\x86|TEtNA]@6\xba\xbc\xb8\x82ia\xa3\xa3\x9a\xa7rl\xde\xa9\x90tC8\xc5\x88m\xb8\x8fx\xc5wc\x95^V\xe1\x9b\x94\xe0\xa0\xa8\xc3\xd0\xd9][X\xd5\x99\x89)\x8cgnol\xd8\x8a\x91\xb5}elJ@\xc2\x8a~QNI$\x99o\x9e~k!\x0c\x07b`\\\x8bVR\xe3\xa9\xae\x08]H\x11\x91m\xd5\x91\x8e\x9f\x88}\xc0\x89t\xcb~q\x9e{vhD76!\x1a\xd4\xad\xac\xe4\xbb\xbd\xd8\xc5\xbf`KC8/)fhe\xc4tt\xaadW\xabfi\xb9{}\xcb\x96\x9b\xad\x8c|\xc8\xb0\xa9~bX\xb7os\x93\x95\x93\xce\xd0\xce\x13\x98p\x8f\x8f\x8c\xcc\xd9\xdd\xc8z}ttr\xe4\x90\x99\xc7\xca\xc8\xc2\xc3\xbfq^X\x01\xcf\xa3\x93ed\x9e\x9a\x92\x10\x05\x03\x15\xa3v\xcd\x89z\xe5\xb3\xb5P)")}\\\xd5\x7f\x83\xce\x8b\x8c\xc6\xa7\x9a\xcf\xb6\xb2\xe5\x85\x8c\xd3~w\x93vo\x91\x80w\n}_\xd9\xde\xde\xe6\xc6\xc4B94N5,8\x91k1\x14\x0e\xdc\x93x\xd6\x87g\xe2\x99\x86\xb1\xb8\xba\x87qj\x1b}]\xdd\xb4\xb5\xda\x9d\x80^3+\xac\x93\x86\xba\x91\x8f\xcb\x83\x84\xb1\x9c\x93\xd5\xd7\xd5th_\xba\xc2\xc5[)!\xdf\x84z\xc1\x97\x977\x99vl92\xbe\x86\x88\xad\xc0\xd0\xed\xd7\xcfF$\x1d\x99\x95\x83%fL\xcc]n=\xc8\xab)\xc1\x8d\xd5td\xadKG\xa3\xc1\xc5.rU\x0c\xc4\xa3\xbe\xa9\xa3\xf1\xe4\xdc3\xaf\x7fs;B\xf6\xef\xe9\xb9W]\x1fN:\x98BJo\xd1\xb9\x80\x7fo\xa5Q[\xe3\xbc\xae\x93\xc3\xbd\xd7\xed\xea[\x92w7\xab\x97\xe3p\x7fH\x9b\x8c\xac\xe1\xd5^\xad\x9f\x94\xde\xc9\x8c0#\x8a\xaf\xae\xb09*u\xa6\x9c\xbe\xeb\xde\xd5X;\xd4\xe7\xfeN\x00\x00 \x00IDATx\xda\xc4\x97\xcfk\xdbx\x1a\xc6{\xaa1\xe4\xb0%\xd0\xa1f\xb7\x84\xe2\xe0@V\t\x0e\xf8"1\'\x07\xbcU\x1b7jE\x8a\x84\xeb)\xd8\x92\xa7\x96\x15\xe2I\xbb#P~\x88T=\xc4\xb1\x9b%\x89\x12g\xa6\x89\x846B2\x11\x84\xa1Ip\x8cq\xe8\xc1\xb94\x8dm\nS\xa8/\xbd\xf4\xb2\x87\xfc\r\xfbJ\x9ea\xff\x80\xb5\xd3\xd7\x96\t9}x\x9e\xe7\xfb|_]\xbb\xf6\x7f\x8f\x07\xc6\xeb\xf5x\xfd\xde\xce_\xde\x80\xdf\xe3\xb9\xf6M\xc7s\xad\x03B\x07h\xbf\xb7\xf3\x87\x9fn\xd0^\xe7\xbf\xdf\n\xc9\xd5\x86\x0e\x04\xaa\x1c\x8f\xa9\x96f&amp;\x12\xa6\xa55L\x8b\xd3h\x00\x0c|\x1b\xc5\xc05P\x86\xd3UV4dE\x16e\xf9\x92m#\xce\x98u\x8e\xa6\xab\x81o\xe1$\x08E\x9buLW\x04\x81\x90$I\x94\x08IP.\xdbX\x1b\xe19\x1c\xe79\xce\xaa^\xb5\\\x1e\'\xdb\xfeD\x8bD)E \x08\xc0"\x0cA\x16\x08\xca\xd0\xf96\xbf\xc4\xe3\xb8m!\x96v\xe5X~\x98\x04\xa2R\xa2"+\x04\x80I\n%\x8b\x82\xa1S$\xcfW\xdamP\x8b\xc79K\xb3\x1a~\xcf\x95F\x9d\xa6\x81\n\x15)QV\x04\xb0Q\x10\xd1\xa6!\xeb\xba\x0e@m\xbb\r\x07\xc0F,\x13\xe7\x11\xcd{\x85P\xde@\xb5U\'I\x14e)AVD 3\x00K\xc1T\x1e\xc7\xea\xed\xca%N\xea,\xc2!\x18\xc3!We$\x9c??]ma$\x86\x91:\xc9\x12\xa2\x01V*\x04%R\x06\x0f\xf2\xf0\x88}\xd9\xe41V\xe7,\x06\xc79\xce\xf4_U\xae\xe8\x84YgH\x92\xc1\xea\xba\xaa\x0b\xa0\x98\xa1\xc8\x84"\xa2( q8\xc3\x18\x12\x8f\xab\x8eZ\x08\xc2\xe0f#q\x05\x95\xef\xd4BU\xabc\x0c\xc6\xd41\x8c!u0\x92\x05\x0f\tAA)\xddf\x11\xc6fP\t\xe1U\nA8\x0e\xb11\x04\xb8\x02^O\xcf-\x0c4Zu\x0c\xb4\x82\xe8\x80\x8f(\x85\xaa,\x9cC!n\x88\x86\xae+8(\xd4\x949\x9e\x04\x179\x84\xe3-\x0e\xe7\xb4F\xaf\xb9\xdc\xb03\xe0 V\x076\x94E(QWE0P \x0c\x99b)\x89\x07\\\x83\xc2m\x0ceq\x0e1\x11\xcbb0\xce\xec\xb1\x8f@\x950\x19\x8cT\x99:\x036\xb2(c\x08\x02\xc4\x0b\xb0\xa0\xbft\x83\x92\xd5:\xc4\x8aQ!em\xb6\x8dq\x96ij \x9aV\xed%\x17\xdc\xcb\x81\x06\x87\x91\xac\xca0\xac\x882$K\x82R\xba,RP\xa6\x04\xb0\xa1\xb2\x8a\xa1\x06\xc6\xa1:\x8e\xea\x976\x8e\xe0pk74\x8d\xd3\x12=\xb4\x11.\x1c\x9acXJeIU\xd8\x90U\x92\x82\x9e7(\xc2\xa0\x0cJ\xaa\xa1\x06EI$D\x0c\xd3\x05\x83\x81\xc8\xe1\x88\x8d\x98\xbc\xd50\x1b\x00\xd7\xb3\xba\xf7\xb8\x973BR\x14\x8a\xaa(\x15\xdf0(EGe\xc5\x80\xf5\x8126@-\x83%TAFI\xb9\x862*r\x89[:\x02_\x13\x8a\xc2\xb2\x12\xde\x1e6\x96\xc9A\x96Y\x92\xa5Pi\xa3&amp;\xc8\xb2\xa2P\x04\xa1\x10"\x11\xaf\x11\x82(\xc2\xb9\x14\x04\x08\xbe\xac\x93:\xd2DHhW\x1b\xc7\x11\x9d\xb1\xcc\x9e\xdd\x8e^?\xddj!*i\xc8\xd0\xea\xa2P\xdb\x90eY\x12D)\x1e\x8fKR\\\xa8I\x84L\xd5DB\x91\x948\xca\xa2\xbc\x8eb6\x8f+\xcd\xb6\xa9\xd9:$\xacG\xe9r7\x19\x8ed\xc0D\xc7F\x85\x88\xaf\x87\x9b\xb0\xd4\xacK\xf1\x9a\xe4&gt;5B\x8e\xcb\x1b\xf1\xb8\x1c\x17\x85K\x96El\x1b\xb1\xf5\n\xaf5\x10\xb2\xcdU{\xb4\x15B9\x98\xf5z\xab\x85A\xaeX\xd5 J\xa5\xcc\xd9Y8\xbc\xb3S*\x95\xc2\xe1u\x98t&lt;^\x8b\xaf\xd6\xa4\xf8:\xd1\xcc\x95\xce*m\xdb\xd9o`\x89\xd6\xb4v\xdb\xa2{R^ \xd6\xbf[\xa6\t\xfb(\x89\xe1\x98^\xca\x14b\xc3\xc3\xd3\xd37\x1fF"\x85H\xa4\xaf?\xdc\x1f\x0e/\xa4\xd3\xeb\xe9t8\x9d^\x08\xf7\xf7\xdd[Z*\xdck\xe3\xb0\xe1#VCk#U\xba\x17ry\xbcwZ\x9a\t\r\x0f\x8b\x03\xaeW\n\xc3\xe3\x9b{\x9b\x930\xf3\x93\xe3\xe3\xe3\x0fo\\\xbf~\xb3\xaf\xff\xc7g\xaf_\xbf\x9e\x81o\xf0\xc7\xc1\xeb7\x06\x06\x1e\xfe\xfa\xabm\xdb\xb0u%8\xbeA\xd3\xddO=\x88\xf5s\xfd\xe7\x16\x03\xf7!\x86\xe4b?\xac\xe4\xf3\x9b\xb3\xb3\xb3\x93\x9dI&amp;\x93[[\xd1\xc1\xa1\xa1\xe0\xcc\xef\xce\xe7\xf7\xe0\xd0\xd0`49\x99\xcd\xfe\xb4T\xe1A\xb1D\x15\x9eD\xf7\xe5\x82\xca\xe2\xea&amp;\xe3\x1cE&lt;\xf7x1\x9f\xcf\x7f)\x7f\xc9\x7fq\xc0\x92\x93\x0e\xd3V\x14\xb0\x82\xc1\xe0\x0c\x909X\x83\x83\xd1\xad\xc9\xd9\xd9\xf9\'\x85\nl\xab\xc0\xa5U\xab]?\x8c \x96Vw6\x19\xf8^\x9c\xe7\xcb\xce\xbc}[\xce;T\xffI\xbabu\xd4\n\x06\x7f\x1c\x9a\x99\x99q\xb1\x92 gv`\xa9b\xc3\xd5\xd8\xa0\x1b\r-\xd1m\x17=\xde\x84\xb3\xf9\xc1\x82\x85\xe1\x17\xa3\xe5\xf2\x97\x8f\xa9\xe5\xe5T\n\xb8\\\xbd\xfe0\x11\xe4\x9a\t\xba?\x80\x15\xddJ\xce~\xc9\xe7\xb3\x03\xb9\x1cn\xe1V\x95NT\xe9\xae\xab\xe57[\x98\xb3\x91\xb2\xd8\xc5\xd3\x83r\xf9\xe3\xdd\xbb\xa1P(\xf5\xb6\\\xce\x03\x19\xb8\xd8\x91\x0b\x90\x86\x9c\x80\x01\xdc P\xe5\x0f\x0e\x0e ^\x176\xcf5\xaa4L\x97\xb1&lt;\x9e;\xad\x16,\x0c\xaa\x8e\xd9\xe7\x1f\x0e\x80*\x14z\xe1[\xf6-\xa7\xca\x07\x10\xb3\xc9\x8e\x89\x1d,7a\xc1\xa1\xe8\xd6|\xd6\xa1\xcag\xb3Orm\xb8\xb0\x1d.O\xb7\xb1\xaa\xce\xdaG\xa2$c\xffpX\xfe\xf81\xe4{4\xf6\x971\xdfa\xaa\xa3\x96\x1b\xfa\xffa9&amp;F\x93\xe3\xf3\xd9[\xb7\x0e\xb2\x10\xfb\\\xbbm3Z\x0f\xd4\x82*\x05,\x96b\xec\xf7\x8b\x87o\x81j\xec\xd1?\xc7\xc6\xfe\x10\xcb\xa9\x89$`=\x7f\xdeq1\xe8F+9\x0fX\x13\xd9\xeclv%\x87\xf36\xafU\xbb\xde\x10P\x0f\x8eZ\x06\xdc\xbe\xb1\xc5T*\x15\xf2\xf9\xc6|&gt;\xc7\xc3r~s\xd3\xc5Jn=x\xe0`\xb9\x16v\x12?9\x9bu\xe6\xd6\xf7\x179\\Wa\x1d\xec&gt;V\x00^\x0ca\xcfc\xf9\xf7O\x97C@\xe5{\xf4\x02\x8e"X\x08\xb5\nL\xc5d\x11\xa8\x9e\x03\x95[\x0f\x7f\xd6Vvebe\xe2\xbb7_aM\xd5M\xd3j\xd0\xdd\xc7bI\xca@+\xf6\xf9\xa1\xa3\xd3\x0bW\xab\x0f{\x9b0N\xb0@\xaa\xe8\x83\x8e\x893\x0b3\x9d\x93\xb8\x05%?1\xfa\x8f\xefn\x1f\xbfA.l\xdb$\x11\xae\xcb}\xea\xf1\xdf\xa9\xab\xaa,\x1a\x15\xfe|\xc4\x91\n\x1e\xdf\\*\xf5\xc1\xbd\x15\x9d\xb8\x03V\xd4\x01s\xda\xc1\x91k0\n\xe1\x1a\x98\xb8\xf5\xf7\xa3\xdbSk\x16\xc2WX\x93\xc4\xf1F\x97\xb1\xa0MIT\x12Kg\xb9\xc7#p\n\x1f\x81ZN\x9d\xa6\xcaN\xb0\x8aE\x07\x0bLt\xd2\xf5\xa7\x89\xd1drve\xf4\xe8\xfb\xa3\xa3\xe3\xb5\xb57\xefm\x15\xd1Y\xd5\xf2w\x1b\x0b\xd3\x15BhV\n\x8b\xcb\xa1\x17/@\xad\xd0\xdc\x9coy\x0e2\xbf\xb7\xb9[\x04\x07\x8b\xc5\xa2\xfb&lt;\x1f\x1a\xea\xdc\xd3\xf3\x03\xd9\x95\x91\xa3\xafG\xc7Sk\xc7_/p\x1eGQ\x99\x0ct\x19\xab\xc1RD\\*U\xa6G\xee\x86\x9c`\x85\x96\xdd\xc38\x97z\xfbao\x17\xb8\x8a\xf03]\x9c\x9e~\xf0\xe0U\x7f\xff\xab\xfeW\xd0\xa6\xf3\x07\x13\x8b\xa3\xa3GSkkk_\xe1,\xda\x97\xb2\x84v\xb7\xb9\x00\x8b"\x04\xa1\x99\xc9\xc4R\xee9tg\x0c\xe6\x97\xe5\xc3\xc3m@*no\xef\xc2V\x08\xcf&gt;p\xf5=\xbf~c\x1c\xa2\xb5\x026\x82\x87k\xc7\x17\xef+\x95\xf0zM\xec:\x96B\x10R\xb3y2\x1a\x82\xdb\xd07\x07\xb9Z&gt;\xfc\xa53\x9f\xb6w\xb7w\x1d\xac\xeda\x98\xc8~_\x7f\xffN\xdf\xf5H\xe4o\x0f\x07\xa0\x1f\x9e\x1e;r\xbd\xb9\xa8T\x9a\xe1\xb8\xdc\xdd\xd72\x8fW\x136\x08\x016\xe5\x11\xc0\x82f\xc8\x8f\x7fzz\x1e\xd9\xdf\xdf?\x19\x8e\xc5\x86\xa7\xe1\xb3\xbd\xbd\rO,\xd2\xbf\x90\xfe\xed\xf4\xf4\xb7\xf4\xb3g\xf7\xee-=Y\x99X\xfc\xeb\x94+W\xae\x92\t\x13\n\xdde,\x0b\xde\xba\x00+6\x12\n\xdd=\xdc\x9b\xbe\x11)\x9cdvJ\xeb\xe1R\xe9\xa4\x00\xbb\xfc\xf0\xf0.\x88\x06\x84\xfb\x0b\xe9\xd3\xd5\xd5w\x9f?\x9f~N/\xec\xdc[\x1aX\x1c\xf9\xd7\xd4\xd4\xda\xd4\xd7\xf7\xb9J\x93\x10\xbb\x8d\xc5\xd5\xe2\x12Q:{\xea\xac3{7\x0b\xb1B&amp;\x93)\xc1\xfbDz\x01\xb8b\xc3\x8eR W!\xb2\xb3p\xbaq\xff\xe5\xfd\xfb\xab\x1b\x1b\xf1\xf5L!\xb7\xf4p\xe2\xb6\x83\xf5\xe6\xc2\xae\x9c\x95\xa8@w\xb1&lt;\rx=\x95\xce\\\xb1\x0e@\xaa\xfd\x93\x93\x0c\xbc\x84\x01\xd6z\x18\xde\x81b\x8f\xcf?m\x0fOC\xae\x16^\x9f\xae\xbe{\xf9\xf2\xfe\xbb\xd5S@~\x96)\xfc\x975\xb3{It]\xc3\xf8:x\x99\x1c\xf5\xc0H\x92\x11\x93}P\x8e\xa0XI\x82,\x94\x0e\xf2\xa3\xa6\x99&gt;\xe6\x05\x855\xba4V\x8c\xdajE3\xa9\xec\x98wjS\xa3`S\xa62\xdbI\xb3\xf6\x1c\xb8d\x0f\xadP\xd1t\x8a\xed\x8e\xf6\xc4\xe0\xf8\x11\x83I\x92\x9b\x01;\x98\xa1bXu2\'\x11\xb4\xef\xa7\xd8\xff\xc1\xfb`ag?\xae\xfb~\xee\xe7\xba\xee\x16\xf4\xdd)\x8dJ\x93\xfa\xf2\xc7\xdc\x87O\x7f\x92\x8b\xf5\xc3\xed\x9f^\xfc{ppT\xeb\xea\x91\x98\xc6\xd4\x0b\xba\xbd/\xe5BA\x07\xd5\x83\xef@U\x86\xce7*`\xc8\xd3\xcd\x16He\xdb\xdb\xdb#\xd7\xa9l\x85&gt;\x97\xcf\xeb7T*\xd5M\x15\x7fl&amp;\x17\xab\xee\xa7g\x7f\x1b\xfc\xeb\xa8\x11\xae\xe1\xfc\x98\xb6\x1cJq\xca\xc6\x82\xd6\xf0\xb0\xb1\xbf\xc9`,\x97\x83\x0c\x8f\'\xa8\xa8\xafoz\xa8\x9f\x99\xe95oW\xe3\xdb#n\xb7\xc5Lo\xca\xef\xa56\x942\xc0\nA\xd3w=&amp;{\xef|\xf7\xf7\xc1\x17\xd0Z\x80\xa50p4\x1aO\xb0\\\xd6&gt;lt\xf0\xdb[\xfa\x9fO\xb38\x1eoV\xac\x18\xfe\x8bR\xae\xd47NA\x11w\xaa\xf1\x1c\x02\xbb\xa5W\xa6|r\xaeJ\xa6\x82\x89\xba\xf5\xf6\xb7f\xb2}\xe0\xe3\xc1\xb7\x9f6a\xc4K\x9e\x1b= \x8d\xb1\xa2\x9b[\xe8\xb5\xe4J\xa5\xf6\xd7\xcf\xa3,Z6\xcb\x9e\x18\xe8\xd6l,\x9b\xab\xb3\xeb\xb3\x8b\xa8\x8c\x96\x91j\xce\xdc\xf4T\x9e\x12\ne\x08+?7\xfa+\xd9Xu\xf7\x06?\x8dnN\xf7H\x92/Y\x1e\x06G\x14\x18\x9b\xdb\xfayqgg1^j\x1f~)\xa2`x\xe2\xf4\x94\xa5\xd1\xbbg\xd7\xd7\xd7g\xef\xcf\x82`#\x9b\xcf\x16K-\xfaG\x1b\\\xa1L*\rAs\x8d\xfe\x93\xf4\xe8\xf3\xeb\xe0\x87-P\xab\'\x1a\xe5\x00\x95\xa2\xffV\xd7\xef/\xfe\xbe\xbe\xb3\x98;h\xef\x9fN\x8aqI\xf8\xf4t\x92\xbb\xfc\x16\xa8\xd6\xef\xdf\x7f\x05l\x83]\x9b\x9fvr\x8d\x8f\xb82.\x17\xb0\xe4\xf9\xe5\xcd7dc\xdd~3\xb8\xb5\xb5\x10\xed\x81\x19\xcf\xe1\xb0\x0c\xd6\x16\xcb\xdc\xbdg/\xd6w\xe2\xee\x03\x871jrE\x08\xff\xd1i\x92\xa2\xfc\x84\xb0@C`{|od\xe5\xe7\x9d\x96\xa7!\x9f\x8c+\xe5m\xc8\xf3ss\xff"}\xc7u\xf7\xd9\x87\x05]t_\xd2\xc3f0D\n\xf5\x9a\xae\x1cz\xbc\xbd\xb3\xb3}|\xa06N\x9a$\xe9\xc4\xe7\xa3\xa3\xf9\xce\x07\xf5\x8b\xa8\x88ht\xbd\xda\xca\xd3\xdd\xdbU\xbe&gt;\xa4Q\xf1xm\xf2\xbd\xfc\xf2\x1e\xe9\xf9\xf5v\xf3\x8f[\x08\xab\xa7\x87\nX\xd3\x02\x98T\xe5\xc2\xa6\xd9\xe2pX\x15\xa2\xa4)}\x8d5\xe1\x8a&gt;\x9fBX\xd7\xad\xe5\x18\x0b\xed\x8d@s\x85|\x1a)\xefc\xb7\\\x99\xffr\x97\xec\x05j\x1d`\xe9\x16\x9e@n\xb5Q&lt;\xac`P\xec\xc9z\xca\x15\x05\xa4\xb0\xa5@\xa5\xb8\x9fN\x7f\x07\xac\x81dtb8\x0eM?\xbb\xb3Xjol\r\x15\x1a[\x1a\x9b6|&gt;\xc0z\xa4\x94\x03\x16\xe9\x1b\x9b\xe6\x7fl\xea\x90Z\x12\x1b\x96e\x80\xd1\x02,N\xd2?\x00\xf6/PL\xa4\xd3\xe9}\xc0\xf2\xb3D\x90\xb0\xa7\x16A\xac\xc5\x12\xbf\xd1 \xd7\xd7\x83\x1b|\x99\xd2\xc8x\x1f\x1f\x80Z\xbf\x91\xbemnn\xfe\x03zk\x1ea110\x80\xf0q%!\xf9\xac\x06\xc2a(a$\x9dFX\x1cNrbx\xb8=\x1e\x8fWK\x07\xed-V+xg\xc5\x13\x8eJFm{\x00j\xfd\xf7\x17r\xff\x8bw\xfb\x90\xda\xfa\xa7Zg@X\xbb6\xf0\xa7\x90\xf3\x93@\x15\xf0\xfb\xc3EW$\x1d\x89DP\x11\xc3\x9e\x14\xa3\xa8h\xea\xe3\xe7\xe2\xa5\xdc\xc1\xf8u\xd0\x80\x08{\x87\xc1\xa0\xb4=x\xca}y\xabo\xf2+\x89el&gt;\xdf\xb5\xed\xd7\xde\xdf1\xbcC\x8b\x1a\xd0\x06\x17\x13@U\x04\xb5\xc2I\xb1\x18a]\xf7\x96\x1f\x9e\xa5P\xd9\xd0\xc2w\x1c\\s\x01\xd6\xc0\xc4\xfc|\xb4\x93Bm\xbb\xd3\xad\x9a\x98\x88J\xb1C\xf2\xb825\xc2\xe9\xb4\xed\xee*n\xb0$\x04d\x0b\x02\xc4\x02\xaaD\xd2n\x8f\\S\x9d~\xfbv\x9a\xe0hR\xa1\x82\x152Y)WB+\xc1\xfe\xe1\x81\xf9yQ\'\x85G\xbd\xc3\x95u\xaa4\x8a\xcb\xf7\'\xa4\xb5\xfby\xcd\xee\x8dy\x9d\xb6y\xb4\xd6J\xa7%i\x82\x10\x13\x04\x91H\xbcK\x98\x081\x1e\xc1\xff\x8f\xf5\x99\xed\tq\n\xfd\xe39x+s\xb9q\xbe\xb5\x1f-\xb9&amp;;)Rj\x87L\xa3\xc9\x1c*.\xaf\xbe\x92\xa7\xd6\xbe\xd3\x9b\x89\x9dc\xf30\xe4#\x12\x10\x87M\xc0/\x02Q\x99\x086\x1eq\xe2\xe9\xef\xdf\x01\xeb\xac\xe6\xf2\xa48\xda1\xe8\xadx)^*\x8d\xf3\xfb\x06\xc2E\x91\x88J\x91Jy*\x9fO\x95\xf1\\^\x1d\x92\x86u\xb8\x8f{\x0fc\xde!x{$\x11\x1b\x8e\xdb\xed8.f\x9b\xd0\xfa4A\xc0\x9f\xce\x08\x9a[\xa0V\xd8%N\x85\xca\x02G.^\x05\xb0\\\xbbu\xc9_L\xb2\x82\x1e\x06C&amp;\xe5\xfa4\xb5]\xcd\x00\xa9Xv\xa8\xa1\xf7\x1c\x0c\x84-\x02\x14p\xecl$\x16*"\xeeDT\x91\xf4\xe7\xb3\xb3\xe1`0\x1cL\x95\x05\xfc\x03\xc0\x82\x11\xc1\xef[-\x1a\x83\x1c\x8fJE\x93Ie\xbe\xf3\xda{Z\xf2*C\x1a\xd6\xd7}g\xccI\xbb\xc1\xc2\x11T,\xe6\xb4\xe3\xa8\xbbLl\x10\x0b\x87\x9b\xe8\xc5?\x9f\x9e\r\xa4RE\x7f\xb0\xb06^\xaa\x82Z\xb9\x03~\x7f\xa0\x12\x0cB\xf2\xd1\xa8TR\xe9\xf9\xc7\xb6}f\xf0\x92YG\xa2Z\x99L\xa6\x87\xd9\no\xb2\x1d\x98b\xceX\x16\xb8\xc4p\x1f\t\x93\x0b\x8fD\xec\xf6\x8c\xdd\xbft\xe6\x87{\x18\xf4\x97\x1b\xe2\xe0\xc3\xaa%h\xf9\xbe@\xa1\x1c\x82\x9c\xa8Q\xc9x\x0f\x9e\x1c\xd5(\x98\xeb\xf2}3\x89\xbdu\x98a\xd6\xfe3-r\xd9\x80\xca\xeb\x85\x9f\x18\x14R,&amp;L\xef\x928\xdaW\xda\xd9\xfe\xa5\xd7a\xa36P\x0eU\xba\x90kFF\xcc1V)\xa3\xb0\x9f\xf1\xd1\xa4\x1dO\xde\x1f]\x9e\xb29\x97W\'\xe4a93^|\x9filu1iN\xc0B\'\x8b\xb8\x8a\xe1y\x17\x8e\'\xdaG\x8c\xc4\xaa\xf5\xf5\xf4\xca\xabx_9\xd8u\xed \xe2\x07`.*\xe5\x90\xcf\xf7\x06\xdej\xe9#a\xdb\xeb\x8b\xcb\x9a\xe7\xa8vB\xde\x80\xf0\xe2N\xdc\xe6\xf5hET\x8c\x16Cze\x00\xcbc\'\x8a\xfe\xb0\x18O\x1f\x95J\xc7\xc9%\xc7j\x17x\x87\xd2\xb0q\xe5\x06k\xdc\xd1o\xa8|\xb9^A\x9cKy\xca\xd4G\xc5\xc5\xc5\x11v\xd5C^\x11{\x9c\xe94n\xcb\xf8t"\xd7\r\x16\xb4Z\x16\x8cD2\xecGS\xde\x1f&amp;\x88\xc8\xea\x99K\x07MU:\x0b\xae\xa1\x1a.\x96\xc6\x1d\xf5\x06c\xca\x87\x1a^\xc6\xeb\xc8w\xf2\xea/..{j1\xf2Z^\x82\x7f\xaf%\x08oF7-\xa2\xd0n\xb8\xbc\x08\xab\xe8/\x8a\x9dh\x8a\xc1\xe8\n\x9f\xf9!\xee\xab\xad\x81\xcaB\x15\x02Y\x15\xb0\x04\x86rJ\xa3I\xa9dR\xde\x9d\xbd\xb6\x8d\x0b\xc0\xda\x97\x90\xf7(\x9e\xd8\x9c\xe9\xda\x80)\x9b\xc9k[Y4t\xa0\x8cY\x8f\x18\x9eE\x17\x9abv\xbb\xd8\x1e\t/9\x1ckc\xbaB\xa5\xa2\xeb\xba\xce\x89\x07\x0e\xbd\xb6\x90JA\xc0\x90I\xbb\x1f\xe5\x87\xac\xa5\x8b\x8b+\xa6\xed\x84&lt;\x07\x81\xd9c6\xc9&gt;\xdb\xbb\'hea\x18\rsf\xb3Y\x0f\xd40\xe9b\xdban\x89\x83\x95@`uI\xed\xe0\x9b\x1d\x82\x8aQ+pC\xc8\x00\xac\x87(\x7fs\xa5B\xa9T\xf8tY\xfa\xed\xa8\x16\x9d\xcc\x9e\x93g\xb9n\x9f\xe3\xd7ca\xa8\xb0\xd9\n\x91\x10c\xd2hY\x1aC\x8cL*\x82\xaa\x04\xc6\xd4j0\xf5cV\x8by\n\x86B\xc5\xa0v/V\xe3\xee\x96\x87Z\xf9\x06\x87\xcb\xe3I\xb9\xdc\x19\xe5G\xd3;\xda9\r;$\xcf\xa1\xd6\x1d\xda\xec\xceL\xc6K+\x7f\xd0\x1a;\x01\x0b\x83:z\x18\x14\xb1\x98\xc2\x00\xa5\xd4k\r\rS\xee\xdc\xb1\x9a\xee\x9e\xb2X\xe8\x02CA\xdb;\x05X\xe6ze\xb7P(\x94\xca\xb8r\xe5L\x01l\x176\xb4;D^\r\xa1\xb9h\x08+\xe3\xddX\x11\x18YT*\x13\x1b\x1a\xa2\xd1\xc0s\x8aY\x85\x05Ae\x01\xed%\xdb\x0f\xf8kkSn\x8b\xa5\x81\xde\xab[^n\x18\xc9\x99\xe9\x8dJy\x87\x10ZK\x98W.o\x88\xa2T\x1a\x93L\x17\x88^Et\xf9bL\xce\xa8@\xcb\xea\xa4`\x94!\xa4\x17C\xdc\xa9U\xd3\x05F\xdd\xea\x12\x9c\xb3~\xab\xe3\xf8x\xaa\x81N\xa7\xf7\xf6\xf6\x8eN\x8d\x98g\x9a\xba\x85\xdd\x1d\x1d\xdd2y^\xbe\xbc\xfc\xb2\xc6\xc4l\x192\xc5\xfa\xa1\xae\xee\x10&amp;h\xc6\xeb\xf90\xa3e\xb1(\x18\x15\xc3\x90\\\x9d\xad\xea\x06\x87\x91 \xc2\x10\x7f\x80\xeb\xdb1\x9c\xae\xb5\x85\xb5\x95\x15s\xc3\x8a{\\\xaf\x97\x0b\x1f\t\xbb\xb92\xb9|\xafW0i\xf2f\xcfI\xa5B]\x7f\x92\xf1\xc6\xb2\xd9\x05u\xc1\x88\xb0(@E\xc3D\x82\x15\x8b5\x9cH\x84\xc3`\x1f\xbe\xf1\x11\xd5\xffh7\xbf\xd8\xa6\xee+\x8eG\xc2\xb2on\xb2\xce\x9e\xa3\xdc\x19\xd9\x9e\x1f\xc0\x14\xd9\xf3\xf52\xe3\x99\xca\x965\xd9\x8eo\xb81Y\xcd\xe0\xaa8\xd7\x7f2\xb1\xfc\xd9\x95]nHDhH\xc0]\xcap\x14\x1c\xd5V4b\xbb\xac\xab\xb6bEa\xa2\xc1\x95LFL\x93\xcc4\x7f\x88\xf2@\x98\x98\x08\xd9\x0b\t\x19\xa50\xb6\x8a\xf1P\xb4\xf3\xbbA\xd5\x9eW\xee/~\xb0\x95\x97\x8f\xbe\xe7\xf8\x9c\xf3\xfd\xf9\xdc\x07m\x03c}}\xf3\xae\x1c\xc2\xe2\x0bF\x9e\xf28\n\x8e%O\\\x83\xdb"\xd76EX\x84\xd8\\\xbf\xa3-s$\x19\x06,\x1c\x05\x113\xb1\xca\xb7o\xbf&gt;\xb2\xfaxl\xa8\x98\xb8\xca\xe5\xca\xae\xcb\xa5\xf9\x07\x1dI\xb0\xd4\xe7\x8a\xb96\x96\xd1\x1a\x03`[\x81\xab@\xc7\xb5\xd76EZJ\xaa\xdc\xf5V\x0e*\x17\xa1Vc8\n\xa2\xc9\xdf\xf6\xf6g\xef\xce7_\xf8\x8b\xb0 \xf1\xf3#\xbf\xcf\x1f\x7f3\xf8.\xd8\xea\xe4\xbc2\'e\x1d\x85B\x80r\x14\xb2\xd9\xac\x83\xdeW\x896\xadD\xc1\x92U\xfe\x92\xcb\x10r\x02\xd2\xcb\x06r\xc9Iw\xf5\xc0\xeb\xb7\x1f4\x8f\xf6\x8e.\xde?\xb2\xaf\xb9y\x0c\xe6\xf9\xb1\xdb\x7f\xbb\\J\xce\xb7\xb7I\xf9\x82\xd6\xc1;\nZ\xc0\xf2\xe4.\xca*D[,\xab|#\x0f_Ey\x98\xa0p\x90K~eP\x13=?\xb2\xfa\xd5W0\xc9\xaf\xae\xfe\x03\x12\xec\xf1\x07\xcdK\xcdc\xde\xdce\xc0\xaa\xe5\x1d\x0e\x0f\x8fb\x98-,p\x1f\x8b\xb8\xb3(\xbb\x90\x87\xae\x88\xa9\x890\x08\x16\x918\xfb\xddWF\xbb\xc1\xbdvw\xf7\x02\x18x\x9f\x01h\x8a\xe1\x10S\x84\x02\xa6Tx\xe00\x1e\x87\xa7\x90]J\x94E\xc5:r\x8a\xf1P\x98\x84 \xa1zE0\x1c\xb5\xea\xaa\xf7\x0e\x1c8\xf0\xc7\xde\xd5\xd5\xc7_\xfc\xe8\x8b\x81&amp;w\x7f?\xcf\x16\xa1\xd8K\xfd|\xc6\xe1\x01\xb1\x00\xab\x90Y\xfes\x85\x88\xe7w\xa7\x86\x98p\x98X\x0cSN3\x86\xd5ML\x9c\xed\xfe\xbc\xea=\t\xd8\xa0\x91\xdfB1mo;\xe6w\x87B~Z\xa9\x94\xc6y\x88\xa0\'\x03\\\xda\x82#\xbe|XL\xb5v\xbd\xc3e\x00\x8bp\xe2&amp;\'\x8eag[\xb7w\xa39G\x0e\xe1\x8cBg\x1ch\xdbY\x1b\xf5\x1b\xbc^Z\xaa\xe1=\x01#P\x19\x8d\xa0\xd7R\xf1\r1\x17\xe7e\xb2\x0b\xc7\x9b\xc3\x8bP!\x08\x12\x8fI0|{\x17\x8c9\x80u\xf6f\xbfa\xec\xd8\xc0\x80r@\xaaPh\xa2\xdeh4\x14\xa0(\xca\xc3\x06(\xa3\xc7\xb3\x90\xe0~(\xea\xf6\xb0\xecbp\xc8\x13\x0eSa\xca\xe4\xac\xa9\x81Y\xa2\x06\xbd\xaa\xba\xb7_\xb9\t\xed\x07\xb8\x06\xa4\xb5\n\x8d\xdfop\x87\xa1G\x072\x19H\xae\x85D\xe6j\xfe\xa2\xa8X\x95\x87O\x95\x99E\x86$I\xdc\x1c\x03,\x80\xaa\xe9\xea\xc2\xebz\xa1\x01A\xc3F\xbb\x10M^\x05\xa4\x17\x03\xadP\x1b\xf0d\xa0Hd\x12\x99\xe2\xf2\xfb\xe2\xeeZ\xefx\xc75\x94!\t\x0be\x8e\tX\x12\xa0\xda\xb3\xe7l\xeb\x04\xb4k\xf4\x9b5\x1cP\xab\xbf\x1f\xa8\xecv#PQ\x9ex"Q.\xdf\x11\x17\xabr\xdf\xa9b3I\x9ac\x82ZU\x02UC\xeb\xc4\xc4\xc4\xc8\x16\xd6\xfe\xfdM\n\x7f\x88$\t;\xc2r\x14\xa8\x00\x1fO\x94\xf3\x99;\xa2RU\xc8\xd6S\xa9"IZ\xcc\xa0\x16\x92\x0b\xb0\xba\xf6\xb4\xb6\xb6N\x8c\x8cla55i\xdcL?\x91\xad\xb7\x83\xb70j-\x9e\x04]^\xe6\xf4\xeb"/\xcc\xaf\xd3\xe9\x1cc2\xe3Vk\xac\x06\x17\xb0\x0e\x1c\xd8\xde\xdb\x8b\xae\x06\xcf\x0bX\x90YL8\xfb\xa9\x1d\xfdt\xa1\xd7S\x99\xab\xc5\xb2+\x13[\x17[\xad\xfe\xbe\xe0\x10\xa3\xea1\x9b\xad\xad\xa8ta\x92:\xf0cu\xa37\x01\xeb\xbc\x90\xf1Qf\xf1~\xf6~\xd6\x0e\xdeBo\t\xc4\xcbeWQ+6V\xc5f\xcf\xd8T*\xce#.\xd2\x04\x85U.\x1f\x1dV\xd7\x8d\x8e\xde&lt;\xff\x81;\xda\x84J\x977\xb1\xb4\xb4\xb0\xe0\x81Bj\xb6\xa8X:\xe7\xe2&lt;\xe2c\xed\xe8qW\x07\xf3C\xbcJ\xd5\xcf\x84\x9a\x99\xf0\xad[\x8b\xb7\xc2\x7f\x85c\x88F\r\xde\x811e\xbb\x12F\xc2\xc4\x02\x94,\x95E\xc5s\\&gt;\x9f\xd1FD\x0f\xe2\x0ek\x83\x9bv\xb9h\x96\x0f\xb1\xecP\xb1\x19\xfdTm0\xc0\xcb\xeb\x1d\x1b\xabns\xf5\xf5)\xcb\\\xbe\x9c(\xc6Y\xde\xe7\xcf\xe5h:\xee\xb0\x01\x96\xc8\xcf\xaeTZ\x1bzB\xf1T\x8a\x8b\xb3q\x96\xe6\x8ae\xaeLs4\x97\xcb\xe5\x94J\xa5+\xdf\x11\xec\xe8Xv-\xe7\xcbt&lt;\xee\x8f\xe78\xda\x9fqh#\xe2\xabUY\xd3\xf0\'\x13\xc9\xb9\x80\x8b\x8es\xcb\xae|\xde\x95w\xc1I\xf5\xa5R%Wp*XJ\xfd\xfax*\xe5\xca\xd1\xf0\x7f?\xcb\xc3,__/:V\x85\xac\xa6\xa1\x0771C.\x8e\x03;\x08\x1co\xa6\x82\xc2\xe9H\x97\xd2\xa9\xa9\xa9\xa9\xf4T0\x98\x0e\xe69\xc0\xe2y\xe8\xd7\xc6\xfa\xfa\xfa*\xab\xd8X\x15\x92\xd9\xae\x1e\'i\xf0\xd2\xf1"]t\x95\x80"\x9d\x16h\x10T:\x99N6\xc2_\x07\x88\xc5\xb2\xbe\x80\n\x1a\xb6\xd6\xfe$b\xbd#\xf6sQ\x91\xd9Y\xdcI\x18\x18\x96\x8d\xd3\x1c\xe7\n\xa6\xa7\x1a\x1b\x85\xe5\x95dp*\x1dD\xef\x1b\xd3\x1d.H=\x9eW\xe9\xc1\xeb\xdb\xed\x10D\xf1\xb1j\x1af\xadN\xcci2\xb1,].r\xb9R\xba\xf1\xe5\x11\x96k\xe0\x94R\xae\xea8\x1bP\xa9,\x16\x0b\x88\xa5\x15\xb0\xc4\xcf\xad\xd9\xae\x1a\tf"\xc3\x8c!\xd3\x9c\x18\xca\xa5\xd2\xdf`\t\xba\x05S9\x9a\x05*\x8b\xd9\x02b\x81\\\xf5O"\xb1k"cU\xc6\xa6g\xbb$\xc0\xe5$\xc80\x99\x89g2\xd0\xf3\x82S\xc9\xe4\x16U\xb2#\x0fP\xbc\xcf\x87\xa4\x82|\xa7\x10\x16|\x13\x9f\x88\xdc\xaaw\xcc\x01V\r\x86U\xc9\xe5F\n\x04c(\x86)\xe6R\xc1\x12$W2YJ\xa1\\G\xdf@\xa0\xb2\xa8`n\x06.\x84\x15\x11\xf9aS\x01\xab\x0b\x03_\x11\xa9\xb2\x11\x04\xc3\x10\xccb&amp;\xe3\xcd\xb5C\xd9*\x95:\x94\xe0\xc3\x02\x10@\x88\x9e\x85\n\xc0\xb1\xe8!\xe7\x01K\xe4gs7\xa7\xa7\x1b\xac0h\x81\xaf\x88h\t\x0cS\xe3N#E\xb2\x06h\xc9}\xa9&gt;%\rT\x16\xb4Tc\xd7\x1a\x01\x8b\x84\x0fz;T\xf9\x98\xf8X\xb3\xb30\x97\xca\x91\x0f\xb3\xe18\x86\xcb\xe5\xe0\xb2\x99\x90\x81\xae\xaeVV+\x90\xd7\x81\xb0\xd5\xdb\xf5\xc6@\xc0\xd7\x8f&gt;\tX\x9b\x15\xa2&gt;\xa1\xb8\x8e\xb0\xc0\x86U!\'\x16\x81y\x0b\x03,5A\x90\x0ck\xf0Jk5|\x00\xb4\xaa?t\xa8^K\x05\xc8A\x1fT\t\x1b\xc2\x9a\xfb\xf2\xad?\xfc\xaaR\xbc\xcb\x91\xec\xcc\xf4\xb4\x80\xf59&amp;\xaf\x92c\x18\x8e\xb0\xd0\x8e\x12\xcc9\x06\x85\x02b\x88\xd4:t\xe8\x906\xc0\xf3&gt;H}\xa3\xde\x06X\xd3\xa5\xf1\xf1\xbb\xcf\xc5\xe2\x92\xfd"5\x83\xd4\x12\xee\x9a\xe5\xf2*\t.pi\x87\xd5&amp;\x92d\x0c\x8aZ\x8d\x0eq}\x8a\xd4\n\xb8C:P\xcb\x89r\xcb:\'\x1d\x1fo\\{.\xd6\xc5\xdb\x85\x0e\x84\xb5\x95\xf3\x00\x06\xc6\x1a\xc3\xd5j#\xb2\xd9L(*\x95*\xfc:_\xc0\x02\xa5Jk\xf4\xe9N\xea\x06U\x94\x05\xd4\xb2\xc5\xe6f\xe6\xc7\xc7/\xad=\x13E/\xd9\x8bS\xb5\x80e\x05\xd3Z%p\xa1 bj\xb5S\xadV\x93@U\x8d\xb0\xd0:\xba\xddN\xa9\x06\xdd\'\x07QU\xd5\xdb\xa0@\xcc\xcdt&amp;\xc7?i\x01\xbdD\xb8\x12|\xb6\x96\xeaDX\x88\x0bC\x82A\x101\xbd\x1ar&gt;;L\x84\xa2\xc7\x00K\x03r\xa9,Z\x1b\x88\xe5\xd7\r\x0eB\xca\xebm6\x845\xb3s\xfc\xe1\xda\xda\xda\xa3\xa7\xaf\x9aK\xf6t\xed\xd2\xfe\xce\x97j\t\x96\x1a\x83 :A-\xb5zxx4\xa4\xa8\x96Ja\xf4CX\xe0\xc4\x06OjN\xea|\xc2{\x88\xa2yf\xa6\xf33\x84\xb5q\xef\xc5\xab| P&amp;\xab|zo\xdb\xe9\x9f}\x83\x85\xe4\x02,\xe0Rk\xd5j\xf90\xe1\x06\xb1\xa4\xd2Z\xd0\x08P\x8c\x01\x9d\xff\x7f\xb0"\xe6\xe9\x99\x99\xcb\x0f76\x80k\xed??}e\x91\x94\xedz\xf6h\xade\xdb\xf5\xce\x97X\xe8ND"G\t\x8fA\xd3&amp;@\xafpt\'RK\xaa\xf1\x0f\xaa\x8cF\x8bO\xa7\xd1\xa0\x94\x87cC9\x0fX\xf3\x80\x05g\xed\xd2\x8dG\x1f\xedz\x05\xd7\xce2\xd9\xae\xe7\xff\xde\xbd\xbb\xa5\xa5e\xa5\xf3\xef\x08+\x86\xa00\x14E\x1c\xea\xbc\\\xed$F\x89p\xb4\xadMY\x8d\x92\x1e\xb0,*\x10\x0ba\xbd\x94+f\x86\xe4*\xddET+\xa77\xee~x\xe2\xe0\xd7\x1f\x7f[2\x99\xec\xe9\xbd\xef~\x1fam\xbb\xd4933=\'\xc8\x05\x07US\x1c\x95yLM\x98\x18o\xfb\xb9v\xe0R\xa0 Z\x02,P\x9d\xd4\x1d=\x8a\xea\xbc9\x06\x15b\xfah\xfa\xe0\xc6\xca\xca\xe9\x13\x80\xf5\xda\x8d\xef\x9c\xb9\xfb\xaf\x7f\x1e\xfe6\xc1\x94\xedx\xb6\xf6\x83\xdf\xec\xfe1Rk\xb7\x1fa\xa1\xfb\x07\x89\x90\xf2[U\x1eu\x1fS(\xdav\xaeO\xa9\x94\xd6\n\xc5\x8a\x07,PKw\x14\xc9\x85\xb0\xcc\xd3\xba\xf4\xca\xca\xf5\xeb\xd7\x0f\x9e\xd8x89yf\xef\x99\xbd\x93\'\xbe\xfe\xe8\xff\x04\x83L\x7fq\xef\'\xdf\xdb\xf6\xe1n!\x88-_\x02\xd5\x9cuK-9\x92\xabNh\x8a\xd0\x13C\ne_\x1f\xc8U\x0bA\x04;\xcdj\x14\x1aA-\x9f\xcal\x86(\xc6,\xf4]Du\xfd\x13\x84\xf5\xda\x993{\xf7NNN\xde\xf8/\'\xe7\x1b\xda\xc6}\xc6q\x9f\x8es2#\xddE\'N\xbepq\xcf\xa7[\x1ct\t\xb6\xe8\r_\xb4\xd5\xfasq\xecni\xde\x18\x14\x0cY\xe6"C\xb0\x0bI\xb6\x10\x10\xd2\xc0\x8eJ\x8b\x95\x18\x9c\xc0\xd2W-\x0c\xa1WS@a\x82\x16V\x99\xcdo\x86\x126F\x0b\x13\x88N8 y\xaf\x8c\x03\xae\x8d\xe3`2\xf6}~J\xd2v\x8c\xb5\xdd\x13[\x8e\x139\xfa\xe8\xfb\xfd\xfe\x9e\xe7\x91#y/\xf9\xffx\x89\xe3\xb7\xc5;\x8e\xcd[\xe1p\x8c\xb0\x1a]\xac\xd1&gt;\xe2:|\xe4\xf0\xabY\x8dn\xea\r\x9c!\xac\x81\xc1\x8bGq\x0e\x83~\xa6\x16\xb9HXCC\xbfI\xad\xa5P\x9d\xb5\xc6\xa6\x00\xac\xa5(\'x|\x1em\xaf\xfd}\xc1\x10\xaa-\xd9\xd6\xcb\x8e\xe1\x98\xb1p,\x9c\x0e\xa7c\x83\xe4!\xb9\xc8\x12O\x07\x91\xb2\x15\'\xacIo`\x1e\x99\x07\xd6\xc5\xebS\x03~\xff\xabpE\x10\xfa\xa1\xb1MF\x95J\xad\xe57M\x86\xe5\xe38pq\xb5\xc6\xf6\xf7zm\x19\xa0t\xc9\x96\x9d\xb2\xa3\x97\xadJ,\x16&amp;\xae\x9d\xaeZ\xc0\xa2]\x0b\x17C4~\xe2\xc3#3\'\xaf\xde\xf7\x06\xe6\x08k\xf9:\xba\x03\xb0^\xca\x85\x014t\xea\xb3\x0e1U;\xd5\\u\xd3\xac1,p\xf9\x00W\xeb\x82\x1d\xfa\xae\xf6=\x96mY\xb5\xcbe\xc7.\xab\xc5\x98\n.Xy\xfd\xd1hd\x14\xf3\x87\x90F_\xef{\xbd\x8f\xaa\x9f\xb0NN\xde\x0f\xcc\x05\x8058HL~\xe6\xe2\xe0\xafX\x8b\x18:{\x93I\xd5\xe9tr\xad%+J\xd9\xf2\xf9\xa2\xd0+\xea\xf3x&lt;Zc;\xf4\x1d\xd2\x8fN\xb5\xf5\xd8\xb0u\xd9Ry`\xc9e\xa3\xa0\xc6\x18Vx\x87\xd4\xca\xfe\x14\x8aE\xfa"qb\x8a\xc7A\xf5\n\x0b\xe1\x82\x83HV\xd7E\x86\x85Gf\x1f0\xad\xaa\xadV5\xd5\x8aZ]\xb1P\x1e\xe4\x8b&gt;0\xc5\xbee\xbd8t\xe8\x87\xcf\x1e\xeb\xbcnH\xa6"\x97\xcb\xe5\xb4\xc4;\xa6\xaa2\xb9b\xb1\xdb\x11 e\t*\xd2w8\x1e\xcf\xde\x8a\xf7\xc1\xc3E\x988\xe9\x9d\x9f\x87\\ \n\x06\xfdT\xdd\x16\x81F\xff\xa3\xdb\x1d\x96\xac\x16\xb0r\x9b\x1e\x85\xc4\xf2 X\x8c\xcbCNz\xbe\xcdJ\xd6\x13x\x9d\xe7\rI\xb1\x14\x1dX\xb6";bEQ\x88+\x16n\xbcI\x99\x1f\xcd\x82\nF\xc6\xb3\xa8.\xd6\xe4\xa4w\x01\xad\xab7\x18\xeceT\xc1\xaf\xe4\x1a\xbb\x99C\xc3JA\xacN\xb5\xbei)Q\x1fy\xc7\x81\x88rO\x82q\x1eN\x10\xfe\x87\x95\xac\'\xf0\x86\xc1\x1b\xb2\xac\x9a\xe4aYW\x15\xd5\xe7\x16\x15\xa5\x12\x0eK\xb2\xbd\xd3w\r\x0eFF\xb3\x8f"0\x10`\xc3\xc3\xc3\x8b\x8b8\x89\xf7\x03\xf3\x0b\x0b\x08=\xf6.\xc8\x15\x0c\x0e\xf8\x81\x85y\xfd\xe6\xd8g\x9d\x06Y\xd8iu:\xd5VM\xaf\x01\ng\x90#$\x14;\x91\xf8 pB\xe3\x80~\xe2\xc0\xa1\xff2\x93\x9fm\xf0T\xb2\xc4K\x96)\xf3\xce\x86*\x9a\x82j\xd7\x8a\xc5b\x05r\xc9\xe1\xca_\x86\xaeE\xc0E\xd5\x97\x85\x8d\xc3\x0f\x10\xad\x19z\x9d\xd6\xdc\x02\x1b@\xc7\x81\xc5j\x80\xf2\x7f\xfe\xe2\xa7-tw\x1cB@U[\xcf\x15\x8byHBA\xa1\xafq\t\x1c\'\n\xda&gt;\xb5\xfeC\xff\x19\xaau\x08\xc5;\xba*\xf1\x10I\xb2u\xd52ME\xb2tK\x84\\R\x98\xd98v\xba\xef\x1a\xa2\x15\xc9\x92\x87\xb7 \x16&lt;\x9c\n\xf6z\x03\x81\x95wV\xe6\xe7\xe6\x08\xab\xf78\xb0hY\xbd~\xfd\x0f\x7fD\'\xadV\xabu\xbcWw\x9a1:\x84&gt;\xd3\xe4\x90,N\xe4\x98j\x1cY\xca1N\xc1\xddk\x87~\xf0\r\xff\x10*\xa4\xca\xe1mP\x19\xb6\xa4Z\x1e\x1fg\xc9\xb6-\x89\xa6"\x14\xc0\x85\xae\n\xc5vN\xa1A\x02\xeb\x11ru\x0bb-..\x8f_\r\xf6\xa2o-\xac\xac,0.\xf4Ur\x12\xcb\xea\xa5s\xf7:k\xc8U\xb5^\xaf\xd6s\x9dv&amp;\x87\xa9#\x98\x96e\x8a\x9e\xa5%\x1f\xacc8/.\x05\x11%4\x9e\x7f\xa3) T\xc8:\xa8lh%\xfap\xb78\x13}^\x97\x14N5\xdd\x02\xc0\xc2\x04\x16{\xf2\xda\xe9\xd3C\xd0+\x9b=\x9a\xa5`-/\x8f\xfb{\xef\xf72,z\x81\x0f\xad^\xb4\x13\xfa\xa7.]\xf2\xde\xd9|AU\xd74\xed\xc7\x99\xa4+\xd6j\x96e\xe1\xd6a$F\xb6G\x10H%F&amp;\x08H\x0c\xfeF\xfc\xda\xa2\xb0n0*\'M\r\x8b\xf59\xba\x16\xfe\x05E\xb6\x15K\xda\xce\x13\x17M\xa1p\xee6\xfd\x1f\x05\xb0\xa0\xd7\xf0yh5&gt;\x10\xf4\x92Z\xf3+\xecuG\xc7\x81\xc4\xb8\x06\xde\r\xdc\xb9\x97",\x8d*QM\x96\xda\rK\x10\x15\xd3\xc4\xcd\x9b\x1e\x12G\x88\xfa\x04Q`E\x1e\x12\x94i~\xe5\x9fc\xe8\x14+\x87\x878\xc4c\xc2\xf7(\xca\xe71-U\x96\xf4\xa7\x07\x05p\xc5\xa8\xc2\x9d\x0fO\r\x1d\x8e\xc4#P\xeb\xc1\x83e\xf6s*`\x1ba\x81\xebE\xb8ziY]\xf8\xfd\x9d\xd6Z.\xa7\xa54W\xd3r\x8d\x83R\xb2\xb9+\n\xa6\x89\xc4\x16p\x87UIBT|$\x19\xc8\xbap\xfa\xf2yu\x00\x00\x051IDAT\x8c\xab\xeb_hk\x03J!\xedN\x99\x97\xd0\xa1\x14tOKD\xa3[\xa2\x86\x1c\x15\x14IW\x9e\xae\xee\x15\\\x17\\\xd0\xabr\xf3l\x1c#\xa5\x8fl$\xac\x01\x86E\\\x0b\xbfDK\xa5`\xe1\x0f\xbcs+\xef\xfc\xe9\x179P\xa1\xf0\xb5\x89Tf\xb5\x9d\xdc\x13DK\xc1m\xa8\x98m\xb6,\xa9\xa2\'\xca\xcc\xec\nFt"a\xd1\xf9\xdbp\x90u\xd2\nP\xaa\x8c\x90\xdb\x80\xb3L\x81\x9d\x10:\xc1\x9cPh\xce~\x9es5\x17m\x02d\xad3c\xfd\xa7\x90/j[G\xf1(\xc7\x8f\x1e\x8apy\x03\xf8u\x1c\xd1\x82X\x81\xb9\xf9\x85\xf9y\xec3\xb9\x04\xa8\\-\xa1a\xefK6\x93{\xa6B"\x85u[\xc7\xcc\x15\x90\xfb(H\xcc(\xe5\x1fP&amp;\x85^d\xa1r\x9c\xee\t\x84}\x92\xac\xebi\xea\xa5\x92\x847\xfazR\r\x95K\x96V\x9f\xbbZ]+R\xea+\xf7\xce}\xfc\xda\x1bGN\xd3\xb7\x92\xb2\xe7I\xad\xfb/\xf3\xd4\xebeX\x01\xa86\x17\x08\xbc\xb7\x96Hh\x10\nb\xe5\xd7\x92\xa5f2\xb9\x8f\xdb\x90\xf1&amp;\xe3\xa8\x9bdHT\xb4T\x18\n\x11\xe8\x00\x10\x94)\xf6\xfc\x8bA\xf1\xba\xe3\x18\xa0\xd0\xa9\xd0\xb7\x0c\xaai\x87w\x0c\x19\xaa\x99\xb8\x17{\x99\xe4l2\xaf\xe1&lt;\x91\\\xb1\xe8\x17?\xffhb\x82=\xeb-\xfe`\xdcOD4\t\xafN!\xfd\x84\x86\xf1H\xb6\x9e\x83V\t@\x15]W+"Y\xc9df\xbf{o\xa98\x8e\xb2+\xaa\x00D\x7f\xa4\xbd0\xba\xb4\xbf\xe7\xe2&lt;\xf48D\x85Mo}{\xcb\xd6\r=M\xc1\x07\x963\xed`\xee\x94\xa7\rCg\xca\xc9[\xa5Riu\xbfP\xef\xd4]\xe2*\xbeu\xe6\xef\x9fLLL&lt;\xbc{$N/\xde\xf2zo\x04\x07\xc6g\x16GF\xc6\x83\xbd7\xe6\x00\x85\xfepu\xe0\t\xc4J\x14+\xc5\x02\xc2\xb5V*53\xc0Br\x11)URLjA\x82e#a\x8a\xc5\xb1\x15\xc7Sk7\xdb\xcf\xf7\\`\xe1\xf4M\xafo\xaf\x86\xb6\xe44MC\xc8e\xc8\xbaAPe\xa6\xd94ds\xf8g\xb3\xa1\xccl\xa6R\x80\x8d\x85J\xa5\x12\xdb\xfc\xe2\xf6\xb1\x89\x87\x17.\x80kx\xd9\x7f\xe3}\xaf\xff\xe4\xcc\xc8\xdb\xfd\xfd\xc3\xe3\xfe\x1b`\xa4q=0\xf5.\xc4r\x13\xc5\x02\x8e\xa1\x96\x83X\x19\xd4\xae\xa4\xd2\x1dE\xea\xc5(\'Z\x12\xb5k\x85c\xfb\r\xad8m(\x9al\x92Z\x1b\xeb\xdb\xa5\xd9Ph+\x9c\xa6ih\xd8\xb4\xfd\xd1\x8cv\xa6Q\x0e\xd6\xd3\xb2\xe3\xe8OC\xa1\xd5Rh_)\xb0\xd8Wb\xee[\xbf\x1b{c\xe2\x02=\xd53\xbe8E\xdf\x16\x19_\x1c\xa6\xa7H,\xb3\xcdt`j|\xea\xd2\xa7;9\r]\x18\xb9B\xe2S\x99R\xb2T\xca\x94vm\xb8\xa8\xd0\x89\x12k\x16e\x0c1aC\x91\x16\t\xd1$\xacL\xb2\x07J\xb5WC\xa1\xd0\x89\x13\xeba\x9bq\xa5\xc94\xdd \x91t\x12\n\x80\x1b\x86\xfc44\x1b*\xcd\xb6\xbb~\xe4\xe1\xe3fj\xe7\xf2\x95\x8f\xee&gt;&lt;BX7\x02\xef\xfb\xc7G\xfa\x8f\xd1\'\x8b\xe3\xcb\x83\x833\x1f^\xdei\xe4\xf3\xc0r\x89\xcau\xeb\x07\xa5\xcf\x91\x83RfWF\xf7Q\x14\xd6\x86$R\xca\xb4\xd8L\xf4Q\xbbgX\x19`\xad\xb7g\t\n\xef\xebx,\x88&amp;\x91\xe6\xa1\x16\xf9/\x93\x83\x1b\x1bet\x8fiY\xcf\x84H\xae\xd5]\x056\xba\xd8&amp;\xc2K\xad|%\xdfh\xec\xfc\xf6o\x7f\x85Zs\xde\xc9\x99\x91\xfe#w\xef\xe21\xe3\xc8\xd9\x7f\\\xde\xa1P\xe5sU\xf4\xab\x82+hZ=\x05\x15\x00E&amp;\xa2gI\x12"\x8bL\xc9\x88\xba\xc8\xc6\x0em6\xf8\x9d\xaf\xdd\x84X\xc9\x1e\x82"\xadN|\xb9n\xdb\x84\xc5\xf3a\xac4\x16\xad\x0f\xa0\x02\x17\xc2\x85\x80A\xd1\xd9/\x93\xa1}\xb5\xe0"]\xe8^\xeef\xbeR\xc9S\xad\xed\xfc\xfa\xbd3\x81\xc9\x99\xb7\x8f\xdd\xbd\xf0\xc9?\xaf\x00\t\xc7/\x8f\xc6P\xa8\xd6\x99X\x82V_:\xc8\xfc\x99\xa0\x80\x05\x18]\xa6\x04c{\x02\x15\x9b9\x00\xa2\x1e\x8f-u\xbbI\xe1\xea\t\xcd\xbe\xc4\xdaH\xbf4\x11#\x0b\xf3\xc6\xd6\xa7\xa7\x89\x89\xa8\x8c]v\xb5d\xa8\xad\x16\xe0"\x96\xc2Je3\x01\xacJ\x91TI\xe4r\xa9\x0f\x9e\xfc\xe4gW\x9e3$bJ\xe4\xaa\t\x1c\x0f\x8drU\x83X\x19\xa8\x00.2\x11K\x93&gt;\x8dSo\xabL+j\xa6\x188"\x86\xb5\xcfW;h6\xd1s{f_\xca\x05,*&gt;\x9d\xa6V\x05\x13\xa7Y\x19\xdd\x0f\xeb\xecZ\xb0\x01.\xba5&amp;\xd7R\x1dP\x150\xe4s\xb0\x0b}\xa0J\x97$\x1fA\xe5\xb4\\\xe1\xdf;\x0e.\xdeY\x99v\x1f\x0f}T\xfeh18\xd58~1\x06\xb6O\xe4\x99\x815\x89&amp;0\x81\x01\xcb(`\xf5\x0bl}\x81\x1a\x11L\xe0\xd0\x02\x82r`hA\xdd\xf5\xe9\t\xd0E\xc0\xd6C\x12\xa8\xa1\x05L\x8dB\x8a`G\x81H`D\x82\x9d\x15\xa5tQ\xe9\xd1\x8f/W\x81\xe9e\xe1B;\xe9;\x8d\x0b\x1b\x17BB\xab\x11\xc48\x0e\x8eS\x07\x98\xb3\xc0\x81\x05\xc4\x07\xbe\xfd\x06F\xcc\x8dG\x90\xf2\x01\xe8,M\xa0E\x8a\xa0\xaa\x07\x98\x1d\xc1`\xa1\x16\xdfnp\xab\x99q7+\xd8Y{\x00x+_\x00\xb6V\xe5J\x00\x00\x00\x00IEND\xaeB`\x82'</t>
        </is>
      </c>
      <c r="M313" s="3" t="n">
        <v>45492.67689814815</v>
      </c>
    </row>
    <row r="314">
      <c r="A314" t="n">
        <v>924404</v>
      </c>
      <c r="B314" t="n">
        <v>1962</v>
      </c>
      <c r="C314" t="inlineStr">
        <is>
          <t>Caio Vinícius</t>
        </is>
      </c>
      <c r="D314" t="inlineStr">
        <is>
          <t>C. Vinícius</t>
        </is>
      </c>
      <c r="E314" t="inlineStr">
        <is>
          <t>VOL</t>
        </is>
      </c>
      <c r="F314" t="inlineStr">
        <is>
          <t>VOL</t>
        </is>
      </c>
      <c r="G314" t="inlineStr">
        <is>
          <t>VOL/MC</t>
        </is>
      </c>
      <c r="H314" t="n">
        <v>187</v>
      </c>
      <c r="I314" t="n">
        <v>15</v>
      </c>
      <c r="J314" s="2" t="n">
        <v>36170</v>
      </c>
      <c r="K314" t="inlineStr">
        <is>
          <t>Right</t>
        </is>
      </c>
      <c r="L31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e14bfbe-864a-4639-9d5b-61d0988751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ba\x1fG\x00\x00\x03\x00PLTE\xff\xff\xff"#\'\x12\x13\x11\x1b\x1c\x1b\x17\x17\x16\x14\x15\x14\x15\x17\x15\x18\x19\x17#%)\x1a\x1a\x19\x13\x14\x12!"%\x10\x11\x10\xff\xff\xfe\x1f\x1f  !$\x1f "\x1d\x1d\x1c%\'+\x0f\x0f\x0e\x1e\x1e\x1e!!!(). \x1f\x1e\xacwW\x1c\x1c\x1e#""\x8aV7\x18\x1d\x18%##(\'(\xb1}\\\xa5qP\xa8sR\xc2\x8el&amp;%%\x91]&gt;\xc0\x8bi\x8eY:\xcb\x97u&amp;!\x1e\xa2oO\x1a"\x1b\xcb\x9bz\x9chH\xc0\x93u3,\'\xd3\x9e}\xb5\x7f]\x16\x19\x16\xa8uV,+*\xd7\xa2\x80\xafzY\xea\xb6\x95\x96hK\xc3\x91p\x96aA\xa2lLF5&amp;\xf6\xf6\xf6\xfd\xfd\xfd\xb7\x8an\x84P2&gt;1&amp;N&lt;.\xd1\x9cz\xce\x9d}*%"\x94cE\xbc\x86d\xdf\xaa\x88\xb8\x81_"\x1e\x1b.(#\xc6\x95u\xad\x80d\x9bkM\xcf\x99w\x89Z=\xbc\x8cm\x88]B\xa8y[\x9ejK\xc9\x94q\xfa\xfa\xfa\xba\x83a\x88S4\x99cD\xa8~b\xb3\x82c\xa2x\\\xda\xa6\x84\xc4\x98z\xac|_\x1e\x1a\x17qE+\x1e&amp;\x1f\xbd\x8fq\x99fG\x1a\x1a\x1b\x97mQg&lt;#0//\xbb\x95|\x9frUo@%\x9doQ\xb2\x86jxG+2( \x7fL.173\xbb\x89h\xf2\xf2\xf1\xc6\x90n\xb7\x90u\xe65/XE5:,!\xe7\xb2\x91\xb8\x84dsK1,,3\xa9\x88p\x8fcHT@.yK0\x8c`D\xc9\xa5\x8bjA(\xbe\x88f:2.\xb6\x86i|O4\xe0.)\x81T8jP;\xf0A&lt;\x83X=uYC\x89hN\xed\xec\xeb\xaf\x8dt\xc0\x9c\x83\xe4\xae\x8c\xd9)$b9!\x0e\r\x0c\xa3tX\x8enUD8.T2\x1e8?:{]E\x85cL$,&amp;+"\x1d}bL`@+\xe7\xe6\xe5[7!uQ9\x99v]\xf6HBC*\x1a\xde\xdf\xdeaM&lt;\xc2%!5"\x18\xcb&amp;!\x9d}d\xec&lt;7mVC|U&lt;\xad\x84icI5M-\x1b\xc7\x9f\x84\x99rVuzw&lt;C=\xd0\xd1\xd0\x83^F*2,SXT%\x1b\x16uC(\xaf\xb0\xaf\xd1\xaa\x8f?\x1e\x1d\x90iNlH1\xbd\xbf\xbeoT&gt;\xd1\xa3\x84\xea\xe1\xdf\xd7\xb1\x99\xc5\xc6\xc6\xd5\xd6\xd5\x87\x89\x88\xdc\xae\x90nqn\xa6l\\\x8f\x93\x90KSN\x96\x9a\x98\xe3\xd7\xd5\xb4&amp;".\x1c\x14\x84jU\xa7\x84m\x91dS\x9chW\xca94\x1b\x13\x10\xde\xce\xcb\xb4\x93\x7f\xfdQH\x90s\\\xca\xcc\xcb_eafkh[_]\x83\x81\x7f\xa0\x81i\xa46/\xd9\xc3\xb8\x8f*&amp;\xa9te{&amp;"\xa6\xa8\xa7\x9f\xa1\xa0\x9d)%U&amp;&amp;\xb6\xb8\xb7\xe9\xbc\xa0\xdf\xb6\x9f\xb951GMIj%"\x95;/@HC\xe4C?\xc9\xb6\xae\xda=8\xc0\xa6\x9b\xb3wfd\x1b\x18\xfd\\R\xe1\xbe\xac\xa2\x8c\x80t\\O\xb3\x9d\x95\xceJB\x99P:ai\xe5\xe2\x00\x00 \x00IDATx\xda\xcc\x98\xddK\x9by\x16\xc7\xcb\xf3\xf6\xe3yxR\x08\xc9`i\xd2ne\x83\xe8\x83#\xc4^\x84\xd4\xa4*\x8c\x17\x96\x8a\xb8\x12bW:\x9a\xc9\xe8\xaeqcB.F\x90m\r\xe2JK\xda\xdchw\xcc\x12\xc7\x97\xc5\x0c^t\xa72\xd1\x89/\x17u/T\xc4\x04\xdc\x9b2\xac/\xdd+\x05/\x06\xfc\x0b\xf6{~qw\xef\x9b\xd4\xee\xf1%\xcf\x13\x95|\xfc\x9es\xbe\xe7\xfcr\xedZY\xc3\xeb\xbd\xf6\x7f\x13^\x9f\xcft\xcdd2\xf9b\x99\xcd\xb3\xcc\'\x07\xf3zb1_,\x96\xd9&gt;\xdf\xca\xc4\x10\xdb\x85\xfd\x93\xd4\xde\xea\'\xe52y=\x87\xa7\x85\xd3\xf3Ba7{tT\xd8&lt;?\xdd?\xca\xe7sFzo\xc7W\x94\xd0k\xfa\x04J%W\xcf\x8e/\xa2\xa9T4\x97K\x07\x02)\\\x04\xec\x08\xd9\x99&gt;\xda\xf6]3%\xb7\xce\xb7\xe7|W-Ul\xb5\x90M\x81\xc3iwR\xf0\x0bEVd\\\xb3\xc0\xdaV\xe60\xbb\xb2\xb2\xb6{\x98\xf4\\\xa9b\x9e\xd5l*mgN\xa7\xa2\xc8\x9a\xa6\x11\x8c\x82\xc0\xa5\x02\xc4@t%g\xd8\x03\x81\xe8\xc9\xfe\xa1\xc7tu`\xbe\xb9\xb3\x14d\x92eE\xd0t]\xd0\x14\x991\rP\x82\x057\x0c\xb4N\xc5\xc9\x9cv#}q\xb6\x1d\x8b]\x91b\xde\xb9\xc3\xcd\x0b;SI Y\xb7\x00\x05\x8f\x02\x80\x04\xcb\x94\xc5\xa2)\xaa\xa4\xc8\xb2\x8cg\xedF`em\xff|k\xe7*j\xcc4w\x96\xbd0\x18\x93@%)\xba&gt;\xa5\x0b\x08\x0bT\x03\xd6\x94.3\xd1\xac\xca\x02\xd1\xcav\xc30\xd2\xf9\xfc\xc9\xce\x15\xe8\xe5\xdb\\C\xd31\x94\x91\x0cY \x91\xc5"\xe8:\xa9FT\n\xa8D\x8d\xeetMAgV\x10\xd9^\xe6cs\x99&lt;;\xbbi\xc3ng\xbc\xbeU\xa5\x88%\xf0\xfc\x01KPT\xd5\xac\x02R\xd7\x04h\xa9\xa8f\x83\xb8\xdeg&gt;r\x81\xf9Vw\xf3vCe\xc0\x12\x04\rX\\\'\x9d\xe0(t\xc9)I\x94Bh\x89\x1e\x95\x98\xaaB\xb2@*{\x1e\xfb\x88\xc6\xee\xf3$\x0b\xb0++\x83\x12\xc0"=x\xc2\x8aLSS\x16]\x01\x89$ \x99\xa4\xa6\xecd\x8c\x11\x97\x91[;\xfbh\xe6\xea\x99;?\xddM\x19v\x95I\x90\x82zO\x96%I\xd3q\xa5_bY4&lt;\x81;AR\x01&amp;\x03\x92\xc1+\x08,\xba\xb7\xe5\xf9\x08J\x99|\xbeLam%gwj\n\x93\x05`\xc9\x8a\xa6H\xe4\x0c\xe4\x12S\x80BX4\xca\x1d0\xd1\x0e\x92\xa61\x917,+\n\xb6\xed-\xbf+l\x9f\x1f\x9e\xe51n(y\xb2@RQ\x96\x80\x85\xd0y\'\x12\x18Xa\xb1x\x12\xfd 2\xa7h&amp;\xd5 \x19c\xb0\xfd\xbd\xb92\xd7\xbd)\xb6\x9fO\xe5\xa3\x86\xd3\x89\x97\xd4ux%l\x89\xe8(\x99\x84U,\xaf)\x1d9\x84ZpV\x10\xc3p\xcdV\xeaX\xd4\x17\xb4\x13\xed\xd1\xd3\xa4\xc7WF\xc5\xbc\xc9\xd3\x15\x9a\xcbN\x92\n!\x81C [\xd0d\x8eI\xb7\\/\xf4\x9e*+\x1cU\x93\x14&amp;\xa9"\x03\xa1\x84\xfe\xd0d\xd5i\xac\x14V3IO\xd9\xbc\xc2\xb7\xfa&gt;\xc7\xf3\xa7i\x90\x85(\xa6,\xdc\x9a4^\xfapN^\xf6\xa82Y\x12\x15Ye\xf4\x9c\x0c,\xf8\x83\xack\xa4\x1f\xdc_r\x1a\xd1\xec\xe6\xea\xeav\xac\\)\xdc\xdc\x8b\x1av\xc5)k\xb0NB\x00\x17\x95\x97@*\x08\x97Y\x85Th\x04\x89\x11\xab\x85OJ\x89\x89"\x8d\'J8\xb4\x951$\xa3G\xbb\xfbg\xc9\xf2h\x95\xd9&lt;\x8e\x1a\x06S\xb8O\xe2\x05en\xa1T\xd6\x18\xc9T\xf3\xa8r\xe4\r^ \x83E\xa7\xc5\x82ZU\x96Ts\x85$\xe9\xe8O\xb2\x0c8\xec\xf5@`\xe5d-[\x1e\xac\xb9\xdd|\x0e\x1d\xae\x12\x02O!-3\x02\xa6\x9f\xd4\xd3\xc3\x18\xbcI\xe6\x83FRUI"\x8b\xc7\x00\x92\xf9\xc4T9\x960\xc5\xff\x17\xcb\x94\xacX\x99\x98K\xad\xbc/\x8b\x7fy\xb7~\t`\xf5\xc4F\xa5\xd1\xa4\x01\x16\xc1Y\xb4\xd6\x99\xa5\xa5\xa5\xf5\xd6\xf5\x83\xa5\xa5\xc5\xa5\xa5\x83\xf5\xf5\x9e\xf5\xf5\xf5\xd6\xd6\x1e\x04\xc7R%\xbeK\xd0\xd0\xa4\xfdB\xd7%Y\x15E\x03\x83h\xae\x1cX\x99c\x8cfdP\xd2.\x17\x05\x81*\xeb\xdd\xc1\xf2\xfc\xfc\xfc\xf4\xf2\xe2\xe2\xe2\xf2\xf4\xfc\xe4$]\r\x0f/\x0e\xe3~\x913J\xac\xa7\xa7\xb5U\x12\xe8\xaf4\xbeO\x80\xd3l\xb6\x9b\xa3\'\xab\xe5\x988\xfb9\xa2\xd2d\xc6\x1d\x8ao1\x96w\xeb\x8b\xf3c\x88IB\x03T?b\x167\xd3\xb8!\xd8\xe9\xe5eH\t\x1d\x0fP\xeb\xfcO\xc8&amp;\xe0_\xaah\xcf\xe5\x0f\xcb\x90\xc2\xed|\xc0\x10Q\xcc(\x96\xa2qB\xae\x03@\xf5\xf6\xf6\x8e\x8d\xf5\xf7s\xa2\xfeP\xa8x;9I\x88\xf8\x9a\x9c$\xb8\xe9\xe9\xc5\xa5w\\_X\x071an\x1b\xe9\xb52\xa8\x15\xdb\x85cq\xe7V$\xa18\x93\xdf--O\x02#\xccIx\xe0jd\x84\xdfqH\xae\xde$\'\x9e\x9c_&amp;.\x9d\x1a\xc4)\x12\x96=}\x94)Ce\x15\xe0\xef\xd8\xd5\x15\xecQ\xbc\xb6\xf4\x9e\xc5iN\x05\x8eb\x8c\x8c\x8c\x8c\x8e\x8e\xe2\xfb\xdb\xb1\xb1Ph\xac\xff\x7f\x12\x86B\x1b\xa1~pQ\n\xb1ec2\x8a\x18\x8d\xe5P+\xb9s\x1cP\x15r\x01\x9c\x1ahk\xef\x19\x9e\xef\xef\xdd\x08\xf3\xe0&lt;\xa3\x13\xa3\xfc\xfb\x04\t\xd6\x0b\xaeP\x88\x88\x8aT\xe1\x8d\x8d\xfe\xe5ut0J\xc0\t.\x11\xc7\x8e\xfca\xc9\xd3\xc7;\xb7\x99\xe7}\xa8\x14G\x9f\xae\x0e\xa3\xac\xc2a\x02\t\x87\'&amp;&amp;\x9e\x15#\x91\x98\x98 \xc5F\xc3\xbdP\x88\xc7\x06\x02\xe8\x1b\x1b\xa1\xe9\xf5\xe2j\xa6\xd2\xf6e7R\x9b%cy\xb6\xb20x*y\xeaB\x0c\x94\x99iPA\x9bH\xa4\xb1\xb1\xd1\xd6\xde\xde\x11\xef@\xb4\xb7\xb7\'\x9e\x11\xd8\x04\xd1\x12\x0c&gt;\xc2\x91\x08}\x867B\xcb\xeb|\x93\xc5\x1eA\xd5\x95\xde-\xd5OM\x99\xbd\x94AGf\x99\x96\x15\x8c5\xf3\xf0,\xa8\xc2`\xf2\xdbl\xb6*\x87\xbb\xc5\xf5\xe4\xc9\x93xG\x1cX\x04\x86\xcf\x08\x90\xff\x13\xfe\xc6\x08\x81\x85\x16{\xc8\x1fD\xc9iF\x1e\xad\xa9\xb3\x12\xb9|\xa70-*xb\xc2\x03\xfb\xa2\xf9-\xb4\x8a\x10TU\x15\xa8j\x07\xfb\xfa\x08\x0cd\x89D\x02\xd9\x04\x19d\xf4\xfb\xff\xfb\x05Y#\x91\xc9%T\xbc\xa8\xc2#\x98,\xab\xc6\xc5\xb9\xa7D/\r\xd8\x8b\xa7g\xa8\xe5\xc4P\xab\x9b}KP~\x9b\x1fP\x0ew\xb0m\xb0\xcfu\x89\xf5S\x07a=\x9bxf\xb3\x01\xda\xef\'9m\xc4\x05\xcc\xf0\xf4\x81\xa4\x98E\x85\x0eL\xd8\xa2+\x8e\x0eK\xd9\x06M\xc9=\x1cT\x19\x9d\xadh\x0f\x96\xd5/\x1afG\xa1\x94\xff\x19\x89\xe5\xa0\x14\xba\x80\x050TX\x025\x96 \xac\x04~\x88\x0f\xae\xa7\x8d$kl\x8cl,\xb7\xb2\n\xfc\x7f*\xd3h9\xcc\xbd/e\x7f\xf6m\x9d\xa4E\xc6\x8a\xeb&amp;\xd6\xbb\xd6\xa1\xa7#\xf4\x82~\xd4z{\x95\x03`\xe0\n\xb6\xb4\xb4P\x0e\xa9\xfa\xa9\xf2\x1bm&lt;\xaax\x96m\\4\x7fdc~\xa6\xc7\x8a,b\xc5P%\xd1j\xfd\xe5\xbc\x84\xe3\x99\xe7\x14\x8b\x96\x19FJ\x8d\x88m\xbc\xb5\xe1m\xc2\x01\tlU\x97X-&lt;\xdc-\xf18z\x927d\xbb\xcd\xd6n\xab\xe2\xe8D\xc5\x1f\xa0Yx~\xb8Z4\xe3\x1c\xa4\xa2\xbc\xd4\n5\xfd\xbe\x84\x155VXK\xe3\\\xcfW*:2\xcc&lt;]hq;(}\xc0\xc0\xcbU\xb9[\x82\xc1.\xb7\xdb\x1dw\xb4_\xfa\x84\xedR\x1f\xaa{\xe2\xf1W\xd1\xef\xdbF\xa7\x9b\x1eT[Ad\xa5\xc9X\xc1\xd2%4\xa3i\'K\xbb2\x02\x93\x16[z\xeb\xf0l\x87\xab\x858 \x8f\xc3\x01\xb5\xba:;kk\xdd\x9c4NR\xb5W\xd98\x94\x1fu\x1e\xa1l\xfa\xc9D\xdc]\x8e\x89\xf9\x86\xa1\x99j,6\x92\xf3k\xc0\x05VJ83zw\xb2\xdc\x1f\x14Z\x83\x15\xa6&gt;hJ\xb8\\m\x83m\xc1b\xea\xbaj;k*++\xefu\x06\xdd\x0e\x8a\'D\xca\x8b\xddOeN\\\xb8st\xe1\xf7j\x13\xb3\r\xc33\xad\x8c\xec\x01\xc5\xca\xaeG7?\xbc\xb6p\xb4X\x0b\xd0\xbb~\xe8\x1e\x89I\xd5uo\x0050\xe0\xe2T\x8e\x96\xda{w\xea\xebo\xdc\xb8S\x03\xc5\x88\xac\xa5\x8b\xe3U\xb9\xa9\x0b)\x89\xa0r\xb8\xbb*k\xee\xd4\xdf\xe9\x98mh\x1a\xaa\x86\xcf\xa3\xb4h\xbb\xc9\x15Jp.\xdfN6\x8d\xd2\xe2u\xa5\xb0\xa6\xe6x[\x1b\xc4r\x15\xb9\\}\x83\x03\xdd\x03\x8f~30\xf8\xeaUMM\xa7\xbb+\xd8\x85\xf4vu\x05)\xa9\x0e\xaa&lt;\xd4 \xa4\xaa\xbcQ\xff\xeaa\xdf\xdb\x86\x86\xa1j\x89\xd7\xbc\x02\xac\xc0\xee\x87\x9f\x16M\xbe\x1d\xac\xa6"\xbd\x85\x8c\xd667\xbdp]B\xb5/\xbcy\xf3\xfc5\xe2\xc5\x8b\xef^\xfe\xf9\xaf\xdd\xdd\xdd\xf5\x95555\xf7j\x11\x9d\xb5\xc1 }vB;P\x06\xef\xfc\xeaO_\xdd\xff\xc3\xc3\x9f\x80\xd5#Z\xe1\xf3\xaaj5\x07\xd2\xfb\xb1\x0f7.or\xeb\xc2 7\x95\x99\xcc\x86\x9a_\xba\xda\xda\\\xf1x|\xe1is\xc3\xf8\xb7\xe3\xe3uuu\x0f\xc6\x9b\xbf\x7f\xfd\xdd?\xff\xf5\xc3\xa3\xfa\xfa\xca\xca\xce\xce\xc1\xc1Ap\xb7\xb9\x82\xe8\x05\x88Gb\xfd\xf6\xf3\xc7\x8f?\xbf\xdf\xfdM\xf3p\x8fYTq@2_\xaf\xb8\x19\xc8&amp;K\xf0So\xf2\xc8\xa0N\x14U\xa9\xa2\xe9y\x1f\xa4z\xd2\xb10\xdb\xfc\xedx\xdd\xdd\xdb7\xad\xb7n\xdf\xbeu\xf3\xd7w\xc7\xbf\xff\xc7\x1f\x7f\xfe\xf9\x87G\x0f\xbf\x1cx\xd5\xfd\xe3\xcb\x17\xaf\x9f\xff\xfd9ba\xe1o\x1dqw\xf0\xde\x97_=~\xfc\xf8\xf7\xf7_|\xd30\xd4\xaa\xf2\xd61[\x8d\xc0qI\xc7\x9f\xd8\xb1A\xef\xbd\xab_\xb3[\r\x7f\xe9Ci\xc5\x17\x9a\x87\xeb\xea\xee\xfe\xee\xf6\xcd\xcf&gt;\xfb7\xab\xe6\xf7\x93V\x9a\xc6\xf1M\xfd\x15\xccv\x13.\x8cgj\xdb\xc3A\x10\x10\xd0S*\x03\x1e+\xa2T&lt;\xcaQ\xf9a\xa9\x80\xd0\x16\xe2\x06\n\xd5R\x88\x0eF\x1c[\xd4H\x94\xd1\xa4\x01;R\xb5\xc5X\xd3\x98"j[\xd3\xd9\x1a\x1d\xe9\xccT3\x99f\xec\x85\xd3tS\xbb\xd9\x8b\xdd\x8b6\xddL6s\xb1\xed$\xfb\x9c\xf9\x17\x04.\xb8\xfd\xf8}\x9f\xe7y\xbf\xdf\xe7\xf5DA\xf1\xc9\xe2\xd3\xc5\xc5C\xb3\xff\x98\x9ct:_M\xbc\xec\x7f\x19[\x1c:\xcdo\xeajjj\xea\xea\xad\xad\xadM\x8d\xd4\xb3\xcc\xd6\xd5U\xab?\x96\xaaU\xce\x14\xe6\xc1\x9c\x01\xae\xac\xd2CaU\x7f\xf5\xa4\x14\x9a:\x17\xfa\xa7x*\xde\xe9r\x07u\xe1\xda\xda\xa9)eYS\x13}\x84|&amp;\x9f\xcf/\xeb\xea\xd9\xeb\x9f\x00,\x7f\x7f\xff\xfclm\x19\x9f\xc9d\x02tc#\xbf\xa9\xac\xb7jN\'\xb0\x0bW\xadVOJY5s\x01\x9c \x80\x81G=8\xcc\xa5X\xfd\xc3\xa3\xd2\x1czo\x96\x9d[\xa8\x8c\xb8]\xcd\x83\xd3\xdb\xb3\xb3\xb3\x91\xd9\xf1p\x18\xaa&gt;5P\x05\x95\xac\xac\x1a\x88\x98(\x8f\xdfd\xa2,\x91\xb0\xb2\xeb,`e\x15\x14\x17\x9f8Vx\xac\xacWY\x95\xb4\x81\\b\xfa\x14g\xb2\x98y\xd99\xf4\x82\xa9\xf4\xd1aR\xd9\x99\xe7\xb7\xe9\x07\x14\xf0\x0e\x8cBe\xac\xb3\xb33\xb8\xf6j\xc2\xb4\xb6\xb69\xb8\xbe&gt;\x96L@\xac\xe8K&amp;\xe1w\xd0Ey(\x0bK\x8a\xd5\'\x06\x16f\xf8\xfc\xc6\xc2F&gt;\xfflSYW\x97R\xd9\xd33\xed\x11[\xc5\xf6\xd7\xdb\x03]YYt\xde\xce\xcb.\xf8\xcb\xe1\xb0vK\xffx\xd7\xc9a\xe4\x1d\x9b\xa2\xb1:\x15V\x85\xde\xed(\xean\xd5\x057c\xf1d\xe2\xe2\xc5\x1a\xb8s\xeae\xcdQ\xbd%*\xc5%2\xdd\xd6\xdc\x1c\x88X;\x10\xde\xde\x9e\x9e~0\xb0\xb8\xb8\xb8m\xb1\x8b\xed\xf6\xa5\xc5\x81^\x06\x9d\x81\xf3\xb3\x19\x85\xa5o\x0e\xb3\x1f9z\xef\xd7\xbc\\\x98\xa7\xf9y\x8c\x02\xc0r\xbb)\xb1\x16%85\xf5\x82\xca\xd1\xad\xc4v"9:26\x02\x97\x0c\xc7!\xd1[\xf4,\x9c\x8b\x100\xbd*[GA\xc3\xb1z\x97\xde\xa6\xf0\xfb\'\xf6f\xd7\xbcV\xbb\xdd\xd4C\xd7\xd6\x9f\xe1r\x85\xc0x\xfb\xdbCm\x05\xcf\xfdt\x95v\x94\xf4\x1f8\x15\xd9\xec\xb4(\x00K 2\xeb\x07G@\x11\xe5\xca\xdc\x8d\x1b}\xba\x91\xee\xf3\xed\xa8\x17\xc4Byr\x0c\x93\xb4\xd7\\I\xc67\xc1N\x80M4\xa0l\xe1\xc6\xe4\xd2\x1a\xaa\xd1\xda\xfbSUM\x17\x189t\xe4/\xbc\xf4\xf0p\xae\xb9\xfa\xe9#h\xc5|\x88\x06\xc7h,\xb3X\xc3E%fj\xbe\xb6\xf7\xec~^\xce~W\xd7\xca_\xfbt5\xe7Q\x8dW\x12\x8d\xaa\x1b\xd2\x92\xe6+7\xfbt\xb1Xd}l\x8c#b\t0\xb5&lt;\xbdq]\x81j\xb5\xde\x89T\xef\xd9\xc2\xec\x9c,\xc6\xa9\xbc\xd2\x83\xc3\xbe\xb6&lt;&gt;\xb8t\xeaH&gt;\xa3\xf0\xd4\xb1\xda\xc8\xa6\xdb+g{I\xd4\x96\xbc5\xf5\xfc \xff\xe0I\xce\xd7\xbb_\xafl\r\xb6\x96p\xd9\x08\'(2~\xf1^\xac\xbb\xbb\x15\x89\xccno\xf7\x84\x13[\xad\x02\xaf\x19\xe5\xb6\xa4\xd3i\xb1\xd6\xeb5\r(\x1b\x999\xf9\xcc\xacS\xc7\x7f}|\xd8\xa4x\xee\xe9\x87\xe3\xb9\xa0|\xee\t\xc0ri\xe5l5\x8e\xc8n\xcc}|\xf1\x9c^d\x1d&lt;}\xfbi\xeeFM\xa5\x91t\x14\x95\xb4\xe3_\xfc\xef\xbd\xee\xc6f&lt;\\5\xc4\xbf\xf0\xcd\xfd\x85\xad5(E\xd2W\xde\xb0\xa3\xf2\xaa\x03\xd4\xb4\x12\xa6|\x0e\x93y\xfc\xd2\xee\xe1\x17ow\xfeu\xf58\xdc\xfaYg{"\x11\xc4\xcb\r\xa9\xd5f[0\xb1\xb5\xf7v\xe8\x9b\xc6\xa6\xb7o?\xcd\xce&amp;j*\x11\x16\xed\x1a\xb0\xbaw\xdf\xc9\xfa\xe6\xe6\x1e\xbc}\xfe\xd9\xee\xc9#\xd9C=\xf3VU9\xaf\xbc\xa1!\xed\r\x04L\xeb\xbd\x8dY\x0c\x06\xcc\xb4\xdb?\x1e~\xd7\\\xfd\xc3\x93\xa1\xb9\x95\xfb\x8d\xfc\xc5\xf8&amp;B\x92F\xa3\xd1l\xb6)b\x89TO\xcfbO*\xdc\xb7\x1e\x0bB\x11\x19*+K8\x04W%d\xf5\xdd\xfa\xf8\xfb\x7f\xff}\xf2jV\xfe\x87\xc7ojM\xda\x8e\x8a\x8a\x8e\x86\x0eo\xc0l\x99V2\xf2\xb2\x18\x85Y\xccG\x19x_&lt;\xf7\xf77=}c\x97\xef*\xc3\xf1M)\x8a\xe3$i\x0e\x0c[=\xcd\xba\xf5\xf8\xecv"\x91\x18k5\xb00\x16\x016F\x84q\xd9&gt;d49=\xbd\xf7\xf1C\xc1\xfe\xfe\xee\xb3\xdf\x16W\x1c\x9a:\x1aK\x8d\xa2k\xe3\xbd\xd9G\xe0\x9af\x16?\xcc\xc0f\xfe\xcc\xbd\x87\x8bE\x02\x11\xa75\xb9\xde\x19\xd5K\xa5\x88D"E\x87\xcd\x12\xd9 \x8c\xf9D\x9fN$\xc5\xa5\x18\xc6\x12U\xb6\x13F\x1f\x97\x8b;\xc6\xe2\xf1\xe9Dx`a!&lt;\xdd7:h\xf1\xb6\xf1*:*\xbcR\x9bk\xbb\xf7BN.\x93\xc1|\xf4}&amp;v\xa7\xd7~\xfad q\x14\xd3E\xd6\xa2\x12\x04,0|\x05.\xb7\x0crtp\xd0\x01\xe5\xa6\xfe\x03\x0b\x9cU\xa8\xc5\xc7\xe6\x86\x08:\xf6\xaf\'\xfb\xbe\x1c\r*vV7\x84&lt;^yE\x85\x06\xb1m\xa6\xba\nr\xb2\x0b\x0bo\xff\x98\x91M\xf3\x99o_#r\x9c\x8d\xc7c\x16\xbdD`p\x80\x03u\x80\xd5\x0b\x06e.\x89M\xa1\xd1\xc8\xd5\x18A@\x1cj\xc7\xb8--mB\x9e\x1a\x0b\xea\x92\xa3\xadp\xa6\xde\x8d\x9d\xb4J\xd8\xd6\xc6\xab+\xd7\xe8\xf5\x9b=3\xd9\xfb?w\x9d\xde\xcd\xc8\xa2\xf9Og\xbe\xff\xa8\x15\xe3i{d\xde\x06X\x0e\x1aK\x04\xc6\xab\xd9e\xa3&lt;v\xeb\xaa\x9c\x8bbp\x82`E\t\xdc\xc7S\xa5Uj\xa3\xc4Q\x0fyQ$e\x0bU\xbc6\x1f\x97\xdd\xd6R\xa7\xd1K\x06\x95\xfb\xfb\x0b\xdd\xee\xbdL\xbd[\x7f5)\xf6\xa0B\x7flI\xef"D\x06\x02\x82\x8c\x84%\xd1\xeb\xa9e\xbf\x7frR\xab6"\x84\x836\xc8\x95\x04&amp;\r\xb5\xa4+B\xa4\x11\xa1\xa3\x10\xc8G\x86`\x9e\x18C&gt;^9O\xaf\x0f.\xfc|\xb7\x12/\xf9\xfd\\f\xb0\x8e^{eon\xc7-\xb1yWs\xb3A \xc0\xa0\x1f\xcdf\x8a\xf2\x0c+\x9c\x93\nhMBD\x18\x08\x88\x17\x04\x82!&gt;\x95J-\xc5q\x84\x0ei\xa0 \x81!R\xdc\xc8\xf5\xf1xR[\xf3\xdf\xbe\xa4\x84\xb8\xebE\x86\xc4\xaa~\xe6\x89:H\xd1\xe6\xeb%\x97[\xc0\xc20\x045\x0e\x0fS\xcb\x14\x80\xf9\x9df&lt;@\xb4cR\x04cA\'@\x9bJ\xe5B6\x02\x1fH\xb5\x90}\xdaE\x04\xc1BA\xae\x16\xa1\x99r;\xbci\x9e\xday-CXG\x7fqG\xb5\xac\xf3\xf1\xd7K\x96\xa8^\x02T\xa4Vl\xf7x(\x9b\xcd\xe3\xf7 \xe0\'\x10#7\x140\xeb1\xfa\x17E4r)F\xc3\x03(\xa438X\xdc\xe8\xd3\xf0\x84\xc3\x94E\xb3\xf3\xbe\x8e{=S\xaf\x89\xd5\xbf8\x02\\Q{d\xded\xb2\xa1 \x04\x1e\x02\xafIS\xd9\x86\x15\x94\x00C\xb9r\x9e\xaa\x85\xf7\xddo\x01u]C9\x9b$\xd98\x06\xd9L\x02\x05\x08\x02\x02\x95\x9a\xdb\xa6\x11\n\xc5\x1e\xd3N\xc3N\xf9\xf0d\xa6\xb0\x8e\xbe\xd0\xcbI\x16\x12[z\xb9\xec1\xa3(\x82{\xedN\xff\xb0T\xc2\x8a\xda(\x89\x01I\xa7\x85V!\x8f+\xb6ry\x9f\xbf\xfb|\xa7\xa1\x8eFG\xe8\xa1\x0b\xc9Q@c\xb15\x1a\xa1\xca\xea\xf7\xec\x04p\x9f\xc0\x991\xac{\xcb\xf2\x90\x94\x8c-\xf5{\x14Z\xaf\x11\'\x03`9=\x12\x01\xe1\x8e\xdaX\x06\xb3\xdc\x9d\x8cS\xda\x00\x89\x92-;\xef\xde\xab\xd2\xef4\x95\xac?\xc4\xb2\xd9P)t\x07i\x0c\xb1\xe5\x1a\xd5\xaa\xd3\xc4\x95bj\x8e?cO\xc2w\x96\xbd\xc3,2\xbe\xd4\xef\x17\x8b\xd9!\x127\x03\xd6\xb2\x84\x105\xbb\xa2PX\xc8\xc5\x95\xaaT\'\nE\x17\x92\xcf\xa7n\x95Tt\xe88\x04\x11\xd5\xdb(\xcaLB\x9f\x1aI\xc0\x82\xe8\xe3\xb4\\.\xe1u\xd4\xf7gL\xad;&amp;\xd4F\xb0\xc7\xe7\xfb\xfd\x90\xda\xb5$j\xf6x\x14\xcbQ\x83\x03\xb0\x9a\xebe\xad\x97\x07\x97_\xcew\xca\xea\x05\xfa\xf5\xda\xfbw9\xdc@k\x118{\xbd\x89Z6\x07\x8c\xa0\x95\x9a\xcb\xd6\x08W\xaf;]7\xff\xc3zg\xbe~.Sj=\xb3\x80;\x10&gt;x\xdd\x0f\xd3\xd3\xa90K\xa5\xb6e\xbf\'\xea\x96\xb9;eA\xd9z\xf8\xd6@8&lt;&gt;&gt;\xbe\x1e\x19\xdf\x8bM\x80\xf7\xaa\xe1Tr\xdc\x16\x13\xa4F\n7\xaa\xd9&gt;^\x1bO\x98\xde\xd8pZJnu\xa7\xd3\xff\xcc\x14\xd5\xd1\x17k\x9c\xee"+`\xbdr:\xa1\x05%,\x8c\x0e\x85\xae\xce\xcdH|:5\xa0\x9c\xe17\xce\xcc(\xa7 \xc7\xcetA\x88\x1e\xa97\x10\xc0\x05jQ6\x94T\xfbZ\xc0omll\\w\xea\x8d7\xbb}\x1b\xcf2\xf6\x1f\x1a/b\x9c+E\xc3\xe1\xbd~\xa7\xd3\xff\x7f\xda\xad\xef\xb5\x8d\xec\n\x1b\xdf\x91\x86\x11\xd5\x90\xcb\xcep\xe3\xd9\xcc$\xddi\xd9I\x82\x87\x94\xa1\xa4[9f\xa6\x9d\x17M\x1c\x1a\xb2\xbb\x0f\x8a\x88];Ve7AM]!\x13PD\xd5\xc8\xa5\x06\xd9\x12\x04[\x89\x14;&amp;"+\x82P\x9c\xd8\x9b\xb8\xd9&amp;\x9b\xc4+\xa7M\xb2\xad\xa9\xe5\x80\x8d)\xc5\x18\xd3Bk\xfabbH\xbb\xd0s\xbd\xa5\x7f\x81t\x10\xf6Hz\xf9|~|\xe7\\\xdf\xefD{N\x9f:w\xf0T \x10\x1c/T\x12f\xe4\xb3\t\xbf\xbf\xcb\xafu\x91\tG\xd3\xba\xba$\xffDbn\xf6\xd4\x81\x0f\xce\x8d\xf5\x07:\x81\xe1/\x7f\xf4\xc5\x8b\x17/(\xach\xe7\x0f~\xfc\xd3#\x0bu\x13&amp;y\x7f?rz\xefw;\x13\x85\xf8j4\xd3\xde~\xfa\x14t\xe9`qd\xd8\x8a8~\x8e\xfe\xa7A\xb3\t+H\x8a\xdc\xe5\x87S~\xd7\x84Y\x1a\x0f\x1e=\x1a\x9a\r\x8eA\xe7\xb9x\xf8\xc5\xd6?\xb7\x16\x16\x1e\xcf\xd4N\xbf\x7f\xf5\xca7\x17\xea\xa7\xe3Z,t^\xde\x1b\xf2\xe5\xe3\xd1\xcct&lt;z\xfe\xd4\xb9s\xa1\xd9\xb4\x19\x99\xf0k~\xcd\x06st\r\x13\xdb\x96\xb0\x9f\x880|j\xa65\x9c\xcf\x8f\xcc\xf6\x1f&lt;\xb0w\xff\xd0\xcc\xc2\xdb\xb7[\x0b\x10\xc3b\xcf\xd1[W\xcf.\xd4-\xe3\xbd\xd5\xf1\xe0\xe9\xa3\xbf6+\xf1h&lt;P\xcbL\x07\xfaC\xa1\xbc\x15\xd1\t\xd64\x9aM\xa6e\r\x0eFn\x9b\x9a\xdf/\x13"\x13\xd9\xd6\x1d_,=\x12:\x01\x9d\xa7\'\xb9\xb0E\x9d\x95\xccL\xce\\\xf9\xfc\xde\x87\xdbu\x93\xd8x\x07\xfe={\xee[G\xf5R&lt;\xb3^\x8eg2\xc1\xd0\x93\'\xb1A\xdd\x80\xf0\x99\x95\xc2H\xe8Ihyy\xb9p\xe7\xe6\xd3\x1b\x96o\xd0N\xe9\x0ed\x99\x7f0\x96\xbet\xe2\xe0\xc1\xce\xd6\xe4\xe3\x85\x85\x85d2\x1bOG\xef\xdd\xbb\xb2\xb7~\xb0\x9a\x8e\xbd\t\x9d\xdd\x1f\xd4c\x14V9\x93\t\x8c\x8f\xa4-\xc7p\xb4\xc8\xddb\xa0\xd8?\xd6\xff\xea5\xd8\xee\x8f\xd7\xa1\xb9t%\x96\xd3mY4c\xe9P \xd8qf&amp;\x99\x84|O\xf6\x95\xe7;\x7f\xf2\xbb\xef\x1f\xd8\xae\xa3Tj\xb1}\xe8\xe2\x9dTx-\x13__\xcfDk\xc5\xf1R\xce\xb1\'\x06o\xe4\xe7\xf2\xf9\x020\xe9\xa5\xe5]{}\xa2\xb3\x1dF\xb0\xccdNWd\xc3L\x8c\xc4\x03\xedg\xfa\xb2\xd9$8\xaboi\xf8\xe4\xfeo\x1f\xf8\xcdF\x1d\xc5[mo\xdb?\xfc\x95\xa1\x94\xd6\xe3q\x08bmv&lt;\xa6\xdb\xda\xc4\xed[\xb7?\xbf\xfatm\xbd\xb8\xb6\\\x98\x83\xd7\xa5\xd7\'\xc6:\xa2}\xd9dv&lt;\x02\x85\xa0\x9b\xc3\xf1Z&amp;\xdb\x97\x05\x7f%g\xfa\x86c\x9d\x87\x8f\xff\xac\xbfZGoy?\xaen\xbf4$==\xbe\xb6^\xcb\xc4\x8b\x93\xb1\t8\xcc[\x89\xdb\xa5B|eqc\xe5\xcdW\xdb\xdb\xab\xb5\xd5\xccf S\xab\x95\x9f\xcc\x8d\x0c~\xe6\x18F\xcaZ\xcbdf\x00\x17\xc0J\xae\xfb|\xef^\x1cz7[Wy \xfc\x89\xcf\xae\x0b\xaaU)-A\xd2\x97+\xb9\t\x7f\xd7\xe0\xdd\xa7O\x0b\xf1\xaf\xaa\xd5\xc5\xa9\xc5\xc5\xa9\xea\xcabuje\xa5\xbaR\xdd\xb8\xf1g0\xcd6\xf4\xd4\x7fV\xfb\x92_\xc3\xcaVt\xdf\xbbg\xc7\xfaW\xea\xad\xc2{\xf6[,\xe5J\xb9\xc4$\xc0*X\xba\xc6Eb7\xef\xdcY{\xb3\xb2\xb8X\xad~2:\xbaR\x1d\x1d\xadVG\x17\xab+\x95\xc8m_"\xe2@\x1cKq\x80\x05\xb8\x1e\'\xd7sa\xdf\xd9\xce\xbdu\x9b\x98\xff_\x8d\x7f\xeb&amp;\x92\x91\xd2S\xb1\xc9ry)\x96\x929\xf3n~y\xf9\xd2/\x97\x97\x8b\x9b\xb5\xd5\xedE\x80\xb7\xb2\x01\xb6\xb8\xbd\x14{z\xc37\x98rl#\x16\xcf\xee\x06\xf1qfRWn}p\xf8\xf0F\xbd\xa5\xa7\xdeG\xdd\x02\x91T#\x1c\xb6&amp;\x97\x96\x12\xba\x84\xcd\xe1B\xb0\x7f\x97\x1c^Q\xdb\xdc\xdc\xa4\xcf\x07\x83cP\x98s&gt;SW\x94p\xac\x0c\xa8\xc0jK\xb9\xb02\xf8\xa3\xd6\x95\xba\x0bb\xc1[\x82*\xc9\x8a,9\xb1J:f\x10d\x0e\xcf\x05\xa6\xa7\xa7\xa3\x1d\x9b;;;\x80\xe9\xd5.\xbc#=C\x9d\x9d\x1d\xd31\xd3Q\xc3\xa9R&lt;\xd9\x17\xad\xadOV,CV\xef?\x18\xa8\xff\xee\x88\xf7\xd9u\x1e\x8b\x8a\x8a\x04)R*Y\xb6 DJw\xfaaL\xcd\xf6\r\xb5\xb7\xb7\xefl\xee\xba\xec\xc8\xce\x0f\xb7\x1eg\xfb\xceL\'\x06!\xe7\xadJyu}r2o\x81\xafD\xf9a#\xc4\xd6\xde\xe7\xd7\x11\xc6\xb2L\x90@r9\x18\x1d$;\x91\x0e\x9d\x8f\xb6\xc2X\xdf1\r\x11\xa4&gt;\xdb\xb9|xa\x0b:\xcd\x17\xc1\xc4\x84fC\xb8\x8b\xe5\x8a\x95\xc89\xe1\xb0\x8c\xa5O\x1b\xb1g\xe3\xfd\xe4\x9a\x80\x11\x911\x161\x91\x08\x11\x14\xd9\x9a\x1f\td2\xc5B:\x9d\xa7\xc3\xe9\xf2\xf2\xec\xe6\xd0\x19\xe8\x80/f\xce\x14\x13\x8e\xa1\xa6\xac\xca\xd2\xb0OO\xd9j\xd8\x90E\xe3\xef\xde\x86\xc0\xba\x7f\x08\t\xa2\x88\x04\x01s\x82 bQ0\xe7\x0b\xc5r\xb9\xe43}&gt;_n\xd04}\x89\xbb7\x0b\xc5\xe9\x99\x99\x99h\xd1r\x14E\xd7s1\x9fn\xc8\x92\x04/\xf1\xc2\xf3\xc6\xc0\xfa\xe3!\x1ea\x821\x12\xe8\xbd.\x8bD\xddJ\x8f\x8c\xe7-3\xa2G\xe8\xd0\xa09N$\xe7K\xcc\x8f\xc7\xfb2K&gt;[U\xc2\xa9T\xca\x96\rM\x96TU\xe4\xefO5D\xc7?\xfa\xb0{\xdf&gt;\x8c8\x8eC\x1c\xebv\xb1\x1c\xb1#\xd6|\xc24u\xdb\xd6T\xad\x0b#D` L%\xd2k\xd1\xda\xb0O\xc6\xb2a+\x9aD\x04\x95\xa8\x86"I\x7f\x1dh\x08\xac\xb6\x97\xdd\x87\x04D\xb5\x15\x80\xcd\xc5\xd0\xdf\xc4\x99\xd0"\xba\xd6\xc5a\x99`\xd2\xc5\xb2\xaac\xe8f\xac\x9cY\xf3\xe9\x98\x13\t!\x92\xcc\x11EVeY\xbe\xf0\x8f\xa6\x86\x98\xf7\xc15q\x1f\xfb\x1d\x96\xe9\xed\xe5y\x8e\xaa\x9eX\x0e!z\xba`XN\xc0\xf0\x96p\x9c\xe0\xb7\xf5\\e\xbc\x04\x19\xa5\x8aDQE\x01\x892&lt;\x1a\xf2\xbf\xa6\x1a\x03\xabi\xe0/\xddT\xc1\x00x8z}\xc0\xed\xde\x0bRQ\x03\xc2~Y\x82\xcf\x19z\x8f\x86\xe1\xc4a\xa6\x1c(=I\x12 \xae\x1c+\x08RXQ_6jE\xe4\xd8\xf3k\x88\xdb\xd5\x8e"7\xe3a\x18\xc6\xcd\xd0\xd5\x07,\xc1LoK\x88\xc7n7 \xa5\x82a\x84\xa1\x1b\xc8D\x90\x10\'@\xa81\x11y\xe3Q\xc3\x16W&gt;\xfe\xb4\x1b#\xaa\xc8\xa7\n?7\xfb?\xf92\xc6\x04\x0e@*\xc7`\xcc1\xcdT&lt;&amp;+\x18\xc9\xa2*q&lt;\x9c\x83\x80}\x89 \xca\xd7\x1e45\xcc\x9e\xdf\xdf\xc7\xbaY\xe4b \x8c\xf4\x92\x91\xa1\xba\x1b\x8e\x05v\x15\t\xb7[\xa3.\x97\xdb\x05\xedI\x04\xb7\xd2\x8f\x88\xc0\x8b&lt;e;\xe5\xe1h\xe3`\xb5}i`\xc8\'Z\x86T\xa2\xef\xa2\xb0 \xdbd\x89C\x12\x8f8L\xbfBn$\x00\xbf!\xaeW$\x08\x8e\x8d\x84 \xac\x1a\xc6\x97\x8d\xdc"\x9bz(\x02\x93\xd2 24\x8d\x98\xe6ox\xc0EP\x86\xac\x88\xdd\xac_\x93\x10j\x81h\xf2\x9c\xca\xc9\xe0$\x89\xe7\x15p\x1c\xaf\xca\xf7\x1f4r\'\xea\xd8\x1fR6\xe0@.\xaa\x8cG_\xc3B\x98&gt;\xa3=&lt;\xc4LD\x08(\x01\xd8M$\x12\x16D^D\xb2,\t\xaa\x1c\xfeS[\x03Q5y\xdf\x14\xe8H\x83\x98\xdd\r\x19\x86u\xb9\x9a\xdd\x1c\xbc\xe3P\x0b\x961\xf1\xb0\xe0"\xc2\xab-X\x00r D\x14 \x8aHT\x8d\x97\x03M\x8d\x855[\x88\xd9"\x10)\xa5\x89\x16\xd4\x8c!\xc7\x197b\xf8\x16\xa8K\x19\x18c\x0fxK\x85\x16\x08^\xc3&lt;\xa4:\x0c4\x8aSyt\xac\xc1\xb0\x82\xb3y\x932S/\'\xf0-\x88\xe5\x05\x86\xf34S\x91\x11\xa5}\x17\xe6\x0c\x91\x16\x9e\xa12\x94\xae\xa0\xab#\xc9\xc8\xe5\x83\xdb\r\xde\xb6{\x13\xe8\x98\x9d\xb7\xe9.\x03\x8b\x10%W\xcc\xf5z&lt;.\xbas\xc443\x82\x1b2\x9d\x13\xa8\xf2\x86\x15\x08\xe4\x19\x0c\x1b\x92Q\xe9\x18\xdah(\xaa\xa6\xb6lGGG\xa0bSVeY\x81\x83\xf6\x83\x18\x17]\x0ci\x06Xn\x81\xc1-\x02\xc7\xc3\xbc\xaf\xc0\x80A\x80\xe2E\xbb4\x198\xf9\xdeFC\xbd\xe5m[\xedh?\x7f~\xdc\xd2\x80\xbe(\x93\x02\x1e\x81y\xc7\xe3B,]\xf0\xf1\xb0t@\x14TEB\xd0y\x80\xb681\\\x9a\r\xb6~\xef\x17\r\x865\xb0\n\xc7\x89\xa1@\xde\xd4\xfd\x12\xa6\xc3 \xe29\x0f\xd5\x9c{\xe8~\r\xb4C\xb4\x07\x03\xb5bE6xQ\x12\x88\x13+\x0e\xf5\x1c\x7f\xaf\xd1\xb0F3C??yr\xa8c6\x9fp\x10\x10\x97\xbb\xb7\x85\xf5\xbc\xe3av\xb7\x8d\x80\xbdD^\xa0\xf3\x05\xb9`\x18Dr\x1ck\xb2\xdc\xd3z\xfc\xf8G\xef7\x1aV\xfc\xfc\xc9\x9e\x9e\xd6\x9e\xf6@:\xe7\xa7\x9e\xf2\xb0\x8c\xd0\xfc_Z\xce&gt;\xb6\x89\xfb\x0e\xe3\xba\xe6\xed\xc2\xc9w\x17\xcbN|\x9eb;\x97\xbaGd\xccE\x89\x03V\x08\xa68\xe0\x04L&lt;\x93\xb8.Il\x8aR\xb34$\xebb\xdcA\x9c\x88\x97\x11\x82Z\xde\xa4P\xb1\x91\x8e\xf7\xb7\x85\x8cA)\x94\x81\x86xQ+\n\x13 \xbaI\xd9\x96\x01eY\x94\xae\x8c\x85R\xc4\x1f\xf4\x0f\xba\xe7{.\xdd4\xb1\xad/\xf0S\x9cX\xd69\xf7\xb9\xe7y\xbe\xdf\xfb]\xf2\xf3\xd1D\x82\xba~FV&amp;e&lt;\x07\xb3B\x9cnfO\x7fcC\xe3a\x8f\xdb\xed\xf0*\x7f}\xba\rb\'\xb0\x9c\xce`\xd4\xd9\xd6\xf8\xd6\x94\xd9y9\xb1\xec\xf4\xcc\x9cg\xb2\xb4\x86\x9aN\x1d\x0c\x85\x80YL&gt;\x9f\x9f7q\xc9\xf63\x0b\x1b\xeb\x1b@\xe5\xf2~\xfeT\xb1t\xef\x1f\x06V\xd4\xef\xf4;\xdb\xf6\xfc\xfc\x8d\xd5\xb3\xf2\x8d\x86\x8c\xb4\xf4lr.=\rgot\x88\xac,he\xc9\x9f=\xe5\xad\xa3-\xb5\x9b\xe7\xccq\x07TU}r\x7f\xc7}\xfc?\x16\xeb{\x82`\xf2\xfb\x9d\xe0\xc2E\xcf\xc4\xbc\x1c:\ra\xb2\x8c\xb9\x03\x12o\xcc\xc8L\xcb+\xcc7\xaf\x9e\xb2~CK\xcb\x9e\x96\xc6\x86\xa4_Q]\xeaO\x9e\xe6\xa7\x97u\xef\xffi~\x8f3\xea\x88b8\x9d\x87\xeb\x1b\x7f\xf7\xab\xa53\xa0\x946\x07C\xeeiIHvZ\xa1e\xe2\xf4\xed\xdb\x7f_\xdf\xbalrKmR\xa6\xc5\x06\xea;\x1b\x9f\xde\xad!\xa6\xfe\xf1\xd0\xca\xda\xa0?\x1au\xf8\x9d\xd1\xa6\xa6&amp;\xcf\xe1_\xfe\xf4m\\\x8e\xe5A\xae\x9ct\x9a\xce\xe4\xe4\x98\xcd\xe3W\xffl\xfb_^y\xcd3\xbf\xa5\xa6\xb5\xb1\xb6\xc7MK3\\m\xbf=\xb5\xf8\xa9\xdc\xe8@\xa7\x9b\xfa\xf9\xddUg\xe6\x07\xfd\x8e\xcaJh\x85\xe1i;\xdc\xb8a\xfd\x92\xe9\xaf\xcezi\x16f\xa29\x96\xbcY\xb3gO\\\xfa\x8b?\xbf\xe6\x8c:=\xb5\xad55\xb5\xf3{\xdcj$R\xe5\x8aoy\xe9\xe4\xf1\',\x98\x0ecj\xc5\x07\xef\xdc\x1b]\xb3pN\x13\xb0\xa0\x96\'\xd8D\\s\xea\x8fn\xd8\xbdc\xca\xd2\xa5\xaf\xe2zg\xf6\xf3\xcf/\x9f\xbe|\xfd\x9ez\x8f\xd3\x19\xf5\xd4\x96\xb4n\x86\x87~5R\x05\xaciG\xfe\xb0\xeb\x1fO0\xf7@\xda\xf8\xf7\x9b\xd7\xaf\x9f\\rop\xd1\xba\xd6\x06\xb7\xe2p8\xa2\xce`\x90\xd6 z\xda&lt;\xf5G\x7f\xdd\xf9\xf6\xf2)K\x0fl\xfbp\xdf\x96\x1dgw\x1f:\x03\xaah\xa5#n**2Y\x93r\xc0U\xd5\xd1\xeb\x92\x9f[p\xe0\xc3\x87\x1d\x15t\xfb\x96\'s\xba9~\xe5N\xa1\xd1\xd2\xdc\xfc\xc3\xb5\x83\x0b\xe6\xb6\x10V\xa5#\xea&amp;,&lt;&lt;0\xb2e\xee\xa1\xb3;\xb6\xec;pz\xd7\x8e\xceC\xebf\xb66\xc0\xe7\xf7\xfc\rE\x93\x8bL\xc5&gt;$\xab\xb7\xf7b$4\xe1GG\x0e\x8c=x\xe5\xdc\xf1\xfd\x8b\xe1\xe5wC\xa3\xf5\xdf\'\xdb\xd9\x1c\xbe\xd0\x92\xdb&lt;\xbcvl\xc5\xb2\xcd=n\x07\xb0\x1c~\xb7\xdbIh\x18m\xb5\x0b\x97\xad\xeb\x04\xd7\x91Ugw\xbf\xfe\xbd\t%&gt;w\xc0\xa5\xfa\x93%\xad\x05e\xe1\x84\x17bu\xf4V)\xe5\xcfm\xd97\xf6\xe0\xe1\xbb}\xef^&gt;v\xe5x\x85\xee;\x88Vq\xeeX\x1f\xc7\xb0\xbcd6[J\'\x8e\x1d\xec\x9f6\xb9\xd6\xe3\x07\x16\xc2\x85\xce\xd5$\x07=T\x8f\xf3k7O&amp;\xae]\xab:\xd7\xac{\xb9\xc8j\x0f\xa9\xae\x80\x1c\xb7\x9aL\xc5r\xc8\x1b\xe9\xed\x98\x04\xac\x82\ton\x19|\xf0pu_\xb3h0\xb6\xdf8\xf7\xad\x1b\xc6\xe2s7N\x88&lt;\xcfr\x92d4\xa3\x17\x11V\r\xb0*I.\xc5\xef\x0cz\xecr\xb0\'\xe8i\xe8i\x98_2yn\xe7\x8eUgAUn\n\'\x02\xaaW\xb1\'\xad\xc5\xd6\xa4\xdf\x1b\xa9\xea%\xb5\xbce\xb6Uo\xde\x07V{\xb3\x05\x97CL\xfb\xe5\x0b\xdf\xe6&gt;\x1f\xba\xc5\xe7\xaeo\x15\xf9XL`\x98,Q4\xe6\x17\x02k\xe0\xc5\xd6\xfa&amp;h\x85\xe1P\x1c\xfe\xb8\x0c\xae`S0\t]Z\x16\xce]\xd3\xb9f\xe5\xcb\xb6\xb20\x89\xa5\x86\xecq_0\xeev\xb8\xaa\xaa:&amp;\x01K\xad6-\x18]\xfb`\xb0\xb4\xb9\xb4\x94\x15EF\x9f/\xb6\xdf\xfc\xa6`\xba\x8as\x1fm\xe5E\xb4lI\x10\xa4t^\x10\xcd\xe6\x19\xc3?\x1exqsCS\x94\xb8\xf0@\xba\xdc\xeed\xd0\x1d\x8c\xfb\xcaL\xa6\xa2\x99\xcf~\x7f\xe5\xcc\x1a\x9b\xa9:\x9cpE"\xaab\xb7\xcb\xb2\xdb\xa1jX\xe0r\xf9\xac+F\xf6\x0e\r\x97\x96Z\n9\x9e\xe7\xf4\x16\x8ec\xfb\x00\xa6\xfb\x06A\xbfvc+Pp],\x8a\x92\x94\x9e\x81\xe7\xa2\x98?\xb2i\xd3]S\x8fSI\xc9U\xa9\xb8\x01&amp;\x07e\xb7;n\xb5\x9aJjf\xce\x9cY\xb7\xb9\xa0\xb8[\x0e\xb9\xaa".\xaf,\x87\x12\xb2W\x85\x85\x93\x08+"[\x17\x8c\r\r\x8d\x82\xca\xccK\x12g\xd1\x0b\x1c\xcb2\xed\x17\xf6\x7f\xcd\x8c\xe9\xa6\xee?v\xc2 r\xa2d\xe0\x05\x8e\xe3\xdd\xb0\xc2e\x00\x00\x08\xc4IDATc\x99\xe3\xd2D#/\xf2\xa3\x03\x9b\xeeZ\xe3n\xa5\xd2\xe1r\x91`!P\xb9\xe3r\xc2mO64\x94\x14\xd5\xd4\xd5\x15YK\xaa\xed\xa1@\x04j\x05\x12\x89\x90\x027SX\x93:\xaa\x14\xebo\xee\x0f\xed\xbde)4\x8a\x06I\x12,zQ\xe4\x18\x86e\xfa.\xed\xfc\x1a`\xe8\x9d\x97\xdaE\x81cx0\xe1\x07\xcb\xa5ar\xc7\x1bE\x91\xbf\xd5\xbfi\x18X\xfe\xcaJ\xd7{^o\xa5\xaa\x80\xcaM^\xd9}\xc9\xa4\xb5\xa0hBy\x91\xcd\xeaCG\xc0\x08(!Y\xa1u\x06)*`\xa9\xb5#k\x87\x06\'Z\xf21\x7f\x95x.\x973\x08\xb4\x1b\x86e\xfb\xael\xfc?\xddB\xa7\xab8u\x87\xc3ap\x9c(\xe0\x1d\xfa\xdc\\\xbd!;=C\x82X\xfc\xe9\xab\x03Wm2\xd4\xaaT\x91i\xb5\xd2\x9b\xd0\xb8\xba\xe3\xbed&lt;Yl\xb2\x15\x15\x94U[\xed\nj\xcf\xa5z\xbd\xde\x00\xa8\x1e\x895iR\xaf\xfa\xec\xd8\xd0\xde\x91BX\x08\xb1D`A-|\xb1\x18\xfa\xcf\xfe\xf6?\xc1t/\x9c\xff\xc8"\xa0\xf6`\x1eC\x07\x02\xf7E\xcc?\xc7\xa5\x19x\x9e\x1f\xffI\x7f\xff\x17v?\xb0\x14/\xb8H\x10\x0c\xbb\xdd\x1e\x86\x89\xd6\xb2\x02\x1b-\xa0J\x04\x02*\x92\xa5\x04\x02\xb4Q\xe4+\xac\x0e\xff\xb4{C\xf7n\x81J\xc3br9r"e\xa4\x9e\xd5_&gt;U\xf1\xdf\xa5\xda\x7f\xacY\xe3\xd1\xbe1\x02\rQ\xca\x8a\xc52\xb3@\xc5\x9b?\xed\x1f\x18N\xe2\x84\xa8z\x03^\xe8\xa1$\x12d\xa0\xdd\xee\xab.\xb6Z\xcbJJL\xd6\xean\x99\xa6\xa2$U\xc0\xaba\xa1\xc5\xa7\xb0j\x87\xf7\xee\x1d\x9b\x91o4\xc2D^`K5\x03\x19\xf2\x85\x0e\x9e9q\xe3\xfcc\x8bR\xa7[\xfc\xf1g\x94&amp;l(\x08\xda\x17\x87A5(\xa5gJ\xc02\x92\x8b\xe5\x98?h\x16y\x03!R\xca\x17Nv\xfb\x00e*\xa0\x15\x83\xc5\xddv%\x04$E[\xd1IT\xd4L\t\xeb\xe2\xb4\xfbC\x07?5\x1b\x8c\xa8\x1e^`\x9a\xf5\x82\xc8r\xac^\xcf\n\x10L\xb3\xa5\xfd\xe6\xe3\xd6W\xbep\xfe\xfaV\x82b\xb0\x9d@i\xc4\xd6z=\'0zF\xccN\x8f\x19P\x97\xe3G W\x8f\x03r\xa8\xb4k\xd9\xe7\xf3u\xfb\xc2\xd5\xd5\xd5V\xfa\x14Yy\x9d\r\xe7@\x1f\x1a\x836 h$\x85\xa5\xa9\xd5r\x17bm\xe3%\x1ej\xf1\x9c\xa5\x14G\x8b=\x00\x8b\x0e] #\x19\xf6\xce\xc7\xff\xf9g\x9d\xa9;/\xb4\xa7\xac\xa3\x8d8z\xaa\xc7{\x18\x8e\xcd\xc5KRv6\xb9\x88Z\x1c\xb8Z\xe7tP\xa2)Y\xdd\x80\xf2\xf9` \xc4\xb2\xd9\x00f\xc3\x8c\xc1\x9e\x80\xb7h\x0e\x8a\x86\xd5\xdb\x9bR+\x8a\xeepp4\xcf`\xe0\xcdfx\xc8\x80O\xa4\xa2\xc2N\xf4H\x98\xc0\xd236\xf7\xfa\xb5\x7fw\x92\xea\x8f\xa1n\xc0\x90\xd9Z\xd8s\xf5,\x9b2\x9e7\xc0\xc6lr\x91\xdf6&lt;00l\x92I/\x88e\xaf\xf6u\x87\xc3ak\x19\x86\xc9V^\x07\xb9\x90y{"\x14B\xd7 \xb9\xd0\xe1\xbf\xc4\xba\xf8:\xc4\x1a&lt;m0P\xb4D\x06\x9d+\xc6\x8b\xb0D\x03\x83`\x9a\x91x\xc6\xb6_\xd8\xf9\xaf+\xb7\x0f\x8e\xe5R\xfe\x18\xca\x1e\x06\xda\x02\x1a\x03\xab\x89\xc7\xf2Y\xcf\xe0\x9c\x18\x8b\xc1D\xa3\xf1V\x7f\xff\xd5y%q\x05\x17~\x01\x84\xbd\x9a\xd6\x8cYm(\xc1\x92\x82\xba\xf2\xf2r[\x99\xa9\x1bb\xd9\tK\x93K\xc3\x82X\x93\x7f08\xb4v4\x07\xbfC\xe4%\x8e\x91$\xfc&gt;A\xcbm\xaa\x12\xa9\xbc\xb4V\xc1\xb2wN}\xf5/\x98&gt;bM!A\'m\x10:\xbd"fg\x8c\xcb\x881B6\xa5\xc2hF\x8f\x18.\xb2%\xb1S\x05\x9a W\xc5\xc5\xe8X\x05\xb4\xe4\x14\xc3VRl\x97\xed\xf0V\x0ei\x95\x18A\x1d\x82\xeav\xc3\xa2\xbb{\x87\x06O\xe7@pI\xe2\x19`\x89\xd4\x15\xa8AP\xc4\xb0\'\xb4IAH\t\xc6^\x7ft{?\x8dS\x93\x8b\x84\xea"(2\x91\xf2\x9f\xa5}\xd0^d\xa5\x98\xc6Er}Q^\x90t\xcb2\\\xf4!\xf0\xe8\x0c\xe5$\x14\x81Q\xe6\xa98\xed\t\xaaG\xca\x16Iu\xdb\xbfh\xd1 Z\xe9,\t\xd12\xc4D&amp;_\xb4tuu\xe5vu\xe9)\xc9"O\x95F\xcd\x08%\x90r\xf2R\xaa\xbb\x12\xa3\x86\xa6\xd7\x88\x1ey\x080&gt;\x9d&gt;\x0e\xcf\xc7\xb8[#\xa7\t+o\xa4\xbf\xff\x13d(\x1e\x8c\xcbr7\xd4\xf2U#V\xf3\xe6M\xb0\xd9\xa0X\x81\xa98\x1cF\x17\x0b#\xf2\x01\xad\x99\x02\xea\xf6\xc5\x15\x8b\xee\xae\x1d\xba\x7f\x0bJ\xc1=\x89\xb1\x98\xd1Mq\xec]\xc4\xc6r\x141\x10\x11\xa0V\xfcz\xa8q\xf2\x1a\x9d\'5&amp;\xfd\x97\xee\xfd\xb3\x88\xf3\tm\xdb\x0c\xc3\xb8U\xdb\xab\x1d1I1qj\tlo\xd3%\x86-\x0b1^i\x0b\xa3ea)\x85\xec\x90@\xd9\x92\x12\x07\xaa\x12hiq\x18\xdfF\x17\xda\xee\xb0NT\x8c\x1dtX\xa1\x87\xf5"XQu\xe8m\xc3\x05m\xcbm\x87\x81{q \xa7\xcd\x18\x83C)\x0e&amp;\xe0\xdc\xf6\xbc\xefg\xb3/!\x98\xfc\xc1?=\xef\xfb=\xcfk\xa2\xcf\\\xe1\x0c\xe7\xa1\x82\xa0\xa6\xf7\xce1\xa7\x07C\xd1\x8a\xcf\x80+n\xc1\xea\x17\xcb\xebw\x1f\xee\xec\xdcE\r\xaf^](T\xce\x9d\xa3[\x9a!\x18\x1c\xb5\xbc\xb0PF^\xa3\xfdh#\x12\xd5\xb77o\xb7\x83\xa0\xbfd\xcd\x98\xc9x0_\xb2QK\xa3\x94c,\x80A2\xe9\xdcdK\x06\xf7\xb8\xaa7\xfe\xf9\xf1\xed\xc4\x04\x8aK\xcb=\xa6\xf3O1E\x98\xe9\xb7\xd2\xa7\xd2=\xdf\x13n\xebp.oY=\xc8\xb5\xb2\x89\xa1\xf4\xe1:9\xc3\xe5\xcb\xb5\xc2\xe2\xda\xe7k\xb4\xce\xbf\xf3\xeeb\xad\x060`}(-\xfe\xa3\xd7\x7f]\x7f\xb9u\xe4\x05\xc7\x87\xb6\xad%\xe3\xf6q\'65\xc7\x90\xf60V\x0c\xfa\xe8\x9aJX\x1a\xfb%\xb0\xd4\xdc\xdf\x7f2V\x8e\xb1\x14\xc6\x1a\x87\x0f\xfaQ\xd7\x9dt:\xbd\xdfw\x85\xef\xbb\xe1`n\xa6Hr\x1d\xfd\xf4\xfc\xf9\xbf_llll\xaeb\xd4*\xd0\x8d\xfd\xe7+++\xb7*\x95\xc5\x1a\xdd\xeeMc\xc45\x19\x88\xcbk\x0f\xb6^\xb6\x03\xaf\x7f\xc5\xb6\xa6\xe37\xa1\x1b\x8e\xe05\x1c\xd3\xd4\xe4\xb9\t\xd8$Qt]\xa3\x98\x01\xc0o\tb\x92\x8a\xb2Z\xd2\x19\x88\x0f;\xe7t*=\xb5\xdf\xf7\xb1\\\x11\x8e\xea\xf5:\xe4\xea\xbe\xa2\xb3tw\xee|\xfd\xf8\xd2\x8b\xbd\'\xf7\xce\xae\xac\x81\x8aN\x9f\xbe_(\xd4\xca\x0b\x9f\xbe\xf7\xe5g\xcb\xcb\xd7\xf0Bl\xf9\x93\xca\xf7\xb7\xb7:$V\xa9x&amp;n\xb9~\xf8l0C\xfb/\x93!u\x0cuR\'\xec8\xda\x98\xe4\x1al\xe6\xf8\xc2-\xcf\xc1$\x07\x87q\xeb#\xb64\x87\xb9\xf6[\xc2\x05U\x14\x85\xbdn\xaf\x07\xab\x8f\xebYgZ\xb3\x8a\xb4\xac\xa5\xf9\x8b\xa0\xfb\xf5\xde\x8d\x1bgo\xad\xaen\xae\x97\xd7w\xe0[4\xf4|\xf0\xf1\xef\xdf\xfc\xf1\xf4&amp;:\xab3\x9fo\x0eZ!\x14o\x8d\x1c\x9d&amp;\x07\x9d\x11\x0c\xee(X\xa5|~\xa4\nC\xb1\xaf\'\x08\xdd0\xb9\xb0$+\x98fw\xc9 \xe0/\xba\x99M\xa5\xea\x84%"\xcf\xf3|?\x12\xc3\xe1\xb0\x13g\xb3\xd3\xf0\xecb\x89\x96\x8d)\xca*.\xcd?\xbe\xff\xd5/\x8f\xf6\x9e\xfc\xfc\xc3\xde\xa3\x17O/]\xb8p\x91O\xec\xce\r"\x885\xf7\xaa\x1f\t\x9f\xd4\x1a\xc1\xe0\r\xecH\x9a\xb5\xb8r\xb4\r3\xff/\xf9\x18d\t\x059NNG\x93_\x86J\xa9\xe4P\xef\x8c\x992\xf1\xfa\x82|\xab/\\W\x80*\x8a\\\x17t\x08\x92n\xdc\xa4\xff\n\xd8%\xb92%\xc5.\xd2Q\xd8\xa2\x8doU\xab\xdbX\x8d\xc6v\xd5\xb6\x92\xcd\xbe\x10\xed\xa3~\x0b\x17\xe42\xd6\xe9$\xae\x16y\xa6Q\x01\xc7\xdeN\x842\x17\xa5\xa5R\x07%\xe0Q\xba\x81IOE\nh\xfa\xec\xae\xa2S&amp;\x9a\x94\x83&amp;\x1d\xf4Nu]j-\xf9\x018|\x06\xc3\xfe \xbeRT\x81Q\xb4i\xef(\x802t\x8b8\x99\xaa\xb1\x</t>
        </is>
      </c>
      <c r="M314" s="3" t="n">
        <v>45492.67715277777</v>
      </c>
    </row>
    <row r="315">
      <c r="A315" t="n">
        <v>924423</v>
      </c>
      <c r="B315" t="n">
        <v>7314</v>
      </c>
      <c r="C315" t="inlineStr">
        <is>
          <t>Derek Freitas</t>
        </is>
      </c>
      <c r="D315" t="inlineStr">
        <is>
          <t>Derek</t>
        </is>
      </c>
      <c r="E315" t="inlineStr">
        <is>
          <t>CA</t>
        </is>
      </c>
      <c r="F315" t="inlineStr">
        <is>
          <t>ATA</t>
        </is>
      </c>
      <c r="G315" t="inlineStr">
        <is>
          <t>CA</t>
        </is>
      </c>
      <c r="H315" t="n">
        <v>185</v>
      </c>
      <c r="I315" t="n">
        <v>21</v>
      </c>
      <c r="J315" s="2" t="n">
        <v>35765</v>
      </c>
      <c r="K315" t="inlineStr">
        <is>
          <t>Left</t>
        </is>
      </c>
      <c r="L3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5af3f623-7b3e-49db-a9e3-61b0838dc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\xbf\x0c\xe8\x00\x00\x03\x00PLTE\xff\xff\xff\x14\x19",+/\x11\x16\x1c\x1d\x1f#$$)\x17\x1c%\x1a\x1c\x1f\x17\x17\x1d\x1f &amp;/03\xfc\xfa\xfa\xc8\x9et\x1e#*&amp;+.\xfe\xfd\xfd\xce\xa1v(&amp;,\xe6\xb3|"&amp;-\xbf\x8df\xff\xfe\xfe\xd9\xb2\x8d\xd1\xb0\x83\xd3\xae\x89\xc3\xa0s426\xf8\xf7\xf6\xca\xa8}\xba\x91k\xb1\x8af\x10\x11\x15\xe2\xafw\xc8\xa5w\xbf\x94i\xdb\xb7\x89\xd6\xac\x80\xb6\x8di\xd2\x9ej\xae\x8fc(02\xe8\xbe\x96\xc4\x96o\xb8\x87g\x8clP\xd1\xa8y$!"\x16\x17\x16\x19\'%\xb6\x86_oQ9\xcf\xad~\xf5\xf2\xf1\xaa~`\xbe\x97m\xa2{`+.,\xd7\xb4\x86\xba\x90d\xbf\x9av\xd0\xa4|\xcf\xa9\x82%\x19\x1d\x1d\x19"\xd6\xadz\xb6\x8da\xb5\x94l\xae\x86`\xb3\x93e\xac\x85X\x81`F\xa6\x80Z\xda\xa7y\xbf\x8dl\xdb\xa6o\xb3\x80Y\xec\xc3\x9d\x1f\x1e\x166-)/(*%*\'\xb2\x81b\xdc\xad\x86\xa3|S\xbc\x88a\xc4\x9fy=33\xc0\x99r\xaa\x87e\xe0\xa9r\xaf\x8c^\xb8\x97g\xbf\x9do+ \x1c\xc7\x91j\xdf\xb9\x91\x86eM\xe7\xb4\x87\xda\xb1\x7f\x9enK\x11! \xe7\xe4\xe4iH/B4#\x9esU&gt;)!\xc2\xa4\x7f\x95oW\xba\x99mLEC\xac|U \x16\x15\xc9\x9bb\x9aw\\xXA4%$\xb9\x93s\xf4\xed\xe9N6%\xcb\x98oZ;).%!\xe1\xb3\x89_G3dP:\n\x1d\x1a\xee\xec\xec\xc8\xa1\x7f\xd2\x9du\xd6\xa3t.67\xe2\xb1~\xd9\x9fy\xa5\x87\\\xae\x85n+\x1d\r\xaf\x8fl\xdb\xa3~G80&lt;::&lt;\x1a\x19e\\[G&lt;:\xe6\xb9\x8e\x94jI\xf664"\x11\x08\xd4\xb2\x80U5\x1b\xc8\xa9\x89&lt;,0P&gt;1\xc6\x97v\xc8\x9bk\x90xT\xd1\xa7\x87\xbc\x9fx\x82Z95$\x14\xf0\xe3\xdc5(1M\x1c\x1d\xe0\xa8\x7f\xb6\x8br\xcc\x9dz\x9c\x80Z\x98zk\xd8\xd4\xd4\xd3\xb1\x94\xb2\x97{\xeb\xd8\xd1\xd7\xbf\xb1{rr\xeb\xadp\xa7vRJ-\x17\xce\x98e\x8a`@\xa4\x80m\xbf\x92q\x9d\x95\x95UF6\xed=;\r\r\n\xbf\xb9\xb9TKJ\x99vNVG@-!(\xdd\xc7\xbb\xa9\x8a{c&gt;%\x80kY\xc6\xaa\x9c\x89\x82\x82\xf2+.\xda\xa0h7\x0c\x07\xc6\x93`\xdf\xdb\xdb^$\x16xcQA\'\x11\xa8\x8fr\x94zcCABYTS\x8ctc\xa9\xa2\xa3vZ5\xdb\xbd\xa1\x9d\x87r\xe6\xce\xc4\xce\xc9\xcb\x95\x8b\x8aI\x0c\t\xd0\x97r.\x14\x16\xc9\xc2\xc2oeep\x11\x17aSJ\xd0\xb5\xa4\xec\xb5|\xb5\xae\xae\\\r\x13sK/\xbf\x8fX\xe3\xc1\xa5\x88nCn[I}%-\xbf\xa5\x91e#)\xd5\xcd\xcc\x94\x0b!\x93.1\xba\xa0\x84|O6\xbf\x99\x84\x84yw\xa8\x0b&amp;\xc0\x9b]\xe0??\x81\x0c\x1a\xdbII\xc8BD\xb5\x9a\x94\xaf\x93\x87\xa3 7\xc9 5\xb6:&lt;\x9d:A\xabDJ\xadqo\xd0\x83\x8e{I\xf1\xa4\x00\x00 \x00IDATx\xda\xdc\x98\xffO\xda\xf9\x1d\xc7\xfbs1\x81\x184\x9d\x9c\xc4c\xc0\xa5\x86\x9a@T\xb6bI\xd5\x15,\xbd}\xe8ZE\xc8\x86\xe2\x19@\xce\xa1"\x84o\x12\x94\xb8S\x82\x82\xa6\xb1P\xce\xb9\x99\xd6jM\xd0\xaa\xc5\x9c\x96F\xad10\xab\x15\x1b#\xb9\x83\x10\x89]\xccfR\xcf\xf4\x97\xebO\xcb^\xef\x0f\xf6\x96\xfd\x01\x1f\xbb\xec\xa9\xf0\x01\xfc\x81G\x9e\xaf\xd7\xeb\xf9z\x7f\xbcp\xe1\xffTyd\x12\x89\x96\x15)\xef\x7f\x86\xa7\xd4\xa9\x8eM\xed\'\x91\x8e\xa7\xd4N\x1a\x89\x9c\xf7i\x99hN5\x10\x1d\'3\xbb\xe1\xf5\xd3\xd0i*\xb4\x9e\xd8]\x9a\x8a\x01\x19\x89\xfc\x89\xd8\xf2H\xce\xd8~&amp;\x1c\x0e\'\x10\xd1\xe9i\xc8\xeb]^Ny\xbd\x80\x969\x8e\xa9\x9d\xa5\x9f\xa4\x9ey4\xf5\xd2z(\xb5\xe3\xf5\xee,/G\xd2;;p\xd1\xeb\xe1\r|\x12J\x00\xedR\xac\x94|\xeeT\xe4\xd2\xa9LbY\xef\x93\xf9|&gt;\x99\xdf\x8f\xf9\xfd2$=|\xe2\xf1-{A\xa1\xdd}\'-\xef|\xebW\xea\xdc\x0f\xa7\xbcz\x002b\x98\xd1\x88\t\x95J\xa1Qi4\xda\xfcF\x10\xe6\xd3\xfb|\x11obIM;O\xc3H\xce\xe3\xa5\x84\xd7\'\xd3{\xfc\xc6\xf6v\xa1\x12\x1b\x90bF\xa1\xad]\xa9l\x076\xcc\xa6T\x1a\xc1&lt;_$\x949\xd7B:\xf7\x13!d\x95\xcf\xe7G\x16I1\xac\xc4\xa6l\x17\xb6+m\xe0\x96\xb0\xdd\x86!2\xa5\x12\x8b\xa4v\xa7J\xf3\xce\xad\xd9\xf7\xc3!\xbd^f\xc3\x96\xf5~\x9b\xd1\x8f\x15`\xb7\x01K(\xfc-8\x85\x01\x9e\xcdh\xb3\x01\xe6wJ\x99\xcf\x0b\\\xe4\xf3\x1a\xc1Lhg\xe0\xb5\xacD\xea\x93I_\x8c\xcb\x06\x06d\x98TZR",\xb1a2\x99\xad\xa4\x04\xdc\x93J\xa5\xc2\xef\x84~\xa9,uN\\x0\xec\x0c\x0c\x0c\x14\xdc\xb6I_\x94H\xc7\x07^\xbf\xf6\r\xc8\xc6\xa5\xb7\x81\x07\x10\x0b\xa4\xe8Y&amp;+\x90B1m~\x1fp9\x89O0\x08\xd1$P]\xbcX\xf0\xab\x12\x90T:\x0e\xa1\x00A\x011\x81\x81Yx\\\xc0\x13\x1aE\x19f\x84\xdcx\xed\r\'\x9d\x84\xaf#\xc8\xab\xb0W\xff\x1a\\\xb9(-\x81)\x84,\x88\xe0\n\x04&lt;\xa0\x00\xba\xc0\xd3\xe2bdq\xd1\xa3\xc3\x8c~\x7f\xc1\xf2:\xf1AAS\'\xd7!\xcd\xf5\xd0N6\xe1=!\xe6\x89D\x16\x03\x9e@\x17\xc8\x01\xbf\x0e\x07&lt;\xf0+zi\xd6\xfd\xa0\xf3\x8f\x8f/\x872jB\xeb\x98GV\'\xc3)\xa0\xf2aJ\xa5M\xd9\xafC\xbeX\xad\xd6.^\xa7\x08I\xa5\xe2p8*$\xf4F\xe40?\xd5\xe9\x8c/0\xfd\xe9\x92\x93Lh\xbf\'\x13)d\x96\xcf\xa8\xb4\xe9\xb4\xba@\x170i:E\x1cN\x8bX,\xbe{W\\\xcd*d\xd1\xe9\xd5\xd5\xd5e\xf0\xfe\xf1\xb7ox\xd6\xc1\x1f\x8c6\xcfQ\x82\xc8y\xcc#\xa9\xc3i_\x04V\xb3G\xa7\xd3B\xe5\x1c&lt;^\xa7\xaaULg\x15\x162\x8a-\x96\x9c\x1c\n\x85\x92\x03\xb2X\x8a\x8b\x19\x8c?~\xf1\x98?\xf6\xcf\xc1A%\x16\xd8\xdcU\x13\xb7\x1f\xc9\xb4\xa9u\x9f\x0c\xfa\xdb\xa7\xd5\x9aQ\xe18\x06y\x95\xa0\xbe\xb8\xbc\xbc&lt;\xc8v\xd5\xf4\x82j\xd8l\xb6\xcb\xc5\xb6\xc0%\x18\xfc\xc3o\n\xcb\xe65f\xa3R\x179M\x12WF\xb23y\xaa\x97\xe9}\xe0U\xc0\xb1\tL\xee\xaazd\x10\xc8%Q\x14\x15\xe5\xe6\xe6\x16I\xd8l\x89\x84=\x07X\x1d\xef\xdf\xff\x9ez\xf3_\xaa.\x8f\xb1\xdf\x96N\x1c\x97\x12\xd6Y\xb1L\n\x0e.@e&gt;\xe2L\xf6\x99\x1eL\xe4\xe4\x04\x83\x14W\r\x08\xa8\x8ar\xe1\xa1\x90\xb8$\x1b\xec\xb99\xf6\x1c`\xbd\xa76\x00\x97\xc3\xd3\x7fO{\xb4\x1b#h\x1a\xc9N\xc8w\x19\xa6\x05\xaa\xce\xc9G&amp;\xc1\xc4DO\x0f\xb8\x02\xee(\x80*\x17y\xa5PH@l`\xea\xe8\x88\x02V\xb4\xa1\xe1f\x99\xca\xa1\xbb\xd7\xef\t-\x11\xd4\xf5\xb4X\x02\xa8 -\xbbD\x0b?vwOT\xfc\xc9\xe5r\x01\x052\n\xac:\xc0\xcd\xba\xae\xc0\xb9p\xb0\xf7\x1d\x1ds\xdf\x7f\xff\xc8\xb0\xb9\xd8\xdf\xdf\x9f\x0e\xabI\x84`\x95\xee\xa7d6\xa3\xc7c\xe6\x19Luu\x13\x14\x97K\x81T\x94\xa5\xc2\xddB\xfa\x08\x86s\x01\xd6\x83\xbe\xed#-\x94\xf1t\x9f\x98aTgv`\xefy\xb4VQ_7\x82\x92(fff\x8afp\x1c\x9c*\xb77\x8bXt\x1d\x07\x03\xaa(T\xb1\xb8P\xfe\xadC\xdb\xafKe\x08\x19Fr,\xacGX\x1e\x9e\xa1\xbe\xa2\xe7\x8cjf\xe6\x00\xaa\x97\xdb\x9b\xfb_\\\xa8\xc5p\xbf\xa2o\xa3QKy\xd57\xaa\x80N\x9b\xde%\xa4\x8a\xa4\xfdu\xbd\x14\x8e\x9c\x8e\xd6BJ\x0f{C\xb2\xb1\x81S\x1d\x1c\xe4\xfe\x07\xeb#\xd8Y\x1d\xd98\x17\x83Q\xcd\xd1\x98\xcd\x045\x17\ra\t\xb1\xf4\x1a\xbd\xd8\x02\x01\xb0\xb1\x81\xb8\x0e\x90\x9a\x9a\x86~\xc6BV}\x84\xc2\xb1\xde\xbe\x8d^\xad\x1e&gt;\xb4\x9a#\xeb1\x1a\x11nM%\x961\xd8o\xf1*\x8b\x05A\x9d\xd5\x10\xdc\xeamj\xca2\xc1\xeb,\xd5\xc6\x06\x82\x9a\x83\xf6z\x8bt\xab\x19\xb0\x16CI""\x824\x05\xbd%\x8b\xac\xc5Y\xc5l\t^B\xbc\x8a3EE\xbd\xbdM\xa8x\xb9\x078\xd6\xcfP\xa03,\xee\xec\x89\xd5\x1c\xf0\x12\xd2\\\x08K\xe6K\xafm\xd3\x1b\xd8\n\tr\x0b\xd0\x143("\xd06,\xc2\xcd\x9a\xc1\xbd\xca2!\xac,Wm\xdb\xc9\xaa\xd9\x93NL\xd1\x08\xc1Z\xf6\x04\x1c*~e\xd0U\x83BT\x01m\x8f\xd2\x14%&lt;p5eK\x89\x8a\x88\xd24\n?H\xd1hm-\xf7\xaeHc\xd6\xa6O\xf7\t\xd8\x8b4\xe8\xad\xc0"\x8f\x83c\xd5H`\x03*66\x10\x14n\x16\x8e\xd5t\xb6\x80\xe0\x0c\x81N\x10gX\xd4Zn\x8b\x88\x07n\x85\x92N\x02\xb0\x8e\xd7\xb3XW-.\xb4\x9as{q\xcf\x80\xa4)\xb7\xe9\xa3\xd0\x06\x82\xc5\xedrQr\xce\xb0:\x10\x96\x98\x83\xb0RKNB\x02"\x82\xb0\xca\x18=\xe8\xc8P\xd3\xfb\xb0\xa6\xe6a\xd6\xa4!\\Y\xb0\xde\xde\xaf\x1e2\x99\xcc\n\n\x1cy\x10X\xb0\x81Z\xcb\xa2\xf3EVm\xc4\xbbD\xa0[td\x96\xcbU\x83S\xd9\x11\xd3e\xd0\x97\x97/g\xd9\xec\xf6; \xe6\xe8\xb5kW\xaeP\x82\xa0\x06*\xf5\xa6\xc0\xcd\xe9\x82Q\xcc8\ti\xf9\xf4b\x97\x88\xff\xac\x07\xa7b\xa2o\xb7\xdb\x87\xb2H_\x82.#\xc0\xa1!\xbb=\xff\xd2\xe8g\xdd\xdd_w\x7f\x9eS\x1c,\x86\xe33\xf5\x99\xc0\xc4\xef\x0c\x04\xd2\x84`\xc5\x00\x8b\xc7aM\xe0%\xfc\n\x90\xf2\xef\xe4\xe77\xe2DY\xe1\x80\x8d\xf9\x97\xba\x05n\xbe\xc1\xf0\x98\x0f\xb7\x197\xb8\\*\xa3\xf8f\xa1\xc9\xcdq,\x12RDrl7\xbd\xd8\tk\x1a\xc7\xaa\xa9\xa8\x98\xa8\x13\x80~\xec\xbe?\xfa\xe4I~c\x96\xebr\xe3h\x9d\x80n\x10\xf14\x1a\r\xefdl~~\xb8\xb9\x8dK\xa5\xb2\xaaL\x8f7\x1d\x84\xb4&lt;Y\xbd\xebul\xca\xeb*\xa0\x84==9\x8cJqKK+G%R\xb5\xf2\xdd\xd3\x82k\xc0\xf5w\xa0\xba$\x90\xf3[;W\x9f\xbez\xf5tdd\xf5\xf0pl\x0c\x81\xb1\nM\xf2M\x07l\x1f\x02\x8e\xf2\xeaL*\xcdq\xd7Q\\=\x16\x0b\x95+~&gt;\xff\x86w\xa8\x19\x81/\xe7\xa9\x0cr\xd3%\xa8`cc\xfe(\xfd9\xa7S3\xf2\xea/8\x96\xe6\xf0dll~x\xb6\xb0\xca$W9\x08\x89\xd3\x0b\xce\xa5\xf8\xd1\xb6\xa9\x9e\xe2\nR\xa9m\xcd\xcf\x87\xc7\xdehV5\xd6\x91\x11\xb8\x81\xe5\xb4\xca\xbb\xc1.\xe8\xabQ\xfa0|l5\x9b\xcd\x01t\xcb6\xdc\xd2\xd2&lt;?6\\]\xe8\x96s6\tY&gt;\x17J\x93\x93\x9b|A\x0e\xc5Emk\x9bm\x11\xcb\x1fC\x0b\xf14\xd6.\xe8"\x9eJ,\xc8GX\xd7\xea\xc4\xf3co:;77\xd7\xe2\x93\x93\x0b}\x8fL\x8f~7\xdb\xdc|\x97^\xe5\xe6\xc7\xc3\x84\x9clJ\x8f\x13\xf1-A\xd0\x12\xe4\xce\xb6U\xd6w\xdf\x9f\xde\xda\xda\x9a\xdc\x8eoo\xb7\xb6\xb6\xf2Y\xdd\x8dh\n+\x04\xf2\xe7\xe8\xbf\x10kk\xf1\xbd\x95\x95\x85\x85\xbe\xbeG\x85\x95\xb7f\xefV\x7f\xe1^\x98\xcc\x10r\x0e,\x9d\xfa0\xe9\xfeE0\x18\xad\xe4\x96W\\z\xf2\xe4\xfe\xbb\x7f|\x98\x9e^Y\xe9C\xa6\xd41\xa1\xb7\x86\xeeT\xd4\xb1\xf8\x06\x8eH\x84\xcc\xda[\xd9[\xe0\xf3\xcb\xaa\xb9\x95\xdc\x1b\xd5\xdf\xc8\x17V\x92NB\x8e\xa7\xb1\x9f\xf6\xdc\xf5A8\x05_\xf9e\xfe\xfd\xaf\xef\xbf|\xf9aoroa\x9b\xa32\xf4=`\xda!J\xed\xcc\x8a\x07,q+\xd4\xb6s-\x1eG`\x0b\x06\x18\xc4J\x06\x83.\xe6/|8&amp;\xe4N\x11\xb0\xb6\xdc\xe5\xc1\x8e \x85\xf9\xebku\x7f~\xf7no/\xbe\x16\xe7\x884\xab\'\xf3\xb7r\x98MMv&amp;\xc5\xf2\xaclx\x0c\xc6\xb3\xebh\xf3\xe8\xe8h-n0\xb4\x88oT_-f\xd1\xe5[?\x11\x83ER\xbf\x9c\xaeb\x04\xd9.&amp;\xf3\xf3\xfa\xaa\xe9\xadm\x87U7h\xb6\xae\x8e\xfc\xed\xf0\xa4\xb9\xd6\x02k\xbb\xc6\xc2\xe0\xce\xce\x8f\xad&gt;}:b5\x0f\xc2\xdf`\x18U-7\xb8W\x19,S\xdf\nAX\xb4\xbff\xb1\xae\xdb\xed\x9f\xd1\xbf\xe5p8&lt;\x87y\x10\xe2a\x15\xdcj\xbe\x15E\x0b\xdcB\xbd\xd5&lt;\xffo^\xcd \xa4\x8d?\x8b\xe3{w\xc0\x1c\xa6\xc5P\'\x901Sq&amp;9L\xedL\xd8q\x02\x8eq\x12\xc3\xec%\x99\x14%\x95h\rH0\x12P\x12"vA\x0b\x1a\xcc\xc9\x01\x15b\xb3AH\xa2\xa4\t\xa4Mr\x13\xa2\xf5\xf0\xef\xe1\xbf\x05Y\x9b\x83\xa7\x1c\xac\x0b\x9e\x9a\xe3zZ\xf6\xfd&amp;.\xec\xde\'\xff\'9\xfb\xe1\xbd\xf7{\xef\xfb\xfd\xcd\xaf~w\x08X\x9f\x7f\xfb\xed\xf7\r8\xa9\xcb\xf9\x08K\n\xd2\xd4\\\xe3\xb1\x95\x1c0\xfe\x16\xf5\x19\xc2\xa2\x04\x1d\xcb:\xf7\xcfu\xcf\xb5}\xf1\xfd\xe7\x8d\xe5\xbb\xe5\xcbz\xa4\xa6|\xfb\x02\xc3\x1faiZ\xfe\xf2P\xcf\xd6\xe7\xbf.z\xfeq\xf7KS\x04\x81\x85\x93p\xd1\xa9$\r\xfep\xf6\xec\xd9\xe0\xc0\xeb\xcaU\xc2"\x1d\x9b&amp;\x97\x1c\xfc\xa8w\xcd\xf9\xf7\xef\x8b\x1b\xbf\x1fn\\^.G8\xf6\xe77tK\xf3\x05\xb0"\x11\xed\xee\xf2p\x03&amp;\xea{\x18\xb3\xb1\xf3\xa8Zc\x05wH\x8d6\x1e\xaa\xadV%i\xe4i\x04\xa8\xe4I{\x8br\xbbIlrr\xd2\x81\x99!\x12^-\x7fw\x07\xfb%\xca\xf8\xc2\xe1\xd4\xf66d\x8b\x85\xe1\x19\xc9\xdf\x01\xeb+\x8f\xddi\xa1,n\x8b$\x90\xa4,\xab\x91(\x97.v;\x15\x03?\xb7&lt;\x1bH\xb6[\xf7eV\x89\xcb\x84yr\t\xb8\x1c\x936\x97\xc8s\xe7\xf5\xba\xa7\xae9\x8b4\x9d\xba\x05\xac\xdbp0\x0e\\\xf5_0\xf9\xa1\xd99\x8a\xa0(\x8ax\xcb\xf3\x92\x14\x8fDj~\xa6\xd8\xad&amp;\x8d\xeb{\xa0\xea\xe4r%\x05\xb0x\xc0Z\x9a\x04\xaa\xa5\x80\xadD\xb8AED\xa3\xfef\xf6\xf6v{gg\x07\xb0\x14\xe0\xd2\xea\xf9\xf5u\x8f=\xcaY\x00\x8a\xe0y\x9e\x14\x84xDSp\x9c)vN\x8c\xab\xe2\xc0I5W\xba\xbd\xc5qE\xe1\xcd\x8e\xa7l\x81^\xa7)7\xc7\xf9\x19_\xb6\xb4\x8d\xa8v\xb6A\xb8\x03\x17R&lt;v{\x0ca\xe9T\xf3\xa4\x04X\x11\x1cND\xfa\xca@\xac\x17\'\x9d\xe7\x99\x9d\xc2\x87\x97A\x964;Ps9\x1c`"hR\x02\xa6f6[\x123;;\x19\xf8\xa5\xc2A\xa84\xc79\x9dk\xd1\xa8\xca\xb9)bv\xd6&lt;?O\xca\xa1x-\x1eN\xb15\xceP\xacJ\xe7\xb9(\x16f&gt;\xe0,\x89\x99\x1c\xb6%\xdb\xa4\xc3\x94"I\x9cA\x99\x123\xbd(\x14\xf4**\x8a\xdf\xefGd\x90H\x8a\x9f5\x9b1\x8c\x97e9\xae\xa0L\x1a\x9b\xad\xcaU\xaed\x02Y\x1a\xc6iL\xb4\x8dl\x82\xbf\xb1\x99h05xx;\x93\t\xa0D\x01\x95\x8e\xc5\xb2,\xc3\xf8{A\x114f\xc6\xacV\xb3$A\x12\xe3q\x06z\xcb8\x19\xf1\x0c\xb0\xb6D\xf1\xc3\x97\x97\xa90fr\xfdy\x01\xade\xe0JA\xdc"\x9e\x0cj,\x84\x85\x9a+\x18d\x18\n\xfe \x88f\xb6\x87E\n\xac\x0cg\x81\xc9\x1az\x12\xa1\x88\xb9\\\xe6\xe5\xcf/\xa9\x14`=\x1fC\xeek3 n\xdf\xa2\x03\x98)@\xb2\xa0\xe5\x01+\xd3\xc3\n\xfa\xf4 \xa0\xed0l\x16\xb3:\xcc\xf3\x82,\xb3q\xcd\x9f}h\x19\x89\x05\'1\x90\xf9\x16\xff\x96:\xa6\xb1\xff\xc1\x82Iu\x0b\xe5\x83#\xf8\x7fX,\x83\xeb\\M\x1a\xc3\xb0yl\xd8j\xe6Cq\x96d#\xb5\xe2U\xeb\xb5\x91s\xabU^\x08\xe0?gfhB\xeca\x8d-\x04\x02\x90$\xc8\xd7\xed\x8e\x1e\x05p\xfa\x9b\x19\x1a\x0f\xb2\xc0\xc5\xe2a0\xae\xe8\x88\x0e[\xad&amp;\x87U\x92e\x89\xc4\xb9\xc8\xda\xa3\x81Xh\xc8\xdf&lt;\xdf\x0e~y\x17\xc0\x04\xc8\xd6\xc2_z\xe9\x02\xac\x14\x1e\xbe\xdd)d\xf4\x9b\x08d\xf4KY\x1a\xce\x01\xab(A\x1c%\xcb$\x8a&amp;h-\xfemHf\xe9,\xa3\xd9/Z\x06.\x1f\xc0\xba\x17q\xbc0\xb6\x89\x11\xb3\xc3C\xba\x95\x1e\x1b\x03\xae\xed\xb0\xc2\x86\xa1\xb9`hm\xbe\x03\xf7\x9f)\xd1&gt;\xa8 \xa3\xc4\xfd,\xeeCX&amp;+\xcc\x07\taeK\x96z\xfe\x87\x91X\x83\xaf+7M\x7f\xf8\xddX\x00\xe3\xcdOXH\xbagLA\x98\x92\x99\xc2NP\tng\xc4R)\xcbp\xd1\x08\xcc\x01\x7f&lt;\xae\x04}t\te\x0b\xc3\xc8\x90 \xabl\x96\x8e\xe6\xd7\x7f\x18\xf9Ij\xf0E\xa5\x9c\x8e\x07\x0b\xfb\x90-\xf3\x96\xeb\xe9\xe6al\xd3F+5%\x9c\xc9\xa4\xe2\x11\x85.e\x9b&gt;\x8a\xab\xdf\xdd\xd5k~\x05\x16\xb6\x02\xa2\x02\xb2e\xc2\x8eI)t\xae\nY\xae\x9e\xb7?\x1a\xe9\x15\x07\x07N:\xc5Z\r\xdf\x1csQSf\xd1\xa6sA\x15E\x1cf7\xfc\xeb0\xeb\xc7\xb3\xd9"\x9a\xed\xb0\xa65\x7f\x13\xcaXSp\xd0:\x90\xabc\xf2\xad$\x9f\xabDV\xadk\x8d\x87\x13#\xf5\x16\xec\xea\xaeEamcC\x96\xa9Y\xcc\x15\xd0/\x90\xf67E\x82\x15J\xa2\x88\x910\xa1J\xd9",\x1c\xf0\x8c\x8b\x1a\xe7\xf3A\x19\x15&lt;\xdc\xfb\x0c+\x85B\xdes\x95jr\xd1\xf4C\xd5X\x19\x08\x13b\xabD\xbb\x16\x86\xf6\x12&lt;\xac\x1f\x9dk?`\xe2\x89YQ,\xcd\x12M\xd8\xd7\xd9Dz\xce\x19[[\x8b\xc5@T@\x04\x83\xe1T\x98\xc4\x05\x18\x0e\xb2\xaazY\x82*\x1eU+\x86\xda\x0c\xd4\xf3\xe5\xb1\x80k\xc8\x95\xe8a\x01\xd7\xfe\x82M\xc4\xb07o&amp;\x9a\x94\xc5\xc2X\x8a(\xd2 \x1dbk\xb0\xa4\x19\x9f\x0f\xc7\xe9T\x18\x17\x00KUUYvS\x89\xadN;i\xa8\xf9\x01\x7fQ-\x8f-\xe4\x86\x86&amp;\xf6\xde\x1e\x83\x84X\xda\xdc\xdc_\x18\x1fv\rO\x10\x969(^4\x12\x89E\x9d\x8d\xb4\x13\x94VL\x1750!\xa0\x86x\xf0)[\xa0q\xba@e\xec\'\xd8g\x90\xaej\xb9|\xb30\xb42M\x80\xcb\x00q:\xb2?r`5\'\xf6\x9c1\x8f\xc7\xf3\x0b$=\x88\xe7\x86\xd3\xbe\x0e\xbat\x11\xacE,\xea\x05\xd1\nS\x8ca\xe5\xdd\xdd\xf3x\xb0Tn\x9d\x18\xfe`\x10\x06}\xa5zsS&gt;Z\x99zk\x06\xac\xc9\xa5\x91\x91\x11\xab\xd9&lt;\x85\xaem\x00\xe5W^s\xa6\x8b\xc5F\xcc\xb3\xbe\xfe\n\xbd\xd6X\xd4\xa2^j\xb6\t\x12\x87\r\x85B\xaaT\xba\xa9$\xfb\xf1\xa6e\x00\xacO\xb5st\x94X\xc5\x90&gt;]Z\x1aY\xb2\xce\xafz=\xe0%\xd6\xce\x9cN\x04U\xbcH\xaf\xc5\xec\x8b\xeb\xfa\x15\xa5GS-&lt;\x81\xb0\x84\xe9\xd0.vSy=\xd0\x97\x8f\xd5\x03/\x92\x95V\xb5\xb32\x819l\x08k\xe9\xc0\xb1\xaa\xe6\xef&lt;\xce\xeeC\xb7\xfb\xe9S\xba\x01\x95;\x83\xf8~\xbd\xf8j\xe3\xf3!\xd8i7\xafgK\x92B\xa3C\xed\xd7}z\x96\x84\xde\xbf\x82[\xac\x1eY\xa1\xe5!_\x07\x07V9\x7fWOw\xbb\x17\r\xa0i\xfc8\xbb\xfe~v\xf6\x15\xe2\xfa\x1a\xfc\xf6\xef\x97uuz\x95b\x00+\x14\x9a\xba9\xe9\xe3\xeb\x9fA\xe4\xad\xcbV\x11a9&amp;\xc7\xe7\xd5z\xfdt\x0f\nw\xf6\xf8pUmU\xab\xd5\xce\xd5\xbf\x1e\x7f\\\x7f\xfd\xba\xfe\xfe\xf0\xf02\xaf\xed\x8e\x82H\x85\xc9%\xfd\xad\x9d\xec\xef\x13.XC\xc3V\x1b\xb2\x8a\x8eq\xb3\xe4\xf5rk\x8b\x9e\xb5\x87j\xbb]A\xd1n#\xb2\xc6\xd7W\x1b\x1b\xcbyM\r\x8dZ\xd0\x00\x93\x84\xa3\xca\x8b?\xf5\x19\xebF\xc7\x02Kv0\x8c\x99y\xb7\x96\xf74\xcam\x00j\xb7Z\xf0\x83\x94]]\xc4\xd6\x97\x97=\xe7\xf2\xe8\xf4\xb4\x8e\xc5\x12\xe5\x93&gt;c\r&amp;\xabG\xd8\xb8\x9e\xad\x03\x9bk\x18#\xb8h\xcc\x99~\xb8\xeaE\xe7\xea\xea\xe1\xf1l\x11M\xae\xa8W\xe0W\xa7G-&gt;\xd0\xab\xbe\x9b\x93\x81&gt;g\x0b\xb0\xde\x8c\xf7\xb25b\xc3f\xd1*t:/\xfe\x1b\r\xe8\xfe\xd8\xa2\x1d\xed\x1fo&lt;4:j\xb1P\x80E\xdf\'\xfb\x8f\xb5bv\xd8l\xba\xdf\x1f\xb7b\xa2\xb8\xf5f"\xf1\xa9\xfbI\xbfX\xbeh\xfc\xbb\x81\xeeqaW\xfba\xe7\x8c\x8e\xceY\xd0\xce\xce\xde\'\x07\xfb\x8f5o\x1d\xb79Dd\xf8\x1d\xa2+7\x94\xcbmmu\xbb\x89b\xfa)\xd0\x05\x004\x94"\x87v\x01\xcb\xc2\xb2\xc1R\xab\xdfX\xd0[+\xabf\x1d\t\xc2eC\x1f\xf0r\x10[\x13\xc54\xd7\xe0\xd2i\x904\xbep\x98\x0c\x02\x16,\xc3\xb9Q\xb7_a\xb6\xda\xfd~D\x8c\xb0\xa6x\xab\xc3a2\x99\x80\x0bQm\x02\xd8V\xb6\xc9p\xce(\xb4\x14\x140\x88\xa3\x0b\x12E\x01\xac\xdd9.^cs\xed&gt;\x1fD\x1dkZ\x98\xd7\x1f\x01"2\xfd{gA,e}\xe8+J\x14Q\x81#\x03,\x08\xf5\xf4\xf4t\xd7[\x8b\xf8\xcb\x95\xfec\xb5V\xa6%\x1e\xa0h\x1dLt\xcc\xcc\x14\x80\x0b\xeba\xf9{\x8d\x15TP\xb6\xd4\xf3\xd3\xef\xa7k\x91\x08\xd3\x7f,0\xd8G\xd3!\x81\x07\xd3\xdc\xe3\xda\xfe\x80\xb8l&amp;\x1ay\xb1\x9a\x9fj6\x9b\x04\xe5\x96\xe3\x10\xd1\x8f\x1f?\x9e\xc6\xb4\x08s\xf3\x87`MI!\x81\x04\xf3@c\xbd\x17\x8b33\x80\x05U\xf4F\x9d\xfeb"\x91\xa0,\xe8\xdd)\xa7c}\xd4\xb4\x88\xef\xbe2\xd0\xff"\x1e\xcdJ\xee\x10A\xd3\x80\xf6\xf4\x90\x12:\x8dn6)\x10\xcfs \xbb\xf6\xf6\xe6\xe6\xe6vw\xbd*`}\xb7\xdb\xb5Z\xf3\xfe\xe4\x0f\xc0*\x9b\x05Y\x16\x00\xab\xc7\x85\xa5R\xc7$\xf1\x1f^\xee=\xa6\xa94\x0b\x00xR\xdb\xb4T\x06l"}q[\xd3Wj\x94)\xb5\x85J[+\xa1-4f\xd2P\xad\xa5M[\x81\x18y\xd75\xb0,a\x05$1\xa9m\x06H\x0c\xcf\x19\xc4\xae\x8dV\xc7\x19\x12\xe2\x8cF\xed\xea8\x924"#\xc4\xee\x8e6\x08\xbb\xb1\x93T|\x8f&amp;f]&amp;\xf3\xd8snq3\xd9\xdd\xec\xce\xce\x08\x1fM\x81? \xbf\x9c\xef\xdc\xef\x9es\xefw+\x93\xb5b\x83\xe1\xda\xda\x0c#\x82\x03\xba\r\x08\x16\xb2&gt;Xy\x16L"W\xe4-\xb5\x9bt2\x1d^\x19u\xea\xf5\xadB\x97kk}\xf3\xd6\xe6&lt;8\x15V\xb7\x90\x9b\x9bSy\xa3QD\xa5R\xa9hi\xe6\xaaD\x8bK\x88\xdc\xf6\xdf\x94\x9atp\xc2\x13\xba\x82\xc1O\xf1\x06\x10P\xa0XV\xc1\xe8\xc47U\x0b\xc0\xf2R\xe7\x8e\xa7\x8e\xda\xb7\xac[\r\xd6\'C\x84Z\x83\xbd_\x89\xc9\x12\x89B\xfb\x95\xd7\xa2\xc2\xbeB\xd5\xd1\x86\xbb\xc1;;::\xe0[m\xbc,Uv&lt;~\x1c\x82\xa5[\x15\xd6\xd5!\x11\x07\n@{\xd4b\xb1\x1f\x8d\x7f\x1d\x07\x12\xb9K\xfeB[]\xdbH\xdb\xc8H\x1b9::\xe3-\xf1x&lt;\x15\xf5\xbbu\xa2U`\x15\\\x1d\x1a#D^]i4j\x8f\x9e\xab\x1d\xbcV\xab\xea\xec\x00K]C(\xd4PW\xd7\xd0\x00ou\x13u\xe0\xea\x8c\xc7\xcfE\xfdr\xb3\x9b\xb7\n)_\xf0\xd5C\xa3H-\xe2\xc9\xec\xd1h\x8a\xbcG\xd7\xde\xde\x06\x92\x86@ \xb0\'\x14J\xdbB\xa1\xba\x91\x8eN\xd5\xf1\xa3\x16\xb9\xc7\xec\xf6\xaeJ\xb4\x9e\x05\x1b9D\xb7^n\x8f\x1e\xc5;\xad\x13\x13\xd3\xd3@\t\x05\xfa\xfb\x03\x07@\xd6\x00\xaa@ 4\xd2\xa9\x8a\x1f\x85\x03\xd6\xb3*\xd1\x82\xdcz\x16$\xb8D\xb7\xc3i\xf4GS\xb5`\n\x85\xe0\x85*\x1c\x00\x82\x9f\x03\x81\xba\x8e\x07e)\xbb\xa9\xa4\xa4\xc4lv\xac\xca\x91xVN@\xb4 ^AW\xa4\xacv\x10`\xd3\x00\xe9\xbf\xb8\xcc\x02\xd74\xa4\xd6\x83\x9b\xa3\x11\xd3f\x1d\xb4\xaef\xc7\x9fVa9\xfd\xe4\xac\xab\x91\xd3\x08\x01\xf3\x05\x83F\xd7h5\xf4\x84\x13\xd3\x01\x0c\x16Nc\x08Q\x17:\x1f\xdc\xfcbt\xd4/\x13\x8b\xd1\xa5_\x05\xd6\xa1\xbf\xfey48\xe6h4\x18xFc\xab1\xf8\xe5\xa7\xb7\xaa\xcbT\x1d\xed\x98c\xa1\xd0D\x1b\xde\xcf\x87\xce\x07j\x07X\x1a\xa0\xf4\x82\x9e\xda\xb9\n\xac\x9a\xeb\xb7R\x11\xe3\x98\x83\xe0\xa8\x1dN(\x17\xbey\xf6\xec\xecYWs^\x19yE\x04\xd6\xf9\x96&lt;,\x1c\x9a#~\xb9\xbcd\xfdz\x9dL\xeen]\xf1z+g\xed\x1f\xaeGF#\xc6F\xc2\xc0\xe1\x10&lt;}\xebX\xe3\x10\x8eFH4\xf24\xdd\x94\xd7\x14\x89@Yj\x01\x95\x19\xa2%\xd6\tM\x02`\xe5\xac\xf0\xfa\xf0\xf1\xc3/#~#a \x085\xe1\x803u\xe3\x10\xf7\xa3\x8f\xb8\\\xae\x01\xfa28EB\xa5\x05%\x8d\xddn\xc1\x9eZ\xb7^,\x16\x08M\xc2o\xf02\xe0\n\xc2rro\\?\x1bt\xc9\x8d\x04\xc7 R\x13\x99N\x8d\xd3\xd1}\x0cP\x1c\xb6\xd6\x00\r\xa3\x00\x9f=2!\xab\xd4m\xf6x\xc4\xe2\xca\x1d\xeb7\xef\xdcy\xe4\xe1\x99\x9a\x82\xdc\x15{\xc0-\xbb\xe0\xf1\xeb[[]r\xb9\x8f#\xe1\x10\xd2w\xd7e:\xd3,\x83TR\xc5\x05\xd7gB|(\xaa\x14U%\x1e\x8fG\'\x16#\xab\xb0\xfe\x0b|\xe0\xfa\xd0\xca&lt;\xe1\x96\x03\xaa\xcfU\xaa\xa8\xdc\xe8\xe1i\xab$\xd2\xbd\xe8\xca&lt;\x05\r,\xf7\x18\x87]\xc5\x06V+\xb0\xdc\xa6RKi\xa9[\x07,\xcf2+\xaf\xed\xfd\xcb\xf3w/\xddX\x89G\x15s\xd6\x16&lt;&gt;\xdd\xde[\xbb\xd5\xc7\x13\xa9%\x12\x89T\xfa.\xb2\xd6m\x93r\xd9\\.\x9b\r\xd9\xd5\x8a\xe5\xb2\xcb\x04\xed!,\xa2\x1e1\xc9\xda\x01\xac\xea:k\xbe\xb5\xe2\xe6\xeb{5o}&amp;1V\xa7\xdbc\xe1\xb2\xa0C\xa4\xd6j\xb5\xe4E\x1b\x92e\xd8\xc5&amp;\xc7\x10\xb0\x84\xa8\x82\xac_fy\xc8\xe4*\xacn\xb3^\xbc\xd8\x1f~\xde\xf4\xfa\xe3\x82\xec\xb7\x9b\xfbk\x7f\xf7\xd5\xe7\xed\xb1\xd8T\x93\xd1\xcbSk\x07\xa4\xbb\x0e\xee%g1\xcd\x82\xa4?\xd6\xdd\xea*\x04\x95\xcbd\xf1c\xc2\x8b\x81\xe5\xd3TV\xee\xd8\\\x98w\xa1\x0e\\\xb1\xe4\xe2\xf7\x7f\x7f\\\xf36\xaf\x82\xe3\x9d\xce\x1f\xbfK\xc4b\xed\xcd\xc8\x1a\x90J\xb5\x07\xf7\x1e\xdc%\xdd\x06\r\xac\x14"\xc5=f\xe8vB\x1fV\xe8"\x1f\x044\t\x05\x1a\xa7\xd7\xe7\xd3l\xaa\xac\xdc\xbd\xdb\x92\xea\xc4\x02#\x96Xx\xfa\xdd\x0f\xaf\xef\xdf\xbb\x81\x9f\x83\x90\xf3V\xd2\xaa\xe6\xea\x8f\x7f{\x92\x88Mw\x8e\x9ay\x84t\xef^\xadD\x0b/\xe9\xb6m\xdb\x0c\\6\xee\xec\xec\xd6\xcb\\\x85&amp;!9\x90\xe5\x1c\x1b\x1b\xd3\x83\xaar\xf7\x16{*^71\x1d\x03\xd6\xab\xa5\xa7\x8b-\xe3\xe7\xef_\xba\x83+\xc6\xaf\xa3\xe5d\xe7\xd6\xdcy\xfd\xc3\xf7/_&amp;c\xd3\xaaH\x9a\xb5K+\xd9%\x8147\x80\n\x06^\xb2\x91\x99\x90%\x83/!\x04\x8b\xe7\x18\x1bs\x02\x0b\x1a\x7f`\rNL$\x12\xc9WO\x96\x16\x17\xc2\xef\xcf\xec\x9f\x9d\x1f\xbf{\xe9\xd7}x\x04\xe4\xfa\x99\xdb\xf3\x7fy\xbe\xf4-\xb2j#f\xafH:\x00\xd1\x92h\x81\xc55p\xc9\xa3\x10X\x9f\xc9 H2\x1c\xb8\xb5\xc6\xe9p8\xf4\xc0Z\xbf{Ki\x14X\x83S\x89\xe4\xc2\xab\'O^%\xc3\xbf-\xb2)\x0f#m\xf2\xf6\x1d\xc8\xb4_\xb6\x82\xe6\x1e\xbaq\x7f\xb2\xef\x8f#\x8b\xcb\xac&lt;9^u\x1bH\xb3\xb4\\)\x19,\x8c\x96\x13\xa2\x04\x1e\x81\x00\xdf\x9c\x0eQ\xb7\xc3\x81\xbb\xd2K\xdc~dMM\x91*`\xf5\xfe\xde\xa6T*\xb3h\x14\xfe\xcc\xec\xf8\xdd\xfb \xcb\xfe\x059u\xe7\xfe\xddy|T\xf2\x11\xb2\x12\xd3\xd7\xcaLoX\xec\xe5h\xb1\x97s\xabU huj4(\x83s\x92\xe8\xd4\xa9\xccMXo\x95\xfaG\x91\xb5\x00\xaa\x97O^-${\xf7\xd8\x94\xfb\xf6Q\x8b\x8biYL\xfeL\xdf\x8b\xf3\xb0\xcc\xfe?\xcbYvn\xc1\x8d{\xb7_\xcc\xceTTT\x0c\xf7"k!\x91\xb8\x16\xf7kDj\x0e\xb2$or\xab\xaa\n\xa6\x91p\xe85\x1a\xa7\xde\t0\xf8\xce\xcb\x14\x9d\xca\xfc`\x93X\xa7s\xfb\x97Y\xa0\x02V21g\x05\xd6\x1aFq15\x83f+*\x02\xd9]\xf2\xc4\xf4s`\xb8\x19\xf0\xd0\x99K\x93\xf3\x97gzN\x9c\x18\x1e\x1e\x0e\x03\xeb[`M=\xb7\xf8\x80\xc5I\xb3\xb4\x06\x03\x87\x8c\x16\xae\xf1\xb8}\x1eY\x02\x92\x85W\xc0\xc8\xe2\xd4\xef\x8f\x8c\x1e\x9fZf-$c\xfdV\x9b\x8dJ\xa5n\xd8\xc0\xa0gd\x15\x151\x8b\x8azf\'\x01\xf6s\xb2\x1f\x0f\xbe\xdb\xe3}\x97+\xcaY\xb4+\'\xc8h-.-!\xebk\x8b\xc6\xa16H\xc9I\x94\xb09Pvi\xb5\xb8pa\x01\xa1\x87h\xe1,j\x9c\x99\x8e\xcc\xcc\x0f1X%\xe0\x8aD\xdf\xb0 \xb3\xe6\x0eX\x15T\x06\x83\xb1!\x9fQ\x0c\xe1\x82Q\xc4\xef\xd9\xdf\xf7\xe2\x7f\x9e1s0\xcd/\x9d\x1f\xef\xdb\xcf?q\xe5\n\x8bFCVC8\xcd\n_\xb3\xfb\x1c\x84\x9a\x8cV\x95D\xcb\xe1Ha\x81\xe7p\x97U8\x81\x98Z\x18,\xde\x87\x1a\xb1n7\xd4\xcc~K=\xb2\x16 \xe1\x17\x12\xbd\x07\xacV*=\x9f^\xcc\x80I\xcc\xc8\xa0R\x95J\x98\xc9\xa2\x9e\xfd\xe3\xe9\x1c\xfbo\x81z\x0c\xa8\xcb=|&gt;K\xa1`1)\x8ar~\x05\xce\xe2\xd3\xa5\xc5d"1X/\xe0\xa5Y\xf8\x1a\xe0\xe0PC\x8a\xe1\xe5y\x81\x91&lt;\x14\x91%\xca\xe4y\xc9`m1\x99\xfc\xf5\xcf\xc3\x89draq!97g\xb5\xee\xb3\xd2\xe9\xf4\x8cb\x05\xed\n-\x03U\n\x88\x18\x93\xbf\xbf\x0f`g\xfe\xf3\xc6\xd4\x9cl\x88\xd4\x198\xf6 \xa5\xf8Y\x19t:\xd5\xc6,\xa7R\xf8\xc3\xfc\xf2\xe1G\x8bO\x1f\xc1\xd9g\xb0)\xe8$\xd4\x90\xe8$\x0bL\x03\x1c5A\x10\x0e\xe8\x1b\x8dB(\x94ax\xbc\xb8\xff\xd3\xeb\xf5@\x97X\xf2\x9eI\xb8\xb3\xfe\x1a\xfcab\xeaQ\xb8w\x8fBa\xcdg\x00\x0bT\xac\xf2r\x96my@\x8e\xe1z\x01\xb0\x9a\xdc\x7f\xbb\x1d\x9a\xb36\xf7\xd0\x9d\xdb\x93\xf3\xb33|&gt;\x9fB\x03\x95\xd2Fa\xd1)\xf0\x1b\xb2\x16\xc3\xb1X`\xa2\xda\xa5\'\xd4j.[K\xb20\\j5t\xb3z\x9f\x11\xba\t\xb7\xd9h4\xfa\xbci\x95\xd9]\xa2\x13\xc86o\xde\xd94\x18\x83\xd1\x1b\xee\x9dS(l\n*\x9dJ\xa5\xd3i,V9\xa5\x9c\x95\x95\x05i\x0f\x83\xc9d\xf2{\xc8\x85\x0cN\xe6\xff\xf2\xe1&lt;\x98\xe7\x93}=\x10)&amp;\x93B\x83?\xb7)i,\x1a\xb2\x98\x1b\xf9\xef?J\xc6b\xfd\x81\xe9\xb8Eo  Z\\\xa8n\xb4$\x8a\x8c\x16\xb0\x82r\x88\x96\x11\xea\x06oZe\x96\xcbe2\xc1\x8e\x93G\x9a&amp;\xfa\xfb\xe7\xe6\xe6\xb6\x1f\xc8\xa7+m6\x05\xc0\x18\x8cw0Z\xe5\xe5EY\x1b\xdf\xa8\x98\xcc\x1e\x80\xc1\xda\x7f\xef\xa7k\x7f\x0e\xa2^\xf4\xcd\xce0\xf9\xa8bA:\xbe\x93\xa5\xa4*\x14\x0c\n\xa86\x1e\xae\x08\x87\xe7\xa0?m\xa8m\x1eS\x13\x90\xe4\x1cR\xa5V\xa7Y\x8d\xe8\xc2\x194z|\xc0\xf2z}f(\xb9\xe4r\xe1\xc9\xd6\xd6#\xd5\xc0\xda\xb3=?\xbf\xabk\xdf&gt;%M\xa1(f\xac\xe9R\xd2hW`\xb0~\x12-\x94\xf1g.\xf7!\xec\x9f\xd3\x07\xeb\xf9d\xdf\x0c~^\x07\x93B\xa1\xb0hTjF\xd6F%}\xfbvF\x16\xb0\x0eo\xa44\xf4\x92\xac\xf6&lt;`A\xb0\x0coT\x802\x90\xe1\xf2\xc1\x04\x02\x0cX\xa0\x02\x96\xc7#w\xb9\x82\'O\x9eV5\xf4\x1f\xd8N_\xd3\xd5\x85.\xaa\x02\xfeeW\x97R\xb9\xccJ\xa7\xd6?\xba8\x9f\xd06\xf2+\x8ek4\xa3\xf9#\xd0\x80\x18Xc!:\x15.t\x02\x8dF\xe0\x8b\xcd\xb6\x92\t\xa5\xa7\x8c\xac\xcb\xf6\xd0D\x08\x16\xb5\xc2"\xcb@U\nZb\n.K\x8c\xeb\xee\xe2\xa8\xcaB\x11A\xba\x04\xeb\xb4\'\xdb\x87\x88\xd4]_\xec:\xbbn\xedCqY\x87.,\xb6\x03\xf1)\xc4-\xb1\x17\xfa\xfd\xfe~\xb2\x92\xed\x8bl\xc9\x0e\x1a}\xe6\xfb\xde\xfb\xbe7\x89er!\xf0\xcaq\xd8\xc5\xe7\x7f\x1f\xfe/4m\xea\xcb\x0f&gt;\xf8B0E\x93I`Y\xb1\xa8]\xf5C`-x\x9e\x97\xcb\x95\x1b\xe5\x10W\xf3\x7f\xfa\xd9\x8d\xb4\xc0\x92M\x98Ng\xd2C\xb5\x04\x164\xbaM\xac[\xb7~z\x0bY\xdc\xdd=\xd8;^z\x18\x86\xbe)\xb0\xe6\xab\x05P\x99PMb\xcd\xda\xf6\x1b,0\xc5\xe3^\x94\xd5?\x9c|\xf4\xce!S|\x84e\x97$V\xdc\xb6s\xd5\xf9\xb0\xd1\xcc\xdf\x0f\x1f~\xf6\x8f\x8f:u`I\xaa\xc9\x0c\xa3\x9e\xe9 \x87\x94\n\xd5\xc5\x1c\xde\x01\x16\xff\xf9aq\xf7`\xf3n\xad\x1c\x84\xbe\xeb\xaa\x82K\x01V(\xb0\xec\xd9ncv6\xea]%1*\xa8\xc4]\xea\x0f\xb8\xca\x92\xde)\xd2\xc7\x0eLJ,\x0bX9\xdf\r\x0f\xc3d4\x96\xc8\xcd\xcf\xfb\xf9l&gt;\x0c\xcb\x7f\xfb\xcb\x8f\x16\xebcC.b\x8d\x8fg\xc6;\xb7QY?d\x08{\xa0Z\x98&lt;\xdf#\xd5\x1a\xaf/@\xe5\x9a\x8a\xaaT\xab&amp;\xd5\xf2\xe7\x81\xe5E\xbb\xdd. \x04\xd6\x14\x1f\xc4\xa3R\x97Tj!\xf2\xcb\x7f\t\xa8\x94\xa8\xf4\xd4(\x89p\xf7$\xb0\xfc\xc3\xc30\x96\x84\xeb\x01+\x0c\xf2\xf92\xb2\xf8\xeb\x8f:m\xf8\xd6\x10\x8b\x1e5\xa2\xc2\xa5\xc5\x1db\x02\x0b\xb6z\xa7\x0f\xaab\xe0o\xf8\x1b\x1b\x1bPKQ0\xa3\xf3\xf9\xbc\xef\x12\xcb&amp;\x16\xb8\xa6JS%\xc9\x85\xf0DK\xc6\xe3\x91\x7f\x7f\xfe\xa5\xf8]+\x0b\x0b\x0b\xa4MF\xbb\xa9nr@0\xdb\xd6\xa8V&gt;k\x19Z\xb5:\xef\xfb~!_.\xdf\xfb\xecW\x7f^D\x16\'Z\xad\xb1V\x8bju\xc6;w\x84=\xfc\x02`\xb7\xc63ib\xdd\xb8\xf1\x9bw;\xbb\xa4\xc2\xd5\x05\xa9\x98EEU\xa9\x96\xeb\xb2\xe4Kt\x08H\x80\xdaJ\x96\x04\x95\xc74\x12#\x1a\x8f`\xcc\xf0\x17\xe2\xfc\x9cXP\xab+c\x10\x8b\xa1\xb4\x0c`\xe5\xb3Y\xcc\x8a*CU\x0b\xd6\xa0\xdcX:\xda\xdb\xad\x8fM\xb7\xa6\xa7[\xe0J\xbf\xd7\xa9w:\xfd\x1b\x8b\x8b"\x87\xb7\xafO\x8fe\xde\xc5"\xdf\xef\x9f\x81\xaa\x19\xf8\x94JUA\xa5\x98\xbc3\xcd\x82a\xaa\x06\x06\xa2\x15C\xbd\xd8\xb2fd]\xa1\xe0\xbd8\xff\xc4#_\x80\x07%\x95\xc2\x86!\x1f\xa4\xba,z\xc7\xb2r9\xd3u}\xba\x9f\x96\xc0BI,L\xfdAcn\xed\xf8)\xb9&amp;\x88\xd5\x9a\xac#:\x1d\xb6!\x9ct\x1c\xe3rz,\x8do\x9c\x9d\x1d\xec\xac5\x02\x91?\x08\x85\x0cbmp\xc5&gt;c\x19*\xe8p\xb2\xb0zbE\xdf@yQ\x8f\xb1\x10\xe1\xa7\x14\xa6\x1e\xb0\xa6&lt;J\xe8\xd9\xe0\xf5\x1c\xd8\xa9\xc6\xa7\x1b\x98\x14Z\x0cX9\x9dGFm4kk;\x92\x0b1=\x99\x96\\\x9d\xdb\xa8\xf5\xcc\xd8D\xa5R\x19k\xd7\xebg\xfd\x83\xe3\xda\xbdpXU\x90JW\xa8\x95\xab\n,\x82\xe2\xc8\xb1\xa4\x10\x8aP\xacv\x9b\x010\xa0E\x16&lt;!RWV\xbbg\xdb\x0eqAe\xc5b\t\n\x84\xf3\xd2\x12\x8c\x9c\x8eC\x9b&amp;\xba\xb1\xf6XpI,\xf8\x03\x8d\x0b&gt;\x91\x9elM\\\xbby\xb3\xd2n\xb7O\xfbO\x8fj\xf77P\xec\xd0E`i\xa6`\xc2\xdc15&lt;\x16\x87E[\xe1&amp;\xf5\x8aB8\x81\xe5\x81\x01X0K\x1a\xc3\x83\x07\xa9\x07l\x8b\x12\xfe\xc2N`\xd7\xb6\x92Q\xd8\x95J0r\xe5H\x06.\xe45h.I\xae\xe9Je\x82U\x9f\xa6\xadNb7\xacT\xae\xdd\xdc_%\xd5\xde\xddb\xb0q\xdf\xf7]B@(E\xc33\r\xecX&amp;\xef4y\x8b1\x922\xf0\xc8\x91T\xd4F`y\x0b\xf1.w\xe3.z\xa3X\x9c\xcd\xc2\x87\xb1::\x8e\x93\x83\xd7\xe8\x1af\x98\x95\x90\xa1+\xc0\x02\x97\xc8c\xa7\xfd\x1a\xfd1?\x00\x00\x03\xcbIDAT\x0eV\xc1\xd6\xe4$Jlf\x06\xfb=\xa0\xbe\xd9_]==}\xb2\xf9i3\x08B\xd4\xbb\x0fY\x14MW\x0c]\x15eE,\x93\x1b \x8b\xc4\x8a\xbd\x1dIG\xe6\x90\x9a\t,\xf4$\xba\xb5[l,/?\x9c\xc3\xec;\x0c\xd1\x80\x96\x85\xa4\xe1H\x8ec\xa9\xae\x95\xb0\xf4D\xc2\x01\x97p\n\xe4\xf1.\xb8\xceV)\xd7\x0c\x7f(\x0f\xf1!\xa9\xbe\xd9\xdf\x7fvzp\xbcT\x0e\x82\xc0\x00\x94!\x94\x02\x17\xb3f\x14\x86\xe5\xfa\x7fX\xd6P5{\x14\xc0Bxv\xb2\xd1h,\xf7z\xbdmF\xaf\xb7\x8c\x8d\xad\xc0\x03i\xd0\xc9\x82Z1R&amp;dG\x9a\xe0\x12y|\xd2^\x85K\xcc\\\xe7O\x99\xfd\xfe\xc3O*\xd7\xae\xa8j\x842L_5qj\x8a\xa2\xeb:\x14\xc7\xe1L\x198l\xc1"\xdb\x88\x89TC"\x87\xb7\x88\xa4\xb2g\xe7\xe6\xc0tr\xf2\x82q\xf2|\x1b;[&gt;_`7\x9aJ\xa1P\xe0\x90\xc4\xc1uvd\xae\x8a\xd3\xce7\x8b\x8fw\x1e\xf5\xdbc\x14k\x86o\xda\x07\xd55A\xf5\xf4\xa8X&amp;\x95\xa1\x98\x82\x88\x85\xa0\xd3\xb4H\xa4\xe2\xfb\\O\x01&amp;\xc4\xb2\x84\x81!\x81\xa0\xc2\r\x85\x93\xc0\x87\x13a\x95\xd9v\xb4\xd8\xeba-\xbe\xbc8?\x7fu~~\x010\x08v8\x18@2\xd4\x82eqH\xe2\xb4\xb90\xe1\x06\x01a\xd6\xc55p\xa5\xc9\xf5}\x81\xf5Ie\x9fT{k\xe5 \x9b\xf5M\x12\xe9\x92J\xb8\x83hC\xd57\x90=\x0b\xa6S\x80o\t.\xe4\x83j\x81\x05\x1f1\xd4o,Q\xb2#\xd0,&gt;5\xdb\x98\xdb&gt;y\xf1\xed\xf9\xabW/\xd7\xd7\xd7_\xbe&lt;\xbf\xb8$\xd8\xdc\xdcaX.\x00\x0bW\x9b\x08`\xb9U\xeeL,~\xcb\xca6\x96\x8e\x0f\xce\xda\x93\x99\xeb|\xa7\xd4\xfb\x13\xef\xac\xae&gt;{\xf6\x9f\xcd\xa5\xa6\x90J\xbf\n\xa1\x18]\x9eYu\xa9\x94&amp;\n\xcb\x105F\xbd\x00%h(\x1d\x1e8@\x8a\xd8S\xc5\xd9fc\xee\xf9\xe5\x10jeeEp\t\xc5\x90\xca\x06\xdaR\x13T\x05\x8b\x8b\x04w&amp;\xbc\x8eE\xbd\x9a\xbf=~\xda\xaf\xa73\x99\x99\xf7\x7f\xf0\xe3\xdf\xb5WW\xffz\xb0\xf3)\x12\x98\x1db)C*j\xa5\x0e\x8b\n:\x89\xbc\t,|\xed\x08"\x9c\xa68\xd5\x11\xd6\x14\xfb\x0f\x97[\x80z\xb5.\xa8\xde\x80}\xf5\xf5\xd7\xff\xec-\xd3.\x90\x12t\x80\xae\xcf\xbb\xdc\x99\x98\x15\xbdP\xc8\x07\x0fk\xe4\xaa\x8fg~\x92~\xaf\xde&gt;\xfd\xef#QVY\xbc\xa6\xf1V\n\x05\x95\xc0\x82SY\x06\x9cL\xe6Q(f\t*\t\xc4O\xac,`!\x7f\xa4\xfa\xf6-\xa8\x95\xf5\x15\x91\xca\xd7\xbc:\x87by&amp;P\x9c\xb3R\xe5\x1e0\xcf\t\xa7\xa0\x13\x82\xe0^\xed\xee\xde\xeeY\x07\x97\xf9g\x1c\x82t+P\xc5\x12\xda(\x83\x92\n\x9f\x98\xbe,[\xc7\x97%\xaf\tzC\xd7\x04\x90&gt;tFGF\xa4\xb9\xdc\xdb\xfe\xea\xc5\xc50\x7f2\xb6\xae\xee_\xe3\xfa\x1cX\x83\x01\xe5\xd2\xc1\xe6T\xaf^H\xd8Q\x10\x94\xe7\x1eo\x1e\xf4\x19O\x1e\x1d\xd7\xc20\x0b(z\n\xdc\xe4m,]\x87.\xb1\xac\x96\xcc\xc6\xb2\x06\x0c\xd9\xf7\xb3Z)\xa9q&gt;\xa2\xf4\x1d\x16\xbes\xd5\x85\x02\x0bT\'\xa0\x1ai\xb5\xb5\xbe\xf5\x12\x1f[+[\x88\xd7\xaf/N\x9e\xc3*\x06Va\xd8\xea\xae\x10J*\x80Z\t\xc2\xb0\xf9\xf1\x1f\x1f\xf1=\xd6;k\xacu-ki:f\x956\x82\xd2\xa5Z&amp;\xaf\r\xd1\xa1\xaeo\xb8\x1b\x00\xa3`\xc8\xa7\xa5\xcb\x91k\x8d\x88\x86X\xdb\'\x97\xe7\xa2\x01\xd7\x89\xb3\xbe\xf5\x9d\x00\xd7%\xb9\xb2\x96\xa8]\xc7K\\%GU\xab\x9crp\xc8\xc1\xc7G\x9b{\x9bG4v\x8c\x86\x04\r@`I&amp;&gt;\x0f3\x0c\x10\xe27\r\x82\xa7\x94\xc3\x1eW-\xe5\x88\x96\xc8i"\xbe\x03\x05\xc8\xff\x01\xc0\xab\xedh\x07V\xd0\xec\x00\x00\x00\x00IEND\xaeB`\x82'</t>
        </is>
      </c>
      <c r="M315" s="3" t="n">
        <v>45492.6771875</v>
      </c>
    </row>
    <row r="316">
      <c r="A316" t="n">
        <v>924857</v>
      </c>
      <c r="B316" t="n">
        <v>1981</v>
      </c>
      <c r="C316" t="inlineStr">
        <is>
          <t>Michel Araújo</t>
        </is>
      </c>
      <c r="D316" t="inlineStr">
        <is>
          <t>M. Araújo</t>
        </is>
      </c>
      <c r="E316" t="inlineStr">
        <is>
          <t>PD</t>
        </is>
      </c>
      <c r="F316" t="inlineStr">
        <is>
          <t>ATA</t>
        </is>
      </c>
      <c r="G316" t="inlineStr">
        <is>
          <t>PD/PE</t>
        </is>
      </c>
      <c r="H316" t="n">
        <v>178</v>
      </c>
      <c r="I316" t="n">
        <v>15</v>
      </c>
      <c r="J316" s="2" t="n">
        <v>35335</v>
      </c>
      <c r="K316" t="inlineStr">
        <is>
          <t>Left</t>
        </is>
      </c>
      <c r="L31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e878c4d-f667-4c4b-83aa-50396cd386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9\x9b\xfa\x00\x00\x03\x00PLTE\xff\xff\xff\x1b\x1a"\xf3\xf4\xfa\xf2\xf2\xfa\xef\xef\xf7\x19\x18 \x16\x15\x1e\xf0\xf0\xf8\xee\xee\xf6\xf6\xf7\xfb\xfe\xfe\xff#!&amp;\xe7\xe8\xf2\xe6\xe6\xf1\xeb\xec\xf5\xe3\xe4\xef\xde\xb9\xa2\x1e\x1c#\xf7\xf8\xfc)\'-\'%)\xde\xb5\x9e\xdf\xe0\xec\xe5\xe5\xf0\xf5\xf5\xfa\xfa\xfa\xfd.+.\xd7\xb2\x9c\xea\xea\xf4\x1f\x1d\'\xe0\xbb\xa5\xe1\xe2\xee\xe1\xbd\xa9\xd8\xaf\x97\xd3\xa4\x8c\xf2\xf3\xf7&gt;//\xd5\xd8\xe5\xdb\xb6\xa0\xdc\xb2\x99\xe9\xe9\xf3"!+\xfd\xfd\xfd\xd8\xdb\xe8\xdb\xb2\x9c\xd8\xac\x90\xd8\xac\x95\xdd\xad\x98\xdb\xdd\xea418\xcc\xcf\xde\xd0\xd2\xdf?;=\xd2\xd6\xe2\xcc\xa5\x8c\xd0\xab\x94\xdc\xac\x93\xe1\xb8\xa30-3\xd7\xa8\x8d\xac|e\xb4\x85n\xe5\xbe\xa9P95\xd3\xa9\x8f\xce\x9c\x7f924\xc3\x93{\xa1r_G98\x8eeS\xe4\xb3\xa0\xb2\x81i96;@55\x85`R\xe7\xc4\xb0\xba\x86m\xd8\xa8\x92\xe7\xb7\xa5\xce\x98y\xcc\xa0\x86\xc0\x8fw\xd2\xa2\x86\xd2\xae\x98\xd1\x9e\x83\xcb\x98\x7f~ZKFAB\xb9\x8cs\xd7\xb4\xa2H30\xc7\xa1\x89\x8b[J\x9dnZ\xe6\xc1\xad\xc6\x90s\xea\xc7\xb3\xbe\x8br\x95gS\xd5\xa5\x87mL@\xa8u_rE;4/1\x15\x13\x1c\xc8\x95y\xc8\xca\xd9\x97lYLGJ\xbf\x98\x8288F\xc5\x98~6+,\xdb\xb7\xa6\xa4ze[WY\xe1\xb0\x9a\xba\xbe\xcf\xa1\x7fp\xd1\x99\x80\x9cve=&gt;KtUK\xc8\x9d\x83+*3\xd0\x9f\x89\xbc\x93}|TD\xe0\xc6\xb8[?7\xec\xca\xb8QA&gt;\xb3\x8f}\xe1\xc0\xb2\xba\x8cz?**dKC\xb0\x89vdD:\xae\xb0\xc1\xaa\x83p\xdf\xcb\xc2\xa0hOkTM\xbf\x9d\x8aj[Vd&lt;4]PM\xb5\xb8\xca\x92tg\xdb\xba\xacWJH\x95\x95\xa4~]REFR\xc6\x99\x83POW\xa0\xa5\xbc\xc1\xc1\xcd\x86TC\xaa\x8f\x83\xc3\x89m\xb6\x9c\x92\x9b\x9c\xaf\x9aeJ\\E@\xc7\xc7\xd1\xce\xb0\xa2\xbb\x80d\x89pewe_\xd5\xbd\xb1\x8c\x8d\x9d{L=\xa6\x89{\x8ak]\x95oa\xb3\x96\x88\xcd\x92t\x9e\x84|\xe8\xe4\xeagbg\xc8\xa4\x91\x85\x86\x98\x95{o\xfa3D\xb4{c\xa4kT\xd8\x9f\x87~}\x8a\xae\xa9\xb1jhu0#%\x80g]uPAL(&amp;\x93`K\xc7\xab\x9c\x89vq\xd4\xd1\xd6\x8e\x88\x8a\\Zet^V\xdc\xda\xdf\xed\xeb\xeets\x7f\xf4\xf0\xf2\xbd\xa3\x96\xb0t\\\xfaES\xe7\xd0\xca\x80kh\xbcmg\xcd|}\x86}|\xc0\xaf\xacqll\xed(5\xdc#1\xbd\xbb\xc3\xe1\xe0\xe5\x93\x7fy\xc9\xbb\xbd\xeerz\xaboU{su\xe6\xc9\xbe\xd3\xc1\xbf\x9cYR\xa3\x9e\xa2\xf3\xe6\xe6\xd8\xca\xca\xe7\xd3\xd5\xa3\x94\x91\xabe^\xb2\xa2\xa0\xf1Xb\xdc\x9f\x96\xc5\x80v\xbdzp\xcc\x8c\x7f\xe9\x9e\x8d\xf1\xb4\xb7Z3-\x8bGD\xeb\xa7\x9c\xd3cg\xed\xdd\xdf\xd0\x8d\x94\xdaAN\xb6TS\xb2\x1c*\xf0\x88\x92\xa9=C\xe8\xa3\xab\x03`S\x95\x00\x00 \x00IDATx\xda\xdc\x97\xffO\x13i\x1e\xc7w~\x98\xe6\xec\xf3\x8b\xe3\xf3\x90\x1cC\xc6\xd0J4\xd3\xd4\x92I&amp;\x02\xd35\xd8r\x98\x1b\x08M\x15\x81Q\xc4\x10\x05m\xb9\xd4\x05l\x02\xab\xdbU\t\xb2\xab,\x01z\x1c\xe0\xba\x8d_8\xb1\xbb\xeb-\n\x8a1\xba\xa2^\xdc\x15E\xd1\xc4\xc4#\x11\x92\xc5\x84\x1f.\xf7G\xdc\xfb\x19\xb8\xfb\x0bZ\xbd\xdcC\xbfAI\xe6\x95\xf7\xe7\xfdy\x7f&gt;\xf3\xc9\'\xff\xb7\xc7\xc9\xcf\'\xb9\xf3\xb77\xe5z\x9cN\x8f\xf3\x7f\x02*w\xd3\x8bw\x0fV\xce\xa7\x8e_0\xcd\xe9\x97/W\x9e.\xde\xce\xe5\xa8\x1fQ&amp;\xcf\xba\xf9\xa7\x0f.hTQ\x14A\xc0C\xc0\x07\x1a\x7f0\xfb47\xd7\xf3\x91\x90\xf0\x98{y\xc1P\x15I\x91\x04\x91\x1f\xbc9DE"*5\x9f\xcd\xe4~\x94bzr=s\xb3\x9a\n\x81D\xc08\x1c\x92*\xe2M\x10\x1c"\x14S\x13\xaa\x91zpq\xdd\x87\xae\xa4\xd33\x7f\xed!UV\x89\xec\x83\xcf\x92B%\x15\xba\t\x92jH\x12^\x1e^\xdb\xf0A%s\xe6\xbe{\x98\x80\x95\xfe\x0b\x05\xb5D\x85((\xa3 \x81U\xa5\xaa(Q\xd4\xf2\xed\xb5\xc5\r\x1f\x0c\xcc9\xff@U \x8bC\x10\xa3\x8eh\xd4\xc1\x9f"\xca\xa7*\x0e\x91\xa2\xac\xd4\x00\x97@\x13\x82\x9a\xd0R\xb3\xeb&gt;X"&lt;T\x15\x85+\x15\xb5_\xb8X@\xe4~W\xf1\'\xd1\xa103A\x05(\'\x10M5g^l\xf8\x10]\xe9Y\x8c\xab\x80Z-\xa0\xc0\xfb\x8f\x7f\x8e\x8a\x12\xca\'i\x8e\xa8\xe4\x10\xd1\x8e\xcc\x01\xeb\x8bR\x82\x1a\xda\xf4\xc5\x0f\x80\xe5|zAUV\x99DN\xe0\x10(O\x06E0Q=\xd8+*\xf2\xf4B\x88I\xfc\xcfj\xc20b\xcb/\xb2\xee/\xe7\xdcg\xea\x9a\xd5a(1\x1a\x05\x87H\xa8\xc8\x00)\xa8\xaa\x04\x9f\xe1k4\x80C\x12@-\x11&amp;0my1\xdbz\xbd\xb8\xa0\xacQ\x89\xb6\xd7\xa3v\x17\x82Op0\x83&amp;\x1cFT T\x03\x8f\xc8\xa5C?\x12\x85$\x8c\xd4\xd3\xec\xea\xb5\x0e=\xc8s\x93\xb7\xa0C\xb2\xb9\xa2\x02UT\x08F\xa0\x8c\x89\x17A6\x18e\x8ch\x94\xa2\x96\n\x15\x80k\xc6\xe7\xb2\xc9\xe5\x99QW\xc5\xfa\xcf\x93S\x89D\x10Y\xd4 \x00!LE\x03\x10\x89)\tMW5\x1db\xa9\x12\xa1T\xd6\xa7\xe7\xb3\x18\r\xd7\x120\x96\xb4\xc6d\xd7\x0e\xe6b\\=\t\xeer8\x98\x06h\x82\xea9\x149\xa12\xcd`z"!Q\xca\x0c}%7kZ\xddN\xa1\\\xab2\xc1\xd1\xa2\xc4$`\xa9\x1ae4AyZ\x10f\x11B$\x1d\xe0\x12\x1f\xdf\x12\xc2\x15\xdf\xca\x8c\x98z|&amp;K\xb6wnz\x86uA\xb4\xb5\xc2\xe4\xc3U\x1d\x02\xc4"\xd4@\x94\x8a\x84\x18\xb2\xc6\x08\xd3tF%bOK\x84\x87\x0cvC\xa7RP\xb3R\xb7\xb3\xc3\xe5\xf9&amp;\xc1G\x8e\xc0\xaf\xc7\xa7\x1f\xbf,T\x83\xa3pm\xca\x88L`vY6\xf1d\x0c\xb9\xc5Y\xa1\x13\xa3\xbaLtM3\xcfg\xa7\x8c\x9b^\xf2.\\-"\xd4\xc0u\tC@\x19T!\xb8\xbc\x1c1\xf5H\xd0\xb2L=h\xe8\xa6AX\x04\xbd)\x1aTC^0j\xc9p\xfdb6\xb8&lt;\x17\r\xd5\xae\x9c\x1dZ&lt;\x93\x08$\x92\x1c2z\x90$4-\xa8\xcbr\xcc\x929X,\x121L\x9di\x12\xff\x17\xd94\xa9\x16\xa1\x08\x89\x8b\xf3\xd9p\xd6\x03\xec\xc6\x02\xaf!\xf7\x16f\x1fb\x9cp2\xc6\xaf.GtJ\x82VrH\xc7\xaf\xf0\xb8\x04\xb3\x11\x82j\xb2\x98\xa5QC\xa6\x86n\xcd\xe6f&gt;\xbc\x9c/R\xaa=\xa2m\xcb\xf3\xf5\x00\x0b\x02cr\xb0"\xd8\x86^\xab\x08Fd\xbc[\x16e\x90QF?\xc2\xf8&lt;\\\x99ihF\x84Q\xaa\x9bz\x16\x9a\xd1\xf3.\xc1\xad\xc5\xd7,\xdb\xf1\xf8(\xb06kt`\xe0\xc7\xc7]\xf5\x05\x8f\x1e\xb5UT\x04Y\x10B1C\xb6d\x82\x19\x048\x80G\x88\x8cc\xc8\xa6\xa6=\xdb\x94\xf9\xb1s\xd1\xdeGy4`\x05\xa5&lt;\x9fH[\xf7\xf3\x9b\xc7\x8e\x9d;\xd9W\xd9U_:\xde|v\xbc\xdc\xd4\xe4\x88\x0c\x16|\x19\x94\x91g\x06~E\x87\xca\x86i\xea\x96\x19{\x9a\xf9\x84?\xafr,\xfe \xb4\xad\xadb||\xf4\xec\xd9o?\xffc\xd5\xc1\x96\x96\x96\xb2\xdd{\xb7\xf7\x9d\xeb\xab\xfbs}\x90\xb1G\x05\xa5]\xe3\xdd\xa3\xddV0\xa8\xe9f\x90\xc2\xfd\x1a\x8d\xe8\x11S\x8be~b\xe7&gt;\xb4\x17e\x88\xc5\xdaJ\xc7\xeb\xea*\xeb*w\xee&lt;\xf0iU\xd5\x95\x96\x96\xda\xdapmm\xd9w\'\xb7\xdf\xac;U9\xdc79ytp\xe2\xee\xe3\xe4P9\n\xab\xeb\xba\x06\xfd\x0c\r\x01\x12\x9f\xcb\xb4\xb9\x9c\xbfK\xa9\x8a-\x17i+\xedmnxr\xe8\xd0\xa1\xfe\x03\x87\xef}\x7f\xa5q*\x80S\xe3\xde\xe1s\x15m+\xca\xdb\xb3\xa7\xa8h\x87\xdb\xbdm\xf2\xee\x8d\x81\xa1\xf1\xf2\xeer\x19\r\x81\x0c\x89TX\xb1x\xe6\x8b8w\x9c\x17\x11\xb6\x82X\xbd\xa7\x9e\xf4_\xbdz\xf5\xfeo\xaf\x81\x15\xe6T\x81j\xb7\xcf\x9b\x93SR\x92\xe3\xf5\xfa|;\\!\xf7\xae\xef\xfan\x9e8\xdb\xdd\xdd]\xce\xb8\xf3\t\x02"\x1e[\xc9\xb8Z\x8b\xc7\xa9\xc0\xefV%RP\xda{\tP\xfd\xfd\xf79\xd5TgM5N\xd3\xd6-\xc0\xda\x98\xbf1\xbfd\xfd\xe6\x1c\xaf\xcb\xddT\xed\xde{\xee\xf3\x13\xdd]\x03\xe5\xba\x89U\x82\xea\xa31}%\xd3\xde\xf2`Y\xb6\xd3\x94\xc8\x05\xa5\xcd\x97\x00\xd5\xbf&amp;VgSu\x93\xdb\xef\x0fm\xce\xc9Y_R\xb2\xb1d#\xdes\n]\xfe\xa6\xa6\xea@\xd9\xf6\xca\xcac\xcf\xcbG\xcd`\x90\x99)\xd3\xca\xf8\xdd\x99s\xf13\xbb\x13\x11\xe1\xf5\xa5\xbd\r\x80\xe2XpV\xb8\xb3\xda\xefw\xfbC.o\xfb\xfa\xf5\xa0*\xc9\xd9\xb2%\'\xa7\xb0\x18XM5\x81pU\xd9\xee\xbe\xc7I\xf8\xde\xc2T2g3\xee\xadk\xda\xaa\xb7\xd8\xa3\xfa\xde\x9f\x1a\xec\x1a\xdaXW\x02\xee&amp;\xb7\xdb\xed/\xdc\x0c\xb96\xc2[\xf8\x01Zq\x13\xc7\n\x87\x91\x1e{\x8f=\xb6"z*\x06\xb2\xe5\r\x99\xc6\xe2j\xf1{y\xf2\xa8\xab\xf9\x14\xb0\x00v\xff\xf5\xf7U\x90\xab\xa6\xc6\r\xc3\x17z7C\xaa\x92\x1c\x88\xe5-^\x15\x8b\xab5\x15n\xd9\xdd7&lt;\x8a0\xd5\xadXl6\xe3\xd3\xe7O&amp;\xbc\x05.\xd2\xd6\xd5\xfc\xd3*\xd6o\xb0\xd6\x95\xb5x\xd8\xea\xda\xcc\xad\x95S\\\xe8+\xf6\x86\x8a\xb76uvv\x06\xc2\xe1\xf0TcK\xeb\xc9\x8e\x01\x1d\x13\xd1J\xa5f3my\xe77\x18\x898h\xc4\xae#kX\xaf\xefU\x1dl\x0c\x87\x03555\xd5\xee\x90w=\xac\xee-,\x0e\xf9}\xfeb\xff\xcf \nOMM5N\xb5\xb4N\xdeJ\xc6,K\x8f\xc5\xe23\x19\xf7\xd6E\x8e%a\x87\xf9\xba\xeb\xc8\xa5\x86\xab\x87x\r\xef\x1d\xdc\xdd\xd8\x12F@ps\xf9\xbc^\xafk\x8b\x0f\xde\xf7\x15V75\x81\x0bd\x1ck\xff\x99\xbb\xc9!\x0b%L\xc5\xdfe|\xaf\xf9\xab\xc6\xd5\x92$f\xab\x85\x90\xef?\xfc\x1a\x03\xb1\xb1\xa5\xc6\x1dr\xefp\xff\xec\x0e\xf9\\&gt;\x9f/\xe4v\xfb|~\xbf\x1d\x0f6W\xb8\xf5\x8b\xc1\x89\xe4\xd0P,\x05\xac\xb9\x8cc\x9d\xb7\x8b\x08\xc7\x97\xf6\x1e9\xd5\xd0\xf0\xe4j\xff\x1f&gt;\xdd\xbewwk\xed\x97\xee\x90\xcb\xe5\x0fA.\xdfV_\xc8\xc7Oaq\xf1\xd6\xad\xfe\xea@ \x0c\xb4\xc0\xae\xa3\xb7\x9e\xc7\xe3\x1c\xebo\xce\xcccQ\x8eE\xf8\xe89\xf2\xf7\xba\x9dO\x0e\x1d&gt;\xbc}\xefW\'\xf7o\xdb\x13r\xe5\xb9\\\x1c\x08\x0f\x14\xd2\xe7\xdd\x8c\x88(.\xfe\xb2\xba\x06T\x81\xc0\x17\xbb\xd2\xb7\x92\xf1\xe9x&lt;\xfe,\xf3k\xa0\xad\x96\xaa\x10\x84)&amp;u]e\xc3\xa1\x03\xc7\xb0\xca\x9c\x19\xbcS\xb4\'o\xdf\xbev\xf0\xe0Y\xd2\x9e\xdf\xde\xde\x8e\t\x94\xdf\x9e\x17r\xf3\xd8j\r\xec\xda\x91\xbe\xfc\xe3\xc2\xf4\xf4\xc2B\xfc\xed\xef3\xef-^DF\x0b\xea\x11\xf2\xcd\xcd\x03\'v\xde\x18\x1e\x1e\xee\x98\x98\x98\x1c\x1c\xbcs\xa7}d\xa4\xa7\'\xbf$??\xbf\xa7\xbd\xa7\xa7\xe7t\xcf\xc8\xc8H^\xd1\xae]\xb5\xb5\xd8z\x8a\xf6\xbd\xba\xb5\xb4\xf4v!\x9ez\x9b\xf1[\x1f\xcf_\xb8Z\xb4\rX\xf5]\xa5\xe5\xdd\xa3C8\xa3\xc9\xe4\xc0\xc0\x0f\x13g\x06\xd3\x1c\x0b8\xf9\x9cgd\xe4\xfa\xf5t\xfa\x97t\xfa\xce\xfe\xd6\xb2\xb2\xd6\xfdE\xd7\xd3c\xff\\z;\x1dO-g\xfe\x8e\x0c\xab&lt;\x01\xd6\xd7\x05\x00k\x93\xe5HD\x93)V)\xb3BO.M\xdeI\x8f\xf4\x9c~\xff\xfe}O\xcfHzllr\xec\xd5\xd8\xd8\xd8\xe5W\xaf\x06O~\xb5\xf7\xe8\xfe\xf4\xf5\xebcK\xcb\x0b\xc0z\x98\x15\xb5TU.\x00V\x01\x93X$\x88\x1b\x1b\r\\\x94\x05cCw\xcf\xfc\x92\x87\xe2\xbd?\x9d?\xb2\xef\xf2\x8d\x1f\x96\xde$c\xa3\xa3C\xc97\xbf\xbey&lt;\xdcq\xe7:\xce?f\x17\x9e\xc5S+\x99\xbf\xf39\xcf\xb1\x0c@\x15&lt;b\xc1\xf2\x8a\x985Z\xaec[\xc7M\x8d&gt;\x9a\xec8Z\x94\xb7o\xa4\'?\x7f$=\xfc\xfc\xd78\x96\x05M\xd6d\xd3\x8a\xe1\xbb[i\xce\xf5\xaf\xe5g\xf1\xd8L\xe6\x03b\xc6P\x15\x16\x01U\x1b\xab\xe8\xee\xc6]X\xc7DG\xc7\xf0\xb7gK\x0b\x82\xe5\x03\xc3\xff\xa6\xd5lc\xd2\xc8\xf38\xde\x97[|s\x1b\xdb\x17+\xb9Ke\x8d\xcd\x1ad\xb2\xb9\x8bB\x01-2\x0e\xd6)\x83ba\xea\x03\x94\x83\x03\x0caM\x05\t\x10\xda\x11\xbc*\xa8\x81\xe2\xb2\xc1\x0b\xf5r\x88\xa9\xebST\xd4m\xd3(\xbb\xa7\xa2\xc6v\xcd\xda\xd8F\x9b\xdc\x9d\xe9\xd6\xd6\xd6\x1awum\xd3\x97\xf7\x1b\xbcW\xf7z\xfa\x8fQ_~\xf2\xfd=\xfc\xbf\xdf\x99io(\xce\xb5u\xd8\xd8W\xee\x8f\x8c\xd2\xe9\xe2Oep\x0b^\xca\xf8\x99\xf0\xfa\xd8\x98/\xb4\x05\xb3\xf8\xd5\xb7\xcc\xa7\xd7\x7f\\\xca\xfe\xfd\x17e\xb4Z\xe5\x83\x1e&lt;\xea\xee\xea\xf2\xb7\xfa\x83n\x0c_\xec.\xed\x9c\x0c6\x15]\x81q\xacc\xafGG\xbf\xf9:&lt;\x08\xf3\xf0\xf5\xbdo@6\x98\x8d\x95\xd0X\xc8\xb7\xf5\xf3\xb3\x96\x965\x86_Z\x14\xb0N\xfd\xf1NvV6`\xd5\x0f\x86I&lt;\xe9v\'\xad8\x1e\x9d\x99\x19\xf1\x18\x17\xcd\xdd^kmQq]\xef\xb9\xfc+=\x13N\xb7\xddnwv\xb5\xf6\xac/\xef\xffgt\xf4\xc9\xe8\xe8V(\x14\xda\xde\x04\xb9\x18][\x05\xdb#\x0b{kk\x7f\xbf\xf9E6hUj\xc41C\x12\xef6\x0e\x96f\x94\x8bA\x083G\xbc\xa2\x1b\x85\xf9\xe7\x04\xe7\x8b\x9a\xc4"\x93V\xe3\xf5\xe2\xd6`\xeb\xfd\xfb=S\x13\xd1\x85G\xfd\'X-\x8c\xda\x1a\xd66\xae\x89\xc7\xc9\x95\xab\xf4 \xe6\xd5w\xc6\xacV+\xde\x16\x98o,\x9b\xcf\xba7\x7f\xb5\x85\x0c\xe2\x8b\x91\xc8\\B\xc5\x959\n\xab\x95\x15"\xd4\xb0\xe4\xe9\xec\xec|\xf2\xc0-\xbe\x7f\xbf\xa1gbf\x02\x8a\xb8\xb3y\xef!\xa3\xb6\xe6\xb3\x19\x8d\xd9\xac\x89w7gA\xba\xc8+\xf5`n\xab&amp;\x12\x08t\xae\xfc-\x9d}50\xba\xfdD\xd3&gt;\x1e\x89,\rW\t\x11\xfe_\xae\xd7\xca\xc5\x8f\xe3\x83-\xf3\x9f~:_\x1f\x9eD\x95E\r\r=\xcb;\xa1\xd0\xce\xe6\xcf\xcf\x18M\x89k\x13\xda\xf1\x88\xd9k\x0cde5\xc3\x86\xc7\xadv\x83\xd7\xdc\xd6\x8d;W\xd2\xe9\xfa\xb6\xfd\xb1}r)\x1e9\xa6\xb1\xf8B\x95R\xaf\xec\xd3\xc6\xf66\xd3g\xbeo\xcek)%\x97fo\x14\x15_\xf1A\x15W\xef=[\xa3\xdfj3\x85\xb5\xeb\x7f\xfb.\x92\x8et\xd3X\xa5mF\xcc.\xd2\x1a0\x8d\x97\xc4c1rr\xc6\x9dD\rqM$rw\xb8*E\xa4$\t}Bnr\x0e\xec\x95\x06\x9a\xd3\xe1\xfdG\x81\xf8\x9c\x1c\xb8\xc6h\xacg\xab\x9f\x15|x\xb3\xcb\x14\xd7w\xfe\xa7/\xcd\x91ti \xeb\x0c\x04W\xd2j7i\xb5Z\xc3\x92aI\x83\x93Ig0\xe8\xf7\x1b\xbcm\xe6\xbb\xc3:\x158e\xbd\xdc2,\xb7k\x93\xb1\xce\xc1\xc8\xde\x80\xdb\x18\x99\x1b\xd6Ug\xb0\xf6\x9e\xbdz\xd3$OX\xde0\x86\xf5\xebK\xf3b\xba&gt;p\x06L\x8d\x11\xd7\xdaQ\xd4d2\xcd\x99\xe6\xe6\xe6\xd0\n?\x1cS\xdc\x1c\x19\xbf;&lt;\xedJ\xa5$:\xb9\xceR\xe4\x17\xa1\xee\xe8\x8cs\xc6\xedFoC\n\xb9Q\xdc\x0bX\xafF\xc5\xba\xe9\x14\xf5\x0b\xe74SE|\xfa\xce\xbcx\x1c8\xc1\xc2\xb4(j\xaf\x10\xd7\x8a\xc5r\xbd\\\xae\x94J\x95\x15\x86\xb8\xd9|\x82US\xa5\x1b\xd6Y\xa4R\xbd\xbf}\xa0\xbd\xcb_\xabW*-\x16P\xcb\xe6\xf3\xf9\xf6GT\xa9\x14qp\x90b\xa8\x8c\x9fw\xbd}7\xeem\x0b4g5\x96\x03\x96\x15\xb5\xdb\xc5\xb5Ri\xdf\x8d\xea&gt;\xfa\xf8M\xb7\xe3\xe6\xf1\xf1\xdb\x89\xaa\x14\xc4U\x8bNgQ\xab\xa5Ji_\x9fTM\x1f\x89D]\xc3\xb3u\xf8|[\x0f\x84\x04q\xf0\xfe\xfd\xd1\x07f\xb0X\x03&amp;\xb3\x86\x84E\x95\xd5XYj\xd4\x18@\xacZi\x9f\x1a&lt;&lt;UMI\x13\xc3\xb3\xb7\xe3\xde\xf1\xf8\xed\xe1iU\xaaFmQ\xeb\xaajT\x14E\x1d\xaa!(\xba \xaaI\xaak\x84\xec^\x9fog\x86@\x1c)\xc0bH-\xd6k\xad\xd9\xea9N\x9f`\x914\x96\xff:P\xb9\xa8\x9a\x84\x1a\xd4\x99]\x1a\xa7\xb1f\x13\xd3U.\xb5E"q\x15\xf2A\x17\x0eA\x10B\x88iBN5\xe7"`\x85vfx%\xb2\x94\x821\xac\x82\xefbx\xd2\x9c\xfe\x1f\x96\x17\x83\xc0\xa3T\xab]*\x97\x0bR\x8dZ\xa77i\xbc\xe6\xf1\xf8\xdcl\x82N\x85:\xb5\xa4\x86/p \x08\xc1G\x10\x04"6\xb0],f\xf7vl\xbc\x9e \x14\x8e\xd4o\xef\x8f\x98z8\x7f\xda\x83i\x00\xab\xf9LNei\'Ic\xe9\xafgJ\x045\x82\xd1\xd3\xc6\x17\xcd\x99"\xd2\xa9\xd0b\x91\xa8\xf82\x99\xc3\xe1@\x1c2\xf8\x8b\x10\x04\x0f"H\xafo\xe3u?_\x06XG\n\xa6\x1c*\xeb\t\xa6\x89\xa4\xd3\x81\xf9\x13,\x03\xf4\x96RM\x01\x98\xca\xa5\x92H+`\xe7\x03\xd6\xf3DJ\x98r\xb9\xaa\xa1\x8a|Y\x89\xec\xe4\x08d\x08\xc2c\xb3m\xd0Z\x1b\xdbb\x87B\xc1\xff\xedh\x83\xb1\xbbz5\x86g\xb0\xb2\x01+\x06\xa3(\x86\xc5\x00\xcdEQ\x12\xca%\x9d\xb5\x1a\x01K3\xec"\x10$%\xbcr]\xa2\x12:\x144\x93\x82\xfe\r\x95d\xdb`\x10_ll\x1d\xa6\x14\x7f.9z\xff\x13Sk\xbe\xe0Uw,\xdc\x16\x084\x83Y&gt;\xc1\x82\x05aQ\xab8\x90\xf2]\x161\x1e\x81\x96\x9f\xb3\x10\x82\x0e\x99\x90\xc7\x96*k\x00+s\xa0\x86\xb2\x14\xc2\xad\xeb\xed\x05\xaa\x8d}\xe4\xe0@q\xed\xe8\xaf\x8c\xd9y\xd6\x0f\x9en\x8f\xa7~~\xfeL#mL\r\xa8H$\x96*\xfb \xe4\x03\x96T\x14\x19\xd7h\xe2\xcf%\xc8\x8b\xdd\xcb\x88\xa0\x97\xd2K\xf8\x19,`\x92!\x07\x1cZ\xad\x8e\x17\xa1\x8d\xd0@\x89\xec@vY\xb6\xcb\x9c\x87\xd8\xf6x\xf0X$\x00X\x95\x80\x85\x19P\x93X\xaf\xd7\xa98\x14\xc1\xe1H\xb1\xe3\xb8\xc9\xa0y\xae\xe6^\xbe&amp;p\xfc\xee\x0f\x84KM\xd7O!P8\xe8\xc6B\x10.`\xf9B\x1b;\x03\x02\xc5\xc1\x91\xac\x84\xc1\xec\xf3\xe3\x13\x1c\xec(l\x88\xe6\xbc[\x1e\x12\xb3jQ\xfa\xdd\x85ZEq8\x1c\xb19bE1L+\xcd\xa5\x9f\x9a\xf2\xb8\x0e\xc1EY\xa6\x80\n\x99\x00\x1a\x0b\xe1\xe5\xb2\xeb2X\xeb\xc8\xc1\xb4\xcb\xf1\x82A\x83zz%\xa9\xc5\xcc\xf4\xe2\xca\xcb\xf4\xbc\x16\x15\xcd\xca\xa5\xf4\xb3\x1a\x1e%\x8a\x1c\x8b\xdc\xe9z\xac\xb5\xf8\xecYnq\xabH\xc5%\x04%\x99\x1a\xc2\x8ap\x80\\\xec|\x18Dh\xad\x1eX(\xc8\xd9\x0fL\x9a\xf9~\x14\x05,X\\e\xe0\xdd1\xe02e\xe4\xa28BJ\x1cO/\xf9\xc9\xf9@WC1\xbb\xc1x\x1cO\x10\x14\x8d\x05\x1b\x0b\xe1\xf3\x91\\\xa8!\xbb\xce\x066p\xef\xf14\xdf\xc6E\x18|\x00\xceb\xed\xa0\xa8\x95\x8c\x94f_\xa8,\xbf\xe5\xc1\xa0\xe9M\x15b\xb9\x8e\xc6\x82\xbd\xa51/a\xc7\x01&lt;\xd8\xdac\xb7\xfa\xa9\x1a5E\x17\x11\xf6)_\xc8/\xe4\x9d?\xc1\xf2m\xaf*e%\x1d\xc49FC\x06k\xdb\x89b\xde\xf0\xa5\x0be\x95\xb7:q\x1c\xd4\x12U\xc8\x95jW\x8d\xc4b\xb1(E\x9aq\x8f\xd1\xeb\x14\xfb\xfb(B\x95\x90\x122\x01\xbd\x1b@,"\xb707\x97\xde\xf1\x10\xf6g`&lt;\xcf\xd5m\x9cb\xf4\xb0\xd6\xb6\xf7\x7f\xf8\xf7\x9d\x9bp+\x0e\x928\xdd\\\x15z\xa5\x0enD\x9dN\xaa\x14\xa3\xe0\xa0\xdd\xed=\r\r\x94ZI\x81Op\xd0\xb7\x0f\x1f\xb8\xf8\xb9\xd0\xf1\xf9\x80\xb5\xb5\xdf\xafP\x94(\xce\xed\x9eb\xfa\xb0X?=\xcc\xcei,o\xa3g\x11\xaa\xa8\xd7Ytz\xb0\x82\xfa\n\x14\xf7\xc4F&amp;\x83S\xfdS]\xfej\xfa\x8a\xe6;2\xadUX\xc8\xcb\x859\xac\x1b\x1a\x1b[\xdes:@\xae\x12\xc6\x1f\xbbe\xbe\xce\xb8\x99\xd3\\y\x0bB\xb5!\xd3\xf3Jy\x85H$B\xb1Xg8&lt;\xb2\xe0|\xb0\xf0\xc0\xe9\xb4K)\x82O\xf0\x81\n&lt;\x04H\x95[\x07X\xcbC\x03\xabS\xf4\xcax\xf11\xbe\xff\xf9\xe4\x9f7\xb3\x1b\xe9\'\x10$\xa6\x85\rQ+\x16\xb9\xddV\x8c\xf4\xc4&lt;a\xe3Btbra\xc49\x19\r\xfa\xfbj8\x04\x9f&gt;\xe7\xb9\xdc|h\xf8\xa1\xe5\xe5\xf5\xbd\x95\xe5k\n\x99b\xf7#P\x9d*\xf8\xfe\xcb\x9c\x9c\xe6\xf2\xc1N\x0fN\xf7\xbc\xdd\x8d/\x90\x80\xb8\x88\x91\xc6X\xd2\xd9\x9etF\'G&amp;\xdd\xee`mS\x11\x87\x07sx\x9e\x9b\x9f\x0fb\x01\xd5\xd4\xcc\xe6PG\x89b\xe3\xa3|\xcdR\xf0\xea\x12`\xe5\xdd\x02,h.\xfb$\x19\x0e\xc3\xbf\xb0\xc6\xacv\xb1_*\x9f\xd5\x07\x9d\xc9\xa4\x1b~\x82\xedM\rD!\x8de\xb3\r\r-O\r\x0c\xacl~x\xc3\\D\xfc\xbf\xe6\xfa\xd7%\x90\x0b\xaah\x04,\xe8\xf3G\x8fH\xd2\xa0EM\xb3\x8fg\x7f\xfd\xe5\xf0\x10n\xc8\xea\xa6 \x1atF\xa3Qw{Q!\x9f\xc7\xb5\xd9\xea\xa0\xaf\xa6\xa6\xf6VV\x0b&gt;\xde\x17\xbb?\xde)\xbb\x90\x93\x07r\x91V\xc3\xa4\'6\xe9t\'\xb5\xda\x97so\xdf&gt;~\xfa\xf4)\x80\x1d\x1e\xba\xa8\xea\xa6\xa6\xae\xe8H\xd4\xd9\xc4\xe3\xe5\xe6\xd3\xed\xbe&gt;\xd0?\xd5\xbf\xf2\xedG\xfc\xd8\xed\x93\x87_^\x80*\x96\x0f\xfe\x97w\xb3\x8dI;\xcb\xe2p\x03&amp;\x88\xdb:l[\xa9\x15\xa3\x05)t\xad\xb0ZY\xe8*D*b\x14\xc3\xa4 ]E\xd04Z\xd4L\x85\xe2K\x86P\x99\xe26\x12\x95\xeaT\x10]t\xdc*\xd5U\x0bkA\xa3\x02i\xb7\xed`\xaa\xed\xe0\xf4%\xb1\xadM\xacM\xcdt\xd2m\x9b\xd1I:\xd94M\x9a=\x17&amp;\xfbi\xbf\xec\x0c\xec\x01"!~x\xf2;\xe7\x9e{\xce\xbd\xe7\xdf\xdb\xd0\xe0\xf1\xe8\xdc\xfa\xb2\xba\xba\xb6\xd1\xca\x97o\n\x00lkkk{\x1bT;\'\xe3x\x1d\x03\x9e\x9ea\x06\x13\xb0\x1e\x8cA\xdepll\xaeD\x8fjG\xfa=\x84%\x82L_8\xe3\x190s\x1bJZ\xeb\xea~\n\xd9\xcbG[\xdbo\xde\xbc\xb9vm{[\xea\x95-9\x06\xf4\x1af\x06ij\xea\xc1\xac\x03\xec\xc9\xdd\xb4hb\xad\x9f\xcdI\n\xa7.\xbd^g\x96\x17\xd5T\x96\xbc|\xf9\xe6\xc3\xa3G\x1f&gt;~\xfc\xf8\x01\xd9K\xb0\x82\x0e\x8b\xcc\xa233\xc8\xb2\xa5\xa5\xd9Y\xbf\xc3\xedxr3\x9a\x03\x8bq\xdf\xfe\x15\xe4\xaa\x17A\xe9\xac\xef1\x0b\xa4\x1d\x05\xa3\x95\xe0\xc2G\x8f\x1f\xff+d\x8f\xc1\xb6\xb6\xb9\xdc"\xb9\xc6\xe2\xd6p*\xa6\x1eX\x80\xc9\xb11ww2\xaa\xf3\x9dq\xe3\xac\xac\x9c\xfc|\xa1}hF\xdf!\x90V\x17\x15\xb6\x01\xd6\xf6\xa3\xf7\xef\x01\xe8\xfd\x0f?\xfc\x08T\xdb\x02\x83Db\xb0\x98,lX\x84\x96Y\xf7\x9csy\xf3u\x94\xc7\xad\xbf](FX\xed\xbd\x9e\x1e\xb9\xb6Z*\xe7\x16^\x1d\x05\xb9\xb6\x80\xea\xc7\x90V[R\x81\x81\xc2\xa7\xb0\x95\x1a\xaf\xd2\xb24\xe6\x18\x1bs///\xbf\x8d\xf2\xf0p\xfa`qN=pu\xb5\xea\xd1\x81\x8c\x98\x07\\u?\x01\x18\xd86|\xae\x89\xab\x81\x8a\xc1`\xb0\x95J\xaf\xe5\xc1\xd8\x03\xc7\xac{c\xf5\xc9d\xb4g\x9aG\xcede\x15C\xd5\xd5Z\xd2\xdc!\x17#\xabE\xadm_\xdf\xd5\xab\xd0\xc3V\xf1\xb4\xa5\xa7rO\xe52\x99J\xa3Ec\x99\x1ds\xcc9\xfc\xae\xd5\xbb\xf7\xa3L\xb5cE\x9d\x95\xc5\x12\x89\xa0v\xd6\xf3\x8a\xc4W\xaa/\x9f&lt;).\xe2A\xad*\xad\xae\x96\xfeIR\x9a{\xa2\x14\xdd\xa7\xf39=F\x8dw\xd6\xed\x0e\xf8\x97]O\xc7\x12\xa3\x8du_]\\\xacf\xd5\x8bD]3z\xae\x98W-\xd0B\x88\t\xa4\xd0\xca\xfe\xe3\\\xee\xa7G\x19\x08\na\xb1M\xcdF\x8bcnnycy\xf3\xc9T\xd4\xe7\xe5\xd3[\xf2Y,\x16\x84=\x14\xcf\xb0C\x8byR\xa3\xc08\xac\xfd\x14\xb5^\x19\xe8\x8c\x86\xce\xc8=\x05X\x1aS\x8f\xce1\xe7\x9f[]}\xda2\xfb\xf7\xe8\x8f\xcb?\xa56fee\xe5\xd7\xd7\xb7wy&lt;3\x85\xcd\\\xb3\xc9\xac\xe1\xc8*8\x15M\x7f\x91\x91\x99\xf4\xdf3\xcf\xf1%\x14\x8bY\xa7\xf3\xbb\xfd\x1b\xceUW\xcb\x9c\xec\xcf;\xa2\x8e\xf5DDm\xcc\xf9\x02\x92=u\xa2\xab\xb7\xacu\xa6dF\xd7c\xf4.y\xa7\xa6\xbcK&amp;\x0e\x9b\xe3e\x1b;\x86\xd9\xa6\x9e\x80\xd39\xe0t\xba\\\x0b~o\xc5\x97Q\xc7\xda1-\xea\xa46&amp;\xed\xd9\x93\x93$\x14v\xf5v\xf5N\x0c\xc1\xb6\xac\xb1h\x96\xbc\x16\x93Yi\x82M\xc7d6\x9b\x07&lt;A\xd7\xb2\xd3\xb5j\xb5\xb9\xbc2\xd2\xff\x01\xeb{\x05\xba\xbb\xdb\x03`\xd0\xcb\xb6\xdb&amp;\xacC\x9e!\xbd\xd9\xa4\x81\x97i\xd6\xac3\xb9\xfdn\xfd\x8c\xd9\x19\x0cZ].k\x8b\xdd\xa9\x91\xc9"\xdd\x86\xfd\xd7\xd3\x1b!\xb5\xb3\x13\xb8\xf6\xee\xdd\x9bS\x0f\\]\x01\xcf\x90N\xa7w\xf7\x98t\xe6\x9e\x01\xa7\x7f\xc0\xb9\x1cp\x05\xac`.\x9bM\xed\xb4\xb0\xa1O\xfcg\xd4\xb1\xd2\xd7\x85\n\x84\x05\\\xd0\x9d\x89\xda\xed\xed\xc1\xc0\x90\xc7\x19\xf4\x0f\xf8u\x03\xba\xc0\xaa\x0b\x82\xdcj\xb3Zm\xb6`\x0bK\xed2\xb1\xd1\x94\xc4\xab\xf8\xa8&gt;\x1a\x15\x97~\x7f}S\xa8\x08\xc9EM\xda\x8b\xdc\x08\xdbck\xd0j\xb7\xfa]\x81\x80\x13Z2\xd0\xc8nW[\xdbm\xea\xf2r\xa1\xd3hAXM\xafv}\xb23j\xcf\x16\xc4\xe1on\xaa\xcb\xd5BE\x98K\x98\x0f\xe1\x95T\x9fo\xb7\xdb\x85\xed\xae\xde\xde\xa05\x18\xb0\xae\xb6\xb7\x08\xed,\xf8/u\xbe\xc8\xe6\x87N#\xac\xd6\xfc&lt;19Z\x99\xfe\xfe\xf4\x82\x9aU\xcc\x02,\x85\xa2\x93\xdaI\xcd\x13\x8a\xc0\x8fIh\xe7\x16\xd9m\xed6\xbb\xd0n+\x17\x96\xb3\x84\xf0\xca\x17\xda\x9cn\x93\xc6\xa0\x0c\xab\xb5B&lt;\xb2\x82\xc3D\x85j\xff\xb8o\xe1lq\x96(\x0f\x0c\xc0\xa8T\x05|ilD\x13\xe0\xb0\x17\xc16\x19\xfa\xc3\x12\xb1\xcaY"\xa1=\xe87\x1b\x81\xca\xc0\xe6\x93iM\xdfeg\x8e\xac\xc7\xe3vG\xc3\x85#\x83\x83\xb7\xceB~\xcf\xcb;\x7f\xfe|\x88L\xa1\xc8\x034j#U$\x14\xc2G\x94\x0fl\xedh\x1f\xb7\x07\x07z\xccf\xe4B6\x9fC\xa25=\x9f\xcc\xee~\xfb\x0c\x17\x13\x85\xf8J\x1c\xbc9~\xeb\x0c\xc2:\x7f\x01\x0c\x91\xe5!B\xf8\x16\xa6\x14Q\x11\xdb\xc4D\xd7\x90\x13\xf2\x98\xc9\xd41\x0cTl&gt;\x83LjZ[\x1f\xb99w\'\x1e\x87\x8d\xfcz\x9c\x1c\xef\xbf\tX9\x08K\xb5\xa8R!2\x00T-.\x96\x95\xb5-\xb6\xc1/\xaaVUYIaCs\x0f\xaf\xc3h\xd4h\x86\x11\x14\x9f\xc1g\x92I\xb3\xaf\xdf\xbe\xdeX\x9b\x8f\x82\\\xbb\xc7\xbb\'\xfb\xef!\xb5\xda\x11J\x1bp\\@P\x00R\xd3\xd0PU\x85f\x1f\x9a\xcd&amp;\xa3\xd1h\xea\xd0\x18\xb4\x06\x83R\xa2\x04*(T\x99|\xf6\xdc\xe6\xea\xf2\xc0\xd8J\x0c\x0e\x17a\xb9\xe2V\x06G\x8eL\xdeCjM\\P\xb5\xb5\x95!\x89T@\x15\x9a.\xe3\xc9;4\x1a\xa8\x92\xd9^\xa8\x955\x86a\t`I\x90\x03\x81*\x97O\xd1:o-X]\xe0El\xa4\xa3&gt;\xae\xfb\xd2\xe9\x83Gn\x84\xb0T\x8bh4\xb0\xb0\x12\xf9\xae\xb0\xa6\x8a\xcb3\x1a\x87Q\x1e \xa17\x87#\x01SJ$l\n\x92\n\x8a/\xca\xb1j\xcfWj\xb5m\xf5\xf9|\x1a\x0e\x1b\xd9\x820v\xba;;\xf3\xe0\xf8\x99\x9c\x9c\xac\xae\x90F5\r55\x95H\xabZ\xae\\``\xc3z#\x10h4\x92\x8c\xcc\xa6\xb0\xd9\x00VJa\x84\x0cj\xc2\xcf\xc4\xd7U{\x7f\xf7\x85}\xed\x19\x0e\x9b\x16Y\xb9&amp;\xa7\xfb\xff\x90\x9a\xda\x7f&amp;\'\x89\xda\x05T\x85UU\x05\x05UU\x85\x85\xe8X\x10a\xc9H\xb4\x94\x14B\n\x8dD"\xf3)\xa5!*&amp;\x99\xc1DX\xc7N^\xb9~\xb1\xae\xf1\xb7{\xc6Vb\xb1\xd8\xc4\xf4\x88\xa6\xd2\xc1\x91\xcc\x9d\xc9\x87\xbf\xda\xf3\xb5\xa27|\xbd\xc2\xe5\xd6\xd6V\x85\x0eQ\xe5Z\x83\x04\xd4\xa2\x11h\x042\x93\xcc\xe7\x97JJK!/\xd0\xc9\xe4\xa3H,\xc0\xba\xf8\xe2v_\xe7o6^\xc5c\xb0x|\x04\xb9&amp;}\xe3\x93\x99\x87b\x93o|\xdd\x98\x17,+\xa9A\x07\xf3E\x00V\xd5\x80fOA-69\x83\x96\x90\x90Ab2\xf8\x14J)%\x97O\xce\xa0\xd3\xc9\xa8\xae?q\x1c\xd4zq\xf1\xea;E\xf0y,`%F\xae\x98\xc0\x0f\xfa.\x9d&amp;\xc6\xc7\xc4\x9e\xceW\x9c\x1f\x02\xb1\xd0\x018\x8fW\xc4\xad-\x08a\r+%\xc0\x91\x01TdP\x8b\x9f[\n\xc9*!\xe1(R+\x17\xa9u\xfd\xc5\xf5\xd1\xbew\xaa\xb5\xb4DLb"&gt;R\xc9+\xbd\xdb7\xdd}$5\x19\x87;\xb4\x90w\x01\xb0\xd0u\x01O.\x97\x03W3,D\xad\x12\xb0`\xef#\x912\x12\xc8d\x10\x8c\xcf\xa0\'\xa0\x01\xf5\xa3\xe1\xd8\x12\x83Z\xb7\xeb\xde\xf5}\x87\xc7#\xacHq\xad\xf8\x00+\x1b\xb0\xb01\xdf\xf7\xa9J&lt;\rU\x10ZEr\xa9\x14\xb8@5#\xa4,HR\xe4Pxe@\xcc\x87\xa9\x00\x8b\x8cb\xeb\xf8I\xf1\x0b\x84\xd5\xd7:\xbf\x1b\x8f\x01\xc3\'F\x84+n\xdc\xe7\x1b\xec\xcf&amp;&amp;\xc7`\xd3v\xb5."\xacfn\x11`\x19\xa5\xbc\xd0\xa1\x11@q\xc0BX\xb0\x14\x19\x0cr\x98\x8a~4\x1c[\x97\x1f\xbe\xb8XY\xd7\xf7\x16\xb3\x1f\xb0\xb0X\x0cfg\xec\xaf\x0f\xb0\xb8y_\x08+sg,\x16\x83{\xddV\xd80S\x00Xh\xcaZ \x856\x9f\xa7Q"(\x19\xe4\x08Z\x13\x81\x86\xe6\x9bA,\x02\x9d\x8e\xe6\xad\x01\xeb\xd8\xc9\xcbW\x1e\x02V`~w\x08\x0b\x87\xc5\xa6f\x12w\xfe\xcaL\x91\xbe\x0eT\xd3\xe3\x9fgg\xee\x8a\xc5a\xd2\xee\xb4\x85\x86l\xb8&lt;\xb1\xdc8l\x10\xc8\x8b\xe4r#\xd2\x8a\x04FH9\x009\x15\xe4\xfa9\xb2\xc2j\x1d\xfb\x0ca\x8d\xd6=O\xdb\x1fr"\x16\x8b\x8d\x07.\xe2\xbe\xd8_\xfeX`\xdc\xe1\xc1onL\xfb\xa6/}~\xe4\xf0\xbex\x1c\x06\x13\xe3\xbf]\xd0\xdc\x8cBJ\xae\xd5\x1a\xb4\x02\xa3\\\xaaA&gt;\x84\x8d\x87\x06X)\xb4\x8c\x0c\x06\x9d\x8e\x9e3@X\xb9\xa7N\x9d8q\xfc\xb2\xf8\xe1\xdf\xae\xce\xed\xc2#,,2\xdc!b\xe6\xc1\xc3\x99\xc4x\xfc/\x01\x8b\x8b#v\x0f\xfa\xbe\xf1\xfd\x8c\x95\x9a\x1c\x83\xc1\xe0\xd6\xd0\rz\x08K`0\x18\x86\xa1d\x00\'\xca\xcc\x9c\n\xc8\xf3\x07\x0e\x1c\xa0A\xbe\xa2\'\x10\xfeH\x00.:l&gt;\x94R\xe4\xc5\x87\x95mwp\xfb\xff\xa3\x166\xe6\x13bj*\x91\x98J\xdc\x95\xf6?\xfb2=\xb5\x7f|\xfc\xd2\xf4\xad\xe9i\xdf `\x1dL=\x14\x9b\x86I{VS\x8b\xa8Pl\rK\xd8\x06\x8d\x16\xcdRC`U\x10@\xac\x03)\xb0\x16\x81*\x85\x10\xd2\x0br\x05$\xae\x13\xc7\xab\xaf\x8f\xae\x1d\xc2\x87\xb1Br\xc5\xef\xfbw\xe5\xe6\x13\xdaFz\x86q!\rh\xc6\xe8\x1fS$\x8d\xb0\xd0\xc8\x19d\x0f\x96\xd7Q$\xe4\xa0\xd2\x08\x07/m\x0e2!i0\xc4\x84\n\xbb!\x87\x8a\xd6&amp;\xdd\xaaT$-f\xa9\x17\x8a(\xedA\x07\xa3\xd8bY\x83z\x88XzPH]\xb0uY\xea\x9a\xb5\x1c\x14\xd8\xa6R\xb2+\x9a\xb0\x89\x0f\xda\xc3\x1av\x13S7}\xde\xef\x1b\xc9J\xb3\xdbn_Y\xd6HJ\xe4\x9f\x9f\xf7y\xff\x8ca`T\xd1i\xb3;\x9dN\xeb\xff\x036\xe0\xf3\x10T~\xbdpw\xb3RY\xc9\x03\xcbc\xa3,j\xef]\xfb\xf39P\x01k\n\xdb\xcb\x95[\x0ckpv\x98a\x01\xc7=\xe2\x0e\x04\x02L\xad!\x1a\xd6W\xaf\x9e\x9d\xfe\xe0O\x8f\xac\xf2(K"\xe3\x92$IA\xa70[\xfd\x91\xb0G\x15\xbe)\xd8\x80\x1c\xcb\xaf\xad\xaf\x152\xd9L\xfen\xbd\xb2\xb2NX\xcf\xec\x84e\xdd&amp;\xac3g\xa6\xa7\xe7\xa7\x16\xb1\xbf\\Y\xbc\x05\xacY4\x87\x00\xa9\xe5v\xb9\\\x89\x04r\x88R\xc4\xb0~\x83\\\xbfx\xed\xbb8\x81\x1d\x1d\xddc0\x14\x8ab\xb6\x8a\xa2U\x12lj\x04\xe1\x14G\xbf\x89\xa5\xf4\xcc\x1a"\x9f\t\x87\xca\x85|e\xb3\xb2NX/Z/u\x01MG\xfc5S\xeb\xf2\xe5\xf9\x8b\x8bX@OO\xd0Y\xd7 8\x82p\xbc\x8b\xb2\xc7r8&lt;\x84\xa0\xf9\xf3\xc6\xd5\xf9\x0f\xeeU\xcd\xbeQ\xa9}\xb4GX\x98@V\xd1\xa1\xeb\xa2\xa8;\x04\x0e\x16\xf2\xfc/\xb0\x019\\ \xa8,\x16\x99x)\x9b\xcdnn\xae \x99\xd9\xccG\xad\xc3*Z\x84\xa2=\x99\x9e\x9e&gt;3=?O\x1d\x82z\xc3\xc4\x15\xba\xee\x81\xd4\x02\x14\xd6\x08\x17]\xdc6B\xd6\x1f9\x89\xfb\xf8\xe2\xb5\x9fS\nG\x0f\x1a\x8d\xa7\xd4\xe4%\xc9\xa2\xdb\xedv\x9b\xcd\t\xd7{\x1d\xa2\xc3\xe6\x0c\x87\xc2\x9e\xffj~-\xc6\x85R\xd5P,\x9aAd7\xeb\x84\xb5Y\x8f\x1d\xb6\xda\x98?\x92\xb2{q~~\xfa\xf2\xfc\xfcE$\xf1\xc4\xe9\xa1K\x97N\x13\xdc%\xde\xe4Y.\xd9\x15[4\xbbA5x\xe2\xf2\x0f\x9f9\xa4\xd1\x81\xa7\x8d\xc6\x81X\xdb\xc6L\x84\xa7\x04\xab B1\x9b\xd7\xa9\xaav\x11\x9ay\xc2a\xf5\xeb\xc0\x06\x8421\x15\xe2\xcep,\x8a\xc8Dc\x99\x02\xb0V\xf2k7O\x95^\xb4Z\xfb\x82U\x91\xcc\x7f\x98\xbaxq\x1e\xb7\xa9\x99\x0b\x93\xd4G/\xa1\x10\xe9N\r5@\xcd\xcb\xe5\x1e#\xa5\xa8(\xdd\xe3\x8bo&gt;\xb0)\xbe\x81\xd1\xa3F[\xa9\x14\xeb\x92,+f\x8b 8\x1c~\xddNT\x1e\x84W\xc7\x13\xd5\xa3:^\xef\xb0\x03\x03\xde,1E#\x9c\tH\xb18a\xd5\xd6\xd7\x0b\xa5\x9do\xd5&lt;\x87\xcd\x0e\xb2(I\xd5[?\x9a\x9a\x9a\x82X3\x17N\x0cA\xa2\xe1\xd9\xd9AFE\xd5Hd\xee\xb117]DI\x17o\xfd\xf2\xdc\xfbU\x8b\x8f\xa5\xf0yl\xb5\xb8-\xcb\xb2\x19P~\x9b\xcd\xeeU\x9d\xc8c$\x12\x0e\x87\xe2\xc8\xa2S\xf7;\x1c\x0e\xf3\xc0\xab\r!\x9c\xcd\x17\xb2\xd1x$\x1e\xe5\x11\x8b\xc6\xe2\xf1X\xb4p\xf7\x0e\x0c\x9f]\xbby\xf3\xe1\x93f\xf3\xb1\xd5\xa2\xc8\xd2\xed\x99\x99E\xc4\xcc\x8d\x0b\x93l\x87w\x11\x18\x1d1*\x865\xf23\xb7;\x01\xf7\x9f~\xe7\x07\xdb\x82\xec\xf3\xedu\x1a_h\xb5b\xc5\xe7\xf3)\x16\xe4\xcf\xef\xf7\xdb\xec\xa4\x16\xb0\xc0\x85\xa0\x92T\xbd\x0e\xa1\xff\xecH\x8bg\xb3\x0c%\x83\x1b\x1d \xe2\xa0\x82Z\x95\x1d\xc2*\xd7n\xee\xd8\xda\x90\xcbb\x96\xe5\xdd\x89\x1b38\xe5\xbaq\x16X\xc0\x08`B\xcf\x0eS\x8f\x08\xb2p\xd1Ht\x8f$\xf0\xce\xd0\xad7\x1f\xf8\xcd\x98\xd1\xed\x8d\x8e\xb2^\xdc\xd9%\xb1\xac\x0cK\x07\x16\xa9\xc5\xa3\xfb\xe8Qm\x821\x92\x06\xc4h!\x1a\n\x87\xa2\x99\x98\x91&gt;\x0eE\\\x99le\x07T\xd9rv\xe1\xdb[\xfb\xcd\xe6K\x98^\x96\x9e\x9d\x98\xb8\xf0}\x9c\xe0\x9c\x9d\x1ct%\xd3hW\x01\x17\x17+\x18L\xa7\x83\x01vAg \x98\x0c^\x9f8\xf7n\x15\xffA&gt;\xd8h\xde\x8f\xe6r\x0f%\t\xce\x12D\x07\xa9\x05./\xba\xbc\xd3\xebE]z{\xe1\xf4\x8a\xb4\xef\x8f\xda\xb3\x85X\x88\xecM\xea\xc4\x18\x13\x87\n\xf1$\xee\xacd\x0b\xd9L|\xf3\xd4\x8f\xf5\x17\xcd\xc3]\x0b\xa6\x88v{\x12\xa7\x818\xc7\x99\x1cL\xa4R\xe0\nB0\xea\xa88J\x06\xe9\xdaI\xf7\xf7\x92\x00\xbc\xf4\xce\xfb\x1f\nh\xa2{\x8d\x8d\x97\xd5\xd5\xdc\xa7\xa2fa~\x07\x17\xc0`/\xd6(l\xca\xac^\x85\x00\x00\x05!IDAT6]\xd7m\xc6#\xc2\xae\x9b}\xa6B!\x9a)e\xa2q\x0eE\x962\xa0B0"\xf3\xd6f&amp;\x0b\xacH\xf1\xd4_\xab\x87\xcd#\rN\x91\xab\x83\x93\xe3\xe3\x18yCc\xc14\xb8H0\x12k8\x08\xed\x92I\xba\xaa\xf3&lt;\x8e\x06\x7f\xf2\x8bg:j\xc4|\xb0\xd1\xd9\xdb\\\xa8\x0bf\xd4\xb1b\xb5\n\x82!\x98_\xf7\xb3\xe08\xc6\x13\xc8h\x13LhM\xe5(\x83``\x04\x15b\x11\xa6\xd7\xa2\x85\x95Z\x9d\x8c\x17q\xae\x9d\xca=z\t\x8b\xc8\xe0\x92~;N]|h\xcc\x1dH\xcd\xcd\xa5\xe6R\x10\x89\\\x86\xccQ\x9c\x0f$\x00\xe7\x9a\xf8\xce\x03\x8f\x00/\xc2Y\x07\xde\xd5\xd5*\x8e0~\x08K\xa4\xb6\xd5\r\xbf\x83\xf3\x19\xa4:\x15\xa9\xa9\x94\xc9\xc4B\xa8\x04\x0e\x06\xa6p7\x88,\x9a]\xa9\xd5\x00\x8eA-\xd4\xeflU_|\xf4\xc9\x93\'\xcfDE\x98\xc5\x12:26\xecJ\xcf\xbd\xfd6\xc0R\xa9d\x90&lt;\x96\xc4Q:\xc9\x04s\x9d&gt;\xf3\xee#\xdd\xea\x10\x85\xddv\xfby\xa1^\xa1\x06o\x96\xb0nQ7\x15\x08Ld\xc1\xd1\xd8\x9d\tG\xb95\xc1T!\x0e\xc1$\xc2v\xc6k\x96\xd5-\xb0\xd6k\xb5\x95r\\ux\xb7\x1f\xe6\xf3\xf9\xad\x7f\xfd\x13\xf1^\xa9\xba?\x88.\xe0N\x04\x19\x16\xc0\xe6(\x95\x01W\x92\xc4#\xbd\x12\x89\xa1\xa9\x9f~\xe8-\xad.,,\xe4j\xa5l\xb9T\xca\x84&lt;:m\x10\xd6\xae^\xbd\xe8\xe9\xc6&lt;F\x05`\x82\xd5C\xdd`P\xacV\xa9\x8bD\xb0CFK\xeb\xf5\xfaf\xc9\xab\x96\xf2\x05|p,\xfa\t\xb8Z\xad\x17\xdb\xfa\xf2\xc9\xb1q7\xd4!*\n\xd0\x04]\x81dz\x8e\xc9\x85j\xbcp\xed\x89XX\xcd\x01\xab\x86\x9f\x80I\x86\x05W`\x0b\x97\x95\xc0D\xd2\xab\x0f\xce\xa8\x02N\xe54\xc5\x0c\x7f3(\xa2R\x8d\x1eB\xb2\x85c\xe5&lt;\xb6\xc0-\xa4\x91R\x8d)\xa1\xef\x1f\xb6Z\xadf{\x7f\x1fC/\x01,\x0e\xc5\xb0\x02\xc3h\x17T\x01i8m\xf8W\x7f\x0c\xd5\x8b9\xc4\xa6h\x15\xfcX\x14\xe0\x03\xac\x0ff\x03\x8b\xc7\xab\x92\xf9Y\x06i$\x99\x0c\x8f\x87\xbbPx\xcd S\x89+S\xcao\xe5K\xe8\xfe\xaa\x1d\xb9\x17\xad\x16\xf19\xe3\xea\x1c\xe0\xbc\x0bXip1\xb2\xb94\xb0\xdcA\xc6\x95\xc4\xf1\xf5\xdf\xfcn\x07R\xe5r\x15i\x145\xc2\x16,ER\x14v\xf2\xd3\xe3\xe2D\x82\xc8k\x80U\xa1\x97z\xbf\x89Q\x19\xcd\xdf\xa3R\x7f\xe3`\xc4\xa6\xaa\x11t\xd4r,\xac\xda\xfc\xe4O|\x8e\xc5"V\x19\xd7F\xe7\xb3\x93nJ\x1a\x19\x8b\x8b\x15\xa0\x1e\xca\xe4B&gt;\x7f\xffV\x91\x12\x98\xfb\x14\x03\x11#\x87\xaaP\xe2[)S\xab_\xb0.\x1e\xd3\xcbF9TMF\xedE\x98V\xce\xe3\x80l\xf8\xee\xc1\xc6\x11q\xda\xfcD%\xb0\x02\xd24G\xf5\xcbV\xb3\xd9\xdch\xb4\x13\xe8\x99\xacA\x10Z\x12kV"H}l.\xb5|\xfd\xe3bq\x81\xa8\xb6|,d\n\xa2\xeae\x91\xb0\xb8\xf5\xfbt\xe3`\xd4 z\xf9c\x19\xe4\xe15\x1e\xbct\xe4\xb5\xd3hgR\xd3G\xe0\xf3\xf4\xdd\xcf\xc0\xb5\xb1\xd1\xe8|1GT\x0c-\xc5\xbah \x98z\xbc\xf4x\xe9\xde[\x9cj\xb5|\x0c\xc5\xe4\x02\x96\x85\'\xb1O/\xc1\xda\x97PNf2\xd2\xc7\xbc\xee|%\xd8\xa8\xc2p`\xad\xee\xd8\x04\x00\xf3\x8b\xfb_\x12\x17\x04K\xb1\xe6\x80\xc4\x05P|\xc3\t$\x11T\x7f+\xf2\x04Vv\xe5W\xa0\xf82\x7f\x8ceeHF\x1f\xeb\xa1Q\xab0q\xa1\x0c\xa5\xbc\xde\xaeF\x9c\x8a\x8d,\x9d\x1a\xb0\xc3\xd1+\x19|\x0e\xdc{\xd0\xd9 \xae\xc6\xe7\xcc\xefILFZL\x97\x97\x97\x1e?\x80T9`\xd5\xb7}\xb2\xc1d@q\xb1zP\xc4\xc5\xefL\xb2\xae~\xf43L\x9c\xc9\xa0rv\xe78\x11\x19\x83\x94\x8d\xaa\x1e\x15w\x83\xa6\x985\xe5~\xbbA`\x9d\xf3F\x9f\x0f\x06\x97\x83KK\xb7?\xce\x91T\xb9\x9d\x87&gt;\x99;\xbd\xcb\x04(\xc3Z\xfd`\xc7x=\x05\tKe=\xc1p\x12\xf1\xd0#\xd3\xa97\xdd\x8f\xb1\xf8o%hV\r\xb5n\x96\x9e\xbe\xec\xb0L&amp;\xa9U\xa5\xd3\xcbKK\xe4*(\x05(E&gt;.\xbf.\x16\xcf\xe1\xebP]*zGcG\xa6\x9e\xcb9\x13\xfbbZ\x11\x16SK\xefR1&amp;\r\x81r\x04\x17\xb6rY\xd9?j\x10\xd8y\x0c\xebTjy\xf6\x1f\x94?\x0c\x1b\xed5(\xa5_\xac\xaf #*\x8bF_\x9a\xc5*\x98\x9c\xde\xfe\xb0\xdb{\xc9\xb3\xf7V \x8e\xc5\xd3\xaf\xd1Mcxf\x89L#\xef\xdd?\xea\x00\xec\xf3\xe5\xe5{\x7f!\xa6\xd5\x95m\xdf\xabP\xc0aLJ\x9f\xe1\xff\x13\x8c\xbd\x0c\xdfi\xf4O\x04\xc1\xc4\x94\xe9\xe1t\xa9\xba)\xec\xcf\xa1aK\x8d\x05;\xa5\x82\xf3A\x86\x9fy\xff\xa8\xddi\xff\xbd\x98+\xde\xa9\x94\xa5\xbe\xe6\x89\x8d\x01\xef203?\xa3\xb6|\xb5Z\xecO\x13$\x14\xb04\xe4\xd4d\xb3\x1b\xba\xb0\xe8\xe1\xd8\x8f_\xeer\x81\n&lt;\xec\xc39\x1a\x9eZ4\xf2\x10l\xed\xdb{\x9e\xdf*k]\x9d\x14F#\xb1o\x8a\xe1v\xc5\xfc5\xce\xc2\xaf\xca\xb1\xf8\x9f\x02\xf0\xdc\xfco\x9c\x80\xfb\xc4\xf6\xe8X\x9d\x00\x00\x00\x00IEND\xaeB`\x82'</t>
        </is>
      </c>
      <c r="M316" s="3" t="n">
        <v>45492.67783564814</v>
      </c>
    </row>
    <row r="317">
      <c r="A317" t="n">
        <v>925072</v>
      </c>
      <c r="B317" t="n">
        <v>1981</v>
      </c>
      <c r="C317" t="inlineStr">
        <is>
          <t>André Silva</t>
        </is>
      </c>
      <c r="D317" t="inlineStr">
        <is>
          <t>A. Silva</t>
        </is>
      </c>
      <c r="E317" t="inlineStr">
        <is>
          <t>CA</t>
        </is>
      </c>
      <c r="F317" t="inlineStr">
        <is>
          <t>ATA</t>
        </is>
      </c>
      <c r="G317" t="inlineStr">
        <is>
          <t>CA</t>
        </is>
      </c>
      <c r="H317" t="n">
        <v>181</v>
      </c>
      <c r="I317" t="n">
        <v>17</v>
      </c>
      <c r="J317" s="2" t="n">
        <v>35583</v>
      </c>
      <c r="K317" t="inlineStr">
        <is>
          <t>Left</t>
        </is>
      </c>
      <c r="L31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4bf4732c-e7c1-40cf-b2e0-c67aeaa73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e4\xb9F\x00\x00\x03\x00PLTE\xff\xff\xff\xd5\xd6\xde\xdd\xde\xe3\xe8\xe8\xf0\xdb\xdc\xe3\xef\xef\xf5\xe3\xe3\xeb\xe6\xe6\xed\xe9\xea\xf1\xe7\xe7\xef\xff\xfe\xfe\xdf\xdf\xe6\xe5\xe4\xec\xd2\xd4\xdc\xe1\xe2\xe9sO7\xf0\xf1\xf6\xda\xda\xe0\xe0\xe1\xe8\xe2\xe3\xeavS;&amp;$"*)(\x9aqW/($\x91jP\xd7\xd8\xdfV;,\xde\xdf\xe4\x96nS*\'%[&gt;,_A.iG3wQ8\x94kOlJ5bD1&amp;!\x1e{T&lt;nM9\x8caJ\x98r\\\xed\xed\xf3;-&amp;\x94kT\x8cdI!\x1f\x1d\x8ffK{X?qK3F5+\xdd\xdd\xe5\xcb\xcd\xd5eF4\x8fhO\x8cfM20/\xcf\xd0\xd9\x9eoW\x80[A\x8a^F5*#643.-,\x95pWA2)Z@24-)T8\'\xc4\xc5\xcd+%!qP&lt;\x82]DP&lt;0iK9:1+\x80W@\x8bfR\xa2u\\hD.^E6O8*\x93eL\x88bHB."T?2L=5\xfd\xfd\xfd\xea\xeb\xf1\x9drZ\xd8\xd9\xe1\xc7\xc9\xd1\xa7~e\x9dwb975J6)&lt;*\x1f\x98mX\x90bI\x87\\C\x98jQJ9/Q3#I2#E1&amp;\x9bnS\x8fkVvTB\xa4ze\xaf\x8dy\x85`F\x8biW\x9ds`cI:\x9at^\xfa\xf9\xfa\x92n[\xa9\x83o\x1c\x1a\x19B70\x85Y?\xa2wb\xc0\xc1\xc9mI1jO?\xb5\x92z\x87aN\xad\x88q\x80T;\x98gM\xa3y^\x9dzgrYM\x8d_F\xa1|b\xa6\x94\x8d\xb3\x8cq\xa6z`XD9\x93gP\x9ekR\\9%\x83eVzYG?96bMA\xaf\x9a\x93\x9duZzN5\\I?\x85]H\x91q`d__;;=dA-_XW-/5DA@OA9iSH\xbb\xbc\xc3D=9\xd3\xd2\xd6\xdc\xd9\xd9pRC\xa8\x82h\x97vd\xb6\xb6\xbe\xb0\xb0\xb8\xa2qY\x8aj\\x]P\xa9\x89w\xc5\xc1\xc1ONP\xac\xa9\xaa\xa7~kQE?c&lt;)\x7f\\I\xa0}l. \x1b\xcf\xcd\xcf\xbe!+6%\x1c35&lt;\x91_E\x7fbP\xa9s[\xf5\xf5\xf5IFG\xa7\x8e\x81\x9f\x86ywG&gt;\xb9\x97\x82\xea\xe9\xea\xae\x87l\xaa!"\xd04?\xa1\x82r\xaf\x83gwbX\xef\xee\xef\x7f|~qos\x87\x84\x89\x9e\x9d\xa6\x92]Y\xcb\xc8\xc8\xb1\x96\x86YNJ\xaezd\x93\x91\x93\x8cZ?\xa1lk\x9c^_\xa9\xa9\xb1\xc7*5\xc0\xba\xba\x98le\x9a\x98\x9b\xe6\xe2\xe2\xba\xb5\xb4\xf2\xf2\xf6\x84SKjgj\x98bG\x99zm\x94\x82|\x9b\x8b\x87\xdd\xd0\xd1\x87qhmA9}vt\x84JD\xaatv\x8c\x8b\x95\x92vk\xcaGJ\xa3fL\x91RP\xb8\xa4\x9f\xc8z\x80\xd5\xb3\xb4\xaa\x9e\x9e\xae~\x81\xcaX]\xb3JKxlg\xc1\xaa\xa8\xcc\x98\x9c\x908=\xc9kk\xdd\xc2\xc1\x87\x18\x1c\xd1\x0c\x9c\x06\x00\x00 \x00IDATx\xda\xdc\x99\xddO\x9ai\x1a\xc6{\xcc\t\'\x80$l\xf8p@\xc0\xc0Z%A\x08"T0 \x1f"\xa8@H\x14\xe4KAp\x00-\x15R\x87\xaa\xa31#\x05\xd1\xad\x16K\x94\xa1j\xb3\xab\xad\xd5q\xda45j\x93nb\xac\x9aXcO\x9a\xb6\x9bn\xdd5=\x98\x83I\xe6\xa0{\xb4\xf7\x83\xdd\xd9\x7f\xa0\xaf\xdd\xec-\xef\xab1&amp;\xef/\xd7u=\xf7\xfd&lt;\xaf\x97.\xfd\xdf\x16\xce\n_8\xf8\x01\xee\xb8\xff\x19&amp;\xeb\x8b\xa3\x87\'\x87\xfb\x07\xfb\xef?\x9e\xbc~n\xbd\xf4\xd5\xc9\x00\xa0\xef\xee\x9b\x83\xd5Y\xbb\x0c&gt;vT\xdb\x07\'G\xcfq\xd6\xafJ\xf5\xe2\xe8$7\'\x83\x12\xcb\xe5r\xb8\xc4P\xf6\xd9\xd9\xb9\x93\x05\xebW\x93\x0c\xd7\xf7cv\x16!\xc9\xe4\xa8H$1\t\xa1\x91\xc42\xfb\xec\xdc\xe1\x82\xf5+Ej\xe1\xbd\xcc.\x96\x89\xc5r*\x89H\xa2RI\x9f\xab(\x9c\xcc\xbe}\xf2\xf6+(\x86{q8g\x07\xa1\x80\x83J\xa2\x12\xa9\xff\x05\x93\x8b\xd1e\xb7\xcf\xae&gt;\xdc\xbah.\xdc\xe3\x1c@\xc9\x11\x06\x91D\x04*\xa2\n\xb8\x8ad\xe8\x02;\x01y\xf6\xe0\x0f\x17\ne\xddz\x03A\x17#\x06\xe2yQA\xb0\xcfX\xe7\x92\xa1\xf4\xcb\xec\xab\xef.0a\xb8\xb7\x07\xb3H\xa9s\xa6\x8a\x8as\xb5\x88T2`Q\xc9\xc8T9\t\x05L,\x93\xcd\x9d\xf4]\x98V\x0fW\xc5H)\xe2\x7f\xa4*CPd\xf8 \xbd\x94\xd4"V\x91K&amp;\xb7\xcf\x1e&lt;\xbf\x98\xc6o}h\x97\x17C\x05 \xc4\xa2wd2\x99W[K&amp;\xaa\x80\x8b\xac$\x83\x93r \x83%\nML6\x9b[\xb8\x08\xac\xad}\xf0OL\x82\xc7\xeb\x94dU\xad\xaa\x96W\xe7\x108(&amp;\x07\x8f\\\xabT\xaa\xe0R\xea\x94:\x9d\x12\x99\x88r\x0f}\xff\x08\x87}\x0b\xddGR\xc9\xe1\xd9&lt;e]\x1dO`\xa2\xb0\x98L\x06\x83\xc1dP(\x1a\x81\xae\xb6\x1f\xfd\xb2\xce\xac\xe9\x87\xbf\xe8\xd7\xd9\xd1\x04\xb0\xcf=\xc0\x9c\xea\xb0h\x1f&lt;R \x10\x98\x14\x14:\x93\xa3&amp;\x10\x08\xa5\x04\x02\x9b\r\xdf\xb5F\xa1P\xab\xe5(\xb4j\xa3\xb7?\xd3\x0f\x85\xb8d\x99\xd78\x8cs\x85\xba\x13Y\xd9o1\x8f\x9b\x8dZN\x91I\x8d\'\xe0K\xd9\xec\xc1\xc1X\xac\x92\xad\x8f\xb9\xdd\xee\x9a\xca\x86\x80\xda8n\xb1X\n\x96B\x06Z\t\xb6z\xe1\x1e\x8b\xa1y\xaa\xc8:\xcb\xf8\xe4\x00\x94Z\xcd!\x10\xf0x|ii\xe9 \xa2r\xc7j\x00J*m\x99\xe1\xb6\xcc4\x04"\xd3\xe3\xd3\xd3\xf3\xf3\x99\x8c\xd8\xbe\x8de\xee\xb7r\xc42XwJ\xef9\x95V\xcd\x01\xbd\xf0\xa5\xe7Z!\x9d\xa4\xa8\xb8\xd2\t\xf5L\xcbLbfcb$\x9f\x9f\x9c\x9e\xcf@\xc4&gt;b\x87e}\x03\xbd\n\xad\xb4yD\x05\x19B\x05Z\xe1\xf1l0/\xe6\x1e\x1d\xe5r\x01ktT\x1f\x98\x91\xce@%\x1aC\xe9\x91\xfct\x01\xb6aso\xb1\xc3ZE\xedR\xa9\xecGbi\xb5\x88\xeb\xdcA\xa0\xd2\xbb\xa5\xa3\xae\xe6\xe6f.\x94\xcb5\xcaEX\x89D"tuy3\xbf^\xc8\x14\xec\x1f\xb1\x9a\xdb\xb8\xc7r",B\xa5\x0ey\x88\xa0\x98\xcc\xa2X\x88*\xe6\xe6r\x9b\x93I&gt;?\xd9|\x19\x81\x8d\x82\x95\\n"\xd1\xd8\xbd\xbc\x9c\x9e\xb4d2\x19\xcc\xd2e\xdd/\xb6\x06e\x9d%\x82\xa4\xd22\x19LNUU\xd5\xad[\x83\x835z\xb7(\xc9\x07*\xbe\x93\x9fL$\xb8\xe7\xaaq\xb9\x8d\x8d\xa1\xe5\xe5\xd0\xc8|\xa107\xfb\x06\xa3\xa9\xdd\xb7*W\xa2\x8e\xe5\x1d\x8fD\xb4\x11-\x035\xd1*\x88\xfb ;\x06\xda\\\xe6\xf3\xcb\x9d\xc5\xe2\'\x9d\x9e\xa4\xcb\x05r\xb5\x88\x90Z\xa14,\xc7\xb9B\x16\xa3\xa1\xfd\x1cF\t\xcc\x15\xaf\x19\xb0"\x11!@1\xab\xaa\xf0\x88K\xeaJV\xf3\x9d\xce\xde\xf6p8\xec,\x89\xdbJJ&lt;\xcd.\xa4\x16`u\x87B\xa1\x95\xf1\xf5\xb9\xb9\xed\xe7\xd8D\xeb\xcfr\x99]\xa7\x83NjDTB!`AU\x95\xb2+g\xb8|gyyo8\xdc\xfe3\x90\xd9lH\xb1j\xeeg.\xc0J\xe7\xd7\xd7\xd7\xe7\xdea\x12.\xdc!\x88\x05T\x80e4\xb2X\xac\xa2\\\xd7\x91\x8dz\xbd\xc8\xe9,\x0f\x87\xcbm\xe1x\xbc\xddf\x0b\xf3\xbb\x93\x8d\xdc\x16\x84\x95h\x84\x02\xb9\xa6\xd7\x8f\xb7\xf7\xb1\xc1z/\xb7\x17 Y^\x85Qx\x8e\x05z]\xafB\xe9\xd2s!\xeb\xe1^g{&lt;\xd8\xde\xde\x1en/\xe7WW\xa3\x16\xf6;\xd6f\xfe\xf8\xf8\x18\x9bp\xf5\xad\x8a30}-\x1aPK\xa1\xa0\xb3\x18\x8c\xeb\x00\x05cG\xaf\x97\x8a\x8a&amp;\xf6\x86\xe3\xc1x0\xec\xb4\x95\xc3\xa2D&amp;\x8a \xf4"\x84\x05M\xf5\xf8x\x15\x93pm\xcd\x8a\xc1C\xafE\xa3\x00\x0f\x01\xab\t\xa4\x82\xfe&gt;\x88fN\xd2\x03\x81\xb7\x85\x83\x88\x0bE\x0b\xb2\x95\x84\xa5(\x9d\x014\x10,\x94^\x19\xc9\xe5\x8e\x17\xb0\xc0za\'\x03\x96\xc0k\x06,\xa0\x02\xb5\x90V\xfa\xd8\xa8\xd4\xe5Jz$%\x12\x08V0\x187\xd8\xfc\x1e\x8fg\xc8\xe3\x81\xde\x85l\x14\x15]\\\xde\xdb\xcb\xe60\xd9\x0e\xbe\x15C\xd3\xd2\t\xbc&amp;E\xd1C\x16\x83\x89\x07\x03c0r\x80\xc1/\x91\xa0\xbc\x07\xe3q\x9b\x7fh\xc8s\xd3sS\xe2\x81\x86\x0f\x05j\x85\xba\xaf\x9e\x9d}\xfa\x94{\x80\x05\xd6]9\x95\\\xcb\x138L\n(H&lt;\x13\xcf\xaeip\x03\x95Kb3\x0c\x1b\x0c\x7f\x81[&lt;\xec\x97\xf8\xfd\xc0h0\x18$\xa0Z\xb2\xba\x1ae\xbe\xfb\xf6/g\xa7\x9f\xb2\x98l\xba\x8e\xa8*rm\xdd9\x16\x9d%\xd4\xaa\t\x955n\xee\x1f\x93\xdf8\xe3\xc1\xb5\xa5\xa5\x1f\x86\x7f\x08\x1a\x0c6@\xb4\x19\xda\xda\xfe\xba\xd4\x06v\x96\xf0\x8bT\xe9\xee\x0f\x1fNO?f_c\x81\xf5#\x95\xa8\xaa\xad\xf39L\x14\x1a\r\xd6!\xc2\xd2\xd7\x88\xb8\x97\xf9\xe5\xc1\xb5hOOOt)\xba\xd6\x16\x8c\x0f\xb7\xb5E{\xbe\xfb\xae\xe7\xc6\x1ap9\xf9(XW\xef}x\xb6s\xba\x9f\xc5\xa4\x9f\xbe\xfb\x1d\x8b\xa2`\t90\x15\xd5\x81\xca\x86\x86\x16\x11\x1f\xdaU\xb4\xe7%\x90\xdd\xbf\x11\x8d"\xc2\x9e\x9e\x97\xf7ww\xbfo/\xbf\xd2\x8d\xb0n\xdf\xdb\xdd\xd9\x19;\xcdb\xb2\xa3\x7f@U\xa9j[}&gt;\x13Ea\x8c\xa8\xd5\xc6y\x98\x8d\x03\x8b\xea\xca\x9a\x96j\x98\x83k=E\xac\xfb\xf7\xe1\x1e\x8d\xfe\xdc{\xefv\x08ftzsb#t\xf5\xf6\x87\xdd\x9d1\xc0z\x87\xc5\xb6\xe6\x01\x9c\x9d\x01\xab\xcb\xa1QD\x06\x02Z3\xb40\xcb\xfc\xfc\xf8xdq\xe2[\x91\xf3O\xc3\xd1\x1b7\x82\xd1\xfb\xd1\xa5\xb5`/?41099y\x9c\x9f\x9e\x9e\xce\xa7\x8b\x1eN\xfdv\x9a\xc3"[\xb8#j\x99\x8a\xcc\xf39\x1c\xa0\xd2\xe4\xb8\xd9\xd2/\xd0\x91ID\x12\t\x8eA\nB\xc3e?\x84\n\xccl\x1b6\x94T\x07\x8c\x96\x02z\x17\'\xb6\x17\xd6\xc7\xf3i\xe4\xe1\xd4\xd4!6\x91\x7f\x8c\xde\x7f\x14\xb1\x8cf\x8d\xc2\\\xc7#\x97\x95\xa1\xd7"\x15p&gt;\xd3hk.\xfbm6[p\xa9\xcd\xe0on\xd1:x*8v\x13\xa9b`\x9e\x9f\xde\xfbegl\xea7\x8c"\x7f\x97TV\x06X&gt;\xafY\xe3\xd0\x14\xa9juu\x82\xba\xd6\x8e\'O:\x1c\x0c\xb6\xb4\x19\xda\xaa\xa1m\xd8?\xe4j\xe0D\x140\xcf\x15f\x8b%\x83v\x8d\x93{\x805\xf5\x11\x9b\xc8/\xa0\x13"\xcf\'\xf0j\x04\xad\x0e\x87\xc3\'0\xc3\t\x9a\xa9\xa5\xa7\xea\xeb;iw\xaa\xe0\x98\xf8\xaa\xd9f\x90\x0c\xb9\xdcz6\x1c\x868\xb0N\'\x16\x07"\x91Ic~\xef\x14a\xe5\x8e\xb00\xf1\xad\x1ca\t\x04^\xaf\xaf\xd5G1QXB\x16\x8bN\xa7\xd3\xa0\x8d\xa5R?5\xc1\x9e&gt;\xe62\x18\xfcCO\xddl8\x0fq\xb4\xd0?\x08\x95\x13\x1b\x13\x13\x81\x91\x95\xd3\xa9\xa9\xa9\x83\xdccL\xf6\xccb\x15\x9c\xa7\xbd\x1a\x8d\xc9g\xa2\x01\x8e\xa9\xab\x93&amp;\xe4\x04\x16#\xe6\xfa\xfaT*\xd5t\xbdj\xf0\xa9D\xe2o~\xa5/\xc53\x85\na`ceQ\xc8\xc27\xb4$V\xd2\x08\xeb}\x16\x13\xb5\xfefG\xef\xb1\x00\xcb\xd1E\xa1\xd3)\x1d]4\x16k|o/\xbd\xb9\xa8\xa0\xd1\xea;A\xb0[\xaf$\x12Os\x8c\rR\xd1\x19x\xc2Fz\xb3\x92 \xa4\xebE\xa2\xe5\x0fSSc\xd9\xec\x91u\xeb\xcb\x9e~\xd0\xbfr\xfa\xb6\xe1\x9c\xaf\xf3z5\xa6z\x1a\x8d\xe6\xeb\xa2\xb4&gt;\xbav\xadB%\x18\x18\x01Q~\xea\xecL\x15\xb1\x86F\xe1\xec\x1f\x10\xd2\x9bX\x1a\x81\xc5k\xdcH\x04\xee\xb0[\xae"\xac\\\xf6\xd7g\xbb\xffz\xf1%c5\xf6\xec]\x9f5{\xae\x96\x19\xc2D\xabo\xed(\xd3\x15*\xae\xc9W\xc5\xb9zN@\xdd\x94BX1\xd8eIKoUr\x18t\x9f\xea\x1a\xb5\xacB\xc9\xd3\xa6\'\x08\xdf^\xd9}9\xf5\x8f\\^?\x14m\xfe\xf5\xcb\xf5\xf7\x7f\x8e\x08\x99\xcc\x91\xb1\x9c\x0e\xa9\xa5\xa1\xd0\xe8\x94\xfa\xae\'\xd7\x9e\xe4s\x8f*H\x85\xcc\xd8YkS%3U\x8f\xb0\x86\xc0\xc3\xd2[5\x01\xba\xf1\x13\xb9"\xb7M\xce\xe6\x1f\x99\xd3\x1b-W\xbe\xdf\x01\xac\x19O\x9b\xe1i\xf4\xcb9x\x96\xea\xecl\xba\xc32\txT\x9d\xc5\x0c{-\x1a\xa5\xebIGgJ\x01-\xcb\xa7\xd8\x9c\x18\xe8l\xaa\xba\x9eB&amp;\xfe\xfd\xe6\x90\x94\x1d\xd33"\xf9\x95\xbaGe\x8fxg\x9b\x9d\x1d\xff\xa6\xd5\xdc\x7f\xd2L\xb38\xde\xcc\x8f\xfeB\x9ah\xea\xe4\xcd\x0e\x97\x82\xa0\xc1i\x85\x846\xe12\x19\x90\x08\xe2+/\xb0XcB\x07\x05\xb9(\xaf\xadZ\x99j\xbc\xe1\x85 \x8a\x9a\xb2\xa8\r\x93\xe9$\x15M\xf0\x92:x\x89\xa1t\xddZ\x13\xb13\x1btX$\xa9\xa9\xcb\xd2\xda:v\x8dmf\'\xd9\xc9d\xb2\xe7u\xfb\'\xc0\xa3\xd1\x1f4\xe4\x93s\xbe\xcfy\x9e\xef9\x0fo|\xf2\xd3\x9b\x0b\xae\xa3\xf9\x01\xfb\x1e\xee\xf1d,\x8bwlX\xc8b\xc6\xe8d=\xfb\xb3\xbb\xe5\x80E\x050\xb5\x99\x82a~l|\xec\xed\xd8\xf2\xd8\xb2\x80I7\x878\x8eD\x9f\xc7\xa3\x01\x1f4\x89\x8e\xe7\xe6\xce\xef\x0c\xd2e\xcc\x9e\xb7\x83\xf2\xc2\xcbE\xdb\xae\xa3\xb6\xde\xdeM\xb7\xe7\xec\x97\x0c\xd5\xd4\x9cE\x9f\x0f\x14-\xc5(fm&gt;`\x9d\xf7J\x19\x14)l\xbdN\x0e\xadd||y\x19\x15\xe4\x8eJ\xfd&gt;G"\x1d\xe4\xd7\x18\x99_^\xab\\\xb6\xa1\x93S\x8dW\xaf\x8e|y{R`\xb8\xdc8\xb0wt\xd3&gt;\xb4\x19\x89\xc773\x85\xb5\xe1\xf0a\xa3~\xf3\xa8\x94\xc02\xa9@g\xf4N\x8c\x02wA\x0c\x1cY.)\x97\x89\xcaQ\xffh\x88\xa8[}\xfc`G]\xbb\xb1\xb8\xb1\x92\xc9AQ\xa2\rwK.\x10\x1aF\xda\x00k`&amp;\x1euG"\x91\x0c\xd9\xb2\xeaY\x87/\x14\xea\x84\x80Y,"\xaeI\xa5`\x918\x1cN\'\xe6\'V\'\x89i\x14\x1a\xdb;?\x96SH"\x8e\x1b\x1c\x86b\x00[f2\x1dF\xa2mY\xa8\xb9\xdc6\xbb\xe1z\xa5\x1c\x8a\xe2\x91x$CY\xbcs\xbb\xdd\x11\xa2r:)\x16\xad\x85\rX,\x19\x89h\xff\x11\xbde\xd4\x08fL\xa3\x112\xb1\xf3\x8c&amp;\xd2\x80\xa5\\\xaaK\xb4\x1b\xc07\x16kF\xae\x16\x1a\x84\x85\x843j-\xda\xf0\x9e&amp;\xa2[\xbd\xf1\xad\xb3\xcd\xcc\x94\xd4\xe7\x93B\xc7(\x9d\xc6\x91\xaej\xd5l\xb1I\xc2\x92\xb1rK\x8cB\'x\x9e\xfa\x06\xc2\x13\x86\x8d&gt;\x02\xeb|#F"\xc1\xa5\x1ag"\x9c\xaeo\xa8\x83?\x81)\xd3\xc0\x7f\xf1[[7\xbcS\xe9h\xb4;\x1e=\xcb\x8c\xb8r\x16\x8d\tt\x94C#\x99\xd7-d\xb1\x98+\x91\xb1H\xb9\xb7&gt;\xd7h\x1a\xea\x1b.\x81\'\xd4\xf49\x1d\x1c\x7f\xc8\x8f\xf99\xc2&gt;\x90t\xaf\xbd\xb90\x1c\xee\xab\'&lt;Y\x10\xbe\xe1w\xbf\xdbm\xdf\xf3n{\xa2CCK\x91\xf4o\x99I\xe2\x8b\xf6v_\x88F`\x91)b6`)XL\xb9\x90\xe8\x93\x8e@,\x0c\xe1p\xbb\xaf\xd3\x8faX\x88\xe4\x84`\x11X\xf5F\x10\x19\x9f\x1f&lt;\xb7\x8bn\xb7[7\xb3\xd5\xb4\xe7\xdd\x08\xc67\x87\xecggo2t\xf2\xa0\x10\r&amp;\xca1\xd7R\x00\xcb*a\xb1r\x05\xa8\x90h\xdb:\rN\x8d\xd3`h\xf7a~(\x1a\x18\xaa!\xb0\x9a\x16\xf0:\'D\xab\x9e\x7f\xbe\x94\xfd\xfd\xba\x99\x99\xad\xee=\xd7f&lt;24\x14Otg\xa8oS=\xe5\xc30\xf92f6S$\\\x88\x16\x0f\xb0n\x15:\x85\xc2B\xcd\x08\x91C\x88\x16\x069\xa6\x93\x8c\xe9`$\xe2\xc6\x97\x9a5\xce0!~\x0fa\xaf!\x8fn\xddV/\x815t\x16\x19\xc2\xd3\x7fd\xaa\xca\xff\xc6\x0ca\x02Z\xc8\x0cg!D\x0ba(r\x05\x02!lBB\xcb\xfc\x86\x11\'\rn\xa6\x0e\x1a\x89\xe9\x04,w\x04\xef\xe8\xd3\x18\x0ci\x8f\x87\x88U\x1d\xdc\xef\xdd\xbahoS\xb7\xd7\xbb\xb9uv\x16\xc5\x83O2v&amp;Na~\x94\x14\x1a\x1dE\x10v\x05\\\x01\xa9\x90Dy;\x14I~s\r\xbf\xde@\xa2\xa2N\x83\x10E\xdb\xc3}\xee\xde\xeex|\x89\xef\t\x06\xf9\xe7T\xa0\xae\x1a\xa5\x92\xc0\xda\x83h\x9d%\xd2\xd1\xe6\xcd\xcc\x1d\xd5\x8b\xacQ\x1aqs\x91"lp&gt;\x08\x83DL\x07\x9c\xc5u\x1d\xcd\xfc\xbe\xb0#\xd4\xe9\x00\xacv\x87#\xe1Y\xea\xdd\x8c\xbb\x9b\xec\xeex\xb4\xa9\x99\x08\x17\xb1\x13\x955\xfdx\xef\x9ew\xefh%\xccw\xdb5\xbfd\xcefT\xcf\x8dRI\xe4Q\xb3T\xcd\xae\x10[\xa4\x14:p\x19\r\xc5=u\x1a\xa7\xc3\xc1\x813\x9a\x06\x9c4_\xa2/\x08\xe2\x8a\xe0:Xv\xdc\xc3\xf7x\x82\x1d\xb8\xaeC\xe9\xc6!X{\xae\xa2\xbe\xa1&amp;\xa7\xe7M\x06\xb1&gt;P\xcd\xbc.\x16Yj\x01\x0b\xa6\x07s\xc1b\xa2\xc2\x11\x88\x10\t|\x05G\xaaU\xd7\xae\xaej\x19t\x1f\x94\x85`0\xd8\xbc\xcc#\x93F4\xa0\xf9&gt;~\x07\x8e\x83\xe4qH\xe2\xc6\xd1\xcdh\xf7vX\x97\xc9F\xe5\xb3\x80_\xaa\xa2\xd3\xa5Z\x91XlU#\xa0.P&lt;T3?\x81E%[jk\xd7\xaf\\YGP\xa8\xfb\x8d6\xb5\x9eE\r1\r\xe9t\xda\x19\xe6\xd7ttt\xe8\x96\xec\xf6\x8d=W[t\xa8\xa9\xf9C&amp;\xadb\xce\x11\x8br\x8fA1[\x88\xfe\x16"%\xf3\x98r#\x8aI)\x18\x07\xeb\xc4\x18\x14D\xcf^_]]]W\xf3d\xb6.U\xb9\xcaf\x03\xe9A\x9dM\xd0|#5\x90\xc7\x85\xed\x81\x05\x97\xab\xb5?\xda\xdd\xf4GF\x1d\xec41\xa8##\xe6\xb2\n\xae\x1aA\x10\x1esr\x92\xc1\xb5\x96\xab\xc9j\xb5T\xaf\xd7\xd6\x8a\nD\xf9l\xd8\x0c-\x83*.[\xa5\xa2\xcb\xe4\xc4\xb8S. uj\x82\xee\xa5\x85\x95\xd6\xed\r\xd7\x94N\xd7\xdb\x94\xd9\xf1]\xceQ\xa0K\xc1\xa3X\x08,2\xa2\xa6\x96\xc8\x15\xe0\xf3+\xc4b\xb6\xb6V\xcc\x86H\x89\x88N\xa1\xaaEu\x83+\xe6rU&lt;\x85\x0cVInI\xae\xc2?\xa2\xc4\x17\x06.\xadl\xb8f\xa3v\xbb\xf7If\xb1^\x0e\xb2\xa8\x80\xf5E)W\r\xc6\x95*\x90\xebEb\x11[\xc4f\x8bj\xb5Z\xab\xb5\xb6\xb6\xd6j\xb5J$j8\xcb[\xb8\x90\xe8\xaa\xf2*\x15\xd1b\nHH\xf5\xfd\x0b\xb3u\x03\x1b\xaeS\x9d}/\xd3\xb3\xce\x9c\xdd\xf9\x16\xc5\xe0\x8b\xfb\xa5b5\x83\x02X\x82|\x80\x12\xb1\xad\x163BF\x10)B\xf6\x83\xdb?)&lt;8\x98\xad\x9c\xb4)X\x92\x96\xf2r\xae\xc9tcx\xa2K\xed\x0c.\x14\xd5\x83\xb8\xfe\xf3f\xfa\xc9\x85L\xaf\x9c;\xcf\x9e\xdf\xc9\xb9\x9f_\xa1f0\xf4Tc\x89\xa8\xca\x04\xa5Um\xb1\xc0\xc6\x94P\x8e\x8f\x9f\x12+577\xf6x&gt;\x10`A\x12m\xa0}\xd3\r\xee\x84\x89\xc3_h\xbb&lt;\xbb\xe0Z\xcc\xce\xc8\x07&gt;\xb5\xfa\xe7\xd2R=\xafE\xcf\x10N\x8a\x87\xcb\xab@\xeb\xb5Z5\xe2\xff?\x14z\x92\x8a\xcd\x1d\x00\xd8\xf8x \x10\xe8\n\x0c\x8e\xdbZ\xcaM\xc3w\xfd\r\xdb\x95\x97Z\x01+k\xc3\xea\x9c\x1fK\xf3\xc5*E9EX\xa8WI&amp;\xb8\xda\xd5U+B!\xa0\xd0\xd4\xc9I*\x15;X9\x88\xc5zR\xe3\xa9\xe5\xc1\x9d\x9d.\x95\xaa\xa5j\xf8\x06\xc6_\xa9l\x04\xa38\x9d5\xac\x0b\xff\xca\xcf\x17W\xc9\xaa\x10T\xc3P\xc8x\x12\xeb\xea\xd7\xab\xe6\x10\x81u\xf2\xf4\xe4\xe4\xfd\xfbX2\xf6&gt;\x16\x8b\xbdO\xa5z*\xe7\xe6\xf5ZmK\x8b\xcaD\x0bN\xf5\xb4\xcd\xfe\xcd\xf52\x8b\xd1\xca\xff\x8c\xado\xa9\xd2\xd3\x1aX\xac\x12\x16\x1d\xd1~]zwX\xf5\xfa\xed\xd3\xd3\xd3T\xec\xd5\xabdr\x7f\x7f?F\x80\x01\xe0\x8dU\xad\xc2f\xb3!\xc2\xfe\xb9\xc7\x8dS\xa7\xaegw\xb2\xf5\x14"\xe7\x87\xfc\xb2\n\xb1\xa4\xdc\xca\xb8|\x8dz\x0b\xa5RC\x88i\xe2\xe7\xff\x1e\x1e\xbe^\xdc=z\xb1\xf6\xf0\xf0\xc3\xf4\xf4\xae\xeb\xc5\xe1+\x97\xeb\xf5?\xbeQ\xd3{\xe4\xd7{H\r\xf8\xfc\xe0\xe3\xb1\xb7\xaf\x9fe\xef\x81\xc6\x0fyy\xf9"\xbd\x84k1^b\xc9\x0bK0*\xfd\xf885\xf6h\xf1\xd1\xee\xc3\xc3\xb5\x87\xd3/\xdf&lt;y\xf6\xc9\xee\xc5\x8b\x8bk\x8bG\xa9\xe3\xa7=\xd7\xfeTSiPN\x05\xba\xbe\xdb\xd9\xb9\xff&lt;{I\xfcw^AA\x99\xb8\x9c\xcb\xa6_b\xd2\x8cB\x92_\x06\xbb\xf0$\xb5\xbfq\xb8\xbb\x08X\x9f\x9c\x7f]\x9c\xde\xfd\x00\xb9LU~Z\xa7T^W\xde\x1c\x0c|7\xb1\xf3\xcd\x8f\xd9{%X\xfd(/\xaf\xa0Ld\x12\x8b\xf5\x9f_\xa7\x1a\x0b\x99T\x1eO\x05\\\xef\x7f\xff}\xdf\xbb\xb8\xbb\xb6\x06h\x0f\xd7^x\t\x8d\x9dN\xb5\x15\xf3\xdd\xcd\xd7\xf0\xdb\xc4\xfb\x9f\x9d\x9f\xfe\x9e\xc5\xb7?\xc4$\xa3 _T\xc1^g]\x951\x85(\x8d\xce\xe3\xf1\x8e\xcfwa2\xf9\xce\xe5\xf5~\xf0\xfe\xba\x9f\xdcO&amp;\x0fN\x07V\x9a\xf9n]kq\xd1\xe0\xf0\xbd\x07\x0f~\xfa\xeba\xf6\xb0r^~\x01Xee"\x91\xc8\xf2\xe7e\xaa\xc0\xc8\x94\x81\xc7~\xfa\x91\xeb\xdd\xbb\xfdw\xbf\xc2\x8f$P\x1d4/\xd8q\xa5\x0e\xffK\xd1\xe3{\x13\xf7\x1e|\xffmv\x06\xd5\x1f\xdb\x11O\xee\xe7\x95])\x80x\x89\xd8\xac\x1e\x16I.\xb7\xc9\xe0r\x85\xa6R\xa9d2\x96&lt;\x00,\x82\x0b\xa0\xecMM\xbd3n]\x07&gt;\x1b\x80\x1c~\xff\xd5\xb7\xf7\xff\x99=\xac\x0b\xd5\xb0\x15\x0b\n\x08}\xb1\xad\xe3\xe3`\x81Jd\xb6\x92\x92\xc9I!QE\x0f\x0e\xfe\xc7\xbb\x99\xc5\xb4\x99]q\xbc\x08l\xb3\x06\x12LlC\x0c\x18\x0cv?l\x1cc\xbc\xe0R\x13\xdb`\x83a( \xb0Y\\\xb3\xa8b\xc9\x07eq\x9c\xd0\x18\xe4\xa9\x845#1*\xd8\xa5\xc4\x99 \x8c\xcd \x8c@\tX\xd0h$\x14\x8a\xd4\x87\x08\x12\xd0\x08\xa1\x11\xea\xa0\x89P\xda\x8e\xa2\xa6\x0f\x95\xfa\xd0&gt;\xf5\x9c\x0f\x9ay\x9d\xc5\xe4x\x7f\xfb\xe9\x7f\xfe\xf7\xdc{}\xcfE\xae\x7f|\xf9\xb3a\xea|\xf1\xd7\x1b\xbf\xbco\xdbZ\x1d\x9f\x9c\xf4zJ\x82\x07\x97\xd9\x7f\x1a\x7f\x98&amp;\x01\xb5`8vv\x8eL\xf3\xf9\x02)\x13*\xa6\xd4\xf5\xf3O\xc4]]_\r\x83L_nll\xdc\xa5\xce\xef&gt;\xbc;p\xdf\xf6\xda\xed\xb5\xf8\x83\xed\xed\xf3\x97\xda\x1d\x18\xbfXr\x81\xa5\xd1\xc8\x96\xaa\x15Tk`\xf5\xf8\xf4v\xed\x109\xe4p|\xe5pLlmmML\xdc\xbd\xfb!\x1e\xbf\xda|{\xde\xb0\xc5\xe3\t\xce\xcf\xbd\xbaL\xac\xe6\xcf\x9ePI\x94\xe4k\x8c\x1aS\xbd\x82\x0f\x96\xafV\x8cT/\xf5\xbb\xddk\x10\xee\xa9\xd5U\xdf\xaao\x19\x04C\xaa\xe5\xb5\xb07\xec)\xf3\xcc\xb7\xff\xe5R{\x88\xe3\xf7\x8fK\xf2\xb1Y\x18%\xab\x99T(\x84|!\x0e\xc6\xeaz\xafyv\xd6k\x99\xf4.\x00\xde\x90}\x026;\xf7\xed6\xdf\x91?\x1c\x04\xacO\xcf\xf6/\xb7\xe5\xfa\xd9\xfa\x0e`aH$F\xfc\x1fUX\x89\xee\xaa\x1f\x19\xe9\xee6\xcd\xea&amp;\xeb\xa7]\xd3K\xae\xe1\x81\x8d\xbb\x1f\x11\xc4\xd4\xda|\xd8\x1f\xf4\xcc\x7f\xfa\xf0r\xc5\x825\xea\xd330\x16\x80I\xee\xdd\xcb\xaf\x01.ae?pUNW\nM\xe6\xee\xee\x91~Wm\xad\x8b\xb4ol\x0c\xd8\xb5C\xee0\xd8\xaa\xbdd~\xe7\xf1\xfee\xb7\x0f?;\xcd\x04\xb9\xd8\xc6\xfc|\xe0\x1a\xd5W\xf3\x99\x02i\xe9\x83\x07\x9b\xfd\ns\xbd\xd9\xdc\xefr9\x86\x87m\x03\x03\x036\xed\xd0\xdeQ\xfb|I0\xd8\x1e\xfc\xe6\xe9\xa575\xdfY/\xc7\xb2\xc5\x06,\x89\x84\xdd]\x8f\xff*\x956\xd6\xba\xfa\xab\xcdz\xfd\xc8f-\x89c\x11\xb6\xd2\xc4\xd0\x9a7\x88}\xc3\xed\xe1\xbd\xdd\xbf_~\x0f\xf8zyf\x1a\x1b\x02\xd2(\x91\xd4\x98\xeb\xab\xa5\xbf)\xfd\xed\xaf\x1e|P\xb9T\xdd?\xe5 \x1c6\xdb\xf0\xf0/f\xb4\xb5\xdb\x0ba\x0f6\xa6\xcf\xef}\xb3{\xf9\xad\xe9\xf1\xeb5l#P}Na\x19G\xcd\xfaJ\x81\xa0\xe8\x0f\x02\x81@\xb8\xe9\xea\xaf\x05k\xfd\xf4\x93\xdcV\xc7\xb6\x1b\xa8\xdao\x95y\x8e\xdc\xab\xff|/X\xbar\xa8Y\x1a\xb6\x11L\x7fORcA\xdb\x0b\xeb\x8a\xf8\x95\xd3\x9b\xd3K\x9b\xd3S\xfd\x95\xae\x07\xb5\xdbn\x98\x9e\xb1\'\xfdho\xca\xb7\xfc\x1e\xb0~\xb2\x0e\xbbi\xd8\xbb\x1a)\xac{\xc6\x1a\x11\xb6\xbfe\xe9G*\xc7\xc7\xc7\xbd\xee\x855\xf7\xf8\xd2\x92{m\xd6\x12,\x83\x0c\x86\xf7\xa6V\x1d\xaf\x9f\xbf\x07o\xfd[&amp;\x82-&gt;\xd5\x04\x01X\x99l\xf6\xa8Hg2u\xcc\xeag\xc7\xcd\xdd\x0b\xb3\xde\xd9\xc9\x05ox\xa1\xdb\x13,\xbb^\xb2\xb36\x05%\xff\xf5\xfb\xb0\xfc\xa9L\xa4\xd1Ah\xce\xb3(\xc9g\x97\x8b\xe0\xa7\x7f\xb2{\xd6\xa2\xb3\xf8g\xfd\x16\x98\x06\xc3\xa3e\xede%\x1e\xf7\xb6\xc3\xe1[^~\x0fX\xcd/d\x9d0M\xcbd:\r\x14z\x04\xcbO3jj45~\x91\x1f\x12:j\x01\xb2\xd1\x9a\xf2\xf2\x92[\xb7&lt;k\xdbC\x88\xf5z\xf7\xf1\xab;\x97vq+\xfe\xce\xb3?\x7f\xf6x\xfdH\x06[|\x91\xac[\xd6\'B\xbd$\x12\x98\x1f35\x90K\xcdhy\r&lt;u\x16K\xf9\xf5\xcc\xeb@\xe5\x9e\x02*\x87cyk\xf7\xeb\x98\x98\x98\x84\x96\xc8O\x8b\xcd@\xf4\xc5\xd7\xeb\xa7\xc7\x07/\xfc\x88\xf5\xb9\x08\xf5\x12\x89\x8c\xf7\xce\x053\xa6\x19A!\xf6h\r\x9b]&gt;:\x9a\x96y=\xb3\xa4\xdc;E\x0e\x91&gt;\x92X\x9e\xd8\xfdoqLq\x9b\xb3 \xd2\\4\xb53\xb0rrx|\xf0\xe6\xec\xa1E\xd6\x87\\\x9d\xc0%\xeb\xd3iP0\x90\x0cJl&amp;\xf6\xac\x97\xc3\x1b^\xdcJ\xb3,l\x0f\r9H\x07\x81X\xff\x8a\x8a\x8a\x92\x07\xa2#\xbc\xe6jV[C!\xc0z\xfb\xe2l\xee\xc8\xd2\xd1\xd1\x8b\\\x94`}}"M&gt;\x95JHf&gt;^F\xc2KR\x99\x99\x08E\x92\xa4\x16\x82\xb0m\xed\xfe^-\x97\xaf8\x19\x05\x91]G\xdcP\xcbW\x80\xea\xf4\xe0\xe5\xc3\xa30`\x01\x17\xf6!i\xfa0\x9a\x10\x0c\xe3\x9c\rF\x00[7\x82\x85\xc1A\x8a\xb5Z\x96\xdd6\xb1\xb5\xfb\xb1\xd5j8|\x9aX\x10Q\xb9\xe2\xadI\xea\x95\xc3\xc3S\x10\xeb\xc9\xbc\xdf\xd4\xd1\xd1\xd0\xd0\x8b\x82u\x8a\x9a0@\xb9?"\x18,Ya\xaff\xd4t\xe8\xc7\xa7\xa7\x1c&gt;\xd8\xbd\x8a\xb5b\xc2&gt;\x81XNC\xe8\x18\xb0h\x91\x94k\xdf\x19\x05X\xa7o\x0f^\xce\xedx\xfc\x16\xa0\xaa\xe8\xe9\xedE\xc5DM}\x17\\\x18\x1a m\xaa\xc8\xe637]&gt;\x9f\x8f \xc4\\n\x17\x81j=\xff\x13\x1a`\x91Q@\x8b\xa0\\\xf1\x8b\x86\xf4\xf4\x95\xc3\xb7\x07(V\xd0o\x02\xaa\x8a\n&lt;Oo\xa2\xfe\xcdE\xacN\x1c\x03M\xbd==\x15\xd9&lt;fU#\te\xc1\xe7\xd3r\xb9,\x82 \x10k\xf7\xe5\xc3\xb3\x03\xc4J\x89\x9c\\\xcd!y[\x8c\x01\xb0^&gt;|\x12\xf4[L\r\x19\x15\x19\x19H\x06`}\xbd\x94lMM\xbd\xbd\x80\x94\x97\x07P*\x15\tX\xc42!\xe6t\xb1@,;b\x9d\x9d\xcd\x9dF\xc5\x15\xd0"\'W\xfc\xfe\x89\xb5\xadX}B\xe5\xd0b\xb6\x98L\x08\x85\\\x08\xd6\xd3\x80\xbaQP&lt;\xd8\x9cI\x1f(\xb5$Y;\x04u\x81`\xb1\xba\x08b\x98J\xe2n\xd9\xce\xce\xfa\xd5X\x1a-rr\xc5?&gt;1\xa4\'\xb4\x05\x0e\xdf\xbe|\x02\x8b\x05\xc4\xca\xa2\x1e\xf0\xac\xe8A\xba\x86\x86\x86\x9e\x8a\xac\xba\xe4AWU-T\x04\xb2\x96Cj\xedv\x82\xc5e\xb1Z\x11k\xe2\xf9_\'\xdb\xe7C7Z\x80\x8a\xf6*B5\x95vr\xe2\x8cJ(6\x1c\x1e\xcc\x01\x95\xd9\x84X\x10\xd9\xd8\xf0\x96\xf5;\xf8\xac\xa0"\xa3.G%&amp;\xb56\xbb\x96Tq\xc4\x04a\'\xbaX3\xad36\xa0\xdaz\xfe\xba^\x166\xc0@\xa4\xa5\xa4Dh0\xc6?\x05\xac\xa4\xe2\x84\xa8\x83#\x10\xcad\xbe\xa0\x02\xa8G\x8f\xf2\xf2\xb2\xc0OyYx`\x90\xcdK.\x1c\xee\xe2\xce\x10Z\x0e\xc9\xd1b\x0e[Y\xad\xad3\x1fQ\\\xbeI\xdd\xdcb\x1c\x85\x95\x92\x12\x11\xb9\x9e\xad\xac\xac\x04\xe4m\xd7b\x0e\x81\xaa\x01\xe5\xca\xa0\x98\xb2\xb3\xf3\xea\xea\xea\x14uB\x1e\x0f\xbe\x82v\xbc\xe4\xc6\x99\xe1\xd6\x19-\xc9Q\x82XZV\x17\x8b\xc5\x02\xb1\x10kbU/z\x13\xd3B\xa3\xd4J\x89\xc8Q\xc6"bY\xa3\x12\xae\xa9\xbd\xfa\x8c\x86\x0c\xb3\xd9La\xe5e?\xaa\xe3\xd5\x8d\xe1m\x0c!/\x0f\xc7\xa0\x82\xffA.\x8b\xab%\x95\x1c\x10K\x0b\x86\x07\xb5fZ\xed\xc0\xb5Ll\x9bE\xebW\n(\xac\x94\x88\xb8~\x7f%\x14\n\x05\x0c\xea\x98k\xc5\xc7\x80e\xd2\x9bL\xd9\x10\x8f\xf2\x14\n\xde\x18v\x00\x15\x15%\x17\x8d\xf1\xa8\xdb59\x83\x85\x85\x85*\xa5\x18\xeb\x95\x96\x8bM\xbbP \xc0\xfb\x04\xb9\xd9\x1d|\xca\xb8\xc0JI\xf9\xf1E\xa2\x19\xe6h\xc0r\xca\xa3\x12R\xd5^P\x0bl\x94\x8d~:\xbf\x8aQ\x94\x8c1\xc6\x1b\x1b\xe3\x0by\xc2dA\xe9`\xa3\x8a\xc3\xe5r\xb5P\xe1o\xb3fXXNah\xaa\xa6esWc/\xac\x15\x894\xde\x08\x05\x02\x81\x90\xd3iM\x8a\xb9r\xe5\xd4La\xe1=\x0c\x05\xaa36\x867&amp;s\x989@\x05t\xccRl\x9eWRXZ.\xeb6\xab\x8b\xcb\x82z!\xe6\xa8\x06+u\xc7\t-\xb4wX\xb4W?\xee\xe4`\x1f\x88\x9c\x81\x80\xd3iPG%\xd0c\x16\x1a\xf0\x8c\x0e\xd4R\xd4\xe1E-\xea\xea\x11\x06 a)\xad\x1a\x1c\x84\x1c*9\xb9P\xb0\xe0\x89/\xb1\x98\xa3T6VU\xea\x1e\'\xfe?\x87\xf8N\xa7\xb7\xfcp\xb0\xe6}k\xc0`p"\x95A\x0er\xa5\xae\xa3Z\x15Y\x94Vc&lt;\xfey\x0e\x05L\x00cJ\xa5@\xd5\xd8\xa8\xbayS\x99+\xe6\xb2\xb8\xdc\xdb \x1a\x87\xc3\x81\x01\xa0j,U\xccEE\xd3\xbe\xc5z\xd5\xc2\xa03\xa2\x7fXkls\x8b:d0\xc0B\t\x04s\x1a\xac\xea\xf4\x84\xc4\xe2=\xca[y\xe7w\xda0\x89\xc99\x82\x1c\xbc\xb8,---\x1d\x04\xb1\n\xa9\x1c\xa2Rb\xaeX\xac\xe4@N\x95\xaaA\xa9\xf9o\t\x05\xef\xb0\xf0\xd5\x12\x1d\xc7HL,\xf8\xde\x92\xc5\xef\xab\r\x86\x90\xd5j\x95\x1b\x9c\xf0\x80\xcf\xa4\xb6\xd4\xc4\x90\x1e\xd5R\xf0\xf9T\xc7\x1bey\xa6@\x9a\x93#\x05\xac\xc1B%$P\x8bH]\\\x8eX\x99\x0bR\xa9\xe0\xc1QU1\xcd_\x9c\x8fC\xda\x05Vlt,\x82\xa5\xa62h\xdfK\xb2;\xe9\x06\x08\xa7\xda*\x97[\xf1\x9b\xc1*\x07w1\xae\xbc\xc9\xc3$R\x06g\xe6`\n\x8b\x90)\x87\xf2\x95K\xcc\xe1pq\xf8q\xc1O\xb9\xb9\xb9\x9cB\x15\x88\xc7Q\x16VU\xff\xe7j\x0b\xed[\xc7\x03\x16\x83Ng\xc4\xc6\xc6%\xd2\xe9\xa9\xd1\xdfy\x96lf \x89\\\x8dTr+r\x81Zj\x90\x8b\xa1^\xc8\x02\xb5\x84\xa0\x11\x9a\x9c*\x0f\x82R)fq\xb0jI)\xe6\xa0\xd9so\x02\x0b\xbc\x17\xaa \xe0\xeb\xa04c\x85\xfe.\x87TD3\x18\xf4k\xd7\xae0\xe2\xe2 \x97t\xfaw[\xe3\xa7,\xa2\xc7\xd5m\xc5I\x01\xb5\x9a\xe2\xc2d\xca\x93\xd2\x8b\x19\xf4\xf5\xfa\x8c,\x9e\x100\x98\x08\x93\x0c\xd5A\xf0\xbf\xc2\xcd0\xa6\x8d\xf3\x8c\xe36g|w\xf1\xd9\xab\xef\x90,[Fis\x9bRaa\x1d\xd3Q\x88C\xa4\xa0J\xa8\xd6\xb4\xf2\x01&gt;\xcc\x18\x93\x0fY\xbe8[,-]\xa5\x08\x95\xd2:\xc9\xcdh\xd3\xba\xcd\x9a\x16T\xa22g\x0eTJ\x8c\xa6N\xa04]6%6\x8b\x94\x94\x0f[\xb4A\x94\xac\xaa\xb4PU\xcd\xa8\n)\xac\x84t\xff\xe7}\x0fl \xda\x9e\xf3]l#\xe0\x97\xff\xf3\x7f\xfe\xef{H\xee\xe8\xd8\x0fo\xc5yb\xe9$S[\xd4\xd0\xdb\x0cpE\x830X\xfc\xf93N\x89/&lt;\xec\xc4UV\x14E\xd3|\xaaGu\x8b\xb2$j\xaa\xf4\xff&gt;F\xbc\xe7#\'\xa0\xfa\x01\x95\xf4\xc6\x06C\x9c\x8baA.\x9f\xe8\xfet\xef^\xfa\xb3wKGK\xcb\xfe}\xfb\xbe\xfd\x8d\x86}-q\xf8\xbd#\x9eA647\xeaA\x03Q\x1f\r\xeaP\x0br\x05\x1b\x9b\x83\xf1\xbd\x8fT&amp;V\xfd}\xca,\xa0ED\xb7\xa2\x90L\x84\xe6s\x0b\x92\xdb\xa7\x8a\xcf\xfc/\xff\xff\xd1Oc\xd7\xea4\x93N\xaf\xd7\xdb\xda\x15\x03\x1711,\xa7\xe9\x96\x0b\xef&lt;\xfb\xdcKH\x03\xb0\xb44\xd0\xa7\x97\x1bX2d\xe2\xb8F\x8d`\xa3\x8d\xd5\x16\xed\xed\xc5\\b\xd1n{\xe9\x97l\xf3P_\x7fc\xe3&gt;\xefd\x02D\x00S\x14\xb7\xe6c\x05H\xbc!&lt;\xf3\xca\xd3\xd1^\tc\xea`\xeed\xd2\xcbk\xdc\xf4B.*\xc6\xe5Re\xf1\xee\x0b\xdf$,\xc4\x013\x15\xd9\xaa7\x8a\x03h\xd1v\\\xf1\x1cX\x06\xbd\xd1\x1eD\xca\xbf\xfc\xc2\x8303|\xfd\xca\xea\x93z\xd6DA\xd1\xdc\x1a\xc8@\xa5\xaa\xaa\xc7\xe31].\x97iRK\x13\xbb\x17\x80\xef\xdd\xe8g\x13\xe7\xda\x84\xf2z\x11\xa36Vk\xebW1\xb8\xcb-(\xf7\x9eo\x88\xc7\xc1\xd2\x1eo\x81\xb30\x88h\x9f\x810ho\x8fF\r\xa6\x15^E\xb7\xb0\xde{\xf127\xbc\xb0\xbazc\x9c\xd9K@\xf7\xa8\x81&gt;\xced\x12\xd5f\x99*rvOmRMS\xf7\x92.\xa7\xb7Z\xb1\xf1d\x8c\x8a\xa8*_AFU\x14\xccOps\xd3\x9b\xe9\r\x12W\x03e\x16#A\x9c\xc3\xea\x06\x08\x83\xf4`X\xd8;\x1f\x7f\xed?&lt;\xe1\xebW\x96\xd6\xbbJ\xe3\x84%\xbbY\xf7\x18\x14Q\xd9E\x8aA2\x9f\xaf\xba4\xed\xf9\xa8\xd0\x85\xf58\x19\xb2\xa1\x9c\xf6\x89[\xc4\x18\xe8\x00\xf6e\xa5r\xd9\x9b45A.\xbc\x85\xb1;\x0eq\xd0F\x18\xbf\x83\\\x85T\xc0b\xc3\x91\xf4\x9f6\x06\xf4ho\xa6\xbd\xb9i\xa0\xf3\xea\x8b\x8f\xeax\x0f\x97\x97\x16?,uQ\xa8\x8a\xb6T\x0c\xab\xb6\xf0\x96\xcf\xa7a\x00|"W\xaa\xd0\xef\r1&amp;\xe7&amp;\x17\x7f\x12\x1b\xe4\xaa\xc5\xee\xb4\xaeU\xd6 \x97G\x11\xc4\xa98\xda\xd3\xdc\xd9\x96\x81\xef\xbf\xbb?np\xb5\x90ZX\x0cu\x9dV\x9ft[o\xe6\x10\xc4\x1a8\xfe\xd6\xaf\xa9\x878\xee/\xadJ\xe7J\n\xb00\x885=d4\x0c\x921i\xb6\xe5\xc8S\xde\xd6\x10&amp;\xcfI\x0f\x8e\xe3\xb4\x9f\xc3\xf4I\xf6\xe2\xe1\x81;\x97+\x95\xcf\xbc\xe0\x12\x05\xf5_m\x9dM\';\x03A\x16\ro\x18H\x05\xc3\xd0\xb12\xeb,\xb9\x10\xf5y\x98\xcb\xd0\x9b\xac\x8b/\xff\x8e\x87V}dqi\xd9,\xdd&amp;\xcbG\x14fw\x8d5\x92H|\xec\xa9O#\xa5\xf8\x17\x80\xa5\x85\x9cI&amp;\x13*\xe4\xac-\x02\xed\xefbo&gt;&lt;|d\xfcW\x95\xca:\xb8|h\xe3o\x9a\x06,\xdc\xe4\x043\xc4u6\x90\xd6Y\x8c\x1aF\x90\x8be\xe5\r\xe8\xd7i\x9dn\xba\xfa\xa3GJ\x04v\x8a\xd4?YZ\x8e\x95\xeeE\xb6\xb0Xl\x11\x92\xdbf\xd14{:\x19\xae\x03\x91\x19#\xa8P(\x84s;\x1a\x84\x9bH\xa2\xbb!\xef\xb9\xc3\xa5\xd8g\x95\xca\n\xc2K\x94\x94/:\x07,k\xa0\xa9\xb1\x8d\x02\xab7\x90\r\xd8X\xa4\x1at\xc3\xeb\xa0\xde\x99\xb7N\xff\xf8\x07g\xfc\x02a\xd5G\x9e,m$K\x9fF"\x0c\x8b\xd2\x94\x05\x97\x9b\'\x98[aHT\\:\xd5\xd1Z\xf0\x12R\xb5\xb6\t\x86\x8cH\xa2\x9c\x83W\x0e\xdf\x8a\xc1^\x05\xa7K\x91$\xedO\xd6\x1f,\xebd\'\xb6\x08\x99\x8e\xde|\xb1\x9bVh\xf4\x0f\xbb-\xdd8\xdbh\x05 Z\x1e_\x7f\xfd;\x0fT!\x12!\xac\x95\xd9\rw\xa9\xc4\xb0d\x91\x17\xe0\xc0[/\x8d\x00\x00\x04\xddIDAT\x90\xf5\xa2\xcd\xc7.\x9a\x1d\xb0\xaa\x03\xfd\x0b\xf9\xfd~\xfcn\x9c\xfe\x9dx\xde\xd8\xa4+\xe9r%\x9dsc\x07&amp;\xefV*\xcb.\xd3-E$\xe7\xa5\xa2eYM\xcd\xc1\xe3\xed\x99Czqd\xc4\xcaf\tMo\x0eF\xcf\xe6\xad4\xdbsa9|\xad`\xde*\x95\xce\xcd9\xc3\xeb\xab\xeb\xad\xd7\xb8\xb7$A&amp;2\xc5&gt;\x19\xa0\xed7J\x0e\x0f\xf9\xdfAP,\xc9\x88\xcd\x9f\xdc\xc551m\xbaLD\xc7\xc7\x07\xae!%f\x16U1\x11I\xc8w\xd1D\xdc\xab\xe2\x06\xa2\xf7PO\xaa&lt;\x92*\x16S\xa9,\xc1d\xa2Y\x8b\xfe\r\x1a\xf1\x86\xe7&gt;\xf1\xcd\x8f\x8d\x1d\x1e\xbb39?918\xf9p\x9c\xa9%I\x82\xb8\xa3\x14wu\x0e\xd8P:\x88\xaa\x0e\x07\x81\xb9\x98f\xe0\xf3W\xc1\xba\xa6&lt;.\xd3\x93L\xf6\x9f?\xf2\xa1smfYS\xfc\x17\xdc\x82\xe7\xcfM\x81N\xd8\x1b\xbbP\xa3\'[\xce\xa6\xca\xc3\xc3\xc3\xaf\xfe\xd0\x1ah\xee\x88Z\xd9\xb4\xde\x83\xc0\xcf4|\xeb\xc1\xfc\xe8\xd8\xd8\xd8\x1d\xd5\xe9\xed\x9a\x98\x9c\x9c\x18\xef\xf7"\x90%[\xae\x1a*\xe6/f-;*\x1c\xfe\x9a\xe8\'\xc5\xfc\\\xb5M\xb2P\xeb\xd4\xb4\xc7E\x131?vdp\xe5\xef\x8f\xff\xf1\xf8\xeb\xaf\x1f\xffd\xfa\x9fA\x9d\x0e\x03\xb3\xa7\xa7\xcb\xa9l\xee\xc4\x89\xa1\xe1T*\xdf\xf6F\xa3\xd5\xc7\'3\xda\xf2\xec\xef\xaf\x80\xea\xb6,H\xb2\n\xc5\xbd\xb4\xf0\xfb9\x96,\xee\x04\xe3s\xc8B\xc3\xa71\xac:V$\x99\x7f\x93\x8cIFglrJ\x8daKa\xaa\xb7o\xcdO&lt;z\\a\xf5\xe5\xf4E\x83\x96\x9ah\xb4G?\x96.\x96\xb3\xe5\xa1\xeb\xd7\xc1u2s*\x90\xd7\x8f\xe5\xbb\xb3\xb8\xef\x7f\xef\x17DU\xf2\xa1m\xa0\x90\xa9D\r\xdbRa\'\x16\xb3\x99\xdb\xcd\xac\xc5\xa3\xc2A"\xd5\xb9\xb6\xb8\xaa\x92\xd9h\x85\xf1\xb9\xae\x82G\xf1\x85\x06\'&amp;\xfac\xce\xe9\xb5\x19Tef\xf9\x0b\xdd\xe8i3\x8e\x9e}\xff\xe8\xb1\x83\xa9\xe1l*GXV\xf3\xa9C\x98\xc9\xfc\x88e\xe5\x9b^\xff-Q\x8d\xb6&amp;\x12\t\xe8#\x80F\x92\xd8E\x10vv\xd16\x18\xb7=M\xa5cK\xac-0Rl\x8b-\xe4\x1d\x9c\x9a\xeb7c\x83\xe3\xd8N\x84 \xb0\xb91\xb3@\\\xab\x9fS\x8a\xf6\xbc\xf9f:\xfd\xeeH\xb9\xd8]\x1c\xce\r\x17\x03\xc6)\xbd/\x90\xce\xa7R\xd6\xc9\xab\xa3Due&gt;\x12\x89p\x9a\xcd\x12\x18\xd6S\xc0xP\x10\x95\xb8\x89\x15\xae\x05s\xd5t\xd3\xd9?95O\xf7\xfb\xcc\x84\xd8\xb2)\xcb\x9ck\xf6\xf3\x83\x81t\xfa`w6\x95\x1d)\x97G\xe8\xc3 i\xfd\xfbG\xfb\xfa\x02\x81l\xb1h\xd9T\xf7@\x95\x90jk\x93\xea\xe9`\no)\xc3\n\x87\xc38m,ve`\xec\x1a*t\x8dw\xc5B~\x17\xdb\xacy\xdc\xd8\x88\xaf/,\x00lfv\xedg}}\xd9\xd4\xcd\\\xee\xe6\xcdrn\xa4\xbb;\x7fL?\x9a\xb6\x10aV\xf1/g\xae\x10\xd5\xb5\xc9\x04\xa8vc1s\xd9X\xf2\xae^\x8a\xb2\x00,\xb3\xce\x0c\xb3\xb2\x05\xf3\xd7\xf9kg3\x84\xc0\xa5h\xa3=\x11\xd6{Ev+\x8b\xab\x84\xb50\xbb\xf4A6U\x1c\x1e\x1a\xca\x95s\xb9\xf2H\xf6`:},\x9b\x82\xaf\xac\x8b\x7feZ\x9ds\n;\xa1\x80e{\xdeVK\xdeI\x06,Ap\x80\xc9\x83\x83c\x85\xb7\x9aI\xba\xf9\xab3\x00IM\x0f\xa8T\x9f\xaa\xe0\xfeNXYb\\\xb3k)P\r\xe5\xa8nv\xf7\xe5\xf3\xf4\xf1\x19\xeb\xf4\xcf\xcf\x8fB\xac\xd1{\xb2\x04_%v\xaa%U\xe5\xe2\x92mQ1T\xec\xea%\xc9ao\xc1\xc2a\x8f\xa7\xaa\x98\xbf\x8e9\x8e\r)\xdf\xcc\x9a\xd5}\x9a\x82\x9f#\xa0\x933\x0b\xe0Z\xca]\x1f\x1a:\xc1\xb9R\xa9T\xb1\\|\xf5\xf4;\xa3\xa0\xba\xf2q!"EvJU\x85\xb2\xe5\xaa6\xd3N\x10\xb8KH$\x1c\xb4KTm\xb2\x9aNr\xf7\xf3\x03m&amp;j\x0f\xcb_\xb6\x1b\x11\x04Q\xb8\xb0\xbc@\\\xb3\x1bL.\xba \xe9s\xc3\x97\xfe}\x8d\xa0\xaeM\xe0\xff\x1c\xd9\xd5=\xdbYx\x88\xb6Z\xe2v.v\xc3\r,\xc4\xaa\xc7\xe6\xf20\xc5\xeaj\xd0L\x93]\xc9|\\+\x95r\x05\xfb4YJ(\xc2"\x07[\xfa\xdb\x10\xd5\xf5\xa1\xdc\xf0\x89\x13\x97\xce\x90T\xa3sb$aK\x95\xa85\xbb\x1dZ\xb2\xddC\xb9*\x9b-\x16\xe6\x10?[",\xba\xbf%2\xbb\x8f\x0c\x8c\x8c\xc6\xed\xc6\xca$,\xb6\x87$.E\xf3QX\x8b\xd2\xe2\xf2,\t\x06\xb0\xebHSt\x93Iu\xfe\x9e/\xc2s!\xb1\x8d\x8aKU\xdb\xc4\xdd\\\xbc\x87\t\x87F\x1a\xdc\xdfT\xac\xceV\x0b\x1ca\x9b\x88\xcd\x03\xb5\x90\xed\xd04M\xe1E\xdf-\xc9\x89\x0b\xeb\xab\xb3\x04\xb6\x01\xb5\x86.\xbd\r\xa9\xde\x9e\xf3$\x12\xdb\xc2J\xd8V\xf2S\xa08\x96 lZ+\xf1_\x8f,\x11\xa3\xc2f\t\xe8\x00\x00\x00\x00IEND\xaeB`\x82'</t>
        </is>
      </c>
      <c r="M317" s="3" t="n">
        <v>45492.67811342593</v>
      </c>
    </row>
    <row r="318">
      <c r="A318" t="n">
        <v>925189</v>
      </c>
      <c r="B318" t="n">
        <v>1999</v>
      </c>
      <c r="C318" t="inlineStr">
        <is>
          <t>Eduardo Santos</t>
        </is>
      </c>
      <c r="D318" t="inlineStr">
        <is>
          <t>Eduardo</t>
        </is>
      </c>
      <c r="E318" t="inlineStr">
        <is>
          <t>ZAG</t>
        </is>
      </c>
      <c r="F318" t="inlineStr">
        <is>
          <t>ZAG</t>
        </is>
      </c>
      <c r="G318" t="inlineStr">
        <is>
          <t>ZAG</t>
        </is>
      </c>
      <c r="H318" t="n">
        <v>196</v>
      </c>
      <c r="I318" t="n">
        <v>3</v>
      </c>
      <c r="J318" s="2" t="n">
        <v>35761</v>
      </c>
      <c r="K318" t="inlineStr">
        <is>
          <t>Right</t>
        </is>
      </c>
      <c r="L31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0dd347e-f60b-4dd7-a604-a1ec84b706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B&amp;\x00\x00\x00&gt;tEXtComment\x00xr:d:DAEewil2SDw:3129,j:9030118292309124670,t:23082714\xb3\xea\x8f\xec\x00\x00\x00\tpHYs\x00\x00\x0e\xc4\x00\x00\x0e\xc4\x01\x95+\x0e\x1b\x00\x00\x03\x00PLTE\xff\xff\xff/\x18\x0e\x04\x03\x04\x11\x0e\x10\x0e\x0c\r\xaeva\x0b\t\x0b\xfe\xfe\xfe\x01\x01\x01\t\x07\x07%\x15\x10"\x10\x0c*\x16\x0f-\x15\n4\x1a\x10)\x12\t*\x18\x15\x18\x15\x17\xd7\xdf\xf5\xb0ye\x14\x11\x137\x1e\x15+\x1d\x1bd9(\xd4\xdd\xf3W1"\xfc\xfc\xfcQ-\x1e\xaas_E&amp;\x1a\xa1hP\x9cbJ]5%\xb4|d\x1a\n\x04\xc4\xcd\xe9\xd4\xdd\xf6\x11\x07\x05\xa7p[%\x0f\x05\xc8\xd0\xec\xaaqW= \x14m=,7(\'\xaet[3$";.-?21 \x0b\x05\x1a\x0e\x0cyG3B!\x16tB/\x91YC\xd2\xda\xf6\xc4\x89l\xd2\xda\xf1\xb1y_\xa5lW\x96]F\xd6\xdd\xfa\xc0\xc9\xe5D54\xf8\xf7\xf8\x7fJ5\x1e\x1c\x1e0\x1f\x1dL(\x1a;$\x1dG99\xb5\x7fj\xda\xe5\xf6\xcc\xd4\xeb\xd5\xda\xf4\xd0\xd6\xf2\xd9\xe4\xfb\x8cT&gt;\x1f\x14\x14\xa1lX\xb7\x81o\x87P:\xd5\xa0\x89/\x1c\x16\xcc\xd3\xf0IAB9\x1b\x10\x8a]P\x9en_\xde\xe6\xf9\xa4qa\xd3\xdf\xf9\xbb\x82h\xda\xe1\xf8\x98h[K*!\x9dfQ\x93dWE&lt;=\xc9\xc7\xc9#\x18\x18\xa6lR\xd0\xdb\xf4\xdc\xeb\xfb\xc9\x91|\xce\x96\x80\xd3\x1e1\xa9vf\xd5\xcc\xe5\x81SDR5,&amp;$%^\x03\x08\xb7\xc0\xdd\xf3\xf3\xf5\xba~b\xab\xb4\xcf\xb1\xbb\xd7\xc9\x8dq\xff\xfe\xff\xb0|j\x98dQoI=\xbc\xc5\xe2\xe0\xed\xfc\x80N:mC3D.\'\xc3\x8cu\xd9\xa8\x94\xd0\x9b\x87c?4\x87XH\x92`M\xbe\x86m\xd5\xc4\xdd\xeb\xea\xeaX&gt;7wRH\xba\x87v\xde\xdd\xdd\xbd\x8d}\x9ciY\xcf\xd8\xef\xdb\xb3\xc90,-haa\xd2\xd0\xea\xd8\xbe\xd5\xdc\'8\xcc\xbc\xd5\x90\x02\x13\xdd\xdf\xf2\x8e\x88\x89\xce\x96x\x7fYO\xcb\x17,\x9f\xaa\xc1\xf0\xee\xee\xd2\x9c\x7f\xd1\xb4\xccj\x03\x0c\xd9\xd9\xf0xL?\xe2\xb9\xcd\xd1\xd7\xeb\xbd\x0f&amp;\xd9\xa7\xc0YWW\xdc\xaf\x9b\xe5\xe4\xe5\xe8\xeb\xf6\xca\x91v\xd3\x90\xa8v\x02\x0e\xbd\xbb\xbb\x81\x03\x11\xe3\xae\xc1\xdc\x9d\xb4\xc2\xc1\xd8urs\xd1\xa1\xb9\xda\xd4\xd4cHA646\xdb\xa7\x8c\x8aaV\xd8r\x8b\xcc\xc8\xe1\xe1\xd7\xea\xdf\xcc\xe1\xa0\x05\x19\xd5\x82\x9e\xc8\x88\x9f\xd7\xd3\xed\x84\x7f\x7f\x95\x91\x93OIK\xd9\xd3\xe7\xef\xdc\xda\xe4\xc3\xd7\xe1\xe4\xf2\xaf\x0b!\xed9E\xc1\x81a\xcb\x98\xaf\xe8\x9d\xb1\xdc\x81\x9a\xe6/&lt;\xb7\x96\x8d\xce\xd2\xe0\xa2\xa1\xa33\x05\x06\x94\x9d\xb3\xf5GOo&amp;\'\xbejp\xcc\xab\xc2\xe8j~\xea}\x8d\xc8g\x81\xaf\xae\xae\xad\x87z\xcb{\x95\xd3\x87\x8c\xf1\xb4\xc6\x85mg\xdc\xcb\xc7Z%#\xdf\x92\xa3\x8eD*\xb0[d\xd7`z\xce\xb8\xb0\xbd\xa3\x9d\xb6\xa5\xbe\x9eT6\xc4z}\xb0pQ\xaccAI\x06\t\xf0\x94\xa3\xbf;G\xb0}\x93\xe8S[\xdf?J\xa0RX}8&gt;\xb2c}\xb5\x92\xa4\x9d,8\xa0zs\xcfNY\x92\x0e \xe0oe\xcata\x07$B1\x00\x00 \x00IDATx\xda\xc4\x99\xcdOZ{\x1a\xc7\x85s\x00\x0f\xbeq\xc2A\x03\xf2\xa2&amp;h\xb4\xa2\x15\x94\x181\x11\x8fRV\xa2\xd6`\x9b\x1b3p\x0b&amp;6\r\x90h2Q\x12\xb0)h\xb4\xb5\x93\xc0\xce1q\x16n\x88i\xc2\x86X\xd2\xad\xb8\x9b\xcd\rkgq\xff\x80\xfb\x0f\xccf\xbe\xcf\xef`{\xefz\x8e\xf6Q\x14\xdc\xf4\x93\xef\xf3}\xdeN\xdb\xda\xfe\xbf0\xb4\xd9\x82\'\'\xd7g77\xd7\x97\xbb6\x83\xc1\x80W\xdb\xcf\r\x03}\x1b\x827\xcd\xf3Z\xe5\xaer\xde\xbc\xbf\x0e\xda\x82A\x9b\xa1\xed\xa7\x82\x19l\x88\xcb\xb3\xea\xf9]F\x16%\xb9^\xbf\xab5\x9a\x8dF\xe2\xe6:\xd8f\xf8Il\xc8\xd6e\xa2y\xdf\xbc-G\xeb\x19Q\xe2yQ\x16E\xb9T\xca\x94\xee*\xb5\xfb3"6\xfc\x0c\xa5.o\x9a\xe5z\xbd\x0e\xa1\x10\x1c\xc7I\x92 p\xa2(I\xa2\x98\xa9\xd7\x9a\xcd\xfb\x9b\x93\xa0\xe1i}\x06\xa9\xae\x9b\x15 \xc9\x04%q\x12\xc7\xf3\xbc^\xab\x15x\x1e\xef\x01\'g2\xf5\xcamb\xf7)%\x83\xa7v\xcf\x1ao\x98L\x12\xcf\x91R\x9c\xa0\xd7\x0bZ\xbd \xe89^\xcfK\x12\xbd\x93\xe4r\xe22h{\xaa\xea3\xd8vO\x12\xb7\xa0\x92 \x0b\'\x08\xa0\x00\x07B\x90\xe8\x13\xcf\x0b\xc4(\xe8yN.\x9fWw\x9f\x86\x0bJ\xed^Wk%\x99l.qz\x81\xc4\xe1\xc1\x81/@j\x01&amp;P\x00\x0cv\x93k7\xb6\'\xe1\n^\'\xeeo+u\x91\xdc\xc4&lt;\x05.P\xf1\x82V\xcb\x8b\xb0\x17\x0c\xa60\n\x0c\xb0\xde\xb8~\x02{\xd9lg\xf7\xb7w\xf5LF\xe6@C\xd6\xd2\xb7\xec\x04w\xa1\x16\xb5\xdav\xad\xa0$Q @A\xbck\x9c\x05\x1f\xdb\xf8\x06\xdbY\xa3\x12-Q\xfdqzT\x1cY\n]\x81\xb9\t\xde\x87\xeb\xdb\x81\x85\x82\xa4d2\xdd8\xf1\xcd\xf9}\xf5\xc4\xf6\xa8m\xc1\xb0[-\x97\xa8\xa5#y\x10\x87\xe3\xb5\xd0\x0c\xbf\x95\xde@)lo\x17\x14$z\xaf\xd5R%\xc8\xa5J\xe21\x07%J\xb0Z{\x93afg\xfd\t)\xe4Y\x83`XL+\xa6V;\x11\xd1\x07\xc5c\xfaL-\x114&lt;\x1eU0Q\xab\xcb\x92(sT\xfd"\xa7x\x9d\xe3\x15GI\n\x96V\x89v\x16\xcca\xc8\xa5\\\xbe\xb1=\x9e\xddO\x1aQj\x0cH\x9a\x1e\xc5OZ\xb1v\xc5\xfee\xe6%%{\xedZ\x85\xaf]\xf9\x89\xbf\xe83\xcd\xdd\xc7\xb2=\xaa\x90\xda\x15\x19\x8b\x19\\\xe2Y\x17\xd0\xd3\x07I\xe9`&lt;\xebYZ\xa1%V+\x80+\xd6\xce\x1eI.[\xf0\xbay\x97\x91\x18\x16\xe4\xe2Y\xc7\xe28o$\x121\x9a6zMF\xaf\xd7;\x84\x97\xdbM\x9a\x11\xcdw.\xb0\xd7\x1bg\x8f"\x17z\xc39\xec\xcerG\xa6"\xafK\x91d\xefR(\xe4\x88\xf5[\xad\xfd\xb1\xe9\xcd\xcdn\x8d\xa6sdjh\xc8-\xb42\xf9\xc0\xa5\xe5\xeb\xe7\x8f\xc1EUX\xcedDVw\x949N\x12\x89)f\x1d\xe8{6\xe3C\xcc&lt;\xeb\x1b\xb0\xf6;\xa6\xc765]#C$\xd9_\xf2\xc8\x97\x1e\xa1\x1cm\xa8\xc2F\x14m\x94a\x91\\Rr\xe20\x9d.\xe4}\xb9\xdc\xfa\xca:bqq\x06d\x90m\xd91\xbd\xa91"\x99\x7f\xe5\xd2\x8b\x95DP\xf5\xdeP\xadE\xb1\x84J\x94&gt;(\x151-\x1d\x16\xaer\xa9\xd4\x8a\xdf\xef_\xf1\xaf \xd6\x17}\xc450`\x8d9\x1cc\x96\xce\x8e)\xf7\x0f\xc1\xa8J\xf5\xf0\xbd\xbar\xd9v\xa9c)E(\xf0\\\xa47\x94.\\\x15\xfd\xf3\x08\x17^x\xe3\'\xaeE\xca$\xa52\xe6\x18\xeb\xd6\xf4tx\x7f\x80\x11\x17\x8fn\xaf\xb6\xaf\xea%Y\xa9A\x81\x8fL\xc4\xfa\xae^\x1d\xc4]q\x16.\x8ay\x88\xb6N\x82=c\x16\x8bM[,\x1b\x9d\xc6\x0ex\xecG\x1a\xc5\xca\xfd\xa5\x8aC\x88\x8a0\xda\x9a\x84\xc8\xa1\xe9\xf04[&lt;\x88\xaf\xae\x06\x02\x81\xe1@\xc0\xe9\x8c;\xe3\x0cle=\xf7\x9dky\xda\xb2a\x02\x17\x1a\x86\xf6\xbb\xbb2\x95\xaa\x8a]\xd5`;\xb9\xa5\x01-R\n\xdd\xa6\xfelq&gt;\xbe\x1a\x18\x1e\xb6\xdb\xed:;\xc0\x80\x16\xa7\\2\x7f)\x06\xb3.;,\xdd\x9d\x88?\t\x86f/V\xaaA\xd5\xf42\xc0Y%\xd8\x9d:\xb9\xdb\x94\xbe\xf2\x1f8\xa1\x93\xdd\xbeo6\x87\xf7\xcd \x03Z\xbc\x95\xc7\xc5\xef\x9d\x02\xee"\xae\x8e\x0e\xef\xd0\x0f\xc1\xe4\xdb\x13\xb5\xe4\xa2+\xa7\\R&amp;\xb3;bM\xf9\xe7\xe3\x90J\xb7\xbf\xbfFA`\xa4\x99\xd3\xa9\xa4\x91\xa9\xd5\xc7\xb2\xc8\xb0\x8c\x7fJ$\\\x7f\x97P-\x8b\xb6\xb3\xdbh\x86\xb6+=\xef=\xcc\x1e\x1d\xc4\x03H\x9fym\xed\x13\x02\\f\x08F\\q\x17\xca1\xe7\xf3\xe5[\xe6R\xe42\x82\xabc\x88\xed\x874\xd23\xe7j-\xd1p|\x99\x1d\xa9\xc0\xda\x18X9\x88;\x87u:]\xf8\xd3\xa7\xcf\x9f?\x7f\xe7bX\xf3~2}\x9e\x9a\x84\x82\xd5\xc5\xb0\xa0\x97\xfba\x03\xd3G\xabA\x15\xb1\xe8r\xe6\xf9H(O\xc6\xb2\xebtk\x8c\x8aq\x85\xcd\xef\xc8]\x01\x86\x85RT\xb0\x1c-,\x85\xcb\xad,88C\xea\xf7\xbb\xaa\xf5\x872\x96?Pq\xc9\xc3\xab#\x14\xa1\xdd\x1cV\xa0\x88km\x1f\x9e\x1f\x1e^}H\xe2L\xfea8\xd2\xe0\xeeT\xfc\xe5e\xd5\xa8m\x17\xe4JB5\xb5n\x08\x8b\xbaV2\x06\xac\xc0\xb0.\xfc \xd6g\x12\x0b}Bg\x0f\xac2\xcf\xe7|\xca\x00b3\x9b\xe4\xea!\xacd\xc4\xdd2\x97\x88=U%\xac`\xf5NfK)g\x8c]\xa1\x0c\xed\xba\xfd\xb5\x16\x17\xa8\x06\xcdv\xcf\x9cg\x94*\x11-b}QQ\x0b\xf3z\xcc\x02\xb9\xbaz\xc0e4E8AYT\x05\xb5\xbcEba\xa3\xa1\xe7\x1f\xe2R:\xe7r\x06t\xe6}\xa5\x0c\x15\xc3\xcf\xe9&lt;\x9e\xd1\xedm\xa7\x8b\xb8Zra**X\xe0\xea\xec4\xf5&amp;\x91E\xd2\xab]+\xde\x9e\xa8\x82e\xb3%\xa24\xa4\xb1\x8aF&amp;\n)W|\x18\xd6b\\\xd4\xb5\xc2{\x83\x84Ej\x11\x97\x1fs\xf1\x07\x96\xc5\xa2!{\x19\x8d\xbd\xbd\x91\x87V/TTY\x07\xe9\xde\xa9\xc8\xcaY\x91\x1c/\xf8]h\x0f\xfbka\xf6\xb5\x15\x1eDx(\xfe\xd8vn\x93\xb9\xd0"|\xf9&gt;\xb6\xdc\x84\xc6\xa0W7\xa5\x11X\xb2\x9bm\xd1Z\xb5\xb0\xda\xda\xae\x1b\xd8i\x88JL\x8e\xe7\x15,\x8a0c\x9aC\x10\x16\xb2\xb8\xddj\xf4\x8bye\xb7!0\xe8E\xee\xea\x9d\xc8pJ\x87hW\xc9\\\x06\xc3\xc9mF\x11KL\xa2m\xb9\xb6\x15,\xb3\x99\x88\x18\x18\xb1yFGA\x16W\xdcU\x00U,\xe68\x0cY6\x90\xc4\x9eN\xd3\xd2\xf8x\xe4\xc1\\\x99\xc6\xa5:I\xbc\x8f\x8a\x1c.i,\xef\x87Y\x86\xa5\xd3\x99u\x9eQ\xfc\x06\xde\xbbwL:\xa4R7\xca\x1a}\xea\xaa\x90\x0eY,@\xda0\xa1\xbfw\x18\x8d\xb0\xfc\xc4xR\xdf\xba\x1b\xc5\xdbK\x95,\x7fG\x8b)\xd6\xf7\xde\xc3\xec\x8a\x8bz\xfc\xf0\xdf^\xa5R\x17\x14\x1f?~\xbc\xf8\xf6\xeb/\xc8hx\xd0\x8e\x01tT\xcc\xa6C\x1b\x91H\x07\x9dgCC\xd8\xe8\xbdF#\xd4\x9aD\x16\xd9\x95\xc6G\xd5i\xf3\x06\xc3M\x8d\xed\x80\x1c\xb0\xf2~\x8c\x1eO\xe0\xd5\xd7S\x16/\x16\x16\xd2\xe9\xd3B\xb6\xf8Kx\xedx\x10s\xf1 \x95O\x87\x96"^/\xc7\xbbq0\xba)xori\xf2y)\xa9\x8c\xebLC\x9d\xc77\x98=\xb5\x0c\x1d\x88\xf0\x96\xc37\xef\xda\x1e]M}U\x98^\x9c.L\x8e\xe3\xfe9\xcd\xfe#\x1c\xde2\x0f;]\xfe|\x7fh\xc3\x14\x01\x15\xefn\x85 \xb8#\xbd\xa5\xc9R/\xcf\xb00\x13m*%\xb1"3\xb5D\x9357\x8f\x1d9\xf5\x95\xc5\xe9\xc2\xc2i\xfa0\x14J\xa7\xd3\xf9#\xdd\xe0\xd6\xe0\xa8\xcb\xef\xb3:p\xf3`\xf1\x1b\x82\xa94\xdd\x1a\xec\xa6\x08\xaf\\\x9a\x9c,I,\x89o\xaaA\x95\xb0\xaa\x15\xf6\xa4T/\xa1\x10\xe7\xe3\x07Du\xf1\xfb\xef\xdf.\xb2\xf9|a\xc0j-\x14\xfa\xb2G\xf6\xf0\xd6\x9c\xd3\x9f{\x16\xeb\xee\xec\xc1Y=\xd55\xb6lE\x9b\x18\xd3\xe0\xc8v\xa3\xe1!\x8b"{\xfau\xa7\xd2\xa8\x06V\x99\x8e14\xf9\xf4\xfa\xbc\xcb\x95*\x9cf\x7f\xfd\xcfo\xbf}\n\x0f\xaf\x1e\x14\xb1$/\xe6r\xc5\xd5\xb9\xe3\xe39\xd7\xca\x8cuZ\xd332\xd2\xa3\x19\xb3\xe6s\xeb\xb9|\x1f\xb8zF:"\xc9\t\xc2\xa2\'\x00\xbcZ7,\xbcuK\xff}\xc2y{\x0bt\x10\xe6O/^\x7f\xfa\xf0\xe1\xc3\xdb/\xc7\x83\xa3N\xf4u\x9c\x8aNOxgg?\x9e\xeb[\xde\xec\x1a\x19\xe9\xea^\x1e\xc8/\xe6\x16g0\x84\xa6\xb1\xa2\x9a\x96&amp;&amp;`.YOM\x1e\xdeRgT\x1bN\x1a\xec!&lt;\xe5\xd0\xe5*f_\xed\xbf\xdf\xf9\xf0\xf2\xe5\xcb\x0f;[\x7f8\xfd\x84\xb5\xed\xd9;~\xbbc\x9e\xf7Y\xc7\xbaF\xa6F\x90\xc0\x81\xec\xab\xa3\xdc\xcc\xc02\x8d\x9f\x8d\x8dq8\xab4\x99!\xcfS\x93W\xeb\xf0i2\xacd\x08\xcd\xd4Y,\x9a\xdf\xbf\xff\xf2/P\xbd\x9f\x8b\xaf\xf8\x9e\xcd,\xae\xcc\x8f\xeem\xcd\xee\xec\x84]3\xcbd\xa5\xa9\xae\xcd\xf4\xc5\xeb\xff\xbe.f\xad\x0e\x8cDK(41\xbe\xf0\x1cd\x1ca\xa9wY\x07\x15\xcfS\x8fwn\xbbV\x8fgg\xff\xfe\xe5\xfd\xda\xbe\xf9`\xdd\x87\x8d\xafo\xd1\xbf=\xb75\xfb\xcf\x9d-\xd7\xcc\xf4\x08\xb3{\xec\xe3\xb7o\x1fO\x0fC\x1b\x9d&amp;\x93fc)\xb44\xb1\xf0\xe2\xf9\xf3\x92\x04s\xd1\xc1\xaf\xd2\xe9\x83\xa3\xfa.\xc3\x03\xeb\n&amp;\x02\xc1\xf1\xf1\x9eg\xce\xfc\xee[a\xa0\xbf\x7f\xb9\xdf\xda\xb7\xbe\xea\xd9\x9b\xfd\xf2v\xcf5\xe3\x18Ag\x9f\n\xa5\xad\xa7\xe5JT\xd6\xa35D\x96&amp;`\xad\xd0\xf3\x85\x85:\xf3&lt;\xa7\xda\xd2\xdcf\xdb\xadVd\xc2J\xb9H\x97\xd9\x7f\xef9]\xf1\xe2\xe9\xe1\xf8\xffh7\x9b\x98\xb4\xd25\x8e\xdf\x93\xd61\xc3\xc7\xc1F\x8f\x04\x01\x0b$bP\xf9P\xa9!\xd0\x04\xbf\x80\x95\xc5B\x04b\x88\x80\xd3&amp;\x10\x02&amp;\x92P1\xa9P\x81\x93\xcaT\x93\xeb\xae\x98\xe8\x82\xcd81\xb9\x9b\xa6\x8e\xdd\xb6\x8d\x1b7\xa6M\xecf\x9a\xa6ul\xbc\xd1\xbak\x17\xdd\xdc\xff\xfb\x1e{3\x8bY\x1e\x9fVd\xf9\xcb\xf3\xf1\x7f\x9f\xe7y_\xef]\xefgBv\xd5\xc3\xd6\\\xee \xbf\xc3w\x0e\x12\xac~9\x17\xf2\xac\xbfZ\x9fk\x03\xd5\xc0\x8dvK{p\xccbu\xbbi)\xd2\x81L\xac\xa9z\xf8\xc9\xb3Qh&lt;\xb0L\x04+g\xbe=\xa2\x8bYm\xb3s\xd7\xa4\xc5bH\x9d\x99\xe4\xa3\x07\x8e\xbc\xe3\xfe\xe0\xb8\x82`\x85\xec\xd9\xda\xc7\xf5&gt;\xd4\xa4Lrg\xe0\xce\xbd\x16Y\xd0bC\x10\xef\xfd\xf4\xf3\xf5\xd9?\xc5\xbb3\xeb\xf8\xfd\xa5\x80\xd5i\xd2\xf3%G\xaesD\x1d\xda}\xf6\xda"\xed\x0e\x95\xcbjeu!\x9a\xbb\xc4\x92\x93\x8c\xb7g\x97\x1a\x1b\xb5\xb2\xda\x1ebeR\x9c\xda\xd2n\x19\x8a\xd1f\x1d\xbd~\xed\xda\x1fo6\xc5\xc3z\xfc\xea\xdfm\xa3\xa3n`Ewv\x1cQ\xcd\xd0\xd2R\xf8\xfb\xc6\n2\xab\xbc\xd8\xa8\xac\xe9\x9d\x04\xeb@\xa8\xc4~E(\xa6[j\xa0GU\x8d\xf7\xb0A\x8bE\xd2\xdf\xdf\xcdX(V\xdb\x8dQ\x11W\xce\xc0\xfa\xa3\xadM\xc0\xaao\x81\xab\xc9\xac\xff\xf5\xf0\xf0{\xe6Vo\xef\xd2`U\xa3w\x82\nX\xbd\xe3,"\xa7\x80n\xa9u0\x01kLFd\x1f\xad\x8du\xf4Z[\xdb\xdcK\xd1r\x0b\xca\x85N\xf0\xc6\x1c\xb0\xcc\x04k\xa7\xc4\xf3\x8edj\xd58q\xabW\xd7\x9b1F\x91Y\x02\x96\x96U\x10\x91\x0fi\xd5*\xb2D\xb5\x87\x18:\xfb\xc8\x19&amp;h\xb1\xa2\xe5\xba&gt;\xba.\xe2^\x17\x93\xe2\x14\xe9M3\xf7\x9d|}+\x95J%K\x8e\xa8\xfe\xfe\xd9\xc8\xad[#\x85&amp;\xe8\x98\x83HY\xee\xf6\x0f,\xc1[t=\x82n\x9e\x85\x91b\xb4\xce\xb5\xfd4\xf7R\xc4k\x03\x82u\xe7\xceX\xb6r_\x9f\'X\xcb\x81\xe5TIor\xf9\xfd\x9a&amp;\x1f\xfc\x04(|:\x87\x80E\x82\x08,\x95R\xa9\xa4d\x984\xc8d\x16\xe4\x10D\xcb\x80A\xea\x16\xef:\xb6y\xf8\xf9axq\xb1\\\xae\xb8\xa2\xc0\n\x04\xf6\xe8\x89XZ-\x95xG\xbe^\xdf\xc9;\x0e\x10F`\xc58\x8ae\x1f\xd7\x11,%]\xef\x8e\x93\xbd3\x07,\x1b\x92_\xe6\xf1\x8a\xb5Ij\xee\xd8?4;}9\x7f\xa6j\x82\x9ao\x05\xf6\x1e\xc1\xe0\xb0z\xa9T\xaao-\xa7\xe0-\x92\xf2\xb9\xdb\xb7\xd00 \x8aL\x0f\xc5RR\xacK.O\x9f\xcd\xdd\'Sp\x1evE\x9c\xb3\xfaA\xc7\xf0i\xe7\xc9\x90#\xb5:S\xc5!S\xdf\xda{\xb4\r,x\x8cD\x13|\xa9\x12I\xadz\x12r\x86\xde\x94\xe9\xa6\x1d\x84R\xd9\xfb7,\x8f\x87`Y\x19\xb9\x87U\xb0OE\x99|\x9a\x9b\xf7WO\x8eNr\x81\xe5\xe9\xaa\x19A\x84\xb3\xb6\xb7\x01\x86@\xd2o\x81T\x9e\xc7\x89\x18X\xe6\xbfL(\xb5=p\x97"Ds\x8b&amp;\x97J\xad\xa6[\x12\x8f\xd5\xed\xb52\xacG!\x0f}\x14e\t\x81\x18\xeaON.\x1c[\x81tA\xc0\xda\xdb\xa6\\\xc4\xf0;\x90r\xf0;[\xf8\xb6c\x9e\xd0\x11\x02F\x0e\x81 \xbaE\x17J\x97T\x1e\xb7w\x16X,\xc1\xfa\xbdY\x1co\xe9O\xce\x0e\xea\xf5-=\xb0\x90L\x7f\xc3\xc2\xe7\xf2r2\x89*\xc0\xd7\xa4iDM&amp;|\x0fG\x14B\xa5\x12|ET\x02\xc3l\xd1;;k\rb\xf0\x07\xd6\x13\x91\xbc\x95;\xbb8\x809\x0b\xae\x1f)/DQ\xc8|t\xaaD4R&lt;T&gt;V\x8cic\xb1\x9e\x90}\\\xad\xa6\x01\x1c\xa7\xce"XSS\xee1\xaa\xb5"a5\xefG\t\xd6\xc5\x99)\x8eI"\x0f\xac\xbd\xcbZ\x0c\xa0\xa3O\xa5\xb6\x92|4\n\xf12O(cE\x0ch\xc5\xac\x96\x05\x17\x8cb\xd9{XR\x87\xc0\xb2\x05q8\x86\xc4\nb\xc7&gt;\x7f\xf6\xc5\xf1\xe5\xe4\xe4f\xbc`"\xa5Hr}o\x0fL$\x80\xa9T\xf4\xaeN\xd70\xf2(De\xb6\xd8"\x95rEN\x8e6\x0c\xf1D\r\xd2]%\xb0\xdcSS\xb3}\x08\xa2\x9c\xe5\xc4\xd9\xbb\x91J\xbc\xc8\xe5/\xcen\xea\x8dU\x97\xde!\x08\xaa@\x95*%SIc\xef\xb8]]i5N`\xce\x97vu\x19\xa4\x8c\\.gz\xa8\xd9A\xc5\x111\xa5X\x1eN.\x0f\x15_\x89\xb4\x83\x98\xdf6G\x0f.P\x8b\xad\xd5\xb8\x93\xe8&lt;lY\xf0U\t\xc2094r\xd3\xb8\xd0Z\x85\xc6\x83\xaa\xcb\xd0\xdf\xad@f\xb3!\x18\xc0B,\x8b\xd4\xb2z)\x96\x87\x95\xb3\xbb\xbf\x88\xa6\xf2\xc9\xdc\xc5\x993\xb0\xe7+\x14\xa8\xce\xd3\xe3\x1a\x07v\n1\x84\xaaN\x9ar\xa5_\x17\xc2:;c\xa0X\nxK\xce\xb2!\x86\xa2\xb1L\x90b\xa1\x12=,+\x97\xaf\x8bug\xdd\xbc\xb9\xed&lt;;\xcb\x05\x02|\xa1\xe0"\xee\xaa\xefP*\x8a\x95B(\x93\xa5\xc9t$\xa3\xccz\xba\r\x02\x16\xba\x19p\xc9\x19\xc1\x82?\xbc%\xebf\xe4\xdd\xe2a\r\x7f\x82\xa0~q\xd4KkU\xbfY\xcf\xe7\xf3y\x92S\x82\xd16\x87\x8fl,fc\xd9\x18#1t\x19\x0c\xddr\x86%\xf9E\r_\x82\x16Z\x88\xb3\x16\x85\x9c\xe3\x18\xd1\xb0\x1et\xec\x97.\xbe\xe4r9\xde_\x8d\xd3!\xc3\x81C\x1a\xfd\x03\xa8HO\xe8[\x88\xd4\xcaY-\x94\xc13&amp;\x19\x80\xbb\xa4\nF\xc0\xa2\xe1$-\xa0\xcd=;\xe5\xe5\x98P1\x9b}\xfa\xb8Y\xack\x8c\xfde$z=\x0f\xac\x82\xcb\x9c\x8b\xa2\xf1\xe3\xa3&lt;\xd0\x80\xc7\xfbZ#aP\xc58.\xbb\x82O)]"I\x85@\x92\xdc\xa7X\x18\x93\xa6\xbcAV\x9b\xdd]\x17k\xd8G-n\x9e&amp;\xeb\x10\xd1\xbc\xb1Z\xed49s\xd1(\x1f\xf5E\'\'y\x9e\x9f\\\x88$j\xe5\xdd\xdd\xc5\xb2V\xab\xabe\x06U\x9cLj\x180\x18\xa42\x86\x9112\x99B!\x0b\x92&gt;\xde\xe6\x9ers\xacveW\xc4\xf6\x14\xc9\xb5\xea\xa8\x07\xb6v\x9a\xaa\x85\xb8\xd1\x99\xcbEA\xe6\xf3\x81l!=\x8d\x06q\xb1\x96\x98^\xcb\x0c&gt;\xacV\x1b*;\x17\x94\xf4\x13.\t&amp;\xfd\x16\x99L\xd6B\xb0l8\xa9m\x1cW\\\xf9\xed\xcd\xa6\x88\x97\xe8\xfb\xcb|i\xa7^\x9f\x8c\x17:\x8df\xbd^O\xb0\x9c\xad\x93\x93\xe9\x99\x17\x1b\xb5\x8dH:=\xed_\x8b\xdf\x9c\xc0\xe8\xc3\x906AJ\xb9Z\x04k\'C5N\xea\xbe\xa0\xc7\xbd\xfbR\xcc\x17Sp\x17\x9a\xbdz`5R\x88\xbb\xccN\xb3Y\xb8\xbd\xf0\xf9"\xe1L8\x11I\xe3W\xa3\xf1p\xf08$Wt\xd3\xf0I\rH\xb0{\xed\xc4Z\xc6,}4\xb5,\x9c{\xfd\xd5sQ\x1f\xb4t\x0c\x7fZFOS\x9a.\xc4\xfd&amp;\xb3\xd9dv:\x9d&amp;\x8d&amp;\xb1Q\xab\xcd\xa4\xd7*\x8dFcIw&lt;\x1e\x92\xcb\xa4\x18\xab\xa5R\x19y\x9e4 i\x87\xa7`}\xb4\x10\xa7\x8a\xde\x8f\xe2?\x12\x1c\xde\x7f\x84Q\xc2X\x88w\xde\x07\x17\xf91\x1a\xd7\xe0\xa3\xf0t\x02\xc3Gy\xe5Xk\xb7\x87\xde\xbe}\xab \x11\x1c\x18\xe8B5J\xe0\xab1\x8b\x85\xa8\x96\x17X\xaf\x9f&gt;\x17\xf9\x8d\x8d\xc0u\xba\xbd\xfd&gt;\x11\xf7\x13$\x93\xcbd2\x16\xc2\x8b\xe5\xc5\x8dJ9\x16;.\x7f\xeb=:::&gt;:\xfavtl\x97\x19\xba~\xbe\xc4\x1aC\x04\t\x95w\xea\xf5\xfa\x9fW\xf4\x9erx~\xf34\x1d\xf7\x83\x88\xdc\xef\x00\xab\xb6\x92-\x16c\xb1l\xe3\xeb\xe7w\xef\xde}&amp;\x9f\x9f\xbf~;\xe6H\x08%2\x89d\xac\x1d\xae\xea\x13\x9c\xf5\xdb\x95\xbd\x8b}\xd0\xfc\xaf\xe7\xef\xd7\x04,\x981\x12^\\\xc9fwk/\xd2\xe7\x1f`\xe7\xef\xce?\x00\x0b\x8d\x04\xb9\xec\x01VK{;\xd9\x88\xd8h\x04\xd7\xff3\x7fuo&lt;7\x0f#q8\xcaD\xe2\xa8\x99\x9e\t\xd7j/f"\xdf\x17\xce\xff\xfa\xeb\x12\x0b\xce\xeaA\x96\xb7(\xe8\xa5\xeb\x18\xc60\xe2+\xc4\xf0\xd9\x93+|\xaa;|\x1a!\x0f\x0e\x80e27i"3\t\xfc\x9bN/\x9c\x7fX\xfe\xf0\xe1\x1d\t\xe4Do\xccc\x01\x96\x04T\xc0\xb2\xba\xddn/M-\xf1\xb6\x80\xff$\x14\x9f\xbe\'\xe2.#q\x98\xb9)\r\x9b\x8eD"\xe0\x9a&lt;?\xf7}\xfe:t\xf7[\xef\xb1\x96\x0b\x06e\x90\xf7`\x90\xea(\xa8\xa6Hj\xbd\xd9\xbc\xca\xbf4x|\x98(\xf8\x8d\xb4\x1a5\x9a\xf4Bkk\xab\xc6_H\xcc\xcc$\xc2\x99\xc5\xb2N\x1d\xf3 \xb1p\xe6\xb4\x04\x83AR\x856\xc1Y\xde\xa9u\x11\x9f"\xfd\x83\xcd\xff\xf7E5\xee7\x1aI\xcak\xd2\x1aMkk\xda_%7\x9bd\xdd\x8dD\x97\xde\x91\xdc\x03\x17\xa1B\xc2_b\xb9\x81\xf5\xcb\x95\xbe\x02\x9f?\xfd\x18\x86\xd2\xbb\\&amp;\xb3\xc6h\xf4\xbb4\x9ai\x7f\xa1\xb2\xa4\xf2\x04[\xc8J^*\x91\x90\xf3\xb9\x85\xf8\xaa\x9dz\x8b:k\x96`]!\x15\x92\xebc\xa5J\xb8\x04,\xd8\xdaZ\xa1\x9aYR\x93\x175d\xdc\xa2\x8f\x0c\x88\xbb\xfe\x8f\x05\x87A\x1f\xae\x14\xab\xb9\xe3\xf9\xf7J%\\X\xf3\x1b\xcd\x84*\xbeV(\x14\xaaC\x95A\xa5N\xad\xd2eU\xb1\x98\xd6\xce\xb1\xcce\xeb@\xba\xd2K\xacg\xcf\xaf\xd6[O\xde\x87k\x1b\xe1\x84\xdf(\xf8*^ \xde\xaaV*\x99L8\\y\xd8\xabT\xc5z\xe8{2`\x8d\xd1c\xc7\xeb\xc6A\r\xd9\xba\xd2?\xf9\xe9x|\xf8\xa2\xd6\xa8\x85g"\xe4q\x14\xfe\xfb\x01\xa8iZ\xf0\xf9P\x93\xae\xdbw\x07\x95d\xc7E^\x8a\xa0\xa1\xb1\xda(\x15\xc1zy\xb5X\xcd\xf3\xa7\xd0\xf6\xc6\x06\xc4\x1d\xbe2\x92\xc7H\xe4\x89Y\xf2\x7f\xbc\x9c}LTg\x16\xc61\x95\x90\x00\x16t\x14T\xbe\x0beX\xf9\x1c\x11o\x10g\nU\x96v\x06\x07\x8c\xd4\xf9*\x83\x84Y\xd8\xe8\xe0\x82\x81\xa0\xcc\xa8\x9b\x08\x19\xb1JI\x99\x15\x1a\x84\x00"$\x12\t\xcc\xac5\x01\x19\x10]\x98!\x11\x02\xc5\xd0\xae\xae\xbb\xac\xb8Z\xc8&amp;\xa0I\xablM\xf69\xef\x1d\xba\xdb?\xbai7\xc0\x1b\x19\xe5\xc6d~9\xe7\xbc\xe7=\xe7\xde\xf3\xdc\xdf^\xfa}\xa6 \xe9\xd4\xee\xd3\x91\xf4X\x0cX\x9e&gt;\xce\xc8\xc2fDYs\xf7\xfa\xeab!\xcf\xe76\\\xc5\xa1\x93\x8b&lt;\x1a\xee*\x10\x84\xa4\xa5ef\xa2\x07\xba\x94\xe9\x7f\xa4rw\xbc\xaf\x1f?|\xe7\xcd\x97\xca\xccX\xc0Z\xb1~\xe7\'\x8f\x1f\xb56\xb7\x82M?h\xb5jWA\x08\xb0h\x9c+S\x90\xb1;%%&gt;\x92|\x88\xf2\x94&amp;2bA\xc4\xac\x05/\xae2\x96\xdb\xf6\'\x8f\x95\xdaS\x8a\x86\x86\xde^\x80e\xf8\x1f\x03\x18\xcd\x8ed\xecE\xbc\xfbF\xf2\xa1\x85\xbcJ5M\x1c\xb8\xe2\xa8\xeb\x89[}\xac\x91\t\xa5\xb2:WQ\xd1\xa0\xe8E{\xa1@\xaa\x08W+s+\x0b\x11\xec\xdb|\xcf\x9c\t\xce\xd9B\xc3\xb9r\x1d\xabj\xb0\xa2\xa8\x1d[u\'\xba\x9d\',p)\x1a\xe8\x11\xeb\xad\nEe\xa5\xa2\xa2\xf0*\xcd\x1e\x04\x9f;sn[\xaa\'\r\xb2\xec\x94\xb3\xc7\xf9q\xb1QT\t\xc6~\xf4y\xd3*c5\xcd)\xb1\t\xabq8\xf7*.\xbc\xf7^\xf9\x05\xf4\x89\xe5\xe7\xaa\x8e\xfb\xe5 \xa1\x06\x1f\x0f8\xc4\xda\x8b\xcd\x9b\xdf\x92\xc3L\xb1Q8\xb0c\xd6\x00\xab\x0cXj\xf8-\xa3:\x97\xb0b\xe2\xaa\xaa\xaa\x8e\xb3\xe9\x91\xd4\x80\x9c\x9c\x9cT\xa2Z\xff\xeez,]TlTT\x0ck3V\x1f\xcb\xa5iN\xad\xf6G\xbb\x9a\xa1U(\no\xc5\xfe\x8e\xbe\xfcl\x14\xea\x85C\x87\xb6\xa4\x12\x15\r\xfa\x93P\xd1\'*6f\x9f\x8f\xb7;\x1dB\xab\x8f\x95\xfc\r\xea\x99c\xfej\xc4y\xae\xa2\xe1V\xec\xfb\xef\xeb\x10\xde:\xc4\x12\xce\x1b\x9d|\'\xe9lH\x05\xa8CL\xa1Juw\xd7\xc1Z\xab\xbd\x13\x81\xf5\xe4\xb1?\x8e\x1bT\xa6J\xa5\x16\\g}\xe4\x1b7\xca7\xd2\x87\\N\xda2\x92\xfa\xacG\xc0\xc3\x81h5\xa8/\x8b\x89Z\x13,\x9c\x82\x02W*\x98\xaba\xb0\x0bUQ&gt;:\x9d|\xe3\xe6\xcd\xd8}L&amp;E\xfa\x11\xea[}\xdc=D"\x11a\xad\xbe\xb5(\x9f\xd2Q(8I\xf6\xa2\r\xd9P^u6\x06^\xd4\xe9\xf6\xf9\xc87\xd36\xdc\xa9\xa3\xc6\xd5G\xe7\xf1\x0e\xb5\xfekb-T\\\xc0\xc2Y\x08,\xc4\x17\x9a\x1f*\xe3\xb1\x13\xf7\xa1P\xf6&amp;\xafQ\xef\xea\r*w\x9a\xc2\x03\x96\'\xfa\xb2_\xaf\x15\x16\x05\x17a)\xd1^ \xdb\xb3b\x9eN\x1d\x0f\x11M\x94y\xfb\xe8\x18\x15o\xad5\xc2R\xe3\x88vu\x15\x00K\xadT\x83\x8b\xef{r\x02P\x97z\t)\x9a\xbc\x11l\x1e\x0c\x8b\xfd\xb6om\x9c\x88\xd0\xda\x03,\x01\xdf&amp;\x92\xbdpF^\xf5\xa5\xa9o\x14\xf4\xb4\xf9t\xeer\xe6B\xba\xab\xe4\xee\x0ek\xdd\xcd{\x92\xf7\xc5\xaa\xb5\xfbe\xc9M\xe7\x9f&lt;V\x13\x95?\xcfU\xad\xad&amp;s\xe1\xac&gt;C\xb3\xfb[&lt;\x19\x16Q\x89\x18\x15\xccE\xd5\xf3GU\xc7s\xca\xe7\xce\xaf\x12Wr\xcfW\xcf\x9eU+\xe1C\x7f\x9a\x89\xf5\xa7$\xa1%\xac^\x05\xb0r\x02R\xb70ka\x89h\xc1\x89B\x91\xfb!\xb4@1\x1eSSS\xd3\x13M.+\xefK7\xb7\xe4\xb6o\x8b\x8a\xa6\x0f\xa8\xa9R\x86\xb1\\])\xe8\xaby\'\x16\x96\xc3\x8b\xa9\xa4\xd1\xe2\xa9&lt;\x84\x04&amp;\x14zx\x12V\x94\xb7H4U4\xfdxd\xa5\xdf.\xe0\x86Rk\xe6\xab\xd9\xa9\xa9\xd9\n\xb5\xff\x7f\xb0\xaa\x19V/\xda\x9e\xab0\xd7.V\xc7\xf3\\B!\xfd\x08)\xe4\t\xcbC4\xb5\xd02\xfd\xaf\x8b+,\x1a.\xdb&gt;\xb2\xb8\xf8hv*\xe0L.\xc3BU\n/\xe2\xc8\xa6\x9c\nkU\xa0\x10\xf4\xa3&amp;\x91\xe7\x12\n\xbd\xbc\x84ly2,\x9f\x9d;E\x0b-]\xd3\xca\'\xc9\xdb\xcb\xcaV\x92\xea\xe1\xc3\x99\x9b\xb7\x0e\x9f\xbb\x90\xab&gt;F\xadEH\xc8\x1e\xa6&lt;\xca`1O\xa5`\xa4\x1fS\x14 \xeaE\xec\xe9\x1d\xcdz\xe2\x8f\xf7!:\x89\xe4o\x89\x16\x8aZZZ\x14\xdf\xacd1Q6\xb2\xf8pl\xc6\xfc\xc7\xd4s\rd-\x01\xb8x{\x85S\xbf\xaf\xad\xa4\x0258\xe00\x8d\xd4\xd0f\x14\xd2c\x15/\xb6\xdc\xd9\x84\xa7\x8f\xfc]`\x15\x01\xec\xbb\x89/Vh\x86\xcbm{\xf2\xc8\xd8b\xcf\x8c\xcd\xf1y\xdc-\x05\xc3"\xa8\x904\'WF5\x8f\xc5K\x1d\x90\xbb\x84^\xec\xa9\x1d=\x89\xf2\xa4\xc1t\x9cE\xf2w\xa6\x08\x0bk\xbapb\x05n\xcf#\xd6\x93O\xf4\xcf\xcc\xcc\xf4\xd8\x1d\xc6\x07\x7f\x02\x96\x92\xb2\x03aa\t\x18\xd6\x91S\xbb\x0bO\xc7G\xf2\x1a\x0czj\xb7\x8e\xe6\x90\xd8\xd3(\x12\xfa\xd0]%9v"\xbfZZ\x1a\xbe\x9clJ\xfe\xffc\xbf\xac\x8c\x90:;;U\xf5\xb6\xb6\xb1\xb6z\xa3\xd1\xfa\x19a\x85G\x83+\x8dyQ\x10MZ\xc0\x8c#{\x99f\x85\t|(\xbe\xe8\xd6\xcd\xdb\xec\xa9"ay\xa3N\xf4\x10-,S\xb54&lt;h,\xb1N^\xa7w~\xfcb6z\x1f\x0c19\xea[U\xe9\xad\xa0r\x18\x8d\xc6kw\xcb+\xb5J\xda\x8a!i|\xd0G\xfb\x93\x1200\x88\t\xb5H&lt;\x16\xc0\x9eO\xef \x81\xc8\xba\r\xebx,\xd4\xad\x1eS\xcbT]\xd3w\x1f\xd0\xfa\x8bu\xf8\xfc\x89_h4\xdeL*Uvzz\xa2L6&lt;\xb6hW\xa9\n\x8c\xc6\x0f\xbe\xbc\xa0\xd0\xaa\xd5\xbc\x17\xd3\x048\x85\x00E\n\x91 &amp;N\x8c$\t`\x00{\xa4\xbfk\x07\xa9\xb5x\x01\x12\xc2K\xce\x1b\x0b\xa6\xea\xea\xfa\xee\xde\x03~\x95\x94\xe4M^lJ\xfe\xb9/\xbd!&amp;\x1e*;l\x93x\xa8\xf9\xe6\xd3E\xbbCU@\xcb\xfaY\x03aQ\xe6\xda\x13\x12\x82\xcfh\x92s\x02k/\xd3\nG\x92\x96f\x07\rA,\xeb\x8f\xd6Q\xd0#\x95M\x15\xb5\x10\x14\xa8\xba\xff\xde\xd8HP\x8d\x8d%%\x8d\x8d\x8d\xd6\xc9\xce\x9f\xf5f\x19\xa7\xa1\x1c\xfd\xfd\xad\x9b\xc28\xced\x19\xb4t\xd8x(x\xf1\x1e\xb0\xfc\xf9;5\x82\x102V \x16\xd3\xf8\x90\x94\x93np\x05\xec\n\xd8\xef\xf7\x83Z\x8biW\x90\xe2\x8b\xba\x80\xd5\x05\xa8\xee\xa5{\xa0\x01\x14\xb0JK\x88\x8d\x85\xd9\xcf2Tg\xbd\xbd\xcd&lt;\xc4\x85\xc9\xf45\xe3\xe3\xe6VN\xacJgT\xc6\x82\xbc\xbbZ\xa4S\xd7e,\xf8/00\xc8\xa9\xf0\x89\xe7\xbd\xb8\xdf\xcf9\x88D\x9bq\x9d\'\xb6\xa3\xc8\xab\xa8\xab\x8bL\xd5\xdd]\xf7\xe6\xdbyf%\xf0\x94\x16\x17\x13Wii\xa9u\xb8\xf3\x7f\x04\x193\x14\xecd\xeb\xb0\xf4\xd8\x86\xa4\xd7\xf4\xcd\x83\xe3\x16[\xb6\x86\x93i\xd2\x99\xb5\n\x8c\x0e\xb4\xaft\x1c\x92\x17Iz\xf4+R\x8f\x05\x05-\xeb\x97}i\n\x89\xe6(y,\x96%\xbc\x84SE\xdd]\xcc\x7fuuuK/\x9dF",\x83\x01\xff\x04\x16\x99\xac\xfe\'\xc8\x00\x85\x8d\xd7j\xea\x18\xef\x1bo\x1b\xe2d\xa6\x8e\xc1\xe7\xe3\xf6VMv6\x97%\xcb&amp;&amp;c\x81\xc3n\xf9\'\xdd\x8f\xa7\x92\xcb\x95\xa4vI\x0ck\xef\x0fX\xc14"\xc54\xb9\xf0!\xe3\xda\xe0\x05*\xc2\xea&amp;\xaa7\xcf\xe6\x89\xa2\x84\xc7\x92H\xc0\x85\xbf\xe9J\xa9d\x18QV\xf6c4z\x97OSg\xbd\r(\x7f\x1e\xaf\xd1\'\xca\xf4_\xf7}\xdfg1\xd5\xea\xf5z\x93\xf9\xf2\xe5ZMA\x81\xa3\xdf&gt;33b\x9e8I\xd9\x81\x92\x83\xab\x7f\xd2ox\xed\x18Q\xf1\xaaj\xb6\xfe\x0b\xeb\xed\r\x0b]o\xea\xba\xba\x98\xad\x06\x06\x96^\x17\x17\xf3\\\xa5\xf0\xa1$4\xd4\x80_\x8a\r\xb8\x86\xdf%\x88\xb2\x1f\xbd)\xcb\r\xde\xeb\xb7\xd7X\xfa\x9e?\x7fj\x1e\x92\xd5\xc2R}\xcf\xfbnt`Y,\x96\x9e\xb6\xe6\xcb&amp;3\x98f\xec\xd7;\x8dy\x13ii$!C\xc0\'\x05:\x95c\xa4\x8dOa\xf2e,\x1a\x1cF\xfaB\xfe\xa2\x9f\x85\xee\x81\xbanF5000\xfa\xb2\x94\xb0x\x8ab\x83$4"T\xc2\xb8$t\xa9\xe4\xf5\xeb\xaf\xf3.\x9ep\x1a\x8c\x85\x94\xc3\x06\xe7=\x1c\xef\x1b\xec0\xd5\x9an\xf6\xf5\xdd\xa8\x81\x99\xf4z\x9bM\xaf\x1fn\xcd\x96\xea\xcd\xcdm\xf6~\x87Ce,\xf8 o"\xf3cp!\xe0\x9dR\\\xd8\xea4\xc3J\x00V|J\x82\xafS\xceIS6EoF\x89\n\x1e\x1c\x18\x1d\x1d}6_\xec\\\xa0bX\x11\x11DD\\\xf3/_\xbdz=???\xd9y\x82\x7f\x12\r(\xbbe||\xacmx\xd8d\xba}\xbby\xb0\xef\x86\xb9\x96\x13K9\x8dX\xac\xd1h\xb2\x91\xc1Z\xb3&gt;\x95\x16\xa8\xea)\xd5\x1b\x89+3\xed$)\x13Y\x82?p\xe0tJ&lt;\x8f\xc5\x94,t:\x12\xd6\xe1\x1d\xbb\xf6O\x8f\x82\xaa\x9b\x1c8:\xda&gt;\xfa\xe2\xbe\xd5\xc0\xa0\xe8\xd3` \xac\xac\xac\x088\xb2\xb4\xb8\x84AY%\x06\xf8\xf2\x1a\xc5T\'bfl\xdcRc\xfaT,\x16#\xd2o\xf4Y\x90\x1c\x12\xb7\x86qR)]\xe14\xe9\xe9\x08{\x99\xac\xb5\xbf\x9fa!M\xcc\x91\xbetO\xb43\xc1\x83*&gt;\x9e91\xe5\xe0\x01@&amp;\x04o\xdb\xbf\x8b\xd6\xecR\xfb(\xb9\x90L\xd5\xde\xde\xfe\xe2\x0e\xbe\xd6@&lt;\xb4$\x12\x84\x16\xb0\xb2\xb2B\xad\xb0\xd4\xcby\xab\x15\xd7B%\xf8\x0f.\xc9\'\xae\xdb\xda,O\x01\xb2I\x9a\xc8q\xb5\xe6\x9b\x837\x9a\xaf\x85q2N\x93/\xe5\xf2\xc5\xe2\xb0\xfc|M\xba\xaa`\x13\\j\xd2o2\xb2\xeceTM\xce}\xf2q\x1a\x89\x01\xa3\x93\x8e\xb0\xe30\x81q\xa5\x1c$\xd1\xcd\xc1\x04v\x08\xc1TKW\xdaAE\xb1&gt;\xda~\xe5\nQ!\xc6y""pReY\xef\xbfzu\xdf\x1a*a+\x14`.\xf5\xfd5\x96\x8e6=\'\x16K\xa52\x99\tP5C\x1c\'M\x94qb\xa4\xf8\xfc0\r\xc7qbMz\xab\xc9&lt;,\x93\xc9\xc4\xe9|Z-\xa8\xef\xf9\xdb\xa5OB\xf6\xa0\xe0\n\x0f\xc4\xb9\x03\xac\x84\x04@\x1d&lt;\x10\x14\x88j"\x9ej\x89\xfd\xb3\xffxq\x94\xa8\x9cPDe0\x84FHx,\x9e\n++\xeb\xf2\x9dGw\xac\x14\xfc\xec*]w1wt\x98\x86\xb2a\x94\xada\xb2\xdb\x1d\x83\x835\xc3[\x01\x95(\xe5\xc2\xc2\xb8|\x18\x8b\xdc\xca\x89\x87\xcc5\xc3\x94U92\x1c\xb8T\xb6\x19{\xde\xdcc\x92O\xba&amp;\xa1z\xa0\rH\x0e\xdc\x1b\x94\x14\x1d\x1e\xb8\x9b\xbc8;\xbd\xf4\x07\x9e\x8aA\x1d=\xfa=\xa8\x8a\r\xcb\xdfN\xfecT\x1f~x\xf9\xaf\x8fnN\xca\xb2""B\x97W\x84\x8b}X\xfa\xef\xa2\xcd\xe7\xb5m3\x8c\xe3\xbe\xec\x1fxwy\x0f\xa3aD\x0c\x97\xd1Si\xddw\x8b\x039U?RX\xc1\x97LS\x19\x8c\xa9#\xd5e\x14v)\x85^V\x1f\xc6\x90@\x8a\xa6C\x0eBX\xf5\xa5f8A\xbbX\xce\x1c\x1fL\xd6`\'\xcb!\xcc?\xc0\xed\xc1]X\xb7AKr(\x94u\xdf\xe7u\xc6\x9eDrl\x13\xeb\xe3\xef\xf7y\xbf\xcfkB\xd0\xd4J\xb9d\xe7\xd9A\xc7sJ\xd0\xa8$\x84P\x08\x0b:\x95M\xdb\xf6\x838\xe8Z\xab&amp;\x11\x9a2\xef\xdb\xcfv\xd6~9\xfa\x91:\xff\x9d\x0f\x16\xae\xde\x07\xd5\x95\xcb+\xa0\xba\x08\x01?^\x82\x8b\x1f&gt;\x7f%\xa9 \xd5#0ml\x9cd\xf92\x82\xea\xfc\xe2\xcb\xf3\xcbW\x8a\x15-\x9eNc\xcd /\xf1\xdc\x1c\xb5X`\xcc$\x00\x05\xf6u\xea\x8en\xebhs\xdd\xb6u&lt;h\xe8\x8ai\x96Y\x1a\x0e\x87\xb9\xa1\xa0\xefW\xe1\xa8\x8d\xd0\xbf\xdd\xae\xed\xa9\x90-\xfa\xe9\x8f_?y\xf7\xd2\x02z\x1cXWn^]\xb8\xf8\xfe\xf5\x87\xd7\xdf\xfb\xfc\xc6\xca\xf3Wg\x87\x9b\xd4\xee?&lt;\xd9\\\xdf8&lt;&lt;k\xc5\x8b\x92\x8a\x16\xde\x9c\x8b\xec\xabh\xc5x2\rm\x03X\xee\xb9^t*\x94ME7l\x7f\xd89\xa8;\xb6\xc2u\xdb\xa5N\x07\x16ZK\xb7A\xe5\xd4\xb3\xa0\xab\xc3\xc8ry\xd5T\xf0\xa4\x89\xad\xea^\xb4\xba\xa6\xaakk\t\x9c\xbcsa\xe9\xe6e2\xf1&amp;\xfd\xc3\xcdw\x0f\x1e^\xba\xf0\xe7\xab\xb3\xfd\r\xa2\xfa\x19Rm\x1c\xee\xef\x9f\xce\x82\xe2\xe2\x9c\xaa"\xe58\xef\xaa\xd4\x19Nv\x83\xc404M\x9bC-\xe7\xe4p\x81\xa8\xfc\xb8q\xb0U\x15\xe8y]@)\xdb\x86\x8d\xe8x\xa5\xa4\x98z\xb5\xee9\\\x1aj\x93v\x8am8\x81W\xd5WU\xd5\xc2\xb1\xaa\xa6_|O\x7f\x19\x83\\+7\x16.}\xf6\xf0\xc1W\xd7\xee\xbe9\xdb?\xa7z\xf2h\x9d\xa8F[yqy\xfb\xde\xa2T\xa88?it\x93g\x93\xdd0u5\xa2\xaa\x14\xf3|{;\x0c\xca\xceS\x17\x00\x00\x03\xbdIDATC\x1c\x05\x9bw\xc3FkV\x85D\xba\x9f\xe7~\xd7\xc9}\xdf0\\\xa00EI\xbd\xadZb1=IR_\xf3\r\xa1\'N\\\x8f\x1d\x97\xb3(\x89\x18\xe7Q\xc2\xf6\xc6\xbf\xdd\xf9\x96\\\\\xb9z\xe1#P=\xfe\xe7\xf4x\xff\x90\xa8\x90\x9f\x9b\xeb\x80\xda\x1fy~\xf1\xde\xd7\xdb\xcb\xffY\xb4\x88&gt;\'\xb9*9-A\x9f\xa0\x8e\xf20\x8e\x87\xfd\xdd\xe9t\xb7\xd1\xcf\xb2B7\xec\x1ftb\xbdl#=\x85\xe8\xfa\xd50\xacV\xc38\xa8"\xa5\xfc\xa0\xd1\x1a\xd4j\x9eG\xa31\xcb\xb2z\xddk\xce:\x18\x94\xb1G\xd5l6\xf7z\xb5\xf1\xe8\xa5\xf7\xfa\xd6\xfd\x0f\xaf\xdc_\xfa\xf2\xee\xb5\xc7\xdf\xcc\xa9\xd67\x91\x9es\x03\x8fGMo8|1\x0c\xb7\xb7\xf3&lt;\xa7\x85\x08$\x1fv\x1da\t6\xa0M\x1c\xe3\xc5\xfb\x8dF#\xab\x07\x18w&gt;\x04(\xf4\x0f\x1a\x9e\xaf\xa0c\x90P\xb6-\xb8\x10i\xd7Gr\x06\x81\xe75Z\xad\x03\x1a\xd4\xcdf\xadV\x0bp\xd4\x9a\x83fm\x0e$\xebYm0\x1a\x8dg\x83\xc1\xd3\xdf\x11[\x0b\x17\xef\xbe\x05\xd4\x9c\nX\x9b\xd2\xc0\xd3\xf1\xa0\xb9\xd5\x81\n\xb2\xfa\xfd\xfe\x8ba\x1cRm\x0f\'o&amp;\r\xe0\xf4\xfb\x19dp\xbaI\xc2\xb9\xc2XY\x11Z\xa1\xe1\xf5LSp\xb3\xa4#\x19\xd0Xh"tRI\xd1\xf5\xb0\xd3\xda\xdaI\x92$\x8a0\xa0eaH9\x91\x8a\xb2"\x86G\xad\xa8=\x18\xbd\xdck\xf7\xaaAs\xf6\xd7\xad\x1bK\x7f\xbf\x05\xd41\xa0@EI\x05\xaa\xd3q\xad\xdd\xf5\x8fr\xe9\x91\x94D\xd2\x914\xfd\xc9\xc9n\x96\rc\x00\x19:\xc7\xacS8\xda\x02d"5\n=f!J\x91\x12\tHd\x84r\xf4\xbc+\x9c\xac\xd5\x89\x13\x8b\x96\x9bJ\'\xbai\xef\xb4-k\x8d\xd6 \xc2bUe\xa0\x1a\xec0K1\x92\xae\xdf\x0b_\x7f\xfa\xe6\\\xaau QT\x81j\xb6\x93pZ\xf9Gr\xa9i&gt;\xb6o9\xbe\x1c\xbf\xda\x9fL\xb1\x832\\W/sa#&amp;\x19z\x19R\x81*\xd5\ne\x8b\x10\x11\x07H,\x00\xeb\x94\xf0:w\x86\x90\xca\x11\x9cY\x16m\x1f,\xe2"*\x95\x18\x11YT\xd6\xce\xcb\xd1\xa0\x8dOl\x0c\x17\xae\xf8\xfc\xe8\xa9\x94jc}\xce\x04\xaa\xd3\xb1\xd7\x13\xc2\xf0%\x11U\xaa\xa5\xae\xeb"\xac\xed\xbc?iT\x05\xfd(tEp\xd8\xa3p\x88\x05:.\xbaiZ\xc0\xe6\x80q\xcc\x1e\x9d\xa3\xad\xb8\xa2\x0b4\x98\x1fw\xf0VRC\xd7\x19\x82\x8b\xa9*#\x98\xa4\'\rTq\xbe}\x1b\xb7;\xb3\xd1 \x91\x962\xfa\x9d&lt;\x18\xcf\r\x94b\x81\xea\x0cR\xe2M\x82I"U4\xcdM\xd3T\x18\xc2H\xd3\xbc1\xc9|\x03\xb6\x08J#\xba6i\xc3\x19\xe3\xd0*M\xbd\x82e1*&lt;\xc3u\x8e\x88\xd7\x95\x04\xdb\xadi\xe6\x94l\x03oA)\x97\x99\xa5B4\x96\xf4$\x83\xc4\xc0\x89\x07\x07\xa3f\x9b\xbc\xa4\x07X\xe2\xe7\xf1\xf8\xf8\x90\x9aJZ\x08\xa8Y\xad\xcd\xe1\x91\xf6\x7f\xb9\xb8k\x18\xc2u\xc3\xcet(\xa5BN\xd2%\x15.\x8bI,\xcd\xaf\x9f\x14\xd0\xbb\x11\xc9\xc7ID\x06\xd1\x9c\xad\x93V\x13\x9b\x88\x12\x8d)\x83\xd0L\x8cq\x93w\x13\x86\xb9\x03&gt;:\xa2ho&lt;jF\xaa\xa4\xa2\xdd\x18\x8bXu|&amp;\x97\xdf\x1cjP\xa3\xae\x9aC\xc93\xa6\x0b\xb0\x04a\xc5\xd3N \xfd\x13\xb2et\x18GEd\x10\xcb\x07@!pz\xb8 #\xadH,7n\xe1\xd3\x0eS\xd7\xf0y\x1a/C`\x06\x96\x01\xc8\xa8\xf3\xa8\x98bY\xa6\xeb\x8d\xc75\xc1\x80\xb8F\x98\xa8\xc8\xeaM\xe4L\xc67&gt;\x9a\xec\xed\xf4\x12\xc5ue\x80\xcf\xe1\xdc\x8akH\xb5\xd2x\xda\xa8\x82Nba\xb0\xa0l)\x16\xee\xc3\xe6\xa3\xfeI+\xf8\x17\xd8V~a\x89\x1c\xf9\x06\x00\x00\x00\x00IEND\xaeB`\x82'</t>
        </is>
      </c>
      <c r="M318" s="3" t="n">
        <v>45492.67828703704</v>
      </c>
    </row>
    <row r="319">
      <c r="A319" t="n">
        <v>926413</v>
      </c>
      <c r="B319" t="n">
        <v>1981</v>
      </c>
      <c r="C319" t="inlineStr">
        <is>
          <t>Giuliano Galoppo</t>
        </is>
      </c>
      <c r="D319" t="inlineStr">
        <is>
          <t>Giuliano Galoppo</t>
        </is>
      </c>
      <c r="E319" t="inlineStr">
        <is>
          <t>MC</t>
        </is>
      </c>
      <c r="F319" t="inlineStr">
        <is>
          <t>MC</t>
        </is>
      </c>
      <c r="G319" t="inlineStr">
        <is>
          <t>MC</t>
        </is>
      </c>
      <c r="H319" t="n">
        <v>179</v>
      </c>
      <c r="I319" t="n">
        <v>8</v>
      </c>
      <c r="J319" s="2" t="n">
        <v>36328</v>
      </c>
      <c r="K319" t="inlineStr">
        <is>
          <t>Right</t>
        </is>
      </c>
      <c r="L3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7f16159-adcd-43d7-9221-e21f1c4606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T\xdb\x99\x00\x00\x00&gt;tEXtComment\x00xr:d:DAEewil2SDw:3463,j:1535018836830852660,t:24013123g\xf6\x80\xe9\x00\x00\x00\tpHYs\x00\x00\x0e\xc4\x00\x00\x0e\xc4\x01\x95+\x0e\x1b\x00\x00\x03\x00PLTE\xff\xff\xff\xfe\xfe\xfe\xea\xea\xf4\xee\xee\xf7\xf4\xf5\xfb\xf0\xf0\xf8\xec\xec\xf6\xf5\xf6\xfb\xf3\xf3\xfa\xf7\xf8\xfc\xe6\xe6\xf0\x1c\x18\x1e\xdf\xe1\xec\xf2\xf2\xf9\xdb\xab\x98\xdd\xde\xeb\xda\xdc\xe9\xe4\xe4\xef\xd6\xa6\x94\xdd\xa3\x94\xef\xee\xf6\xd7\xda\xe6\xe1\xe3\xee\xd3\x9f\x8c\xe3\xb3\xa2\xde\xae\x9b\xce\x96\x83\xe7\xb8\xa7\xd6\xa3\x90\xd9\xa8\x95\xfb\xfb\xfd\xde\xa6\x99\xe8\xe8\xf3\xdb\xa0\x90\xdf\xaf\xa0\xc7\x92\x7fG43\xe3\xb8\xac\xd5\x96\x84#\x1c\x1f\xd9\x9d\x8d\xdc\xac\x9d\xbc\x86s+!"\xcc\x92\x7f\xd1\x9b\x87\xe1\xb0\x9d\xd1\xa1\x91\xc4\x8f{tZR\xd4\xd7\xe4O&gt;&gt;\xe0\xaa\x9b\xcc\x9a\x87mKC_F@\xcd\x9d\x8e\xda\xb7\xa9\xa3cU\xbd\x89xW&gt;9lPHrTL\xb8\x81o\xacn^\xc0\x8cz\xda\xaf\xa1\xdc\xbd\xaf\x80^S\xe3\xbd\xb0\xd3\x92\x80\xe3\xae\xa1\xe2\xb6\xa7fG?\xa6j[dKD\xce\x82q\x8bQE\xe8\xbb\xac\xd6\x9b\x88\xb0tc8+,2$$E0.\xe0\xc3\xb6O95\xc9\x95\x86]A;% &amp;0\'+eNI\xb6\x86w\xb7|j\xdc\xb2\xa6\xa1pb\x9d_O\x95naU74\xca\x8c{\xd4\x8d|\xd2\xa5\x96\xd0\xd3\xe1\xd8\xa7\x9a\x8ddY{VL\xb3wg\xc2\x86s\x91WJ\xd2\x87w\xb5o_\xc5\x89ypC&lt;N1.\xc8\xca\xda8&amp;%\xb1~n\xd6\xac\x9e\xc4\x9c\x8c\xcf\x8bz\xc6\x80p\xcc\xa5\x95\xbbwe\xcb\xce\xde\xabyi\xa2vj\xc4zi\x8ek^uOF\x92_R\xc9\x88t\xe7\xbf\xb3\xbe~k\xc4\xa3\x96\xbe\x96\x86\xe5\xc7\xb9\x99YK\xc1\xc3\xd4&gt;,+\x97eW\xae\x88z\xd3\xa9\x999&lt;Jd&gt;9\xb3\x82t\x9dj[\xd5\xb6\xa9\xe3\xa6\x98\xd2\xb2\xa4}E;\xe1\xb0\xa7\x99tgWCA\xd9\x93\x88\xde\x9e\x8f\xaasd&gt;11\xe9\xcf\xc73-5\xb7\x8e~\\JJ\xc9~j\x86cW\xe6\xca\xc1\x8aZN\xc0\x8e\x83\xa2\xa3\xb5~MC\x9c\x9d\xafjUP\x82VKwG@\xec\xd6\xce\xf8\xf6\xf8\x85OC\x95\x96\xa6\xbe\xbf\xcf\xadgX\xcb\xab\x9f\xf1\xe6\xe7\x86\x81\x8c\xe0\xc8\xbfJ9:\xe7\xb3\xa7\xaa~pBDQzu\x81\xcf\xd0\xdd\xb7\xba\xcbC7=NBJ\xb4\xb4\xc2n=6\x7fdZ\xac\xae\xc0\xc0td\xa0}p\xd3\xcb\xcf_RY_85&lt;3:\xca\x81wi73\xe4\xdd\xdf\xf3\xef\xf0\xdc\xcc\xc7xfg\xd9\xc5\xbd\xba\x9a\x8f\xc5\xc7\xd5I=E[1.QJR\xc3\xb4\xb5kdn\xe6\xe4\xe8{mvjY^\xd3\xba\xb2P##\xa1\x87\x85\xb2\x92\x86\xd1\xc3\xc2\xa2\x8e\x95\xed\xc3\xbf\xa8\x9e\xa4\xdc\xd6\xd9\xe8\xa9\x9ft_^\xac\xa9\xb3\x8dtm\xf6/&lt;\xe9"1\xb8\xa8\xab\xd0"-\x91yw^]i\xa4\x83x\xc4\xbe\xc5nkx\x84mf\xf9CLQP]\x90\x8b\x96\xe8\x9e\x94\xaeUV\xe8\xd2\xd8\xf4Yb\xb1\x99\x99\xecmr\xd7\x99\x9d\xed\x8a\x86\xef\x96\xa0\xef\xb0\xb4\xd1MZ\xb6\x1f(\xaf0: \xbaQb\x00\x00 \x00IDATx\xda\xcc\x99mLSi\x16\xc7\xedf\xbf\xb8d\xf7\xc3t\x13\x12\xe3B\x8a\xb7/P\x0c\xde\\\xecE\xbc\xad\xc8T\xa0\xde\x1a\xbc\\\xef\xb4\xbd0\xc5\xca\x84V\xa0\x0b[\x10$\xbcT^&amp;\xa4\x1d\x83$+\xadCS\x0b\xa9i\n\xc1\r;\xa4\x12\x93\xe24\xbc\xc8H\xc3\xee:"bPR\x83$\x84\xd1%;_\xfc\xba\xe7)8\xee\xf7\xe5\xea\x9c^J\x08!\xf9\xe5\x7f\xfe\xcf\xff&lt;\xa7\x1c8\xf0\x7f\x97(\rJt\xe0\xd7U\xa2\xf1\xc5\x07\x89Dbky1\xbe\x12?\xf8+\xc1\x13\xa5\x8d\xaf&lt;\x98\xfcO4\x12\x08\xf0KK\xab\xdboW\xd2~\rP\xf1\xc5\xc4\xfd\xd5\xf9\xe9H\x84\xf0\x06x&gt;\x10!V\xd7_\xa5\x89&gt;\xa9di\xf1\xb9\xe5\xb5\xa5p\x80\x88`\x91\xa8\xcf\xe7\xf2a\x847\xc2z\xc3\xdb[s\xe3\x9f\x0c,\xed\xd5\xe4\x13\x10\x89\x88\xf8L&amp;e\x99R\to&gt;\xc2\x8b1ee.\x8e\xdc\\\xfe\xee\xd3\x80\xc5\x13\x8fMF\xa3\xc9d41&gt;\x9f\xa9\xcc\xa4T\xcaS\x94@\xe4%\x982\x07\xcb\x92;[\x9f@1\xd1\xcaz\xd4\x08%72 \x96\xdc(\x97+\xcb\x18x\x951,Ga&gt;\x96\xc2,\xf8\xe6\xcb\x8f\xed~\xd1\xdcS?\x82\x92\x1b\xa1y\xe8{\x8a\x1c\x81\x959\\\x80\xc4Q$\xc7\xf1a\x83&amp;\xb6\xfeQ=&amp;Z\x99\xf4\x83D\x08\n\xe4\x81\xe6!(\xb9\x12~\x80\xf6a\x1c\xc7\x918M\xf3a/\x1e\x8b\xedl\xc5?\x16\xd8\xf8:r\x951%%\xc5\x88\x0c\x95\x842\x82V\x0e\x17\x8b\xb1p\x18\r$\x1d\xc6\xa1x:\xa6\xc1\xc3K[\xe3\x1f\xe5\x00\xce\xad\xfa\xc1RFe\xca^\xc9w\xfb\xa7T:8\xde\xcb\x87\xe9p\x80V\xe3\xda\x9dX,\x86\x875\xb4zii-\xfe1\xfa\x17EB\xc9\x93\xcf.\x16\xea\x9e\x83\x85\xdea\x14Opx\x98\xe7\xf90\xb4/\xb6\x83\xab5\x1a\x03\xb9\xb9\xb3&amp;\xb8\xc3\xe6\xe6\x91\xc3SR\xfeG*%&lt;\x0e\x8c#\t/\x1e\xa6\xf1\x00\x131\x84\xc3$\xaf\xc5quL\xcd\xd38F.m\'\x16\x85\xe5\xfa\xfd\xfd\x05\xbf\t\xc42~\x80*s8\x1cI\xb5H\x9e\xc0\xd44\x1eV*Y\x12\xa7\xd4\x1aRg\xd0\xd0\xbc&amp;\xe6\xa26\xb6\'\x97\x05\xe5\xfa\xe3\xeb\x7fGM\xe0\xac\x94\x0f\r\x04O\xb9\xd8\x06\x8eu\xb1,\x1d\xf6\xb9H\x9ag\xe4e\x18\x8d\xd1&lt;GQ4\xe9\xd5j\x81kiiNH\xae\xf8\xbf\xe6\xfd\xbb\x87\xf0\xbd\xab\x1c,\xc3\xb8,\x94AMS\x11\xc6\xa5\t\xf88\x03M(\x95.C\x84$Y\xd6K\x93\x94\x06\xf7A\x8a-m\t\xc7%\x8aO\xfaQ\x86\xeeu\x10\x82\x9d\xf1\xb9(\xc2\xe72h\xd41\x9c\x87\xb9C\x91\x01\x0c\xd2\xd4\xe1`-`7\xb6\xc1@s\xd0O\xc2\xbb\xb4\xf1lN8\xaa\xc448\xeb\xbdZ\x80\xe5\xc28\xc2K\xd2\x18\xab\xc6!;y\xaf\x17\x03\xb1(\x8b\xc1\xd0\xd0`\xa1\xc0m,g\xf0r\xb4N\rm\xdc\x9c\x14*\'\xd2\x16\x9f.\x00\x93\\\xbe\x07\x05\x9ap\x14\xe1%h\x9e  \xd85\x1a\x9e$)\xca\xa0\xd3\xe9TN\xa7J\xa7\xd2\xd9\xc8\x06\x8e\xa6h\x9a\xd4\xe1`\xaf\xb7\x02\x8d\xc8\xf1\xd7\xd3\xfe\xbdt\xd8\r+\x17\xa8\xa1\x0e\xf3\x04\x8d\xd3\x06\x95\x9a\x04\x1c\xb5\xd3\xe9\xb4i\x83\xa3V\xb7\xb538\xaa\xed\xa4-\x16\x92R\x91&lt;\xbe\x13\xdeL\x8c\x0b\x14\xa5\xf7\xfd\x1f\x92!i-\x1f\x01R\xe18\xad\xd3hT6\xa7J\xe5\xb4]3\xb7\x9b\xcd\xe6\x81\x01\xf3\xd0\xd0\xd0\x80{\xc0m\xd3q\x14\xdc)\xc8\x8d\xc0\xc6\xb2 \xa9*\x8a\xbf~lL1\xfe\x12XJ\x08,\xf0\x16\xa9\x86\xee9\x9dZ\xedHpt\xa4\xf3b{\xe3\xa9\xf2\xf2S\x15Y=5\x15\x97+\xce\x0f\x99\xddA\xa7\xc1`\xc1\x1c\x18Alo-\n\xd0F\xd1o~\x11k\xb7\x89\x0c@Q\xa4\xda6b\xb5Z\x83n\xb7\xfb\x9a\xdb=`n\xcb\xca\xca\xaa\xe9\xea\xd2\x0f\xb7\xd4\xb4\xf4\xf4\xf4T\x9c7\x0f\x8cjh\x9f\xc9\xc7\xf8\xbc\x89\x95\xb8\x00\\s\xd3\xef\xb1`PC\x88b\x94Nc\x1b\xb9\xd8&gt;U~\xbb\xbcq\xa8\xadm\xc8&lt;\xd4v\xe3tvv\xf3\xf0\xb0^?\xac\xef\xeaB\\=\x97\x87\x06\x8265?\xcd0\x0c\xb1.\xc0Z\x94\xf6\xb7i\x1f:\x87\xa0\x94Iir\x00\x94\xcdj\xbd60T\xd1S\xf3\xe7KGNge\x9d&gt;y\xf2\xd8\xf1\xa32YU\x9d^\x0f\x8f^\xdf2\xdc\xd1\xda\xdaZQ\xe0\x1e\xd5\x85#\x90q\xd8\xea\xdc\xfe\xbb\xfe \x84\x96\t\xe9\xc40&amp;\x86\xe1t:g0X\xdb\x97_\xd0\xda\xd3\xd3\xd5u);\xfb\xd0\xa1\xa3GS\x0f\x97\x96\x16UU5\xd7%\xb1\xf4\xc3\xc05\xd3j?kU\xa99\x97\xcb\x85\t1\x82~\xbb\x1eA\x0b\x05D\xa8\x0f\xc30C}\xfd\xd8\xdds\xb5\x95\x13\xf6\xd6\x9e\x96\x96f\xa8"\x99LVZZ*KV\x11\xa0!\xae\x8e\x8e\x99$\x97\x8eB\x7f\x16\x16\xe0v\xff\xbbgQ\xd8\xbc\x94\x0cA\x10^\xceR__\x1f\xba{\xae\x0f\xb0f:Z\xba\x10U\x11p\x95*\x92u\xeb\x96\x02\xc0\xea\xc0`\xa0\xd7\xcc\x8c\xbd\xc0\xac5\xc0\x85\x0c\x8b&lt;\xdb\xf7\xa4\x17\xcd\xcd/\x00\x95\t#\x02p\xd9\xeb\x1f\x1b\x1b\xbb\tX\xf9\x13\xad3\x1d]\xcd\xd9\xcdI\xa8R\x85X,\x91(\xe0K\xac\x90UU\xd5\r\xa3\xea\x98\xb1\xdb\x87\xdcN\x0bEy\x89\xc0\xcb\xfd\xeeb\xda\xeb\xc7 \x16Py\x03^\xec\xe1X(t\xf3\xe6\xddd\x0f\x91XEH+\x85D\x91\x9e\x9b+N\xcf\xc8\xcdMO\x97|{\xab\n\xe9\x95\x94\xab\xb5\xc0&lt;\xaa\xd2\x91t`\xf5\xed~c\x8dOFa\xddA\xfb|\x80c\xfbA\xa9\xbb\xa8\x87\x05\xf6\xd6\x96=\xacR\x85D,\xce(.\xce(\xfe\x80U\x97\xb4WGOE\x9b\xd5\xa6V\xe3\xfc\xear\x9a X\x0c\x16\x81k\x02\xfb\xe8fm\xed90|~\x01RK_\x87\xc4*\x95\x88\xff\x90[\x02X\xb9\xc5\xc5\xc0\xa5(\xdd\x8d\n\xc4U\x93\xd5\xd8n\xd5\xe0\x1b\xe1\x8d}\x9f\x8b\xe3\x93\x8f\xfd\x10\x0c \x17\xc56|\x7f\xf3\\m\x1f\xc2\x9ah\x05\xb5::\x90\xb1\xc0P\xe9\x19\xc5\x19\xf0\x80Z\xb9`\xae\xa2\xa2$\x164\xb2\xe6Xc\x9bgd$\x86o\xcc\xed\xb7Zi\x93\xd3&gt;Hj_\x84\xb3$\xb1\xfaj\xfb\xfa\xfa\xf2\xed\x08\xeb\x87:t\x06\x81\nl\x05@\xe9\xd0\xcct\t\x1cGt\x1a\xa1\x8f]\xfa\xec#\'\x1b\xdb;;776\x12\xfbn\xf9D \n\\&gt;\x1f\x06W\xbcG\xa1s\x95\x95}\x95\x95\xf9v\xfbLK\x8b\x1e2\x0b\x12K\x02\x86O\xdaJr\x0bN":\x8a\xc8]u\x10\x1e\xd9\xc7\xef\xdc\x98\xf2tn\xee\x08pu~0\x1f\x80y\x0b\xf3\x99m\xf8\x11\xa9\x05P\xf9\x13v\xbb\x1d\x9d\xc4*\x99\xacY\x06]DT\xe9\x10\x12b\x10\x0b\xf5\x10\xe2\xbe\xb9\xaa\xaa\xe8hNo\xf9l\xbbgss\xe7\xe5\xbe\xc7\xe9\xe2\xd3\'\x0b&gt;\xc6\xe4\x82=\xe7\xc7G\x08+?\xbfr\x02\xb8f\x86\x7fh\xaeC\x11/Fm\xccEL\x92o\x15\xe0\xf8\xa2\xe4\x18\x02\xaa\xd2\xd4\x9c\xab\xb7\xa7&lt;\x9e\xcd\x1d\x01\xb0\x0eNNG\x17L&amp;t\'\xddU+\x1f\xd4\x82\x90\x9f\x01o\x81\\(J\xc5\xef\xa5R($\x124\x88\x80\xac\xa8J\x96z\x18\xb0f=\xb3\xdb\xdb;\xfb\xbfg\x88\x12\xd3\x0b\x90\xf3p\xf7c-{X\x13\x13\xc98M\x0e\xc4[(\xb6\x00J\x01l\xbb\xf5\'\xb1\x04\x81\xc9d\x87?\xbb\xdet\xe5\x9b7\x9b\xb3\xdb\x9b\xaf\xf6\x7fV\xffe\x1e\xd4B\x1f\xcc4X\xbe\x0f!oML\x14\x9c\x87k\r\xa4iU\x15d|\xd2V\xe9\xe2\xcc\x8cA\xa8\x8c\xc1\x8c\x8c\xccj\x94\x12E\xb2\xd4\xcf\x9a\n\xaf\xde~\xf3fmm[\x00\xac\xf8O\xb0\xe9\x9b\x92X\xf5!\xc8\xad\xca\xb3\x05\xe7/\xf7\xd4\\\xca&gt;\x04\xc6R\xa4gf \xae\xf4\x0c\xa9\xf4\xde\xbd\xc1\x12\xa9\xb4\xe4\xcb/\xabS\x8f^\x82_\x1f=\xdcTx\xa2\xf7\xc5\x1a\xd4w\x02\xecc?\xa3@\x85\x9b\r\xbb\x87\x95\x0fbe\x1d\xcb&gt;\x94\nNJ\x1f,)\x91\x0e\xe6\x16\x0fJ\xbb\xbb\xcf@I\xa5MMW\xf3\xae\x9c\x86\x8b\xfd\x91\xe3\xa9\xd7\x0b?\xff\xfc\xef/\xde\xbd[\x17`\xf9\x11\xc1&gt;\x86\xe6\x8f\xab\xe1!`\x05\x83\xd7*\xcf\x9e=\x7f\xea\xe4\xb1/r\xaa\xab\xab3K\xba\xa5\xddR\x10\t\xb0\x06\x07\x9b\xae\xf6~=u\xd1\xd3\xde&gt;`v\x0f\xb4\x1d\xc9\xfb\xaa\xf0\xc4\x85\xe7\xff|\xf7.!\xc4\xee\xb3\xf8$\xba\x8b\xd5_\x1f\n\xdd\r\x85B\xa3\xc1k\xee\x81\xc6\x93w\xf2r\xaa\x0b\x0b\xa5\xa0\xd1\xa0\xf4L\xf7\x99\x13yW\xbf\x9e\x9a\xb5jmZm\xa7\xc7\xe3\xb9\xd8\xe9.\xcf\xf9\xeb\x89\x0b\x17\xfe\xb1\xbc\xb5%\xc8?w~\x8a.\xf8\x19\x86\xb5\xf4\xd7;Cc\xfd\xfd:x\xf5;m\xb6\xa0\xb91+\xaf\xb0DzF\x9aqO\xda\x9d\x99s\xe7\xca\x8dv\xeb\xa8m\xc4\xf3\xa2\xb7\x17d\xbb\xfd\xcd\xd4m\x84\xf5\xfc\xf9\xf2\xb2 \xcb\xfe\xe4\xf4\x82\xdf\xcfp\x16C\x7f\xbd\xea!\xcc\xa0~\x95N\xa3\xa2\xd5\xb0F\x9b\xdb\xbe8\x91\t\xde\xba\xd7}\xe6:X\xea\x86\x19\x16\xa2+_]\xbf^]\xdd\x94\x93\x97w\xe5E/R\xeb\xf9\xf2K!\xb0\x0e\xfc\xfc$\xba\xc0\xb88\x8b\xc5\xd2\x0fP:\xad\xe7\xcd\xda\x9b\xd9\x11\x9b\xcd\xa6\xfd/\xadf\xf8\x93V\x9a\x85\xf1:\x1f7\x99&amp;+;\x91\x01-\xa9\xa8\x01\x16\xc4\x89\xa0(\xb6\x08\xa8PG\xd1\xdd\xd2\xdbd\x10*H@D\xc0\x08\xca\x10@\x11+f\xb0+\x0e\xd5\n,\xb1U\x197b\xdd\xb5\x96b\xcc\xd6\xd08\xd1b\x97\xc5Tkg\xc6N\xeb\x94\xddI\x9av\xd3d\xeal6i\xe6\xc3\x9e\x8b\xf3\'\xc0{\t\xf7\xeb/\xcf{\xee9\xe79\xef+\xb3\x1a\xfbT\xa7?\xc6\x08D\xf5&amp;\xd6\xe7\xa1\x10\x9b\xcb%2Ytz^~n\xaeJi\xbas\xe7:_\x9cL&gt;\xcf\xca\xd4&amp;\xe7\xab\x9f\x1e?\xfc\xf3E\xb4V\xf7\xf4T\xd4\xb5\xafIFFF\xfaF$\xd6v\xb5{bmf$/\x9f\xc4\x88\xd6K\xe9,bY\x17\x87R\x86\xb0X,*\x15\xdcP\x81\xf2K&gt;_,\x8e$\x9f\xbf\xcc\xce\xe4\xf4\xcd\xc6}\xd4\xf6\x14\xf5\xc8\x81\n\xbcjY\x19\x91\x88\xf4\xcdx\xac6\xb7\xdbj\xd4S[\x08\x82\xc2\x02f\x19\x97b\xa9\xadn\xd4\xb0\xd9\x946\xcb\x10\x0e\x14\xe3\xf1#\xe2H$\x91%\xac\xdf\xbe\xdd\xdfxXT\x04z]\xeeT\xdb\x8c\x126\x85M\xe1\x96\xb1\x8d\xd6\x00X\xe7\x05GkW?\xd8\x0b\x1a\x91\xcb\x1e^\x81:&gt;a\x1b\x0b\xb1\xdbj-T\xc8\xf2|W$\x12I&amp;\xb2\x83u\xfb\xeeO\xfb\xf7\x81\xaa\xe8r\xc5\xe2\x84\x91\xd3\xa6\xa9uO\xc8d\xbb\xbbc7\xb4\x8e\xf9A\x83Vg\xee(i\xa0\x8e\x8cp\xd9\x96+\x0f\xb6\xf6\xb7\xf6?]\xac\xd5h\xbap\xb9\xd7\xaa\xc4i\xacG\xd9\x99\xbb\xbd\xdb\xda\x7f|\xaf\xa8\xe8\xd28*\x96\xa6V;\xefX8w\xf3\xdbo\x07\x8c\xbb\xed\x0b\x15\xe3\xe1j;\xb5\xa1\x7f(\x84\xb0\x88\xad\xbb\xaf\xd6\xff\xb4\xff\xe6\xed\xbb\xcef]\x17\x8en\x82\x0fq.\x92\xc8\x12\xd6\xa9\xaf\xde\xeco\xdc/*\x82\xc8\x82O\xaf\xd5\xb1`\xa8\xdcz\xf3\xf0\x87\xb7\xff~5\xe1QW\x8cO\xae\xd8\x9b\xa8\xfdC]\xb8\x06\xe4\xea\x9d\'w\xd7\x0f\xd6\xff\xfaj\xcc]\xad\xa3*yR\x08\xf9\xb9d\xe2iV\xe6\xba9\x7f?\xd8\xdf\xdf\xb8w\xa9fPm\xf3\x18e\xcb\xdb\x17~&lt;8x\xb8\xbf\xfe\xe4\xe5\xabfm\x18\xc5B\x875]\n\x1aU\xdf&amp;\xf9\xcf\xb3\x17\xcfvCl\xb6\x9eH\xa7\x9b\xa4U\xf5\xae\xb9D\xe2\xe9\xa9\x9c\x9c,\x0c\xdf&gt;ZOc]\xe8t\xaf\x8d\x05\xb4a\xf5\x8f\xaf\xef\x1e|\xb3\xfe\xee\xf9\x1d\x8fc\xbe\xe2\xc2\xe4\xca\xa6}\xf3V\x93~\x18R\x83BO\xe9\xdb\xedC\x10&amp;\x8dF\xcbW\xf1\xa6\xa4\xc5\xe2\xb9\xc4\xf3\xd5\x9cU$\xae\xba\x9d\x8d\x98G\xb1\xd4\xb61\x8fU\xe6\x98w\xdbl_\xbf\xfe\xfe*\x9b\xa3Am\xb3\xa1z\xd3~\xab\xbb\x03\xd75LD\xa8\x08\xdd\xc4S\xe5\xe7\x93ZZ\xf2\xf2T\xe4Ba\x15\x8a\xf5(\x18\xef\xf6\x17\x073\x1e\xf3\x7f\xd9\xda\xdf(\x97\x0fB&amp;\xf5H&lt;\x1e\xab5`\rp\xb8!6\xa7\xd5=h0\xc4F7\xedM\xdd\x1dt\xc5\xf0\x10\x11a)\xa1|\xab0\x05\xa7\xc9\xaa\xdc|\x15\x19*y0\x91\xbc\xda\xe0\xf3G\xfd\xa2\xccV\xea39\xa7\xfev\x00j\xd5\x0cB*\xf5\x18=\x1c\x0e\x87\x02}\r\x12\xa2\x18\x03\x0eC8\x1ck^A\xb1\xf2\x91\xa1\xa1\x06\x1c]i\xe2IaA\x93\x9aK"\xe5\xf3\xa4\xf5s\x89d\x15\x06\x13%xS\x99\x8b\xae\x9c\x0f\x9e-\xce?{\xf4\x9b\xf5\xc7\x1b\xe5\x97;\xdbm6\xabG\xc2\xe6\x86B\x08\xc2B\xb1\x1a\xb5\x93\xcb\x864VSw\tN1TB\x82\x0e^EV\x91\xc9\x0cB\xdas\xf0\xa4\xe2`\xf0;q!\xde\xe5;&gt;\xce\xdc8)\xe7\x87Y\xb5v\xc1\xf0\xcf\x8d\x87\x8f\xa7/\x0f\xaa\xdd\x90 8\x14.\x11a\xb2\x10"[\xd7\xda:\xba\xb0l0hW6o\x81\xbf\xa7R\x87\x1a\xd0\x89\x12j6\x18i\xdfqV%\xe5\xbb\x96\x96\x92\xe2)g\xea\xf8\xf88s\xad\xf3\x99\xd7\xe1\xf0|s\xb8\xa7\xf7\x0f\xf7\xcbk\x06\xeb\xd4\xee\xc6\x00\x87\xa2/\xa3*\xa8q\xfd\xb0eXwe9\xbc=9\xaa\xb3\x83\x8d\x8e\xf7+\x14\r~\x06\xc6\xef\xf7\xa3f\xc8\x8f\xfe\n\x8b]A\xc0\xe2c\xa3~\x7f\xea}0c\xbb\xf8\x0f\xd9r,\x16\x0e\xcb\xbf\x00\xac\xe9\x8a\xce:\xc7\x04\xd8\x0b\xf3\x10,\xb3\xd9n\xd6[\xaa\x97\xc7\xb7\x9bW6\x9b|&gt;_G\xb7\x82Z\xe2\xc7\x10\xbc\xde4\x14\x01}M\xb9\x82\x80\x95\x90b\t\x18\xef/\xef\x8f2\xa6\xd6\x7f\xad\xa3\x93;{\xe3\xdb\x17\xbf\x00\xac\x0b\x83\x8b\x8eF\x8de\xd3nn\xbae6\x03\\\xdcrer\x0f\xd2V\xbc\xc1\xe7=\xf6u\x94(\xce\xfa\xfd^/\xe1\x18\x14\xf3\xf9\x19^?\xa3\x1e\x15+\x98\xe0\x91\x0bS\xde\xe3\x0cb=j\xab\x9e\xdc\xe99\xdc\x96\x17\x01VeE\xa7\xbb\xb1U\xb7i\x87e\x8e\xf77\r\x99uWb1\xa8\xd4\xdd&gt;\xbf\x13\xb6I\xa0"y1\xf0\xa0z\xf9\xe1\xc5(t\x02\x15\xa8e*aD\xa3\xa9\xf7K\x99\x8b\xad;\xb5\xcd;\xdb\x87=5\x80U~\x82\xd56l\xb1o\x9ao\xf5\xf7+\x86\xcc\xad\xcb\xb1\x85FM\xbc\xdf\'8\n\xa6\x04\xa2#i4\x05P\x0co\xfa\x8f \x98:\xc1\x8a\xf0I\xd1\xe8/)o\x06\xef\xdf\xac\x06\x9awb\xdbry\xd1\xe3_\xb14\x1a\xcb\xb0\xddlV\x80\xd5Wt\x05b\x0b\x8e\xc6FK\x13\xc6yT\xcc`@\x0e\xc5\x8b\xa2\x02F*%\x10\x94\n\x04\x8cB\xa1+\x8d\x95tES\xa9T4\x9a\xc1\xeas\xdb\xd6l\x08\xef\xec\x1d^|\\&gt;]S\xd1\xa9\x96\xb5\x02\x969\x1eW\xf474P\xb9\xda=\x87;6\xae5c\x00BY=j\xa7aE"\x11\x16\xa8\xb0X\x81\xa0p\n\nbp)\x18L\x06\x8f\xd0\xfcp\x94\xc9\xba\xf3\xfd\xe4\xe2\x02`\xf5\x9el\xa2Zf\xd5X\xba\xba\xf4\n\x1c\xae\xa4%\x8f8\xbaweb\xe7\xf7\xbd\xd5\xb8\x02\xc2i\xd90\xa9\x01\x87\xc5\x8bDxl4\x1a\xc5F\x85Xa\xb1\x0b\xc5\x9a\x03,\xaf\xaf\xc3\xb7\x94\xc9\xda\xf3$6\xbf\xb0w\x98\xc6\x9aF\xb1\x02F\x0e\x1b\xc5\xa2\xb5\xb4\xe4\xd29\xcb\x93\xd5\xf3{\xbd{m8\xb0\x15~\x92\x82\x90\xc6\xc2\xe3\xa3\xf8h\x14\x0f^\xdb\t\\P\x13\xe7R\xbe\xa6nAF\xcf\x0cV\xc3\x8e0`]\xbcW~\x0f\xc5j\x97\x05&lt;\x14\xae\x9e\x88\x83\xc6\xa5 \x9f\x19r/O.\x18b\xda\xb6\xb2&lt;2\xa9\x04\x83\x11`\xa3x\x94\x0b\x8f\x17\n\xc1\xd8B\x82\x08\x06#\xc9b\x9f\xaf\xdb?\x97\xd9\xc6\xe6\x85:|xx(\xbf\x07\xb5\x1a=\x1c\xb3Y\xc1cp\xcb\xa8LZ&gt;=\x0fG\xe5Z\x1d\x8b\x13\xb2\x00\x85\xa9b\xd1\n\x18\xa5\xa5\xc0\x95\xd6\x0b/\xc4\x03\x15\xdf\x15\x84\xa69i\xee\x10H\xa3G\x99\xed\x03\x7f\xa7F\xd5:\xbc\xb4Q^S\xd9\xa9\x1e\xb8\x01\xd5\x9a\x02.\x15G\xcbc2q\xd42\x8aU\xe6\x99AXt\x932?\xf74\xa3\x14[*\x00&amp;\x14\x0c\x1dN\xf0\xc5s\x80\xf5\x1d\xcdy4\'X\xca(\x15T\xeb\xceq\x88\xad\xc3\x8d\xe9\xca\xca\xf3\xe8\xf9/\xdaD\xb0\xb9\x08\x93\xc9$R\x89z\x89\xd1\x13\xea\xa3+\x95\xd7\xaf)\xf3r\t\xa0Wi)\xfed9Q,\x978\x92\xe0;EGs\xd1L\x1fG}p\xfe\x9c\xfcb\xef\x1f\x01\xeb\xd3su\xea\xf6\x1b\xb65\x0f\x80!\x08\xb1L\xaf\xe7r&lt;\x1e.Sy\xcd\xa44\x99L\xb9\xf4\xdc\x02\x10\x0c\xb0\xb0\xa5"&lt;@\xf1O\\u\x15 \xce\x053\xde\xcb\xbf\xd8\xae\x99\xee\xe9\xdd\xb8Yy\xae\xa2n\xb6\x1d\x9d_\xady$\\\x04|\x04\x05\x00\xcb\x10\xfa\xb5kJ:O\xcaS\xe5\xc2:M\xfe\x18\x0b\\xQ}}UU\x15pE\x92BHfG\x99\xbf\xa5\xf1\xb4B^)\xef)\xdf\xbay\xee|\x1d\xec\xe2\r\xe02\x1a\xb9!\xc9\x0c\xdbc4\x82=\xcc%\x17\xd2Ud\x81`\xaa\x90\xa72\x99x\xbcB4M8\xeb\xf9\'X\xc9$D\x9a\xe8(\xf3\'\x9d9\xef*\xc7\xe5\xf2K[7?\xfb\xa4n``\x00\xf4\x92\xd9\x8c33\x92\x991\x89q&amp;\x84\x94\x9c%\x10H\x90\xe7aIy&lt;\xc0\xe2\t\xf1N\xa7S,\xe6K\xaf\x03W2\x89Re\xe1JK\xce\xcb\x7f\x19\xf6\x0e{\x00\x0b\r\xf9\xf4\xb2\x8d\x8dIF$3\x12\t;\x14""$\x02\x81\xac"\xa9\xc8SB\xa1\x14\xb8\xa4B\xa1\xd3%v\xf1\xab\xa4&lt;t\x13_\xae\xaef\xe7\xe2\xc8\x99\x17\x83\xe3{{\'j\xb5\x0f\xb4?\x98\x1d\xf8zmddd\xc6#\x91H\x8cF\x8eFg\x8f\xc7\xe3z}\x1cA\xa7\x96&lt;i1\x8a\xe5\x12\x9flb2\x99\xbd\x8b\xbb\x1f\xfe\xaf\xaeb\xf0\x9b\xad\xcf\xd0\x88o\x1f\x98\xad\x1b\xb0\x8d\xf5\xb1X3\x01[\xa0\xb1zt\xf4\xe7_\xd7\xe8\xcf:\nB\xcb+\x10\n\xeb]i,t\x0f\xc5\x89,^\xa9\xcc\xf9\xf0\xe5\xa3\x8f\x0en~2\xabn\x1f\x18xp~\xd66\xf3\xb9\x92.\xd16\xc3S\xad\x83\x86"\x1e\x87\xb69\x1ej\xab\xd5\xe9\x86IPvP\xb5\xaa\xaa\xbe\x04\xb9\xc4\x89\xec^\x10\xcc\xf9?\xeff\xfb\xd3T\x9e\xc5\xf1i\xe9\x03\x10z\x81+\xd2^\xb7W\xf1\x96Nh#-U\x8a\xa5\xd0\x07hqK\t\xa1\x13\x19\x1a\xa1\x05%\xb5&lt;E\xeb,4[\x06#\xdd\xb1\x8c\x8e4,\x04\xcb&amp;\xae\x03\x8b\x80&lt;D\xd0:\xb3\x12A\x91\x0e\x02\xc1\x0c\x83\x1a\x15\xcc\xb0n\x8c\xf3b\xe3\xb2\xf3\xc2\xc41\x9b\xdd\x17{~\xb7\xee\x1f03\xb4\xa7\x84\xdc\x97\x9f|\xcf\xc3\xef\x9c\xdf=w\xf7\xed\x01\xa8[@\xa5\xd0\xcc\x9f\xee\xf0\x14\xfa\x87\xa1Rt\xf6\x0f\xab\xfeM[  \xb6\x07\xec-\xce\x80L`*\x82\x80\x87\xd8\xea-\xcc5|\xfd\xe0\x83\x08\xdb\xe8\xa2F\x01\x998h\xac\x9c_\xe8\x97cxGU\xd5\xf0\xb0\xbbB\xa5r\x16\x06\xc4E\xb7\xc4\x01\x08\xaa\x80I,\x90Q\xa6\xf2\xb0\x13{{{\xbe\xbe\x19a*\xc6\xccF\xa5b\xf0\xcc\xe0\xbc\xa2\xc4\xb8\xd0\xaf\x92\xab\x86\xf3\xaa\x86Ep\x06U\xa07\x1aP\xbc\x04&amp;\x93\x00\x92Q \x93\x88i\xb1\x00\xab\xc7\xf0]\xa4\xb7b\x19\xd7\xd6+5\n\xf4\xee\xb9D\xb1\xd59,\x12e\xe5\xe5\xd1\xf7\xca\x0e\x87J\x053\xbe\xc0\x04\xd5\x9d\x82\xc6T (*/\xa7\x13\xb1\xa7\xb7\'\xf2\xfb\xe0\x8c7\x8b\x95\x9ay\xa3Q\x0bjMW\x15\x14\x14 ,9\x8e\xf3\xe5J\xba\xd4\x9bn\td\x84\x8c\x10\x08\xc4\xb4\x0f{\x90=\x7f\xfbA\xc4\xb1\xe6\x16\xd1\xde\xb2V\xab1\xf6-4\xe7I\xa1\x8f\x10)\xa1\x9d!A-9)C2\xc9\xb2\t\x19j\x96\x01\xab\x07\xa4\x02\xac\x9b\x91\xc7\xfa\xd7S(\xf4F\xadF\x03\x85\xabM\'\xd5I\x0b\xb22\x85\xd05\x908FP\x02\x1a\x8b \xe0\t\xeaC\xb9\xc1\x10\xc6\xba\x16\x05\xac\xdb\x03%\x9az\xad\xa6DQw\xb4\xadJ\x07X\x15\xa0\x16I\x10\xb8\x04\x90L@\x05F\xc8\n\xd1\xd9\x03y\x08\\\xcf\xff\x16\x85\xbd\xf9\x99\xdb\x1b \x17`i\x06\xeb\xa0\x89\xd0I\xa5(\xb60;\x05I(\x16\xfc\x06r\x10\xa9EP\xe2\xcf\xcb\xcb\x11U0\x1a\xa1\x05\x1d\xce\xd3\xf5\xca\x12\x8d\xa6\x04\xb5\x83\xa7\x11\x15`e\xe2N\x02\xe2I@\xb7\xcaa.\x13$\xa2\xe1}\xc4?\x88\x02\x16sq}\xa3R\x13\xe6\xaan\xae\x92J\xf3D\x15\xbb\xf8\xf8\x8el\x81\xf8\xb7\x014Z\x80\x071\x19e\xcf\xa5\xf3\x109\xf1\xbb\x9bQ\xc0\x8a[\x1c\xa0\xb9J\x0eV\xd6\xd7\xb55\xebt\xba\xc6\xac}\x99\x19\x14\x0c\x84\xe2\xcf\xa0\xd9\xbb%\xcb\x06\xb5\xb0\\\xd4-\x1bz\x91}\x1e\r\xac\xdd\x8b\xe9\xaf\xd6\xc7\xc6\x00\xabDk&lt;:\xdd\xdcl\xd35\xd6\xd6\xca\x03\x9f\x15\x89\xe1\x18\x14\x07dX6AHZz\r\xa8:\x04}\xc1\xe0\xf3\xa8`16\xd2\xd3WW\xc7\xb4\x9a\xcaJ\x8dv\xb0\xaf\xba\xadMWpr\x17\xdfi\xa7\x08\x89I\x1c\xa0\xb2\t\x0c\xc3\xfc\x10\xe8= \x14P\x05\rW\xa2\x84u\xf8\xc0\xea+\x85b\x0c\xc0\x14\xc6\xa3\xd5\xd5\x10\xf7p\xfc\xe0\xa4P\x88K$\x85\x98\xa4\xc5\xef\xf1\x04{{\x81\xc8\xe7\xf3\xad\xf5\x16E\x07\xeb\xe9\xe1\xc3\xe9\x7fB\x9f\xcdh\xc74Z\xd4\xaa\xc2\x88]\xa0T\xca\xe5|%\x1f\xf7\xfb\xe5\x1e\x8f\x07p|\x08jmm-h\x8f\x12\xd6z:\xe2\xd2\x8c)\xb4\n\xf4}\x8a\x11f\xec\xe9*\xb7\xbb\xc3\xddQP\xa1r{T&gt;\xb7/\xe8[\x03\xa6M0_K ZX\xc7N\x9dJ\xff8\xbf\x04\x90\xb4\n\xf8\x9b?sf\xa1\xb3\x1f\xb5\xf5\xfd\xe8\xbf\x1b$B2mvvvn\xfa\xfc\x85QS+\x1f\xb8&gt;\xce\xb7Zsr\x00\n\xcc8\x0fm=\xb2\x85\xe9\xce\xce\x8e\xcd\xcdNPi\x0b\x1e\xfb7\xdd\x1e\xbf\x932E\x0bki\xe9\xd8\xb1c\xf9\xf9\xd6\x83\xc59 \x99\xc2h\x84\x81vaa\xab\x0f\xd9\x02&lt;,,\x9c\xfecg\x7f\xffZ\x87\xc7\x83\xe3T\xe0\xf2\x83\x94\x94\xc87\\\xb7\xad]K`\xf94WqNN\xbb\xb6\x1e\xb8\xea\xd0\xa4\xdd\x07#\x11\xfcN\xd3&gt;u\xbb}\x1e\x87p/)\xbe\xf26y\xe6\x197\nX\xc8\xf2i.kq\t\xa0\x01\\1\xfa\x0c\xa3\x1e\x86\xb5\xbe\xad\xce\x0ez\x19\xc1\xed\x06*a\xc6\x1e\xf1\xe5\xb7\t\xa1\xfb\xcc\xd8\xc8c\xb9\xc0\xba\xacV+\xfa(\x04\x884\x10d\xda\xfa\xfa\xc13}\x10\xfbn\x9f\xcf\xe3F\xa6\xf2\xf8I&lt;\x8c5\xf3\xe6\xc93f\\$\xa9^\xfe\xb0\xba\xd4\xe5\x9a\x98h\xcf)\xb6";\x98\xa3i7"\x0f.lA\x90C\xb5jA\xd5\xd4\x07X\x1e\xbf\xc3I\xee\x05\'^\xfe\xf6\xfaW/^29\x11\x8b\xafk?\xac/\x0e,Z]\x13W\'\xeb\xaf\xb6\xe7\xe4\x1c\xb4\x82Z\xda\xc130*v@Y\xf0\x05\xa1\x8d\xe9\xed\x05,\xd0\x8b\xefp:1\xb4|m\xba\xf2m\xe8\xf6\xeb\xfb\xcc\x14v\x84\xba\xc1\x94\xa9\xa7w\xef&gt;\x1a\xb0\xa2\xbd\xf4\xa1\xa1\xa1\xfav\x10\xac\xb8\x1d\x9a\xe7\xaa\x0e7\x1c7\xb9\xb9b\x83!\xb7\xa7\xc5\xe1Qy\xdcJ\xdc)\x91\x90\xe8\x15\x1e`\x8d\xac\xaf&gt;a\xa6\xc4p\x19\x91\xd1jj\xfd\xd1\x9d\xe5\x81.\xb4\xf0\xe6\xf56y\xc7\xdbQ\x98\x0f\x1e\x9d\xeew\x07\xed\xb9\xe2"CQ\x91!\xd7\xdeB\xab\xa5\x04*\x0c\xbd\xe4\xdc!\xbe\xf2\xfc\xc5\xfa\xea;f\x0c\x9b\x17\t72f\xe7B?\xdeY^&gt;\xd051\xd9\xe4\xad\xa9\xb9p\xc1;\x9eS\xdc^_W=]\x05c\x7f\xae\x18]v#*P\xcb\xad\x14\xee\x01*\xb4A\x0f\x05"h^}\xf5"\x8d\xcd\xe6\xb1"\xc0\x958\xf7p\xee\x9fw\x96\xff\x8c\xb0\xce\xd5\xa8\xbb\xd5j\xc4\xd5&gt;^W}\xba9\xaf\xc2\xdf\x93k\x17\xd3T\x1e\x95\xca\r\xfd*&amp;\xc1\xf6\x80Z{IS\x91\xfb\xc4\xd0\x06\x8d\x15\xcb\xdav7\xee\x9e{8\x13Z\\^\xfe\xe8\xaf]\x13\xa55j\xb5\xd9l\xee\xbe\xe0m\x07\xac\xee\xea\xb6\xe6&lt;\xb7\xdfn\xb2\x8b\xed~\x07`)+D\x99B\x82\xc8\x0ecQ\xf6\xaao\xd4\xc5/\x98lv,k\xfb\xb9\x12\xe6\xf6\'\x8d\xde]\xfe\xf2\xc8{,\xbd^\x0f\\C\xe3C\xde\xee\xeaKm\xcd\x05*8\xfd(p\xa0C\xae\xaa\x10\xed\xe2\x93;\xb0\xec=\xe0\xc3\x8c\xbd\xb8\xca\xf2\xcd\x8d\x95\xef\x99&lt;\x10\x8b\xc5\xdb\xe6\xb0\x07\xb1R\x13\xbez\xb4|\xe4w\x07\x8a\xaf\x02\x96Yo\xb1\xe8\xcd\x80\xe5\x05,\xe0\xd2\x89p\x89\xdd\xe9\x90\x83\x81Z\x99|\x12\xad\x84\xef\xd8[\x96Q\x96\xd9\xa8\xff\xcb\x8d\x95w)\x88\x8a\x15\xcb\xdb\xd6\xaa\xca\xd8?r&lt;-\xf5\xc7G_\x1e\xf9"\x1f\xb0\x9aj\xcc\xfa\x13\'@//Z\xa8D\xdf\xb2Y\xa4J\xa7\x13\xdd\x90\xc0\xd0\xaf\x84\t\r\x83\xa1\x0c9\xb1\xec\xc3Z\x1b\xc2z\xc2\x8b\x8deq\x01k;\xb9\x18\x89S\xa1\x9d\x9c\xe4\xa7\xcb\x1f}q\nJ\xd5{\xac\x06\x8b\xbe\x1b\x89u\xe9R[\x9b\xc5v\x92\xcf\x97;\xd0\xed&lt;\x7f\x17\x88\x85\x112\x02\xad9\x97\x1d\xaam\xd5\xff^\xedz\x00q\xc5\xe5r\x01+v\xdb\xd2\x91\x11?55\x9b\xc4\x89\x1f8|\xea\xd4\xe3\xa5\xe2\xf6q\x84ei\xb5\xd9,\xe6\x9a\x0b\xddfK\x03L\xd7:4]\xfb\x9dN\x1c\x87\xe6Y\x88\xa1\x89?[\x98\x91Q\xb6\xefd\xeb\x89\xd6\xa6\xbe\x14\xf0`\x18\x8b\xb7]\xe5\x8b\xc1\x1c}\x83\xb0\x98\x1b]K\x8f\x1f/AQ\xf0\xd6\xa8\xf5\r\r:[\x83\xc5\xac\xee\xd6[\x1a\xd0\x05I\x85R\x05ba\x00\xc6\x17\x92\x04\x05T\x18\tX\xbbj[o\xdc\xb8\xf8\x0f\x1e\x97\xc5\x8d\xe3rQtm\x97\x1fSF\xa7\xa6FgwrR^_u\xad,!,\xf4\xe1J\x83M\x07r\xe9Q\xf0\x03\x96\xa8\x02\xdd\xbd9%\x18\x06m\x03\t\xa3?\x9aa1!\xbf\xec\xd0\x1fZ\xd5\xe7\\/\xb9\x08+\x0e\x82+\xac\xd7\xaf\xcfG\x06odjttdv?\x93\xfd\xaei\xf2\xde\xca\x92\xeb\xbd\x13m\xba\xb3:p\xa3\xd9l\xb1I\x0b\xc0\x83\x0e\xdc\x89N\x1cp#\x06\x03?E\x11\x04\xcch\x10\xf2gk.n\xa5\xc4\xb1\xc2X\xa0\x16\x80q~\xfd\xf9\xb8;4Ec\x1dO\xe3\xddW\x97^\xbc\xb7\xe2\xca\x01\'\x9aA\xad\xb3gu\xba\x06=\x00\xea\xa4Y"\x95\xdc\x81a-\x85p&gt;\xa3\x8b.JF\xc9\x90p\x19\x99\x87j\xcfz\xef\xddg\x01V\x98\n\x8c\xc7\x8eO\x8b\xe1\xb0\x7f\x15\xd9\xee\x87a\xac\xb9\x99dv|\xdb\xb9\xd2\x8b+\xf7&amp;\xc6\xbd\x17h,\xa9T\xaa\xbb\xa4\xd77\xe8\x1aEJ\x95\x1f\x98\n\xd1r\x14\x86Q\xc8\xe0\xf0\xc1H!\xc4\xd6\xd9\xd2\xd7)\x88\x88\xcb\xa5\xa1@,v|jj2\x87\x99\xf6\xcb\x83\x9fq=t\x1e9q4\xf4IB\x0c{X}\x0e\xdc81\xe9E+\x1a:ic^\x1e\xc8\x05\xee\xa4\xafu\xfd\x85\x85\x88\x06\xb0 \xe0)\x02\x0eE\x92\x14\xf2?\xdcg\x9b\xb8\x1f\x8b\xb0X\xb4X\xe0CVL|rjBB\x02\x93\x93\xc6\x89\xfbE\x92]\xdb?r\xfeahdttj\xe4|\x12\x87\xf7\xc4bnr\xad\xb8\x90Zt\xfa\x15d\xe5A\xd4\xa3\x8d\xfe\n\x88-\x12-ma\x12\x12\xa3d\x80%!I\x84\x95\xb9\xcf\x0c\x91\x05&gt;\xfc;/,\x16\x9c\x8c\xcc\xb4\xe4\xd4\xd4\x84\xc4\xa4\xc4d\x0e\x87\xfd\xf3\xc1\xe2v\x86B\xd7?\xfdd\x16\xb8\xa6 \xe6\xd3x\xcf\xaa,5\x17W\\\xa5\xden\xf3\xa5\x06\x08\xf4,Q\x96\xae\xc1\xf2\x7f,\x1c\'1\'\x86I$\x04EP\x18\x18\t\xa9\x98\xd9X\nb\xc5\xb1n\xfe\xf4_\x94\x83\xb1\xe8`\xe4\xa4\xc5#\xbd\x12\x13\x93\x92\x12\xe3c~\x9e+\x19\xb1\xfbg\x8f\x9f\x0f}z\x1c\xb8\x00\x0b\xbc\x98\xca\xe6\x05m\xea\xc9\x15\xd7$`!\x8d\x10V\x9e\r*\x05\xba@\x95\xe3B\x1c\xc0H\xf4\xeeUB\xd0P\xf0\x13f\xea\xbfO\xe3\x82X\xff\xf9\xe9\xedN\xc4\x05\xceds\xd2\xfeW\xc9\xf9\x86\xb6q\xdeq\xdc\xd6\xe9\xce\xa7C\'\x9d\x1c\xdd)\xbaI\xaej\x113\x1b\xa96G=B\x02KmX\x08c\x99\xf7\xcaoF:\x10\xb9\x94\xcaC\xe5\xa8\xb3\x96\xdb^LI7\x04\x9di^\xb4\x83\x8di{S\xe3\xbdHt,zQ\xfd\x01\x05m\x19\xa5\xe9`\x82\xd6\xa1#\xa4\xc5\xe0J\x11\x9e\x8c\x92\xd5\xae\x1b\xc7\xce~\xbf\xe7\xb9\x93\x94\xd2m\xdd\xcf\xb2|\xfe#\xf4\xd1\xf7\xfb}~\xcf\xf3H\'\xc7bB @\x04\xf3\xfb\x95\xffcX\x0e\x07MK\x17\xe4zA\xd3t-W\x87pm\xa2\x8b\x1b\'\x9f;\xfb\xde\x8d\xb3??A\xb1\xe2\xf1\xf8\xdc)&lt;Op\x06\x1aD(\x14\x89DF\xa3\x11\xc8Vx\x92\x8a\x05\x9dkn\xe9&amp;z\xf8\xfe\xeeC\xef\xfd\x0e\xa8\x05\x88\x8c\xcb\xe5\x8a\xa1`\x01/QL\n\xb0_\xaf\x91\rsFNVd\xd3\xac\x16%Y\xd2L\x90\x0b[\x84\xc0\xb2\xaf\xfdt\xe9\xc6\r\xb2\x82\x80l\x01M|f\n\xcf^\x84\xbe\x95\x0c\x85\xf0\x14\xf9\xc8\xa8\x8fT4J.\xc7\x7f{\xe76\x06~\xbf\xfb\xbbB\xa9\x06b\x8dxx\x8e`\xf5\x15\x03+c_c!6\x1c4L\xaf\xa2\x99\xa6\xae\xe7\xca\x8a_\x925\x03\xd2\xb5Zo\xf89~\xe3\x8d\xa5\x97\xdeD\xac\x1f\xbc\x8c\xe7RB\xcd\x91\xe7\xe6\xe3\x8b\x885M^@G\xf3\xc0L\x14+:w\xf6\xae\xcb\xe3\xe1\xafw\xf7\x98\xad-\\\xdc\x8c\xb8E\xc6\xa6\xa2\x8aQ0/\xf3\xbf\x12&amp;\x9a\xba"\xe9\x95\x8a\xaekz\xa3\xac\xc3md\xdd\xaa\xaf\xae\xae\xd5\xa0\xa3\x8a\xaf\xfd\xe8M\xc0\xa2b\x9d\xc4\xb3\xe6g\xa6\xa6\xd2sh\xe2\xf4t\x04\xd3\x858QT\xed\x02\xb4\x88\xe3\xcf\xff\xe5\x16\xefq\x8b\xfb\xddG\xb5R\x81$\x8bg\xb8\x1e\x16U\x8cpI\xc2\x7fK\xd8\xf0\x98W\xf6\x82P\x15]\xc32\x8a5\x19b)A\xf6A\xaf\x9c\x9f\xe1o]\xb9v\r\xe6\x1eH\xd6\xd4\xd4\\\x06\xe5\x9aI\xa7\xc1\xcc\xd9$\xca\x15B4P\n\xafaH\x9e?y\xad\x83\xc9\x12w\xbb\xd7\xcb\xa5\r\xf4p\x04\xc5\x02.\x9bL\xe8\x0fJ\xe9?op\x87\x05\xc9o6\x0cS\xd7dYF\xac\x07\x05\x10XQ$\xb3\xfa\xf1\x9dB]\x17D\xf1\xf3\xa5\xa5\xa5\x13(V:}9\x9d\x81p\x01\x16p\xa9\xaa\x8aX\x11\xc8\x17\xd1*2\xba&lt;\xbf&lt;\xfb\xfc\x1d\x01&amp;\x1d\xf7Ns\xcfUZ\xe7\t\x16\xcbq\x884(\x98\x80\xd9G\'\xc5\xe1\xaf\x0e\x95.7r\x8d\n0\x81s\xc8e\x14\xcap\x13\xe8}r\xe3\xf1g \x97\xc4\xf0\xae_\xe3\x9b\xa2\xa0U\xcde\xf0\xad\xf1q5\x81\x8a\xc5\x13*\xea\x95\xc4\xb7\xa3\xe3\xd3\xa8\xf8&lt;\xea\xf2\xf4\x0f\xefx\xd9\xb11\x8f{\xbf\xb9\x9f[y\xc0\x02\x96\x87x\xe8\x1a\x14\x8c8\t\x11\x86{\x94\x02_\xb1\xe6\xe15\xd3\xb0r\xa6\x0e\xb6a\xa0dM\xd6\xcc\xb5u?bU\x8a\xd5\xcf\x0e?_\xabU\x04\x91\xff\xf0\xca\x89\xef\xbex\nb\x95\xc9dR\x89D2\xa9&amp;R\xf1D\x9c\xbcE\x1e\xcf4\x8bDQ\xab\x0b\xcb\xcb\xe7\xdf\xfe\xd9\x06\xc7\xe3?\xa5\xdbk~\xb2Z\xda\x84\r,\x0f\x1er6\x14\xbd\xf4\xf4"\\\xb2?8\xfc\xa5P\x05\xfc\xa6e\x19\x08E\xac\x96\xb1*\xf5uK\x80\xe9\xab\x98\x7fp\xef\xf0\xa0V\x87\xde\xc5\xb3\xaf\xe3,\x98A\xac4y\xf7\x1a\x82%\x12p\x08djr\x01\x1aW$rar\xf9W\x17\xdf\xe9\x08\xf2f\xe76\x7f}w\xf7\xfd\xf2J\x87\x01.7\xdbSkP2: \xf1\x1e%\xe5\t*\xc6_\xc9\xd9R\x01\x15\x95K\xd6\xf4jy-\x06\xb7\xa8\xe6?\xa8&lt;n\x7fhY\xa6"\xba\xef\xbe\x88\xfd\x13*\x93\xce\x02U$\x12\n\xa9X\x84+\xb9pd\xd2\x07\x16\xce/_|\xe3^\xcc\x7f?\x9f\xcf\x97\x8a\x9d\xbf)[[.\x91e\x19\xf0\xf0\t,\x97k0^2\xc6gp\xf6\x13\xcc\\\xae\xd105\xd9O\xa8l,\xe8\x0c\xc5\xa2\x0b\xfe^+\xe5\xad?\xb7\x17a4xE\x8f\xf8\x0b\xe8\xef\xea\xe2\xa2\nj\x91\xed\x04N\xc9PI\x94\r\xf6\xd3a\x98\x80\xe6\xe7_\xfd\xfd\x0b\x95\xeaVie\xe5\xddr\xb5^\xafY\x15\x11\xb2\xcf0=\xb18,\x9b\x0b\xfb\x97\xdd\xf2e\xb9\xbf\xcb6\x84\xb0\x00\x00\x03\xfeIDAT\xa6\n\x00T\xaea@\xd6A+\xaf=% \xbb\xd6(l+\x08\xb8\x9d/\xdck\x1f\x98\xa6\x1c\x83ywcn&amp;\xa5\x1e\x9f\x9e\x8dg2\xb0Q\xc5\xe5U\x98\xa0%\x93\x89\xc4Dd\x1c\x8e\'\xcf-_\xbc\xf2R\x19\xa0VJ\x1d\xde\xe5\xd5\xadj\xad\n\x0f\x89g\x1c\xb58\x86\xb1\x8f\x9d\xf6\x15P\x02\x08\xe7w\xa0\x94\n\x812\t\x15\xc1r\xc05\xcd\\]7\xb0\xaf\xae\xe5\xd7\x8dv\xfb&amp;,ED\x98\xd5\xee\xc6\x13\xb3\xe7GC\x89L&amp;\x11\xf2\xe1\xab\xf9g\x8e\x8e\xcf\xfb"\x98\xb1\xd3\xd1\xa3\xb0\x88\x18?\xf7\xea\xcb\xdf*!\xd5\xd6m\x18\x8a\x1e\x96\x13\xfcZ\xa5a\xc4X[/B5\xc0%`Q@\n\xc5\x996\x94N\xb5R\x94\x9e^\x80U\xa9mo\x1a\x06\xcc\xd6\xf9\x15\xf3\xa0\xfd\x96\x10\xe3n\xdf\xbc{+\xf8\'\xf0\xcaw^MeR\x0b&gt;rN\xd4\xb1cg\xc6\xa3!5\x95\x9a\x08?\xf3lxr49\xf5mB\xb5\xedB*\xdc\xb7\xe2b\x99\x85O\xe6\xc9\xe2\x9c\x9eO|\xc5c2\'\xeb\x96\x05\xa12\x10\n\xa9PH\x02f\xcbU\xa9\x96\x8b\x86\x01\xbf\xbb\x9f\xaf\xbdu\xf0\x85d|\xfc\xf8\xf0\xf0p\xefQB]\x08\x85f\x17\xc1\xb40\x9e&gt;v\xe9\x97\x97\x8e\x8dG\x93\x89T\xea\x9b\xe3O==\x91\xbd\xfc\xdc\x1f\x08UA\xf4\x8c\xd15&lt;4R\xcf\x08\xe1\x83\x82\xec3A\x07\x8b\xba\xcaq\xf8#&lt;\x1c\x1ac\x00\xca\xca\xd9]\xdd\x86\xb2\xb9H\xec\x01\xcbz\xb0m\xe4$\xaf\xb7\xbe\xb5i\xd5:\xd0k\xdfnC\xb5\xba\xdfS\'\xa0KA\xdb\xf2\x81\x87\xdf\xb8t\xe9;g&amp;#j6{:\xea\x9bx\xe5\x95\xf4\x0b\x1f \xd4\xfd\x8e\xc7C\xa0p\xc5\x0c\xbbDzL\xf6d\x08\xc6\x04\x83\x03l\x88E\x10\x87L\xab\nT6\x14\xa5\x12\xc8\xa0p\xf4\x02\xac\xc6\xdaz\xc1\x0c\xc4d\xc3\xb2\x1a\x15Yq\xc5\xb8/\xda-\xe0j\xee\xfe\xf84\xf6\xa9\x85#\xcf\x00\x16\xb8xn2\x94\xc9\xa6&amp;\x92?\xc9fO\xfd\x91HUt\rP!\x14\xee_\t\x18bQ0\xfc\xe4\x82\\\xcfQ\xc4\xaaVQ*\xea\x9f\x84\xa9B*\x8ae\x0b\x06k\x9aZ\xb9\\3\x8c\x8a\x14\x88aNY\xd1\x15\xfbG\xbb\x85`\xdd\xbd\x89\xe4\xc2\xc2\xd3\xcf\x92\x17\xa9\xbf\x0f\x1e\xaa\xd9t*\x95J\xc4?%Rm5l\x10JEL\xa4X|_/\x14\x8cH\x16\xa4\xda!\xd7\x10\x08@\xa0p!\x86a\x0f\xa0Z\x8e\x8f\n\xd5Kol\xaeZ\x9a\xc01\xf6\xe3cDW`g\xaf\xd5l\xb5Z\xcd\xee\xdeo\x8e&lt;\x05X8\x12\xcf\xf8B3\x99t:\x1b\x7f\xfd#\xe2_\rR5FMs\xbb\x1d\xc1\xdc\xf6.\x83\xe4Kd{N\xda^\x06\xc9(\x1d"\xa1\xeaSQ,\n\xa6\xd0\x01\x89\x9dT\x07\xebPe{\x0c\x05Y&amp;\x10\xfb\xe4\xa0\xd5\xa2`\xff:\x8aXG\xc7\xc3\xd1\xe4\xe2L\xfa\xf2;\x14j\x13\x963c\x8e\x81\xee\x1e\x17\xf9\xe2`\x11*\'\xfb\xceW\xc4\xc2E\x15NC\x04K\xb1\xa3%8\xf9\n\xd0\x0e\xe6\r\x08`\x1f\x17$2\xc3\x05\xb3\t\x03gg\x1f\xc9\x9a\xcd\xee\xeeCp1\x1c\xf6\x8d\xce\xaaq\x07\x8a\x84\xeaKPv\xf1\x0e\x96\x83\xc6\x12\x1fl\xe18\xb0q\x88\xcc\xc6\xd2\x80\x85\x04\x8bP)\xb6b(!`\x11.B\x15\xc4T\x06Y\xfcvg\x7f\xb7\t\xd5\x05\xc9`K\x11\n\xfd\xf3\xa3\x12T\xb9*:L\xbc\xadN\xdfH\xfe\xaambO0\xa8\xde\x01&gt;n\x8e\x19"S\x0cB\xf9\xe9\xdd;P4_\n\xf9\xc0\x1f\xc7\x08\x17\x0e\x18\x92P\x00\xe3\x82\x10~6(\xee&lt;z\xb8\xdb%\x92M\x7f\xfaWd\xda\x94F\xdc\xf4\x99\x19\x9ew\xe4\x81\xefF\xe0\x83^\x8b\xee\xbeV\xce5\xa2\xf5\x15\x1b\x82\xc5\x17\xa9\'\xa0z\x829E\xb1\xe8\xd4\x1at\x8a\x0b\xc2\xe2\t\x1b7?r}\xe7\xd1\xfe\xc3\xbd\xbf\x97\x8b\xab\r\xc1\x83m\xd36\xc9\xe1\x02 \xa0\xb9\xca_\xc5\x8e\xe5\xe6{\x1e\xb2$\xf6}FdC\xba\x7f\x03\xb1\xcd*\t?\xd1\xa8/\x00\x00\x00\x00IEND\xaeB`\x82'</t>
        </is>
      </c>
      <c r="M319" s="3" t="n">
        <v>45492.67709490741</v>
      </c>
    </row>
    <row r="320">
      <c r="A320" t="n">
        <v>927667</v>
      </c>
      <c r="B320" t="n">
        <v>1980</v>
      </c>
      <c r="C320" t="inlineStr">
        <is>
          <t>Erick Farias</t>
        </is>
      </c>
      <c r="D320" t="inlineStr">
        <is>
          <t>Erick Farias</t>
        </is>
      </c>
      <c r="E320" t="inlineStr">
        <is>
          <t>CA</t>
        </is>
      </c>
      <c r="F320" t="inlineStr">
        <is>
          <t>ATA</t>
        </is>
      </c>
      <c r="G320" t="inlineStr">
        <is>
          <t>CA/PE</t>
        </is>
      </c>
      <c r="H320" t="n">
        <v>172</v>
      </c>
      <c r="I320" t="n">
        <v>7</v>
      </c>
      <c r="J320" s="2" t="n">
        <v>35432</v>
      </c>
      <c r="K320" t="inlineStr">
        <is>
          <t>Right</t>
        </is>
      </c>
      <c r="L32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c22b57ae-e8a4-4abc-b97f-a341469a5c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\xa5\xed^\x00\x00\x03\x00PLTE\xff\xff\xff\x19\x18\x15\xc0|V\xcf\x89c\x11\x10\x0e\xdf\x95p\xe1\x99t\x04\x04\x02\xfe\xfe\xfe\n\t\x07\xb1qO\xb9yW\xdf\x92i\xca}W\xcf\x83[\x9fcD\xb8tQ\xe6\x8b`\xd3\x8fic\xb3\x88\xe4\x97q\xe3\x9dx\x81N4\xc5\x88lv\xb2\x8c\xd3\x94q\xc9\x86c\xcc\x8en\xd2\x91|\xda\x9e{\xd8\x98u\xd6\x85[\xaciH\xdf\xa5\x83\xacnM\xda\x8ab\xa5fE\x9a^?\xc1\x80]\xa3lO!\x1e\x1b\x97Y:\xb6iH\x90H%\t\xb5\x95\xb1xZx\xb9\x90\x08\xb6\x8bj\xb7\x8b\xc8\x82\\\xc5xT\xd9\x90i\xbeuP\xada@\xd9\x94o\x8bQ4\xea\x90e(\x93l\xfb\xfb\xfa\xd1\x97y\xd3\x8cr\xdb\x8es\xd3\x9e\x81\xb9oL\x8f]C\xe1\x87Z\xe1\xab\x89\xd9\x93|\xc9\x91z\xb6\x81b\xc0\x84e!\x15\r&amp;$!\xe3\x96\x80,\x89e\x9fW6\x0b\xba\x9d\xdf\x9ay\x8aW=\xa9sV\x7fV@\xe7\xed\xed\xc4\x8eq;#\x15\t\xc0\x92\xd3\x87l\xf7\xf7\xf4 \x9ev\xa9[9\x94cIo\xab\x86\xd0yUg:%-\x1d\x13\x91U8\x13\x06\x02,+)\x0b\x9ex\x95M*s;$\xb4\x87m\x98kP\xd0~b\xf0\xf3\xf2r\xc7\x97e\xa8\x81\xc7\x9a~\x81\xbe\x96\xc6tL\x98Q/\x08\xac\x83Z(\x16\xe7\x91moE/*yY0\x9br\xdf\xa1~j\xbe\x92xG2[7$\\\xa4}~E)\xe2\x92y\x1d\xae\x83\xe4\xa1}\xaa{c640\xb1]7\xb8c&gt;\xa2^=\xd8\xe0\xe1dD2\x19\x96p)\xa6|qO&gt;/\x10\x05\xd4\xa6\x8d\x1d\x8ch\xdd\xaf\x95P*\x19\xb9\x8ew \n\x03\xa0R.\x1b\x80_\xe2\xe4\xe4\x8aD#C-\x1f\xc3kE$bH\xea\xad\x93T\x9bw\xed\xa7\x85-\xb6\x89&gt;\xac\x80d1\x1b\xe8\x9c\x86\xdd{\\H \x11\xc9\xa2\x8b.\x81_\xd0\x95\x88\xe3\x88l\x14[D\x17\xba\x8c&amp;nQM3%=\xa1w\xda\x7fS\x87I-\xd9\xb7\xa26\xc0\x94_\x95t\xd1\xcb\xc6\xec\x97s\n\x90n\x89\xc8\x9f]\xab\x84\x9cvb\xef\x9e{\xa8V2Z\xc7\xa0\x8f\xcd\xa6\x12sV\xc6mP\xda\x84f4(\x1ei\xa0\x7f\xea\x83XT\x89jF\xb6\x89O\xbf\x93\xdc\xa3\x8e\x85bNt[K\xd3pJ\x0c\x86e\xd5\xbf\xb3\xb9\x94\x83\xd9\x9a\x86}:!&lt;\xd5\xa2BB=\x14J6\xcf\xd6\xdd=\x17\x0b\xf3\xeb\xe1\x8fp\\\xe8\xb4\x9eRRIK{^\x7fjY\xcc\xa7\x9a#\xc6\x95\xa0\x87p\xcf\xae\xa9\xe4\xbd\xae\xe7\xd9\xce\xae\xb1\xac7\x90k\xc2\xcf\xd6TA4-\xd2\xa0\xderK\xe1}\x86\xdb_j\xa9d^\xe3\x96\x9e`\xd6\xac\xbc\xc3\xc1\xb4wpJ\x90n\x8f\x92\x82ttp\x83\x85k\xc3qa\xa8\xd6\xc2\xcbY`\xe7\xcb\xbb^][z\x9c}\x9f\xc6\xb6\x84\xb5\xa7?jQ\x97BAu\xd8\xb7t"\r\x99TR\xc5\xe3\xd4\xa0\x9f\x932R?\xc9X7\xb4NR\xc6\x81}\xd2su\xae9\x1d\x95.\x12\xaf=\x00\xfd\x00\x00 \x00IDATx\xda\xcc\x97Ah"Y\x1a\xc7\xbb2o\xb1J\'\xab\xecA\x99X\xcc\xd8\x92hi\xa8CK\xdc\x86te\x94\xb5\xb4j\x916FQ\x94\xc4\xb6\xb0\xd5\x80D\x16a\x88\xf4!\xd51\x82\x1b\x92\x1e\x89\xce\xada\x83\x17a\x02\xb9\x84\x1c\xa6=%\r\xdd\x0e\xd2\x10$M\xcf"\xe42\x90%\xe9=\xe4\x9c\xc3\x1e\xf6{e2\xdd\xc3^\xcb\xee\xfd\x0c\x95R\x8a\xbc\x9f\xff\xff\xff\xfb\xde\xcb\x9d;*\x14\x89\xeb\xcel\x9c\xc4ww\xfe/\nP\xe2;\x0b\xf1\xf8\xc2\xceu\x7f#\x1e_\x9e\xfd\xfc\\\xa0\xcd\xf2\x80\x8c_1\xd2\xd5\x95$"\xd4\xbf\xbc\xea].\xcc~f\xc5\xc87\xfb\x83&gt;\xba\xb8\xa24H\xa3\xd1Pp\xa1(\x84z\xfb\x17\xe7\x9fM2P\x84\xdcg(\x8a\xd2\xe0\x1a^\x95;\x8a\x92\x10\xba\xd8!?G\xcaHrg\x81\x1c\x10\x98\x03i~_\x08\x93R\xf2\xf9\xf5\xc2\xa7\xe6"g\x07\x03\xb17\x90ot\xfa\x1f0\xc5K$\xf7&gt;%\x18,\x15\xbfDh\x08\x04\xca\xdc\xfa\x08\xef?X\xa9Q\xe2&amp;_\xc4?\x19\xd8\xec\xc6\xe0\xf2#} \xe8C\x1e\x8aP\x82u\xf3\x06\x11pK\x10W\x83\xd9O\x931r !\xea\x16\xe8C\xb4@\x1d\xea#G)\xc4\xc0\x07\x0cB\xc4\xd5\xf5\x9bO \x19\xb9!\xffN"\xea\x06\x83\x1a*\xf5q\x81Z\x082F\x88W\xfb#\xcfU\xfc\x12\xdb\x85\x95AH\x19T\x84\x06\rcE\xdd\xa8\x85Q\x14XD \rb\xe0\x0b\x10\xfd\xc1\x88s\xb5|\x81pn\x86\xea Q\x11\xe8V&amp;L1\x1c\xa8\x84b0AH\x94\xc8`\xd9\xfa\xd2\x0e9\xd2\\\xf5\xf1\x8ax\x88*z\xc1v\x83\x01\tFI;\x84\t\xc8(\x85\x15_\x11\x12\x89a\'\x10D\xff\x9c\x1ca\xaez8S\xb0\x1a!"b89)I\xa2(\x11\xcb\'a\xe1D\n\xfbF\x80`\x04~\x80\xc0\xf3\x0b\x9aR\x14/\xe3#\xa3\xda\xb9\x16)\xe8{E-Y\xc2\xa2\x80ZH\xbe\t\xb7\x12-Jf(\x85\x97A\xd2pK"(\x99\x10\x08\tF\xeb\x88\xa8\x96\xe1\xa0@\x882!\x83\x00\x0cE00(\x10#c\xa5\xf0\xe2\x8ai`h\x8fR\xc6,\xc2\xc48~\x88`\x98\x1e!\xf5G\x95\xae\xd9\xf3\x9e\x88\xf0\x88\x84(3\xd8"p\x0cQ\x12#\xe2\xce\x03\x8d\x08\x11GM#\x0f\x93\x07\xcf!\n\x9e\'\xb0\xbe"\xd1\xeb\x8d(\\p\xaa\x92zH\xc2\xfd.KH\x92EqxV \x90\x04\xbaa\xe5\x08\x82\x91\xc1V\xe0\xec\x017\xa8D)\xbd(\xe2\x80\xf5{\xef\x97\xc9\x11\xe5\x9d\x01Up\x88\x00EF\x10.\xb0\x90\x10\x18$*Xi\x84E\x03\r%\t\xf5\x05\xa0\xa4\x90$\xca=\x11\x08)F\x14{\xbd\xfd\xd1`]\xc3\xf2\xd8B\x06\x1cd$A@i\x91a\x84\x94 0\xb0*\x12\xd2\xb8\xfb\x18\x1c7\x10,\x9d\x96@\xcc\xbe\x08H\xb2,H\x8c,K#\xea\xc5\xe5&gt;^\x15\xb0\xc04(\xf4\xbd \xa4:\x82\xf0w!\x05d\x9d\xefS\x8c \x82_`\x1bP\xa1t\xba\x83?\xa5\x84\xb4F\x96\t\xf1L\x90\xe0;m\x8cB\xacs\x11+!\xc2H\xc2\xdf]\xea\x08\xcdv\xb4\x9d\x8a\xfeV)\xa8\x8e\x90b\xb0|i$\xa4\xa2B\xb4\x9dNS\xf0\xb0\xdc\xefC\x14\t\xe22N\x8e\xc0C\xd0J\x94\xb0\x8d\xb2$t\xda\x9dhs\xa9\xbc\x04Uz\xfcxi\xa9\\\xde\xdenF\x9b\n\xde\x101\xdal7Si$_\xca=\xf9\xec\xaa\x7f\xd6aPO\xfd\x19\x01}H!A\x86\xc1%1\x9dv\xb3Y\xae\xd6J\xab\xc6\x90\xd1X\xac\x04\x83\x8e\xfb\xf7\x81m\x1b\xaa\xfc\xfco\xcf\x97\x9e?\x07J\xe0-5\x05\xa1\xd7\xef\x9du\xfa\x9df\xb3\x99\x12D\xf5COnHH\x10%BH5\xa3\xed\xb3v\xadf\x0cy\xa7\xf4\x93\x95\xca\xe1\xd3\xa7\x87\x89\xc3bf\xfa\xc9\xcfO\x9e&lt;i&lt;i\xc0\xaf\xc7\x8f\xf1}i\xb5t\xfc\xb2Z\xadF\xa3M\xb0\x14\xb2F\\\xa8\x8f5\xa0PJ\x86\xf4\xb4\xdbmPj\xd5\xa8\xd7z&lt;3\x1e\xf7\xd3a\x1d\xd63\xd3\xb7\x95\x99n\xc0k:\xf3\xc81\x15Z\r\x87O\xc2%0\xb8\xb9\x1dM\t}\xb5G\x179{\t\x1d\xd7nv:\xed\xea\xaa1i\xd7\xce\xb8f\x16\xc7]?\xac\xaf\x03\x12\xc6\xc2\\\xc02\xdd\xc0x\x8dF#S\xaf\'\x12n\xad\xce\x9e\xf3\x86C\xc6\xa5\x7flG\x9b\xcdhG\xedIO\xee\xc8\xd1\xf2R\xb5\r\x99\n\x85\xa6,\x1e\x9dk,\xff\xc7\xc5\xf1\x95\x1f\x00\xebi"\x81\xe5\xaa+BM\xdf\\\xeb\xf5\xc3\x84\xdb\xe04\xf8u\xac}\xea\xfeR\xb4\xb9]\xabV\x9b\x97*\x9f\x9e\xc9s\x90\xa9T\xae\x96j!G\xc5\xe9\x9cq\xad\x8c\xe7\xcd\xb1\xfc\xbdq\xe0\x02*\xb7bc\xe6\x16\xab\x98\xc9\x04\xebu\xb7\xdb\xad\x0b\xf8uN\x8f\xc5b,\x95K\xa5P\xad\xdaW\xf7\x18\x01\x1e\xb6\xab\xd5Z(\xec5\xeaa\xb5\x19\xd7O\xe3\xe313g6E\xee\xcd8-\xf0\xc9\xfaoX\r\x80\x82W=\x98\xd0j\xe7\xd7\xb2\x811\x9d\xc1c\xa9\x18K\xaba\xefq\xf8L]\x17\xc9\x9d\xb3*\xfc\xe10\xe4d\xd2\xed\xf6\x8c\xcf\xdc\x9b\xa0\xf9Vk\xb3E\x9b\x03\x1e\x8f\xd3\xb9\xee\x04+\xeb\x80\xf3A\xad\xe0\xa4\x8e\xb5f\x9f\x99t6\xe8\x0c\x83&gt;\x94L\xe6r\xc9\xaa\xca\xbd\xb8\x7f\x06C*\x99\xf4\x86\xed\x16\xb7\xc75\x1e\x9b\xa0[\xadV\xb7\xd5\xa2y\xb3\xcd\x05`\xeb\xeb\x89[,\x88\xfb\xfdL\xb1\x18\xb4\xf8\xad\xac\xffY\xc406\x06`\xac7w\xb0\xb6vP;\x9dUw&lt;\x94A\xaa\\2\x97\xd4Z\x81*\x1f\xf3\xd1\x98\x8a\xa6[47\xe1R\xf4r\'\xea\xb8\x19\x1b\xf8\x07L\x84\x99f\xb7[\xd7\xb2\xa6\x80?`\x18\xb3\x99X6\xfb\xec\xe0 \xf9R\xd5p\x91\x17\xa5P8i\xcf\xcd\xdb\xe7u\xb6\x89|\x8c\xa6o\xd4\x024\xb3\xcd\xe6\xf1\xb8\xdd\x10\xaeb\x11s5\x1a@U\x9cr8\xf4z\xbb\x95\xcd\xb2\x86\x88\xc9\x1c1E\xb2\xcf\x9ee\x0fr/U\x1d\xf4\xe4i8\xe4\xf5\xe6\xeck\xf3\x81\x00M\xc7b4G\xf3\x18\x0c\xf4\x82\xb7\x811\xa7\xdb\r&amp;\x02\x16\xa6\xcad\x8aAG185U\xb1\xb3,[\xd1\x06\xcc\xe6\x08_(\xbc~]\xc8\xae\x1d\x0fT\xc4"\x17^\x86\xbcIo\x8e]cy3\xed\xa3\xe1\x87o\xf1&lt;\rl\xdc\x7f8\x93\xd9\x06\\\xc1`\xb0\x08i\xff\xb9\xd1\xf8\xb1\xf1c\x11\xcbU\tZ\xe7\xb5\xd6I\x96/&lt;\xe0\xcd\x85\xc2\xee\xdbB\xd6\x9fS3\xf3\xe4\xce\xcb\xb07\x99c\xfdk\x11\x9e\xf3u}&gt;_\x8b\xc7&gt;\x02\x16m2\x99\xf2.\x833\x91\x00,\xd0\t\x92\x05\xd7b\xe5\x91\xe3\x91\xa3\xc2\xce\xb3V\x16c=\xf8\xf6-\xd4n!\x9b{\xaf&amp;\xd6\x9b\x9a7\x94da8\x06x\x1a\xa0 \xf0&lt;o2\x050R\xde5\xeer\xcd@\xe2\x13X/\xdc\x8b\xc1"\xe8\xe6\x98\x9ev\xd8\xed\xd8E+\x1b)\xecnn\xed\xfd\x02X\x91\xb5S\x15\xcf\\\xb3\xfb5o2\xc9\xb2\xa6\x88\t\xa8\xba\xb4\xafE\x9b\x02\xf9X,\x96\xcf\xff{q\xd1\xb5\xb8\xf2\x93\xd3\xf9T\xc1\n\x06\xf1^\x98p\x03\xe0teRk\xb5B\x93\xb0\x11~ws\x0fJ\xc1Rq\xb7&amp;\x07\xb5P\xd2\xce\xfa#X\xab.pA\xba\x00\xea\xc5\xdc\xdc\x8b\xfc\xe2b~\xf1\x1b\xd7\x8a\xc7}\x08HA\x9c\xfc\x04L}K\xa5\x124\xb0\x01\xad\xcdo\x9d\xb4\xe8\xf8\xcd\xb7{{\xaf^\x15\n\x91\xec\xf1\x86\x8aX\xd7\xb5\x90\xde\xae3\xf1\x0f\x80\xa7\xdb\xea\xfah\x8e\x9b\x83\xfa\xc3\x97_\xbe\x80\xfa\xe6E~|\xc5\x99\xa8\x03\x96\xc5\x9d8L8=\x06\x9d\xc5\xe2\xb4\x04t:\x9d\xd6j\xb1\xb0\x91\xdd\xbd\xb7\x80\xb5Y\x88\xf8\x8f\xf7U\xc5\xf2\xe6\xe6u\x81\xafp\x13v\xbb4\x17\xc357\xf7\xe7\x87\xdf\xfd\xd5\xf7\xf0k\xb8\xcb\xbbf@\xa8D\xc2\t\xd9\xc7T:\x8f\xd3\xe3\xb1\xe9\xb4 Z\xc5\xa2\x0b\xec\xeem\xbe\xfa\xe7\xde\xe6n\xc4\x9fSoW$\xc9\x8b\xb0\xd7n\xd5M\xcc\xd1J\xb48\xeeO\xb1\x17\xf9|\x9e{\xf8\xdd\xc3\xbb\xdd\xa3\xee\xd7w\xbb\xdc=\xc0r\'*\x861\xe7\xba\xc1\xa05h=Z\xcf\xd8\x04k\x85\x13\xf5\x90\xab\x00Xw\xbf\x05,\x15\x07\x17\xf9\x1eF\xbc\xd5\xf3\xc5\x9c\x0f\x8fO.\xc6\xc5\xbe\xc8s\xb0\x01u\xbbGGG]\xdfWp\xe5\\0R\xdd\x15\xd6\xe6t\x1a\xb4\x93\x16\xabE\xabe\xfd\xec\xa4^\xef\x98\x9a\xd4\x8e\x05xH\xfc\xd6\xd6fd-w\xad\x1eV\xfct\x88\x15\xe3|\x18l\xc2\xc4\xf3\x11\x9e/\xf0|k\xf7\xa8\x0b\x93K\xc1\x82\r\xa8\x12\xd4\xd9\x9c\xee\xc9)\xfd\x94\xd7\xeb\r\x87\xc3\xb5j\x19\x0e\xd8\xe1\x9c\xc9l\xde\xdc\xda\xfa\xcb\xd6\x16`\xbdS\xcfD\x8c\xa5\xd7\xae\xc4\xe68\x8e\xc6\xfbN\xf6\xdd\xc1\xc9\xf1\xe9\xf1\xe9\xc1\xc1\xbb\x7f\xbd\xfe\xf5W-\x7f\xd4\x05,K"x\xdfjsO\x19\x8d\xab\xa5r;\x9a\xea\xe0\xff`\xc5\xe6Y-|\xf2\xba\xf0\x00\xb8\xb6\xeeF\xfc\xf3\xef\xee\xa8\xa9\x967\xa9u\xc58\x8e\x83\t\x9a=8899\xbd\xea\xfd\x97\x15\xb3{Mk\xcd\xc28\x13\x8fm&amp;~U\x89\x06\xb5~E\xab\x13\x83\x17\xf5#JL\x8cI\x1b\xd3\x10\xd4\xd2`1\xec4BL\xbc(\x06\x15B\x8a!\xad\x86B"\x1ae\x92\x8dl\xf0\xa3t_\x14\xcd\x85\x17G/\xb4x\x91f\xd3\x9c0\x90\xc4CK\xc6\x0e\x14a\x0e\x14:\x85\xce]`\x10N2k\xe7\x0c\xf3\x0fX\xafd\x0b\xbe?\x9e\xb5\xdeg\xadg\x7f~\xf1\xf9\xf0\xf0\xdd\x19\xa8\xe2\xbc\x7f\xdb\x05NoX)\xb2l\x06\xe3\xfc\xcb=\x88\x13SS?\xfd\xe9:\xc5\xbe\xf9|\xf8\xe1\xc3\xd1\xd3X&lt;\x16\x87\xder\x9e\xfdP\xb5\x1c\xa4Z\x94\x91\xfb6\xc1\xd2\xf9\xf9\xd9\xe1\xe1\xd6\xe1\xaf/\xf6\xde\xbe\xd8\xdbz\xb7\x15z\xb9\xbc\xd4\'\xe8\x02\xac\x99\xa2\xb1g\xd3\xfbl\xef-$\xff\xa9\x9f\xa6\x92\x90\xab\x9f\x85\x00\xfb\xec\xfc|\xc7b\x89\x1d\x00\x96\xe6\xec\x87\xd9|7\xb4\xbccY\xea\xa7P\xfa\x844\xd5\x07\xf8\x9c\x9d\xc1RwH&amp;\x0e\xc0z\xb8\xb6&lt;I\x83\xdd\x98\xc4\n\xb3\x06\xbcd\xf4\x82T}2\x9b\x08\xcc\x87y\x0e\x87jr\xe7\xe3\xc7\xa5\xa7\x96\xd8/\xa2&gt;Pk\xf8\xc7a\x9d\xf1\xacs\xd21\xe6]\x81R\xb5\xbctt\xf4\xfau\xdf}\x81R@s\xaa\xacV\x07,\xf80\x91i\xa0\x96t\xa6\xe8\xe5\x15\xc3\xf3\xcf\x12\xf9g\x90\xab\x03\xf3\xdep\xd18\xc0\x82+y\xf4\xea\x15)\x97\xc8\xa6q\x9e\xff8\xaa\xees\x9e\xd5j\xd03\xba(\x9a\xe5\xe7;\xaf_[n\x8f\x8cR(\x0c\x06\xc4\x8b~\xa9B\xa1r\xf6\xf7\x0b(\x02\xadzs`\xc1\xe8\r;\x1c\xdeL&amp;\x9f\xcf\x84\x8d\x0b\x03`\x0f\xd2[\xb6G0\xaa-1\x8b\xc5l\xd3\xa8\xce\xbb\x87\x7f\x88^\xdd\x9f\x8e\xfes\xc6\xe39\x0cccZ\xe6\xad&gt;3i]v\xbb\x9d\xaa\xa30\xc76\x17\xe0h\x85\xb4\xeb.\x933$\xbe;\xe6\x96\xf6k\xee\x18{\xe6\x12\xdb\xdb\xf9y\x9e\x11~\xbc\xa3\xe8\xef\xa1=z\xfa4&amp;\x03*\x8by\xd2\xd9\xff\xaf\x7f\x9cM~\xea\x9ck\xf8T]\xd9\xf5^c\xe9\xb5r\xaa\x19\xa6\xa1\xdd\xbe\xb1\xba*\x12s\x94\x8a\x81\xe2\xb17\xbc\xa0\xd0\xfbj\xf4\x1bv\x8e\xde\xa0V\x9a\x1f\xf5\xa8\xf2\xc9\xed\xd9\xc4\xf5\xdb\x9c\xcc|\xc8\xaa\xa2\tI\xa5b2\x91Y&lt;\xa9\xea\xf9\x90\x18D\xd9\xa7\x9dru\x0f\xbf"\x88v\xd1\xc8\xe3\x19\xf4$\x16\x97j\xdf\xd8\x90\xad\xda]\xca~\xd6B8\x93\xc8\x072\xde;4\x17\x1e\xe4\xda]cn\xb5\x10n\xdbV\xd2\x93\x9c}i\x9d3\xf2\x8c,\xe7\xcf[\t\x9eF\x18\x03\xae\xf8\x84\xd9\xacT\xf5\xac\x05"\xa3\xa3\xf1\x8e\xc5\xfak.\x87\xe7"p\x04\x89\xa5\x1b\xa5\xde\xe0np\x87\xf4\x03\xac/;_X\xbcL\xfed\xf6$\xe0\xd0\xdc\xc6\xf1\x92\xfd\x9e\xbeb\x10\xc6c;o=\x9e\'\x9f\xb7\xb6\xb6\xf6\xf6f\x13\x8e\xa5\xa3\xf3\xcf\x89\x05\xe1\x81\xcc2\x01X6\x15\xcd8\xe3k\xe8\xd3\x1dc5[x)H\x18\x8aFH\xf8\x0c\xb9\xdd\xce\xe5\xf62\x16\x1c\x93\x8fv~\xdez3\xbb\x9dLn\x9f\xcc\xafiFp\x1c\x1fu\xa9S\x15\x81\xe5\xd1;\xcfMOr\xea\xc5\xbf\xbf\xfe\xf9&amp;|\xc9?|\xbe\xf3\xee%Oi\xb6\x88D"\xb3@\xa5\xec\x1a\xc11\x02\xeb4.&gt;.\xb5\xd6\xd7K\xec\xc2\xc2\x80Z\xcb\x90\xd0oP\xa9:\xb5w\xd99\xb7\xb6\xf7\xe0W\xf2\xdc\xa9d21\'\xf5\xd5\xc6k\xb5je\xa5\xc2\xe0\xab\xe6\x93\x1e\xcf\xcd\xbf|\xfd\xfa7\xc0\xf3&lt;\x00\xbb\x9f\r\xbd\x9bsj\xcc\xa2U\xb1\x99\xd2/\xda\xe0\x061\x1c\xef\xd4S\x1f\xe7r\xd9`\xa9\xc4\x8e\xce\x8ci\xb5\x12*uH\xa8\xb1\xce\x85N\xb6\x93o\x1e\xbc\xf0x&lt;\xc9\xbd\'\xdby\x9e\xba\x9a\xcb\xe5\x10\xb4\xb2\x98B9Bg\xe8\x89\'\xf9\xe4\xcd\xcb7\xdbI\xb8\x90\t\xc8\xbd\x0e\xd5\xb2\xd5i\x13\x8a\xc4|N\xd7D\xba\\N\x1f\x10\xa7\x9d\xce\x9d\\\xee\xb7\xba\xa9\x14\xf4\x1bP\xbf\x96\xc1q\t&amp;\x9dN\xd6\x02om\x8d\xf7\xf0a \x9f\xcf\x07\x02\xf3&lt;\xd6-\x7f\x81 \xb1R\x155E(\x98\xdc\x9aJ&gt;I\xc05\x0c\x042a\xd5\xe4\xa4M)0+i\x02\xb3\x88\xcf\xe7P\xe2\r,\x8d}\xbc&lt;\xedX\xad\xdf\x7f\xab\xd7\xcbA\xc4\xe0\xd7\xfb\x11\x06\x83\xa1e2}&gt;\xa5rr\xe9\xcbsk\x18\xce\xce\xcc\xf3\xfa\xab\x08Q\xf8\x03kL \x14\n5\xcf\xa0\xe3\xf2\t\x92\xd8\n\xd9\xc7f\xa3uu\t\x04|\x10\x8b\xc3i\xa4\xb1\xb2\xe9\xef\x97\xdf;\xc5\xf2\xfd&gt;\rX%$\xea\x87"\xcaur9\x82j\x99\xb0K\x08\xfb4*\xc7\xda| \xb0&amp;\x05\xaaV\xbd\x86\xa8S+\x15\xb5\xcdl\xe6\x0bi\x0f\xa7\x00\xec$\x9f\t\xf1\x1cw\xfaaF\r(\xee\xf29\xe2\xa1!\x1d\'\x9d\xc60\xd3\xc1e\xb3C\xaca\xfc\x1b\xbb\\6\x95\x19Q\xbf_\x8bH\xe4\x12\x06\x84\x1c\xbdV\xcb\x18\xeba\x19\xd7\xbc\x81\x90\xa3\x87h\x15Zuv\rAg\x16g\x0cp\xe5b"~\x9f\x13\x8c~\x1b$\x0bxy\x0e\xafwS\xaf\xa7p8b\xf1\x90N7\x81\xf5~\xff.\xbblt\x8a5\xdd\x0e\xa6\xeb\x04\x97\x89\xfa\xf5\x80\xc5\x040\xbf\xdb U+\xfey\xc7\n\xd6\xcf\x92\xaa\x91B.WgC\xcb\xab+\x8b+)\xb5\xc0\x1c?\x10C\xb8\xd5XC\xa1\xb5P(D\x0eF\x83\xdaO\xe1\xf3\xc5"\xb1X\xb7!\xbel\xa5?]Nw\x8a\x95m\xa7\xb1z+\xc7$;^"\xa9\xd1\xe5\x88?Z1\xa8\xbf\xdd\xfa&amp;U)6\xddQ\xa4FR\xb1s\x08Ru\xaf,\xa6"z\xfe\x01\x8c\xe5\xfb,)M\xb1`\x0c\x87\xc3\xc5\xc5\x94\x01\x94f\x0e\x01\x96hHw\x03\xbd\xbal5\xa3\xb9\x0e\x8dkx\x9dh\x94\x01\x0b\xf1\xc3_K\xe4t\xaa\\R \xd0?\xb2}\xc5\x1dA\x19&gt;_\x0eJ\x98#\x08\x02\x8d\xa4R\xa9\x08*\xb7\x1fXb}\x0b\x03\xac\xdd\x95\xdd\xe3\xe3\xe2\xe0\x8a\x1b\xa8\xa0+e"\x12\x8b\x1e\xb9\xbaj\xe3\xf7\x89\x0e\x8d\xeb1\x8e\xa4M\xf5:\xdc3?t&lt;\x1b\xef\xa5\xd2\xc7\x0b\x84\x1f\x8dF\xa3\x91(Z\xadV\x01\x0b\xc4\x1a/\xb4\nD\xb4\x92\x82g\xe3\xab\x13q\xc0*\x86\x8f\x8fw\x07\xc9\xd7\x82\xf0\xcc/\x19\xd2\x89E\xb2\x03\xb1\x8eN\xbf\xba\xb8j\xc5\xda\xa7\x9d\xadZ\x8f\xf1Z\xb6\xde\xaa\x9b\xe8\xa8\x9e!\xc7\xe9\xd4^n\xaf\x1c\nF\x8aS%\xa9\xaa\xbe\xd1`\xc94^\xaf\xb7ZD\xa4\x12\x89FQ\xbaL\x1c3\xdbX\xc6\x8c\x17\xb8V \xff\x03\x15R\x90\xeb\x86D\x13q\x91nuBzq\xd1N\xb7;\xdbm\xbaOsx\xb6\xd5f\x97Kd!p\xaa\x9d\xdb\xbb\x8e\xd7HOG\x08\xe8&amp;\xf8\xb8\xc8\xd1T\xa8\xd7\x0b\xad\x16\x1a\x01a\x08\xb9.\xaaU\x16\xc3\xb0\n^\x00Wj\xa6\x12A\x11\t\x94_$\x82\xec3$\x9b\x10]\\\\\xa6\xa3\x1d\x1a\x17`\x95\xda\xed^\xac\xe4\xd7\xca\xe9\xc1\xde\x12\xa8\x15\x0c\xe25\x1c\xc9\xf9H\xach\x15\xc9\xad\x83t\xf5:\x1b\xcf\x11QR\x18\x89$UA\x8b\'\'\'\x81L\xc6\xbb\xbb8\x03\xe9\x9f\xa9\x93\x98\xed\xb2x|?.\xde\xc0&amp;\x00\xab\x8c6:V+\xd8\xae X\xd9\xcfp\x05\x01\xab\xbc\x91\xcdNOO\x83d5\x1fh\x05-6\x92k\x11-v)\x9b\xce\xe6\xd0(\x8a\xf0\xf9:4\x82\xa2\'\xd7\xae\x95\x812n\xba\xa1\xfcb\x19P5\xf7\xe3\xa2\rL\x08X&amp;\xedjG\x9b3\x89\x85\x13\xed(\x86!\x8c\x9a)\xd8[\xc6\xb0,\x185\x90\xe1\x80\xa5\x86\xbb7\xb6\x0e\x05dg\xd3\xcdO\xdfkU\x14\xe5\xef\xbf\xdf\xa7h\x99\x12o\xf2\x7f\\\xc5\x81M\xf5]\x0e\x14p\xbf\tX\xf6F\xa3\xff\xe2\x92\xd8\x10\x8e&gt;\xee\x0c\x0b\xc7\xd7\xebD\xc4\x8e1\x91\x02\xfb\x1a+\x9dn\xa4\xd3\xd3\xd3.\xa4\x1au\x0f\xee.\x8e\xe0\xa5\x12H\x95n|o\xd6\xaaQ\xb5\xf9=\xf9\xb6a?\xa6H&amp;\xc9\x05\x82\xe4\x9a\x91*\x85\x16\x92\xaa\xd9\x98\x105\x1b\xd2\xabvo\xe3[gX\xe0\xf2\xf8t\xb9\x8e\xea0\t2n2\x05K\x80\xd5 \xb1F}cj\xf7\xe0\xf1\xb1\xfb^\x10k4\x1b\xd9\xf2t6\x9bS\xbb\xd5}1\x8bP\x08\x03H\x93\xfc?\x97Q\xd1%\xb4\x1c\xec7\xdf7\xe3\x1b\xe2\x06&amp;\xbdja\x8d\xe8tgX\xdd\r|\x1d+\x8d\x9bJ\x05\x7f\x81m*\x95\xaf\xb1\x1a\xd9{._tf\xf0\xe2b7\xea\x82g\xd9\xde \x1d.B\xd50\xb3i\x13\x08\x97y\n\x06\xdf\xea!\xb71\x12\xcb\x1b\x1e\xb8%\x10\xc6\xf6\xf7\x1bq\x19\x97&gt;\x11\xe4J\xb8i\x17\x9a\xee0\x95}\xc2G\xcb\xa5r\xc9\xf4_\xda\xcd\xef%\xb1&gt;\x8f\xe3\xe1\x19{D=\xc7\x1fd\x07\xb5\xb2:\x93n\r^hMEzJ=z@BOk4&lt;2M\xc1\xfac@f\xb1`0\x12\xbdh\x05\x8b\xd1\x96v \x06j\x93\xe6b\xa8\xc0\xe7\xa2\xf6\xe2\t\xe6\xa2\x02\xad\x8b\x1dg`d\xcc\x07\x1eh\x1a\xe8b\xa5\xae\xe2\x19\x16*\xd8\xcf\xd7\x99\xfd\x0bF?G\xbd\x94\x17\xef\xcf\x8f\xef\xe7\xf3\xfd~\x0f`\x81\\U\xaeU\x1b\x12\xeb_\x0f\xd6\xc2\xbe\x9f\x1f3\xeb\xd0E\x0f\xacE\xa4X\xb0gj~\x9b\xf3\x8eC\xf3\xb0-B=\xea\xf4ru\xb1\x86\xd1\x08\x86\x9f\xe1\xd6\xe71ES\xaf\xad\xfa\x17.\xfe\xd5\x8f\xae&gt;\xeb\xcc\x1e\x18\xa8\xf5\xd8\nrU\xb9\xd6\xf9\xd0\xc6&lt;\xf0\x85\xc3\xa3F\xf3\xfa\xc1\x81\xe8$\xdc|\x1ew8\xdc\x93\x93\\\x1a\x86\xee|h8\x14O-\x7f\xc3J\xad\x01\x96\xdec\x1f\xee\xefoj\x12\x8bcb\xab\xe2\xd5j\xec\xd5\x0f\xb6\xa7 W\xf4\x97\xbd\xa6\xbd=\r`\xbd\x1d\xacr\xc5\x1a\xa1\x8d\x18=\t\x87\xb7\xfb&amp;\x18\x88\xa9\x0f\xc7f{\xa6\xb8\xd4"\x8cD,\xeex\xba\x98+.\x99&lt;\xde9\xc4\xf5\x0e\xfaW\xdf\x80D\xcf\xaa\xd5\x14%\x13\x8b\x1bc\xd4\x96\x9aZ}u\xfa\xc3GRC\xabMr\xd5\xde\x1e\x05+\x08x\x11\xc0b\n1\x85\xf5\xfc\xc5\x17&gt;\x91N\xd0\x0c\xe2bL\xc3\x99L\xe6B\xd2\xe5\x8e\xcc\x06v\xf3\x99\x8c\xdd\xc3\xea\xbc\x91\r\x08z\x18\xfa}\xcd:\xbd\xc7\xa4$p\xabL\xec\xe2k\xac\x1d\x8d\xafV\x7fx~\x85v\xfe\x83K\xb1\xf7\x0b\xf5lk\xcb*\x93\xc9\xa0xQT\x10_\xd8^\x9b\xef\t2\xcc\xb1\x93\xa11\x96L\xe7?\xedz#\x91\xb1\xd9\xb9\xd9\xc3\xdd\xdd\xb8\xdf\xef\xf7\xf8\xe3\xde9T\xbb\xd6\x9a\xdd:\x96\xf5`\x06|\xcb*v\xe1\xcfp~\xc7j\xb9\x06\xe7w\x82\xa1\xf2\x8e\xad\x15\x03\xac\xad\xb72X\xb4\xc5\x14t\xf3\x0f\xff\xda\xddc\x98hi\xb1\x93\xacC\x1f8&lt;&lt;:\xfc}\xfc\xe5x"\xf12\x95H$\x0f\x8f\x8e\xde\xef\xe6\xd3\xbb\x87s\x8b\xef\xc2&gt;\xb7\x85\xf3\xb0\xa4\x9cx\xb6E\xf1\x9f\xa73\x99\xa5rm\xb6\xb8\x04\x02\xc1Pa\xc7\x08X\xb2\xb7V\xd9\x8c\x18\xd4\nJG\x8c\xaa\x8a\xdd\xe3\x08\xc0\xb0u\x98H\xce\x1e&amp;\'a\xbd\x99K\xcem\x8c\xbf|\x93H\xfc\xfe\x11\xc0v\xdf\'_.\x86\xb7u\x1cG\xb2*9\xfe\x0c\xc6\xcc\x8eBC-O\xd1\x05\x82\x82vKc\xad\x1aE\xedk\xd0\xc1\n{\x11?L&amp;\xbd\xba\xb8\x87$ooo+\xa3\xff\x80\x95f\xf4d\xdb\x12\xe0t\xfe\xf8\xa7\x8fG\xc9\xa3\xc4\xdc\xf8\xc6\xb6\xc8\x03C\x99\\\x0e3\xb9Xa+4\xd4\xd4\x04\x8f&lt;[V\x14[\xc0\xa5\xd9\xdf\xa7i\x86\x8d\xef\x1e\x1dY\xf4\xa6\xe3\x83\x83\x96\xdb\xdb\x8b\x8b\x8b \xacF\x7f\x7f\xe0\x8b4[\xbcq\x7f(\x93\xdf=z\xf3\xf2\xc9\xf8\x86Od\xf2\x88\xb4\xf2^\x9c\xa0\xf8\x8a\x8e\x9ac\x85\x10\xd6\xa0U\x06jQ\xaf\xa3Q&amp;\x1eH\x8ey\x80\xe9\x18!]\x9c#\xbb&gt;\tON&amp;\x92c`_\xe3\x90\x9bG\x7f\xba\xf7d&lt;,2)\xb5&lt;9\x86\x13P\x1el\x85\x1a_\xd0\x18\xca\x00\xd6\xa0\x18\xb0\xac2\xc0r\x99\xe2\xc99\xce\xe4\x9c\xe8\xf9\xfa\xf5\xeb9&lt;`\xd7\xbe\xf0\x06\xda\xa0L\xcc\xce&amp;\x13\xb3\x91\x05\xd5\xfb{\xd3\xf7\x967\xdaMr\xad\x01\xc3\x8c\xb8X\xa1\xa89\x96\xa0\x08U^6\x08n\xa4\xc4\xafg\xa2\x8c\x9a\x8b\xb8ED\xcfvd6r\r`\x88+\xe2Km\x84#a\x9f\xef\x8f\xf0\x1fa\xa8\r\xf3s\xd3\xd3\xa0V\xbb\x12\x13\x19\xe4\x84Q#V\xc4l\xb5\xbe\xc2%\xc8!,\x88-\xf8\x8a\x01\xcb\xa3s\xfb\x06\xa6\xc2\xef6N*\xa5R)W,\xe52\xfa\xebkK\\\x7f#]\xca_\x84\xb8E\xb4a\xf3\xd3\xf4\xf8\xdcd\xbbR\xc5\xc3\t\xbc\x8f\xe0\xd7\x03\xeb\n\xaa4\x12\x0bU\xd4\x99&amp;\x97\xbd+\x02s\xf3\xf4\xf2\xda\xdd\x8br\xb1\xb4rU\xcafs\x9b\xb7@X\xc9\xe4r\xe4N)&lt;\x8d\xae9/\xbeI\xad\t\x95\x06\x03A\xf0\x90Z\x8a\x17C\r5\xc6*\xe3\x1a\xeb`\x15lp&amp;:\xe3"-\x93\x8b\xb0\xea-\x8e\x95JO\xaf\xae\x9e\x96\x97V\xca\xd9"\xb0e\xf3\xb9l6\x94+&amp;@\xaa\x9f\xa6\xdf\xcd\xa5|Z5\xcfH\x18\xfa\x9eQM\x8a\xd8\x87\x86Z[A\xab\x01\xb9\x90\xcd\xcc\xccD\xa3\xa4wr\x03\xf2\xee\xcd\x7f\xb2\xd9By\xe5\xe9J\x0e\xb0\x10\x15\xfaY\xc9\xe4\xfe\xfbq9\xf5dyzcr\xadY\x8b\x81\x0f\x8d\xbc\xc7\x80\xa5\xb8\xaa\xf5\xc52(\\\x1a\x14\xf3`2\xc4e\xe6\xdc&gt;7{~s^\xca\xae \xac\xec\xdf\xb29\xe4\xc8\xeco\xd9l9\xb3s\x01Y\xc0\x1d-\xa7\xd6|\x12\x15\xd4\x06\x9c\x87kd\xf5\xc0j\x18\n\x11\xdf\xe4\x9aAr\xf1i\xadT\xd2&gt;\xc1T.\xef\xce\xbe\x9c\xe6\xc0\x81\xff\xce\xe6\x8a\xc5\\.\x97\xbf(nV\xeen77/\x86\xe3h\xc7\xa6\xb3z\xb0\x00X\xe2\xa6\xc6\xe7\x85\x9a;Q\xb0\x83\xc3\xb4?\xf8]\xae(_\xa5\xc2+\x13N\xe6\xee\xacjw\x9f\xcf6o\xcf\xcfoo\xcf&gt;\x83\xddm\x96J\xc5\xa5\xe1xd\xcc\xed\xd5c*\x02\x1f\x81\x1a/nj\xea(\xd4\xfev\xe0\n\xef\xbb\\\x83\xa8\xbb\xa1\xd1\x81\xf5~t\xddyv\xf6\x05\xec\xac\x8aS\xb5\xcb\xcb\xbbR\x0eR\xf2\xc0\xcey\x03^\x9dH\x8d\xe1}}F\x98\xab\x9b\x1ak\x9e\x88\xa8\xbfI\xe3\x9a\xffs\x81\x17\xcd\xe4\x04MG\x9d\xc0\x05T\xa7\xa7_\xce\xaaDU\x03\xac\xdc\xce\x0b\xc0\n\xe8t\x1c+\xc7\x8c#\xc8\x87bq\xffUC\xedM\x90\x83?\xd7 ,\x19`\x99i3PE\x81k\x1d\xe9\x85\xb0./o\xaavy\xb7Y|\xb1\x8a\x0e5\xf5\x01\xce\xa1\xc6T\xbc&gt;c\x15\xab\xb5P\x0f\xac\xb2\xb0\xca\x85lf\x86n3\x03\x99\x13\xa8`\xfa\xaf\xba\xf1\xf3\xe5\xcd5\xb2\x9b\x9b\xca\x04\xed:80\xd9Y}\\\xef`U*c\x1f\x84\x16E\xf5\xee\x0c\xd5\x03k\xa5\x13\n\x90\xa6\xda\xde\xc8^\xf3\xcd\xe8\x8a\x86\x13\xb8\x80\xcc\xb9~|v\x87\xa8N\xd0\xee\xd1\xe8\x88\x11k3\r\xdb\xd1\xaeo\xdcAb\x06#N\x10\x1a\x8d\\]n\xa8\x07VA\xc8A\xbdF\\\xf0\xd9\'is\x0b\x83\xd4r"\xa3\x83\x95\x87\xd7\x03\xd0C\xa4\xc2k\x03]B-\xd6\xd6\xa6Vi\x1dq\x9dC\x05]&lt;`a\x1a,\xf4\xa8\x1e7\xe6\x05\x7f\x16v~\xd7kKf\x15\xd34m6;\xd7c\xeb\xce\xa83\xca\x04\xa5\x92\xa9\xe6\xf95\xb4Q\x93jFXf5t\xf9\x0e\x8ec\x95\x98\x01iE\x10\xaa\x9d\xfa\xbcK\xf9T\xc4\xeb\xe4D\x06\xc4e\x95\xbdFX\xa0V\x0cm+\xd1\xf4\xaf?\x0f4G"\x93\xefR\xa0\xd6\xb6D\xa8U\xa9I\x92\xf4\xb0\x1c\xa9V\xca\x81\n\x1e\x83\xe9\xb4&gt;X\x8f\x1c\x04\xae\xabrQ\xd6\x7f\xca0\x9aq2\x0c\xedrB6F\xf7\x7f\xedio\x974G|\x93\xf3\xf3\xdb\x03\x80\xa5V\x93j\x93\x1d\xc8\xd0\x89\nhe\xd0\xaam\xa7\xf5yId\xc8\xa1\xc1x\xc0\x85\x1c\xa9\xa10 b\x80\x89\x89BM\x8d\xd2\x13\x95\x8a\xf4~\xd7\xd4TwW\xf7B\xa7\x16x&lt;\xe4\xb0\xc9d7)\x91Z\x18\xc1#m\xb6\xab\x86:a\x81/\xa4\x01\x9dP\n\x85\xc2\x1a4\xd3-- \x14\x88\xe5t2Q:\x18\x0c\xf6\x8d\xf4\xb4\xf7H\x85\x9d"\x96$\xfd\xa4\'d\x02\xb0V%\x01\xa6e[m\x1d\xe5:\xa9\xe5\'(9!\xf2\x06\x90`\x1a\xcd\x04d"@A\x8cA\xd03\xb49\x88\x1b\xfbzzF\xa4R\x91\xd6ngI\xcf\xb0}\x18\x0c\xc4\xc2\r"V\xd9QW,\xaa\x17\x93z\xbd \x18N@X\xbb\\4C\xc3"\x14e\xcc\x13A\x1c\xc4Zx\xd8\xde.\x15\x91\x9e\xb4\x1e\xc4\n\xa1\xa3s\x0fF\x18D\x0ey\xab\xad~Xi\x9c\xea\xed\x97cB\xaf\x05\xc0xR\x91\x9ai1\x99ZLj3c6\xb3\xc6\x11\xa1paa\xa1k\xe1\xbe\xde\x9f\xf6;\xaaT\x99\x8c\x07U/V\xae|n\xeb\xa8C\xfb\xf0]-\\\xc3\xef\xef\x07\xbd$\x16\x8bW(\xe20&gt;P\x91\xe8R%|\xb5\xc2\xf6\xfb\x0b\xa3]\xddS\xdd\xba\xb8\xdf\x9f\x0e\xe5C\x99P(\x84\xa8\x1c*y[\x87\xcdf+4\xd4\x0b\x8b\xea\xe5\xf7\xf7\xf6b\xa2N$\x98\xce\xa1n9\x1e\xb6\xfbC\x1e\xbb\xdfN\x8a:%]\x90\x85\xdd\xddS^\xce\x9f\xce\xc3\x03X~\x96\xd5\x8b\x80\xaa\xad\xa3\xc3\xf6\xe2i\xbd2\x11\xfa\x00~?\x9f\xdf+7\x08%\xc0\xc5\x91&amp;\xbb}\x13\x00\xe2\xf14\xa9\xf7Z\xba\xba\xbb\xbb\x07\x06\x9a\xc7\xdc\xbb\xf9|&gt;\x9d\x06\xaa\xb4\x83\x13\x1a\xb0\xfe\xb6V\xa4V}\xdeP\x14|\xc3jlkD\x17Y\x84\x12\t\xa4$iO\xdb\xf3\xe9P\x1a\x82I\xe7\xb5\xb8\xdd\x16\t\x14{\xb77\x90N\xa7?A\x84\xf9\xfd\xba\xce&gt;\x95\\\xd9\xd6\n\xb1\xb5\xb4R\x97\x17\x86\x05\xbf\tq\n\xb0b\xae\xff\xd1r\xbe!mei\x18\xb7\xc9&amp;\xb8\x895!\xd1\x98?\x18b\x9a\xc4Z\xb6\xd1\x8c\x92p\xc7\xc1J\xc1v\x08\xe8T\x1a\x1a\x1a\xaa\x10\xac\x18\x1bp0\xd7\xa8!v\xa0\x9a\x94\xde\xdd\x85\x94\x92\x063\xb0\x13\xb01\x88\x82\x7f\xa0\x11\x0c&amp;Td\xc1\xce\x82L\x07\xfba3\xf5\xd3\x0eB\xf1\x83\xd6/\xe2\xb7}\xde{-\xcb\xb2\xcb\xfe\x99\xed\x9e\xde\x9a~\x10\xf2\xe3y\x9f\xf3\x9c\xf7\x94s\xaeT\xdaz\t\x06\x03WW\x1d\xbe\x1b\xc2\xfc\xf1\xfeW\x8d=\x1a\r]\xfc\x19\xc7V\xff\xd5\xee\xdb\xb7\x0f\xefw\xad\xadQ\xc69\xb0lw#\x1f\x9e\x1cO\xff\x1fnEU\xf6\xbeW\x12V\x8d\xb4\xbb[*\xa9\xd2\xebE2S\xe7\xdd\xae\xae\xfb\x0fQ\xc3\x87\x83\x83\x9d=t\xff`\xf4\xde\xc4\xc4\xc4\xe8\xab\xddW\xf4\xdf[D\xa5\x14U\xab \xd6X\xc3\xf5\xef\xf2\xf9\xd3O\xbd*V\xde9\x0c|#\xc2&gt;\xa1\xaaJZ\x0b\xacn\xa7N\xa5\x97[\xcc\x83\x83kkk\x83k\x83\x9dDtot|b~\xfe\xf6\xb3\x89\xc7\x8f\xb7~\xdc\xddE\xcbl\x96\xc9mb\x95\xae\x1eT\x84\x95?\xfd\xb4\xbd\r\xa8\xc2\xa9\r\x01KBrI\x8d\x12\xa7\xce\xe0p\xc8\x07_\xd1\xb8\xf5xff~~~f\xfe\xf6F_\xdf\xc6\xbbw3[[\xaf\x1aeh\x84d"\xbdX\x85\x1a6\xf0j\xe5W\x0e\x9f~J\xc1\x86\x0e\x03\xe1\xb3\xf9\x8b\xe7X\x18\x92\xeez\xa7S\xa7\x13\xab\x0c]\xb7\xb6\xc0\xf4\xee\xdd\xbbg\x00\xea\xbby\xf9\xf2\x85/7\x805x\xf5\x86M.\x93\xcbm\x0e\xb1P\xc4\x86\x07G\xc0\xca\xe7\x0f\x87&gt;\x91\xf3++z\xf3\x81\xb0\xfaW3\xb4\xab\x92Hj\xb0;\x06Xmw\xbd\xd1\xa0\xfaB\xa7\xab{x\xeb\xf1\xfc\xfc\xc6\x06\x7f\x9d\xf2\xc2\x85\x0b7/o\xcc\xdc\xbdZ\x87 \x95\xcb?bA\xad\x86\x07\xafW\xf2&lt;\xd8\xf4\xa78\x05^Y\xf9\xf9\xe9J \x10\xd8\xfcu\xcfg\x10\xab\xa6\xa6FZ#\xe85\xd5-q\x1a\x8d:\xf4.\xfa\xc6N\xd4\xaf\xef\xe6\xcd\xbe\xbeg\x13\xe3=\x832[]{\xbb\xc1&amp;W\xf2T\xcez\x01\xebK\x1f\xa8VV\xf2+G\xd3\xff\xfb\xb1\xb2\xe9\xd3c{8\x10\x08\x9f\xdcn\xfc\xec\x12\x05D\r\x91\xd5J\xe1{\x89T"`\xe9\xea\xe4\n\xcd\xb7t\x11\xf0\x9e\xa6S\xd1\xd8x\xf5\x86Ag\xb8!\x97\x11V5\x9d4 \xac\x8egoH\xad`p\xa50\x0c\xeb\xd3KA~y\xff\x9e\x1fV\xb7\xb4\x00+p6\xda\x88\xb5\xa7\x15\t\xc1sI`{i\xb7Q\xa73\xe8\xda\xf1\xa8D\x8a\xc8\xc0\xc0=\x8d\xabGa\x91\xc9\xe4t\xd4F\xa4\x04\x96\xc3\xa1\x02x}\x03\xbc\xd51\xf8\x9a\xc4\xb2k\x83\xc1\x13u\xf0\xf8\xa7\xe9\xa1;\xbf\xf4U\x11\xa7/Yu\x8b\xba\x05T\x81\x93\x1e\x99\xe0-pI\xa55d/\xe2r:a/\xd5\x17\x06\x9b\xb9)\x82&lt;\xed\xb4Z)Bm\xb0\x96\xdc\x0c&gt;\x84\xa9\xaa\xbe\x83,?\xd6\xae\x7f\r\xaa\xa0\xddg\x0f\xbe9H\xe5VS)\xdf\xf1i\xef\x9d\xff\xf25\x16\xf8\xed;\x87\x8b\x8b\xe5\x16\xc2\x82\\K\x9d\xca\x8b\xc0\xaa\x92\xd6\xf0z\xd5J\x85)\xe9t\xaa\x0c\x06\xb1A\xa77Y]\x1aW\xe7]\xe22\xcbm\xb6\x1br\xb3\xd9B\x19o\xd0\x19QE\xd4\xb1]\xf7\x03\xa8\x80\x15\x0c.eK\xe5R1w\x90\xcb\xe5\x86?\xfc\xfc\xa7\xfftn\xd2\xcb^&gt;\xef=\xfcK)\xbe\x98iQ\xab\xf9"\xb6\xdc\x92Wc\xc7.\xe1\xe5"s\xa1\x90\x88\xafn\xa7Aep\xd8\xf4b\xb9\xc2\xd5\x0f*\x97\xa6\xc7jQ\x8a\xf4"\xb3\xc9"\xa3\xd8\xd2;\xea\xea\xda\r\x08\xd4\x8e\xba\xd7\x02\x966\xa8=+\xe5r\xe94=ew&amp;\xb3z\xd8\xfbo%\xe3\x91\xa6\x0f\xc3\xa5\xd9\xc5\x9d\xc5\xf4^Y\xbd\nsQ\x15\xb7D\xe2K\xad\x14\x10\x00"\xb5`y\x89\xe0/\xbdCd\x13)\xfb#.,\x89\xb74\xfd\xbcZX2\xe9\xcc\xa9M\xefp\x88u\xc6nt6\x1d]?\xe4\xa9\x88\x05m\xd0~RZe\x01\x95.\xe6\xdc\xeeL\x88-\xaa\x8f{\xff\x95\xd1x\x95N\xf3\xc5\xe2,\xcb\xc5wv\xf6fw\x98\xd5a\xb5`\xae%\x9b\xb8\xb5\xaaJ0\x17\x9f]4\x13\xf1\xc7\xa9\x13\xeb\x1d\xe8\xb6"_\x8f\xc2\\\xe3=M\x16\xb3\\$2[\xad\xa8\xa1\xd2\xa6\xd7\xabTp=Y~m\x93W\x8b\xc7*\x96\xdcl&lt;\x97+\x16\x19\xc6\x1dr\x13\xe1\xa4\xefx\xfa\x9f\xbf\xc5\xa8\x12i\xfea5WL\xcf\xc6\x13\x89\xe8\xde\xfe\xce\xfe\xec\x8e7\xb5\xba\xba\xaa\xa6*\xda\xbf\x12\x83\xaa\x864\xaa\x91\xd2\'\x16l@\x1a\x8d\xe8\xa3\x1d"s\xff\xc0\x1f\xbe\x1e\x1d\x1f\xd7h\xfa\x152\x04\x96\xa2\xbfIaV\xcai\xed\xc1\x9aH\xedV\xc3\xae/\x1f\xa4"\xfa\xec\x84\x95\xc9\x94Y\x96\xa52\x862n6\r\x9b\x95O\n?\xff\xc3\x9aI\x16?-\xb1l&lt;=;\xcb\xad3/^,\xee\x10\xd6\xde\xc1G\xac\xc0{\x15\xa8\x04.(\x86bJ\xf8\x7f:\xe1zX\xc9\x1a\xf9\xf6w\x13\xa3\xe3\x1a\x17pdfE\x7f\xbfUaR\xb69\xa85\xa5v\xebz\xc3\xf5\xf7$\x96V\x0b,\xed\x9bb8\x94-\xe7\xd8\\\x1c\xdfWv\xbb\xddL\xa6\x9c\xcb\x85B\'\x9b\xc7\xbd\x95\x7f{\x8d\xd1\xb9\x9f\xe2L&lt;\x1e\x9d\xf5n3\xb1x\xf4\xc5\xfe\xce\xce\xce\xec\xce~y\x12\\|\x15\xed\x0f\xab\x04\xbb\xf3\x83\x98\xd0@W\x81\xabU,\x16\xc9\x14\x0btV\x18XV\x8b\x99\xee`\xf0X"\x91\x98o\x02I\xad\x8e#\x88e\x0f\xfa|&gt;\xad\xfdM\xb1\x98&lt;\x0b\xb196\x0e\xc5r,\x0b\xdf\x87\x18\xfc\xcc&amp;C\x19\xe9\xc7\xc8\x00\x00\x08{IDAT\x9b\x1fN\x9f\xf2/\xcbB\xdc\x0e==\xcd\xe78\xaf7\xee\xf5Fc\xdcH\xcc\xcb\xc4x\xac\xbd\xc5\xfdxj\xf2\\\xae\xf0\x91N\xfa\xf7X\xe8\x9f%\xb4\xe9\xc0\xfeT\xa6p\r\xa0\xb3\xd1\x00\xcb\xc4w\xf5MV\x05\x1f[N#\x8f\xf5\xfc\xf9\xdb\x15\xc2\xd2\x16\nZ\x9f\xf6\xa4\\J\x9e%C\x98\x8e\x0c\xebe\x18\x96q\xbbC\x99L\x86\t\xd1(o\xa6\xec\xc7hZ\xa6\x8f\xd5i\x86\x01S,\xc6\xc5bL4\xea\xe5B\x9c\x80\x05\xb9\x0e&amp;\x87\')\xba\xc2\xe1\xc0{#\x82\x14\xe1P+\xad=\xc7Bo_\xd5\xaa\xaa\x86\xb7\x14\xae\xc8\xc0\xf8@\xc4\xe5R\xc8\xcc\x16+\r\x8a-\xbec\xc6\xdas\xfd\xf9\x93#\x9a\x86\x02\x96\xfd,\xf72\x99Lf\xddp1\xb0\xdc\x0cU\x11S\x12O\x86\xc0P\xb4\x8a\xd3@\x8ee\x98\xb8\x97\xf5r1\x06XD\x95\xcd\xfa\tk\x7f/NU\x84^\x90+\x1cn\t\xbf\xad\xaf\x15\x06\xa9e\xac\xa2"\xf2[\xb4j\x91\xcc\xd2\xb400\x10Y\xe8o2\xc9H-\xe4\x83E\xd6f;\xc7"\xb1\xec\xbc\xb3\xc8[\x05m\x08\xde",6\x8e*\x92T \xa2\x9f\xc2g\x86\xf1\xb2\x15i@qx\xbc\x1c\x07\xb1\xbc\xdeY/\x93Hf\xbdQL\xc4\x1d\x8fwv\x9f\x9bL\xa5 \x17\xa8Z\xc2\xbe\xfbcSS\x02\x96\x94/_+\xfe:U\xadb\x87\xd2l\xc5\xaeg\xc1e}DG\xfb!\x95\xc5bV\xd2&lt;&lt;\xdf\xf6|\xb7$P\x15`x_\xe1\xe5b\nT\xd9l\xc8\xcd`\x94Y\x08\x85\xf9HDd\x7f7\xe3e*`\xa6\x04\x01q\x99e\xa2\x8a\xc6\xa3\xb1l2\x9bxA\x01\xe1\xf9M&lt;\xba|\x92:\x98\x9cT\x87\xf9\xe1\xfb\xfd\x14\xcf\xc5\xbb\x0bT\xad\x97T*\xbe\x88\x90\xa8\xa9\xdf\xc5\x1f\xeb\xb7X\xb01\xc3\x07\x1c\x8f\x8e\xd9\xc8c\xfdv\x8b\xb2\x01@\x85\x82O\xdb\xf2\xe1\xb4\x84\xaf\xc8f\xcaew(\xbb\x9e\xa0"\nX b&gt;b\xf9\x89\x89c\x12\x1c\x97\x88\xc5\xbcQ\xe4Cr.I\xb9\xb5\xef\xf1/o\xfb\xf7\xfc\x07\xe7r\x85\xd5\xea\xf0\xd1\x83)\x02\xab\xe9\xa6$\x05\x96J,\x16#\xb7\xdad\x16\x8b\xa2\xdf\xa5Y@0\xd0\xce\xfa\x91\xc9$S\xb6\xc9\xf9n\x8b\xe6!\xa2\x94\xc7ZZ*,\xf9|?\xf5\xae\x86\xb2\xa1L9\x9dc\xd3\xe5\xcc\xdc\xdc\x1cd\xe0\xc8^\x84\x85\t\x80\xa7\xa2y\xc4\x0f\xaf\xc7\xb8e.\x94\xd8\xe6\xe2\xd1\xa8\x9fK\xacg\xb3\xf1\xbd}\xff\xb2\xbf\xd9\xc3\xed\x8dp\x07\x84\xd5\x82*b\x1cu\xf0\\B\x19\xa1\x96\xb8\xda\x814U\xcaL\n\xab\xcb\xe5\x8ah"\x04\xf6\xe8\x91\xc5\xc4w[\x06\x8a\x87\xb1\xeb\xdf}\x13$\xbbk\x0bK\xe0\xd2\x1e\xf5\x0e\xad\n\xd9^D\x88\x86\xb2\xc9\xb9\xef\xbf\x07Y(\x91\xc0\xbc\xe4\xa1\xa0\x96\xa7yd\xc4?\x02\xb0D"\xc1\xf91\xbc\xdb\xdb\\b{9\xb6\xed\x1fi\xf6\xec5\'F\xfc\x89\x83\xd40\\\x8fU\x1b\x0b\xd1\xfb\x8e\x86\xa9Z*d\xb7\xb4\x8a\xb0\xc0\xc5S\x01+\x12\x89h\xe8^\xc8#T\xd0tE\xe9p\xe8\xd1&gt;\xa0\xa9y2_@\x9f\xa5%\xb1\x08\xeb\xcf\xbd\xbda7\x9b+\x96\xd2i6\x93\xc9\x02\x8a\x8c\x96\x04\x1e\xa6g\x82\x9c\xe4\xf5V47{\x9aA6\x02\xa0\xed\xe5\xf5uH\nv&lt;s\xdb~\x8fg\xcf\xd3\xec\xdf\x1eY\xce\x1c\xd0\x1a\xc4c\x11\xd7\x18\xb8H0\xa8\xa5\xaa\xae\xbe\xe8\x10\x89\x94\x14V\xfd\xf0\xbc\xc6\x85\x1c\xb5\x98\xae\\\xb9\xd6&amp;\xa2f\x0b\x8e\x1f\xab\xdf:\x13&amp;aai\x13T\xda\xe9\xa1\xe9\xc3t\xbaT*\xc6\xdd\x19\x80\x9c%\x93sYX\x0c@1?\xc4\xc9B\x9fD\x85\x87F\xf3\xc8r"\xb1\xceC\x11\x16\xa0\xe6\xb2\xdb~\xff\x08\xf4\xf2\x80\xf7C!E\xa9*p\xa9\x7f\xac\x1f\x13R\x02\xa6WU_\x14\xb5)\xaf\xc9\xc8[M.\x8dfACw\xec\xae\x98\xae\x99\xaea\xe5\xa1=b}\xc7\xee\xcd\xc2_\x8b6\x9f\xd0\xb6\xcd0\x8c\xbb)\xbb\xb4\xb45\r\x03%\xc3\xc1\xf5L\xb6\x80j)\xc5\x18J\x0f\xddi\x85\xe1\x90}\xadi\x98`\x7f\x02)\x9af\xd0a\x89\x99@t0Q\x1dv\x186e\x08\xe7\xb2B\xd4\x93&lt;\x84\x07\xc2\xb0 \x9b\x8d\\\xcat\xa9\x86sh\xcdN\x0e\t\xa1\x07\xc7!\x87\xfa\xb6\xe7\xfd\xe4\xd0\xd7\xc46\xb9\xe8\xc7\xf3&gt;\xef\xf3\xbd\xdf\xc1U\x01\xc6R\xc2\x10X\xd5WL\x8d,@u_\x13\x14\x84\x82\xb3\xea4lM\xb3\xa9\xdb\xc8\x8bgp\x11aIx2\xa9\xb5\xee\xfb\\\xaf\x7fx\xed\x00\x93\x1a)\xe9\xee\xd9\xa0\xe58\xcel\xc2%k\xc4\x05\xb9\xc8\\\x88,,\xc7\xd9l6O\x93\x08,\x04W\x9a~\xa6\x0f\xb5\x96\xe9\xe4\x99\xbb\xf3\xc7\xbd\x89\x90\x88\x05\xaa\x96\xa0Dj\xa3\xc1z\xdd\xcd\xcf\x9e\x13\x13\xceix\xc9l\xba^\xb3\xe7y\xdb6\xd2\x0b\xcauR\xd4@\xa8\x82\xc7\xbbp\xbf\xef\xef\xedM;IE`nE?c\x07\x18G\xa7\x9d\xa8%\xef\xfeM\\t\xbb.]\x07V.GT8o\xd0\xc5\xaf\x96h\xad\xb9\x95N\'=\x9c\x9b[x\xfc\xe5\x85\x167\x16w\x96V\x15T\xd5b\xac\x87h\x80\xcb\x9fa\xed\xc2\x1a\xe5a\xb7\x0b\x82\xa0\x07\xaf=\xff\xb5\xc3\x9b\xe8I\xbc Z\xbf\xcf=\x062\x1f\x83Y\xef\xf0nv|\x08\x190vr\x98\xe4\x04\t&amp;\x87\x9fgV\xde_\xc14\x96&gt;\xc4)\x9dE\x03\x11\xeb\x94V\x9f,\xe5g\xe6\x97\xd1\xd7"\xc7\xc2\xa5\xe8\xf1\x83\xaf\'\xe8 \xa8\xb4\x96ahra\xa0\xb2\x06\xb3\xc6u$\xfak0\xf5\x08\xe7E0\x1c\x06Aw\xfbv\x1dT{?#\x15R\x81[q\xa1\x93Tq\xfb08\x95\x9e\x08\xb8\xeeS?w\xc8\xfc\xe3\x885\x84\xc3\x90\x82b\x96s\xbd\xfc"\xb3Ew\x1ftq\x86\xb2!y\xfd\x94\xbf\x96\xc7\xcep\xf5J\xb1\x98\x9e)"\xe3\xe7\xeel&lt;\xf8\xe5\xc2.\x17K3\x8c]C+\x08L\xb5\x1aV4h\xdfN\x98\x86\xc3\xe1\x19\x15A\xa1O\x9d\xfa\xde\x9e\x8f\x14M\xf5\x80E\xc3\x08\xb8&gt;\xb7\xbf\x98\xc8G\xb9\xe1\'\r\xdd\x19\x0f"f\xb5\xe0\xd8\xd0\xe1m\xac)\x7f\xae"\x8fh\x16\xe98\xa430\x9f\xcd\xe3\xdc\xb9\xb48\x8f#\xf2V\xf1\xeeeD\xfc\xfc\x07s\x1bO\xef}|*\x14dA\x90\x81\xa5iJ\xe1DeQ\x14\r0\x8b\xbd\xde\xf0\x1c*\x18vm\xe4\x12\x95\xefc\x91\xb1\xcdT \xba\x12\xf9Jr\xddJR\xa2(RS\xf1\x819 \xb2\xefO\x0e\x0e"\x1691\x8a\x0c\x86N\x86O?\xdd\x02\xd7{\xa5\xab3\xc5\\\x9e~\xc3\x86\x00\xbd\x0b\x81J\xa5\x85\x8b\xc5t\x1a\x8b\xe9\xe2\xe2\xfd\xfd\x97\xa7q\xa8\xc0\xef\xb2"\'TJ\x03c\x18E\x10\x0cR\x11\x13\xba\xd7\xebn\xdbkp\x0e\xd5\xfa\xbai6\xb1\x89\xa6\x02B\x92$\x13X\x1c\xac\\\x16%\xc2\x12+e\xe2#\xc9\x9c\x01\xcab\x07NH\\\xfcB[\x9b\xfcp\xff\xc6Vf\x01\x8b&lt;F\xf1\xda\x12\xd4\xe2\xbb\xe8\xf5\x85L\xe9"\xfesiuu\xffh$\xb4\xe2\xb8U\xa8\xd2\xe9\xc0\xc5\xd2\nc\x15X\x96\xd5@\xa2\x06\xb0\xd3\xd9\x10L\x9b\x9b8f\x90\x03O\x80\xe46y\xd9\xc0\x92\\\x91j\n\xd5\'\x1aQ\xa7\xb721\x8a\xba\x8f\x1e\x82Kec#\x8cOcn\xb0\x9a\xf6M&lt;\x1a\x1d\x1d\xed\xefo\xdc\xbc\x99\xfb\x88~[W\xbc\xb2LG\xcdJi\xf9\xf2\xea\xf11vP\x1c7h;V\x06\x01X\x06q\</t>
        </is>
      </c>
      <c r="M320" s="3" t="n">
        <v>45492.67890046296</v>
      </c>
    </row>
    <row r="321">
      <c r="A321" t="n">
        <v>927975</v>
      </c>
      <c r="B321" t="n">
        <v>1955</v>
      </c>
      <c r="C321" t="inlineStr">
        <is>
          <t>Jean Lucas</t>
        </is>
      </c>
      <c r="D321" t="inlineStr">
        <is>
          <t>J. Lucas</t>
        </is>
      </c>
      <c r="E321" t="inlineStr">
        <is>
          <t>VOL</t>
        </is>
      </c>
      <c r="F321" t="inlineStr">
        <is>
          <t>VOL</t>
        </is>
      </c>
      <c r="G321" t="inlineStr">
        <is>
          <t>VOL/MC</t>
        </is>
      </c>
      <c r="H321" t="n">
        <v>181</v>
      </c>
      <c r="I321" t="n">
        <v>6</v>
      </c>
      <c r="J321" s="2" t="n">
        <v>35967</v>
      </c>
      <c r="K321" t="inlineStr">
        <is>
          <t>Right</t>
        </is>
      </c>
      <c r="L3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deffb6d-0554-4ba0-88c8-ce4ef7abaf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e6\xe4\x12\x00\x00\x00\tpHYs\x00\x00\x0e\xc4\x00\x00\x0e\xc4\x01\x95+\x0e\x1b\x00\x00\x03\x00PLTE\xff\xff\xff\xfd\xfe\xfe\xfa\xfb\xfc\xf5\xf6\xfa\xf6\xf6\xfb\xf8\xf9\xfb\xfa\xfb\xfd\xfe\xff\xff\xfb\xfc\xfe\xf7\xf7\xfb\x1c\x13\r\x1f\x14\x0e\xfc\xfd\xfc\xf9\xf9\xfc\xe7\xe9\xf1\x08\x07\x06\x04\x04\x03\xe1\xe4\xed#\x15\r\xf3\xf5\xf9"\x17\x11\xfa\xfb\xfb\xe9\xec\xf3\x17\x11\x0b\xe6\xe8\xf0.\x1d\x14\xff\xff\xff)\x1a\x13\x1b\x10\n&amp;\x18\x0f\xf8\xfa\xf9\xeb\xed\xf4%\x1a\x15\x13\x0f\n- \x1a\xe3\xe6\xef\xec\xee\xf5\x8a_I\xf4\xf6\xfa\xf0\xf2\xf7\x15\r\x08\xf2\xf3\xf8\xdc\xdf\xea\xee\xf0\xf6\x0c\n\x08\xf6\xf7\xfa9#\x17)\x1d\x18\xa7{e4#\x1beE6\xe5\xe8\xf1\xe8\xea\xf2\x86\\E\x81YC:&amp;\x1c\xd9\xdd\xe8\x17\x16\x15\x0e\r\x0bwJ21\x1f\x16&gt;) \x94lX\x99sa\xde\xe2\xed\x1e\x18\x11,\x19\x0fE/#\x92fNaB0qL:\xdf\xe2\xeb\x89dR\xb3\x84k\\&gt;/xO:rJ44)$\xf6\xf7\xf6\x8fcK\x94o]N4&amp;\xb0~`f&gt;(\x9fvbJ1&amp;V3!\x1d\x1c\x1c\x9bxh\xa2zg0$\x1f|WC\x8dl]\x12\x11\x11gD/\x8efR[7#\xd6\xda\xe6\xa3tYjH6\xa4xb\xf3\xf4\xf33\x1c\x10~T&gt;\x86hZO;/\xa1qV\xb5\x88p\xb7\x88k\x8diWsQ?\xa7w[\xbb\x8dsB&amp;\x17\x7fQ9\xab~e\xbf\x92z{M5\x85X?S7(\x99p\\\x95iQ7\x1f\x12Q/\x1d\xa8nM\xb3\x83fT:,J.\x1fY;,\x83]KsF-\xd2\xd6\xe2B+\x1f\xaf\x82k\x9fs]I)\x17\x9akQ\xaf\x81fmB*\x98\x9f\xaa_&lt;(mF0%$$J5,\x85bQyS&gt;hkjV@4\x85T:\xf1\xf0\xef\xcd\xd1\xde\x9fnS\xb6\xbb\xc9\xab{_jL=\xbf\xc4\xd1quu\xa8\x82qI&gt;8\xc5\xc9\xd6\x9anV&gt;"\x13\xc9\xce\xda80,\xa3~m\xa0\xa7\xb4\xc5\x9b\x83\xa0iK\x96aD\x8e_F\xad\x8b{|[J\xbf\x96\x82}^Q}dX?51\xa9\xaf\xbcuVE\xb4\x8bw\xc0\xbc\xba\xe6\xe5\xe4\xd8\xd4\xd5\xaa\x80j\x93wl_`^\xafwY\xb8\x91}\xaf\xb5\xc2w}\x80@/&amp;\xcd\xce\xcduZM\x8f[&gt;\x8a\x90\x9a\xb7\x94\x84\xcc\xa1\x85\xaf\x86r\xec\xec\xec\xa4\x86w\x99gK\x93rc\xbf\x9b\x8c\xe8\xe9\xe7[C6\xa8sV\xc7\xa2\x91.-+\xe1\xe1\xe1\x91\x97\xa1^I&gt;UGB\xaftQ\xaeohHJH\xc4\xc8\xc6\xb0\x90\x81=&gt;;\xc2\x8ek\xe6\xdb\xd7\xb5\xb8\xb7TWT\xdb\xdd\xdc\x80\x86\x8e\xd6\xcb\xc7\xbc\xc1\xc7`OG\xad\x97\x91\xb5\xa8\xa4\xaf\xb3\xb0\xd5\xa9\x8d\xa0\xa1\x9e\xc6\x95u\x96[Ru_V\xb7zU\xbe\x85`\x95\x98\x94~g_\xa6\xaa\xac\x8arj\x9c~rjQH\x84NF\x84\x86\x81\x8d\x8f\x8c\xcd\x9cy\xcb\xc3\xc2\xd1\xb1\xa6\xa3b[\xb9\x82~\x83le\xa5pd\xd4\xbc\xb8\xc1\xb1\xac\xa0\x8c\x84\x93\x83\x80\x84G\x89|\x00\x00 \x00IDATx\xda\xc4\x99\xdfK\x1bk\x1a\xc7\x9d\xde\x04\xcc\xc0\x04\xc9\x10\xc4:\x18!\xd0\x8bAk!\x91\x195AkDL2\x1a\x92&amp;\xc6\x98DH\xd34\x85\x08f\xf1W\x055R\xf4 \xc9h\xb4\xb2P\x8cX\x92\x1b-=\xd2\xe39E\x16\xf5,\xe5\xb8\x88BDA+\xb4\xc2\x16\xc4+)\x1c\xec\x1f\xb0\xcf3\xe3\xee\x1e\xd8\xabe\'\xddW;\x89^4\x1f\xbe\xcf\xf7\xfd&gt;\xcf\xfbZR\xf2_-\xd5\x1f\x7f \xe4o\x92 U\x04,\x92\x89\x08\x91HD\x80\x9f\x19\x92 J\xf0WD\xc9wY\xff\xc6\x82\xcf\x84\xcf&amp;U*|\xc304\xcd\xc0\x12\x04|\x92\xb0h\x92\x90V\xc9w]*\x020hI\x11\x82\xa6\xf7v?]^]___\xee\x1eDh\x1a\xd8\xe8\xff\x07\x13jE\xd2\x0c|:\xd4+\xb2{\xf9\xedsA,\x88^.\xc0\x89\xa7\x0bW\xbfD\x04\x00\x93\xca\xa7\xc2R~?&amp;B\x85\\\xa8\xca\xde\xe6\xf6\xb9\xe8\xf5z9\x8e\x139\x8e\x0f\x04\x02\xbc\xb8p\xf938\x8c\xa6\xef@)\xe9\xefHE\xca\\\xcc\xde\xd1\xd9BA\x149\xc0\x12\xbd\x01\x8e\xe5\x03&lt;\xcf\xb3&lt;\xe5=\xff\x86`@\x8dz~7*\xc9\xebd\xe4l\xfb\xb4\xe0\xe5\xbc"\x17\x08\xe0\x83\xe7x\x96\xe5y\n\x9e,\x7fz\xb9\'\xc8\\\x84\xaco\xf1\xcd\x8eX$)\x9c-\x83\x9f\xbcP8(`\x00\xd0\xa0\x82,Ki( \x83\x17\xee\xf3\xa7=\x017(*+\x95\xbd\xa8\xaeB\x9d\xa02\xf4\xc1W\xf0\x14J\xc5yo\xb1(\\,%\x0b\x06o\xbd\x0b\x9b{\x98a$\xa1R\x15w[\xca\xa9\t\\\xc2\xd9\xe7\x82\xecs\x14\x8c\x0b\x80\xbbx$\xa2(\x8d\x06\x04\x03\xb5\xe05 .\x9cE\xa4\x08\x93\xe4U\x15Q,t\x15CG\xceN\x11\x07l\xee\xc5X\xf0J\xefY^\xa2\xd1 \x9c\xb4\x02&lt;U\xb8\xde\x03$ZJ\xd8\xe2\xe9\xa5\xa2#\xe0\x15\x9a\xd9\xdd\x12\xc1\xec\x9c\x1c\x0chx\x11\x93\x016\xa2\\FJ~\x05\x9bi\x02\x0b\xbb\x02M\x90`~\xd0\xachX\xd0\xf6\x18\x82&lt;\xd8\x06K\xe9\xe1\x0bV)H\xa6kF8\x1er\x0b\xc8\xb0\x96R%\xb1\x9e\xf0\xf2\xf9B`\x08!\x82\xc1_&lt;,L\xf7\x8bmQ\xa7++o\xac\xad\xae\xaek\xac\xab\xae\xa8\xaennn\x86*\x02\x19nE\r\x16PzbI)~\xe1g`\x12\x04l\xe7E\xdb\x87`\x91\xbdeN]\xdeR?&lt;\xec\x1cv\x8e\x0f;\x9d\x8f\x1e65\xd5;\xaa\xb5\xda*]i)\xcb\xcav\xd7HRI\xcf\xc0\xf2\x01D&gt;C\x96\x14\x8b\x8b\x90\xc4\xfaT\xa8*/\xaf\x99\xb0\x06\xdb\xfa\xc3A\xab\xb5cr\xb8o\x12\xe0^4\xd5\xd7\xd4\xd45V\x96\xaaKu\xb7\xe6\x97\x17\x15\xb8\xa2\xa1\x7f\xd3\xaa"\x85\x04\x81-\x8e&lt;X\x16k\x1d\x8f&lt;\xaet\xdan\xb3\xd9\xd3\xf6`0=\xebr\xa5&lt;\xce\x89\x17\xf5\x03\xf55\x8d\xe5--\x15eew\xff\x00F\x9d^\x80Z\xb4\n\x96\xe2H\x10\xee\x98\xd9\xa4p-V\xd7MxR\xc1Y{\xc3\xe0`C\xc3\xd4\xecT\xc3\xd4\xd4\xac+\xd5\xe7|1P?0\xf0\xfa9\xae\'-\x95j\x1d,\xbd\x04\xc7-\x1fA#"\x8a\xd0\x83\x90\n{\x9c\xb0y^\xdb41\xe6q\xcd\x02\x0ePIX\xf0\x9cr\xb9\xc6&amp;&amp;\x06p\xbd\xbe\xe5\x82UQ\xd5\xacC0\xee2\xb2$\x10%Ep\x97\n\xc2\x1aF\xac_\x16\xc4G}cc@5+Q\x01\x90\xcc\x06zy\xc6\xc6f\xc6ff^\xc3\x02.\x00\xab\xa8\xa8\xa8\xd2\xeaX\xe0\xda^Z\x8a\x90\xff1t\xff\xcfs2v[\xb0\x87\xf0\xf3M\xa1\xa9\xaf\xcf\xd37\xeb\x9aM\x0f&amp;\x12\x89\x86\x86\xf4\xd4\xd4`\x02\x8b\t\x82\xa5\x00xff@\xc6\x02\xb9***\xab@/\x9e\xd2\x9c\x1f--\x15a\xc4A\xac;\x0c\x13\xb9:\xed\x99\xe8\xebK\xb9\\\xae48\x0b\x17\xb0E\xa3\xd1\xc4 \x88\x06\xce\xf7\xdcr\xddbUj\xb5\xcd\xcd:=\xaf\xe1o\x0e"\xa4\xf2S\x84\xaaD\x9aG\xcf\xce\xc5z\x8f\x07\xb0\xd2H\x15\x8d\x1a\r\xf0e\x8a\x9a\x12\t$\x84Z\xa6d\xae\x99\xd7XD\xb4\x97V\rXzVS\xf8\xbb \xe7\x83Ja\xcbc\x8f\xbe\xc9\xf5\xbc\x00\xaaT\xda\x0e\xe1\x90I&amp;\xdb\xe7\x93\xf1\xa4\xc9d\x8a\xda@4@\x9brA\x85\xc7\x00k\xe05b\xb5\x00U)lG\xbd\x9e\xa2\xb6\xf7\xf0&lt;\x02\xff\x8f\xe2I\xca\xec\x9e\xe6\x1cN,a\xda\x9e\x89\xfa\x81*\x14J&amp;\x93\x06\xc0\xca$\x126\xc0j\x98\xedC.P\xecy\x0bb\x95aJ\x00\x15\x94\xf1\xfc\x82,!I\x85#U\x9a\xb3\x84o\x85\xdc\xc3\xe1T*\x98N\xdbL\x06C\xdcl\x1e\xb1\x98\xcd\xf1P(\xd4j\x88Jj\r6\xb8RPG\x8fg\x06\x8a\xf8\xe4I%\x86\xd7\xbd{\xc8Eq_\x19HcRa,\xe8\x85\xcc\xc5\xd6\xb9\xc39\t%L\xdb\x81*42\xe2\xf6e\xf3y\x9f\xdb\xb2:\xbaf0F_&amp;\x86\xa2\t;\x06\x85TH\xb0\x17\xa8uW\xa7\x97\xb0x~a\x0fZ\x10\xad(\x16\x81\xa9%\\\x9en4MvX\xadA\xbb\xcd\x18\x8a\xc7\xcd\xbe\xec\xfa\xfa\xc7\x8f\xeb\xbe|\xd6=\xdd\xdaj\x18\x82e\xca\xa4\x83\x92`c\xe8\xfa\x96\xca\xb2\xd2\xbb\xba{\x12\x15+\x9e\t\xd2\xe8\xac`r\xe1\xb1\x82 oDG\x0c\xa9\xd2\xf6\xa8!\x1e\xb7X\xf2\xeb\x1f?|\xf8\xcb\x87\xf5\xdf\xb2\xd9\xfb\xbe\xd5\x1f\xd6\x0c\x9d\x06\x93\x1f\xda\xa4\x9c_\x035O\xca+\xd5\xea\x7fa\xf1_\x19Fa\xbfK\x13MdK\xcc\xc5\xac\x92X\xa6\xf6xW\xef\xc8o\xeb?\xfd\xb4\xbe\x9e\xcdf\xf3\xf7}\xeeg\xab\xadkkC\x10a\rv)\xbe\xa0\x11\xa1Zj\x90K*"K}\xc3\xd9Y\xe9p \xc9\xa3\xd3\xc2\xcabG0\xe8\xb2GM\x86\xf6\xde}w\xde\x07DyKW\x97\xd9&lt;\xba\xda\ne4\x9alv\xbb\xe4.\x0c\xaf\x81\xe7\xe50J@B\xc8\xe6\xa2\xb6"`y\x95\xb2X\x00\xb6{\xee\x98;\xb4&gt;\xb0\xba\xdaLo\xda\xe3\x96n_&gt;\xff\xb7|\xdem6\x87\x0c\x9d!\xc3\x9a\xc10\x14\xc5\n\xba\\\xb2\xe3kj\x9e\x97\x83\\\x90\x11\xb0\x17A1\xea\xfc@\xd9c\x06!\xc9E_\x16r\x8b\x87V\xab\x0bj8\x1fB,\xf0z6k1\xa3LCF\x7ft(\x11\xc5\xa0\x97\xb1\xb0\xfd\x94c\xa0\x82\xe9e,\xb6pD\xdfQ\xb0\x01\xe1\x05\x16\xde^]A\r\xc7;\xac){\x06r\xd4\xec\xee\xf6u\xe7}&gt;\xb7\xdb2\xda\xda\xdai\xf4\xfbm\xb6\xc4\xd0\xe0\x94\xd4\xb1!\xb7\xa0-Bl\x95A[\xc4\x8c\xd0C\xa8\xf2\xe2.C+h.\xac C\xdfa\xaes\x1b\x8b\x1d\xd6\xc9\x94-\x8a\xf1\xdee\xb1\xec\xefww\xbb\xdd#\xd3\xab\xad\x9d\x9d\x06\xc8\xfa\xa1!\x1c%\xa0\x8e}\x9e\t\x8c-\xac`Y\x99&lt;\x0e\x02\x96\xf7\x12\xb0\x94\xdb\x8cXC8\xe4\t7\x8e\x9dX\xc7\x83\x8e\xa0\xcd\x964\xb4\xc3V\xec\xea\xed\xed\xf2=~&lt;\xfd\xec\xcf?\x8c\x02\x98\xd1\xb8\xf6\xb2\xa1\x01\xc0\x90\x0b\xaaX\xd3\x88\xce\x92&lt;\x8fb\xe9\xf9\xc05\x83\'l\x95\x82X\xb0\x11\x97\x96%\xc7C&lt;dL&amp;\x7f\xb2=\x1e\x07\xcdV\x9fM?\x06\xb2i\xf3h\xab\xc1\xb0fL\xbc\x1cz\x19\xb5\xa5\x83\xb0\x15A.p&lt;$\x04\x14Qn\x8c\xec\xd6\x12\x83\xa6W\xc8^\xd2=$I\xeem9V\x8e\x0f\xad\xd0\xa5m\xb6~\x7fr~&gt;i\\[\xeb\x8c[\x1e\xfb\xee\xff\xe9\xbd\x14\xf3\xc6\xb5\xbf\xae\xa1l\xb6p05&lt;\xf1\xa2\xe6\x9f3= \xc1\xbf\x00\x7fz\x00\xf3\xadr\\rO&lt;\xf8\x9c\x8b-B\xc4\xdb2\xe1p\xbf\xdfh4\x19:GG,\xdd\xdd\xfb\xf9|&gt;\x9b\xf7M\xc3\x8e\x04\xa6\xd5\x11\xf3\xfc\xbbW\xe1\x07\x1d\xe3p\xe2\xa8\x81\xf5\xbcE+[^\xcf\x9f\x1fI\xf77Jb\x11\xc4\xd1\xe9N\xec\x10#\xde\x16\x0cg\xa2&amp;\xa3i\xbe\xfdi\xef\xfe\x8f\xbf\xfe\xfe\xf6\xe9~7D\x85\xcf=\xb2:\xdaj6#\xd6\x03+`=\xackl\xac\xc7\x13\x9aZ\xcey^&lt;\xc3\xcbAB\xd1@%/Nv\x16%,{\xb8?\xfa\xea\xf8\xf8\xe4\xe4\xcb\xca\xca\xca\xc6\xc6\xc6J,\xf6\xe5m&gt;\xfb\xfe\xbeozt4\xd4\xde\xfe\xeepn\xa7\x1eF\xf8{,\xcf\xf3`wm\xe5mBp\x9bBD\xa0\x95l\x8awH\x08yP\xab\x03\xb1\xdaL\xaf\x90\'\x97+l\x9c\xac\xe46VNN\x8e\x7f\xed\xcdf\xdf\xbbG\xcc\xa1\xf9\xe4\x9b\x07\xb1\xa6\x9e*\x1d\x17\x90.\xbb\xe0\xb0\xcf\xea\xd4\xd2^\xe4\xd9+\xfc\x83\x82\x825\x04\xab2\x9b\xb0\x11\x17\x0fa\\\x0eg^\xc5V\x00\'\xe7\xe8\xc9!\xdd\xce\xc9\x97\xdf\x7f\xec\xf5\xc1\xe05\xd2iH\xfa\xfbA,GO-\xc7y\x03\x94|?B\xe9\xa5\xbd\xc8\xb3\xdf\x08\xc9XJZ\x8b\xdc\xcc\xcd\x8d/\xc2F\xb4\xb7\xf5\xcfm\xc4V\x80\xaa\xe0\xf5\x8a\xb5U=\x8e\xd8\xf1\xbb\xb7O\xbb|\x16s\xa7\xd1\xe4\xf7\x87\xc7w\x9az\xaak\xa5{g\xf9\xfaMC!\x96\x8eeo\x94\xbf\xab$&gt;9b\xb1\x18b\xf5\x8f;bs\xb1\x18\xb8+\x16;\x89U\xd7\xcf-\x1e\xbf{\xf3&amp;n\xe9\n\x992\x99L\x9bu\xb8\xa9\xae\xb6Y\x17\xe0\xf5j\xadV[Z\n\xb3\x03\xa5\x87\x83\x06\xc7\xb2\xcb\xa0\x95\xd23\xf3\xe6\xca\xe2\xe1bG\xda\xde\x96y\xb83w\xf8\x16&amp;\x9b\xa7\xf1v\xd0\xc69n\r\xbf{\xe3o\xef2\x87\xfcmma\xeb\xa4\xb3\xbe\\\xab\xbe[Z\xd14&lt;\xect6\xd5Uk\xd5z\xbe\xb4Y\xa7\xe3\xd9\x05\xbcZQ\xf0\xe8J24}\x06;n\xb8#\xdc\xd6o\x0c\xff\x83Vs\xfdI+O\xe3x\xdd7\x93@\x13\x9b\x13\x9a\x86\x00\xc6\x9a\x90\xf0\xc2P!\x01\xd2\xf1\xa8\xe1\x1a\x05*\x05\xab\xad\xc5A#\x0e\xd4K\xb9\x08\x82\xe8\xb1\xa0\xc1[\x83#\xb6\x18\x82\xd9\x1a\x9aN\nxI#u\xad\x98t$\xadSj\x8b;\xd3\x9a^\xec\xd84\x9d\x8ec\xaa\xb3\xbb\xbd\xa4\xd37\xed\xee&gt;?\x9b\xfd\x0f\xce\xfe\xde\x9dw\x9f&lt;\xbf\xe7\xf2\xfd&gt;\xbf3W^ZZVv\xfclP\xaf\xe0+\x95J\xb9\x11\xfa~\xb0\xb4\xb3T\xa8\x06(\xaf\x08D)&amp;\xe1ja~\xa2\xdd\x17\x0f\x1c?\x95B\xa1\x88\xa1\xcd\xe7A\x87 M0\x7fQ\x81\x8f\'G\xab\xb5r\xa3B\xe8\xa9\x1f\x88F\xa3\xbd\x96\xe9\xe04\xdf\xed\xef\xe2V\x03\x96\x80]z\xa2\xa8\x93=\xe2\x83\xe6.\xc1(0\xa1o\xde\x7fpQZ\xc2\xa53\xe8t\xb0\xd74\xcaQ\xca\xd7\x85\x9by\x95d\xcd\xc4/\x1a\xf0+h\x10\x93Z\xadWiP\xb0\xa3\x03-Q\x8db\xba|\xf9\xfe\xa8\x88N\xe7\xf1\xf0s|\x0b;\x1c\x19\xaeX`\x8ft\xdbq:\xc6d2\x8f&lt;|y\x8cr\xb8\xb0\x90\xc3\xa40i\x0c\x8cF\xa5\x8a\x8f\x02\x16X\x9f\xfdd\x15!z\x1d\xfcK^\xe5\x0f\x10-\xa9\xdc`aG\x1b\xa3l\xb9\x82_"\xfe\xe6;\xe8K\x1c\x16^r\x7fN\x16\xd6\xf5T8\\U\x83&amp;\x0ct\x1f\xb3\xe0\xc1\xcdcO\x1f\x15\xee-\xc3\x0b\xbf\xa6\xc1\xbc\xa6\x8a\xc5\x08k\xef\xf1\x804\xac\x83y\x95\x95\xcf_B\xa6\xc8\xe5z\x8dgHf\xf1q\x99\x93\x93\xdfm\xe6\xe6~s,\x1f3i\xa7e\xe1T*\xd2\xd4\x1e\xb8,\x81XQ\xf0j\xfc\xda\x1f\x176\x0bsO\x8a\xf39\x07r9\x90YL1\xca\xad//\x07$\xed\xdb\x908=\x98wo\xb1\xb9\xbaZ\xce\x17h4\x9e\xd2^\xa5\xdb\xad\x94\x16\x1c\xcd-\x14?l\x96J/NkZ\xb2\xb1H\x91\xab\xca\x8e19L\x8c\xce\x94\xbc\xfc\xcfb\xfeaJ\x01n\xa2S\xd1U2\x99\xe2\x93\x87s/\x8c?\x1f\xdfO\xce5\xee-\x97\xf7\xdf\xbb\xfe\xea\xcf\xf7\x00 7\n\xc0\x0e\x06\xf5\xfa\xfa\xce\xe3g\x96\x9b\xc1\n\x96\xf8}\x13\x13A\xd9P\x0ca\xf5\r\xa2\xc4\xc2\xe8R\xfe\xdc\xf2\xf2\x84\xdb;\xe8\xf7\x8bp*Hy\xd0\\b\xc0Z\xfc\xfb\xe6cr^Y\xd0\xcba\xce\xfc\r\xb3\xca\xf2\xd6\xed\x97\x1a\xd4\xe0\x9c\xd92OKcSS\xd1\xa9Y\xbe\xdb\xebu\xf3-g\xa3\x99x&lt;\x16i\t\xf5uKP\xb40\xff\x83\xd9\xd9i\x8b!\xd0\xe0\xd6J\xb94*\x8d\x05\x12\x15*\xf1p!\x87\xbaXI\xd6L\xcc\xc9y\x15\xca4A\xf9\xfb\xb5\x06\xf0\x88\x1a\x8fgh\xa8\xb1QV\xdf;g\x846U#\x0fzb\x80E\xe8\xb2\xe9\xbe\x9a.\xf09\x18&amp;\xf1\x82\xfbV*}\xeesZ.\x9dN\xc7q\xda\x9e@=\xc4\xa1\xb2\x16\xbf%\xaf\xcf\xff\xda\x11J{\xa2.\x9f{D-\x04\xach)\xdb\xe5R\x19\xf8|\xa5\xd6\xebV\xf4z\xc2\xb1L&amp;F\xa4\xb2\xe9\xe2\x9a.\x8c\xc3\xa1\x9aL]\x97\x91\x7f\x15\xd9\x91\x14\xf4{\xfd8\x0bi\x88CP\x0c\x8c\x0b$\x1a\xeb\xd5D&lt;\xd48\x90Q\xf9\x0c\xc5\x02\x8dg\xa0\xdf\xd1(\x13*\x8c\x13F\xd0\xa9AO8\x9b\xcd\xc6\x08b=\x95\xcat4\\\x86\x9c\xc7$\x08\xca\xab\xadq\xfb\xce\xb9}rC\xc0\xcbe\xc0P&lt;\x04]\x96A\x7fI^\xb4rV\xad)bk-\x9b\x08\x18T\x9aL\xcb\xb0\xcd\x11N\x84\x84\x026\x9b]\xda\xe9h\xb3\xb5\xe9R@\x05X\xb1P\x15`1\xa9&amp;{7Z\xbe\xd54 \x8d\xad24\xc0&lt;\xc2\x80K\x0c\xfe\x8c~\xed9iXyK\xa9\x18\xb1\xbb\x9b\rC!f2\xe1Vg[c,\x9eNh\x86\x8aV\x9cp\xdat\xeb\x04\x81\xc2E\xa4\xcf\xdbQ)J\xb8\x83\xdd\rUU\x81@\xd5\x08\xa8F\xc0\xe2\xd2ih*bL\x8cQ\xf0\x1bY\xb7\xb8\x7f\xbc\xbf\'\xbe\xbe\xb3C\x0c\x19T\x89\xccP\xd6f\x1b\xb6\xb6\xc4\xa0\xf6\xb2\xc3=\xc3\x15\xf0\x95%b\x08k\x9dH\xf7\rJP\x87@\xe1\xaa\xda\xdb\xdd\x83\x9d\xadj\xf0saz\x03\x16Z\xf1R\xde\x93\xe6`\x9f5U@\xb0\xd6\xe3\x89\x11\xb3+\xde\x12Y\x19\xee\xd1\x01I,\x1c\xcb\xa6"\xba\xe4\x92-\xb2\x17\xac\xf5\x1d\x02r\xdeDeRY]^\xb4\x8e\xee\xebC\xfb\xe7\xbe@\rD\x8b\x81\xc2\x85\xd1y\xf9\x9c\xc5q\x92\xb0\xf6\x7f\xf28v7v\xd2\xedf5`\x85\x9bZmpo\xd9,\x8c\x9bT\xca\x9a\xaaXZ\x8a|\xa1\xda!\xe2\xc5\r0~\xa0A\xd8\xd1S\x15xl\xf4\xa2P\x85.\x11\xed\x9c)L\x16\xaf\x80\xf3\xf0G\x92\xb0r&gt;\x0b\x16nC\xb0\xac\x1au{:\x13\xd69\xaf\xce8\x9d6]*\x95\xca\xc6\xe2!Ag4\x93\x8e\x13@\xb5\x93\x8aw4\xa0]\rW\xc2\xe2\xd6\x8c\xa8\x8b;B.W\xa8}$\xe0\xb5\xe3_\xb0\x98\x18\xce\x9c\x9c\'\x07+\xe7\xe0j\xfb\xd2\xf6\x0e\xb1\xbe=\x84\xb0\x88\x9e\x99\xb5\xb5\x8fkW+\xb2-\x99x\xa8\xef|o4\x06\xf9O\xec\xec\xecn\xa0R\x1c\xb4\x0fzk\xec\x12\x0c\xb8::\x90\xf9\x87\x06Wc\x87\x9cGR\x90s\x9aAy\xfa\x13Y\x97\xf8\xb9=\t-`w#\\\x1c\x8a\xc7\x88\x1e\xe7\xda\xc7\x8fk\xceH,\x1dj\xef3\x97\x0e\xe8vww\x08\x80\xda\xdaj#\x12}\xdd@\x15\xf0vI0S7\x0c\xaaP(\xd4\xae6\xb8\xbd"\x1caq\x0e\x9fd\x92\x16\xad}9\x9f\\\xd6tz}\xfb\x83U\xe5\x82\xf2\xebq\xaeB\xb4Z\x1b\xe3\xae\xf6\x0e\x81ce\xf8\xc3\xd6\xd6\xd6\x87\xdb\xb7?&gt;\xfb\xd8F\xc4U\x01\xadV\xc9\xd7\xfa\xbb\xa8LS\x8dJ\x00\xc12\xab\xe5\xe7``C)\x8a1Nn!y\xb9\xb5\xef\x85\xc0\x1a\xea \xb6?8\xc6\x00+\x96\xaaH\xae\xae\xddr\x0cA\xb0\x12EI[\x05\xc2B\xe7\xf6\xb6.,\x13N\x80\xe7\x00\xa3\x8fC"\x99\x02z\xa1\xcblV\x18|R\xc0\xa2\x89\xc5\xac\xc2\x03\x85L\xd2*q\xdf\xb3\xf2p\xfc|zw\xbb\x7f\x0f+\xd6\xd2\x9f\xbc\xb52\x90pu\x98\x07\x96ff\xfa#\x8djc\xa7m\x03N6#0j\xa5~\x1e\x8dE\xa7P\xa8T\xccn@\xcfA\x06\xe59)\x8f\xce\xc2\x00+7\x97C{O\xd6\xbfS9\xe3\xa7\x04\xd6x:dmR\x00V&amp;!+J&amp;\x17\xa2\x82bC\xef\x02`\xcd\xac\x94\xfb\x94\xc1S\xb5\x8e\x9eHXc\x81\xc0\x1c\xa1p8\x14\x103\x18\xd6\xd5m4\xab\xd4rP7\x80\x05\xd1\xa2\x1e\xe0`G~!o&amp;\xae\td:]{\xfb\x90B\x98\x80\xe3\x19XY\x00\x99\xd3\xad,[\xb1\xd9l\xce\xabW\x93\xb5\x0b\xc9\xa9\xe3\xe5\xe0\x1a}%\xd0\xcfA6\xd3X\x0c\x06]b\xe2\xba\xd5\xea\x11\xb9\xbb\xfa\x7fX\x1c*v\xe5\'\xf2\x84\xcd\xb3\xa2\x8cc;\xd5"\x03\xe7\xe5\x12$4\xd1\xa2\xb2^\x83\xdd{&lt;iC#\xd1\xd6\xba\xb4\xf4\xe4\xd6\x93\'\xa0\n\xbdpy\x14t\x7f4\xa0\xc2q\xe8`n\xa3!\xa0\xf5\xf3\xa0\xcb\x03\x16\x861X\x8b\x95\xe4\x99\xea\x83\x9f\xac\xd6\xdd\x8d\r\x0f`\xc1\x01\xdd\xd0\xab\x94\x94\xdcM:g\x10\x97\xad\x7fej\xea\xce\x9d;o\xee\x96[\xbc]\x0c\x00@\x87\xc1\xe3\xf1\xb8\\.\xee\xe5\x07\xaaE@E\x05,\xf1\xe9\x82\xd3\xaf\xc8\xdcB\x8c/\xb5\xf4_j\xf5(\xc0&gt;\x9b\x05\xec\xfaz\xbed\xf4F\xb2\xd5i\xabh]Y\xe9_\xb8\x84\xa0\xea\xca\x83B=\x92\xab"\x88\r\x83\x05\xb6\x15\xe7\x8aD"p\xd7{#\x91\x06\x96\xec\xd1\xa3G\x7f\x9d\'u\t\xf1\xe2\xd4\xab\x9f\x7fe+Tf\xc0\xd2x\xc6L\xa3o\xa6\x16N4E\x1c\xc3E\'jk\xbf\x87h\x9d\xd5[\x14\x96\xb9\xb9\xbd%\x84\x1f\xc7\xe9\x0c\x96\x04\x91\xf1\xa4"\xa5\x9b\x8b\x1e\xad)b\xf1\xe6\xd3G\xbf\x91\xfb\x0f\xe3\xfc?\x7f\xf9\xe1oec{G S\xe0\xaf\xdf\xdc\xa9m\xb2Z\xad\x8d\xd6\xa6\xa2\x85\x95\xa5[\x97\xea\x85z\xcbtoy\xb9Ym\x08\xf8\xbcp}\xe8e\x85U\xc0\xbbysT.\x02*\xe8\xa6\xe2+W6\xe7\xc9]$\xcd?\xbe~\xfd\xd5\x80^/TY\xc6\x842c\xc9r\xb0\xb6\xc8\xa1\x8bX\xad\xba6\xe7\xcc\xea\xea\xeaT\xa7\x06e\x9d,\x11\xeaP\x1b\xe4Z\xaf\x17\xc6 \x0b42ott\x94/\x82\\\x03_\x9d\x8f\x1f\xfb\x83\xe4\xf5\xd6\xb7\x8f\xff\xfcwm\xed\xb4P\xa8\x9a\x18\x13x\x84\xee\xd9`m\xffpOO\x8f\r\xa0nM]:U\xd7\xab\x17\x9a\xcd0i\xd0\x8b\x8f\xd6_]--\xc1!\xc1\x18\x05\xcd\xcd\xcd|.u\xef\x0e\'\xdf\xff\xfe#\xc9X_U\xe6\xdd{\xf1\xe2\x0e`)\xc6\xd8C\x9d\x96\xba\xf2\xba\xda6H\xac\xb2\xba3gf\x97\xa7\x97\xe7,\x13F&gt;\x9f\x8fVG\xfe\x12\x11T!\xeftA\x01\x1d\xcf?\xd2\xdc|_I\xa7\xa0;\xcc\xbf\xf0\x7f\xf8C\x03\xb9\xd8\x9c\xcfz\xb6Pa\xd1x\x1a\xcb\xee\x96\x9dY\x0e\x9e\x9d\x9d\x18\x15\xd9kT\xef\xde\xdd\xa8{7\xfb\xaf\x7f\xbc}\xfb\xfa\xf5\xc5\xea\xe6\x8b%%\xd7N\x83\x1a\x85\x10q\x18\xcd\xcd\x17\xabYT\x1a|\xe4\xbf\xff/\xedf\x1b\xd3\xd6y\xc5\xf1\x18\n)\x01kRL\xd6!\xab\x99\x85J(b\xc0\xc5\x1a\xf0\x05|E!\xc8Nep\xaa\xeb\x0e\x1bO\x96\x82-\x99\x80I\'\xa3\x19&gt;`\x81\x84\xadZ\xd6\n\x01y+\x9e\xbdf\x83 \x15\xbf\x10\x83\r\xc85X\x06\x8c\x80\x88\xe2\xa0\xbc\t\x12XHDA\xca\x0bI#\xd2\x84\x84\xec\x9ck2U\xfb\xd4v\xb9G\xc6\x16\xdf~\xfa\xff\xcf\xf3\xdcs\x9e{\x9e\xe3\xcc\x0cJ\xb1\xd6k22\xce7f\xb4|\xae\x93\x91\x8a.[\'\xf7w\x1f\xfe\xf3\xe3\xfeg/_\xfaV\x9e\xbd\xf4\xf976\xd6\'7\xb6_o&gt;\xbec_\xee+\xc5\xe9\xc5\xe4\x92\xba\x9e\xba|\x1e\x0f\xb6-\x9e|\x93\xa1\x89]\xd6\x8a\xb3\xa0\xe0\xcf\x155\xca\x96^#\xa9\x90T\x87\xb8\xbf\x9a\xe8\x9a\x7f\x19YYQGV"\xea\xc8\xba\xdf\xea\xdb\xdd\x9f\xf4\xbf\xfe\xfea\xf7\xb5/\xf0\x90\t\xa8\x0ce\\\x1e\x0f\xf6}\x9ex\x95\xa9\xe1\xc0\x05Ma\xc6\xd7\x85^\xa1\xe0\x8c\x99 \x15\xfd\x01a\xc9\xf8\xab\xa5\x95Jk\xa4R\xedSWFV|\xd6\x05\xff]\xbf\x7f\xf3\xe9=\xfb\xcd/&gt;&lt;\x9aV\xd4\xd9sY\x9f\xcf\xc5=\x9e\xc7\xeb\x1baj6\xd0:V\x83\xaf\xef\x9dZ\x13a\xa6H\x87\xab\xbe\xdd}w\xc9\xaa\xae\xb4\xaa\xd5\x11\xf8\xf8\x16\xac&gt;\xff\x88\x7fr\xf3\xe9\xc3ny~In\xae\xf4\xf2\xe5\xba\x8e\xfc&lt;\x1e$\x16`M2\x85U\xb9\xdf\x08rU\t\x85\x02\x93\x8e\x90\r\x07\\\xc6\x8c\xae\xa9\xf5\x05\xb5Um\xb5Z#\x11\x9foa\xc9\xbf\xbb;\xf2\xfa\xc5\xd8\xe5\xdc\xdc?\xe5\x16\x19\x90\xaa\x18\xb0\x80\x8a7\xb4\xc4\x14\xd6\xb1\xbb^o\xe1\xd7-\xe5ZA3\xa5\x92\xcd\x04\x06\x06\x88\xaa\xad\xbd\xc0\xe2\xb3\xf5\x15\xbf\xcf\xb7\xe4\xf7\xdf\xf6\x8f\xec\xef\xeclU|\x9a\xfb\x11T\x10\x1d\x86\x9e\t\xa0:\xc0\xba\xa5f*\xb7\x0e\xaf{\xbc\xce\x8c\xaar\xadV+\xa0F\x87]\xd3\x8bMg\xca\xb7&gt;\xdf\xbbz\xf5\xb9\xe3\xe5\xee\xc8\xe4\xee\xc8\xab\x8d\xbd\xad\'\x7f\xf9\xb4\xe8#nqZq\x99^Z\x94\x9e\x0eX\\\xc4\xba\xcf\xd8\xe8&lt;k\xe1Q(\xd4\x9e\x01X\x8af\xaa\xdf\xd14\xbd\xb8\x180)\xb7\xf6\x9e_\xc5pL\xe1\xef\x0fO*\xf4\xd0R\x14\xe7\x17\xe7\x96u\x14\xe5\x03U\x1e\x17\xc8x\xe2I\xe6\xc6t\x8fo\x84B\xa1\xae\xf2\x16\x81V"\x939\x02\x03\xd3\x8b\x03\xf5\xa6\x96\xad\xab\xcfi \x88\xad\xad\'\x15m\xb0\xd1\xe3N_\x84T\xe9H\x85buG\x98\x1bMg\xad\xc3\xa3\xa6])\x00\xacj\x87c\xd850=\xed2\xef\x99~x\xbe8\xff\x1c\xd0\x90\x8a\xaf\x97J\xa5\x9d\x13\x88ES\xf1\xf2h*\xf1C&amp;\xaf?X\xf7=ng\x97\x00\xb8\xc8~\xc7 \xe4\xfc\xf4tS=\xb1w\xb5~\xde\x85TO\x9e\xd4\xea\xa5P4\x00\x16\xd4\x80\xf9?\xc2Z\xf61H\xc5:~\xd7\xa3\xe9\xea\xea\xd2\n$$\xac\xc4\x80\x0b\xb9\\\xf5\xc6=\xf4p\x8bv\x10\xa4\x92NL\x80\x8b\x07Xy\x88\x95\xc7\xebN9\xc4 V\xca\x88G\xa3\x10\n\xb5Z\tY=3\x15\xa0\xe5\x1ah\x1a\x96\xed\xed\xa1T\x1f\xf3\r\xd2\xb2\xb2\tp1VG\xa4\xc7\xb00\xec\x87\x98\x0c\xd6\xba\xc7\xa3\xd0h\x15d3I\xf6\x07\xa6\xa60\xbb\xa6\x07\x023sn\xaf\x8d\x7f\xeatYIII\x99\xf4\xb4\x01\x04+\xc1\xcc\xfa/\x16\x8fa,\xbff[\xa3PH$\x929\xb2\xda\x01X.\xf0q\xa0\xa9\xdeAv\x85\x1e_\xae\xeb\xec\xd4\x1b\xdaN\x9d:\xa5\xc7a\xf5\x03,\xfa\x9ba\xacC+\x8a\xd0\xb6f\x8e\x94HH\xb2\xba\x7f\x10\xd4\x02\xac\xef\x9a\xea\x8d\x94B\xeb\x0e\xd9l6~-\x94\x83\xd0\xde\x1fP\xbd\xc1*\xfd\x9e\xd1\x9b&gt;)\xbe9w\xc8\xa3\x98\x03(\x88\xd9\xa9\xa9yW\xd3w\xd8\xc2\xaa\x04\xb0\x12\x9c\xed\xce\x9a\xf3\x15\x15\xb5\xa8\x16d\x16M\x94.\x97\xcb\xf3RK\x9f2z\x03\x89\xb50&amp;to\xbf\x98\xab\xaeF\xae\x9d\xc1\xf9\xf9\x01\xfa\xb0y\xd8H\x98(\xcadj\x16T\xb5\x9f\xaf\xfd\x91Z\xe9\xf9ryz*\xd3X\x87\xac;J\xa1\xfb\xc1\xa3\xb1\xea\xea\x98\\\xf3.\xd7g\xd0g45\r\x1b\xeb\xeb\xcdf\xd5\x85\xf2\xf6\x1a\xdbIC\x19\xaeC9\xad\x958\x1d\n\x9b\xd4\xfb\x8c^&amp;c\xa9g\x95\xda.\x0f\xcd\x85\x9f\xc1\xc5\xf9\xc5\xc0L\xd3\xc0\xc0\xa2\xab^d\x1c%\xce^\x10\xb67\xf2{\xea\xca\x90\nC,\x06\x0bA\xadMf\xb1\x8e\xed\x0b\x05Z\rrA\xec\x8c\xcd\x82\x8b\x81\x99\x99&amp;\x97k\xd8\xa8#\x08\xd5\x05e!\xec\x14\x06i\x89\x9cN*\x9a\x8a\x87\x8d\xfe&amp;\xb3&amp;\xb26\x84\x12\x89F\xf3\xe0\xc1\x8bG\xa0\xd8\xd8\x18d\xd7\xd4\xec 4\x8b3\xa3\x84\x8ajnV\xd64\xf2OuN\xc8\xf3\xd2\xe5b\x80\x12\xcb\xc1B|\'|\x8f\xe1Kw\x1b\xed\x02\x89B\xa2x\x00`/@\xb2\x1d\x1c\xd4\x9d\xbd1\x15\x98\x01*\x81D\x0b\x1e\xda\x0cR1h%\xee\xa3\xa9@\xac#\xd0\x9c\xad2\xac\xd6+( $\xe4\x9c\x06\x8c\xf4&lt;x\x11\xe3\x82\x98\xa1\x04Jx(\t\xdd\xeeF~\xdd\x04\xda\xd7\xd7w@\x05b%\xf3F\x18Vk\x04\xb1$s\n\x05\xf4\xd3\x1e\x0fr\xcd\x0e\xde\x18\xbc1\xdb\xac\xecrzCN\xb7\xd3\xd63!\xfe_\xaaR\xdeuf\xa9X\xaf\x9cBAs\xb3\x04\'\x165(\xd9\xa3G;\xd5\xb3\x0eG\xbf\xa0\xddk\xb3y=n\xef\x95N0O&lt;4\x04l\xe9y\xa94Ur\xb2|\x92Q\xac\xc31,\xd8\xe4I\t-\xd8\xf66,J\xd8\xf41\xa9\xf86o\xc8v\xa5g\xa8\xafo\x08\xc7\xa8\xf0Q\x98\x8cG\x96(\xd7&amp;\xa3\x97sY\xef\xee\xba\x95\xd0\xf7\xc8`/%\x91\xcb\xe3\xf1@\xf6k$\x1a\xb7\xd3{\x05\xa3\x07\'\xe0\x86\xfa\x10\x8a\x9b\xfa\x86*9\xf9\x96\x9f\xc9\xe4b\xc5Mj \xb7(\x95\x8a\x92\xc9\xe6\xd0F0r\x1b\xc2\xb3\xfd\xf8\xce\x95\xe5+\xcb\xcb8\x08\x87I\x95\x17[\x82\x07\\G\xfa\x9eZ\x19\xac\xe5\x13\xd9~\r\x98hR\x11*\x99\x8cT\x1c\xa4\xbe;t\x07b\x19\x99\xfe\xd1\'\xa6{0\x1eB\xe1[1&lt;w\x06\x13\xff0\xce\x9c\\\xac\x146{iL\xa8D,\x82\x92\x112\x8a\x9c\x9b\x83\xe4\xd7x\xa0\xd8\xea,\xc9\xc7\x85\x87\x81P\xf4+1\xa0:\x92L[Yzm3r\x8c\x91;\xe9\xac\x94\xb8$v\xc2o^k\x95\x02TK7:*#F)\x92$\xe95\xe9\xb6\xf5t\xe4\xa6q\xe9N\x15O\x8ebL1\xad\xc0\xc4#7\xed\xd1\xd5\xa5co\x7f\n\x8f\x9d\x00P\xec\x84\xdf\xefK\x04\x88E\xa8F\tbt\x94\xa0(\\\x94\xd8wx\xf9\xfa\x8e\xfc4\xe8\x0bQ\xaaTD9\x92|\xf4\xfd\x03\xaa?\xde\xb4\xaf\x05\x83\xf7G|os\xc2\xf3P\xe5\xf1\x9c\x13\tl\x88\x84\xec\xbbP27S\x08\x06\xa5\x8c\xd1H\xa8H\xcaD*\xb4ZaW\xe3\xc9\xd3P\xfd\x15\xc3\x12\xe4\xe2.z4\xf9h*\x0e5\x1f\xa5\t\x11\xcb\xde=n\xff\xf7[;\x13d\xc5e\xfe\x9a\xc3a\'\xc6\x01V\\\xd6H\xb5\xa4\x994\x99(\x90J\x04%\x96\x8e\x90\xc9\xe0i\x88X\xde\xda6)\xd6\x7fx,\x9f\nB\xbd\xcf\xc5\x19pZ\xad\xe4\xf7\xae\x05\xc3k\xf6\xee\xee[\xdd\xab\x95o\xc7\xc8D\xce\x07\xbf=\x91\xc4\x01$\x94+\xc7\xbf\x03m\x8fIEQ3F\xa3\xa8^\xa4#t\xc4\xa8\xac\x19\xa8\x9c\x8dP\x96\x1a\xf4R\x04\x83$\xe3\xa6\xa5qq\xc4 \x95\xce\xfe\xd2\xf1\xb5\x18\xd6\xb8}\xf5\xf6\xf1\xff{\xd2\x93\x15\xc7\xc9\xfe \x93\x93\x94\x14\x9f\x08\x01\x8a%D\xf6IRb\xa2\xc0D\xc2\xd8\xda\xf0\x99H\x07\xd1k\x92(3\xe0\xe9\xc3\xe7\xf3\xa12\xed@\xc1 \xd2\x10\x0e\xdf`\x80\\\xdf\x06\xc3Q\xc4\x1a\x1f\xb7\x07\xedk#Kx\x01\xef\xf0/\xcf\xf3\xac\xec\xecl\xa0b\'\xbc\x13\x97H\x07;\xe9\x15`Q\xe0!A\x88\x1a\x1a\x1a\xeaE"B\xd7{\xc6$\x10\xb6\xd74\xdajmt\x7fQD\xbf\x87\x028\xe4B\xac\xf7\xc6\xa3\xe1h8\xd8\r\x11\x0c\x8e\x8fw\x07-\x93\x91_\xa8\x18+%!+3;3+\x8b\x13\x0f\xd9\xfe\x0e;&amp;\x17l\xa8\xd5\x14I\xa9(\x02U2\xb7\xeaZE"\xd1\'\xe7\xce^h\xc9(\xa89\x0f`\'\r\xd2\x0e\xe8b;P\xb4\x98\\\xa0\xd7\xb7aK\x14\xb0\xec\x10k Z0\x18\\\x8b\xae\xdeV\xff\xfcJ\x9a\x95\x92\x93\tHY\x1c\xce\tN&lt;\x1bD\xa2\xb1\x12\xe3\x12\x1327(\x0c\x15`\x81`\xa2\xd6\xd6\xd6\x86\x06Q\xef\xb9\x96\xf2\x8c\x82\x82\xc2\x1aH0&lt;\xb3\x91\xeaO\x97u\xe4\xe6\xc6|\xe4\xf2\xba/Y\xa2\x16\xc0\n\xae\xad\x85\xc3\x80\x06\xff\xac\x85\xa3\x0f\xaf/\xa4\xfc\x9c-\xf60\x8b\x1d\x9f\x05T\x9cx\x8c\xa4$\xc4JL|\xe3\xe2d?T\xa2*\x15\xc8e6B\xda74\xb4\x9a[E\xe63\x17Z\xaa\xaa2\n\xcfW\xf0\xdb\xf4z}\x1bN\xcc\x97\x14A~a\xdc\xbc\xf4\xcdE\x8b%\n\x1a\x85\xc3\xd1h0\x1c\x0e[.!\xa8\xc5r\xef\xb6:\xee\xa7r\xb1\x12\xb2\xb2A&amp;\x80\xca\x89q\x81R\xf8\xf7n\x8c+s\x036S\xc02\x9buf\x9dQ\x04\\\xa0Y\xef\xb9\xbf\xe1\r\x96\x82\x1a\xec^\rm\xfc\x93\xa7\xda\xf0\nx~1\xbeh\x89\xfe\x0b\xb1\xc2 U\x14~\xd7,\x97.Z.~\xf3\xf7/\xe1\xdbbyx\x1d\xb6X\xd6O\xa8]r8h\xde\x89\xf8\x1cX\x7fo\xd4z#\x17&amp;&gt;\xfb\xf6\x0e,CZ+\x91\xd9\x08.6\xb4\x8a&gt;\xe9=w\xf6s\xfa\xc6\x0f\xb4\x18mm\'\xf9\xb5 \x1a}o\xbe\xa8\xa8\xc4\xfe\xd7\xafh\xb5\xc0\xbb\x8b@\xb4fA\xa4K_~\xf5\x9f\xc2\xcd 4n\xec\x0e\xe3\x93\x99\xd1\xd4\x82\x8c@\x88\x08\xddt\x90"!\t]*e\x99KA\x90\xc4b{\xd8\xb4\x03=\x94\x14\x16MX\xd2\x1d\x1b\xdb\x90S\x0e^\n"\xc5&amp;\x87\xb0\x84\x1d\x8f3\x87\t\x03\xee!\xa5\xcb\xb0I\x96R\xd3\x946\xdb\xf6\xb0[\xb2\xbd\xa48!\xc4\x89\xbb\xf8PH\xd9CRXZ\xda\xef{O\x1e;\xcb\xb6}\x10\xcd\x8c=f~\xf3\xfd\xbf\xf7\xfd\xff\xcf\xce\x8c\x87\xd3\xad\xad\xad\xab/\x18\x19\xff/\x10\x1a\xb2x\xcdF\xc3k\x88"\xaa\xb1\xc4j\xcf\xcah\xfc\xeb\x87h&lt;,\xe0\xc2\xba0\xd7\xfa\xaa\xc0Z\xbb\x0c,\xfe?\xe7\xb3\xfcU\x04&lt;\xc6_W~\xe7\xd7\xbf\x1c\x14#\x81\x05\xaa\xed\xe1\xf4\xeao\xa1\xd4d4\x9c\x0e\'\x83\xc1h\xba5\x9dn\xbdx\xf8\xfb\xff\xb5-\x8f\xb5\r\x9a\x9c0\x86\xbc\x89\x01\x85Ug\x15\xeb3.\xfb\xf9\xa5K\x1f\x93j\x01\xf9@\xae.\xb0z\xfc\xc0\xcfI`\x9d={\xf6\xc2\xfc\x05~\x1e\xe3\x07\xa7O\x9f\xbe\xf6\xecaR\x02\x0b\\\xac\xdch\xfbs\xb0\x8d&amp;\x93\xc9x\xb8;(\xcb\xc1h{{{:\xdd\xbe\xfb\xdf\x7f?&gt;\xe7\xf9\xb4\x14y\x0ch\xa5\xca\xc5\x07\xed\xd6\xdc\xa1\xe9[m\xe5\xc1\xad7\x91\xf0o~\xf2\xd1\xc2\x95\xf5+P\xab\xbbI\xb5.\x03\xeb\xe2\xfc\xfc\x85\x0b\x17p\xf9\xf6\xd9\x9f\xbc\xf7\xfdk\xd7\xde\xfd\xf3m7\x9f\xb0Z\xa4\x1a\x0e\xc6\xc3\xcf\x87\xa3\x11t\x1a\x94\x83\xf1hR\x16\xc5`\xb4\xbb;\xdc\x9e\xee\xde\xf9f\xef\x1fS@\xe4\xd1\xe5\x9e0VCUT5nx|\xa4\xc2\xee\x87\xa6o\xa1\x05\xdd\x12J\xf1\x82\x1br-\xf3\xe3Q\xdc\x8aK\xf3\xf3\xf3\xb8P\xae\xf7\xde\xbd\xfel/\xd2\x8a1^vkk\xba=\x9c\x14\x83\xed\xabc@\x95%\x80\x8ar&lt;(\x8bN\t\xe5F \xbb\xf7\r\x7fp\xfc\xd6\xf1\x06l\xeey,\xdf\xacv1\x18\x01\xe5\x19\xc0:*W\xbd\xae&gt;\xfdhe\x91!\xbf\xc0Z.\xaev\x97?\xeb\xddd\x11O]\\ZZB\xaeB\xad\xef^\xbf\xfe\xe9\xb3\xbdw\xdc\xbc\x1c\x01kJ\xaa\xb03\x98N\x81"\xa0:a\xd8)\x80\x15\xe2\xe1\x00d\xc3\xdd\'_o\xe3\xc7Tz\xca\xabv\x1e\x80\x14U\x84C\x13\xf7\x9b\x86\x87"B.\x00\xcdI\xbd\xeam\xe3\xd5\xafVV \xd6\xc2\xe2\x15\x06\xc5\xfar\x0f\xde:\xc3\xcf\x99^&lt;\x7f\xfe\xfc\xfb\xf3\x02\xeb\xd3/\xf7\xfc(\xe9\xc0\xdf\\\xa3I\x91\x84\x93\xadq\xd1\x91La\x98\xe9y\x18\xe6a\x16\x16$#\xd8\x83\xd7\xf6\xe4\x9c\'\xa23\xc6\xaa\x1c\x15\xf3QC$\x17\xa9\xea\xe0Q\x0e\xe5\xe2v|E\xbdPD\xf8]\xfc5\xbd\xd7\xdf`\xa0\x9ez\xe3\r\x86\xfd&lt;\xffH\xfc\xe5\xde;\x91\x96\x95x\xbd\xd1h4\x9e\x94Z\xd2\x19\x0e;E\x07\xab\x80Ty\xae\xebz\x9e\xf1"\x84\x1b\x8cw\x1f\x1f\xd9\x93\x88\xcf@B\xd1N\x95\xcfy\x91\xc9e\x08\x99Zsuy[\xad\x13\x01\xb8 \xd8\x95\xf5\xcdMB\xf5\xfa}!\xd7\xa9S\'\x81F\xb9n\x80\xca7\xf5\x022\x8c\xe8\xa7N\xe2\xea\x83!d\xca\xb2\\\x0fs=\x0b\xf3\\@9\x8e\xa3;\x19\xc8J\xe8\xfa\xf8^\xb5\'\xe7\x1a, \x10\x14\xe5@(U\x9a\xab\x92N$\x03\xab\xa8\xd6\x8f\xea\xd5|uk\x05\x82\xad#\x1b~\xda\xc7\x12\tq\xee\xe4I\xa4*\xb0n\xdc\xf8\xcd\xed\xc0\xb7\x9d\xb0\x9c\x8c\x01U\x16a\xe2e\x83\xf1\xc0\xd6;!A\x1c\xcd\xb2 S\xce\xfbIb9|\x00\xc5&amp;\xbb/\xfe\xfa\xe4\x84\xcc*\xa3\xf2\xb8\xb0\xd3\xac\x8e\x90\n\xff0\xfaI\x8c9\x14\xeeh\x19[\xed\xc6\xd3\xbf\x90\xeb\x12\x0b\xb8\x0c\xcf\x0b\xb9\xce\x9cY[;s\xea\xfd\xa5\xa5_\xdc\x0e\x027\xc9\x8a\x01\xc3\xa0\xecdI\xe4\x85\xc3\x81ffE\xadPA\xf5\x00\x00\x05\xbbIDAT\xe8$Nb%Zjj:\x90\x1c\xcb\xb2R\xde\xb2\x96\xe5xw\xfab\xb76\xa7\xd2U\x95J\x9eq\xa8\x99\xca\x82\xb6\xf1\xa8M\xd5\xa4\xaf\x14C9\xca\xa5(w\xc1\xb5\x00\xbb\xf7{\xa8b\x8fz\xad\xadm\xf4\xfb\x97\xd1\x83~\xfc4\x0e\xa2T\xef\x94"\x0bH\xe5:\xfa\xb8c:Y\xe6hf\x9a\xa6\xc42\x13\xfc\xb3@D8\xd6R\x0f\xe1\xb0\xed\x175d\xe5\x816\xf0\x16\x8f\x11\xa4j\xcf\xb0\xa4\xd1\xe8\xb0\x80y\xe1\xbd&amp;W;~\xf2\x1c\xc6\xc7\xb8\xc5\x1a\xf6\x967{\x1b\xbc\xe9\xad\x9d\xfb\xf9\xdf\xef\xc6Fd:\xb9\xdcu\x19\xa8`\xb3\x8ec\x9ay\x9e\xd8\xae\r.\x141\xd5\xb44\xa1\xb1,\x94\x12w\x80\xa6#.F\xc3\x9a\x17\xab\xb3\xcd\xc7\x82aA!jD\x99\xf0\x95\xc0h\xcb\x94e\xfe+\x8d\xb8\xfe\x1a\x98\xfa\xe0\xf9\xc2\xca*\x1a\xcf\xc6Fo\xb9\xdb]\xe6\xa5\xbb\xd9?\xf7\x87;\xaa\xe1\xdb\x89\x1evhq\x94*\xf2\x13\x98*\xb5]\xcdr#;M\xb0,KK\xb5$\xb5\xe8y=c)-\xde\xa1\xf3kG\x9c\xa4\n\xadH\xd3\x16\x12\xc5j\xb3\xa1z\x11\xb3_\x98\xce\xc0\xf4\xfc\xb52\x82\xeb\xce\xf3OV\xba\xbd\xb5\xb5\xfeg\xcb\xdd\xcdn\x173\xe1b\xb7\xf7\xbb;\xaa\xe7\xbbf\xa2g\x19\x99\x924\xf2S fi\x12\x86\xa9o\xe3\x8b\xf8\x9a\xa9%f\n2\xfa^\xc7\xd3,\xc2\xc2`yX\xd6(\x8c"`b\xd1i\xe0\xb3\x86,\x1a}\xc6Y\xd0c\xecC/\x0c\x86\x1c\xea\xd1\x1f[G\x14k\xc7\xe9\xde\xc7\xeb\xcb\x1b\x7f\xdc\xe8\x03\xaa\xfb\xb7\x9d\xfd\x9d\xc5\xee\x9f&gt;P\xbd\x80\x9ap\xc7%\x9aiF\x81\xe9\x84\x1d]3\x93\xbc\x08\xb1\xe3\x12\x1bg\x04QJ\x94-\x13\x99\xe1h\xb6\x8d\xa2R\xb0\xbcS\x13\x05\x83H\x14\x08\x00\xdc\x94\xb1 \xad\xb7c?\x8aD\xdb&amp;\x16\xa8\x80\x05\xf3\xa9\x0c\xd7\xf6\x11\xdf\xab\xf6\xde\xf7\x96{\x97\xd7\xfa\x9b\xab\x8b;\xfb/\xef\xef/\xfe\xe3\x83\x18T.}\r$\xd3v\xa3\xc0f\t\xf5$u\xc2"\xa7\x99"l\x87\x84\xf9\x80\x18-\xc2\x02\xea\xa5\xb6\xe0\x04&amp;6dM \t\xa3\xc7r\x10\x15u\xc4\x91\xb0\x85\x11\xd5\x88\xab\x19\xc7\x13\x9e\x073\xbe/\xf4\xaaz#\xba#|\x1f&lt;\xfe\xd1\xcd\xfeZ\xbf+\xa8^\xee\xff\xf3-\x18\xd1\xc7\x8b`\xb9\xb8\xba&gt;\x94\xb3\xf4\\x(\x07\x9dfZ\xba\x06\x8d\xd8t\xb8\xb2\xd0\xc1\xaet\xb1LSs\xf2\n\x0b\x10\xf5\x83+_\x06\x80M\x8c\x0b\rn=r\x11\nw8\xb3\x8a\xd0\xe5D\xd8\x16\r[\xcc\xaa\xf8\x01\xff\xf6\x87o\xf76\xbb\x8b\xa0\xba\xff\xc5\xd3\xb7\xd4\x18T\xac\x92+\xae&gt;\x1e\xd9\xdcx09\xad\xa3[\x0c\xac\x12\rRb1\xc6\xa0\x95\xcfwbZ\xf8~\x9e\x0b,\xc0\xa0\xb5\xb0\xbfpa\x9c\xc2\xd8\xec5\xe1\xad\xb8\x1a!\xc4L_M\x88\xacqC\xa5\x9c\xccY\xfc$\x956\x1e~x\x0e5\xdc\x7f\xf9\xf2\xfe#\xd8\xc1\xe0I\xaeZ8\xd2E\x11t\x13\x89`\t\xd14\xdb4S\xbd\x1c\x94h\x8d\x1d\xb8\n\xceg\xa5\xf9dS$?\xb1\xc8\xd4:~\x8c\xb3\x01\xb5\x82h\x00\xf3|/\x8e\x9bR\xac\xaaa\x1f\x0c\xae\xcc\x11\xb5\xca\x92\x16\xa9\xa8\x97q\xef\xab\xb7Wwv\xf6\xbfx\xa4(\xb1g\x04\xf20\x17\xf0\x16"\x98Z\x9a\xda0\x8e6S\x0b^\xc7`Qfy\xee\xe0&gt;\xaa\x17\x89\xe5F\xa6N\xff\xd7\xea,\x05\x91\xf8\x11\xb6\xe3bf\x01\x9ab\x88i\xa2q\xb0b!V Oh\xf0}K\xa6\x89t\x80\xe4\xba\xfb\xd5\xe5\xd5\x1dh\xa5\xa8"\xe1\xe0G\xee P\xb9v\xca\xc0D\x9cK.\xa8\x05,\xcb\xca1YtL\xf8\xcd6m\xdf\xb6\x85X0\xa2\xc3\x9c\x13X\xf4H\xbd-v\x9f\xd0\xab\xdeRE\x01g\xce\x92j\x89\x03\x91,#\x9eY\xe9u\xb0T\xe3\xc1\xbfo\xfe\x0cZ!\xec\xe4\x16\x01\x16\x9e\x8f\x17\x94\xbb\x0b\xae\xe6\xced\x8bIL\x91\xf2\x05F?\xd3F\xb2\xa7\xb6\x1f\xb8&lt;\xbfG\xa6f\xa7\xd8\x14V\x8d$3\xeb\x8aL\x15\xaf\x19\xcb%\x0f\x8a\xb1p\xbc\xa4\xf2*\xbd\xdam\x0e\xd5\x8a*\xf3\x85\x06\xf3\xee&lt;\x7ft\x82;\x1a\xab\xd9T\xb9G|\xf4\x9fTJ\xc4}\x080MC\x87\xd1\x80e\x99n8\x19\x8d\x8b@\xb34\xddr\r\x1f)\x82\xce\xaea+"ukuE9|\xc7\x88\xae&amp;\xc1\x9a\xf1\xd1%G1\xbc\x8aQ\x1d@d\xf3T\xbcYkh\xcb\x88\t\x94\xea\xad\xa9b\xa65\xa0\x01\n\x88\xedG\xa7\x93\x0b\xed\x86r\xb1\xa0\x8e\x159\x93\xd1\xa8\xd0\xa3$\xd1\x1c-j\xf8Q\xe0;h\x97\x96\x13\xeaf\xad.{3\xde\x1c\xea\xd6\xac\xe6\x19\xa1S\\\x15Rm\x1c\xf8\xcc\x90\x07\xc7\x03.\xd5;hZ\x8a\x9c~\xe0\x80\xd9\xf8\x01\xdf\x83+\xd1\xac,\xb7\xe4d\x15\xe6\xa2\xedq\t\xcb\x9bQ\xb1\xbb\x1d\x86\x96\xcd\xd6m\x83\xcbO3\xb8&gt;e\xb4\xd6\xea\xd2\xb2|\xf7j5Kx\xd5+\xe3\x08K:U2\x1e\xfa\xff\x08\x97\xa76=OdYu\xf4hW\x83\x10\xa1\x8c\xc8\'P\x88\xb1\xa1\xe2\xd2\xc9\xa4a\xc1\xfe\x96\xe3\x9a\xa3\xadA\x14\xda\xa9\x89\x0ca\x7f\xca\x1c\xa60Dujsr\xc9s\xbc\xec\xd4\xf0\x8f&lt;\x98UE\x14#\x8fz\xc8U}\x87\\8\x83\xe0\xbc\x86\xca\xcbY\xb1*f\x95&amp;\xd8Z\xa6\xe0\xb2l\x17\x9b\x91\x832\x05\x83\x99PD[s,\xb73\xdd\x8dl\xddM\xec \xb0m?\x0b\xedF\xc0\xa9\xcca@\xc8\xce;\xd7\x12\x91\xca\x90o\x88sY\xa5\x98\x008\xf4\xd8\xc1\xd7\xc5\xdc\x0f\x02\x9c\x8a\xb8\x0fT\xa5&gt;\xc3B\xfdD\x96\x04\xd8\xf2)\xb9\xc2&lt;u\xa3\xd4\x119\xc9\x11\x99\x03\x8d\xe8~I2\x9e\x86\x81e\x19\xa9\x1b@\xb3N\x12\xa0\xc3c\xa0\r\xc3\xff\x00\xeb&gt;m\xbbu\x9fH:\x00\x00\x00\x00IEND\xaeB`\x82'</t>
        </is>
      </c>
      <c r="M321" s="3" t="n">
        <v>45492.67626157407</v>
      </c>
    </row>
    <row r="322">
      <c r="A322" t="n">
        <v>928134</v>
      </c>
      <c r="B322" t="n">
        <v>1961</v>
      </c>
      <c r="C322" t="inlineStr">
        <is>
          <t>Guga</t>
        </is>
      </c>
      <c r="D322" t="inlineStr">
        <is>
          <t>Guga</t>
        </is>
      </c>
      <c r="E322" t="inlineStr">
        <is>
          <t>LD</t>
        </is>
      </c>
      <c r="F322" t="inlineStr">
        <is>
          <t>LAT</t>
        </is>
      </c>
      <c r="G322" t="inlineStr">
        <is>
          <t>LD</t>
        </is>
      </c>
      <c r="H322" t="n">
        <v>173</v>
      </c>
      <c r="I322" t="n">
        <v>23</v>
      </c>
      <c r="J322" s="2" t="n">
        <v>36035</v>
      </c>
      <c r="K322" t="inlineStr">
        <is>
          <t>Right</t>
        </is>
      </c>
      <c r="L3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9d89b57-3ea1-4b32-b915-413d920dd4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{ru\x00\x00\x03\x00PLTE\xff\xff\xff\xde\xaf\x9d\xb3{^\xdb\xa6\x90\xf6\xf7\xfc\xe0\xb4\xa3\xfd\xfc\xfc\xff\xfe\xfe\xe5\xc0\xb0\xc7\x90r\xca\x95x\xe2\xb9\xa8\xdc\xaa\x96\xd9\xa3\x8b\xf0\xee\xf3\xda\x8e}\xce\x99}\xd6\x8d{\xd0\x93|\xdc\x90\x82\xe4\xbc\xac\xb6\x7f`\x8f":\xd6\xa0\x86\xd8\x94\x82\x94&amp;&lt;\xd7\x88y\xc3\x8cp\xde\x9b\x8a\x02YY\xea\xbf\xb8\xde\x93\x86\xe1\x9e\x99\xe0\xbd\xaf\xbc\x83d\xadwYE8:\x03`_\x9a\'=C34\xb05B`GC\xf2\xf1\xf5\xd8\x99\x88gLI\xdf\x95\x8b\xcc\x90v\xd2\x96\x82\xd2\x9c\x82\xa64@\xe7\xc5\xb5\xf9\xf6\xf6\xc3\x82hqOK\xe0\x98\x90;16&gt;/0\x9a.B\xed\xc5\xbf\xe2\xa3\xa02\')\xa3u^\xe1\x9c\x92\xe3\xab\xa74-3\xd5\x83u:*+\xac{`S&lt;&lt;\x10DHZA?\xe1\xc0\xb5PAC\x9ao]M98\xa0(@\xe6\xa8\x9d\x1aul\xc0\x88i\x1aKM\x03dh\xba\x86k\xb5mc\xb4\x82f\xc4\x93{A5;\xda\x9e\x90\x87cU\xd9\x86\x83\xba~dH;&gt;\x90)@I45J&gt;A\xf3\xf3\xfa\xdc\xa7\xa3\xe4\xa4\x98\xbe\x8ds\xee\xeb\xef\xb0wi\xdb\xb6\xab\xce\x81s\xa0ia\xe9\xbb\xb0\xcawk\xec\xed\xf7\xb7}n\xe7\xb5\xaa\xc7\x8ax\xe2\xde\xdf\xe8\xaf\xa1\xb88EUFH\xa9rd\xd2\x9b\x8b\xa8\x87\x80\xd4{p\xee\xe6\xe6\xd0\x8bx\xbd\x96\x8c\xc9\x89o\xc1|m\x9chU{YR\xf8\xf9\xfc\xd5\xb3\xa6\xca\x80k\x92YVySM\xb5/M\x91gW\xbf\x86p\xbcs^\xd6\xa9\x9b\xb5\x90\x86\x8fpl\xc6\x9c\x8e\x84YL\x15[\\\xc4|d\x86d`\x0fib\xcb\x95\x88\xbetf\xd0\x85n\xaf\x7fh\xe0\xa2\x93\xf8\xf1\xef\xcc\xa3\x99\xe4\x90\x96nVU\x91l^\x01lp\xe2\xb0\xb0\xa1[P[KN\xd2\xac\xa1\xe7\xe8\xf1\xd0\xa1\x91\xeb\xab\xac\x9ba[|qq\xd9\xa2\x99\xaa-E\xabd[wee\xed\xb4\xb2\xb8\x8a|\x9a}z\xbe\x84{\xa4|meRT\xc2\x8b\x86\xbe4S%QQ\x84ZX\x8fVI\xe5\xd3\xe1\x81NE\xd1\x97\x95\x9fql\xee\xdf\xdc\xcd\x8d\x82\xd9~\x81\xac{v\xc9\\n\x8fbc\xda\xd2\xd5x\\\\\xc8\xac\xa5\xdf\x88x\xaapV\xce\xc8\xc7\x0fRS\xea\xd8\xd7\xde\x87\x8d\xb5\x83rlGB\xb4Zk\x85 7\xe8\x99\x9e\xa5;J\xea\xa3\xa7\xb4\xae\xaf\xb0EJ\xc0\xa4\xa1\xeb\xcc\xc5\x15&gt;@\xb4kV\xd5\xbd\xb4\xc6Qe\xe9\xd3\xce\xde\xe3\xea+\x1f!"abd\\a\xb1R\\\x89\x81\x80\xbc\x9e\x98\xafdN\xc7\x8d\x94\xc2\xbc\xbc\xc0rt\xa1\x91\x93C:C\xdb\xcc\xca\xe2\xc1\xc5\xcb~\x83\xcenu\xbd^_\xab\xa0\xa1\xcb\x9b\xae\x8a\xb1\xb3T\x92\x8fzD=\xa4G2i379bar\x91\x91\xa0I[\xbf\xcf\xd9\xaa\xc1\xc7]|\x84\xd2\xde\xe1\xc8\xb3\xad\xa7fx\xd7h\x7fBnr0|w\xb0\x94\x9b\xb7|\x8ehwt\xd5\xb5\xc6\x879,Ogd\x89\x9b\xa0\xc8\xd1\xd2\xf6\x00\x00 \x00IDATx\xda\xcc\xd7\xddOZy\x1a\x07\xf0\xd6\xa4\xd0v\xbae\x0e\xb4\t\x11R\x88%1\x14\x90f\x95\x97D\x05\xb5\x84\x021&amp;Z^\x84HP\x89/A\x9c\x00\x8e\xf8\xd6(\x91v\x9cF\xe2[\xba4\x94\x8d\x11\xa3c\x11\x13\x8c\xba\xc6\xa0\xc9x\xa1W\xde\xec&amp;\xbb!ljdn\xbch\xe6\x1f\xd8\xbb\xfd\xfe\x0e\xce\xcc\x1f\xb0\x1e\xbb\x8f\x08\xca\xd5\'\xdf\xe7\xf9=\xe7\x9c[\xb7\xfe\xf7b\xb3^\x93b\xb1X\xec[\xff/\xc5\xea\x1e&lt;&gt;?#u~~|x88\xdc\xfd\xec5\xd1}=!\x9b\xcdf\r\x9f\x17\xf2\xc9\x80["1\x05\x02\x81d2\xbf\xbe\x9e*\\\x9e\x1fv#\xb8\xaf\x04C\xef\x86\xcfR\x01M\x83\xa6T6\x8d\xa6I\xab\xd5TJL\xc9|\xeal\xb0\x9a\xc5f\x7f\x15\xd5\xc3\xf3T\xc0VW\x07VC]C\x03&gt;l\x12\x97D\xe2r\x9bLn\x97\xe9\xeb\xc0\xd0\xbf\xc1\x8b\x00@4GCl6\xa8\\\x80UJP\xc8\x8c\xc0n\xda\xc5f\x1d\xa7\x8a\r\xb4\n\xbfu\xa4\x89\x90A\xe4vk\xeb\x9a4\x95\xdaJ\x89+\x99:\x1bf\xdd,\xab\xfb,ok(\x15i`\x83\xcd\xe5\xc6li\xb4Z\x97\xabRKG\x86\xe0\xdc\x99\xc2q\xf5\r\xe6E7\x90&amp;\x91\xb1\xa2\xe7]bC\x13\xd1\xbcJ\xd0\x10\x1aI\x0b\x8d\x0c\xac\x9fW\xdf\xdc\\\r\x16\\\x1a\xba}utT\x18.\thd\xa2\x90U]\x1d\x8e\xa3\xad\x12\x1dua\xfco\xce\xc5&gt;LIJ\x87\x8f\x1exM\xb1h#\xf3^IJR\xa9\xd56i\xf1\x86\x7f\x11\xa0\ty\x9dU\xdfP\x07\xa1\xa2[\xa8i\xb0\x91\x81*\xbal\x9aJ\x8b\x01e4\x1a,\x1d\xc0i\x9b\x08\xad\xb2\xa9\x8e\xac\x8b\xfc\xf9\r\xcc\x17\x16C\xc1\r\r\x19sR\x88\xcb\xe5ru\x18\x8cr\x95J\x15\x89DN\xa5\xa0\x81\xd4\xd1\xd1A2\xb3I\xdc\xa6\xd4!\xe3\x17K,\xd1\x8b\xa2\xadH\x8bl\xc5\xa2\xc9%!1\x19\xa5\xaalv\n\xb5\xb22\xb5\xbdCd$8$\'\xe9\xc01\x08\x14\x06\x19g\xbd&gt;\x0b\x80S$&amp;\xacs\xa9\x9cD\xb43\xb5\xd2\x1blkk\x9bok\xfb\xfb\xda\xda\xc7\xed\xed\x1d\x94\xeaT\n\x1cl\x12K\xf2\xe2!\xd3\x83u\x9cq\xb9\xdd&amp;w\xd1e\n\x00\x84xV\xd6\xd6\xda\xe6\xe7\xfb\xc7\xfa\'Q\xfd\xf3\xf3o\xda\xd6@\x1bGME"\xc4\x86\xb1\x8f3&lt;\xf6d\xdc\x01J&amp;\xe5\xaa\xecJ\xef\x1a\t\xe8\xcd|\x7f\x7f\x7f\xcf\xe4\xf7\x93=\xa4&amp;gg!{\xd3\xd6\xe6\x8bFO|\xc1\xe9iGD.5\x06\xd6\x7fat\xdd?\xbbt\x83%\x9f\x98\xea\rz\xc7\xe6\xc7\xc6\xfa\xaf\n\xa0\xc6\x9eFTOI\x17\xdeW\x86\x96\x97C~\xc8\xc6\xe1\x92\x92\xf1b3\xd8\xc2$V\xb7&lt;\xdb\xeb\x1b\xf3\x87{~\xaf\xc6\xab\nST\xb8\xb1\x9c\xe2P\x94\xec\xc1\xedGwo/\x7fk\x8d\xbeZ\x1cw\xc4\xe5F\xe9E7s\xae\xe1\x02\xc9\xca\x11\x8c\xfa\xc3a\n/\xaa\xbc\xf1{p\xcaIQ\xf8\xa0\xca)\x8a\xc3\xe7\xf3\t\xeb\xce\x9d\x07\xcf\xc1ju\x96\x99\x1d*y2~\xf6\x9a!\x16\xbb\x1a-DV\xde(L\x14\x00\x14\x87C@\xe4\x8dC\xfe\xa4\xa8\xc6\x12\x8b\xcf\x97\t\x85J\xe5\xb7\xf7\x05`9\xcb\x82\x13r\xb9t\x9d\xa1\xed\x85{\x99\xbc\xc4 \x8d\xed\xfd\xa6B\xf1H\xb5\xd3\x9f\xf8\x8f"\xa1\xd1\xdf\xf3\xf9\x1c*&lt;::ZSSQ\xe3t&gt;\x9e\xc6x%/\x99Y\xf6\xec\xe1\x94\xdb-U}8\xf1\x87\xb9W.\x1eO\xc4\x13\x89D\xf4\'\x91QH\x8d"&lt;\xe4\xb6\xb0\xb009YS\xe3\xacp\x96=\xaeWI\xe5rf\x96=\xc2JJ\xdc\xd2\x89\xdeh\x98\x1b\x0ec\xac\tF\xa4\x10\xa9\xd5\n\xf2G\xc9\xc5\xe3\xd0a\xd1\xa8\x85Q\xa8\xe0r\x96\x95\x95a\xea\xa5\xf1\xcbgL\x9c\xc2g\x97.L\x96\xc3\xeb\'=DR0\xa9u:\x9dX\xacS\x97Tx\xa3\xc3BZD\xb509Z3KzX\xf6\xb8\xb5\xde!7\xcaS\x0c,\t6\xfb\x9f)\x9bD\xaa\x9a\xf6\xf9).\x19l8\xd4\xe2\xdaZ\xa8t\x08L\x01\x12\x8ff\xa1\x818\xa0D\xb50IF\x0bM,s\xd6;TRi\xfc\x98\x01\x16\xeb0cs\xcb#\xd3\xbe0\xc5\xa7\xf8|\x1e\x9f\xc7Qw\xd66\xc3EdB\xc0HZ\xa5]AX\xb8\x14\xd5\xcc\xd2]D\x13K\xac36\x03\xa3u\x1e\x90\x982\x13f_\x15\x17*&gt;\x87\xc7\x17\xe9:kI\\$/\x85B\x889\x13\xfd\xc1\xa2U\xb3pU\xd0\xacw`\xc9/\xaa\x99XZ\x18\xadx\xd6\xec\xf3\x13\x96\x08M\x14\xea\xd0D\xc80\\pA\xa6\x00\x8bS\xea\xe1\xe4\xe4,.\x8fo*J#\xffb\x1c,\x83\xb1\xd0}\xfd\xa3\xd5]p\xe3V f^\xf4s\xf92\x19\\"\xa1xI\xdc)\xc6K]*\x059\x93dM4\xd2a\xcd\xd2a\xd1q=%,\x8be}\x90\x81\xc7\x8a\xf5+\x96\x80\xcb\x17\n\xb1\xc5\x85B\x9dPH\xce"\x0e"9\x96\n\xf2".\xb0\xca\xe9\xa5\x05\x16Vj\x0b\xcd:5vt\xc4\x0f\xaf\x9fu\x9c1\x05\x02\xaa\xec\x07\xc2\x02JT\xfaQ(t:X\xda\xcb\xdby\n\x9a&amp;"K\xb5&lt;\xdc\x18\x06\x8c\xa4\x05W\xc5o\xac\xcc\xf1\xf5O\xfce\x12\xf7s`y\xa3\\:*R"\xfaM\xc4koo\xe7\xf0HZ\n\x05}\x19"\x97K*\xbc0[\x83\x15\xd1R\xd3\xe2\xa4Y\x16\x06X\xac\xea\x8b\x80\xdb\x15PM|\xf0\n\xfe`\xa1\x8f\xf4\xd6\xba\xea\xa2BM\xcf=Y_\x1c&gt;\'\x8c\xb8J+\xa2\x02\'\x11,\x0b\x03iu\x17LnI@\x0e\x96_)\x83\x86\xceJ\xb7\xd4\xd9\xd9)\xa6a$)\x05=\xf8\xf4j\xe5\xf0)\x8a\xacSz\xea+\x1e?\xc5\xde\xb2\x18\x18H\x8b\\\xa7\xdd`\x99OHXK\xa5\xac\x96\x9aI\x91\rq\x85\xc2\xaa\x10\x13$\x07+\x97\xaa\nWU\x8d\xd2G\xd1Y6\x1e\xc1\x03\xc7\xf5\xb3n\xe1 \xba\x03Iyl\xd3*\x93\t\xed\xe8\xde\x92nii\xa9Y\xaf\xd7\xd7\xea\xc9\x15\x080\xb5\xb8Tj\xb5\x88\xdct)\xb9\xcf\xb9\\\xee=\xb2\xb9\x9c\xce\x9f\xdf\xe1)\x8d\tV\xdemJf&amp;z\xd3!;\x19-\x90:;\x9b\x9b\xf5\x89\x84\x9e\xc8\x00\xfb\x0bvk\xed\xd5\xd6\x17\xcaPJ\x99\x92\xabTrGIZ\x88K%520[`\x052q\x87\x97k\xc7\xce\xb2\x03\x85\xee\xe9\xa1\xeaK\xfc\x04Z\xed\xef\x05\x95]l\xb7\xcbB!%\xb7\xca_u\xff~\x95\xa0\x85t\x91\xc4\xc5\x0c+\x99\x89\x7f8Q\n\xed\x7f"*\\t&lt;\xab\x9eD\xe2e"A\x12\xa3E4j\x15]\xb4\x87\x94\xfbi_\xb0\xdel\xae\x7f\xf1\xaa\xb5\x05\xae\xc7Oq\x87\x1ag\x80\xb5nJ\x1e\xc5\xf6\xfc2\x99\xdd\xbed\xb7\xdb\xe7\xb6P#\xef\xff\xea\xd1_\xb5\xb1\x94\x15`\xea\xd0\xdc\xd6I\xd0\xec\x88\x9c\xa2T\x11\x87\xf9\x95 ZA\x86^\xce\x00k8\x85+\xcf\xde\t\x97O\xa3\xd2{\xb9\\.\x16\x8b\xcd\xec\rm}\xde]]]\xad\xf5\xd4zJ\x03o\xdfOo:T\xa7F\x83\xc5b&lt;\x8d\xbc\x8bD"\xd3/\xa2-\x88\xeb\x9d\xea\x88\tV2\x1e\xdb\xf4+\t+t\xe0\xc8\xe6\xf6&gt;\xe5\x8e\xe2\x99\xcc\xd1Ql\xe6`k\xd7\xa3/\xdd\x11\xdaC\xfb\xde\xde\xac\xdc`\xe8\xb0\x18#\xd3A\xaf\xd7\xe7\xad\x9f\x9e^lE\\\xd3\x13\xeb\xbf\\;\xeba!s4sR\xa5D\x0f\xe76c\xb9\xa1\xcf\xbb\xbb\x9fG\x86f\xe2\xc9\x80Q\x1e\xc9m\xacz&lt;\x1e\xb2\xbfd\xfb\xe9\xe0\xf4\x04\x1etT\xd9\xa0\xcfOWz\xd1\\\xbf\xd8\xda\xea4O\xc4\xae\xffR]}IzX\xa5\xb4\xaf\x86\x0er\x07\x9f=z\x0f\xa9\xf7#{Y\x95*\x12\xdb\xdc%_\x80\xc5\xdfO{\xcd\x8e\xa9\xdc\xde\xc9V\x08\xa5\xdc\x87+\xbaX\xbf\x18\x8d\xe2~~\xe6\xfaY\xac\xf3\xf5\xd8f\xd7}\x99=\xb4\xb17R\xdaVx\xf3\xbc]\xfeqk\xe8`\xe8\x87\x1f\xc1\xc2ZU\xcb\x94\xfb\'^\xaf\xf7dk\x8e.\xa5Ri\x85\xeb\xd5\xab\xae\xae(X\x0c\xdco\x1d\xa6f\x0e\xba\x94h\xe1\xc6H\xe2I_b`` \xe1Y\x9e\xb3\xa6\xd3[s\xbb\xbb\xef=\x89\x81D\x824\x11\xac\x17\xc1\xfa\xa0\xd7\x97\x8e\xfa|^_\xb4\xca*\x10tE\xa3Vk\xd7\xc9\x07&amp;X\x83\x9f\xf66\xac`\x85B\x9e\x97O\x9e\x00\xf6v\xf7s\xfa 8\xbe2\x1eL\xef\xbeM\xe0\x1b\xbdX\xad\xe0s\xa3\xf5\xe3\xdb\xdb+\xde\x83\xbd\xde\xde\xde \xaaU\x10\x85\x0b\xac\xae\xcdO\x0c\xb0\xba/67\xac!\xfb\xea\xea\xedGP\xbd\xf4\xec\xeen\x1d\xe4\xb2\xaa\xd3\x9d\xed\xed)\xef\x9c\xfe\xc9\x93\x9f\xf4b\x05\x87\xd3\xf3t\xfb\xcb\x97\xa9\x95\xac&lt;c\xd2Z\xe4Ys\xef\xcf\xad\xd1\xe8=\x81u\xcej\xdd\x1c\x1af\xe0\x11\xe3lsc\x0e\xac\xdb\xdf\xf4\xdd\xfd\xf3\xdd\xb7\xcb#\x9f\xe2\x86|\xa0\xae\xc9\x00\xd8G_h\xa0o@\xdf)*/\x9f\xfd\xf8\xe5\xd7\x9d\x9d\\\xca\x94/\xfe\xab2\x9f7\xee\x8c?m\x15X\xad\xf7\xf03\xf4o\x06\x9e|X\xc7C%V\xdf\xdd\xbb}\x0f\xac\x07\x13\x99\xbc-Y\xack\xca\xe4\xbe\xec\xac\x8c)\xbf\xeb\xfb\xaeY\xc7+_x\x03\xd6\xaf\x91\xff\\&amp;;\x9a\x9a\x0c\xa9\x82\xd4\xf2e\xdc\x19\x15\x08 \xb3n\xfc\x83u\xed(\x16\xfbo?l\xcc\xd9W\x1f\xdcy\xf4\xe8\x9b;\xcf};\xa7\xb9\x8b|\x87V\xfb_Z\xcd\xff%\xed}\x8f\xe3X\x94iu\xad\x8f\x1e\x16\x1aZg?\r\xa7\xc6*\x7f02\xba\xc1"\x90@\x0b3\x18dG\xcbP\'\x94\xdf\x1d\xcb\xa8\x8f\xa54r\x99q\x99\x84u\x87\xeb\x14\x04Gl\xdaj\xcb\x86\xd6%\xee\xb9Gl\xfd2\x8e[\xa3\xd5\xce\x0f\x15\xec\x97mp\xc7\r\xee\xeb\xfd\xa9{9\x7f\xc0\xc7\x97\xf6\t\x14\xe4\xc1\xf3\xf5\xfa\xbc&gt;\xaf\xe7\xfb\xfd\xbe\xf7\xeay4\x16\x01,\xc3\x9f\xb0~\xf9\xfe\xefgw\xef^\xec=\xd8\xfa\xc5\x17\x8b\xee\xf4vvrh\xc0\xf5\x1a~\x87Jj\x8fo?\xac\xb7\xda\x01\xab\x8cRTZT\xc6\x17N\xe85_\xbfn\xbdj\xdckt\xbbC\x11\xbf\xb1\xdad\x92\xc9\xa4&lt;\x06`Ec\xd1\xc1\x17\xdf\xbfn-\xb9\xdd\xeeA\x8df\xc7\xe5\xda)h\xe0\xd0\xe8\xdd\xdd\x07\xf5\xd6T|\x8e&lt;\xc7_\xcfr8\xdbS\x80UXF1Q\n\xab*E\xca\xbe\xa7\xef\xde}\xff\xba\xb4\xb4\x14\n\x85\x14FQ\xe0\x1a\xcb\x06XQ\xc0z\xa1\xd7(\x14\nh\x10\x13\xbd\xbd8\x8ew\xd2\x84BZ\xbf\xbd\xddSA\xa7\xccQ\xc9\xba\x0b\xe3\xd5\x8c\xc7\xb6\x91\xeen\x02K\x16@S`\xdf\x93\x96\xbe\xf5\xd5#E\x04\xb0\xfc\x89j4~I\x05L\xc6\xe3i\xf8\xc0\xed\x8eD\x00J\xefw:\x9d\xbd\xbd06;\x00\x8a\x06s\x97c\x1a\xcf\xe1)\x92\x12I\xa5f\xd8L\x98H\xeb\x00K\x86\xb0\xd4\x81jA\xa0\xaf\xef\xe9H\xc2\tX\x91#\x95@\nX\x01\x1e#\tXx6\x1b\t-E\x88P\x00\x98c\xc0a\xc30\xa1CH\xe3\xfc\x08_\x9e\xffKK\xd6\xaa`17\t\xb5c*\xef\x1e)\x04Q\xd4\x01\x90K\xc0\xe7\'\x12\'G\n\xc5\xd1\xea\x89\x8a\'V\xcbLj\x01#\x99L&gt;\x9e\xf6+\xfe\x14~\xe7\x80\r\xa2J$\x849\xb5\xbf\x93\xd3\x90;?\x1f!-\x8b\x08K\x07]a\xa4L]\x06\x16L-\x15\xa8T\xc8\xb3&amp;T\'pU\xa5\xc5j\x93L\x9cL\xa2\xb5\x07?\x04\xe4\xce\xefW\xf8\xaf\xd6\xeb\xd9`\xfd\xab0\x87\x83^\xd1?\xc1\xe9\x05\xac\x999\xf2\xd4\xe2\xa9uw\x8afF\xca\x90\x01#\xb066\x10\x90\xea\x04\xfe\xa7\xc55&amp;\x93\x9a\x97LZ,C\xd3\xfe\xe9\xff\xed"\xf8\x11\x97\xc5\x02T\x95\x08KH\xef\x97\xff\x98\x05,\xe3\x1cY\xfdA\x92d\xaaMwX#a\xa8x\xb8\xe5\x08,\xcb\x86\xc5r\xc5F`I\x01+i\x99\xc6qB,\x84uJ\xc0\x01\x17\xc2\x12"\xac\xael\x8e\\,KRmb\x95\x12X\x86\xe5\xc5\x7f\xee\xcf\xa77\x88P\xa9\xe0\xcd\x94\xca\x0c\xd7XC\x805=j\x1c@8\xa0\x1d\\\x87\x06\xd8\xd7X\x15\xf2\x82\x02\x1c\xcf\x91\x86E\xa5\x1e&amp;y\x06\xae\xa1(\x1c\xee\xa3\x18\x96\t\xac+\xae4\xd2*]\xb3\xb8l\x80\x8agBq!\xb9\xf0\x01\xac\xd26`!\x02\xed\x04\x01\x16\xb2\xb1Bz\xd7\xce\xcd\x86\x06\x9cD\xacT\xc0$\xd1\x05\n\xc3aJ\x91\x8e\xab[$\xe4\x02\xaet:=??\xdf\xb4\xb8lR\xa3\xc4\x02\x17\x1b5\x08\xc5he\x15\xb3\xb5\xf5z+\xa8\x12\x82h\x10\xdd]7C\xb9,\x9e#\x0f\xcb\n\xf7\xa1\x89\xa7\x0c\x87=\x80\xc5\xbd\x92\xeb:j\xf6\x17\x97e\x02\x01\xba\x15\xf6\xc5&lt;&amp;\xc3\xe6\xcc\xe6\xb2\xa3\x95&lt;\xa6\x8a\xdd\xcaF\x7f\x95\x84\xef\x17rh\xfd\xb3\xfd\xa1\xf3P\x16\x0f\x93V[s\xf0\x1c\x16\x0b(\x1e\xafG\x0bT\xcb\xcb\xff\xc7\xda\xaf\xd9\xdf\x97\xc9\xc4&lt;\xa9i\x19},\xadV*1\'\x9e\xc5\t\xaeV\x0b\xda\xa4\xaa\xac\x02\xdf\x7f\x85\xd5\x99\xbb&lt;?\xc7=\xa4\xf5\xadz\x96\x94\xc1\x90\xb2\x00\xab\x94\x8b\xb8@.\x08\xb8\xcc\x8b\xc5R\xf0\x86\xb2E\t\xc4r\x93T\xaa\x0e(E\xb6Q?&gt;\xaaBX\x166\x9bX$\xe1\x8b\xe84\x9a|V\x1e\xba\xbc&lt;\xc7\x1f\x92\xb6\xf7S\xafcX,\xd2\x12\xcfL\xb0\x94+!\xb0\xd0\x0bi\xc6\x13\x88\xd5-\xcb\x12I&amp;\x93\x91,\xa2\xf5yQB$\xb2Mg\xb3\x03\xd0n-\xad\x1b\xadW9\x04\xb9\x00k6zy\x19\x9a\xae%\x13k\xe8S\xab\xe1\xa17X\x04XP\\(\x80J\x95L2\xab\xd500{\xbcZ\t`\x89\x05\xb6H,\xe4\x1c\xc5s9?[\x05rAu\x119\x14atZW\x9b\xeb\xf2\xf22\xdb\xd0N"\x96\x9a\xfd\tWj\xbda\xc0\x82l\x81R\xf0\x9eO\'-\xad\x0c\xa9\xac\xa5\x85\xaf\x08i&lt;\xba\x161\xbf2rv\x11\x85\xe9\x01\xca~@\xc5d\xb7\x12\xa5\xa5\x04\xae\x8a\nZ[s\xf42\x9a\x9d&amp;\x13\x8bk\x92\xb1\x87\xf8\xa5\xde\xb0\x16a\xa1{\x11\xa5P\x05\x9d\x89\x19hYl\xa9Y_Gv\xbf\xca\xe6\\r/\r\xc3\x03\xda\x9f\xcd\x0e1\x98l\xb6\nQ!,\x0c\xb0\xda~\xc0\x85u\x0eG\x86\xb4\t\xb5\x98\xdb\xa2ki2\xd4z\xbd\xda;Dq_\xe7\x10\x9e,\x02\x19`]Y\xec\xa7F\xe7\xf0 :\x11\x01\x8f\x1f(z\x06\x93\xc1F{\xb1h\x05\x0e\xa3#\xac\xce\x06\xac\xac\x0e;$\x0f+\xd3"\xc9H$%A\xefB\t\x81\xb5\x8c\xb0\xd2\xecV\x0bS\x8d\xfcu\xdf\xfa\xbb\xb5w\xeb0}\r\x82ZK.\x85\xd3\xe8t\xda\x18h)\x1c\xed\x0fW\xf1\xd1\\Ck\xbbYP@+\xa4P\xac\xa4M\xcd\xd4\xb8\x81\x9b\x91\xdc)\t\xda\x17t\xdck\xac\x96&amp;1\x93\xcd\x90\xb6\x80\xc5__\x1d\x1e|\x0e~\xf5\xf9\xa0o\xcc\x17u\xbb]\xc3\xce\t\xa7\x91\xc0bT\x11\xeb\x95B\x1a\xbd\xff\xe6\xce\xceN/V\x9e!\xd1e\xccq\xc1\x07\x1a\x0c\x1e\xfbB\tQ\\`\ne\xb2\x9aj~\x95\xb2\xe9\xa92\xa1\x19t\xbb\x91\x93\xddz\xd4\xb87\x16\xf3\xf9|\xeef\xcd\xb0\xc6\xc6d2\xab\xaesH`\xe5r\xa1\xac\xa3h\x8eD\xefS|\x08\xe2\xa8M\x1e{\xb0\x1daA\xd1\xcb\xe01\x18\x80\tu\xa6{\x17\xa0|\xee\xad\xc6\xbb{[[{{\x8dgg\xb1\x98/\xear\xb9\x9cU&lt;\x1e\xb1\xcb\x8f\xa88t\xf9N.\x97\xcbbq2-\x19u\x8e\xab\x86\xc9xf\x12\xb0\x80\x8b\x0br\xc1\xe4\xa7\xc4\xf4\x10\xc3KK\x83\x83\xc3K\xb13\x1fT\x96/\xeaCT\x80\x15u\x19\xf9\xfck,\xb0\x17\x9c\xae]\'&gt;\x8de\xc8\xddF/\x9e\x93,\x9b\xc4A\xbb\xb7\x96{\x07\xa8PNM\x01\x91~xP\x83\x96lf\xa0A\x9c\x9c\x0c\r\x9c\xc0\x0b\xe6{\x8d\xa6\xd95\xee\x8bu\x18E|\xa2\xb20N\xa7\xbc\x7f\xf7 \x9e\x91\xc4I\xf6\xd5T\xea\\&lt;\xc3\x8do\xdbk\t\xb9t:\xc0R\xea;\\\x1d?{\xb4O\xa0\xea\xe7\xd1\xa4c\xb1\xc0Dztt\xe4\\]\xd57\xc7\xf6b\xc3\xc0u\x83/\xaa\x10r\xe4\xf2\xfe\x9f\x8f\x8b!\xc8_\xb2\x81\x1f\xad\xff2\xf9\xb0\xb6\xfd:\x8b\x94\xc4\xb8o|R\xfb\xb1\xbd\x0f\x90T\x1b\xa7\xa7\x9b\x9b\x9fP(\xc0\x88i\xf4z\xd7\xde\x99K/\xac#\xea\x9d\xd35;\xfbs\x8aJ\xcd\xc71\x1bt\xb2\xfa\xb5}A[{\x8dU\xa8\x89\x01U{\xdf\xfaI\xe2\xe4\xf4\xe4\x14\x021)\xdeFBQ\xb0\xb4\xc3\xc3\xd1\x98K\xc3\x11\xd5\xa1\xa1F\xde6\xdbl\x8e\xe7\xed(^\xf1\xb1=\xb8\xb0P{\xd5"n\xecDw=\x0bk\x1a\xcd\x9aV\xabl\xefK\xb7\x7f\\?Z\xd7.\xac\x86\xed\xbb\xbb\xd1\xb33t3\x16\xc8\x85"\x11\x9d#\xefjn\xee0[\xf3\x88e\xf6\x06\x83\xa0\x17\xb7Dg\xe0+v&amp;V\xdd\x17\x17\xe6\xe3x&lt;\x13\xcf\xb4[\xad\x87\xda\xc3x\xea\xe1\xc7\x83\xed\xed\xa9{\x7f\xbdp\x0f\xea\'\x1a0\x11\x07\xb4j\xeb\x18\x1f7\xff\x94?\xac\x97\xe6\xc9`\x10\xf2\xa8cA\x12\x1d\xbd8\x0c\x0c\xb7\x7f\xbdo\x8d\xa7\xac\x87\x87Vk\xea0\x15O\x1d\xbf|\xfd\xe5\xcb\xa3{\x171\xf7\x12G$\xc40\xa0\xea\xf8[OO\x8f\xf9/y\xc3\xa2\xde_1\xdb\xed\xde\x05m)K\xc7\xa2\xf0\x1bp\xff?&gt;\xbb?\xbc\xbf\xff\xf2c&lt;sh\x8d\xc7S\xa9\xd4\xf1\xc1\xc1\xeffs\xe3\xd9g\xa8/G\xf9\r\x8c6\x01R\xf5\xf4&lt;x\xf0!\x7f\xa7O\xa9\xd6\x0f+\x93\x93\x93\xde\x05J\x11!\x17&gt;\x908z\xfb\xf9\xc5o\xbf\xff\xf6\x9f\xed\xed\xe3\xe3\x83\x87\xdb\xdb\xc1\x17\xcf\xdd1\xf7\xe7\xcfo#\x91\x90\xb1\xb0\xb0\x8e\xd3\xd5\x01R\x8d\x8d=\xf8#\x8f\x87O\xeb\xff\x982O\x9a\xed^OQi\t\xab\x0c\x1b\xb5=]\x87\xbe\xb0\xb9y\xf2\xfd\xfb\xda\xbb\xe0\xda\xda\x9a\xfe\xe8-\x11\x11\x85_\x11\xc1\xca\n+\xe4\xcd\xe3=\xbe\xb1\xc6\xdb\xaf\xde\xe7\x13\xeb\xd7\xa9\x15\xf3\xe4\xa4=\xe8)e\x95R\xf8X\x15\x85\xd5\x94\xfe\xf6\xed\xdb\x9b7\x08\xee\xd3\xe6\xe6\x1b"\xa0O8\'z{\x95e\xe5\xb4Y\x10k,\x8f\x87\xdd\xae\xb1\xfe\xbe\x02\\vo\x98\x02\\\x81\xea@\x11\x97\xfbd?\rd\x1b\xe9o\x88\xec\r\x02\xdb&lt;=Z5\xc2hSX\x8e\xc9\x9b{|\xbe\xc6\xdb\xb7n=\xca\xe7Q\xca\xfa\xf7\xcf\xae\xe4\xb2{\x8aX,0\xd3\x06\x98\xbf\xb8\x8b`\xb2\xe7\xf7\x91j\x08\x0c\xa8\x12\t\xcch4\xd6Ae\xfd\xe0\xf2\xf9\xd0\xc9\xc0[S\xd6|b\xbd~\xf6l\x05\xe9\x05\x8e\xb1\x84\xab3\x81\xdb\xe6\x82\x19\xe3\x12\xeelc\xe3\x1b\xea\xf5\x16vbdDD\x17b7\xcaEPY\xbe\x07\x8d\xb7\x00k\xe5\xa7|\x1e&lt;=^y555\xb52\xf9_^\xce74\xad,\r\xe3\xab\xd5hbF\x82h;A(\xa8!\x8eVlbF&amp;\x0e^\n\x1a4\xd7]\x04\xd1T\x9a\x98\x04\x8d\x04\x9alv\x13%k\xa9\x91f\x1c\xa2\x06$\x90U"%YiR\x82\xcd\x9f%\x0cM\x8a\x93(YB\xb7E6\x19pC\xa1\x84N\xa1\x99m\xf3\xb1_2\x1ff\xe8\x87}\xdfsM)\xec\xbf\xceL\xdd\xf7&amp;W\xfd\xf6\xe3y\x9e\xf3z\x8e\xf7\x9e\x9b\x8e\xc8t\x9f\xeb\x86\x7f7|\x11\xb1\xa0\xe9_\xe9_\xbaz\xe9\x01\xde\x8c\xfa\xe0r \x10h\x10\x89._\xb8\xe0\x1d\x83d\x855\x16\x8b\xa5\xbaXm\x87\xc1\xc2\\\x12\xb1\xfc2+\x9f/\x1eF\x13\x81\xca\xea\xef_\xba?\xb3\xbe240\xb4\xf2[\xd1\xe5@\x83V\xd4 \xaas=\xc4\x965i\xb1\xd9,s\xc1j\x9aXs\x18+\xac-\x13,\xbf?\x12\xe1r\t\xd7\xe7\x17\xfdS\xd9\xf5\xfc\xd8`\x14\xd6=C.\xc0\xc2\xf6\xae\x1d\x1a\x83\xf6\x0e\x81\xb7x&lt;\x96p\xac\x8aX\xbc\x9a\xc3\xd02b\xe17v:\x1d\x9a\xc9N]\x01\xae\x8b\x17\xfb\x03\x0f`Jxkz\xfa\xce\xe0\x00\xa8\x05\xf3\x86\x16\x91t\x80vo\x84\xf5z\r`\xa9\xa2\xb1\xad\xaa\xaa\x95\x88\xaf\xcd\x15\xe2\xf0\x15\x14\xcb\xe5\xf3\xb9\\b\t\xb9\x86\xf1\xc7\xf0\x95\x81;@58 \x15A}\xdc\x02bE\xc3\xd0\x1ap\x1f\x84MO\xb9\xb6\xaa\x9a\xad\xa9\xe0\xdc&lt;\xeauo3\x99\xccln\xe6\xb2\xfd\xbf\xb92&lt;\xdc\x0fK\xc5\xf5\xa1\xc1[\x83cc\xa0\x16P]\xfaX\nq\xd7#\x94M\xa9\xb4\x85\xcdU\xc5\xaa\xf9\xa6&gt;\x9b\x1c\x1d]+$\x93\x859}!\xb9\xbd\xba\x9e\x85%\xd0\x95a\xee\xd2\xfa\n\xac\x16\x07a2\xa3\x15\xfdAt\t\xc4\xa2\xa20\x06\x81\n\xb0:\xa2\xce\xea\xaa\xa5\xabg\xc5\xd6F\xe7\xe7\xa04\x1a\xfd\\8\x99__\xfa\xe3\xd5\xabKK\x01Xj\xe4\x01k`\x08\x97\xaeZ\xed\xd0`&amp;\x0c\x0e\xda\x94\xed\xedJ\x9b\x86\x92\xbb\xf6\xaa\x8b\xc5\x9dZ\x9c\xc7R\xcd\xabF5\x9ap&lt;\xbf\x1e\xb8\x1a\x98\x81\xe6\xb0\xf2c\xfe\xce\x9d\xb1\xc1;c\x03x\xf7\x03\ri\x07\xad\xdaM&amp;S\xbb\xc5\xcd\xae*\x16\xaf\xcd\xca\x12pcx\x97\xe0h\'\xd4\xa8JS\x88\xe7s3H\x85\x8b\xfd\xed[x\x81z`\x90\xa61\xed\x96\x0e\x8f\x07\xa8LJ\xcdM\x89\xdc{XE\xb5R2\x96\x80\x1f\t\x16\x08Tooo\xa7\x06\x9a\xebf.\xb7\x1e\xcbono\xdc\xda\xb8\xb5\r\xad\x8b\x8en\x90!h\xb3\xb5+M&amp;\xa3\xc93\xa9\xb8&amp;\xa9:\x96X\x1c\t\xce\xe1\xe6\xc8\xa6\xde\xee\xeeQ\xcd\xda\\rsu5\xbfJo\x87\xc3\xe1\x8d\x8d\r7\xbc\xea\xf5\x16\xa0\xf2x\xdaMF\xa3\xf13K\x94-\x918\xbe\xa9.\x16L\x00\xf9\xe9\xcd\xf9\xden\x80\xea\xc6],0,\xb7\xe3\x99\xf86\xb6N\xfd\xa4~\x12\x95R\x91\xbe\xe0i\x07*SG\x98\x92H\xd8\xff\x07,\x9d,Q\xe8\xed\xee\xea&amp;\x1bJ;\xd7\n\xe1\x8d\xe4\x06\xe3\x1b\xd9\xb2\xa5\x01\xfbl\x1e\xdc\xe1\x06TF\xcf$\xc5v\x02\x96\xb5\x9aX\x02\x98\xc5\xf3u\x18\xaf\xce\xee\xee\xae.\x94L\xa5\x81V\x11\x9e\xd4\xa8::l\x1d*\x0b\xbc\xda\x94\xb8\x7f\x0c\xc2\x8eTz\x1a\xa9\xd8\xcer\x15w\xfa\xa4\xc4\xa0\x96\x98\xcf\xe7GB\xcb\xbd\xbdMM]M]\xe0#\xb0\xc0L\x0f\xc6\x1d\xd9Of#LF\x92+\x93M\x1f5;\xc1C\xb6$RM,A=\x17\xa9tV\x7f\xac0\xdf\xdb\xd4\xd5\xd5\x04\xc3\xb1\xa3\x93|\xf3\xe1&gt;;\x1bt\x05\x18~\xc0\x84c\xd0d\x9b\x8cRf\x14\x8b-\x99j\xabn\xb6\x10\x8b/\x93Eb\xf1\xf9\xae\xcf\xc0\xc6&amp;\x1b\x88\xa4\xf44)\x11\x87\x84\n\xa5z\x02R\xb5w\xe8\x81\x8a\xcd6\xe3\x91MUo\x8d\x81\xedT\xac\xd3!\x96,\x12\x8a\x8f*\x95MM\x90\xa4\x0e\x8f\t}3\xe2\x99\x1cJ\xe3\x93\'&amp;\x8fe\xf2&amp;\xa50\x9b\x15\n\x10\x8b\xed\xaa\xdeo\x10\xa4\xcbC\xe2\xf9V\xe0\xf2/\xc4\xe2s\xddJ\x86\x0c\x98\x9e\x80@\xc8\x06_\x82J\x13|\xf0\xa8\xa6o\xee"\x14\x94Y\xc2\xf6\xeeU/\\m:\xc0\xe23.\xca\xfc\xe9\xd0j\xa1\x93\xecw5\x01\x14\x14f\nTB\x1fM\x1d\x7f\x9d\xa6\x15\n\x06\x0b\xb2\xc5vVm\xd3\x1d\xef-\x96N&amp;\x96\xc9\x04\x91\x85t,\x89C\xb0\xddH\xb0@(\xe3\x13\xa3\x12F$t\x8a0\xc4\xca\\\x11\x0bM\x94DR\x13U\x02\xab\xd9\x8a\xb0H\x7f j\xa1\x91\xe9\xd8\xbdxA\xd3\x8b\xe6\x81\x87 \x1c\xa4\xde\xa2R\xa9p\x04*\xde\xa1\x02\xacDyD]\x85x\xf1&amp;\x84/\x12-D-\x1dr\x89\xd1G\x98\xd2\' b\x9d0\x85\x816\xd5\x0e\x1d\xd5\xa2\xd2LNN\x13\xa9\x14f6\x83\x85\x8d\x8b\xed\r\x15?8\x17\xaf\x86\xe3\xdb)\xe6\xe4\r\x15,1\x94\x80\x80\xf9\xc1\xca`&lt;\t\xeb\xae\x0eX\x0e\xe2f\xd8\xe9h\x86\x06\xaaY"\xd5.c!\x86+\x17&lt;\x1dW\x7fP\x1fk\x84#\x7f9\xc8]\xbbf\xbfLF"\xb6\x08d\xe2[\xadV\x19,\xcc\xd2\x89D,\x9f\x815\xe1\xb4\xdb\x1dug(\x8a\x02(tpww\xb7\xe2\xa1\x82\xed\xf4zs\xc8\xf5\xe1\xf4\xaa\xd9\xf9\xdb\x0f9\xc7\xb5Ooh\xd1D\x80\xd2\x91|A\xca\xac:\x06\x0c\xbc\xcc\xadR4}\xf3&amp;M#\x94\xd3\t\xfaT\xa8$\x12b\xa2\xc4.\xf5z\xcb&gt;\xf5\xc4\x87\x02\xab\xf9\xd3\x0f\xf1\x01\xe6~\xa7\x16F-\xcc\x16\xfea\x0b\xb3V\x9cL\xe4\x86\x06\xc6\xa81\xf3\xec\xac\x13\xa8\x9c\xb3\x12\x82\xb5\xcb&amp;XXr{\xad4\xb1\xa7V\xb7M|\x88\x07X@\xac\xbe\xddd\xdf\x80\xd2jE-YT\x8bd\x0b\xfe\xa1\xad\x12\xb9\x80K\x16\x99J\xac&lt;\x1c\x1ar&lt;t8I\x01\x95\xe2\xccB9\x83%\x07\xbd\xcaB\xa1Z\xb8\xb7\xf7K\x1f`\x81O\x83Q\x1f\xb0\xedZ\xa8:\x11`\xb1\xc4gX\x95"\\\x18\xfe\xa9\xec\x8c\xcb\xe5\xfd\x92\xc12K\xd8g\xcdA.w\xca\xe5rF/{b\x1c\xb0F\x9e\xa5\xb7~\xc1#Rx\xcc#j\xfa\x8a\x8e\x1b\xf8\xa3\x82H\xd4\xd0\x92]\xf0\xeb\x90\xebm\x91\x0f\x18~\xbe\x80\x95\r\x00\x17bU\xe2\xc4&amp;\x0e\x02\x92\\\xe2\x94\x00\xa3\xc4nw\x8d\xa8\x85)\xe1\x9bG\xcf\x7f\xfeEX^\x9b\xb0\x8f\x03X\x9c\xf2\x97\x80\xa5\x9d\xfd\xb2\xae\xa1!\x1bY\x90\x11\x92\x8a\x8d:+\xc3\x08g\x01k*\xe0\xf2z\x1d\x0e\xb9\x83\xe1"\x02\x81Dr,6\xa5\xa0(\xb9\x1c\xb1\xd4j\xdf\xb3\xfd\xe7\xc7?s\xa6S3~\xf2\xa6\x0f\xd5\xe2\x8c\xcc\xd4jE\xded\xfca].\xb4P\x04,\x7f\x04\xb1d\xefX\t%`\x05\xeaj\x11\xcbQ\xf1Lr\x8d\x00\xd9\xe5`\xa4\x93\x02,\x9a-\x07\x13\xc1E\xf5\xce\xf3\xd2\xcb\xfe\x9f\xfe$\x12Hd\xdb\xf1\xf7\x86\x93&gt;\x0e\x07\xf4\xba\x1e\x81\xb8\xaf./\xc7\x83\xc1\xd8\xd1\x01\xe8S&lt;\x820\x89\x05P\xd0T\xc5\xa4W\x88\x05\xdc\xfa\x06\xa9\xd4+\xb5\x83Z\x04\xe7S\x82\x04\xff\xce\xa8\xd9.\xa724\xf4\x0e\xc9\x82O\x08\xa5\xf6\x9d\xec\xef?}nM\xfd\xa4\xabS\x90\xa9\xb6\xbdg\xaf{z\x08\x16g\x82\xb33C\xb0\x96\xef\x05\x83GE\x18|\x91\x03?\xc8\x05T\\\x06\x0c\xdfsY\xe7\x1aj\xa5\xb5R\xa9\xd4\x0e0v\xbb\x1d^\xa1\xe0\x1d\x155;\xe4\x94\xdb\x9d\xc9d\x1e\xbe\x10\xfaP.\xe1\xf1\xcb}\x00\xfb\xee8\xf5\xbe\xbd\x82G\xa0N\x1e\x19\x1e?\xae`q&amp;\x84\xe5:m\x1e\xb1b\xa1b\xc4\xaa\x93Y\x17\x0edgX\x021\xf3\x8e[\x7f\xae\xa5\xae\x16\n\xb9\xecR\x00\xb4\xdbo \x18E\x9b\xcdr\'\xb9\xc2\xe2\x8e\x8d\xa0Z\x80\xb5\xf5]\xa9T\x02\xb0\xfb{m\xef\x95}\x80J\x1d\x02TO\xcf;X\x9c\xf1\xb46\x17_^\x0c\x86\xd2\x91\xe2\xa9\x15\xc0\x8e\x8a|\xf4\r\n\xb9\x90\x8aU\xff\xd1\x85\x86\xba\n\x189\xdd lf7\xe50;gi:\x93q\'O}\x15\x13\xc7O\xf6[K\xfb\x00\xf6\xfc\xf6\xf8{\x08\xc6\xe3\xa5\x8e\x9f=*\x01\xd5\xf9\xc7==?\xfa8L\xf5\xbd\x98q\xdd[\\\x0c&amp;\xa6\xfc\x07\xafNu$]\x88\xc5b!\x98\x98\xbc\xab?\xf7\xd1\x85\x16\x00#dL!V&amp;\xe9\xb0;\xa9L!C\x993\xc1\x11\x1f\xf1P\xed\xf3\xbd\xd9o\x852\xb4\x96\xc0\xc9\xff\xd9\\kR\xc7\xebOK\x06\x86\xca\xd0\xf3\xfdW\x8cZ\x13\x1ca\xd9\x95\x8b/\xde\xcb.\x1c\xbcz\x85\xa1\xf7c\xba\x00\x06\xc1\x18\xacz\x06\x8b\x11\x8c\x9cP4\xa9#Iy\xa5\x0e\xba0\x971S\xf1o\x89Xj\xe8\x10\xbe\xe3\xa7\xc8\xd4j0\xb4\xee\xbf\x04\'y\xff\xb5Q\xed\xdd\x7fZ*\x19\x1a\x01\xea|\x0f`\xbd\xde\xe1T\\\xe4\x8c\xa4]\xc1\xc5\xe0T\xa4x\x00G\x19\xb1\x88\x87,\x16r\t\xde\xaa\x85\\Hu&amp;\x99\xd4\x91Y\x95z\x9dt2\tr\x85F\x84\x0c\x96\xd0\xe7\xdby\x8aH\xad\x86\xc6\xe6\xd6\xfd\xfd\x7f\xdc\xde\xfa\x0f`\xbc_\xf1R\x87\xfd`\x1fT\xe3\xf9\xf3\xe7\x1b\x1b\rw\x7f\xfd\xfaM_\xc5\xc5\x89\xbe\x9d\xc4z0\xc1]88-\x97\x8bE\x7f\xf1\xa8\xb8\xc0@\xb1\x88\x91,\x82Uq\xb1\xae\x96\x1c\x80&amp;\x9d5gh\xe7,Eg\xe0\xc8\xc10\xf4U\xc4\x12\xee&lt;B\x0b[\x9b\x9b\r\xcd\xad\xbf\xff\xba\xff\xf6\xf1\xbf\xedb\x90\xf4\xbdg\x7fG\xff\x9a\x9b\x81\xaa\xb9\xb1\xb1\xf9\xee\xdd\xbb\xa5\x93\xebg\xa1\xe7\xa8_$\x12S\xdcHDvZ\xb6\xca\xa0E\x1c\x85\x90\xab\x1e\x8b\x81C\xb5\x10\x8bxX\xd1\xcbn\xa6\xdd\xf4\xac\x03\xc0VW7O\x85\xc2\xeb\xbe\xeb\x8cX\xc2\xaf\x1e\x81\x83\x8d Vsc\xf3\'/\x8f\xc7\x0f\x8f\xb7\xdaj\xfe\x15j\xfc\xf6\xd7_|\xf1\xe7\xd2?\xbb8\xbf\x90\xb6\xee(\x8e\xa7\xa8\x1b\xfeI({H\t%\x8f7\x8406\xc5\xa7&lt;\x14\xfa\xb00\xc6E\xee\xed\xba=9\xeeH\xdf.E.\xac\x88\x0f[(&gt;\xc4\xcaeyp\x0c\xb4\xab\xb7P\xc3@\x02\xc9\x106F\x91&gt;d+-R%T.\xb1\x06;G\xcb\xd6\x04\x1a\xcd\x9f\xd9\xc4\xa6\x98}\xcf\xf9\xdd\xab\xb6G\x13}\xb8\xe4~\xee\xf7|\xcf\xf7\xfc|\x11\x17\x05\xfc!Y\x96CrZ&amp;,\xdd\xd5\xab\xf7\xca\xe3\xa9Y\xfc\xf1\x9a(=\xc6\x89\xe1\xde\xc6b\x9fK\xd5#\xdeO\xf5\xf0\xacc1d\xc5\xe5\x0b\x99\xb9K\xf7\xe7\xe6\xbf\xcf\x94&amp;"B,_\xd3\xf6\x01k\x84;\x13\x85\x00\xe1\xf5\xe4\x95\x88or\xf2\x9d\x10\xa3\xa0z\x9e\x9dFAT\x08ET\x8c5\xfd\xda:\xc1\xd2\xac\x8d\x99\x1f\x13\x89\x8d{82$v7(\x14\xfa\x04\x0f\xd5\xa9\x16\x12\x15\xe3\x9d\xa7\x9a\x9b\xbfp\xf9R&lt;\xf3\xf3\xf2*\xc4\xf2\xe9\x11M\xb7\x1fM0\x16\xbaHT\x81h\xd8\xf8\xbc[oFFq\x16;\x15b\x08\x05\x92j:=\xbd&amp;\x87\xe8:\xaaPT\x86Z\x7f\xad\x90\\\x0e\x996\xb11sx\xf8o\x82\x96\xe2\xe1\xa2H-\xc2\xf2z\x19L\xcc\xe1G\x0e\x15sQ\xc1\xf3\xfd\xfd\xf1\xcc\x8d\xa7\xe8 \x1b\xcb\xf7hO`\xadqD@\x08\xb8\xfeh\xacRn\xfazGG\x8f\x0f\xaf\xef\xbf\xf7\xdb\x9f\x9b$\xd5t6\x8d\x8b\xfc\\\x81\xe88)\xfc\x80\xb0\\{i\xda\xca\xe1\xf2\xee\x06\x0e\xf0\x9f.\xee&amp;\x04\x16Y\x8a\x88\xbc^6\x165\xcf\xa5r\xb0\xe2\xf3\x9f!!2\xff\xa1M:\x8c\xa5E\x9a\x9d\x8e\xc0\n\x83*&lt;\x82\x1b\x02\xeb\xdbb\x11`u;B\xff\xea\xef}\n\x05\xb8\x8a\x1bHz\xa1\x83\x045\x8e\x88\x18\xa7\xda\x7f\xa3\xeb\xba\xe5\xf6Q\xd3Www\xd1\xc3\xc7\x89R\xa9\x0fT\x83\x0e\x16\x88\xce1\x16q\x9d\x1d\xa6b.\xeac\x7f\x7ff~.\x9e9\xb44`\x91XV7\xd7\xb1\x9d&amp;\xa2d\x9a\xae\xb0q\xbd\x98J\x8d-\xb4+\xe5Z\xd37\xfa\x1d\xf2\xf3\xe6\xab,J`\xadE\xa1\x13\x98\xc0\xc6T\xe3k\xc0\xb2j\xb5\x13\xae\xa7\xcb8&lt;l\x94\xee\xf1\xdaa.\x17\x0bT\xc45&lt;\xfc\x16\x16\x862\x8e\xc5\xb3\xd5\xa8[L\xa5E\xeaG\xb9\x86}\xd2D\x06\x1b\t\xefWS\xe0B\x81\xac\xde\xf4&lt;\xfb\x9d\x98\x04\xd6\xe6\xce\x8b}r\xa0\x1c\xa0\xc5\x13\xa5\xac\x8fb\x14\xf5\xfa^\xcd\xc5\xaaU\xaaw\xa6\x16K\x8b\xc4\xd3\xd7\xe7lhj \x91\x9d\x13d\xf4\xee\xc6=\xa5\xd7@\xfc\xd7[\xa64V\xb6\xd0A-\xb2\xda\xc9\xe5\xf6\xec\x08\xab\x85.\xca\xe0\n\xf9\xe5\x91\xf5\xadTJb."\xf3lf\xb3B\xac\xec\xdd\x17+W&amp;\x0e@E\xf6\xc2\x8f(\xb9K\xa6Q\xac\xb5\x1a52\x98\xd6\xdb\xac,H\xe6\xd1r)!\xb6\xe1 \xc7\xfb\x10[\xeb\xdcq\xf1\xaf\xc3\xc3N\xda\x9f\x1d\xf8bn\xcb\x94\x82\xc1v\x9d\x8cewsJn\xcf"\xb5\xc2(F\x0b\xf9C!\xe3\x97\x94\xe4b\x8d\x8dy\x04U\xf6\xee\xce\x9bI&lt;\xcb\xca\x01O\xa1\x1f!\xc7Z\xc92y\xden\xe4\x1a5\x1dTVyaaA\x95\x8a\x9d\xa9\xa4\x08\xf7A\xe7\xe8\xe0\xa8\xe5%\x8byI=\xef\xb0\x9b\x15L\x15\xa4\xaa45\xcd\xeaVsP\xcb\x82Zw\rP1\x9a\x0c\x15\xe4\x9f\xaa\xa9w\xb06\x9f\xdf\\\xf1\xc17\xcdzw\x1fH\x01\xbfx\xc1Z\x81\xc0\xfe*\xcc\xb5\xa7(\x8d\xba\xde\xab\x97\xc7\x16\xb8\xa4\xa3\xe5\xd9d2IKz\xf0\xaa\x90\x8b\xa1\x08O\xa4\x18\x0f\xa5\x18\xc7\xcc\x91\xa0\n\xaa{\xb6^\xafB,\x81\xf5@P\x19FX\xa6\xb5\xb2\xbeu\xa2V\xdb\x93\xdd|\x85\xe6!\x9a\xf4Z\xb7e\xfe=\xee\x8c"\xd5C\xack?F\xd1\xd2\xbbJL\xc2S\xfc\xbc\x00\x00\x02\\IDATi\x95\xedz[\x15X\x0bj\xb1s\xed\xf6R\xd2Y\xd2C=\xac\x12\xa7\x84\x93\xac\x0e\xd6\xc0\xc0\xf9\x1bU\x10\xe5\xf1\x92T$@+\xa7\x9c\xc6\x1a\x01\x95\x01\xb9\xb0X\x8c\xebf\xd0\xe5\xaaxv\x9eMj0\xa2]+\xb7\xcd|\xec\x13ZQ\xd0\x8a\xf2\x81\xb0\xfc\xf0\xbce\xe9e|\x98\xd2j\xb4TUR\x1d2\xb5\xba\xbd\xb3\xb4\x04\xae\xabN\x13E\x11\x14\x05\x99\x13\x16\x1f\xc4\xef\x14\x85T\x92\xa4\xe2a\x8a\na\x15],*j\xa5\x1c\xf2\x07\xc2\xebU`\x89ql{|\x1a\x96A\xad\\\x19K\x99\xf9|\xece\x80b\x84\xec.T\x03\xdd!\xb0\xeaU`\xe1\xe3\x8a\x12\xca\x01S\x8bG\xd7f\x97\xcep\xd2\xf7x\xdd\xea\x11\xcb\x883\x0c\xee\xba\xdf1\x8f\xa9T\xc9\xa4\xa7S\xf2J\xee4\x16UZ\xf6\xfb\xd3\xc6\xad\xa0IP\xf4\xf2h\xc4\xd4VU\x95\xa8\n/A\x15\xa2u\x80\x9d\xe8\xc4\xfdk\xdb\xd2k\xd5\x98\x12\x8b\xc5 \x7f\x9e\xee@d*wrf\x89\xfeu\xd4\x99c,h\xf5\x036\xb7\xb3\xb5\x072G\xd2[T\xc0\x8a\xd1\xf3\t,\xb4\x8f\xbde\x00+\xe0\x97\x8d\x0f\xf3\xe4.\x16\xcc\x03\xa6\xa2i\x9a\xaa\x9a\x07\xd6\x97~:f\xd0\xf9\x81\x96\xb5\x9f]v`[V\xb3\x05\xa8X\x81\xc9L\xe7.\\\x081\xcc\xa4X\x8bn\x0b\x87\x96\x86\x96\xd8\\\xf1;U\x87\x89.w\xb4\x02XL\x01VD\xa8e\x18\x0c\x07\xb5d\xe3:=3SU&lt;\xc4d\x9a\xf9\xa0\x94\xc7M_2\x11N\x0e(\x99\xd2\x0b\xfe:X\x01V\x83\x88\x08\r\x0fkR\x089\x92\xa9\xa9\xd6v)\xc9k\xb1\xc7\xed!\xd7\xedo&gt;v&amp;P\xe2\xc6K&amp;\xf1\xc4\n\x05\xfa\x06Vo\xef1\x16\xde\xd2\xd4$\xe3IUp\xb5\xcb\xb6\xc7\x04\x17\x842\x89\xaa\xf0\x90\xa0\xc2`\x9a\x9e\xa6\xa9}HEXv\xa3@@1\x01\x96+\x9a\xe2nB\xb1\xd6\xf6T\x8fs\xb8a\xb1\x92g\xbe\x06\xd6\x0c\xa4\xa2\x0eJ\x98@|\x05\x95\x82(\xd2\\i\xd8\xbd\xa3\'j\x19\x84\x15\n\xa5\xff\xe9\x00\x0b\xf6\xaa4}\x8cE\\\xb8\xbc\xf0\x15\xc4J\xd3\x162\x84X.\x96\xceX$\x17\xe0\x95|\x8c\xcd\xcfJ\xb0b\x0cFr9-\xc4kv\xbbe\xbaJQ\x05\xf3\x85\x8b\x17\x0b\x17\x0b\xdcB\x85\xb1\xfex\x926\x9c\n\xd3\xddB\xe9\xcdm\x13\x97R\x0f\xcb\xff\x037\x98\x14+)\xa3\xb3X\x00\x00\x00\x00IEND\xaeB`\x82'</t>
        </is>
      </c>
      <c r="M322" s="3" t="n">
        <v>45492.67655092593</v>
      </c>
    </row>
    <row r="323">
      <c r="A323" t="n">
        <v>928527</v>
      </c>
      <c r="B323" t="n">
        <v>3149</v>
      </c>
      <c r="C323" t="inlineStr">
        <is>
          <t>Rafael Elias</t>
        </is>
      </c>
      <c r="D323" t="inlineStr">
        <is>
          <t>Rafael Elias</t>
        </is>
      </c>
      <c r="E323" t="inlineStr">
        <is>
          <t>CA</t>
        </is>
      </c>
      <c r="F323" t="inlineStr">
        <is>
          <t>ATA</t>
        </is>
      </c>
      <c r="G323" t="inlineStr">
        <is>
          <t>CA</t>
        </is>
      </c>
      <c r="H323" t="n">
        <v>179</v>
      </c>
      <c r="I323" t="n">
        <v>99</v>
      </c>
      <c r="J323" s="2" t="n">
        <v>36261</v>
      </c>
      <c r="K323" t="inlineStr">
        <is>
          <t>Left</t>
        </is>
      </c>
      <c r="L3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32498e9-61ed-4bc0-aa86-764b1dfe4ce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&gt;\xfaC\x00\x00\x00&gt;tEXtComment\x00xr:d:DAEewil2SDw:3796,j:1497870925631122622,t:24040619\x85uW\x81\x00\x00\x00\tpHYs\x00\x00\x0e\xc4\x00\x00\x0e\xc4\x01\x95+\x0e\x1b\x00\x00\x03\x00PLTE\xff\xff\xff\x01*\xb9\x015\xc7\x01;\xcf\x016\xcf\x02\x02\x02\x017\xcb\xfe\xff\xff\x009\xd2\x000\xbc\xfd\xfe\xfe\x01R\xf2\x012\xc1\x08\x07\x07\xafs`\x01*\xb4\x92PA\x010\xc5\xa7l\\\xacdO\xaco[\x01:\xd6\xb2p\\\x02,\xc0\x9b`S\x00P\xed\x9a]M\xb3ub\xa0eV\xb2gS\x01I\xeb\x8bNA\xbat`\xabiW\xb3`J\x9cVD\xa4dT\xc2\x88v\xa0_Q\x01H\xe7\xa6WC\xb7|i\xb7oZ\xa6`J\xa5eZ\xafXB\xb8xd\xb1xf\x98XK\x8dB1\x8cH9\xa2S=\x021\xca\x020\xb7\x95UE\x01"\xacb&lt;5\x7f@4Y60\xbckUx8.\x01%\xb3\x91UI\x8f&lt;)\x0e\r\x0e\x02)\xaf\x85C6\xb7jY~E;\xcc\x96\x85\xa9P;rA9wE=\xac\\J\xb7gP\xc8\x90}\xfa\xfb\xfc\x8bTG\xb5t^x&gt;3\xbezf\x01W\xf2\x85I&lt;\xbc\x85t\xb2lVQ0*\xbb\x8by\x1b\x10\r8\x1b\x13\xc2\x8f|q:1\xbb|o\x99Q&gt;\xa1[Ii&lt;4\x82MB\x01&gt;\xdd\xc0\x81n\x01=\xd3\xd2\xe4\xefwMC=#\x1f\x01D\xe4\x93[M\xf4\xf6\xf8\x899\'\xa6{k\x94K;\xa3G4\x01\\\xf7\x9fm\\\xc0s\\\x01G\xde\x99@,W&gt;:\xa6sdL \x14\xdb\xe8\xf2\x01?\xd8\xb6\x83o\xc9\x80o\xaf\x83v\xa5\x81t*\x13\r\xc5yh\xcd\xa0\x8f\x98gZ\xc4\x98\x85- \x1d`3,\xcc\xdc\xe9\x92G3k2)\x7fSI\x805%\x93bS\xaf~l\x01\x1f\xa4kD;\x95A2lKD_(\x1a\xaa_S\x8c_P\x99qbI("K75\xc2\x91\x89\xbb\x90\x7fF.*\x87&lt;0\xd0\xab\x99"\x19\x19\xae\x89~bD?\xb1\xcb\xdf\x9fM&lt;\xc3\x89\x83\xd1\xd5\xd6\x99J5\xd9\xe1\xe3{/\x1f\xc5\xc9\xcb\xaema\xbc\x82\x7f\x9exl\xb7bS\xc7\x99\x94\xc3\xdc\xeb\xa6\xc1\xdd\xf1\xf0\xf1\x83YO\x7fbZ7,-\x8cf]rRO\xd3\x95\x8d\x9f\xb7\xd4\xbd\xd4\xe6\x02O\xe4\xd9\xae\xa0q/\x1f\xc0i[\x06!\x95\x90\xab\xd4\x14\x17\x1a\xc8\x89y\xd5\xc9\xc8G?S\x04)\xa2\xc4\xd5\xe1\x7f\x9b\xc3\xc7^i\xe8\xf0\xf6\xb1wt\xc5\xb5\xb4\xe3\xdc\xdb^gm_n\xac.K\xbb\xb6\x9d\x9b5=A\x81\xa1\xd8\xa1MK\xca\xa2\x9f\xc4od\x0f6\xc8\xce\xc0\xbf\xb8nk\xabli\x00l\xfc\xb1^b\xe7\xe7\xe8OUXTv\xceu\\Zr{\x81%L\xca\r5\xbd\xb6\x8e\x8a\x91nn\xc6sy5\\\xc9\xd1\x89z\xa2\xad\xb1\xba\xc2\xc6\xdb\xb6\xb4\xd7\x84\x93\x17A\xc4s\x94\xd0c\x80\xb8\x10\x1ct\x1d:\xb8#,/F`\xb6\xd1z\x86\xbb\xc9\xdc\x84\x86\x92\xb6\xb1\xb3q\x86\xc0\xb0RU\x89\x93\x982.mb\x87\xd5\x198\xad&lt;L\xa6Bk\xcc\x98\x9f\xa3ZJL\x9d\x83\x85\xa8\x93\x95\xd8\x94\xa41A\x90\x16\x19L_S\x83&lt;\x84\xe2\xe3\xe8\xb0\xa1\x00\x00 \x00IDATx\xda\xcc\x98OLZ\xe9\x1a\xc6\xbb1$\'\xa1!b\x8cQ\x89\x82\x1e\x83P\xff \x89\xe1_\xe4\x04P@p \x02\x1e@KC"\x11\x95\x94H;Q\x0b\xd5c`l#\xda+L\xf5R\xaf#\xe8\xa4]P\xd1\xd9\xd8\x04b&amp;\x99\x05\x0b\xf6%%\x99\xbb\xd0%\x8b6q\xa5\xb9\xab\xfb~\x07\xdb\xdc\xdc\xdc\xdd\x05;/\x87s\x0e\xb28\xbf&lt;\xef\xf3=\xef\x87\xf7\xee\xfd_\x85\xfd\x91\xc6\xbe\xde20\xec\xde_\xa3\x18\xc6\xdf\x7f7b_+\xed\xa5/\x7f\x01,\xcc\xe8\x85\xc3\x9b\x86J]\x94&gt;\x1f\xa5\x8d\xdf\x1f\x8b\xd6\xe6\xc7\x83\xeb\xebR1_,\x9eg\x99\xd9B\xbe\xf4\xe5\x00C\xdf|O,c:u\xf9\xf9&lt;Q\xce2\x99\xcc\xba\xba:83\x89r\xf1 \x9d\xf6\x1a\xb1\xef\xa7\xd5\xc7\xcb\xfcy!\x8b\x80\xfe\xa3\x98D!\x9f\x87n~\x1f\x97a\x98\xf1 \x9f\xa8\x88T\xf7_`\xd9,Q\xb8Jy\xbf\x87\xcd0\xec\xa8\x98\xad\xab4\xef\x7f\x15Q\xbc:\xf2\xdeyf\x80VEd\xa5\x8a\xa5\xbe\xe9T\xb9\xab\x9c\x89B\xe9\x00\x12\x83q\x97T\xe9\xeb\x0cq\x8b\xc1$\x08&amp;\xfd\xaex\x9e\t\x7f`V\x18\x89\xf3\xabK\xef\x1d\xca\x85y\x8f\n\xdf\xa0\x80\x84$\xc8J\xc1\x1d\ru+#,\xcb\xcb;[\x93\x18\xe6\xbd&gt;\x07\xad\xe0\xf9@D\x92A\xba\xecP\xe8J\x92\x04\xf3\xb6\x90\xfb?\xa7\xb1\xbb\xa2J_\x94\t\x9a\x89fyZ)\xbb\xdd\xf34\xf6\x8d\x8dIS\x83\xcb\n\x17\xa9\xf4]\x8c\x9b{\xc6\x83R\x86D\x0e\n\xda\x9fnmm\x9d\x9d\xad\x9f\x9d\x9d\xc1\rb\x83s\xe5\xc6\x1e\xbc\xedc\xb6P\xba\xb8\x83&gt;2 \xae\x88,DC\xf0)B:;&lt;\\W\xceB\xad\xd3x\xeb\x87\x87\n\xc4\x88\xc8\x82\x95\x05\x99-\xe7\x8fj\xce\xc50^@\x88\x12\xa4\xdd\xb6\x16\x89 \xa6\xf5\xf5\xd9Y%]\xd1\xa8rwvvww\xfd\xb0"\xde\xd6\xd3\x8ab\xccr\xe9\xa0\xc6\xf1\x85a\xa9|\x19|\x1e\xdft\x01\x15 )\x95\xb3\xb7\xef\x85\x85\x85\xa8R\x04d\xeb\x8aC\xba\xab\x91\xb55O\xc5\xfe\x85\xcf)cm\xd52^\xc3\x10$\x03\xa7\x1b \x15M\x05L\xe8\xb4@W\x14}\xdc\x05\x05\x01,\x02\\\x928(K\xd4\x11\xe5R\xaa\x96z\xc1t.\x12\x88J\xab@6\xaap\x01\x8e\xcf\xe7[\xb8\x05\x8bFi\xa7!\xc1"\x91\x88DF\xd1Q\x81r\x02\xab!\xd6e\x99\xa6r*\x0e+T\x0bJ`\x1a\x19\x19\xf1\x8d\xf8|I\xa0\xdb\xf7\x85\xa3\xd1pX4\x0b\x8a\x01V\xc4\x15\xa0\xd0\xa2%\xcekh/\x0c\xfb\xa3\x94%\xe2\xa7:\x93i\xfd\x10Y\x1d\xb5-)\xee\x19\xe1\xf7\x00\x99\x18\xc8\xc4\xe2$\xe8\xa5\x8c\x8aD`}E\x85\x8bD\x83 qQC\xb5\x8cG\x05"s\xba\xa9S\xd0\xcb/\n:\xed\xef\x8b\x91X=\xf4\x81\xaa\xd2M%\xa2R(\xa0\x8f.\xc9\x0e\x9aGD\xbev\xee\xc2\xd2\xa5,\xb59\xad3A\xf7\xa2\xc9}&gt;\x9f\xdf\x83`z\xe8\xe2\xf1zxpA\xc2\xf9|H.\xc4\x05\x82I$\x14\xbdi\xad]\xa8b\xa9s20\xad5\xad\xef\x8a\xc2\xc9}\xb1\x98\xdf\xa3\x07\x1a\xde(\x14oT\x8e.\x1c(6\x8f\xcd\xe1vu\xb0\x06\xd6\x11\x18\x92\x8b$\x08"[\xfaX\xa3-\x0ef\xfcR\xf6\x80\xb1v\x95\xa2\xe8B\xd27B#\xf1x\x1c\x8e\xbcR\x00\x07\xa5\x87\x83\xcd~\xd5\xd9\xd4\xdc\xb6\xabP8\x9dN\x89-\x01\x134\x9bO\xd5\x06\x8b\xc1\xf8\x98O\x04\xa6M\xbb"\x11x]\xcc\xe7q\x04~\xbf\x1f`8\xa3_\x15C\xafQ\xb9\\me\xb3\x85\x0f\x9b\x07\xc75 \x97\xd3%C\xa9J\x14\x8ejc.\xccxY\xa6\xf6t0`\xc0X|vK\xf7$\x8e\xe3nD\x06B\xc1\xeb[\xa9\x05\x8d\r\\\xf6\xc3\x8e\xc1q\x95J\xaaP@\x17)\xd4\xc5\xeb\xda\xec\x08\x19\xe9\x12\xb9\xb3a\x9a\x85\x1e\xee\xf3\xf5\x1c\xabZ\xdd\xde;\x89\xbb\xddf3\x90}\x008?\xaa\x0fr\xb9@m\xe5"\xac\xa9\x01\x95T\xa5\x02,\x9b=Ad\x89b\n\xabIh\x1d\x14\x82\x12\x9dtV\x14\x0e\xf3\xc5|\xf0\x0f\xe7\x9d\xfe\x9d\xdc\xdfnv\x9b\xdb\xfd\xa1P\xc8\xefG\x80~\xb5y\xb2\xbb\xe5\xd7_\xeb\x1ftu\xcc\x0f\xa8@/\xa7k\xcd\x93 \xb3D\xb9&amp;\x1bU\xccxE\xc56t\xbb\xd1pR\x0c\xd1\xa0\x7f\xa5\x7f\xc7Q\xab\xad\xe0-\xb9\xdf\x8d\xe3K\xee\xa5\xa5\xa5\x90\xd9\xdc\xd2.\xe0r\x1f&lt;\xa8\x7f\\_\xdf9\xd8\x06X\x1a\x93k\r\xe4\x02\xb0ZlT!\xe1\xf3\x94M+\x15\x89DI\xb1\x9e\xaf\xe764\xb6\xb7O\xf6\n\xc0\xeaj\xb9\xdf\\\xe9\xa5\x80\xa3\xd7\xeb\xc5\x90\xb1\xfbS\x1d\x0f\x9b\xfb\xfbY \x97\xd4\xe4\x94\xc8bT\x82D]\xc4\xaa\x8fut\x1e[CX\xe1$_\xaf\x17\n_\xb1_\xbd\xe2r\x1b\x81K\xad\xa6W$Z\x93&lt;}\x8f^\x0fZ\xf2\x81\x8b\xc5b\xb5\r\xa84\x80\x05ry\x12\tX\x8bU\xef"\x03z\x98\xb1\xb94\x80\x95\x9c\xe2\xf3!J\xc1_\xe2\x91\x11\x88z\xb6Z-@Y\xca\xa1c\x02b\x8c#\x14\n;\xa6:\x10\x17\x98\x1e\xb0\x9ck\xb6\x18\xb41[\xfd\xa0g0R\xf9\x98\xcc\xa9A\xf9&gt;%\x16w\xa0\xd8\xb2Z9\xa3z\x188\xd08\x08U+\x07\xa6\xcf\xa8U h\xffA`\xe5\n!\x1f\x06Yc\xe3\x08\x0bu\xd1\x06mL\\U="`\x1d\x16c\x12\x13\xdd\xc3$x^\xc8\x11\xf4N\xba\xdd!\xb3\x7ft\xf4\x1d\x0cB\xde\xa8\x80\xc6\x12\x08\xe4\xf2\xf6\xde\xee\xbe\xbe\xfb\xf5]\xfd\x83\xac\x010\x97\tuQf\xf3Pd\xde[\x03k\x05l\x1b\x15\xac\xfd}\xbe\x10\xb0\xba-8*\xf7R\x082k\xd4\xdfN\xafI\xf0\xbe\xdb\x8c\xb0\xea[\x9b\xfa\x07\x87\xda\xc6\xc7\x91\xe7a\x9fj\xdb\xc9$\x8a\x1f\xab\x1f\x0f\xd7\x19\x99\x0b\xb0@\xac)\xe8"\x9f\xdd\xdbm\x99\x98\xc0s\x0e\x1c\xcfA2\xf8Cn&lt;\x14Z\xc2q\x87\xc3aY\\|\xd9\xd0\xd9&lt;8\xa0\x1aoCA/\xad\xc8\xb5CU\x7f\xfe\x18\xbdW\x19\x89\t\xe6\xe1|r~\n\xc8\x1e6,NL\xbc^5\x18V\x1d9\x83\xc1\x00\xa1e\x18\x1e6\x18\x86WW\x7f\xfe\xf9\xf5\x9b\xe5\xb9\xb9\x95\x99\xb6q\xa9I\x03\x85\xdc\x15Y\x93\xc9\x00\xeb\xb2\xcaX\x0c\xd8\x97\xeelHA\xac\xf0&lt;:\x06fV\xb6\xdf&gt;{\xb6\xfcf\xe2\xb5\xc31\xfc|\xd8\x90\xcb\r?\x7f\x8e\xa0\xfe|\xf3\xec\x9f\xc7\x9fN?\x1d\xff4\xad\xd3\xc2\xfe\xc1$\xd5\xd0r\xc1\x08\xca\x14\xaa\xbdE\x85\xdf\x16%\x99N\x05Y\x1a\x86\xd6h\xb4\x1b\x9b\xa7\xa777\x81\xbdO\'o\xe7&amp;\x10\x96a\xf8\xf9\xdf\x7f\x1b^}=wr\xba\xb9\x17\xa7\xa8D&amp;\x1e\x8f\x07l1\x17pI\xa5\n\xe0\x92\xc8v2W\xd5\xc7\xca\xcb4*\x91R$\x1a\xd0\xd9b6xf\xa6\x9cMP\x99\xf8\xde\xfb\x97\xab\xa8}9\x04\xe7\xb0lo\xc63\x19*\x8bv\x0c\xe8k\x8fg\xcd\xa90}\xc5\xa2J^\xac\xea\xf9 \xd1 \xb5D\xe32\xbbg\x87*\xa3\xad\x1dA\xc2\x93\x03/\x1c\xd0C\x90\xeb7\x03\x8e/\xae\x04(4\x96I2\x91%\t\x92\xa2\x82\x1e\tp\x99`;\xe8\x92\xc4\xa9\xfc\x8f\xd5\x95\x8b\x81\x1d\x9c\xd3X\xbb*\x9b=\x08=J\x90A\xbb\x87\xf2\xd8\xed1\xc9\x8bE&lt;\x97\xcb!\xc7\xe3\xee\xde\x95iY\xcc\xee\tl\x1e\x9f\x1c\x9fn\x06\xe2\x1e*\xe1\x919\xd1f\x10\xdc\x15\xcfT{*\x02\xd6\x8d\x0b\x89\xa5\x8a\xd8=2\xc9\xf1\xfb\xf7\'ssso\xb7a\xbd\xb557\x9a\x97\xd0j\\5\xe0\xe6\x1f\xea\x9b\x9b_\xacl/OLX,\x967o\xb6O6mA\x8f\x8b\xc6\xd2je\x9ejcA\x13o\xb4\xe3\x03a\x91*\xe6\x99\xde\x9e\xb3\xe0\x0eP\xc8`p\xe0\xee\xeeF.[\x10\xca\x81\xaf\x0c\xab\xb8\xb9\x91\xcb\xed\xb58V\x91p\xe6\xc9\xc5\xb9\'\x8f\xb7W$v\x9b\xd3IcI2\x85\x7fT\x1b\xeb\x08\xb0\xe6\xe7\xc3\xa6\x98\xeb\xf1\x93\xfb\x8d\x93\x0e\x07\xe8\x9338\x00\xac\xc5\xca\x93/\x01H\xce\x80\xf7Z\x1b\xfa,\x06\xdc\xb2\x88\x06\x80\xe3\x97\xe5\x07M3M\x7f\xd3\xaeE\x90\\4\xd6Eu\xff\xc3\x8bf\x8fv\x9c5\x1f\x96jgZ\xeb\xb9-\xf8\xf0\xf00\xbe\xb8\xd8}\xbfe\xd2\xd2}\xbf\x81\xe3_\n\xc9\x05\xe6v6\xb7\xbe\xcf\xdd\xd8\xd5\xda\xfa\xf8\xc9\x93\x97\xcb\xcb\xbf,v\r\x0e\x8d\x8d=\xd2\x9a\x14\n\x93V\x1b\xd8)|\xa9\xfeH\xd4&gt;b\xcd\x0f\x0c\xcctu\xe9\xd5\x93\x8e\x89\xe5g\xdb\'\xc7\xc7\'+/:\xb9]\r\x02\xf9\x87w#&gt;&gt;\x9b]\xdf\x04\xbf\xc4V\xde\xef\x05\xe2;\x81\xd3\xe3\x93\'}\xadCcCc\x8f4&amp;\x93I\xeb\x82\xe0\xba`0j\x805\xd5\xd6\xdf\xc9\xe6\x0b\x1b\xfbV~\xda\x0b\x14\x12\x99\xe2\xcd\xe6\xfb\xa16U\xa7U\xde\xe3[PF;\x84\xad\xfd\xac6\xa9\xeb\xf4\xea\x1a\xe62E\xc5%c\x8f\x9bfff\xc6\x00K\xa3u\xd9P\x9eV\x1b+\xeez44\xc5z\xc8\x15\n\xb9\xcd:\x1bEen\xc8\x9b\xab\x8bO[\x11\xd5|\x07\x9b\xc7\x07,\xe5|\x07k\xbe\xed,r\xfc\xaf\x8bb\x90\xccP\x05\x8a\x8aEfVV\x9af\x1e\xe9L:\xc0\x8ae\xae\x8c\xd5\xb6|\\\x06X\x83Bkg\'k\xcb\xfeoV\xcd\xf7%\xb1|\x8f\xe3\xf3\xec\x82\xb0\x83t"D\x93\xa3\x9e\x12\xd3\xe3tT\x90\xca\xb0%\xcd&lt;\xcd8#\xfd\x9e\xd4$P\xacU\x8a\x1aal\xb3ve\xc6)2O\xd36yg\x86\xa3\xfd\xb01\xa8\xbd\xd5\x83\xf2\x81\xc1%\xd4\x0b\x81II=X\x98\x89\xa6\xf6\xe1\xb21\xcffw\x16.\xf7s\x9a\xfd\x0f\xee\xf9\x82\xc2\xc1\'/\xde\x9f\x8f\xdf\xef\xfb\xfd\xf9\x9e\x9e\x9f\xfe\xe3\xee\x9d\xe8\x1d\xfb\xb2\rm\x83U9d\xccH\xa4I\xa5V\xf3\xdbc\xed\x16\xcb\x87:\xbf\xdf=\xb6\x13\xea\x9d\xf0G-\xc0\x05rA\xc7\x03\xd6\xef\xb7X\x1cV\xb1\xc2z\xad\x03\xe9\x14s\xa3~\x7f\xf4\xd1v\xd8\xfc\xe8\x91^\xcf\xd5zc^\x85\x8c\x19\x87\xf8\x00\xcb\xabmo\x8cYx&lt;\x02u\xfe\xbc\x05M\xd5\x17}^\xaf\xe7\xf1,NP\x0b\xb0\xdc\xbfs8\x9c\x07\xff\xe0\xb0F\x05\xbd\xd5`\xd1\x13\x0e\xa4B\xa1\xaa\xafW;\xca\xb3\xe3\xd9\x92\x98\x92b\xaa\xc6z\xbb\xec\xef\x19R\x04\x0eru}\xdfs\x15\x81\'\x9f\xccd\xbfKJ\xd5\x8dF\x14(=\xa8\xd1\xc8`-\xfc\xf2\xef\xc4\xd1\x9fG\xe7\x1c\x96\xa0\x1e&lt;\xb8\x02\xb5&lt;|\x85\xb0Ba\xf7ze\xe2\x9a\xeau\xdb\xdd*\x08\xa8j/\x06T\xccHIiZV\xa9\xc0\xf3\xa0\xc6\xc6\x171meY\xb2\xac\x92\x00\xcfe\xb4X\xf4\xe0R\xcdf\xe8-\xff\x1f\xff5\xbf\x18j\xfe\xc2\xca\x05\x02g3\x7f\x90\xf8\xf8\x15\x0b\x81\xec\x80)\x14HE\x85\x90\x92\x12\x04\xe6P@\xc80\xddN\xba\x94\x12\x13\xc8\xb5\xfcL\xa5F!\xf2\xa0\\-\x01k\x9agi\xb7\x80u6\x9a\xcd\xad!\xbf\xdf\xbf?\x14\xf1\xaeN\xe5\xd9\x90k\xf3X\xabr\xee,\x85\xb6\xf4|\x05P)\xc4\x88BZ%\xc5q\xbc\x8aB\x90\xb6\x94D\xa2\x94\xd1&amp;\xa52\x95R\x82\\\xcfh\x88\xf8j;\xbf\x8a\xf9]\xea \x08\x9e\x1eE\xa1\x86Fsk\x83?\xba\xdf\x84a\xf6\xd5*\x16\xb08\x0f\x0e0\x9fot5\x1a\xb2p1\x07\xc8\x83((1.u80p\xf4\x94P\xc8\x8c\x005&gt;\xa5$\x9dN\xa7$\xb4*\x12Q\xab\xe1\xecTy\xbd\x90\x141\x99\x03\xe3\xea=PC#T\xb1!\xba\x1f\xb3cvi\x13\xce\x86Z\x83\xb9\xa6Q\xc44\xba\xfa\xdc\xa2\x87\xf2\x89;\x85b1\x05\xf9\x15\xf4\x91\xa4RB\x84T\x9a\x94\xb4\x12\xa0\x8a\xc5b\x9a\xa4#`\x14U\xcf\xbc\xcb\xcb\x91\x08 .\xd3\x0e\x87^\xcf\xd7\x83\\fs(\xd4\x8c\xeaq\x9a\x8aPl\xa85\x98\xd3HD$\xadj\x04\xb5\x98\xa6\x02\x97\x80\x00\x90\x8e\x01I\xcb\x05\x06\xa5OC\xa6\x8bAf2RL\x91\xf6!n\xa5\xc3\x01\x81\x9f\x04t\x9a\xa61)\x8f\xe0{\xf4\xed\xc0\xd5\xdf\xd7\x8e&gt;\xb9G\xe3\xcb\xf6\x03\x16.5\x06O\xc8TP"\xf36s\x01\xabS (\x17\n\r#"\xc0`\x82\x98\xc8f\x18\x8d\x90\x86`\xe0\x12\x16&lt;\x1b\xa8XL\xea )\xa1\x01VJB\xca0\x82\xcf\xe3\xf1\x982\x02V3Ju\xd2\xb8}\xf9\xe4\xff\xdf\xec9\x83\xd7&amp;\xb2(\xd1\xd9\x9bQ.\x86\x88\xeeUt\x1a\xe4\xd6\xbf1\x82\x86\x94\x88\xf4\x91\xa2\xe0\xe5\xee\xeee\xcb\xe5\xeeF\xe64Y\x80\xb6\x8a\xd0\x94!]\xb4\x06E\x06\x83XJx\xbeb\x19g\xfb\xda1*Y\x90:",`\xdda\xb0\xd2J\x9d\x0c\xfe\xf3\x0e\xe4\xa1\xbc\xd30\x12\x0cdZ\x80#0\x92R*\r\x12IJ$\xca\\\xef\xedN\xee\xfe\xf3\xbaC\x90\xa4&gt;\x15\xe8\xa6&amp;\x1f(\x98\x89\xc7\x07l\xa7\xc9*0]\x1e\xd4\t\x1bjk\xb37i\xa3\xa4\x14}\xc0\x82Z\x0f\x00+\xa5\xd4I\xb4\x8cZ\x9d\x06\xd0*p\xb9\xbb\xb7\xb7\x0b\x16K\t\xbf@\x8bY\xad\xd6\x16\xc0\x9a\x9c\\\x17\x9c\x9e\x9e\x9e\x9dQ\xde\xa1!:U\x0c\xb4ll\xc4;l\x822\x1e\x9f\x0f\xe6\xc6h\x0e\xc7"bAR\xea\xc5\xd9\xd9 \x94&amp;\xf0\x9f\xf2[,\xa1P&gt;\x02%\xdb\xbb\x9e\x84\x12J|\xb4\xd0\x00X\xe5&lt;|\x00|aK\xa64\x1f\x9e.\x9d\x9e\xe2\xda\xa1\xd5\x08U\x0c\xde\x9f&lt;\x06\xae\x9a\xda2\x82\xd0\xdfb\xa1\x18)\xb6\xe1C\xe3l\x9c&gt;\x9c\xbc\xc8\x97\n\xb4\xe80\x94\xabQ m\xf2\x91@\xcb\xde5#\x96\\C\x0bm\x03IG=\x1c\xdd\xd2\x8e\xea\x81\xea\xec4l\xe4!T\x8aK\x9f\xbdh"\xe5\xc1@\xcb\xf1\xf1"`%y\x0c\x96\xd9\x1c\x06_D\x9d\x96\xbc\xc7\xac\xdc.\x9e\x0f\xf8\x0c\x99\x8cN\xf6\x15kd$p+V\xd0 \x93\xc9m\xb6S\xca\x1b\x8d6rq\xbc\x12/m\x7f\xe0\xe9\x1b\xa3\xfbD\x12\x97F"2!\xc8\xb5\xb1\xb18p\xaf"Y\x05\x8e\xc2lv\x85\xf9\xe2\n\x92*\x11\'\xacx\xc1\xcd\xf8hEK\xc6\xaa\x00,\x19\xd2\xa6c\xd4\xda\xbb\x0c\xeaddM\xc7\xc5)\xc5\xd5[\\\xe1\xed\xf1\xac^\xcd%JS[\xae\xb0\x87\x87\x9f%)\x8d\x86L\x15\xab\x17\x17\xbbkDBD\x8a\x01V\xabk\x8b\x8f \xb4\x02\x87#\x91\x8d"\x0e\x1e\x8f\n\xe2\xb6\x01D\x8b\xda\x01\xab\x8d\xe9\xad\xfb\xc1\x14MuTwdq}\x7fCC\xc3\xec\xdc\x8773\xe5\x95\xc3\xdb;uKuN\x0b\xc1\xc3\x93b\x92\x94\xa4\xad\xd5\x99\x01\x91P\xc6\x1cAp&amp;\xba,vM\xa4\x89\x92\xbec\xe7\xca\x93s\xed\x13\x06uV\x84`z^"\x01\xb9\x02V\x89\xa9\xac{=\x9b\x9d\x0f\xd7\xb9\'&amp;z\xbb\xc6\xde\xee\xbc\xfbn~\xee-\xc4hwW\xa8\xd5\xc9+\x95\xee\n\x11\x83\xc8:\x10\x94#4f\xb7s\xcd\xad\xad\xe0n\x9bV\x9b(\xee\x1b\x96&amp;\x11\x07\xa4iD\xa9$\xf9(\nXJ\x89.\x18l#\x93\xdd\xe3/\xa7\xc2u\x10\xfd\x99\xd8\xbf\xb0\xd0\xb5\xb5\xd5\xd5\xb5\x04\x8cnx\xea\x9a\xdb~\xf92i0\x88DV9\xa2\xc0\xbcv;jn\x9d\xb5\xf0c\xab\xab^\xbb7\xc7N\x86\xe5\x9c\xd7\x8e\xa6|\xa3t\x15\xaa\xb6\x93\xcc\xc5a\xda\x80\x08\xbe\xff\xb037\xd6\xebv/\x80X~\x7f_#\x18\xe8~\xbf\xdb\xcd\xbc5\xd2\x0b\xdf]s?O%m6\x9bH.\x04,/`\xcd\xceN\xf1\xf6cjbH\x9ag)Z\x0fn\xf8L\xa6Q{\xb9\xa5\xdd\xae\xd1\x00\x97\xaeM\xfedg\xcc\xfd#\x00\x84\xfa\xa2\xd1&gt;\xa2\xb4\xb8\x1b\x90\x1b\xd2\x85z\xfdV\xb8?\x14j\xe8\x9d\x98X\xe8z;?\xd3a\xbb\'7(\xec\xf6g^\xd4\xdc?;\xcd\xe3%\xf9\xb1\xd8{\x96j\xc8\xe1\xe4+|\x12A\xa7\xdc\xd3n\xa7\x81K\xa2\x93\x97\xbb\x00\xaa\xc7\xddo,\xa4\xce\xce.\xe2\x1b\x7f\xfd\xf5\xebo\x17\xc5\xc3\x8bx&lt;\xbe^\xc2=u\xee\x9e\xd7\xd0d[\xd9\x1a\xc1Cp\xd9\\\xad\xd6\xd9\xda\xdf\xaa\xb5W\xe1\xc4\x0b\xe2\x80\xb59\xc4\xe0\x86\xb2P\xa3\x93\x10NP\x0b6\t\xb9H&lt;\xf6\x1az*\xfc\x84\xfa\xf4\xe9\xec\xf0b=\xbe\xf1\xeb\xc5\xc5\xe1a\xf1"\xbe\xbe\x9e-\x95p^\xb8\x97\x19qu\xf1j+\x04\x0f\xab&lt;z\x0f$\xc5Y#\xdd\xe4uH\xd17\xac\xbdz\xc0\xe1\x1c\x94\x84\x15\xa4I\xe6\xd42\x17\x18\x12\xd1\xc0\xdd\xb1\x9e\x9e\x9e\x86)\xaaP\x00\xae\xb3\xd3\x8b\x8b\xdf\x80\xea\xf0\x909\x10\xcf\xce&gt;\x15\xf4\x84k\x81\x99\xbam\xd5&amp;\xef\n\xca&lt;\x9eyO\xd8\xdc_\xaf\xc0T^L\x7f4\xc8^\x1e;\xff\x9eRh$)T\xabPh4m\xd6\xea\xda\xb7=\xbd]\xf3D\xfd~\x04\xa8J\xef\xd7\xd7\x17\x81\xeb"\xfe&gt;{\x96\xc5\x0b\x85B\xac\xd1\xe9Zz\xfd\xed\xc4\xdcLmmm%\x7fzz~\xd6&lt;\xe7\xc4\xe4\x0euD\xfdf\x93=\xac\xbc\xd8\'K_\x06Q\xae\x02R\x8fp S\x13\xee\x1d\x9b\xf7F\'\xfc\x85\xb3\xdcMn\xe5\xe4$\x918\xc8\x1d$\x12W\xb9\xc4M\xf6\xe8\x9d\xd3?\xb10\xbb\xd4\xf3\xa3k\xc6\xf6tfxzjj\xde\xe5\xfa\x90{\xe7HR\x05\xec\x88=\xac;\xf9t*x\x19\xc0\xb7\xb4\x0e1\x82tZ\xefg\xaa_n?\xe5M|\x13Z\xbfI$\xd6 \xaf\x9d\xe7W\x12y\xf8\xac\xad\xac\xe5\x12\x1f?\xff\xf1m\xcf\xf3P\xef\xd2\xcb\x8e\xa733\xc3SS\xc3\xd3\x16\xd7\x9f\x9b\xf9\xf7%\xbc\xb4\xc1\xde[-\x9c;\x9b{\xd5\xb6\xf5\x8d\x937\\Ey\xb9B,\xca\xb4\xb4L\xbez\xf5\xb8\xee\x9b\x9fn\xd6\xd6\x12\xb0\xce7\xf3+++\xf0\x01\xc1\xae\xd6\xae\xae~y\xddUV9\xfd\xeeU\xf7\xd3q\xc0\x1a\x1e\x9e\xde\x02,\xce&amp;(\xca\xee\xbb6\x9b\xf9\xfc\xf9\xe6`\x8e\xab\xe8|(\x16\x973\xee\xea\x87\xee\xc75\xd1\x7f}\\K\xac\xdd\\\x1d\x9d$r77\xb9\x93\xb5\x9b/7\x9f?_}\xfc\xb8\xd3\x88wtw?\xfe\xe1q\xc7\xf8\x93aX\xa0\xd6\x97\xc1\xdbt\xfe?Z\xce6&amp;\xad4\x8b\xe3\xdd\xed\x07Rb\x90\x80!\xec\x05\x16\x88\xc0\xccE\x02\x8cFVI\x87\x04\xc5\xc0D^\x1c\x10\xb2\x8aHH\xaf\xc1\xd8\xc4\x18I\xc3bv\xed`%\xb8\x84-\xad/\xcd\x08\xe36\xa9\x1auq\xb5\xca&amp;\xb8c\xd9V\x9d\xb1\xa4\xe3F\x9bm\xa6\xb3J\'Y\xdb\xea\xa6\x9dl\'3\xddfZ\xdbt\xcfsu\xbe\xef\xcc\xf4\x9e\x18\xf8\xa0\x1f~\xf9\x9f\xffs\x9e\xe7\xdc{\x1e\xdf\xf8\xbb(:\xf4@L\x8f\x80SR\xc2\x086\xd5\xd55I\x1d\xbe\xda\xf2\xc2\xf3O\xe7\x8d\x85\xc2\x8b\x17\xf9\xd1\x9e\x9d\xd1\xfc\x8bBA;\xf8\xe9w\xbd\x9f\x89Un\xa9\xeb\xec\xef\x9a\\$V4aI\x93[\x0e\x9d\x92\xb7\xd5\x9b\xfeR\xb6\x95W\xc2sH?&amp;\x9f\xda*\xff\xfe\xf5g\'/}\xbd5\xb5\xb6\xb1\xbc\xbb\xbb\xbb\xb6\xb9\xb93\xea/\xbf\x04\xcbs\x9c\x81K\x9b\xce\x9eu\x85\xd0c]\x845\xbbI\xdd\x8c\xcd\'\x17Z \x8b\x1c1\xee\xf3I\xeb\xa5\r"\x91r\xeb\x1f7\x0e\xe3\xf1\xd5\xabW\x7fC\x16\xaf\x1bP\xcan\xab\x18&lt;G\xd3\xf0\xf0p\xa8\x83\xcca"2{\x85\xba\x91\xa4;=\xa8U\xb42\x18\xb8C\xda\xd4\xe4\xf3\x89\xac\xca\xad\xad\x1b7\xee\xdd\xbf\x7f\xff1\x19\xf0u\xef\x06T\xb2\xdb\x0c\x1e\xc3\xedr\xb9\x82\x03(\x87\xbd\x80u\xf7\n\x85\x13Iy\r4\xd6V\x1ez\xc0\x0c\x8en@/\xf7\xdd\xf7\xee\xdd\xdf\xdd=\xb8O\xc6\xc1\xc1\xc1\xe3{[\xab\xab\xb7\x19\x90E\x97k` \xa0\xe0w\xf2\xf9\x89\x08A!\xd61\xf3\x9a_\xe3\x01\xb9\xacV\xdc\xed\x18v\xf8D"\x91ol\xe2\xf1\xc1!\xd6c\xc0\xda\xdd\xdd@\xfbb`\\\xacr\x0c\x87\x06\x18,&gt;\x047\x11\x89\xdf\xfd\x17\x85\xe3n\xcbsH.\x8e\xd5\xaa\x04\xac\xa0\xaa\xa1A\xe9\x1e\x1b\xab\xdb\xf8\xcb\xc6\xd5\xa38\xd8\xd8\x98\xda\x19]\x1d\x18W\x80X\xa1\x0e\x92*\xea\x8f\x10\x94b\x99\xef\xf4h4\x98G\xcc\xe1\xf0p\xdc\xe1\xc2q_\x83{bh\nP\xa6\x86\x86v\x86\x87\x86\x86\xa6\xf2\x1b\xf9\xd1Ph \xc0\x08B\x0e; \x812X\x86D&lt;Fe\x12\x8f\x99\xff\xe3\xd7hJ\xd9\x9cF1\x8059\xdc\rJ%\xe2BP\xa3=\xab=\xa3\xa1\xd1\xa1\xfc\xce\xea\xeaj \xa0\n\xba\x00\x0e\xfai,\x11\x89P\x8c\x05G\x89\x02S\xa7)\x13\x88\xc5,\x95\xc3\xe5\xc0\x95J%\xee\x03\x8d\x00k\x07D\n\xc1Qbj\xc2\xbd\xca`\xc1\xaf\xa1d\xf5b\x98\xdfo!L\xf1\x98)}\x85\xd2\xc9\xd3\xb5\x04\x93\xa9)cKX\xaa \x8e\xe3J\xa8]\xbe\x8f\xeb\x90\\C\xc3\xae\x89\x89\xb1\xb1\xa11\x87\x1b\x1f\x87\x8d\xc0\x11\x9a\xbc\x10\xd5\xa9u\x16/\x11O\xc6\x0c\x94b\xd1\xe8\xedy\x0b\xf4ee\x12&gt;K\xa5\x02k5\x88\x1a~\x8b\xb0\x80kl\x18Q\rM\xb8\xdd&lt;\x06C\x85\x0ftL\xf6&amp;t:K\xc4\x14KV\xd9\xaa#\xd4\xaaE\xff\xa4`\x10\x96k&lt;\\&gt;+\xc0\xe0YE\x08K:\x06XH($\xd7\xc4\x96\x92\xc7c\xa8\x18\x81\xc9\xb9\x84\xc5+\xf4\x12\xc6d\xb7\xb1\xba:\xb2F\xe9\xb85\xc8E\x18\xec\xe5L\x8c\xcb\xefd\x95p8\xa2\x86\x06y\xad\x1b\xdc5\xd646\xe6BT\xe7a\xa1JX\x81\x0b\x85\xd9t\xc4\xeb%bU\xda\xaa\x9a\x9ajC\xdeL-\xd6\x9a\x970\xd9\xed:K\xa2\x13\xb8\xc4r\xab\xb8\x8c-w; w\x0e\xf8\x98XUhJ\xcf\xb3e\x12\xd6\x859\x84eBT\x86\xf2\x9aj\xdb\xf3?Q*\x97y\x93\t\x9d\xbb\xc9k\xb1D;;%p\xf8\x12{\xcesp\xdc\xedV\x8a\x94&lt;\x0eo\\\xc6d\xcad\xdc\xde\xde\xb9\xd9\xbbi\xc2d\xac\xd2\x86m\xe5\xd4c\xd1\xcd\xcb\xcc\n\xa6\x11q\xa5\x13\xbd|._\x01?\xaa\x89\x89\t\\\t[\x11\x0fJ\x15\xd3\x02-\xc5\xdc\xdc\xec|:bl%\xa9\x84h\xe8\xadp\x87Z\xb5\x96u\x15l\xa6\xb1\xd5\xe4\xf5F\x12\xd1h\x14\x8b\x06\x02\xabCS\xc3P\xc3\xdc\xb8{4\xc4\xf2\xa7\xe7\x12\xb3\xa0\xd5\xfc&lt;\xf2U\xb8\xd9\xce\x14\x96\xbfSS\x1dY\xa6\xd4[\xe6eu\xc5{l\r\xe8e\x00\xaeD4\x11\xbd\xd0\xb3\x93\xcf\x0f\x07\x83\x90\xc8\xd0N~t.\rP\xb3w\xe3\xf3\xf1C*4\xc5\x05Y4\xadQz\xc3\x00\xd4\xfa\xe8m\x01[m\x80&lt;\x12\x914\x0837\xf9|\'\xbf\x13\x1a\xc0U\x03\xa3;/\x9e\x17f\x01j&gt;\x1e\x9f\x07*-Pi4\xa7O\x03\x961\xdfN\xad\xb7,\xe44l\xa9\xc1Hx\t"\x9d\x00\xb0\xde\xc9\x9e\x9e\x8e\x00\x84\xaac\xb2\x80\x94J\xc6!\x92\xdap\xabW\xa7Vk\x98\x08\xab\xb9p\x87ZoY.#,\xe0\x02{\xc5\xe2\x91\xc8&lt;AD\xa0E%\x8f\xa1\xe9\xc8\xfc\xfcw\xdd\xdd\xc9d&lt;yH\xe5\xc7\xb0C,\xdb\xdd?RX\xb9@-\xe1\xe5\x8a\xf7\x04\x82\xc6\x12\xb5\xc1\x14!b1P\x068P&gt;\x13i"\x96\xec\xee\x1e\x04\xaad\xb2J\xebl5X\xe0\x04q\xa8VMu\xec\x8b\xc5\x15\xea\x0e\xce\xe6\xcd#,\x91Uc \x08\xc2\x94\xec\x1e\x84\xd0\xc6\xe2\x04\x11\xef\x1e\x1c\x199\xa4\xea\xd6:\xab\x8cB?\x97ON\xc5"\xcf\x1b_\xbd\xbcu\xcaL\xd1\xc5\xc0#,\xb6\xa0V\xde\xc0\xd1\x99L\x00\x16\xabr\x8e\xa0\x00\xa4\xb6\xb6\x11m\x15I\xe5\xd4\xb6\x9a\xec:.\x04\xa8EN\xeb\x1a\xda^e\x1f\xa5(\xe2\x02,\xfbe4i-\x97+\x95b\xb5)f\x82\x88\xa1\xc1\xd26\x88\x11\xa7V\xdb\r1\xe8\x0c\xc3B\xd5\xa1\x97c\\L\xa3!\xb1\xaa\xb5\x1f\xbe\xca\xde\x9ci\xa7\xd1i4J\xb0\xce\x91X"\xa5H\xce\xd6x[A\x9dX\xcc\x18\x83\x82\x8e\xa2[\x0b9ujc\x06\x83]\xa8\x86\xfd\x9c\x8fi\xbe\x9f?\xad\x1a\xfc\xe0U\xf6\xc1\xad\x15*\xaex\x1ea\x95\t\x00\xcb\x8a\x9e\xd7\xdacZ\xa7\xb6\xea(\xb4N\x94O-,Q\xbb]\xc8T\xa3w\x89\xa4\xe7\xcb\xed\x08\xcb\xa9\xfd\xe0U\xee\xc1\xb3\x87\xa9\x153\x8dF\xa7D-\x81\\nU",\x8d%\x12\xd3^\xbcxqd\x04&gt;.\xb6]tV\x11Q\xf4\xfeP(\xd4\x00\x16&amp;#\xb1`W\xac&gt;\x19v\x86\xff\xf0\xd7l\xe5v\xee\xe9\xb7\xd3H\xb17)\x99\xd9\xbcVs\xfa\xa3\xb7\xd9\x82F9\xb4\x8b\x8dh\xa6\x1a\x93`\x841\xec$\xef\'\x86M\x89\xdeN&gt;\xa6\xb3\x08\xd1\xc4\x81\x07\x93\xc905\x14.\xa1\xd0^\xdd\x1c\x0e\xf7\xf7\x7f\xb8_\xbc\xbd\x9d\xcb\xbd^\xeak\x87L\xbe)0\x1a\x9d\xde\xf7\xc5%\xc0*\x83\n!ol\x94\xb3KK\xd5\x98D5\x80\x97pa\xc11K\xf9\x01h\xef\xf9\\\xbf\x8e\xc9\xd4\xa9\x01J"Cr\xe9H\xac\xfe\xf0\xc9\xfe_\xef\xeb+++\xb3\xdb\x99g{K\xa7\xde\xd4X\x0b\x8dn&gt;\xf5\xfa\x9bw\x10\x16\xbb\x11\x85\x00\xb0&lt;2\x16#(\xad\x97\xfa|8\x1e\x0c\x06\x07\xd083\xa6\x83\xc0\xb8\x12\x08\x99\x1a\xb6\x1f\x84e\xeb\x0f\xdblGX\xb9L\xd7\xfe\xcb\xbdT\xfb\x9b\xb8\xa9\x0e6]\x99\xf9|\xfb\x9bs\xa7[\xdef\x03V-\xbak\xe4\x01,\t\x03\x97\xd6\xd7\xa1\xe9\xd3&amp;\xa9\x03G\r&gt;W\xad\xd3\xa9\xf9\x08J\x02Y\x84\xf6GXc\xb0\xf5\xf7W\xdb\xdb\xf6\xf5\xc5\x95\x95\xb9lW\xe6\xe9\xfa\xc2\xc2\xcc\xdf\x90\xf9\x7f*\x96y\xfa\xdb\xa7\x95\'\xae\x9dc\x02\x96@ \xaf\x15\xd4\x1ea\xb1x8\x1a\xcb\xabCX\xaa\x12P\x0b\xb00\x89\xe4{.\x0cC\xaf\xd0m\xcd\xcd5\xc2\x11\xc0*\xd6\xe7r]\x99\x07\xeb\x0b\xa9\x99\xeb\xd7\xbf:\xf3S\x0b\x19}\xfa\xb5\xbe\xb8\xa8\x12\xb0*&lt;\xa0\x96\x1c\xcd\x14\xc0R\x04,\x05\x8b\xe1&gt;\x94K\xeaV\xb1\x142(\xa22&gt;_"V\x90Y\x94\xc9\xc8\xb9\x11\x9b\xcd&amp;\xb4\xfc9[\x0c\x91\xcbe2\xc7_\xfewo!u}}\x1d\xb9\x9f\xfec]F3\xaf\xa4^\x1f\xcf\x15\xfd\\\x7f\xed\\K\x85\xa7\x8c\r\x15\x02\x99\x1e\xe4\x92I\x80k\x1c\xb8\x80\xca\xa1"\x9f\x86@\x15\xc5$,\xb1XLb!\xcf{\xed\x06\x83Agy\x95CXY\xfd[]\xc7\xf7\xb3\xfa\x9b\x0fA\xb0\xf5\xf5\'K}\xe8p\xf1\x835\x83\xbf7\xaf,|\x99\xc9\xe5\x8a\x8a\xf4\xe0-\xf09T\x08\x0e\x1c\xde9\x90F(\x03\x12\x96\x82\xe5\xae\xaf\xafw\xf0X\xd0\x0f)\xc0\xf3\x18_!f\xa1\xab5|2\xa5\x16T`\xbd~\x82\xccaq\xb6\xe8\xad\xcc\xf6\xfe\xcb\xdc\xbb\xdb\x9f\xcf,\xa6\x16\xae\xaf?z\xf2\xd5\x8f(\x18\xe0\xf5\xd4\xde\xcbL&amp;\xab/*\xfa\x15\xac\xc4\x96\xd226\xc8\x05X\xd6Fv\x99\x07\xd2$\xe3+\xc6\xddR)&gt;\x0eb\x01\x15l:\x12V\t\n\xe4\x7f.\xe6\x87:\x06\xbd\x92\xffZ\xb6X\xaf/\xd6\xff\xfex&amp;\xf3\xcf\xeb\xa9\xa5\xf5\xa7\xc57\x1f\xce\xa4R\x88l\xfd\xd6\xf4\x8a\xf9\xd8\x0f\xd8\x96h\xb4\xf63K7\xb3\xb9\xf7\xbb\xb2?\x03\xb5\xf6k\x00\x0b\xcc\x05\x85\x0bUz\x0edI\x82\xd6\x1bhF\xbaJ\x02\x02\xb1\xf8\x12\xc58\x03\xe2\x10\x0b\xea\x98\x05\xa0\xa2\x91}\xd0\xea] \xeb\xcad\xbe\x9c\x99\x9e\x9e^X\xffw%\t\xb6\x98Z\xda{\xf4d\xe6L\xfb\xffi\x7f\x1a\xfa/\'\x8b\x0f\x1f\xed\xad?8\xc4*\xdeon\xd1\xb4xP\xe1BX\xe8\x1a\x1b2\xb6\x04C\xa7*\xa1\x0eNX\n\x16K\xa1\x80U\xa0R\xf1\x18,\x94Q.7\xea\xf7C7\xd2{-{B\x8f\xb2x"\xf3\x8b_&gt;[\xec[\\\xec\xeb[x\x94\xfb\x1f\xe3f\x10\xda8z\xc5\xf1\xf9$\xa1\x91*aUCdU\x9b\xc5L\x98\xce\x9a\x94\x92\xf4 \xad\xa1\xa0\x83n=\xb4aL\xa6\x81\x81R\x84\xbc\x98!\xe0\xc5\x10\xaca\x02\x99\x80/\x1b\xc3\xc2\xe4\x10\x08i.s\t\x1b\xc3\xec\x14;\x81\xf8\x90\xd8\xe4\xd0\xf1b\x16\x1f\xbd\xc4-&gt;%\x19\x13R\x02\x99dhav\xe8\xffI\xd9\xd9\xddvv\xb7\x8f ,\x93X?\xfd\xdf\xff\xbd\xf7}\xb1\xed\xb6_\xd6\xd6\xeb\xf5f\xb5u|\\\xcb\xfd\x7fc\xe9\xfa\xf5\xdf\xe7\x1a\xc7\xad\xd3\'\xb5\x03k\xab\xe2\x99\xaa\xfc\xe2\xb7\x7f\xfa\x90&gt;\xc65v7\xf9\xab\xa9\x9b7a{\x98\xe8\xd7\xbf\xfc\x05\xad\x13\xb0hx\xff\xc6\r\xc2"\xaa\xc9\x04\x92\x18\xc9\x85\x9d\xe3\'\x9f&lt;z|\xce\x98\xa71\xcd\xe3-\xcb\x1a\xc0\xe9\x80)7[\x97\x1e\x1b\xbe:\xeaTqV;;n\xd0\x1a\xf6\'\xeb\xf2\xfa~\xf5\xf8l\xbd\x8c\xdb\x1a(V\xa6b\xca\xe6\xce\xe7?\xff\x10s\x90&lt;O\xa6\x9fJ\xde\xc5\xd6:1\x027}\xf0\x1e\xda\x02Q\x01\'\x91\x18\x1dM\x8c\xc4X\x8f\x1e=\xc2Z\x7fy\xf9_;2\xca\x90iZ\xd1\xb2\xb6vv*\x17\xed\xde\xfaf}\xf3\xb4u\xe21\xd6o\x0fzHg\xadu\xd6\xaa\xee\xff\xec\xa7\xd6\x0b\xe5\xb3\x93F\xb3\xd9l\x9c\xbc&gt;T\xb2N\x85\x99\xc8\xe2\xefn\xddz\xef\x831\xa8\x05\xb1\xb0\xbcI\x02k$\x91LNM%\x93\xc9\x91dd\xa9\x91\xf8HT\x1fG\x01\xaag\xe7\xf8c\xc6d\x8d\x83X\xfcNe/\xe3i\xed\xce\xe6&amp;\x14\xab\x1d\xb7/2\x19\xb3{\x80tVk\xadF\xf3\xc7\'`\xa9q\xf9\xfc\xb4\\\xae\xbe\x1az;{V\x96\x07\x96\xac\xef\xed\xde"\x7f\x8f\xddE\x16!\xd6\x14\xdc56\x92$,\x02\x9bJ\x00,\xb2{bd\x8c\xa4\xbb1\xb7\x1c\xc5\xc6\xee\x1e\'\x83JfE\xc5\xb2\xf0z\x1e\xc6\xa3\xd6\xef\xd5`\xfdrn\x13\xce:i\x0f\xfb\x07\xbd\x0e\x95\xe6\x8f\xb4*\xea\n\x97\x8dr\xb9\xd980eggg+[\xach&amp;\\\xbf\xf3\xe9oP|D\x82\x1cN\xdd$\x91\x92\t\x82\x9a\x18\xbd\x8aD\x8c\x15A\xcd\xcdnD\xf1\xf4\x85\xcd\x81I\x96u\xcbR\x8a\x95=\x0cG\xd9qds\xf8r=\x02\xcb\xe5\xca\xcd\xf5\xa3\xb6\xd6\x1d\xbclT\x7f\x88\xe9\xfa5\xaa\xbf\xb3\xd3\\\xb9~t\xa8;\x97g\xb5\xd6V\xc1\xd2&lt;S\x93E\xf5\xfc\x0fh\x96\xc0\xa2$ROMN\x81djb|bbr\x1ch\x13pU\xdc\x1c"\xaa\xd9\x88ky\xd7\xe19\xd5\x94UYR,\x85\xabx\x10\x0bX\x08\x86\x16\x81\x9a\x04Z\xb9\x9c[?;i\xf7\x0f\x07?\xd4\x15\xee\x97[\xa8?\x88\xdb\x18\xf4\xf5\xe1Y\xb3T\xaa\xbf\xca\x16\x02\x8f\xb9\x9a*\xb1\xdd\xf7\xd1,\xa3\x7f\x06B\xa2\t\xe4\x0e\\\x13\xe3q\x90d\x91\xb9F\xd0\xfao\x10\xd5\xfc\xfc\xfc\xc6\xc6W;\x06/\xea:\xc7\xa9[Yk\x0b\xad^\x83Z\x08\x08\xc6\xb4!\xec~\xd4i\xd4H\xb7z\xb5vt\xf2nO\xdd\xafw\x08\xaa\x9c\xab\xf6\x86\xb2\xd9\xae\x95r\xb9\xd2~G\x81\\\x1as\x99\x18\xee\xfdu\x04;{\xa0\x00\x0b\x14Sw\x93\xa3\xc4u\'\xc6JDb\xa1g}&lt;Gb\x11\xd5\xfc\xb3s\xc1\x10D\x04\xc7\x17\xb2\x8aHT\x11\x16\xd4\xc2\x01\xd5\xe9\xf4\xfb\xc3\xe1A\xaf\xd6$\xb2\xfa;\x87r\xbdq\xd6jB\xd2\xf5\x97\x07\xaa\xac\x9d\x9c\x96r\xa5\xd2z\xe7\xd5V!\xcb\x03\xcb5%\xe3\xf5\xe3\xc9(F\x93\xc9\xd1\t\xc0%G\x13\xf4\x00I\x1c\x9f\xa0\n\x04\xd7\\l\xac\xf9(\x96w\xf5\x90\x17\x04I\x10\xb8\xad\x82\x92f\x9a\xc3\x18\x8b\xd5\x8a\xfc\x062\xe6h\x8e\xda\xc7\x0e\xa4Z\xdf\xac\xbf#}\x9b\x9dV\xad\t\xffU_\x1e\xd8\xa2|q\\\x06U\xfd\xe5\xa1\x99Q\x0b\x05K6\x99\xc6tI&lt;\x7f4;\xb9\xb4D\x8d\x9ch\xa8\x04\x91T\xca\xdf$9\x1dX#$V\x9cA\xa2r| \t\x12/\xf0YE\x115\xb2\x94,_a\x91fL&amp;\xc5dU5\xcd\xc3A\xaf\xf3\xbf=\xa1z\xd4(\xc3\xe8\x8d\xde\xa1is\xc3\x93Z\tT\xd5\x81i\x8bj\xa6X(\x84\xban2f\x86\xea\xee\xdc\x12\xc5\xe4\xe8\xd4(\xfdw&gt;\xeaX\xa3q\xb3\xa2\xf6\x9a\x98\x8b\x12\xf8l\x03Pk\xcb\xbb\x9eoH\x92\x14\xf0\x81]\xcc*\xbe\x9b\xc9h\x8e\xf3\x16\x8a\x02\x90\x9a\x06*\x15O\xe1\xf5\xff\xab}\xee\xd7k\xb5\xe6\x93f\xf5\xe8\x15\xaf\x9bf\xfb\xb8\xf6\x04P\xb9\xce\xa1\xce\xf3\x1c\xc7\xd4l\xc1\xb2m\xe2\x12\xfc\xbd\xbf\xcc\x82j|\x1c\x82M\xdc\xb9s\x07]5\x191\x01jldt\x12BR\t&gt;\xdax\xb8\xb6\xf6l\xf7"\x94 \x96\x14\xe0`)y\xb7\x02\xae\x8cGHj\xf4\x13\x01\xc6b\xa9\xd1\xa9\xf3\xfd\xddVi\xbd\xda,\x01K\xc6A\x00\x00\x06\xaaIDAT\xc3E\x07\xa2m:\'X\xd1\x02j\xbf\xde\xebr&lt;aq\xcc/\x14\x02[\x00\x97)\xf8/\xfe&lt;\xffp\t{\n\xb8\x9c\xbe+y\x07\t\x8c\x98\xc6\xa0\x1a\xf6\x1aKK\x0f\xe7\x91\xc2\xb5\xb5\xf9\xc7\xbb\x8e\x11\xf2\xbc\x04\xac@\x0c\x95\x94@by\x00\xcb\x90&lt;\xb2\x1c\xa3|\x17\xcbq\xbe\xf7\x0eE\xae\xde$GuMs\x88UF\x99\xa0J\xe5\xceAD\xc5s"\'\xabJaK0$\xd1\x94mC\xfa\xfa\xd3\xf9\x87\xc0z0=}\x1b\xdb\x1el|&amp;\xa9\xfe@7\x8e\xa7\xe8\xa3\x06\xf3\xb3\x90j\xfe)\xa8\x10\x81D!\xfa\x96\xef\xfb\xba\xebz\x9e\x9b\xa9T2\x8eJd\x11\ns\xdeb\x99\xf2w\xa4\xba\x9f\x8b\xa1\xba\xc3\x93\xd6\x15S\xa9\xde\x19t\x05\x9e\x17E^\x04\x96*\xe7\x0bY\xc9\xf0\r\xc1\xb6\xedP\xfc\xfa\xa35\\\xfd\xc1\xcc\xedi\xfa\x1a\xd24\t79\x89\xf6\xf5`\xe6\xde\xcc\xccC\x8a\xb5\xb5\x8d\xa7\xe7}#0x\xfe\n\xab\xe8\xfb\xa9T*\x1f8\x1e\xe9U\xa9\xb8\xdff\x8e"~\xcc\xe4o\xdf\x06(\x95Ok\xa8\xbd\xc3\x01V1\xfb\xd4\xa8ru@\xea6\x88\xa2~\x03,\x8e\xe9V\xd6\x10|\xf8\x17e\xe5{\x9f?^\xc1\xf5\xa7g\xe8;R\xb7oOO?\x88\xc5\x9b\xb9\x87\xa7gV\xd6 \xd5\xec\xd3\xd7\xf67J\t\x12\n1p\x8dT\x1a`i^\xce\xb8ZD\xa6\xbd\xf5\x97\xac\xc6\x19e\xec\xea\x9d\x9c\xfb\xfbO\xd6;\xbd\x03\xdb&lt;i@\xa7\x12!\xe1\xb4\xab\x0b\x12\xc7\x91P\xaa\xca\x89\xa2*{\x19I)\n\xa1O\x172B\x7f\xe7\x8f\xb3+++\xf49\x0c\xec\xc5\x103@\x9a\xa1\xd3\xc5\x95\xc5\x15`\xcd/\xff\xed\x02M!\xa6\x82\xbbxIF7.\xa6\xf2\xb6\x91\xb6\xd2*\xe7s\xe4\xb0J\xc6\xc3\xc2$\x96,\xe6\x8b\xb0\xa8W=iv\x06\x87\x82\xd9n5#\x99:\xbd\xc1!g\xea\xc8\x1dI\x85\x03\xf3TN\xd6\x98`\x98\xbe%H\xa1\x11\x04\xb0\x8bo\x9c\x7fD\xd7_Y\\XXX\\$.0\xdd\x03\xd5\xc2\xc2g\xc0\x9a}\xf6\xba\x0f\x14C"kF\x0f\xcc\x8c\xc6&lt;.\xe5\x9b\xae\x84L\x8aF\x00&amp;\xd7%,)\x9f\x0f%[u\x88\x0e=,n\xeb\xb9\xf5^W\xb2\x87\x98\xcc\x98\xe3\r\x92I\xb4\xe1$N\x8c\x03~wd=\xb0\xa9\x8c\xecT  -Fh@.\xe1|n\x91ba5\x02#\x95\xe2\xd3\xd5\xcfV\x96\xe6\xde\\\x88\x12\xb9\n\t\xe7\xa3,\xc2\xeaX\x9bj\xb0\xbd\x94O\xa7S\xe9|^`\x99\x0c3\x19\xe8L\xc9\xcf\xa7C\x16\x17\xa7L\x05X*7\x06\xa2\xd8\x7f\x8e!\x03\xa8W]\x1a\xa80\x92\xcc(st\xa7|\x10pf1\x08\x15\xc5\xf2])\x14\xa8\xb2B\x03%\xe5\xf7\xdf&lt;\\\xf8r\x01\x1c\xdb\xdf\x80EP\xab_\xae\xcc~u\xd9\x85L\xb8\x03\x9e\xf2\x87n*\xc8L\xc7Le\xae\x9a\'s\xe5\xc1\x95N\x15yf\xa4\xc4\xcaN\x05\xc1|d6\xce#6\x80\xe5\xd3\xa3C\xa1\xdbn {\xa4\x1axT\xa2\x82Z\x90\x8b\'\xaf\x8b\xbc\xe9q\x86\x94\xce*i\xbd\x92\x01\x16n\x9d\xc8B\xdf\x17\xdf\xfc}uua\x11X\x08\x80\x01nu{{u\xe5\x1f\xaf\xfb\x02\xe1 w\xd4HI*j\xc9\x98\x84\x9a\xeb\n\x11W:\x9d\xf7\xfd\xb4\x957B\xdb\xad\xc4e)Y`\x15\t\x0b\xb3\xaf\xd7\xb5\xdbX\xba\xe4r\x9bG\x07v\xc0s\xb2\xa3r\x14\xba\xaa\xa3cq2g{\xb8\x11\xa5\x90\xb5\x8a\x01\x0f\xd5E`\x19t\xff\x94G\xe9\xf2\x9f_\xac.\xc4XW\xb1\xbd\xfa\xef7C[\x10\xf9+\xa7\x93\xbb`\n\xb1\x18r6&amp;\x9f\xe6\x9az\x18q\xe5MW\x88r\xe9\x87!L\xe1\x07\xa2\xb4\xa5d\xb3y[\xbe\xd6l\x0c\xec\xfe\xf3\xda\x13hU\x1bt\xf9\x00\xf28\x9e\xa3F-\x81\xd39Q\x928\xc7\xb5\xd3\x85lV\xc9Zv\x1a3\xd1c\xa2\x14W&lt;\x85$\xf4/\x9f\x83l\x9b\x82\x98\xb6\xb7\xbfxNP\xe4\xa7  \xbb\x0bT\xcb\xd8V\x14C\x9b3A\xe5\xa2X\xe0xRKW\x8bQ\xbbH\xa7\xac|\xda\xca*):Xi\xffZ\xe7\xc0lc6c\x91\xd0\xa3\xc9\xc7\x07\xe8\x9a\x9e\xa7\xc6\xad\x8a\xe3\x84@wY\x98\xc5\x1aIQ\xb2J\x10r\x9c\xad\xaaL\x08\xae\xb0\xe8\xd70\x8c\x86\x17\xff\xe9\xb9\xecQ\xe4\x86\xe1(&gt;\x96\x84\xf0`\x83Qa\x84\x1a\xb7\xbe\x80\xc0\x95\x8b9\x82o0(\xa0\xce\xa0J]\x9ats\x86\x9c"\xeb\x9c!\x0b\xcb\xb2\x85\x8b\xc0\xa6\xde#$\x81\xa4\xca{\xf2l\x8cg\x98\x0f\xc9\xfa\xe9\xfd?\x05\xb4\xbf\xcf\x1f\x01\xf6\xf5\xf9\xdb\xe3\x0b~g\x9a:\x98\xa4\xd2Vo\xd8\x16&lt;\x13\x95b\x86\x11{\xa8\x15\x8d\x8dd\x03\x12\x04\xeb\xb5\x1f\xb8\x04N\x1f\x03\x9a\xea\xd3\xdbc\x89\xbf\x87\xa7WoJ\x91\x81\xd5\xe6\xa9\x12Z\x15,m+tH\xeb\xca)K#\xcf\xd6\xb62\x88\xd6\xc8w\xbdJ\xb2e\xfd\xfe\xf1\xf3\x17\xd8\xfe\x00J\x03\xb7(\xa9\xf88\xe5MK*LG\x0f\x8f\xe7\xcd8\xc0\xc2\xcfG3iz}\xf1|\x7f\x9b\x0c\xb0\x1c\x0e\x1fxk\x96S\x89\xbf\x87\'\xeeP\xd0\xc3\x89\x85\xf2\xdej\xe1\xa1\xd7\xb93\xdb\xbe\x83jp4\xba\xb5\xa2\x15\x01\x92\xa6^\xa1\xab\x93ea\n\xc6\xe5\x95\xf2\xd5d\xbd\xaa5\xef\xe3\xaa\xd9(c\xbc+X\xb8\xa24s7_\xa6*\x8d\xa3T\x05\x89\xc5HV\x82T\x0eja\xa9e9\xa1sA~\xb0V\xa3EhYh\x88uC\xf6\x04&amp;\xce\x13y-T\xd2c\x0f\x8d\xaa\xac\x11L\xf0nu\xd7\xb2jM;\xf2\xa6&gt;\xe7\xca\n\x96%\xcdv\xafX\xd8#\xfb\xe9\x9c\xb2&lt;\xd4\xc2\xban\x94\xdd\x05v\x9c`A\x1ap\x8cuf\\\xc6\xe8\xf8\xf7\xf1\x82Z\x1f&gt;}\xf9\xfd\xe2i.\x84\x9f\x0e\xac\xc8P\xab\xc3\x17kmX\xf6\x9dX\xa9C\x9f\xd4$\xdb\x1a\xe3\xeb\x90\xdd\xb2%7\x06\xa1\x8bV\xaa\x80h\xd3\xcd\xa6\xe6\xa7\xbb\xfd\xb4\x01\xa6\t)\xa5\x1c\xa4[\xd1\xaa\xa5\xe8\xc8UW\xf3\x05\x07\x82\xfe\xce%\xa6\x0e\x91\xa5\xfaX\xcc\x87\x01\xf0aw\xfa\xfc\xfd\xad$\xcf\xe2\xe1\x94\xecP\x0b\xcd\xb1\xb8\xba\xfd\xa0Z\xb2\xe6&amp;4\x1cK(\x150\xbf\x0f\xcd\x9a\x84A\xd4S(\xa4\x02\x8db\xa7\xfeC\xe9\xb27\x93\xb6m+Xa\x80{\x0eJE(\x81\xfd\xf0&lt;0\xe4+s\x03\xdc\xdd\xde\x90\xb2n\xc5\x9d\x13\x97I\x90\xf6\xf4zn\x0f"q\xc7\xc2\x13/\x18e\xf3\xb6\xbeS\xb94b|\xb4\xd8\xbe\xca\x98\x85\x90J\xcb\x9a\xe9\xcd\xe0\x82K\x0b;\xcfF\xd7\xea\xa0\xd2\x82\rl\x9b\xd6}\x05\x16RR\x0eh\xb7\xe1\x9a\x07\x96s\xa8\x89\x95j\rM\x08\xdf\x8a\x15\xb1.\x88\x85\x19\x93\x86\x8c\x18[\xfe\x01\xfe\xa6c\x07\xfeh\xe5`\x00\x00\x00\x00IEND\xaeB`\x82'</t>
        </is>
      </c>
      <c r="M323" s="3" t="n">
        <v>45492.67721064815</v>
      </c>
    </row>
    <row r="324">
      <c r="A324" t="n">
        <v>929200</v>
      </c>
      <c r="B324" t="n">
        <v>1957</v>
      </c>
      <c r="C324" t="inlineStr">
        <is>
          <t>Cacá</t>
        </is>
      </c>
      <c r="D324" t="inlineStr">
        <is>
          <t>Cacá</t>
        </is>
      </c>
      <c r="E324" t="inlineStr">
        <is>
          <t>ZAG</t>
        </is>
      </c>
      <c r="F324" t="inlineStr">
        <is>
          <t>ZAG</t>
        </is>
      </c>
      <c r="G324" t="inlineStr">
        <is>
          <t>ZAG</t>
        </is>
      </c>
      <c r="H324" t="n">
        <v>185</v>
      </c>
      <c r="I324" t="n">
        <v>25</v>
      </c>
      <c r="J324" s="2" t="n">
        <v>36274</v>
      </c>
      <c r="K324" t="inlineStr">
        <is>
          <t>Right</t>
        </is>
      </c>
      <c r="L32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ff04d9f-8d28-4262-aa2e-5a5c59735b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04*\xc8\x00\x00\x00\tpHYs\x00\x00\x0e\xc4\x00\x00\x0e\xc4\x01\x95+\x0e\x1b\x00\x00\x03\x00PLTE\xf2\xf2\xf2\x12\x0e\x0b\xf1\xef\xeb\x0f\r\x0b\xf4\xf3\xf0\x0e\x0c\x08\xe8\xe7\xe7\xf1\xf0\xec\xf2\xf1\xf1\xf3\xf2\xee\xe9\xe9\xe9\x15\x11\r\xe6\xe6\xe7\xf1\xf0\xf0\xe6\xe5\xe4\x0b\n\x07\xf5\xf4\xf2\xe8\xe7\xe4\xf0\xef\xee\xe2\xe1\xe1\xea\xe9\xe5\xe5\xe5\xe3\\:(\xe0\xdf\xdf\xee\xed\xed\xec\xeb\xe7\xeb\xea\xeaP:.\x11\x11\x0fN6*\x1a\x15\x11E/#\x15\x13\x11S&lt;1E+ \x19\x11\x0c\xee\xec\xe9T3"K*\x1e\xde\xdd\xdcWA7K/"Y7&amp;=*\x1e\x1f\x19\x15pB-7#\x17X3!\xed\xec\xecT?4V5$\xf4\xf0\xecZLGJ2&amp;b&lt;)*\x1a\x11\xdd\xdc\xd9&gt;#\x16kC0\xe2\xe1\xdf]D9[?3P0 XD9&lt;&amp;\x1a\x1a\x17\x15hUOO0$\x82R&lt;2\x1f\x14}P:&lt;*"F)\x1bR7,m@*A&amp;\x1b\xf5\xf1\xed\xe3\xe3\xe3O3&amp;A,\x1flJ8\\G?T0\x1dA-#`PIP=5_=+I-\x1f\xe0\xe0\xdd@/\'$\x1e\x19W9-j&lt;%oL;\x08\x07\x04aME\xf0\xee\xeb_JBS6(\\&lt;/c@.O,\x1b \x15\x0fC3,wR?\x84VBqa\\`@3yVCdPGeD4.\x1b\x10\xf2\xf2\xf0kXQ8\x1f\x14pZRh?*lG5G6/L8/)$!\\7$8\'\x1ekM?q^XH&lt;6tE.mQF\xe4\xe3\xe0\xda\xd9\xd7|M7rQ?WF?gA/qG4k\\Vv\\ReRKX&lt;0f:#RA:b6\x1efWT&amp;\x16\x0eaVU&lt;-\'\x87[H\x80VB&gt;1,xH1bH=aD8xbXyK7hODtB\'a8%6/,KA=lVLB72rUHgF4C$\x16^1\x18QD@bSORIFB*\x1d\x7f]IXICl_\\tL9fZ[~jcvhe\xf5\xf2\xef8\x1b\rK\'\x13F2\']5\x1e0#\x1b+\x1e\x17o?%7*#X,\x16]QM\xd7\xd3\xd2\xbe\xb8\xb7\xd1\xcc\xcc#\x1f\x1fT1\'\x8d^KgF8ud_\x82ng{YF3(!\x9f\x95\x92\x98\x8f\x8c\x8aXChI&lt;k9\x1d\x84bN1+(\x86K,\x86rj&lt;41\x94V6C\x1f\rB;8}g]\x9aY8\xa2`&gt;\x86~}\xc3\xbe\xbd\xa4\x9c\x9afKC\xba\xb3\xb2X3+}F\'.\x14\x08\x80aV\x89tp_6+\x91\x87\x83S(\x13\xc9\xc5\xc5kdc\x89T&lt;\x8cfRzom\x8fP/z@&lt;\xabhF"\r\x06\xb5\xae\xadphj\xb1\xa8\xa6q&lt;9\x91|t\x94\\B\xc6\x8de|ut\xab\xa2\xa1\x83E@\x8aID\x92pX\x86j_i83\xb1tPYTT\xb9}]\x99gM\x98wb\xd0\x9ap\x9e$\x93\xa9\x00\x00 \x00IDATx\xda\xc4\x99oH\x1by\x1a\xc7;\x0cS\x86\x9d\xb5\x01\xef\xce+:N\'\x17\xe4\xacNm#\xd6\xba6\xa9;j\xd3\xba\x0b\xc1\xd0\xd4\xe2x\x1abB6V\x9b\xed\xdeV;\xfd\xa3\xb4F\xeb)\x87\xcd\x9a\xea\xe2AB*T\xd7\xc6\xd0\x17n\x82\xd4?\xb8\x87\xda\x82\x82\xe0\x0b\xf5\xfaN\x0c\xf6M\xed\x9b\x16|!,\xf7&lt;\xbf\xb4p\xefol\x1f4\xc6D\xcd\xc7\xef\xf7\xfb&lt;\xcfo\xf4\xd0\xa1\xff\xafXR\xa9{i,\xf9p\xfd\xc3\x03\x9f\xaf\x80$-=\xf3\xc8\xf4\xcc\xab7o\xdfon\xbe\x7f\xf3\xe6\xd5\xec\xd9/N\xa5\xa7\x1db\xaf\x7f&gt;\xa6\xb4\xf4/J\xb6\xdfl\xbd\x1e\x0b\xadB\xad\xac\xacF"\xab\xe1\xe4\xfa\xe6\xccl\xc9\xe1\xf4\xb4\xcf\xa2\x19\xcb\xa6\x9f\xdd~\xb3\xf4\xec\xc9\x94"q\x1c\'KP\xb2$\xc0\x9b\xa4\xac\x8eE\xb76J\x8e~\x0e.6s\xe6Y8\x14W\x14E\x10\x04\x8e\x17\x05\xc1`\x109N\xa48\x91\x13$I]\x8bm\xde\xfb\xe4\\\xec\xe1\xd9\xa51E\x10EY\x16(\x8a\xe7) \xa2(\x8aa(P\x8e\xa6)N\x10\xa4\x95\xdd\x8d\xc3\x9f\x96+}\xfaEX\x95d\x9e\xa6D\x91fD\x91\x179\x8af\x18\x9a\xd6!\x17\xcd\xd0\x9c\x00\xc2)\xe1\x17\xb3\xa7&gt;\x9dR\x872_EW\x04Q\x16y\x9a\xa6\x19\x1d-\x02\r\xe8D3\r:\x9d\x8e&amp;l\xa2\x08\xbe\xca\x92\xfa\xfc\xed\x9f\xae\x7f\x1a\xc5X\x90\xeaIB\x16\xc5\x14\x15%\n\xe0\x1d*\x057&lt;\x08\xc5\xe8\x1a\x1a\x00\x93&lt;#H\xab\xeb\xb30.&gt;A\xfdq#\xaaJ\x02/\xf2\x8cN\x07A\x12d\xf0K\xe0\x18\xf8\x8c\xe1\x00\x94\xc7\xc7u\xc8\xc5S\x14t\x83\xda\xff\xea\xc8\xc1G\x9f=\xf2\xfe\xa9$\x88\x02\x87\xf1\x069\x04I0`+\x92\xb8S\x8c\x0eT\xa3y\x14\x8e"\x11\x03b%\xbcTr\xd0\\\xec\x91\xa5\x88"\x0b"\x0f\x1c\x1c\xe2p\x06\x03\x12q\x06\xe8D"S*^4\xd1\x8b\xd1Q\xa2,H\xa1w\xf7\x0f\x96\x8b\xbd\x07T\x12Z\x86\x83\x80\xc22p\x0c\xadk\x00\xa5\xb0\x03\x11\x86X\xa8\x03.\x1dp\xc2\xa8\xe0(AM\xce\xa6\xb3\x07\xea`D\x82A\x85^\x91\x89\x00/-\x18(\x12r\x88\xb9\x8e\xe8\xd5\xd0\x90jH\xf8\x1a\xfc*\xfc\r\x04%9\x9bvP\\l\xda\xfd\xadvI\x14)\x8c3\x97J\xb6\x8e2@\xc1#H\xd3\x80\x1d\xc9\x90\xbc\xebR\xf7`~Q\x0c\x9a\r\\\x07\xe5#{v}\x05\xd2.\xe2\xabq\x1f\x86\'DK\xf0$&lt;\x1e\xc9\x80N\x92D\xa1n\xa4/A-\xf4\x9a\xc2)\x06&gt;N\xb3\x07\x95\xf6\x10t\x1c\x0c\x00\x1c\x02\xe8\x1fe\xf0(g\x1e\xc6\xf3k\xf3\xe3\xb7\xe3\x12\xa8\xc6a\x07\x82\x8d\x18.2\xcbPOp\x9b\x13\x05I}=}\x10&gt;\xb2\xa76#\xb0\x92y&gt;\xb5\xfbh\xc6 y\x12\x05\xb7oOfA]\x9a\x9c\xac\xad\xbd\x90x\xe81\x10O\xa9\x94\x85\r$\xfc\x0c~\x87 \xc8\xea\xbb\x92\x03\xe0b7\xc2\xb0\x9a)^\xc4\xc0S\x9c\xe1\xcc\xedK\xf9\x97\x8e\x9d\xce2\xfdf\x1e\xbac6\x99\x8ce7\xf3\x0b\x12g\xbe?_p\xfe\xa1\xc7#\x10\xe5\x182,(&lt;Vp\xa2\xb4\xb2\x95\xa99W\xdat\x12\xceUxV`p\x11K\x89KUU\xd9\xfa\xbe\xe6;^\xbf\x7fyoyy\xfc\xf1\x1ds\x95\xf5\x97o/\x1e?~\xb1\x00\xc9@3\xd2\x86x\x0b7\x10/imF\xeb5\x94\xf6\xe5\x16l\x1c\x8a\x86\xa9\x00)\xf7$\xe2\xc7\xb2\xcd&gt;\xdfHu\xcb\xf8\xf2\xf2\xce\xde\xde\xde\xef\xbf\xef-?\xbe\xe3se\xe4\xe5\x15\xe6\x9c\xbb\xf8u\xc1\xf7\xc4\xd0\xd4hKM9N\x98{v?M\xd3\xb34\xcb\xce\x86\x05A\xa4SB%\xe2\xf9\xa7].\xf7\x88\xdf\xebE*\xc4\xda\x03\xac\x05\x7fkwM\x06V^\xce\xb9+\xdf\x16\x9c\x8f\'&lt;d_\x82\\\x0c\xea%\xaf\xbc8\xac\xe9\x98`O\xad\xc3!\x14\xc4\x12\x94\xc5\x0b\x93\xa7\xab\xea\\5n\xc0jY\x18\x1f\'`\x80\xb63\xde\xe2\xaf\x1eA,x\xcf+,&lt;w\xdc\x9a=\ta\xf3H\x12\xae%\x06\xb0D\xb0Q\xcbi\xcf\xa6m\xb4\xc3\xc0\x02\xaa\xf8T\xedM}\x9f\xd9USSC,$\xb5\x8c5&gt;\xbe\x90\xc2\xaaA\xb4\xbc\xbc\xc6\xc6\xc6:}V\xdbw\x17\xe2q\x08%\xae!8\xc9\xce\xbd;\xa2%V\xe6\xba*\n4#,\xd6\xb6]\xb6\xd9L\xcd\x88\xe5\xae\xae\xf6\x02\x0b\n\xb60\x8eX\xe3\xfeV\x9f\x1b\x9eH\xa1!V\x9f\xd9h4\xde\xac\xbd\xb0\xa8 \x17\xcd\xcb\xf2\xea\x0c\xab\xa1X\xdbO$\x18\x0c\x86\xc5\xf6\xcb6\xc75\x87\xed\xe7\xe6\x9a\x1a\x97\xfb\xb7j\x7f\x0b\xd4\x02!\x1b\x07\x0f\xebG\xdcnB\xf5Q-\xc0\xca-+\xcb\xbd\xdc6\xa5p:\x18\xc2&lt;\xca\xa5\x9dZ_,\x85d\x9e\xe1\xd4\xb0\xddf\xb3\xf7\xf6:\x86\x9a]\x195\xcd\x88\xf5\xd8\xefG.,\x82\x05P)0\xc4\xaa\xaa3"VY\x99\xed\x9f\x8f\x14\xd8\x8dp\xe4\x97\xc7\xb65\x93\x8b\x9d\xeeQ\xe0rB\x08\x15\xd9\x1dE\xa3\xfd\xe5v\xa7\xc9\x9c\x91\x81X0\xb4\xfc~ B\xcd0\xf1\xee\x9aT\xe2\xf3\x00\xcb\xdaX\xa57\x96\x11*\xa7\xa3\xeb\'\x01&amp;14\xa3\xbatT\xb3\xc3\xfb\xab)\xf8\x89\x9c\xb4\x16\xe8\x1f\x1d\xed\xed\xef\xef\x05,W]\xb3\xaf\xba\x1e\xa9\xd0Io\x0b\x8aU\xfda@\xe4A\x15\x16Z\xad\xff\x83\xe5l\xf3@\x1fS\x10\xfb\xc0}\xad\xd4:\xba\x04k\x87\xa7\xa4p4\x99\xec\xb7\x8f"\x96\xa9\xae\xce\x05r\xd5\xd7\xa7\xb0Z\x08V+\xc1\x02$\x80*\xcc\xa9\xb0Ve\x81\x87\xb9\xc62\xcccV\x1c\xe6\x17\xa4^\x0c\xcdh\xb5\x81\xee=\x93D\x9a\xe6\x94\xb1\xdd\xdd\xdd\xe8hy\xf95\x9b)\xb7\xaf\xcf\xd5\xecKqy\x17\x16P-o}ui7\xb8\x88J\xe5\xe4\x9c;Wa\xcd\xce\xd6\x1bs\x8d\xfa\\\xa7\xc3\xee0^H\x08$\xf4\xeaf\xa6F+\xa8d\x0c\x92\xc5\x0b*\xc1\xea\x85\xc8\x9b\xfa\xcc\x04k\xa4\x1a\xb9\xbc-^oK\xb0\xc5;1\xf1\xa0\xdb]L\x86&lt;b\xc18\xcd\xce\xd2\x1b\x11\xeb\x9a\xe3ZYm\\\xe2P\xad\xb9\xd7\x7f\xd6H\xad\xe9v\x9e\xa7au\xec\x03V\xac\xd7\xe1t\xe6"\x96\x19\xb1\xea?b\xb5 \xd6Di7\xc1\x02\xb5rr*R\\z\xbd\xd1y\xcdn\xef\xaaM\xc0\x11\x92\x87\xd8\xefktNe\xb7Cx\xfd\'\xad\x06v\x93\xc9\x98\xddi\xcb5#\x15\xa8E\xb8\x88T\xc1\xa0\xf7\x03V\xf1G\x1b\xad).\x10\xccf\xb7\xdb\x8b\xbeC,\xe0\xe2\xd7f4\xda\x8b3*x(\xca\xa1@2\x96\x0c\xd8m&amp;\x80\x02,r\x82\xc0h\xb5\x04\x07\x9a\x06\x82\xde`\xd0\xd2\xf9\xa0\xf4FqqFa\xe1I\xe0jl\xb4\x02\x16p\x19\xbb\x1c\xc0\xd5F\xd4\x82x\xa9[\x1a\xed\xc5\xb7*Q\x7f%\x10\x8d\xc5b\xa3\xb6\xdc\xbe\xba:\x8c\x16&amp;\xcb\x8fZA\r\x0c45\x05+-\xc3\x83\'\xbe\xb9\x01\\\'\xc1D\xc4"\\\xc6\xae\xa2\xa2^{\x1b\xacF8\x83@\xb8v\xff\xa0\x8d\\/\xe6&gt;\xa8\x15\x0b\x00\x963\xb7\xae\xcfen\x86d\xb5b\xae\x08\xd2\xc0\xc0\xfc@Se\xa5ep\xb0\xe3\xc4\t\xe0\xba\x856VT\x10,}\x19`\xd9\xed\xedSqIV\x05^T\xdf\xfdU\x9b\x11\xb1&gt;GC\xe2\xe7B\xfb\xb1@ \xf6\x1c\xb1\xcc.\xb7\xcfG\xc4B\xa9\x9a\x9a\xe6\xe7\xe7\x01\xae\xb2s\x10\xaa\x03\xf5JM\xae\x8a\n"V\xd7S0\xf1\xf2TB\x11d\x91\x16\xe7\x92\xda\\k\xb0\xef\x14\xf0PVW\x03\x88\x15p\x94\xf5\xb9\xe0\x10\xe8\x1b\xa9\xaf\x9e\xf0z\x83\xe3h\xe1\xfc\xfc\xce\xfc@\x10\xe4\xea\x1c\x06\x1f\x01+#5\xe7+\xb2\xab\xf4\xb9\x80\xf5\xb4\xa8\xb7\x0b\xb0$\x19\xd7\xe2\xbe6\x97\xb2\xe9\xbb2/\x03Vd\x1fM\xecw\x98\xcc\xeen_iu\xbdw\x02F\x03X\x085\xbf\x03XMhcg\xe7`\xc7\r\xcc}\xaa\x1b\xadY\xc6\xb2.g\x11\xb8\xd8\xf5\x93\xaa\xa8\x12\xack9\xbc\xa1\rV\x12\xb0\x145\xb4\xb6\x1f\xc3\xc8;\x87|\xa5\xad\x13\x13^\x0bI{\x13\xda7\x80b!\x96\x05\xe5\x02\x17\x01\x0c\xce\x11\xe4p\x03k\xd1Y\x04\x1b\xcb\x1eY\\\x0c\xa9\x8a\xc0\x89\xe1\rMZ\x91M\n\xbc\xa4\x86"O0\xf2\xd1\xf2\x7f\xddy0\xdci\xb1X*1U`\xdf\xc0K\xe0\xda\xd9\x01\xaa&amp;\xd4\xabsx\xb0\x03r\x0f\x1d\xd9\x8d\x87/\x97\x19V"PE{\x8a"\x91\xd5\xd5\x15E\x94\xd74\xc2\xda\x95EU\r=y\x1e\x08\xf4\xc7\xee\xfe\xf0\xd8\x0b\x9a\x00\x95\xc5\xd2\x94\xea\xc0`%\xd0\xed\x00\xe3K\xd2\x8d\xc3\x10\xfc\x0eR\'JKG|\xcdC6\xe7hy\xff\xd5\x9e\xfe\xa7\xed\xed\xed\x8f\xe6$\xadL&lt;\x95\x84C\xb8\x1a\x1a\x03\xacX\xf4\xee\x8f\x8f\xfd\x13\xad\xad\xd0\x85\x10.H\x17z9l\x81f\x0cZ*_\xbe$6Z\x06\x11\xa8\xbb\x1b\xd5r\x8f\xf8~69\xed\xe5=W{\xa2E\xe1\xc8jH\x91\xe51m\xd4\xfa2 \xca\xd2Jd\xac\x08\xa8\xae\xde\xfd\xc7\x7f\xfa\xac\xc7\xffrl\xf2\xd8\xb1\xd3\xa7\xad\x8dy\xb7\x8aKK\x1f\x0c\x83\xab\x9d\xf8\xde9\xfc\xe0Diq\xf1\xad\xc2\x8a+\xbf\xe4\xe7\x7f]P\xf0\xd5\x15\xbd\xc94\x84X\xd1\xab=O\xdb#\x8f\x10k[\x13\xb52\x930\x07W\xc3E\xcf\x11\xebGgm&lt;!y\xf0\x7f\x16\xd2\x993\x89\xf3\x7f\xbfx\xf2V\xf17\x1d\x98\'\xb4\xedo\xbf\xfez\xf2\xe2W\x05q\x05\xaf\xaa\xf1\xef\x11\x9eD\xad~\xa8\xb7\xfc\x87\xbb\xd1\x7fG\xed`\xe2\xa24\xa7\x11V\xda\xeb9u%\x02\xd1\xea\x87\xdf\x18N\x02\x06\xf2\x97\x11\xb8\x92\x15\xff\xcb\x9a\xf9\xff4}\xe7q|\x97%\x86\x9c1&amp;$#\xcb2=\x90\xc0\x84\xb3VMW\xd6\x86o\x87\xa5\x96\x9ai\xed\x10\x16)\x18\xa0\xc5\xd1\x9e%\x14Pj\x0b\xbd\xc0h\x1b&gt;\xb6L\x1d\xfdb[\xa1\xb4\xd4\x08X\xd3Z\xec\xaa\x11\x85nB\x81\xd6\x96\x16\xa7\x1eP\xe4\x8e\x83\xc0\xb2\x8039\xa20\xef\xf5\xae\xde\xfe\x81\xf6M\xc3\x0f\r\xa4\x0f\x9e\xaf\xd7\xe7\xf5~&gt;_lO\xae\xca\xa8!q\x98\x18\x0e\xf5\xb8\x93\x8ec\xe19v\x93-\xa3c;\xdaR\x96\xa1\r\x04\xfc\xc8\xe0\x99\xf2&lt;\x99\x0c~\xb7\xf0d\xf7\xf7?\x9c\x1az\x13\x1b\xac\x0f~\x83\x86\x9f\xea%Xn\xf6+\x9b\x0c\xa7\xb6\xffi;\x84\xfd\xfd\xf95\x19\x19\x1dU\x1d\xfbI$\x93\xdd\xc1\xa2\xd3\xe9,8\x18P\x91\xf2k:"\x8b\x9b\xe4*\xc8\xfbU\xc9\xfb\xee\xfct\x8e \xeb\x87\xfa\xe7\xf5\xf5v_:5\xb4\xf4Yl\xee\xc4\xdf\x86\x86\x0cS\xd7\xbfS*-\xd7\x1a\xf7\xed\xae\xca\xc8MK`\xb7\xb5\x11\xf1LN*\x87\xc9\xb1\xdb\x17\x1c\xd8{,\x05\x13\xde\xe4\x98L$\xd2QZqqvv\xf1\x9e\xe3\xb9_\x9d\xb9t\xa9\xc9\xd2\xcf\xe5\x8ak\x0b\xbfm\xba\xd4\x18\xb3\x08\x8b\xb0\xba\t\xca\xef,\xbd\x86;\x83\x83\xb9\xa9)\xfaz\xf2\x80\x94\x8e)\x1c\x0e\x05|c\xba\x14\x18\x9d\x8ccE\xb8\x14\n\x8c\x08o1\xf1B\x87P\xe8p\x08\x8b*\x93\xce\x9f3t\xf7\x01\x16T\x91\xd0\xdb4\xd9\xf8\xe4@l\xb0\x9e@\x11\x01\xeb\xe6\xdd\xef\xcf\x9c;\x98\x94\xa0w\xe8a\x86\xa7\xd0hL\x07P(\x1c.\x84\x05\xbd\x15\xa9"\x06\x9cf$a1\x8d\x93\x8d\x17&amp;\x10\xd9\xc3\xcf\xca\x0b\t\xdf*G\xa0\x8a\x96\xc2\xbe\xee\xc9\xc9\xd1\x18e\x8c\x17\x8d\x93\x11\xac\xbes\'s23\x8b\xd2\xed\xa6\xfc\x8c\x8eUhw\x12\x07\xc0\x1cf\x97\x19\xc3I\xa5t\xba\x93\xe5da\n\x85\xd9l\x17\xd4\xe4w$\xafv\xe4\xefOK\xe8)\x95\xd4\x8dX\xc5\xb2\x91\x11.7\xef.\xa1i\xd2\xf04F\xee\xf4\xd5dD-%\xe1DRVV\x81\xc9\xd6Q\x95\\\xf6\xe9\x87e\x1f\xee\xeb\xb0q\xcc\x08\x03\xb0\x06\x06\xe0QDr)@+[\xc6`\xe2Pb\xd9N \xbfpl\xd8(\x0f\xfa\xdc#p\xb8J\x0b\xe1\x9aa\xea\x97\x18a\xfdkj\xc8\xd0D\x90\xd5\x9eUe\xb5\x1f\x13tT\xed6\xfc\xb4\xb3q\xe8\xd3!\xc2\xf9\x1a\x12\xd3\xe1p\x99\xcd\n\x1c\xb5Z\xeb\x8cTQ\x81\xc7\x1f\xcd\xcdQ\x0e=nLL4\xf46\x9e\xba\xb0\'\xb3.\xb8\xe1\xf6YA-\x99\x85p\xdd\xf0\xe6^\x8c\xb0&gt;{\xd3h\xb8v\xb7\xbf\xf6\xac\xba\xb2\xe2hMU\xf2\x0f\xc1\xbe\xed\xe0\x0b\r\xbe\x8dvR*\x11a\x8dw&gt;\xdc\xa2\xe8\xa0\x84\xd0Y\xc2l\xc1\x89\xf0\xda\xa5\xed\xfb\x86\x1ae/j\xef\x0c\x1e\xf9\xabJ\x13\xdc\x00\xbd"X}\x86\xa5/c\x94\x13\xbf\xfc7\x0cyK\xbf\xf8\xac\xba\xe40`u\\\xf4\xf9\xa6\x12\x13\xffv}m\xa3\xb5\x80\xc6\xd3\xbb\\\x80\xb5\xf5zq\xc6\x89\xda\xdd!\xb4\tD\xbe5\xd9\xa9\xdd\xfb\xa6|\xbf{\x04\x1d\x83_\x95ti4V\xb75\x82\xd5\xfbx\xf4\xcf\xb1\xc9c\x1fl{\xd2\xf8\xb8W)\xd6ty*+&gt;?\xd3{&amp;\xb7@\x92\xd7=\xf8\xfd\x89\xbdi\xc5\xbb\x04\x87\x84\x0b\x0b\xaeq\xef\xeb\xcd\x90W\x87\x99\x01\x913k\xa3\xa5\x15\xe4\x1c\xc9\xb8\x90\x94Ul\xdb\x7f\xfc\xf6\xf9\x83*\xa3\\c\xb5r\xc5\xfdJK\xef\x9b\xe7\xf7\xef\xc5\xe0\x7f\xc5qq\xf1\x9f&lt;\xbf&gt;u]\xc9\xbd%\xeeR\xa9\xe0\xb1\xea* \x91\xf6\xdc\xbe\xfd9\xc9\x04\x1f\x9f\xcaq-,\x98u\xfe\xcd\x97\xd3^\x9d\xc2\x0c\x88\x1cS\xda\x83c\xc54R\xbe@ 0\xa5\xb5\xabU\xea,\xb5Gd\xd4X\xc5b\x99\xd2rqd\xa90o4\xea9\x1f\x17\x7f\x7ft\xf4\xd7\x17\xd7\x087o\xf9\xac\x1a\xb9&lt;\x18\x94\x8b\x12RRi\xc5ii\xc5\xc7*\xda+S\\\xa8\x86\xde\xd0\xcb\xb7+\xcb\xbaq\xc4\xb5`?\xfc\xcf\x07\x87\xb3\xe1\x06\xe0dW$\xf0\x86EF\x0f\x9f\xef\x11\xc9\x83\x1a\xaeLVx\xe1\xc8\x85\xe3\xe7\xcf\xbe\xfa$Z\xad\xee\xf92\xd5\x12\xcd5B\xffR\xd8\x17v\xcf\xcdi\x8c\xc3D!&gt;\xbd\x84\xc7S\xaby\x95x\x87Y1\xee\x9cY\x9e\x06,\xbfW7&gt;\x0e\xd3\xc2\xc5I\x9f\x9f\xc7\xe3a\xd2\xa7\'\x14\xb1\xf9\xadFQ\x0f\x1f\xe0\x82A\xb1LV\xfe\x97\xdc\xe3\xbbr\xba\xd6\xbe\x88z\xb7%\x97x\xd4Y\x17\xef\xf6/\xad\x85\xc3\x1bss\xf2\xd6\x866r\x1b\xb9\xb4U$\x1a\xe6\x131\x16@\xcdx\xdfc\xcd\xe8\x9c\xe3,\x90\xcc!\x9c\x9f\'\xea\xf5D"\x11#\xb6\r\x8bD|\xfe\xb0\xc7\xa8\tre\xe2\xf2]i\x05\xbc\xe1CW\x7f\x8e\xd2\xd4\xc4?mW\xabU\x9e\xd3y\\_\xd8\xb7\x01Xs?J\xc9Ri)\x1c\x06\x99\x8ck\xd6\xe9f\x96\xfd~\xff\xca\xcb\x97\xafC\xcb\x88\xcb\xe9\x1c\x1f\xc7\xf4\xe8\x10\xeb\xe9t \xe3\x83qFji\x82AM\x9d\xaa\x84\xc7\xe0\xe1\x03\x87\x9fF7$\xe2\xe3\x1f\x058)Y\xaar\xe5\x88\xcf\x87\xa0&amp;&amp;\xaeh\xa5R\xe9\xc0@)\xa3A\x8al{\'e}=\x14\xfa\x03K\x07/@\xc3\xe0\xe2\xd4c\xf5\x18\x91X\xcff\xb3\x8b\xdeaY5]\xc3\xea\x1e\x06\x9b\x13\xa0\xbd\x88\x8f\x16\xcb\xbe@+Q\xab,\\\xb7\xdb:\'\xbf1q\xe3\nU\xab\xd5\x0e\xa0\xa3\xa5,\x82U\x1e\xdb\xda\x9a\x9e\xfe\x03\x0b\xe4C\\t\x10\x0c#b\xf5\xe8\xb0\xf9l\xa0\xaaCXW\xd5\x9e\xa26&gt;\'`\n\x7f\x1ce\x11\x1f\xd9])\x12uVa\xbf\xd5\xed\x0e\xceM\\\x86(\x01\x87\x8a\xce\xe2\x18\xe4\x9c+@\x15\x9a~\rX\xd3\x805\x03b\xe1\x00\x0b\xfc\x04\x98\t\xac\x9e\x85"c\x1b\xdf#\x91\x03\x95U\x93\xa9\xe6\xe3\x89\x8clS\xc0\x17-\xd6S\x0e\x9e7\x97\xd5~\xba\xffV8\x1c\xf6\xfd\xe72\x10QPP\xa5P\x16\xc7\x1eVS\xb5[[\xeb\xfe\xd0\xca\xe6\xdb\xb7\x9b+\xa1wXN$\x18\xd8\x1c\x0c\xbd\x00\xab\xad\xa7\xe7\x1d\x95U\x9c\xe9i\x13\x12\x19\x87L\xd1\xaa\x15\x17\xff\xeb\xa1y\x8f\xdcSR~\xf3Vx\xed\xc5\xda\xc6\rJK\x0b\xe2\x02\xac\xb1\xb1\xb1E-\x15\xa0B\xd3+\x9b\xa0\xd6\xca\xf42\xd2K\xe7\xa47\xa32\xd2Y\xf0\x05Tdr\x03\x03\x86\xa9\x15\xd4\x96g%\x10\x89\xfa\x9et\x93i-\xba\xde\x8a\xdb\xf1\xb3\xbaRb\xfc{B\x8er\xc4\xbd\xb6\x16\x9e\xb8\x02\xa9\xb9\x13\x95\x912\xf6\xf0\xe1\x18UJ\xf1\x87\xa6\xe1\xac\xbc^Y\x99\x0e\xf9\xfd\x00\xd6\xecd\xa1\x0e\xc3\x81\x8f\xfe?U\xa91\xe8v\xbb}nq\xa5}A\xa1gW\x9a\xf6\xbc\x8a\x8bv\x9c\xca\xdbE\xf3zN\x92\x85k\x85g\xf1\x86\x16rW\'\x12\x0cJ\xf8\xb0Z;0\x06R\x01\xd5\xe6&amp;\x88\x15B\\^\x8a\x96\xc5j\xee\xec\x842F\xb0pRF)\xbaz\x00\xcb\xd7\xc5\xb7\x07\\\x0ea%i\xef\xfdh\xd3\xd8\xd7\x1b&lt;\xb6\xde\xccT\x9f\xae\xb5B\xcb\x7fC\x06{\xdc\xac\xa5R\xdf\xa9\xa5\xfd\xf1\xf7u\x043\xbd\xb9\tp!\x80\xf2z)\xd5R\x05=\xb2\x7f\x03#\x8d\xb4b\x94\xb6\xca\xdfc1\xf0\x01\xbb\x9dSr4\xbc-Z\xac\x7f\xac\xf1\xf4,\x05QT~\xbaN.72\xc8\xf4z\xba\x14%z\xc0\xbaL\xd1N\xfcw\x11\xa6\x02\\&gt;\xeb\xa1u\x98\xaa\xde\xce\xce\x16\xca\xe5\x01\x07\x16YA@\xe4\x07\xaa\x86\xd2V0\x10A\xb7/l52\x84\x01\x9b-Pq\xf2y\xb4q?\xee\xc0/\x1e\xbd\xc2\xcc\x16\x9d8-\x91\x18[\x1b\xc8\xd0-R-Z\xd8T\x8fU\xb7h\xafP\x9b1\x92\x80\xa9\xf3\xc2\x05\xb4\xbcHI\xcf\xaf\x11R/\x7f\xa3\xc7\xde\xc9\x05Tp\x19\x88D\x12\xf0\xcd\xd0\x02VI\x0f\xde6;k\xdbe\x8d\xfa\x7f\xfcq;\xee\xd7\t]\x0bE\xaa\x9c\x13\xcf\xae\x8a\x18\xe8\xef\x97\x0e\xa0=\x12\x15\xb0\xaa\xb5\x9d\xcdX`g\xd9j*\xc6\xea\x9c\xf1v\xa6$\x97\x95\t\xda\xa8\x03pU6#.\xd4\xed\xa5\x1e\x0f\xc2\xd2X\xc3n\xab\xa4\x819\xbb\xba*\xd8\xfbh[\xd4\x06u\xc7\x17V\xe1\x82]\xcf\xcb\xcc\xc9Qy\xf8p\x934\x90\xa1\x88\x91*\x82\\\xcd,s`5\xa3F@\xc3c\xe3\x18\x07&gt;s\xd5\xc6T8\xf4,\x16\x0e\xed\x91\x1a\x1a@*\xd13\x89\xb1\x0e\xb0|KA\t;\xb0\xba:\x9bV\xf8\xfc\xe3\xa8}`\xdcGklW\xc0\x9e\xd2~qo\xa6\x9aW\x04\\md\xe9\x80\x14zh\xac\xa5eQ\xabX\x08\x98\x1e\xf0Jh\xd0\xca\x10\x89fm\xb3\xb6\x80\xdd\x85B6\x0em\x93\x1a&lt;PA\t\xc2\x12C\xcfk\xd4&amp;\x00\'e\x8a\xef\xc7\xc0\x9d\x1e\x18\xf5\xe8\xed\x01{\xc1\xc9\x83{\xdb\xdbK\x8a\xc0B\xf54\x80b\x08\xcb\xeb_\xa4\x839e\x82-\x84\x80o\x03&amp;[ `g\xea\xe98\'&lt;\xb08r\x0f\xd4Ot\x15\xb8\x10\xd6\x92\xb5\xf6\xe8,\xf8Z^f\xf8\xa3\x18\xb8\xf9\x1dOU=\t\xf6@\xea\xc5\x83I\xed\xed\x15\x15\xe9E\xfc\x1ep\\R\x98\\\x8b~\xffz\x0b]/L\xa1\t\xc0@\xd3\x80\xcb\xf6?\xda\xcd\xff\'\xed;\x8f\xe3m\xcc\x1a\xae\x9d\xcd\xc5\xbbQo\x88\xf8\xa1\x95\xa1\xb8\x8f\xc5\xf0e:\x10\x84c\xc8\x91I\x11\xd0 3\x0c\xb1r\xd3R\x03L\xa8\x88q\xebP\x81\x10\x1dw\x06\x1c\xb1\xc5\xdaP=\xae\x9bY8\r\xd7\xda\x12\x9b\xb4\x9c\xb9e\xbd/\x89-%[\xf0.\xbd\xa5\xb9\xc6^\xd3ks\xfd\xed^\xef\x0f\xdd\x7f\xc0\xe7\xa5\x9f(\xfa\xcb#\xcf\xd7\xeb\xf3z\xbd\xde\xef\xf7\xeb\xed\xbc|\xfa\x8f\x7f\xf8\x00\xa5\x06\x14\xf0\x08+\x1e\x07\xae\x84\xef\xd6\xfa\xfa\xba\xf9\xeb\xbfZc\xe2^\xc9\xe3rl\xbbQ\xb6\xb4\xa6\xb3\x82\x7f\\\x0e\x87\x01\xcbd2\xa1#\xa8\xe91\xd4&gt; \xae\x873\x1fS\xb3\x9d\xb8\xd39\xea\xfcz\x14\xcc\xd9\xd9=\xfe\x01\x91\xb2\xden\x9b^\xd9AR\xc5\xa7\xe2\t\xd7\xad\xf5\x1f\xd6\xcd\x97\xbbOm\xab\x95\xdf\x1e+\xc7j\x9f\xf2\xce0?v\xe6\xedfv\x18\xa3\x99B&amp;U\x08\x9d`\x8c\xcd\xcc\x9c\x7f\xf8\xa7\xa7O\xff\xf2\xf0\xfc\xb4u\x80\x89#"\xc5\xe8\xbc\xf0\xbbQ\xe7Z\xfb\xd2\xaf \xde!\xc5C\xe7\x10Gj\xc5\xed\t\xc7\xf0\xfa\xfa-soc\x7f(-\xbbW\x9e\xe5kUN$\xfa\xf5L\x8f\x04\xb0T&amp;\x95J\x0cX\x90$gP\xff\xf7\xf4\xe9\xc3\xf7F\xba\xf8\x1c\xef\x86\x02\x1fU(\x082\x85\xba^\x00\xfdk\x1b\x88\xb5\x1d\xcd#\xa8\xb8=X\xc2R7\x88\x07\xb4e\xc8\x0e%\xbb\x17\x88\x8a\xa9\x03l\xbf\x81FW\xd1\x91Z\xdb\xdb\x10\xf3_|\x04\xd5\xe7\xe1{+t\x86F\xc3`H\x81I\xe1DX\xa3\nu\x03uef\x0c\xb2\xc3\xf6\x0eP\xe5-v\xbb\xdd\xf1{\x88-;\x9fO\xc3\xbe\xbd^&amp;\xaa\x9f~\x92\x8b\xd2Tb-`\xd1ht:M\x1c\x8b\x9d=u\xea\xea\x99?\xff\xeb7W\xc7\x06\x1b\xd6\xd2\xcc\xae\x9e\xb6\xe9v5\xa3\xab\xa5\x9d\xd5\xaa\x10\n\x158\xb3k\xe4\xd4\xd8X\xff\x04\xbc\x86\xf1\xbc\xd9n7;|\xa0V|d\'\x1exPu\xa0LVu/ \x8aN\xe5\xfda\x02\x8b\x1e\x12\xc5b;\xfdg~\xf7}`"f\xe2\xafi\xe4#W\x7f\xfb\xd1/\xcfC\tGG\x04Y\xb5B\x81K5|\xf16\x91\xb2\x12q\xb3\xd9n6;\x86o\x01\xd6D\xe0\xab\xfdC\xe5\xa2:@\xf9\xe4N\xe0\xd2\xa5\xa86L\xc30\x15\xc8\xc5\x8eE\'\xa6\x02\xdf\x07\xa2l,\xada\x88\xaf~ADR\xdb\xb4\xa0P(\xf4\x0c\n\xea[q\\\xca\xe1\xc7\x10T\x02\xb0\xc0\x89A\x84\xb5\x9e\x08\xecm\x95\x8f\n5]\xff\xf9l\x0c\xca\x0f\xf7\x15\x96(:q)\x10\xb0K\x0c|\r}\xe5j\x9b\xa0X,\x0cd\xb3\x85\xac*;P(\x0e\x8eY{\xf1\r/C&lt;u\xe9\x12`\xd9-f{P\xe6\x02\xacg\x8fo\xbc[\xd6\xd1~\xe0\xca\xfdoQ\x8f\xb00:\rc\xa3=\x85@\x82\xedv\xa7\xe9\x13\x9f\r\xb6d\xb3Y9K\x0eX\xd9\x82\x15\x12\xdb\xd9\xfe\x18\x1f\xf7\xea\xb8\xaf\xb0\xc0\x82\t\x17\xbc\x89\xbb\xc7\xca&gt;\x1aH\xf9\xf9\xa7\xd7w%\x18\r\xa3!,Q4\xefr\x99\xd3:%}\xa7\xbf\'+\x97\xb7\xc3#7\x99\xe4\xd9,P\xa9Lg\xa7bk^\xa3\xc7\xee\x02K@\xc0C\xda\xf2\x81Z\xb9\xd7\xc9\x98\xa4\xa4\xeck\r\x1e46\xc9\x05\xac\xb8\xc3\xc1\xe6H\xa5\xaa\x15j=\x8b\xa5Vc\x89@\x02\x12z^\xd5\xc0d5\xb0\xe4\xe2\x10\x93\x936 \xac\x84\xac$\x16\xc2\xba\x7f\x98\x94\xc9\xd3\x1b2\x94!h\x84ZqG\x02\x93J\x99\x03\x03,\xb5s\xfe\xdf\xc2I\x99\xc3\xa2\xb5h\xb5\xc6M\xf8\xe0T\xe0\x0c~\x9a\xcf-a\x05\xc1d\x0e\x1f\x14\xc5\xadjR\xb0\x8e\xeez@-\x08/L\x94\xcf\x07-\xd8\x9azM\xea\x04\x13*\x8c\x86|"\x9f\xcf\x8b\xc4\x05\x16S\xad\x96\xe2\n)\x83\xafb\xe7\x13\xc0\xe5\x90\x819\\ \xd7\x0f$\x8d\x0fW\xef\x13N\xc40.\xc4\x96]D\xd7\xa8q\x85R\x05I\xa1\xf8\xf2\xe5\x13\xc2\x1e=yY,f\x99\xea5&amp;\x83Og\x83Z\x01\x97\xeb\x15\xd6\xec\xf0\xde;\xa4PQ*\xff\xa9\xf7x\xe8\x1e\xe0B^\x8c\xd2\x98j\x8e\xd1\x10%p\x08{\xfe\xfc9\xe2*\xc8\xf9]\xf2\x12V`\xd1\x07r!\xc1 \xe6so\x904\xd4|\xfd\x96\xc7\xa3\xa2\xa3\xa0\x17\xe5\x01\x8b\xc1L{\xd8\xf9)\xe0y\xf1\xe2\xc5\xf3\xe7\xe8\x01\xac\x97Vh3\x06\xba\xbah\x92WX\x0e\xc2\x8f\xbe\xe1;GI\x1a\x01\x7f\xeb\x99\xc1\x83\xa6ST\\\xa4\x16\xc6\xe7\xd3A\xb7\xed\xfeG/~\xc4z\xf4\x08\x92\xfd\xf6\xc8\x88\xd5*6a\x12\x8bkqq\x91\x08.\x88\xf9\xe1\xe1;\x87\xc9\xa1:pl7I`\xd1\xc4\xa2XT\x84\xd1U&amp;\xa2\xf7z\x02r\x81P\xc8\x9e\xc0\xbahfep\xf0\xec\x88X\xa4\x05\xac\xbf\xfbJX\xc1\xd9\xe1\xd9\xfbo\x92\x84\xf5\xb3\xddU\x83\x07\x8c\x86\x89E"\xb6\x87n\xb2\x9a\xd0\xf4\xc8t\x1bq\x90\xff\x125Y3\xf0LO\xaf\x8cm\x8b\xb4Z3R\xcb\x812\x84=8\xeb\x90\xdd?I\x12\xd6\xfb{\xabI\x03\x81\xc5f\xb3\xa1\x10\x85\xacTXp\x0c\n\xc0\x8a\xe3\x82bc\xb1\xd8#\xe8\x11\x08\xa6\xa1\xa5\xd9\x11I\xb4\xd06,\xfa\x00\x0b\xf2\xbc\xc3a\x0f\xfe\xb7\x9a$\xac\xa3{\xab\xa90\xc1\xc5%\xb0T\xb0\x0e\x1aol\xae\xaf\xefn\xef\xed\xec\xed\xec\xece\x9d\xeen\xa6\n\xa6a\xd5Z\xc2\xf2!\x1f\xeaQ\xa96[d\xfbUda\xe5V\xfd\xe1p\xd8\xe31 ,\xe8\xbd\x06\x1a\xc7\xc7\x9b\xbb\xdbO\x9ff\x11\xe7\xad\xac\xf6\xee\xe6\xe6%\xc1\xc7\xd0-\xc7\xd8\x12K\t+\xa8\xd7\x07\x83z-\x89X\xef#\xac\xc9p\xd8`@\\\xd0\xd9\xab\n-h\xff\xbd\x1b\xb8:Y\xac\xf6z\x80ZZ*.\xf5X\xc5\xc4\xfc\xa4\xc3\x07!\x05Xz\xb3Vbq&lt;&amp;\xe9\xce\x16\xe5u\x02\xcb=\t\x92\xb1%\xd0\xe5\x00W\xb6\x1b\x1d\x0b\x00X\x89j|i|\xbc\xa5e@\x05\xc1\'\xb1\x04g}.D\xc5\xd3j%"\xcb\xdcc\xb2n\xae\x1c\xca\xad&amp;/\xba\x97m\x93~\xbfD\xe2g\x1b\x0c\x98\xaa\x80\xc4\xea\xee\xae\x87\x96\xab@`Q\x1b[\x1aM!.[\xa2\xb5\xcb\x08\xadx)?\x1b&gt;Z\xe6\x1e\x90\x85u\xf8\x0e`M\xba\x17\x16&amp;\xfd) c\xa3\xe1\xd3\xd2)\n\xd5\n\x06\xf1\x0f`hz8\x04\t\x04\xcd&gt;8\x82\xe6\x14\x04#TQR\xb1\xee\xaf\xae^\x9c\xb4\xd9"\x0b\x93\xc9TJ\xcb\xe5\xb2\xc5\xc0\xd2H5YGFFz\xd0&lt;3u\x9c\x18\xb46a\x98!\x0cX2\xbd\x1f\x02\x11U+\x89v\xee\xc1\x01R\xb1\x96\x01ka9\xccK\xb9m\x1eZ(\x16\x83JcE\xf5\xc6J\xedi\xac\xaf\x07\x1f\xb6\xcb\x19J\xa5\xd2vmv\xce\x0cTh\xadD7\xb0\xb5s[$b!\'\xda\x16"\x91\x05w\xd8\xbf|;\x13I\x87D&amp;S\xa8K\xa5\xa23\xa1\x9b\x81\x0e\x8c\xc9\x94\xe2\xb8p\xa8\xaf\xef\x1b\xde\x1c\x0f\xa4\xa2\xf3\x1b\xf8]P;\xb5\xb3$b\xf1\x92\x17\xff\xe66\x1a#\x91\x88\xcdmX&gt;\xd7\xd7\xe7\xd5\xf1\x19\x8c4\xf4\xa9\x1aXUo\xce\xcf\x0b\x85\x9b\xf3CCCGjo^X\xe5A\xe6M3\x99\xcc\x06T\xd2%\xe4\xa9u\xe8\x0e\x8fP\x0b\xb8\x94\x11\x9b\xcdv\xb3\xae\xaeossscc~~cS84t\xfc`i\xb6\xe6\xc8\x91\x9a\x8e\x9bw\xc3n7\x9f\xa1Q\xaf\xa1\x9e\x90F&gt;\xd6r$b4*3\xc0u\xae\x03]\xe7\xacmj:\x0eO\x13\xba9S\x8b\xae\xf6\xbcVSQ\xd1q\xee\xae;\x9d\xd6H\xd5\xadj5\xc2\xe2\x92\x18[\x87r\xa9\xd5\x8b\xcbw3\x99\x08`e\x8c\xb6H_\x1d\xba1\x80\x88jA"`j:N\x0c\xc5\xd7\xd4\xd4\x9d[H\xeb4kR)\x14%\xc0\xf2p\xfdW\xc8\xc2\x82\x9a\xc8\xe3%\'\x97/@\xa8\x03\x96\xd2h\xfb\xa6\xaf\xa3\xa3\xae\xae\xa3\xf6 q\xb3\xb3t\xab\x8d\xa0\xaa\xed\xcb\x18uh\xda\rW8\xe15\xe0{\x0c\xfe+d%\x88\x03o\xe4x)p\xe2B$\xa3\x04\xac\x8c\xcd\xb6p\xbb\xa9\xa3\xae\xe2HM\x05\xb8\xed q_\x11]eC\xb3\xfa@\xa5\xe1\xe0\xa3\n\xa1\x10\x97\xaa\xc9\xc6\xda\xe3\xa5\x92\x93w\xe1=Tz\xbd^P\xcb\x16\xb9}\xb3\xa9\xa2\x86\xb8`]\xf1\xe3u\xdc#\xb5}\x1b\x19#C\xa7\xc1\x01j^\xe8l]c\xa4\xdd\x86$iX\x94Ow\x11\x16\xa8\x15Q*\xe1\xdbh\x83\x14v\xe1\x1cD{-\xb8\xee\xb5\n\xe2\x1a\x1b\x9a\x84\xdb\x00dp\xa1B!\x9c\'\xb0tF\x84EJ\xa9\xa6P(7\xf6\xe6x&lt;\x7f\xd8m\xb3\x19\x95JoF\x191\xc2\xaf\xb6\xcc\xc6F\xe9\xba$\xa4\xab\xa1y\xb4\x19\x88\xe3\x80l\x04\xb1@-\xa1\x02\x97J9Fw8\xa9\xdf/\xff\xa5IJe\xf5\xc9\xb7\x9e\xa5\xae\xe9\x01\xcb\x03\x89\x8bp"\xe4.\xe0\x02\x87"U\x08C\x18@\x05\xff\xd3!\x1f\xa2\xbdT\xb4\x07\xa7\x84\x9a\x90\xe4\xe5\xde-+\x17\xa5\xb2\xb2\xb2\xaa\xba\xfa\xc3{\xbc\xe45\x9e&gt;\x15\xf6\xd8\x90\x13\x91\x01\x16B\x84\xc5\xfd\xe8\xe8w\xf0El7\xe3R/\xee\xe5\xa4u\xc4_\t,\xaf\x0eJB85\x9b\xbb\xf1f\xf9\xb8\xaa\xaaO\x9e\xac\x02;\xb1\xb5\x9a\xbar\r\xba\'\x83\x1b\x92\xbc\x0e\x99\x11\xbc\x88\xb88\xc4V\x84\x02\x99\xd3\xd9*\xc5A,\x06\xca\x0e\xf0\x19\xd4\xf3z\x8dn\xc8[\x16\xb3\xff\xcb\xfd2\xed\xd9P*\xabN\xfc\xe2\xc4O(\xf0\xf3\xc3-\x1e\xefs\x84\xc5\xf5@\xf5\xd1it\x0c\x86\x86\x01\xb1\x05\xe9\x82\xa3\x06k}eR\xa9\x97\xa3\x81\xff\x01\xd6\xe8&amp;\xe4\x07\x1c\x85\x96\xe7\xff\xad\x9c\xddk\x1b\xe9\x15\xc6\x85\x103\x96\x90\x07\xcb\x92\xd0G\x10\x83\x85d\xadlH\x1c)C\x05\xda\xaa\xa6"D\xc6\x1a\tG\x1b\xa4\x90\x8b(\x02S\xe8\xcd\n\n6\x0e5H\x10([B\xc8\xc2\xb2w\r\x81\x90\xac\xa9Ybj\xb6\x04\x7f\xb0PHn\x0b{a\'\xe9E\t.\xf8&amp;\xe4*\x7f@\x9f\xe7\xbc3\x96\x93Mi\xb6\xdbckl\xc9\x82\xf9\xe59\xcf9\xef\x19Io&gt;\xb9u\xe3\xb3[\xabw\x8f\xa2\xff\x87\xed\xafpT|\xb2\xdb\xf5\xfb&amp;\xf8\x16\xff\xd1\xa3\x9d\xbb;\x7f\xc6\xa8B\xac\xab\xcdV:\xdd4\xb79M&lt;\x99\xdd\xa8\xa5k\xb5\xc5\x07D[\xdc\x98\x9dw\xb0.\xfe\xe2\xaf\x9f\x7f.X\xdbX\x13\x97&gt;[\xbar\xefM\xa9\x13M\xfe\xbc\xb7V\xc6\xe8(\xbd\xaf\x03\xcb\'ofl\x02\xeb\xc2\xc3\xdb\x9cl\xc0\x85\xb5e\xf6R\xeb*\xb8.5\xdb\xed\xe9\x1ac\xf1\xc1\x83\x8dE\x87\x8a\x1f\x97\xbdx\xf6\xe2wgg[\xe6\n\xe6\xc0\x1b\xd7\x7fu~\xfdm\t1\xf8\x19`d\x8aO\xea\xba\xcf\xafC-\xc4X\xe6`\xe7\x0e\x92\x08,\xf6\xf9\'(\xc6\xa7O\xd1\xa0\xae~\xd92\xf3\xf9i\x15\xb5\x1a\x96\xc1f\xdalo\xc8\xc2\x03\xac\x8b\xf3\xd0\xd4\x12\xac\xa5+\xeboJ\xb9N\xa9\x94+\x1b\xff\xd3+pc\xf0yr.\xae\xeb\xa7\xb0&lt;\xbe7w\x15\xd6\xfd\xaf\xfe\xf4\xe4\xc9S,@7\xbf\xc3\xf1\xcbKW\xad\xfct\xde\xa1\xaa-\xcec\x92\xc9\xa7\xd3L\xe8Y4\x0b\xdc5\xad\x14\xa7\xe6\xebK\xab\xdf\xec\x95:9\xe85\x1c\x96\x8c\xf8O4\x19\xfc\x1d\x07\x13\x8a\xaf\xdb%\x95.\xde\xf2LL\xec&gt;\xa6\xe5\xef\xfd\xf0\xf7\xaf0\xd9\x98(\xc4K\\\x81Z-\x0bX\x95\xca\xf4\xf2\xf2\xf2_\xf8:jz\xa3F,Xmq~~Q\xbd\x04\x87\xcbpbm\x1e)\xac\xdd\xdd\xe107\xf8)\xeeg\xe3\x9c\x13\xa8I\x1dX\xf0\x15\xb1h.O\xf7\xf9\xce#L\x10\xc0\xfaM*e\x99\xc0zr\x13b\x99\x8dj\xa5RY\xe6\xd7\xf2r{q\x11F\xcb\xb7q\xe9/vK\xab\xe9T\xa9\xb5r0\xec\x00+W\x1a\x02\x0b`\xf6G\x83M\xce%\x93\xf1I\xa1\x1a\xa7Z\xe4\xf2OL\xf8\xc6&amp;&lt;\x13\xbe\xdd\xe3\x9d\x0b\xf7\xd6\x7f\xb8\xbf\xb2\x9a\xb2\xb6\xcd\x16\xc6\x88\xa7X\x83\xac^\x83\x1b\xec$\x96\xdb\xc8\xe0r\xa5\x02\xaei^h+\xac\x86\xa8\xf5\xf5\xedo^\xe6:e`\xe5\x86\xbb\xc8#\xd0J\xf6G|\xbcY\t\xe5\xa4\x0fD]\x07\x0b\xd6\xc27\xb0\xbc/\xbf\xc5\x95\xcf\xfa\xca\xea\x99^\xc3D\xbd\xb5n\xce\x9aV\xbe\xc2\xedu\xd9J\x96\x97\xb1\x95\xfcF\xbbr9\x9b]\x16\xab\xc1p\xb8\xf0Pj}\xf2\xe9\xd7\x0f!\xd6\xa0\xdc\xc9ur\xc3a\xa74\x94\xc8\x19s\xe3\xff\r*\t\xa5\xba]\xa6\x8fL^\xc1\xd2}\x12\xe2\xae\xf1\xcc\xf3\x9du\x0c\xf3g\xa6\x16RV\xcb\xb4\xcct\xbe\xda\xc8\x9e+\x14\n3\xe7\x18\x05p\xd5\xaa\xb8\xb8\xce*\xaa|\xbe\x9dn6MKa\xdd\xda&lt;\xb2\x07\xc0B\x1e\x87%b\xb1Y\x94\x00\x16\x1f\xff\x08K\xe9^\x16\xa0\x0e*\xef\x89\\&gt;_\x1fj\xa1k\xe0\xdag\xfd\xfe\xca\xd4\xb5Tj\xdbD[\xc8s\xcf&amp;\xa4:\xb7\xb6F,\x1c*\xb5\x06\xb7r\xb6\xf3\xf9j\xbe\xb6\xb1\xd1\x9c\xe5{\x8d\xe66.}&gt;\xb9\xf3\xbac\x18Q\xc1bP\xae\x92\xa0\xfdG\xc5\x04\n\r\x1d~\xd2\x9d\x00\x92\x97Q\xdf\xeaS,\xe9\xa8\x9e\xf1q\xe3\xf5\xb7\xeb\xabS\xb8,\xdc\xc6\x8c\x90\xc6\x19\xf3\xd5\xca\xe5\xcb\x10\xe8r\xb6\xb06s\xaePiW\xb3\xd9\xea4?\xfe\xd9D\xbbGp3\xc9v\xea\xfc\x95\xbbor\x03#J\xb9\xca\x9dR\xa7#R\xc1f,\x81N\x0c`c\x1f\x84\x92\xca;\r%\\]o\xd1\x0f\xc7O0\x8b\xcc\xe3\xe4d\xe2\xe8\xf8\x16\xdf&amp;C%\xf2\xa4h\x01\xe9\x99k\x00\x00\x051IDAT\xf4f\x1b\xf6*\x14\xb2\x85\x99\x19\xfe\x17\x02m\xe8\xd4n\xb7\xd3\xe8\xab\xe8\xf7-\xe6\xd0\xb2V\xd7\xff\xf5:l\x08\x15B\xf2(I$\x16n\x88\xf7\xc1\xb0\xc6\xcc\x89\xa3\xbazW\x11\xe9~%U\xc6\xab\xb8|\'X\xe3|n\xe9\xf9\x1f\xce,,p\xf3\xa1\xd9l\xca\x80\xd3\x84fU\x90q\x97\x1d\xec\x04?5!\xd5\xcdy\xe6\xcf\xb2\xf0D\xeb\xe1\xc1QP\x03V4:(C\xafA\x19\xe9cI\x92\x08\xd5I\xd0\xb2\xf1\xceV]Yc\xc4\xdc\xaeP\x82\xa5\x17\xbd\xddb\xd1\xeb-\x16u\x91\x0bPJ\xae\xb9x`\xff\xd5\xf5\x85\x1e\xc4\xe9U\xaby\xb4\xd5K(Jx\t\xc1\x8d\xb8y\xc0\x8a\x8e\xb3M\x8b\x8f6\x16\xac+\xc7\xafc\x80\x92\x80`\x9dr\x14\x8e\xcf92\x01H\n\x01\xc9\r\x9d\xf2X\xdc5\x14\xc9\xfc\x0e\x9b\xd8\nHE\x88\x85b\x14\xac\tw\xa9L\xce\r\xf6\x0en\\\x93M\xdd\xd9B\xa3\nM\xe0%\x9a\\\xb2\x97\xde\x10W5\x9b$\xcd~\x9f\xba\xb2\xf9v7hh\xa1\x90\xcb\x05\x8c\\II%2\x95\x07x\xac,\xf9\x1d\xa5R\xffP@&amp;\xc2)\xac\xae\xae:\x84\xca"\xb0\x02\x81dy\xef\x9f/\xae\xfdc\xa6@\xcdz\x8d*V\x1b\x93P\xa6\xc9\xfe\x89\xf9\x81Tt\\o\xea\xces@ECF H\xa8\x10\xe5\xb2c9\x15\xb1\xb2h50\x06ND\x07.\x98K\xe2-\x9e\xc2\x92\xa4zOc\t\xd8\x98\x83\xa5i\x01\xad\xb4\xf7\xeaw\xbf\xec\xf5\n\xdc \t.%\x98\x84e61\xcc\x90\xaa\xfa\xc7\xcdg\xfbA\x07($TF\xd40\x88\x15\xcb\xc5\xf0\xcd\x02(K\x81\x02):\x08\xc1|\x86&amp;\x9d\xff\x04\xcb\xeb"\xb9\x87\xf7\xb0|\x9e&gt;\xb1&amp;\x05K3\x82\xc1\xd8\xd1\xdb\xe3\x0bS\x8d\xef\xd7\xd6fz\r\x8b6j4\xb0\x00\x01\xab\x05\xaaFca\xe9\xf1\xdb};\x88 \x94\x84a\x0c\x00F\xb1b\xe1\x18\x83\xc9\xb3Y\x0b\xf8\xe3\x00\x87(\x8e\xd1\x08\x1a\xec\x8f\xb0\x80\xe1X\xcc\xab\x92\xc99B\xd6\xa0&gt;\xa08\xf2\x04\xc8\xc5\xd3\xd9\xc3\xc3g\xc7_\x9c\x97\xba\xb4R\xbd\x1ew\xbc\xf6z|ii{u\xe9o\xaf^\x0eAD\xb1Bn\xe0\xfc\x86\x1d\x16\xaa0\xb9\x00\x15\xa5\x80\x825zV(\xe1q}&gt;\xc2:\xc9"\xe6e\xca&amp;\x98\xe4\xf2\xf7uba5\x07\x17\xb3\x11\xb4\rmx\xf8\xf6`\xf3\xc6T\xaaZ-\xcc\xac!\n\rk\xe5\xf6\xa3\xe3g{\xbbA\xa0kF\xc4\xd0F\x11\x8c\x86\xa2aqU\x8cX\xd4\x8ay\x8b\x8a\x9c\x91\x88s\xc0\xed\x14Vw\x84\xa3\xb2\xe8`\xf1\x19@\xe3,\xa1sf\x05\x16\x04\x0b\xe2$\xb0\t\x92d\xe7\xf6\xf7\x9e\x1f\xfc\xf6\xd7_\\\x7f\xf1\xe2\xd3\xeb\xbf\x7f|\xf0\xec\xe5~\xce\x00\x94\x90\x18Z@~\x06D\xdf\xa0\x11\xce\x89\xab\x9c\x14\xda\xf6\x80Z\x89\x9e\xa0\x890\x12\x91D\xc23\xb2\x92\xdbM\xd9\xb5\xd0N\xd9\xbe\x1c\xa9\xeaE%W\x9fi\x941#\x99t\xf2\x08\x8f\x89l\xa5\xfd\xa3\xc3\xc3\xc3\xbd\x97\x87\xfb\xbb9\x1b\x8f\x86B\x1ar\x1d\xe0\xcd\xe1B\xe7\n\x05aw21\x81\xe1r9lG\xed\x81\xa1\n"\xe42\xe1\xa6\xb0\xfcJ\x97\x91R]\xc9\xe9I\x06\x8b\xf5"3\xec\xf7\xeb\xfd~\x1f\\\xf1\xb98\xa7\x8d\xa4k1\xf9\x81oj\xe7dW\x81\x04$D*\xa1\n9T\xe2\xacpX\xaa/\xea\xd6\x83\x10E28&amp;2\x19\x8f\xcaQ\xd7\xf5z\xf7\x03V+n\x11\xcb\xcf?\xf8\xfb\xca\xf7J240\xa5\x84\xa4\xd3\xb6\ratH5\x07\xc7q\x15\xbbD\xd4\x0e\x83J\x95!\xc8\x06\xb6`\x854M\xb9\x8a`\xc4\xcad\x12\x1e\xb7\xb7\x9f\x1cxz\xbf\x1f\x1d\xde\xaf\x1e\xf0\xeb\xf5\xad:\x1eAt\x05k\xdc\xc1\x12\xc5\xc8%:\x9dHt:\x02.\x13\xcdO(2Q-R\x11\xcb\xf1\x952\xba\x08\xf5&gt;\x96\xff\xe47\xf4\x83\xfa\t\x16\x08\x05Ku\x0c]\x9fT\xa1\xc7\x95\\\x81w9\x82\xef\xa4\xcfI\xa1\x16\x92&amp;Z&amp;\x90J!o\x98\t\x81\xc5\x14jTj\x84\x95 \x16\xcfG\x88b]\x18\x04\x10Xu\x17\x8b\x8b\xb5\xcf\x01.r2\xec\xca\x9c\xafg\x92l\x14\x81\x80\x16\xf8\x11\x16\x0f#&amp;ba\xd1\xeb8B\xe5\\\xac\xb0`\x85\x84K;q{&amp;\x91\x888Xu\xa1!I}\x8bh(&lt;\xbf\xd3Q\xf1\x93\x17\x8art\x06\xb1L&amp;\xd3\x8ds\x92`=J\xafP@\xa7\xe1\xde\x15/\xa8\xb2\'\xed\xca\xc1b\x06\x11\xc4"\xb6&amp;\xe5\x17\x91\xfc%\xa0V\x86X\x18\xf5\xe8\xa1\xba\xae\xb0\xb6\x04K=\x86^\xc5\x16\xcf\xcbX\xdc\xdfr\xb9\x92p\x16\xe34\xd7\xfbA?Is\xb3cJ%\xa7Y\x89\xad\xc2\xc2$\xdd\x1dH\x1a{\x15\x81\x80\xc5\x7f5\xb0p\xe2\xe2\xc8X&lt;y]\xa9\xc5_\x85\x89XrGU+\xb8\x92\x00Kf\xe6T\x03s\x96\xa2w\xc5\n:\xe5\x88\xa5&amp;&lt;\xca\xde\x08*\xcc\x85\x10R\xc1W\xe8\x0c\x9a\xa4/\x93\x91\x83\x84\xc7O,\xa7\xfc(\x0f\xb2\xb9%V+\xd6\x9d\xf4\xf9\x1do\xf9\xddn\x9b\x01Q \x10\t$\x93n-:\x1c\x90\xc7p\xfd\xc5\xdc\xd9j=v\x88$w1\x10\x01\xcb\xb0Y\x06\xcc\x1e\x96\'iX\x11\x88\x14It\x1d\xb5\xfe\rq\x16\xae+[\x1b\x90m\x00\x00\x00\x00IEND\xaeB`\x82'</t>
        </is>
      </c>
      <c r="M324" s="3" t="n">
        <v>45492.67820601852</v>
      </c>
    </row>
    <row r="325">
      <c r="A325" t="n">
        <v>930690</v>
      </c>
      <c r="B325" t="n">
        <v>1977</v>
      </c>
      <c r="C325" t="inlineStr">
        <is>
          <t>Fausto Vera</t>
        </is>
      </c>
      <c r="D325" t="inlineStr">
        <is>
          <t>Fausto Vera</t>
        </is>
      </c>
      <c r="E325" t="inlineStr">
        <is>
          <t>VOL</t>
        </is>
      </c>
      <c r="F325" t="inlineStr">
        <is>
          <t>VOL</t>
        </is>
      </c>
      <c r="G325" t="inlineStr">
        <is>
          <t>VOL/MC</t>
        </is>
      </c>
      <c r="H325" t="n">
        <v>181</v>
      </c>
      <c r="I325" t="n">
        <v>5</v>
      </c>
      <c r="J325" s="2" t="n">
        <v>36610</v>
      </c>
      <c r="K325" t="inlineStr">
        <is>
          <t>Right</t>
        </is>
      </c>
      <c r="L32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fda161ea-debd-4ce0-8979-34e0529764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4\xa2\x901\x00\x00\x00\tpHYs\x00\x00\x0e\xc4\x00\x00\x0e\xc4\x01\x95+\x0e\x1b\x00\x00\x03\x00PLTE\xff\xff\xff#"&amp;&amp;$)\x16\x0f\r\x12\x11\x13\x16\x14\x17\x14\x12\x15\xff\xff\xfe\x0e\x0e\x0f\x11\x10\x11\x19\x17\x1a!\x1f# \x19\x16\xb3\x85d\xd4\xd6\xdb\xe7\xea\xec$\x1c\x1a\x9apV\xb1\x84c\xe9\xed\xef,$ \x19\x12\x10\x13\x0c\n\x97lS\xbc\x8dm\x0c\x08\x06\xb4\x87e\xb6\x88g\x1e\x1d \x1c\x1a\x1d\xe5\xe8\xebN6*\xe1\xe4\xe8\xba\x8aj( \x1d]&lt;,U8)\x9esXQ3&amp;\xc6\x98{\xad\x82c\xd0\xd1\xd5O:0\xe7\xeb\xef]H?\xa9\x7fb\xd9\xd9\xdd\xeb\xef\xf1\xc9\xcb\xd0\xfe\xfd\xfd{WB\xa5rT\x0e\x0b\x0b1\x1d\x14G2) \x16\x12cMC0(%\x1b\x16\x14mI7}[I\xa5{`\xc9\xc9\xcd\xcf\xa0\x82\xcd\x9c}vR?P&gt;6\xd3\xd4\xd8eH9\xc5\xc7\xcc6 \x17|f]\x8caI\xb7\x8aj\xde\xe1\xe5\xc1\x92s`@/\xcc\xcd\xd2\xc5\x95v\xd3\xa4\x86\xf5\xf2\xf2\x93iQ\xb3\x7f^\xb9\x86e:%\x1cM1$\xa0w]91.\xcb\x98w\xb2\x8dv\x85]F\xae\x84f\xc8\x9b~eQI\xbd\xbd\xc2WA7Z8)\xc9\x9f\x84\xb7\x83a)(,\x81ZD\xbd\x90q\xbf\x93wB/&amp;\xcf\xd4\xd9I70\xae\x89qkM?\xe6\xe7\xe9rN;\xc0\x96|\xc3\xc4\xc9\x8dn^o[S\xd5\xd9\xdf\x89iW\xfb\xfa\xfb@*\x1feD3(\x18\x10uXH\xa4x[\xc0\x8fnVD=^C6)\x1d\x17\xf8\xf7\xf7H, \xd8\xdc\xe1\xb1\x86itaZ\xbd\x88ejE29+&amp;sK6\xda\xde\xe3\xaa\xa9\xad\x94p[\xacwW\x83ja\xb0{Z/.3\x85bLZ&gt;0\x83eVw\\P\x89dN\xc7\x93qpQB\xb1\xb0\xb4V;.\x99wbzbW\x8aqh\x8egO\xaf}`a]`\xa2\x80l\x9flN\xb6\xb5\xba\x06\x04\x04]LF\xa7\x84omTI4,+\xc0\xc0\xc5zP9\xd3\xa7\x8e\xa3\xa2\xa7\x9e{f\x80U&gt;\x91dL\x9doS\xba\xb9\xbde@/\xe7\xe3\xe3\x8fxo\xf0\xed\xee\x91lV\x93td \x12\x0b\xb9\x95}4\'!\xd8\xad\x93?63\xcd\xd1\xd6\xb8\x8cqD;8\x8bZB76:hVO\x7f`N\x83\x82\x86@$\x18\x99{j\xb8\x91w\xcd\xa3\x8b\xcc\xc6\xc6\xe1\xdd\xddpos\xa9y\\\x98fJ\xaazbhfi?&gt;B\xb3\x89l\xc1\x8ci\x99s\\\xbb\x99\x83\xab\x84k\x92\x8f\x92\xc3\x9a\x82\xa3s]NMQ\xa5\x7ff\xec\xe8\xe8JB@UUX\x84\\M\x98\x98\x9c\x8a\x89\x8dGGK\x83nf\xdd\xd8\xd6\x99\x80u\xafvm\xd8\xd3\xd2\xa5\x8e\x86\x93aFxx}\xa3\x87y\xd0\xcd\xcd\x9f\x9c\x9f\xd0\xb0\x9e\xcb\xa9\x97[RPTIG\xc8\xb9\xb5}PG\xd7\xcc\xc6\xb9\xae\xac\xb1\xa1\x9b\x9c\x89\x82\xbd\xa1\x91\xef\xe3\xdetki\xab\x95\x8d\x92\x83~\xb2\x96\x88\x9c\x95\x93\xc6\xb4\xa9\xb9\x83x\xe9\xd4\xcb\x9ee\\\x82wv\xdd\xb9\xa5\xc4\xb3\n\xf9\x00\x00 \x00IDATx\xda\xc4\x98\xe1O\x1b\xe7\x1d\xc7\xdb]\xd3\xe2\xe6Az\x82\x9e\xe7\xc2\x85E\xc8\x8f\x1d\xdc\xa1d\x92\xc3\x99\xe39R%\xb1"FfD\t\x06]\xb5f\tx\x18\x84\x92u{\x01a\x81\x1c\xa8%\x87\x18E\xa9\x96&amp;\xa8\x0b,1\xea\r2\x92\xc2\x98\x90s\xea%Q"A\x1a\xc6V\xa9TYoj\xa6J\x11\x13H\xf6\x8b\xbdA\x13o\xa2\xfd\xcef\xd9\x1f0C\x1fd\x012\x92?\xfa~\xbf\xbf\xef\xf3;^z\xe9\xff:\xc1`\xb0\xa3nfap\xe3\xe9\xf2\xc6\xf2\xf2\xc6\xe0\xc2\xa3\xba\xde\x8e`\xd0}\xe3\xa5\xef\xe6d&gt;\xbbc\xf6\xd9\xcd\xcf\x9f\x98\x18c+\xdcn\x19\x9a\x96ZZ\xbe\xb1\xfa\xec\xdbGg\xeb:\xbe\x0b\xb2\xacL\xabkc\xf7v\x8ayy\x94J\xdc\xd6)S\x91aY\xb6\xe3\xd8\xe9\xb1\xe7\xff\x9a\xdd~\xae`\xc7\xa3\xab\x0f\xc6\x1cs/zE\x14=*\x15eI\xc5\xa2\xfc\n\t\x83d\xa6It\x9dX\xeb\x0b\xbd\xdb-\xd5\xccZ\xca2\x11\xd0\x08T%\xb2\xbc\x83\xca\x92\x8c\x90H\x93\xeda\x830\x93\xabX\xc5&lt;u\xb5w[\xa1\xbe\xbe\x9a\xe2\x04!\x95\n\x02\x95\xa9\x8a\xb0*\x8a;\x10\xd6XWR!\x96\xc6\x90E\x90@\x05\x9c\xbeY\xb7\x8d\xfe}\xfbO\x13SJ\x05\xc0\xa2\x82$\xc9T\xe3RB@\x88\x10`\xd2\x15\xc3\xe6D\xe3\x941J\xd27{\xb7+_\xbd\x9f\xa6\xbf\x87U\x90)!y&lt;\xae\\RB\xa2\xf0;\x15E\xc56\xf4$S\x92\x9a\xa5\x99*3\x15\xaa\xa5V\x83\xdbc`\xdd\xa0\xc3\x04Y\xda\xbb\xf7UO\xc2\xe3\x91DH\x94DE\x10\x0fkX\xc2)[1\x0c\x9dY\x96\x86\x91\xc5\x05b=\xdf\x1e\xb9f\xd7\xfeA\xa8 R\xce\x19&amp;\x84\x13\x86(&amp;\x86\x02f&amp;\xf24\r\xe2\xa4\xe9\x1a\'\xdc\xb2M\x81;\x14\xdb\xf6\xa7\xc1\xed\xd0j\xf9\xde\xcf\x98,I\xa2$y L\xdc\x19\x0f\x11-\x99L\xdbH\x01/MK!6G@\xac\x99\xb6\x8a\x1d.h\xda\xd2\xec\xd6s\xd5\xad=\xb9\xa71Y\x94\x12\x89D^\x02\xd2.ja\x85\xdcO\nZ\x8f\x81&lt;\x92\xcc\x92\xc8$\xa0 W-f\n\x9a\x8dL\xdb&lt;\xb5\xe5\xad\xda\xbbv\xef\x9em[\x08#I\xca\x93U\x17N\xe6\x9a\xc8\xdb\x91h\x84\rF)\xc2\x8c`\xf7*\xc20\x96\x18s\xc6m\xb2\xfe\xf5\x16c\xf5\xdex\xf2\xb2\x8a\x92)\x82\xb9"AE\xecL\x80q\x92\x8a$\xe8\x021Y\x9ed\x08\xc3[\x84h\xaaJ\x04\xf8\t#lZ\xdc\xfc\xa6wk\x83\xb5\xf0\xf7\xbfh\x8e\x86\r\x88\xbb*\xcb*U\xa9\'/\xe1\x91eADT\x12\x92\x04#\x95qd\xc1\x97\x073\xeaj\xa6r\rc\xe7\x17\x1d[\x895\xf3&lt;\x9d\xb2\xb9I0E\x80\x01e%P\xa4\xca\x89&lt;Y\x16\x91 H\xa0\x94\xaa\xaa\x1c\xc1 \x9a\xb2J\x00\x15#\xe8Tx-\xadn]K\x04g\x1f8\xa9\xfbi\xa6\xaa2t\xa8*B\xe6e\x01\xaeD\xe0Kx0\x02\xc58Va\x85\xe0\x14\xaaA\x10\x19\xf4+\xdc\x02L!\x8c\x91\xd4\xf2\xa9\xb3[C\x16\xec\xb8\xaa\x99\xeb\xebi\x0b\xb8\x04!A\x05\x19\xe2\x0e#)f\xc0\x10\x93\x04\xc1d`\xa2\x90\xb9+\x91\x04\x7f5\xa7@\xc9"\xc8\x1bcZ\xea\xc1\xc2\x96\x14E\xf0\xd1\x93\x97S\x0e\\\xc3*\x14;\xdc\xcc*\xcdK$\xa0 `\x87\xc0RB%\x12\xc8E\\bJ\x04$\xc2w\x84t\xa2w\xe9\x8a\x800\x871\xb0\xc76f\xb6\x80\xabcy\xaf\xc3\x91(\xa8{\xb1H\xe1\x83\x05\xc1-/X\x1f\xa8\x9bw\x91\x08\xa2"2\x06\xfa\x88\x8aB\x959\xa5K\xaf*/o DO\xc2\xca\xaa\x11\x04=\xfb\xf4lp\x0b\xc4\x82\xb2\x12\xa9\xaa\xbe\xfe\xba\t\x0c\x12\xa8\xe3\xde\xd1\x10\x1e\x04V\x89lN\x00\x16]\xd7\x95\xb9\xb9\xae.]\x0f5t\x96\x97v\x86t\xa02`/\xd48\x0c\x80\xbdV\x97k\xae\xdeA\x07\x1a(5f\x83c2&amp;\xe0"\xecZpc\x8b\x14+\x18\xa19]\x07\x98\xb9\xb9PCUCggg[[\xb1\xff\xd8\x85\xbe\x87\r.\x97\x06`&amp;\xacg\x949\x839n\xb0\xe0\xd9%\x0e\xed\x90\x1a\xefI\xb3&lt;)\x01K;\xdd\xdce\x04\n\x9e\x01RUUC\xa8\xaa\xaa\xb3\xb8\xb8\xd1\xef\xbfp\xec\xd8\x95+\x95M#%\x9d\rU!\x924H\xd2$\x0c+\x94;\x0b\xaf\xe5\x16\xeb\x94\x8d\x88\xe5@k9\xe6\x0e\xf0\x0e\xdc\xa4\x8a\x82\x90\xa2(Y\xc7\xfa\x1a\x8b\xfd##\xfesG\x0f\r\x1cm\xf9IKK\xcb\xc1\x89\x81i_Ic\x1b\x80\xe9\x181\xce f\x84o\xe4V\xae\x8e\x07\xdf\xd74\xceU\xf9\xd5\x9dPQ0\x7f"UtE\xaf\n\x85\xc0\xb4F\x7fS\x8d\xaf\xe6\\\xe5\xc1K\x97\xae\xedzs\xdf\xed}\xb7\x17oUW\xdf\xaan\x19\xa8&lt;\xe7\xf37vV\xe9XA:2\x19\xd7\x1e\xd4\xe5\xd6\xc31\x8b\xc3\x9c#W(\x01\x9c\x13\x04\xa5\xcb%\xea\xebk\x9a\x9e\x1e\x98\x98\x9a\x9aj\xb9\\\xbd\xfb\xc0\x1b\x07\n\n\x86\x87\xca\xae_/\x83\xd7\xe2\xe2Ju\xf5\xd4\xc4\xcf\xa7\x1b\x1bt\x06\xf9\xc3\xccd\xeb\xb39\xc5\xfa\xe1\x98m\xa7\xd2a\x8dJpDw\xd8\xaa\x1a\xfaJ\x9aj.VNL\xdd\xbd{weq\xf1v\xd9\xf9?\xe7{\xbd\xd1X}\xfd\xf0\xd0\xf0p\xfd\xb0\x8b\xb7\x08h++\x07G\xaat\xa2 X\x0es\x8c\xf5\xda\xeaXj}\xfc\xfd\x1e\xc3}\xc4\x99\x03\x9d\x1ev\x02\xd4t\xe5\x80\x0b\x05L \xcf\xd0\xe8h~\x91\xb70\x1a\x8d\x01X\xe6\x0c\x97\x95eE\xbbup\xc4\x80\xc4\xc3\x05\xcf\x97sk\xe2\xef\xc7R\xe9\xf7\xef;\xba \xccu\xb9\xde\x95\xf8\xfd\xbes\x95\x03SS\x00u\xbd\x0c\xa0\x86\x86\xebA\xab\xc2\xc2\xc2\xfeh4\xda\xdf\x9f\x15mh\x93\xab\xfaJi\x12b\xcf\x88\xb9\x96\xd3\xc8\x07\x17\xd6\xd3i\xdbr\x988\x17z\xd8\xd7\xd7X\xf2\xa1\xcf7}\xd1\xd5j\xc5U\xaa\x0c\\\x8b\xc5b\xde\xc2xa\xa1\xcb\xd6\xdd\x9d5\xd35\xd2\x05;qh\xbf\x81\x19\xd3\xb9u3\xa7+Npu]\xd3l,\x88B\x08\xaa\xa0\xa4d\xc4\xd7\xe4\xbbX\xb9\x89\x05R\x8d\x16\xec\xf1F\xbd\xdd\x91H$\xf0nkk \x10)\xf4F\xa3n\xbc\x86\\\xc5n\xef\xbe|\xa6\x8d\xc11\x9d\x1c?o&lt;[2m\x07S\xb1\x0b\x82^R\xe2\xf7\xb9be\xb0\x80\xaa,\xe3\x9f\xd7\x1b\xa9\xad\r\x9cln\x9e\x9fon\x0e\xd4v{\xc1\xc8\x17\\\xd7~U\n\x8f\xb6\xc4L\xfd \xa7X\xc1\x99%\x0e\xcb\x03UB\x9d\xa0\x95\xff\x05VV\xac\xfa\x82\xfc(X\x17\x07\xb1Z\xbfj\x9e\xbcsg\xb2\xf9dm\xf7\x17\xfd\xb1\xfa\x0c\xd6P\xd9\xed\x13\x87N\'a\x8b\xe0c3\xb9-\xf9\xbaufrE\xd1C\x9d/\xc4\xba80\xb0\xe9\xe1h,\x06X.X\xeb\xbb_\xcdO\xde\x99\x04\xac\xc0G\xdd.V\x96k\xdf\xeeK\xc7\xda\x92&amp;7r\xdb\x0f\xc0\xf5\x14\xee\x0fE\'\r\xe5\xc5\x19\xb1j@\xac\x89l\xb4\xdc\x19\xac\xdf\xe3\x0eaw\x04L\x9c\x9f\x9c\x07\x1b\x03\xb5\x91/\xdcq\x04&amp;\x08\xfe\xe3]\x97\x8f\x95\x1aF\xd2|\x9e\xe3\xff\x94\x04\x07\xe1\t\x0b1\xa3\xad\x18\xb0\x9a\x9a\\\xac\x81\x0c\x96\x1b\xad\xd1\x82\xfc\xfc\xc2n\x90\x0b\xb0 \\p\x02\x91\xee\xc2\xfe\xfe\x98+\xd70L\xe4\xe3}\x97\xaf\\ho3r\x8f\xb5`"\x964\xdaJ],_F\xad\x81\xff\x0e\xe2pA~Q\xd1\xf1x\xa1\xb7\xc8{\xb89\x00d\'!\xf1@\xe5b\xd5\x0f\xd7\x03\xdb\xe8\x9b\xd7\x8eV\x9c.m\xcb\xf1\x95\x08\xe7\xc7i\xc4\r\xa3\xfd4l\t#M\xff\x1b\xc4\x95\x157\xf2\xde\xe3n[\xe5\xd7\x17\xd4\xb6\xc6\xe3\xad\xb5\xe0`\xb6\xedc.\x18\xbcF\x0f\xec:x\xa6\xe2t\xb9\xf64\xc7{`\xb0\xeesl\x94\xb7\x87\xf7\xef\xbf02\xe2\xdb\x94kbj\xc5mS\xc0*r\xef\x9dX\xac\xc8\x1b\x89C\xc2\x80\xab\xb6\x1b\x9a&gt;\xa3U,\x1a\xcd\xcf\x7f\xe3\xcb?]9S\x11\xd6\x9e\xe6\xfa\xf1\xa7\xf7\x1bn\xb5\x87{*~Z1\xe2\xf7\xd5dM\xdc\xec\xf8\xfa\xa87Z\x04\x05\x1f\x8d\x02V$R{\xe4\xf0\xfc\xe1#oCCD3ZE\xbdE\xc7\xdf{\xe7\x0f\x97\xae\x9c\xe9\xb1\x96s\x8c\x15\xec\xb8\xa1\xd9\xe1pi\xb8\xa2b\xff\xc8\x8755Y\xb1\xaa\xddh=\x06,\x17\'\x0e\x8dz&lt;\x02\x99w\x8b\xeb\xad\xc3G2\\\xb1=\xfdY\xac\xbf\xfd\xfa\xd0\'\xfb\xdbs\x8d\x05\x99w\x9c\x9e\xd2\xf1\xf1\xf1\x8f?\xf8\xa4&amp;\xb3\xf4\rL\xb4T\xdf\x02\xac\xf3\xa3Qo&lt;\x10\x08\xb4\xc6\xbd\xf1\xd6\x93\xf3no\x01\xd6[G\xde\xfe\x08n\xc6(x\x08}\xf6\xde;_\xfe\xee\x97\xbf\xa9\xe8\xd9\xc8=V\xba\xa7\'\xfc\xa3\x7f\xff\xf6\x8f\x1f||\x01\xd4r\xc5\x02\xac\x13\xbb\xf7\x9d\x7f&lt;\x9a\xff\x99;~\xf1x$\xde&lt;999\x0f/\x90\xebd-\xb4\x04\xac\x13\xde\xeex\xebg\x7f\xfd\x0f\xad\xe6\xfa\x93v\x9a\xc5\xf1&amp;\xf3\xc2d3M\xaa\x99\x16\xbb\xbe0\x1d\x15\x08\xd1\x17@D\x12 \x82!\x82\x91@Q\xa1\xe0%\xfc4\x08)\x04\x02A\x11(]"^\x12\x87F\xaeQ(u\x12u\xa3Q\x19\xeaJ\xb5\t\xdb\xc8\xa2Lc\xc9\xd6\xcbb:;&amp;k\xcc\xb0q\x17\xdb\xa6\xd7\xd8N\xd2\xa4{\x1e\xba\x7f\xc2\xaf\'\xdc\xc2\xabO\xce9\xcfy\xbe\xdf\x03\x07s[~s\x0f\xfeX\xffy&gt;;\xeb&gt;\xf6\xacF\x04~&gt;`\xb1x\xcb\xeaN\x84\x15\x8b\xd1\xa3\xd9a\xb8\x9e\x8dp\x08\xfbI\xc5\xb1\xd5\x9b\xeb\x859/.\xea\t\x98\xff\xad\x1aM\xff\xd3g\xd3&amp;\xbf\xf9\xbf\xf8g\xeb\xf9l\xcf\xb1\xc0-8\x0e\xcf\xf3EV+\xcb\xc0\x03+1\x19X\x91\xae\xc4\xec\xf6\xba\xe1d\x7f\xb2&lt;\xa9\x81k\xb1?\t\x1f\x93Ou:\xdd\xc1\xc1\x01y\xb8\xe5\x8f\x15\xd7\xfa\x8dFM\xf2`z\xcb\x12~\x83w\xcbS\x7f\xbe7\xbb)\x10\x84\xc3\x1e\xc1&lt;\xdf\xe9\xf4\x16\x83\xaf\x0f\xb1\xd9G\x01B\xa9\xbd\x8e\\Vv\xf1i29L\xe6,\xedML\xf8R6\x9b\xdf\xef\xf3MZ\xa6\x0f\x80\xd8h4&amp;\x0f\x96\xbe\x02\x16\x14\xf1\xde\xac\xd9-\x10\x08&lt;\xfey\x15C;\xb8\x81bL{\x93\xa2\xe2\x87h\x9d\xd2\x1a\xbb=J\x1e\xee\xaa\xab!\xdce\xf3US\x0c\xad\x96Ai\xaae\xd62C\xa9\x89\xb9\xa4\xc6h\xdc\xd6\xcdl\xf9\xcc_\x03\xeb\xc5\xa6;\x1c\x16\x08\xfc\xcc\x9b\x1b\xb7\xc1\x1c6\x80I\xfc\xf6\xd2\xb7\xb7;\x18^\x16\xed\xae\x94@\xb7s\xe4\xa5\x81\x94\xcd\xc9\x18lFv\x7fc\x8cR\x0b\xc1\x0f\xad\xe9\xb6\x8d\x9am\xdd\xdc\x96\xc5\xfc\xfbW\xca\x16p\x99\x9b\xc6\x80j\x08\xa2\xa1\xe12\xe8\xd5\x07C\x1d\x95|\x9ez%\x06Tk4\x96\xa8\xb2\xa3\x1e\xb9G\xf0\xb3^=*\xa5\ra\x195\xca9\x93%\xfc\xfbu\xdc[\xfe\xde\xac\x1br\x05X\xb7@\x0b\x0cv\x0cB\x9d\xb4\xcdC\x0f \x86\x9aeU\x86\xce\xc3\xe1:B\xc0 \xaa\xae\xae\x94\xb9d@\x94\xb2\x98&amp;\xf6\x96f\xb6&amp;\x96t\xeb\x08k\x06\xb0\xde\xe2\xfc[\x1eu\xe0\xa7\xe7\xb3\x9b\xee"VO\xcf-\x95\x13B\xa5\xa2\xdcd\xa0\xd4@r\\\xf1ezK\x0by\x85\xc7\xe2[\x89\x83.t{\x86R\x96\xbdg\x07J\xa5rN\xb9\x0eE\x84l\xf9\xfc\x827/?\xe1\xc9E\xfd\xcb\xdf^\xbc(\xa6K\xe06\x9b\xe7{\x98\xaaJ\xf0\xf0\xb7/}\xbf\xa1\xed\xa8G\x96\x9f\xd8\x19\x15\xb7\xb6\xd8\x854\x83H\xc6`\xdc\xber\xe3\xcfc\x14&amp;{rI\xb9\xbe\x0f\x0f\xd4[K\x16_\xf8H&gt;\x9cy\x8f\x1f\x17\xf5\xfe?n\xfc\xf5\x9f\xb3\xe6\xb0\xc7\xe31\xfb\xc3\xe1\x1e\nec\xe8\xbb\x86\xab\x7f\xf8\xf5\xd2X\x07dlh(\xbd\xfc\x83\xc3\xd1\xbeC\xe8\xa4Ye\x8c[\x97\xaf\xfe\xfa\xaf\x1b\xb3\x0c\xa7\x9f7\x01P\xfb\xfb\xebE,\x7fJ^n\x1c.\xfc\t\xb7\xad\xcd\xe3U\xca\x18\xd4\xc5,\xf0\x08\x04\xf3\xfe\xb0\x8d\xa2\x1d\x1b\xd265\\\xbd\xf2\xf7\xef6U\x83\xd0\xe4C\xe9\x85\x1fv\x83\xedQz\xe9\x1a\xcb\xea\x174\x7fs\xf9\xfb[y\x81\xac\x9a\x16\xe0l\xe7rFT\xc4%_j\xc2\x98\xcbes\xb8\xe9\xf9\x81w\x01/\x83R[\x9c\xa76\xfd&lt;sJ[\xff`\xa3I\xd5|\xe5\x9b\x06\xedq\x84\xd9\\\x99\xaeO/\xd0G\x82#m\xd1.y\x80\xcd\xf69\x07\xb5\x83\x9e\xbc)\x84\xb1\xee\xca\xbb\xc0x\xc0\xe0\x02,\x8b2\xd3-\xeeK\xbe/)\xc1\xa9\x84\xbe\x90o~\xbe\xa7\x89\t\xd9\xd2\xf3\x9d^YG\xbd\x96Q\xed\xf4V\xaa\xe6}&amp;S\n\xab\x92\xa5]\x0b\xf4\xf6\xe0n_[Y\x9d\\\xaaV\xa7,\x89\x84\xc5t\x04\x97f\xa9\x9d\xdcR\xde\xa2\xd1\x18\xb7\x97|\x13\xbd\xbd\xad\x8a\x91\xf6OT\x9c\xb0^\xb1\x88!_\xc4M\xe9\x81\xd6\n\xf1\xf9\xa2)\xc6`\xa5\x97\x88a\xa3\x06\xb6ifi\x9a&amp;\xc2\\\xc4qz\x1f\xf2:}\x17\x87\tju\xc02\xb1\xb7\xb6\'\x97\xdb9]\xc3\x15\xc8\xa8i\x8c\xeb3\xfe\xe9\x8c\xc6\xa1p\xec\xe2\x85u\xe1e\x15\x91(3ET\x9b\x9e\xe3pH\xaf\xe7{\xab++\xa7\xaaD\xa3\x06\xda\xd1\xe4\xd1\xa4\xda0\x1a\'\x02V\x1br\xac##\x15\xf6\x15\x90&lt;\x84R9\x87\xc3\x81\xab\xb2\xa2\x1f\x04\x8f\x18\xaa\xa8K\xcd\xe4Z\xc4\xc1\xa0\x02?,\x0c\x93\xa5m\xab\xb7\xcc\x91\x88?\x14\n\xe9a8UUWc\xc8f\xf0\x84\xc2N\x18\xed\xd5\x18*bp\xa4}\xd7\xe1(\xef\xe2\x94\n\x85+\x84\x9a\x9dh\x05Z\x02 u\xdfj\xcc)Ms\x9c\x85&gt;\xae\x02G\xacx\xdc\xea\xc4&lt;=\xee\xd5\x88-\x14\xe2\xd1h\xeae\x1e\x8f\xb7@[V\xc3]HXY\x1e\xad\xc2D\x8f\xe0$\x06GF\x00+(\xd6l\'A\xdb$[Z\xca\x1d\xc8&gt;\xa2\x95\tT11Gxt\x07\xc7l\x95\xbc\x1a\xe7\xf9\x9c\xe9\xa9\xf9\xe3\x13O\x88\xc5\xe2\xd1:\x85B\x94\x8eX,V\x03O\xe1B\xbc\xaa\xca\xb0r\x07\xb0v\xdbG\xe0U\xc1\xedF\x81\x94 D\xab\x03P[\xc5\xb9\xfd\x84\xee\x90\xde7\x12T\xe0u\x12K\xee\x1f\xc1\xecnN\xab"o}z\xc0R\x0b\xa5\xa0IA\xcb\xa0u\x1f\xfd\xc9\xa3\xf1*,\xae\xfe\xb1m7\xa8\x08Bw\xc1[#\x04\xb7\xf8\xc2\xe5\x02k0\xe8p\x90z\xf7\x13\xdb-\xf4;}\xdc\xc5\xf78\xd5\x90z\xfd\x94\x85\xb9\x00k5\xef\xd1\x1b\x0c\xa0\x16\x08\x87;_\xc2N\x8f\xfd{y\x14#\xb2\x84\x87\xedb.\xd8\n0\xd3\xbb\nn\xa3D\xd2\xd8(Al\xf0UP\xac\x08\xb6\xe62\xfb\xa6m\xd2\x9d\xb6vn\x01\xbf\xf5\xc8\x1b\x84\xe5b\x1e\x17\xb1h\x9d\xa8\x9dw\xb2Q\xc4E\xff\x11Z\x0b\xab\xe6\xadd\x1d\x99\xc5F.j\xfa`\x90\xcb\x95\x00\x18\n\xc8\x97B\x01\x0fq\xef\xd9\xbei\xbd1\x08\xcc\x05\xbc\x0c?\x95\xfa\x92\x87\xb9\xd2D\xa6\xfb\xdcd\x0b\x15\xb1\x0ew\xa2\xd9(\nzL\xba\xc02\xb0\xd4\xd2\xacx\xf1!\xe4\xa6\x1cu\x0f\xc2B\\\x8b\xc8\x98\x15\xc1H\x99\xc2\xa9\xa5\x88\xc5=\xc3m\x0fA}\xc5\xaer\xa5\xadLs\xfe\xc4\x8f\xb0\x84\x04\xfbN\x91\xaa-\xbas(\x1cW\xa7\xd8\x01B\xb6&lt;\xf3\x19\x18`\\\x06Q[\x15\xa1\x1eB\x803#q\xb9\xddg\x85-\x93Q\x82\xb2\xf5\x10\xbfl=N\xc1\xfd\xc2\xe7\xcf\xbf=\xf5\xd9\xd0A,\xbaC\xb4\xf1\xee\x8b\x96\xb2\x0cGG\xa6\xa5\xb5\xc3\n\xf0\xb0\xc5\xd4\x04\x8b\xb9\xca|\xa1\x02.\x85\x98\xd4\x98)\xbc3M\xf7J\x14\xdd\\\xeeg\xdc\x14D\xc9/&amp;L\xe6\xc2\xf8\xb5\xab\xf9H\x8aGS\x83\xa5\x00wX\x16\xad\xb8XV\xa3\xc6\xd8&amp;K\xe2\xd4$\xcd\xb6 \x97\x08\xcd$\x86\x96\x872J$\xff\xc7j\x14Cg\x15&gt;\x9at\x99F\x05\x00\x7f\xc2m\xd9\\r\xfd\\\xaf\xc7\\!\xe7\xf1\xf9\x89\x85MC\xcd\x15\xab\xd9\xc9\x92\xcb\xa2\x87B\x96+\xec\xd3\xd7z\x12\x81\x9a.\xe5\xb6rFg\xcc\x90\xba\xb9\xe8\x0c\xa2"~YGt\xe72\x85\xb3\xd3\x842\x83\x0e\xe8"~2\x90:\xf0\xd2\xefs\xba@D\xe4\xf3\xab)6\xbbS\x88\xdc\xb4\x9d\x1c\xcd\x12\x96\xe3i\x99\xaa\xfeA33\x15\x98X\xb2\xb00\x8c\x90\xd4@\xe7\xa3\x89\xf5\xe50.J\xc0e\x9fA\r-\xca\xde^\x89$\xf3\x19\xc7\xcd[\xc9\xe3\x88?\xec\xf4G\x98o\xf3\xf9D\n\xd2\x05\\\x84\x9a,\xf9pe!\xeej\xae\x07\xa31\xe4\xb4\xb1\xd9\x06\x1a/&gt;~\xd8\rX\n\x12\x89\x04\xef\xc5\x99\x9a\xc9\x9c\x15\xce&gt;&amp;\x12\xeb\xb9\\\xa3\xe4!\xaeZ~\xe0\r\x08\x07\x9b\xa0g\xf5\xfc\xfc\xd4\xc4\xa6\xa1\xf5\xc3\x13\x18\xf3\xb1G\xe3q\xe8\xbatGs}\x1a\x1beO\xc89\x87Y4UaP\x89\xd1\xf2M\x0c\x87\xa07S(\x14\xde\x9dZ\x12\xfb\xdb\xeb\xdd\x8dx&amp;\x0b\xdd?\'NYe-\xd3\x93?\xff\xd2^\xeaGOb5pK\x8f\x8f\x8a0"q\xca\xcb\xe7\xf3Y\x93\xf2\xae\xa4\xa6\x95$V ,\x103h\x07G"A\x05\x0bg\xeb\xa7\x96i\xe3z?\xe9\xf3{|\x8d\xe2\xc0o\x9ej\xd7T\x93;\x9f?\xcfo\xf9h\xbc\x85NB\x8c \x04\xaaQ\xab\x97\xe8\xb5\x82Q\xd5\x8b\xd8\x13\xcf\x0e\x86\x9f"\x98\xa0X\x0c\xb2\x01niG\xbf\xb8\x17\xa8\xde)\xb7|[\xb9\xde\x0c\xdeT\x17J\xa8\xbfEX|J\xcf\x07\xc0:5\xd9\x0c\xcbB)J\x95u\x94e\xad\x96\x89\x0c4\x1b\xdbZ\xcd\x9b\\[*\xe5\x0c\'[\x01\x07\x04M\x7f\xab\xa3\xbc\xfc\x9a&amp;\x83\x925\x97\xf0\x99&gt;~\xfe\x84\xfb/\xfb\xc0u\xff\xf5IO\xed\x07h\xfa\xb7\x11\x1b\\\xd7wy\xe3qQ\x15\xdf\x8aaU,\xdeQ\x80m\x88\x8f\xd2\xee\xee\x11j\x085ud\xf2\xc52\x18kd\xa0\xea7f\xce\xce\xde\xad\xeb\xb6&lt;\x9e\x9f\xaf\x7f\xa5\xbf\xb3\xfc\xf2z3rr\nX~v\xa7\x94f\xd5{\xbdN\xbeU\x04\x02\x0c\x0ef\xa9T(\x94r\x9e\xc9\xe55\xa0\xc1\xa4\xa5v\xb4$\xbcV^\xae\xc9\x01\xd5\xfe\xf6\xc1\x96\xe7\xf5@\xc9\x85\xaf\x13\xd4\xeb\x1f\xdc\xab\xff\xe3\xdd\x8c\x7f\xd2\xca\xb28ng\x93\xf5\xa7\x9a\xe0/X\xd9\x84l\xaa\x15\t4\xc5D\xf2\x12\xc1\x04\xb4"\x1b\x9dHB\xc9\xa2}e\x9aU)\x8f\xd5\xf2D(\r\xc4\x162\xbb[B\x8aH\xa8\x0f\xcc\xbe4@\xdc,\xdb0"\x0c\x9b\xd4Lq\x84\xd1\xdd\x98\x12$\x1a\xcc\xb8\x13e;Y\x9d\x1f\xa6\xd6v\x9a\xda\xdd\xae\xcd\x9e\x8b\x93\xfd\x07\xa6\x8f\xa3\xd1_?\xf9\xdes\xbf\xf7\x9cw\xcfM\x94\xcb!\x9f\xcf_\xe8\x98\x9d\xber\xc1\x01\x99\x1e8\x04\xbfh\xde\xda\xdaZw\x8e.\x15\x9dE\xa7P\xcaf\xb3U\xcdBN\x03gd|\x13\xb4\x82\x86\xdf\xbc\xfb\x8c\xb1\xa17\xd1\xe41\x19\x02\xae]\x8f\xc9\\\xb0Ns-\xe2\xa8\xc2\x16\r\xc8\x0e\x0fwvzU\'\x00\xb6.]\xe79\x97\x96\x84\xac\xb9^\x95\xe6l\x03\xa7\x01\x1a\xd6\r\xf4\x1d\xc2\x94X\xa8a,D\xdf\x91\x8aD"\x11\ne\xddn\xab\xe3J\xfb_\rr\xb9\x8e\x0f\xfe\x80n5\x80N\xb2\xb3\xb3\x93do\x11\x84\xdb\xef\x9dc\x0bG\x94KiD\x95\xcb\xd1\xe6c\x06\'\x17Eq\xd7\xeen(\xa4\xd8-\xa7\xdc\xb2\xee\xe9\x9e\x9f\x9d;w\xee\xf3\xf6\x1e1\x9f\x8f\xcd\x04gfBe\x93\xd1h\xb4Z\xd1\x97\xe8\xb6a6o$\x9fKol\xe4r\xda\xa2\xdb\xfcj\x80A\xac=\x97g7\xe4Q\xb8&lt;\xa9\x82[ftXn}~\xab\x07J\x0b\x9b-\xb5\xff\xf6\xed\xfe\xdb\x1f\xb4)\x93\xefp\xec\xb3\xcf\xc6\xfc\xbd\xc3\xec\xc6\xd1\xbcv#\x9d\xce\xa5\x89\x08e~9U\xcb\xdc*n\xbf\x07\xb5&lt;\xc1\x8c+\xe5\x96\x0e\xca\xc6\x1c\x17\xee\\\xe8\xfb\xf4\xf0\xd1\xc9\xc9\xd6?Q\xbc{\xf7\x0e\xfen\x9d4\x0f)\x85\xaa\xdb\xca\x91bD\xabM\xe7\xc6\xb5\x04\x9dz&gt;\xc9 \xd6\xe2+\xcfn"\x14$I\x93;V\x18n\x1b\xb3\xf6\x19\x03c\x87\x87\x87\'\'\x15\xaa\xaf~\xd8\x04\xb0uh\xf0?n\xb8-\x1c\xc9\x131\xba\x98K\xe7r\x04U~\xc1\xe0\x94\xa7h\xea\xa5\'QN\x04I|\xc6T\xa0\x92\x83mc\xc6\x19\x8f\xef\xf0\xf0\x8bS,\xf0(\xc0z7\x02\xa7aKK}~\xb4X\xa2h-\x91\xd3\x12\x04lD\x06\xc5\x82\xc2k\x17\x1cB\x81c\xd1\xa0\xd9]\x18\x1cn\x0b\xcc@\xae\x1f\xee\x9c\x9cr\xa1U\\B\x13\x07-\x1f\xb7,\xe5G\x89"\x1d#\xc0\x1dh\x9az\xb5\xc8 V\x8d\xe8Y\x02\x92\xcb\x85\x03\x97\xcf\xec\xf6\xb6Il\xb6\x99\x80\xd1\x18\xd8\xd9\x99K\xb2\xd8,\xd6\x16\xb2-\x84u\xb5E\x99\xcf\x11\x90\xeb\x11\x14t\xf6\xe5$\xa3Xk\xef\x15\x9e]2\x93\xc1\xf0\xa0\xcf\xec\x97\xa0@\x9f\x96\xac\xd6n\xa3\x0c\x9a\x0f\x95F\x98\x1fi\xf95\xea\xf5Gs\x846\x12\xa1b\x00\x15\x89\xa4\x9e3I\x05\xc7\xcf+\x97BA\xbap\x01N*\xcc\xbee\xc9\xb2\xa4M&amp;3vX\xbb\xa7g\xbb\x03m;\xac\xf5&lt;\xac!\xfa\x061&gt;\x9e+\xc2\x0e\xa4b4M\xc7"\xe5=F\xb1jj\x8e\x14$N\xba0;\x16%\x83\xcb\x10\xde\xe1a\xc9\x0e\xb0uO[%s\x05\xa0j\xa9\xc4h\x0b\xd8B\x91v\xa7*\xdf\xe6#o\x16\x99\xa5\x12-\x1cg\xb0\x8cK \xc0\xf1htfy\xd9\xef\xef\xed\xf5C^\xa9\x86%\xdeB\xa9\xb84:~\xf5*\xc2\x1a\x1f\x05\xaaH,evS\xb1,\xbd\xff\x9f)f\xd5\xaa\x9d:r)28\x8e\x87\xc3\x90\xf66\x89wN\xa5\x82\xaa\x86\xc5*\x14(\xb0\xa8Mhs\xd0\x95g\xcbx\xaeDGb1\xb7\x89\xa2\xe9l\xf6\xd5\x9e\xa8\x96i\xb9\xde\xbb\\(\xb9\x04\x02\xc0\xb2-\x9b\x0bs\x8f\x06{\xbf\xe8eiJDn\xfc\xfaW\xd777\xaf\x02\xda8\x11q\xc7\xe8T2EE\xb2\xe5\xc4\xcb\x01\x86\xa9\xc0\xba \xbb \xbf\xc2\x820\x86E\x03\xa0\xd7\xe0\x9f~\xff\x97\xe1G\xcd\x85f\x8d6\xbdq}\x1ca\xb5@\xcd@\x99\xdc\xa9\x14ES4`\xadV\xe1=\xc6\xf6\xb1\xc2\xe5\xca\x08\xc2at-\x07\x9e5\xd6\xd116\xcc\xd6\x14\xdcI"\r\'\xb3vi|3M\xc4(\xdadN\x99R\xa9l\xb9\\\xfev\xbb\x96y\xac\xc9#\x12\x96\x11Q\xe1\xe8J\xaa\xdba\xb5Z\x87\xe7b\xa5\x82?\x96\xd3j\ti\x89HkK\x14\x95\xa5\xcc\xa9\x94\xc9\x94M\x84\x12G\xd5xT#\xda\xdbu\xb9\x14\xae\x0c\x1e\xc6\x05:\x9d\x9c?=\xddg\x95\xf9)\x8aJB\xd6\x13\x00T \xe0\xaf\x9b\x02\xadL!O\xc2\xe3\x0b\xbd\x101\xafVM\xed\xe21\x9eq\x91d&amp;\x8c\xb8\xc4b94\xaf2\xaf\xd9\xedv\x9b\xddD\xacDS~*\x12\xa3L\xa6\x94\'\x14B\xf3\t\xbe\xfd\xbdj`\x89\x06\xded\x04v\xf0\xd4\x0c\x8e\xe1v\xb1\x81?;\xeb\x08x\x97}\xcbI\xbf\xb7\x90LR&gt;\x9b/K\x9b|A\x85\xc7\xe3\t\x92Q_L[\x1d\xac\xc9#\x17&amp;\xb7\xdb\xc3\x19\x94_|\x03\x9f\xcb\x85\x83\xc7&amp;\xb1\x99\x97e\x12\t\xe0\xd9|\xe6\xac\x82$\x15A2\x83a&gt;\xba\x98^\xab\xc6{-\x91\xe8y\x10\xb3\x87\xe5\xd0^\x84\xbfGX\x06.\x1f\x1a\xc6n\xa8%\xd0\xc6\xb4\xa1\x0b\xeah&amp;\x83\x938&amp;\x88\x9a)\x9a\xd8x]\x9d\xe7m\xab\n\xcc\xae\xb3\xdb\xbf\xb7\x1b\x00\xcd\xce\x87\x98\xd5\xe9\x04\xdd(\x8cQ\x1bF\xe2`\xb6r\x1d\xf8m\x10\x8a\xd8\x12\xb1\xb1]\r\xaa\x9a\xda\x17\x9e\xa8\x9do0\x00\x99\xce`\x10\xd8\xed\x06\xbe\x9c\xaf\x83])\xc0\x1cX4\x8a\xe3v\x80\xb5c8*\xc94\xd2\xeaa=\xdb\x8d\xea\xb8b\xd8\x83X&amp;\xccG\x8a\x19\xc4\x06@\xb4\xe3\x18\x06\x05\xa2\xce\x80&amp;3\xf0\xa8\xcd\x9cL6K\x85\xce|\x95\xb0D{!\xc0\xd2[\xf4\x06\x1d\x9e\xc1\xed\xc0d\x00\x12\xbb]\x00\xc2\x01\xa1\x9e;+0\x06\x8c\x90\xf8l\x96FXt:7^W\x07k-4#\xe0\xeb\xd5=\x16\x83.C\n\xe4\x06\xbd\xfew\xf0\xa3\x17\xa3\xffz\xbe\xce\xd1\x1d\x90\xcc\xd8\xcc\xe6\xa4F\xc8\x1b\x1ar\xe6\xd3\xafk\xab\x82\xb5\x90@\x03\x88\xea\x9ev\x8b\\@f\x04|1\x10Y\xd4\xea\x1e\xb5Z\x7f\xa5\xe2\x15&gt;\x9f\xcf\x9ctkJ&lt;\x80\xca\x03Vuv\xe2\xe2qT\xc77\x80\\=z9J&amp;&gt;J4\xb1\xfe\xce\x9d+M\xd3F\x9bd\xd9\xeb\x9d\x83\xbeHS\x12\xf2\x9c\xca|\xde\xa9]\xab\x86\x9d",R`\xb0T\xf4\x11\xdb\x05v\x1dp\x81\xa7\x82\xab\xf6u\xc8$;^\xaf\x7f\x0e\xa04R\xe9\x90\xd3\xc9\x01,\xe2\xbf\xd5\xc1\x1a\x00,\xbe\xfe\xf4}\x88\x01\x9d\xd6@\x85\xcc\xcb\x1a\x90x\x01J\xa5J\x02\xd4m\xe1P\xa3S\x89\xb0\x8aL\x97\xcc?\x1e&gt;{!\x12\x83\x94o\xbfu\xab\xbd\xc7"\x06\xd3BR\x81\xd1\x07l T2\t\x1bPS\xb9&gt;oTr\xd0"\x16\xbf\xddc\xbc\xb2\x11M\x0e\xac}G\x92\x98\x1c\xa5&lt;\xe2\xd2\x8bA(n\x13\x94\x11\x01\xdb2P\xb9a\x01\xd1\xa5&gt;\xba\xd5WB8\x9d\xc5\xf2\xf3\xb5\x01\x11\xb3P\x8b\x0b\x17W\xdf\x93Q\x81\x1c\xa9\xd5\x0e\xbfj\xbd\x18\xb4j\x9au8 \xdb\x91Z\x85\x82TX\x12\n\xeb\xeb\xcfr\x94\r@5\xc4\xa3\xdf\x1c\xd4-0\x07V;\xb9\xbd\xd6\xd5\xd5\x1aw\xfd\x88U\x99\x91\xeaQ\xeb+\xe9\xee\x80\xbe\x1a\xb0\xd0T\x06H\x05\x89\xc5i\x04\xb58\x80%,\xed\xaf\xf6_:X`\xea\xe1\xe4\xe2\xb3\xcb7;/]z\xe0"q0+KO\x05K\xad\xb6\xdc\x01\xaai\x871\xd06X\xd9\x83\xa7s\x19\x8d\x9c\xb3\x08\x8b\x03X\xeb\xf4\xf3\xfe\xfe\xce\xce\xbd\xc5I\x11\x03\xfbo\xed\xe6\xb5k\xf37/_&gt;\x82:J\x07X\xe0[\x10+j\x8b\x05\x19V\xb7\xb1\xd25\xb2*Z\xf1\xea\xeb\x95\xcaF\xc8\xac\xc6\xfa!P+\xf6\xb2\xf5qk\xff\xe3\xae\x85\xc5\x0f=\xe09\xb0\xf7p~~\xfe&amp;Pu\x1eA\x19\x8f\xb0V\xd4+++\x16\x8be\x05\xe4j\xea\xebFK\xa8b\xc1\xe1,\x1c\xe2\x81P\xbf\x04(\xce\xd9z\xc0\xe2\tco[\x1fwu\xdd\xb8\xd15\xff!s\x1f\x96oo\xf5\xc1\x83N@Bq\x04E\xa9N\x0e\xe7\r\xf0T\xc2r\xe7\x028i\x9b\x17\x9a\xfef\xa9\x14\xce\xc1\xb3\xca\x86\x86\xffc\xf1\x84B\xe9\xfe\xc1\x8d\xae\xba\xba\xba\x89\xf8\xbf\xef\xad}\x90\x14\x13\xd5\x88\xa6\xb6\x0f\xae\xcd\xc7\xef]\xeb\xbf\xd4\xdf\x7f\xe9\x12\xc2\x82*F\xce\x15\xa3\xc5;\r.\xaca\x00\xb0\xd0\xc0\x8fp(\xefD\xf3\xf3 \x17\xa7\x11\xb0\x10\x97\x94&gt;\xb8Qwqbb\xe2\xc1\xfd\xfb_\xc7\x17\'?\x88M\x1d\xc4\xe3\x0f\xbf|\xfa\xe4^\x7f\x7fkk?`=\x0c\xcb\xe5r&gt;_\x8c\x9eG\xa1\xe75M\x17\x9a\xa6\xadF$\x16\xbb\x19\xb4r\xa2\xacjh\x80l\xe7\x9c\xaa\xc5\x1b\x92fWo\xd4ML\xdc\xbd\x1b\xbf\xff\xd1o\x9e\xfe\xe3\xe2O\\I\xd1\xe4\xf6\xc1|&lt;&gt;\xff\xe7\xaf?\xfa\xc5\xcf\xbf\xe9j\xed\xaa`\xc5q0v&gt;\x17TBP\x9f\x9c??\x0b\x9db\x87l\x10a\xdd\x86\xe3\x99\xa3\xaclA0\x88z\x14&lt;P+\x06Xw\xef\xfe\xe1W\x9d_\xfe\xf1\xc9\x99\xfb\x7f\xbb\xfc\xdb\xa9\x9f$T\xe7\xc3\x07\xf1\x9b\xf1\x7f=9s\xe6\xfe\xd3o\xba \x10\xd7*\x89|\x9d\xcbET\x9f\x9c\xefCa\xfdt\x0c\xb0Tl\x16pU\x12\x9e\xd3\x08\xbe\xd5\xf8w\xf0\xd4\xffqr\x86\xa1m\x9cg\x1c\xd7\x1d\xa7\xabN\xc2\'\x12}hf\xdf)\x07\x8bGn\xa2\x8a\x1aL\xbf\x84\x08:q4="H\x19\x18\x92\xc0up\x86\xa9\x9d\x8c\x860a\x86\x12d(\x95\xf6\xe1R\x16\xb8\x8d\x05\xad\xa2\x01\rm\x89&amp;\xbco\x1a\x08\xc4\x86}\xa1Rh*\xa6\x19!\t\x83A\x89\x19\x14/\r]3\x7f\x18\xfb?\xef)\xdb\x97\x8d\xad{-\x9f\x94 \xbf\xf7{\xff\xff\xe7}\x9e\xe7\xec\xb3\x17\x80\xf5\t\x99X.\x97\xb5d:S\x9f9v\xd5\x85`/\xfd\xbfPu\xb7VO\x17\xc6C\x9b\xef\xcc,\xbd \'e`\xa5\xd3;_\xbes\xfa\x9d\xd3\xa7\x99\x81\xdf\xbb|\xe3\x06\xfdTq\xfdu$-\x1f\x8b\xd2\xfb\x12A-.\x12\x15\xd4\xba\xfe\xc9\xe3\x83\\\xaeT.\xc7\xe5T&amp;Wj\xf4#\xd3Aj\xef\xeb\x87\xfe\xab\x1b7\xf7\xf6\x91\xa5\xd2\xa9\xe6d\xe8p\xb6ge3\xc9l\xb2\x04.r\xf1+\x86u\x9a9\x08\xfb.\xac_\xa0\xef\x9b\xdebj\xadR-\\|\x81\x05*$\x88\xb3\xaf&lt;O\x12\x96\x19\x97\x8dbY\xceY=\xdb\x9ev\x9b\xbb\xdb7\xbf\xceO\xcd6\xae\xb4\xf6\xd3\xf5B:m\x8d{}\x9e\xe7\xa6\r=\x9b)g\xd2I3)\xcbz*\x9dj\xa0}\x9fc]fJ\xbd~~m\xcd\xa7\xa2\xe0\x02\xcc\xc2\x02\x94Z\\@\xa6\xbfNX\x9f\x1d\xef\xb6\xdb\xa5\xb2\xa6\xd5\xaa3\xb7X\xcc\xb6\x07}\x85\xebT\xc7\xe9\xbd\x9b\x1b\xff\x83\x99/Q\xde\xdc}R\xb7\nF\xbd2\xa9\xf6m\xde\xe6\xecY=\xa5\x9br\xa3:\xb4\xccr\x12XFz\xe7c*\xcf/\xc4\xfa\x80\xa0\xd6\xae\xdd\xb9\xf32a\xad\xb2[\xe7O\x02\x0bP~\x868{\xfd\xeeQ\xd9\xc7\x9a)\x88\x87l1\xd7\xae{&lt;\xc6t\x92\xceo\xdf\xdc\xf8/h\xf4W\x8f\x0ev\x9anc0\xab\xf6\xb1\x95m\x9ew\xaan\xd6\xc8$+U\xbc\xee\x96\xcd\x12\\4\x8c\x83\xaf\xbe\xcf\x9a\x06\xfa\x1d\x96\x1b\x17\xd6\xcf\xaf]\xbbFwF\x9c@dmn&gt;8K\\\xa4\x17|\\`[\xf1\x95g\xbbE`\x99\x9a&lt;\x8d\x00f\xd8\xc8\x15\xdb\xf2\xb8\x03#\xe0eM\xd7\xb6\xaf\\\xf9\x0fv\xbe\x84\xff\xdd\xd8;\xd8)4\xc7\xbdi\x87V\xc2s\xaa\xe2\xf4\\=\x9b\x95-\xcf\xe1h:]+\'3\xd9\xb4\x91\xfd\xfc\xe3o3.\xa8\xf5\xfe\x07\xbf\\\xa3\x9b\xf2\xee\x91\x85\'V7Q\xa5\xcf\x92\x8d,\xb8\x16\xc0\xb5\xb5x\xf2\xee\x91\x99\xcb\x12V\x8d\xcd\xc3;\xb3T9\x97\xb3\xaa\x9c\xc2\xdb\xbc3\x9c5\xea\x19\x13h\xff\x06l\xe3\xe6\xf6n\xbaYk\xcc\x86P\xc9\xa1\xd1\x1fycK\xcf\xearj\xd0\xe79\x0e\xf3\xd9\x15\xad\\\x92\xdbp\xf1\xe0o\xdf\xa1f\xe6\xcc\x19v\x97\xe7\xb5Kw\xc8AR\x8bu\xa5P\x8bmEdSrs\xf1\xfaq\xab\xd4\xce\xe6J\xa6\xd9\xa5ix\x8e\xb7G\x95b)\xd7&gt;\x1c96\xa6\xb6\x9d\xfe\xb0\xd7m\xa4\xb1\x05\xfe\xf5\xc7\xb1^\xa5\xf2\xb2\xddz\xd2\xac\x8cg#\'\xc2\x81\xfe\xd0u\xdd\x9a\x91\x81a\xd9\xa4\xde\x18\xd94\x15\xe6\xe3f\xa6Y&amp;,C?\xf8\xf2\xb5oQ\x82\xf8\x90\xb0.\xd1\xfd\x94DE\\\x9b\x0f\xd0\x01.\xfac\x89\xac\xfc\xee\xe2\xb3\x96\x99k\xb7\x8b\xc8Z#n\xce\xc5w&amp;m\xad\x98L\xd6\xba#\'\x0c\xcd\xe0\x8c=\xf5*z~{{\x9e7\xa0\xd3\xfeN\xa5[\x1d\xf6;\x9d\xfe\xd0\x9b4ju\xc30\xd0*\xa4\xf4L\xa60\x1eAw\x8e\r\x9b\x1f\xe5L\xb3\x98Cp\xa5\xe4\x9d7(q\x9d\xf9\xe97o\xac\x9f\xbfMH\xf7\xef\xc3C\x02c\x99k\x9e\x1d@\xb5\xb5\xf8h?\x0e\xcb \x96f\xf49.\x12\xe1\xd8\x1a\x9dj\r\xa1Z*\xcb\xd6\xd8\x9b:\xbc\xa2\xf0\x8e\xd3\x19\r\x0c9\xb9\xbbw\x05}\xd9\x13\xcb\x1d\xf7:Sop\xd8hT\xdc\x1atj\xd6\xdcJ\x03c&lt;\xe9\xf5\xf1vLD\x03;\xa0_\xd74\xc8\x85N\xa2]:x\xe35\xc2\xfa\xf0\xf2\x85\xf55tY\xcb\x18\'\x08ly\xf9\x01Ld\x19k\x81\x04\xfb\xec\xf9~B+\xa1y(#\xb4x\x9a\xca?\xf0\\g\x92\x8a\xc7\xcddR\xd3\x92\xcdAo\xd8w\x1c&gt;\xc2\x0f\'5\xcb*\x1c\xec\x06&amp;\xbd\xa93\x1c[F\xda\xa8\xd7*\x87\x83.\xde\xd0qHg\x9b\x8b\xb0\xc5E\x14&lt;\x93b\nW\xd1\x88\x0bre\x8b\xe6\xc1\xdf\x11[gX5\xfc\xb5\xbf\x0f\x99V\xab\x9b,\xe6\xc1Dbmm=\xda\x8f\xc5\x11\x92T\x10\xcdI8\x18V"X\xa7\xbfR~\xda\xb5J\x98\xb0H\x15\xcd\xa8\xbb\x83^\x07\xe7u\xfa\xd5\xd9d\x10\xa8\x8ef\x04Uh\x90\x8f\x08A@\xf0|DQ"\x8a\xaa\x12\x13^(\xc0S\x82\xa1\x90P\xcdhq,\x1d\xedM\xbb\xa4\xed~\xf16\x93\xeb}Vx\xee\xbc\xe5g\xd3\x8b\xfeV\xdcz\xc8\xda\x9aw\x9f\xed\xc7\x12q\xcdDP\x96\xcd\xccP\x0c\nBPa\x93\xb2%\xf3\x9dj\xb7\xd2,\xa4\xb2z\xbb\x8d\xaaVp\xc7]\xcf\xeb\x8e+\xb5f\xa0f\x19\x04\x8f8}\x00\x00\x05\xe2IDAT)\xc3\x9dMA\x04\x9f\x90\xab\xe8+\x80\xa4(*\xadM\xa1OE\x15C\xa1\x90$\xa9\rS\xd3(\xec\xb3\xed\xa2\x99\xdf{\xfa\xde\x19\xf6[\xb0s.\x96\xb8\xe8J\x0c}\xe0\xd2\xd2\x9bp\xf1\xfa\x9f[\xb1X4\x1e\xd7\x08L\xabDDQ\x90$Q\xc5\x8aI1\x05\xe1\xaa\xaah\x02\xa6\xc3jo\xd6E\x14U`\xd7d\xe6\xf5\xbcn\xa0\xef\r\xba\xa3\x8e=\x1f\xb4O\xc885\xac\xaa\xe1`PU"\xaa\xaa\x06\xa5\x10\x1b\x924m\xc3F\xadT\x94\xd1\xd5i\x89\xe8\xe7?\xb9\xfc\x1b\xba\xe1\x1a\x19\xf5\xd6\x9c\x8ba\xe1"\x7f\xe9\xd4\xd2\xc9w\x8f[\xe7b\x89D\x1c\x03\\\xa5\x9e\x18d\\\x02\xa6%\xfd\xd5\x08\xcf1[\x15R\x81\xa2\xd7q\x109\xcc\xe3\x00\xde\x14\xe1\xe6D\x94\xd8Ib.\x12\x16\xc5`0\x88OQ\x92B+\xc4\x84\x83$\x84\xbb\xa6F\xe7(\x17\x8b\xc0Jl\x1f\xfd\xfc=\xf44\xeb\x94\xe8\xc1E\xd5\x87&lt;|\xf8\xf0\xe1\x9b\xa7~\xb7\xf5\x87\x9dD,\x1aM\xd0 \xc1jv\xd0\xc7\x82`tN\x08\xc5)8\x05\x0b\x17\xc8\x07\x8b\xc2\xe10^P,3,\x96\xd5y\x02\xb3;\xc8l\x83qU\x14\xd8\x90B\xd2J\xc8\xc7\xa2!\x08\x1dC\xa3\xb5ke\xea\x9e\xa2\xd1\xbd\xfd/~@\x95\x1aX\xb7o\xcf\xfb-2\x11\xd7\xadW\x9f\x1d\xc4b\x89h\x02\x07\xe2\xca\x97=@\xf9X\x02b,\xcc\x04R\x051\xac*\x80A\xb0\xf9T\x84\x88\xd0\x0b\xc0k\x8e\x85\x9fm;So\xec\x1a\xd4\xeby\x90*\x08\xc5\x04H\xe4+\x85g\xcc\'8\xb5\xb2\xc6L\xa1\x91\x8f&amp;\xa2\xad\xa7?\xa2\x9a\xb8v\r\xd5\x87\x95\xea\x8b\x17\xd13,\x9e\xbaJ\x06\xeeEc\xb1s\x18\x14\xf6\xb2\'\x8a\xbe\xfa\x02\xd4\x12DH\xaf(x\x0e\x86a\xa4JAL\x03/I0.\x10\x12\x81MI\xce\xf1*\x05t\xeb\x18)\xa3\x87\xb8\n\x87\xf1\xd5\xa1\x7f\x0e`\x85\x04\xc9q\x8dr&gt;\x1e\x8d\xcf\x07,j\x1d\xff\xf0\xda\xa5[H\x11,G,o\xe2"ca\xe1\xe1\xa3\xa3\xfc9\x12\xeb\x9cO\x95H\x94\xdbs,\x16]\xa2\x10d\xca\xb1\x89)\xa2 \x95H\'\xb4\x1d1\xac \x15\x04V\x04RN\xe1\xa6\xe34.\x99\xa8/\xd6S\x85*\xc5U\x98\xe6\x00\x8a 0\xc9B\xa4\xbf\xe3Z)_\xaf9V,\xbaw\xf4\xfb;\xf7\xee\xbd\xf5[P\xad\xaen\xfeq\x13m\xf3\xd5\xe3\xfdhl\x1b\x81\xe5S\x81/.\xb7{P\x86\xe6\xa4\xd8\x10\x98d\x98\x1f\xcf\xe1\x01\xea^\xd7\xab\x8e\xfaN\xdfk\xcc$\x14#.\x12X\t\x11\xa6Z\x85T\xe8\x8a\x89\x0cX#\xa6\x154\x95\x98y\x92\xbf,\x18\xd0q\xad\xba\x81\x1cHH\xa4Y&gt;\x91\x88\xe6\xf7\x9f\xfe\xf8\xe5\x8f\x98V\xe0z\xf0\xe0O\xcf\x8fZ\t\xf0\xc6^8\x88\x81\xc2\xdc\x13\xc0\xa5\x06\x83l/\xe2\x03\xff\xa2\xad)\xaa\x87z\xa1i\xd5\xad\xa6K\x19bB\x19I\r\x07\xbe\xb1\x02,\xa5\xe7ZF6\x99L\xbe\xc0"\x13\x05\xf2\x1a\x1aa}\x92\x088\xbc\x0c\xf5\xdd&amp;z\xc4\xa2\xcf\x15O\x80\r&gt;\xc6w\x8f\x7fq\xe2#*@\xab\x17W\x7f\xf5\xf8x?OH\x80bG@EK\xc5"\xa9\xc5v\xb7(\xd0\x87\xff \xb8\xf0@o6\xd3\xa9\x82\xe56\\\x94\xbc\xbe\xca\x85E!\x00s\x82\xe1\xaeU+\x14\xf4$\xe3\x9a\xabEZ!uI\xbeZt\xa4\xc4\xd5\xaf5\xe9\xfb\x10Y3?\x07\x03W4\x1fo\x1d=\xff\xd9\xf2\xf2}\xa8u\xf7\xd9\x01v\x02\xd3jN\x85G1\x87T\xd7c1%\x92\x7f\x12\xedr\x86\'\xd2\xc9\xf5f]\x97\xb3M\xca\xa6\x87\x96\xa7FD)\x18\x10V`\xe3\xc4\xb2\x8c:a\xd1\xd5M;U\x1f\xb2]\xc1\xc2\x1e\xd3\x88lY\x0ckZ\xb3\xea\xf5\x02z\x9b\xa2\x96\'\x1f\x13\xec\x11\xcd\xe7w\x8f\x1f\x7fz\xe2\xd3\xc7\x7f9j\xe5\x894\x1a\xf3\xed\x03\xd3\xb9\xb8,\x97P\x15=\x89\xcd\xe4\xafQ\x90\xfc\x04D!6\xd3\xadB&amp;\xa97+\x15t\x08\xfa!JJ0\x1c\x10\xe8=\x1e\x9c\xb12I6PZ\xeaSP\x89\xe4&lt;D\'\xb9i\x91\x84%\x0c\x99X\xa9l\xaa\xa0\x9b\xf19\x18B;\xba\x17m\x1d\xfd\xf5\xf9\xf1\xc1\x0b(\xdf&lt;\x8c\x18\xf6`\x0e\x95\xbaX\xf2B\x94GY\xde\x92\x04_5\x11\x81!J^\xcaJg\xe4l\r&amp;V*f-\x82\xa2\x17\x0e\x10{\xa8j\x19\x85\xa6\xeeS\xc9\xb9\xb6\xd5\xa1\xbc%\xb0P\x90(\xb6\x046\x1d&amp;\x1c\xfd\xa3\x073V\x8d\x10\x08\xc2\xb0\x04\x15M@\x8b\xb4I\xb0\x95\x03\xb3O\xb0\x8d\xd8\x08\xfb\n6i,\x84\x03\x9f\xc0N\x9b\x94v\x01\xab\xc05\x92\xdaBHu\xcdu\xe9$\x86T\x81&lt;F\xfe\x7f\xcc\x9dwZ\xea\xb73\xff\xfc3\xbbB\xa5\x0cZ\xabJ\xa2\xaa\xa2u\xd1\xcb\xa3c\x90~\x1f\xdfP\x03\x1b\x16\x1f;\xe4\xf86*MY\xf3j~&lt;\x89\x96M/\x04\x8e-\xdd\x8c\xef&lt;\x99\xbd\x8ac\xdd\x7f\xf6\xba\x1b\xc3\x1e\x0e\xe6\xd8\x96\xcd\xf6\xb2\x14\xaa\x18\rs\x88\xbb,\xc7\xe7s\xac\x1c\x8aRTJ\xc5\x83\x9fgI\x82\x05\x1f1\x04{\xa8*\xee&lt;\x92\x1cH\x90\x1a\x1e\xe1\xe5\xdaE\xf5T\xf2\xf4\x01T\xed;%E.\xef\xbf\xbcE\x16\x80[\x8cf\xf8\xfb\xc1\xe8N?\xae.M\xc4\xe2\xb0\xe1\xcf\x83\x19\x87\x18\xba\xda&lt;b\xb8r\xceX\xee\x96B\xae\x0eaw^\x84J\x91\n{F\x0c\xd5-\x16\x82Y\x8a\x96\x8f\xd0\x85\xf8\xd3l7\xba&lt;(k\x0c\xa6u\x1d\xe0\xd7\xac\x12\x1a\xacq+\x1fqh\xc1\xfa\xe21P\xb6/^u\xff\x1bT\x8bw\x8f\x8fZ\xd7L\xe5\xdce\x03\xb0\xd28\r\xf8\x92\xfeN\x1c\x05\xe5\xe8\x08\xb5-"%\xe6)\xcb\xb4\x92h!\x08M\x92\xaa\x8fCP\x85\xe8E\xcc\'$&amp;9\x14\xa7m\x87Nq\xc8\x9ej\xc8\x82\xc75\xab\xbf\x95\x9e\xeb\x8a\xe2}\x9b=\x96\xfa\x9f3\xa3\xcd\x84\rsq\xe8\xf2\xf8\xc9\xbd\xc1g\xff\x00_\x1dTc\xdf\xfcp\xa2\x00\x00\x00\x00IEND\xaeB`\x82'</t>
        </is>
      </c>
      <c r="M325" s="3" t="n">
        <v>45492.67737268518</v>
      </c>
    </row>
    <row r="326">
      <c r="A326" t="n">
        <v>931479</v>
      </c>
      <c r="B326" t="n">
        <v>49202</v>
      </c>
      <c r="C326" t="inlineStr">
        <is>
          <t>Fernando Sobral</t>
        </is>
      </c>
      <c r="D326" t="inlineStr">
        <is>
          <t>F. Sobral</t>
        </is>
      </c>
      <c r="E326" t="inlineStr">
        <is>
          <t>VOL</t>
        </is>
      </c>
      <c r="F326" t="inlineStr">
        <is>
          <t>VOL</t>
        </is>
      </c>
      <c r="G326" t="inlineStr">
        <is>
          <t>VOL/MC</t>
        </is>
      </c>
      <c r="H326" t="n">
        <v>178</v>
      </c>
      <c r="I326" t="n">
        <v>88</v>
      </c>
      <c r="J326" s="2" t="n">
        <v>34684</v>
      </c>
      <c r="K326" t="inlineStr">
        <is>
          <t>Right</t>
        </is>
      </c>
      <c r="L32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9b2388e2-8e9a-4ab8-ba1e-a73f63e1e81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%\xc6\x93!\x00\x00\x00&gt;tEXtComment\x00xr:d:DAEewil2SDw:3197,j:2859061571337059036,t:23090301\x03\xa6\xfc\x13\x00\x00\x00\tpHYs\x00\x00\x0e\xc4\x00\x00\x0e\xc4\x01\x95+\x0e\x1b\x00\x00\x03\x00PLTE\xff\xff\xff\xa9oO\xff\xf4V\xadyS\xff\xf4R\xfe\xe9K\xfe\xf7_\xfe\xfe\xfe\xf3\xddC\xfe\xeaP\xff\xf7Y\xabtO\xff\xf1T\xfc\xe7O\xfd\xeaV\xbb\x8ci\x16fF\x1b\x17\x17\xa5mM\xf7\xe1G\xff\xeeT\x1f\x1b\x1c\xaaxY\xbd\x8co\xac|X\xff\xeeO\xfa\xe4K\xa2oG\xa5sL\xfd\xed\\\xef\xdbC\x16kI\xc0\x87[\xafxI\xff\xf1M\xb7\x85e\xb6}M\x17pM\xb2|V\xfe\xf4]\xc0\x90t\xb6\x80_\xa6tS\xba\x80S\xacsT\xa0pR\xb1|\\\xb6\x8ae\xb1\x80e\xf4\xdfM\xfd\xe6E\xa8yS\x15\x12\x12\xb1|M\'$%\x9diJ\xb1\x81V\xc1\x8bd\xb7\x84[\xb0\x83]{Q7\xc4\x90e\xb8\x87l\x8c_G\xaamE\xc7\x95i"\x1f \xab\x7f^\xfc\xf5g\xd0\x9du\xcc\x9d~\xbc\x87e\xb1\x87c\x1f\x88`\xfc\xefb\x19uP\x14_A\x1b\x81Z\xcb\x99p\x93dP\x95dD\xabtE\x9ezd\xc7\x8eZ\xfd\xfc\xfb\xfe\xfag(\x1f\x1d\xc5\x92n\xc3\x95u\x83X=\xabya\xf5\xe6[0-0\x89fO\xc1\x8flwVI\xb3vP\xc3\x9a\x82wI.\x9fhA\x98q\\\x91nS\xc7\x96qA?A536\xd4\xa3{\xb2\x86l\xa9\x80enPC+(*\x1bzU\xd5\xa5\x84\x80_K\xcc\x97_\xb7\x8br#\x9co\xbc\x8c_\x9aoL\xa1yY\x9a`K#\x90f\xc5\x97{\xbe\x86T\xa6rZ\x92]?\xb0rJ4% ;9&lt;\xdb\xac\x8c\xc7\xa0\x8b\xbd\x94n\xa1gSJGJ\xf5\xeee\xee\xe7gR;1\xee\xdeZ\xf9\xf9\xf8\x84O1\x8cW7\xcf\xa6\x91\xec\xd7E\xf5\xeep\xbb\x92yjM3a@1\xcf\xcaQ\xf5\xf4\xf4\rD0;+&amp;\xba\xae\\\xc5\xb7NF2+\xa6\x9aO^H&gt;\xed\xee\xed\xe6\xddg\xb4\xa5F\xf9\xdd&lt;V/\x1f\xde\xcdO\xd9\xd0cq&lt;\'YUX\xfc\xf9q\xdd\xd9\xd8\xa9\x83p\xf1\xd34\xd2\xb4\xa9\xe1\xc6\xbc\xc6\xb9f\xe0\xb5\x9c\xe4\xe3\xe3\x11U:Z\x84?c5\'\x98\x8aF\xd2\xc4`\xe3\xd8XH\'\x1c\x87TJ\x8bi@*\xa9{\x9eZ6\xc5\xd9w\xe2\xbf\xaf\xe3\xd0\xca\xd3\xe2q)V73mE\x89tcefb\xad\x8a\x81vsu\xb3\xbfP"iH\xd9\xae\x98\x97\xa7J/\x1a\x13/\x97g\x84\x81\x82\xb6\xad\xa8@Z&lt;\xcd\xab\x9c\xe6\xc6-\xa5\x9e\x9e\x89\xbew\xec\xe4\xdf\xe6\xeat=\xa3p\x81g1\x84{H\xd0\xcb\xcc\x9a\xc6w\xb9\xd2d\xe2\xd5r\xd4\xc7z\xe1\xd7\x86\xc3\xb8\x81\xbe\xb9\xb9\xf6\xf5\xc6roFXcG\xfc\xfb\xe9\x0c4#\x90\x8e\x90\xa5\x956w\xadi\xef\xea\x89\xb7\x97\x84\xf7\xf6\x7f\xbb\xa4\x96\x81\x9cC\xcf\xdf\x89\xac\xce\x80B\x7fI\xd2\xbd@\x99\x90c\x89; P\xab\x84t\xbc\x96\xb7\xadpyfd\xdb\xe5bB\x93\\^\xacp\xa4\xcf\xb7\xbe\xdf\xd1b\x93P\xa8\xa0j\x9e\xbdb\xdc\xe2\xa7\xf7\xf4\xa3S\x9fc0\x85U\xcf\xc4\x94,\xf40]\x00\x00 \x00IDATx\xda\xcc\x99\xcfk\x1a\xeb\x1e\xc6[\xb2\x98E\x16b\xc0Q8Y\xf4\xe0%\xa8\x8dV\x88wrmulFb\xba\xd20W\xfc1\xf8\xe3h\x8d\x99\xa33D\xa4I\xf1\xda\xab\xf1D\x10[\xc1\x84 \x88]\x04"\x91\x94\x06\xb2H69\x0b\x93@(\t\x12\xba\xc9\xceU\x16%\xfb\xfe\x05\xf7y\xcd\xf9\x0fn\'=\xdfQyg\x0c\xcc\x87\xe7y\xde\xef\xfb\x8ey\xf4\xe8\xff,\nE&gt;\xeeG\xd4\xa3\xbfE\x01\xc4\xef\xaf\xd7\x0fn\x0e\xb6\xebu\xbf\xdf\xff\xb7\xe0\xa2\xa8\xfa\xde\xcd\xf5\xed\xf9\xf9i\xb7\xdb=\xbf\xbd\xbd\xbd\xda\xf3\xfft\xcd \xd4\xc1m\xb7\xba\x8c*\xa3\xaa\xcb\x91\xe5j\xf7\xfa\xea\xe6c\xfdg\x82Q\xfe\x9b\xdbS@U\xab\xe5\xb2(\x124\x99!g\xdd\xf3\xcb\xe1\xdeO#\xa3\xeaWD\xa92\x8e\xe5n\xb5\xbc,\x96\xf1\x8e\x94\xc5H\xb5\x0b\xb4\xdb\x9f\x03FQ\x07\x97]\x00A\'h\x15\xc1\x81\x93*\x8e\xb2(\x97\x01\xb9|z9\xfc\xf8\xe0\\\xd4\xa3\x83K0\x88e\xb1\x0c\x0f\xabUPE"\xe5\xaa8\x1a0\xa2\xc8\xc9b\xb5{y\xe3\xa7\x1eX\xab\xbds\x08\x13\x11E1"/\xc3\xbb\xc8h\xc8p\x11\x99\\\x8c\xc8\x1c\xc3D\xca\xdd\xd3a\xfd!\x05\xc3\x0c&lt;]\x1e\xcd@\xd8&amp;\x92p\x95\xcb\x11Y\xe44L\x84\x13#j\x0eld\x8cy9\xdc~\xb8\x84!W\xe7"\xe4\x10\x91!\xf8\x07m4\xb2\x0c\x10\x8e\xd1pj\xbc\xd4\x1a"\x98\x8c\xc0\xc9\xe5\xd3\xeb\x03\xea\x01\xa9`\x18#\xe3\x93\x11\t\x0e\xdcc8\x8dZ\xa3!o5\xa3Vs\xc8\x98\x0ct9"w\x1f\x88\x0bT\x98{ep\xe1\xfej\x9b\xcc\xa8\x19(\xa6\x19qA\xac\x91h\x1a\x8d\xbc,38\xe4\x08s\xfe\xf1A\xb8&gt;\xdeB%\x11\xa9\xe6\xd46NCd\xe2\xe4H\x84\xe3\xe0\x1e\nT2`p\x19\x03\x86\xd1\xc8\x8cf\xf8\x10\xf1\xf2_\x8b\xb2\x8cl#Qj\xd0\x88\x183p\x8e\xb8gC\xa9\xb9\x91\xab\x0c\t\x1cd\xe3\xf0w\xe7\xdb\xd4\x03XX\x95\x899\x01\x18\xa5A\xd0\xe1!\xee\xcd\xa1U12\x89\xbb\x1a`\xc8\x9aZ\r\x15\x03\x01\xc2\xc8\xc9\xd7\x8a\xf7/\x8a\x1a\x96\x81\x15`\x02\xe8\x03\x84\x87\xd3@!\xb5\x86\x19\x85}De#\xd1\x07t \x10(\x95\x182\xac*\x9ezj\xfb2\x02\xb1"D\x0e&amp;p\x0fb#A\xff\xcbB\xc2H\x8a\x0b\x04\x98R\xab\xd5n\x11\\N\xf1tQ\x07\xcb\x1a\x06kr\x007\x0b\x8c\xb0H\xac\x02dh\xfb\x8bk\xa4\x16\x98J\xedZ\xbbV+\xe1{\xdb\xa5\xd2.R{Hy\xa7V\n\x10\x94@\x00X\x00,\xb5[\xf7\xc2\xa9\xef\xb5"\xdfA\xa9\x9a\x14\xdf\xdc\xaa\xb5\x026[\xe4Fi\xac\x1b&amp;R\x8dK\xa5@\xa9\x85\xe8\x00\xeb\xcb\x17uK\x8aK\x9dN\xbbF\xde\xadR\x89\xbcZ\xb5N&lt;\x97\x8bF\xe3\xf8\x8c\xb7m\xb6[\x85\xe5\xf2\xef\x89\xd5\xefQ\xd7V\r2\xd4`\xd2f&lt;\xde?\xbb\xbb\x1b\xec\xdf\xa1\xbe};\xeb\xa5R\xd1\xdcR\x8a?\xfbFNzY\x81O\xf5\xa5\xb6\xfaT\xe1\x1eA\x1dt\xfb\xfc\x1am2\x17\xd7\x84\xac\xd9,d\xf2\x89Fc\xb0?\xd8\xdf\x1f\x0c\x06\x95\x04\xaa\x99o&amp;*\xa8\xbb\xc1\xe0\xee[&gt;c\xf5\xe5\xa4\x1a\xa38\xd6\xdew\xbe\xa7_\xb0\xdb\x83\xde\xb4A\xab\xd7\x1a\n\x84\xa1Qi4\x1a\x15P5\xb5M\x83\xc1\x10J\x8c.\x0e\x1a\t\x82\x05\x87\xdb\xd5=E\xb1\xa8\xfau\xbf\x97Y\xb0\x07\xeds^o:\xa6U\xc5B\t\x82Si\xec\x0f\x00\xd54h\xb5,\xab%\xb0\x89\xc4\xb7D%\xd1\xccd\x81\x05\xae[E[\x04\xf5\xf1\x8c\'Xv\'\xc1\n\xda\xedZ\xad6d\xd0\xb2Z6\xaf5\x18X\xbdU\xaf\xd7\x1b\x8dz\x16F\x02\xb2\xd9\xcc\xb3\x19_&lt;\x17\x97j]E\xd7kj\x8fO\xf1l,\xe8\x9c#\xe5\xb4\x1b\x17\xf4\x16\x8b\xd1\x08\x9aiK&amp;o\xb4\x18_Xh\\\x00W\x9e@\xe5Y\x16\xd9:\x8e\xc7\xa5\xaa\x92-\x82\xaa\x0f\xfb|\x8f\x8d\xcd\xa5\xbd\x84\nX !\x18 \xc3\x90\x9e\x1e\xd3Yh\x9dEge\xf5\xac\x16d\xac5\x93]\x8a\xa2G\xc4;\xd7\n\xba\x88h\xa5\xf8\xec\x1f\xb1{\xad\x9c\xf67\xcf\x7f\x1b\x1b\x9b\x9e\x1e\x9b\xd2Y,\x16\x1dm2\x99\xa6\xa7M&amp;\x1dm\xd1[\xd9|\x06bY\x05\x01X\x00\xeb(\xb9\x8d \xd1\xe2\x05U\xd0\xeb\x85\x81N\xfb\x93\'S\x8fQ\xe3\xd3\x80\xb2X\xad\x16\x0b\x8d\x9a\x991\x99h+\xcbf\xb2YXH\x9b}\xbeh\xf48\'}W0\\\xd4^?\xbb\xb6\xa6\x87\x85N\x94}\xea_\xa6\t\x13]\x14 \x8d\x955\x18\xb4*\xd6\x8a\x12\x04\x81\x16\xac\x99\x0c\xd0X\xf7\xf4\xaa\x0f\\\xbeh\xfcT\xc9]\xc4\rz\xe9\xda\xab\xf4(\xeev\xe3\xd4\x94\xce\x9a\'5\x9as\xa434IS(\xa0[\xa1\xb2\x99L\xc6M\xcf\x12\xaec\xacB\nv.j\x98\xe2\xd7\xdc\xcf\x82\xa45\xbcy\xf3\xdchd\x0b\r\xf4w\xd2I\ry4\xd2\x04\xcepZh\x1a\xf2y@\xe5\xadB\xb1H\\D\xba$%\xa7\xe2\x15\xcf\xf3\xeeg\xb1t\xcc\x0e\xae\x85\x85\x98\xa7\xf1\xf9\xe4\xd3\xa7\x93\xfdA\xc5\xc0\xa2\xdf\xef\xe3\xe4\xd3\xe7\x86\xa7R@/\x83\x8dn\x93\xc9l2\xfb\xa2.\xd7\xb1\xa4\xdc\x9e\x8b\xa2\x80\x95u\xab\xd2A\'\xe4Z\x88\xa5=+\xeb\x9fOP\xfb\x17d\xed\xa9\x0c\x80urr\xd1XY\xf1$\nZXY\x9c\x9d\x9d\x9d\x80\\\xae\xe8\xb1\xa4\\\x87\xa0\xfcw\xc0z\x15L\xcf\x05\xedN\'\xa0...\xd6\xd7/p`Q\xbchT&lt;\x8d\x8b\x8b\x8a\x87\xd4\xfd\x12\x99)\x9aggMfs\xca\xe5;\x8e_*\x87\xb5}\xc6\xaf\xbdR\xc5\x82\xe9\xb4\xdd9\xbf\xb2\xbe\xdeX\xf1\xa4\xd3\xc1`!\x1d\n\x06\r!\xac\x90\x86\x90\x01\xc9\x0f\x15\n\x15\x107\x12\xd6\xa2\xd9\x8c\xdd\xc6\x06\xf4\x92\xbe+\xd6\xb8\xfc\x1f\xb1\x81\xd2\xc7\x82\xb1t:6\xbf\x02\xab&lt;\x85Pp\xc1\x88EP\xaf_\xd0\x8e\x96!\xbd\xd5\x82\xc6\xa0m"h\xd8A4\x05s\xb1\xf8x\x02\xb1w\xc5%\xc5\xa6"u\xc0\xf3V\x953\x16K\x07\xe7\tT(\r\x85\x8c4\xe9\xf0\xe0\xd1\xa1\x8dN[\xac\x99Q\xcb\xe8e{\xf9|\xa5\xd2,\x9a6\xccE\xba\xe8\xc3&gt;b\xa8\x98Z{|VO\xb4\nz\n\xd8\xb2\xa0\xb3f\xdd\xf4\x1aM[3X\x08i\xb8E\xbb3\x99\x1e\x9f\xcaa+\xd3\x91r\xbd\xb3^3_\xdc(\nB\xf1-\xd4R\xeci\x91\xba\xe1Y\x95\x17]+\x94I-\xe5\xa2R\x1b\x8f\x11\x9b\x9bq\xd7\x92`\xa2\xdd\xb4\xdbZ\xa4\xdd\xfc\x924\xda\xcf\xb7Z\x9d~/*\xe5\xf8\x1e\xa8\x1eO\xcc\xfa\x8e\xa5\xf3:\xa5\xd0D\x1c\xf2\x19-\x02\xafM\xe56\xb7\xda-&lt;g\xe0\x01\xa8\xd5\xde\xda\xf4A\xa7l\x16=\xdd\x1c\x95j\xf8\x02\xcfb\xf1&gt;6\xcb\xb5-)\x95\x15\xe8\x89\x8d\rLE\xa5VE\xaa~\xc5\xb3\xc0\x8a\xadESQI\x92\xc8S\xcdf\rT\x0e\x97\xd94Fg\xb3\xf4\x8c\xd9\x15\x8e\xc77\xa5p4\xba\xb4\xb4\x84\xd6\x9b\x8a\x86S\x02B\xbf\xe1\x02\x96R\xab\xe2\xf65\xd9\x02\x06\xd9\xb5f\xa5\xe9v\xaf\x99WWW\x17].|\x9a\xc7\xc6\xc6\x89\x8f3\xe4\x92+\x9cL:\xc2\xae%s6\x83\x15(\xe5*\xa2\x94\xc4\xa2\xb6\xafSVm(\xcd\x86\xd6\xd7\xff\xd0\x99\xcc\x84)\xecH&amp;?\xbc\x1e\x7f\xfe\xf4\x9f\xe02\x99&amp;W\xdf9\x92\xbb;;\x87\x900\xbch\x9e\xd1\xbdp\x17\xcdE\xa1\xb8\xf1VI\xac3`\xa1gyV\xbc\xcf\'q\xff\xe4n\x12\xb5y\xb8\x93\x1c\x7f\xf2\xf4\xe5\x84\xdb\xad\x9b\\|\x9f&lt;&lt;:\x1aa9v\x1d\x8b\x933:\xcb4-\x08\x1bo\xc3\xca\xaa\xa5B{\xf0z\xdf\xbc|O\x90\xb6\xc8\xdd\xb7\x8e\xbe|\xd95:\xc7\xb17}&lt;\x1bv\x80\xea\xa8}\xd4n\xc7\xa30\xf3\xdd/\xe0\xa2\x89Za\xc5\xb66T\xfdn\xc9\xaa\x9a\xc3\x1e\xf0\xc9/\xc9\xb0{q\x07S\xb1\xd4\x91\x08\xd6\x91\xce\xfe&lt;/L\xbe\xfe\x10v\xec\xec\x1c\xd5J\xe4\x07\x92\xd6V8\xf9\xfe\x1d\xf4r[\x04b\xe2\x08K\x81\x1f\x9e1\x13}\x82*\xedu&gt;\xf9\xf5\xc3\x07w\xae\xdd\xd5\xd8\xd4\\\xb7\xfb\x05\xb5\xf3\xdb\x7fT\rv\xea\xf5{\x18\xbb\xd5\xe9\x97m\x9a.s\xd99r\xbc[\\\x9d\x19{a\xb1\x00K\xc2\x8e\x8b\xfc\x9b\xef\x87bQ\xa3\xbeu\x95\x13\xb4\xf3\xde\xb9\xa7\xaf_\x9b\x0e\x8f\xaend\x1bwz\xdaoC\xac\xdd\xff&gt;\xf5\x9c\x14\xec\x93\xef\x0f\x93\xbb\x87R\xff\xd4f\x93\xbb\xc3\xb3\xda\x8e\x03\xb1\x7f\xa1\x7f\x81\xd5\xe7\x1ek\xfb\xcf\x93?\xfd?T\xa9m?E\r\xa3\xd6\xe0\xfc\xfc\xfc\x9b\xf1I\x97\xc3\xd1\xbb\xea\xdal\x81n\xe7\xa8T\xda\xf9\xf0\x8f\x7f\xaf\x9c4&lt;\xfaw\xbb\xbb\x87[\x87\x9b\xf1v\xa9\xdd\xe7\xb1[\xf6\x99g\xdc\xaf\xf4\x08\x17\xd4r\\}\xfd\xf3\xb3\xf3\xe5\xd3O?N/\xff\xd7\xf5\xcf_\xb7\xfd7K\xfa\xe0\xef\xbf\xafx\n\xaaW\xcf\xdc\xe1p\xae\x8d&gt;~\xb8s\xb4\x93|\xf9?^\xcd\xa05qv\x8b\xe3#.\\\xb8\x08\x13\x98Dh\x17\x0e\x19\x82\xb11\n\x9dNL4ZoH\xe2*\xfavJ\x13\x85I\xb5U!u@\xdf\xd2\x1a2u\x06[\x17\xa5Z\xb0R\x06\x86\xceb@\xe8\xd0\xd2\x0b]\xcc\\\xa4..\xb3(\x03\x97Y\xf4S\x94w\xd7\xcf\xf0\x9e\xa7\x97\x0b\xf7\x03\xe8&lt;-\xdd\xf6\xc79\xe7\xf9?\xe7\x7fN^+\x9d\x9b\xab[\xd5\xdb\xdfH&amp;7\xe0\xa7Y]\xa9\xb7\xc2[\xf7\xf7\xdb\xf5D4\x16\x03\xe1J\xa6+EA(\xbd\x18\xa7\xa6\xa6\xf6\xbe\xd3\xd08xu3\xf9\x91\xa6\x0c\xc5V\x8dh\x9c3\xcb\x89|\x012\xf6\x05\xe4\xa0\xb7,(\x8d\xdb\xcb\x9b\xabc\r\xef\'\x0b\xc9d\xb2\x90[\xa9\x17\xf7Z[\xe5\xbf\xd0\xb8$\xc6\xb1p\x15\xf7\x08&amp;\xf8\xbc\xb4\xf0~y2\xad\xb2_\xbd\x1b?\x8c\xff\xb4;\x16\x0fI\xb4u\xda\xcb%\xa2\xd1\xc5\xcd\xfe\x06\n\xd5\xb0\xfdGP\xb7\x1b\x1d\xc0\xbau56_\xf8^(\xa4s\x91\xd6\xe33y_\x1e\x1c`\x0c\xc7z\x9c4\xc1`biy\xa14\xbe\x98\xd6\x9b\xed\x9b&lt;\x00\x96\xa2\xeb^\x06\xb02\x1a-\x12|\xbe\x07z~}=L\xf2\xa5\xa0\xae@\xafzssu\xa5\xd6("\xc2\xe7\xd39\xf4"E\x88,\x9a\x90\x00\x16\xcd\xe2\x8eC`\x96K\xbe/-\x8c\xcb\xa7O\xa6\x865\xa2\x15\xdb\xb6)\xc0R2\x12x1o\xbe\x8f\xb2\x95,\x84\x19)\xa3(\xba\x8d\x92x\xab\xba\x06E\x81\r\x8bD\xf0H8,\xa7\xc06nc\x14`u\x1d\x9e\xc6v\xb0c\xab\xc4\x8d\x99\xcf\xd3\x8b\xd6\xa8\xf4\xfa\xb5\xdd\xb08\x0b"\x93\tZ\x1a\xb3\x18\xe1\xd3\xe9t~/j\x00\x95\xf2g\xe3fr\tI4\x0c\x8a\x1c\x0c\xb6\xd0&lt;\x82\xe3\xa8\x90\xbaob\x18\xc5y=]\x07\xa7\xc5\x03\xb5\xa1\x96\xe8\xfe\xf2\xdd\xb4\xb0.\x1fF\xcb\xd2;\xc9\xcepZM\xb7mE\xafi\x1c\x1a/\xe4"\x94\t\t\x84`]M&amp;\x90\xc4cC\xa0L\x88P\x8c\x0b\x13\x1c\x85\x99\xa6y\x00X\x0c\x0b\x1dW\x11\xc7\x19C\xad\x95\xfc=\xcf\xdd\xb4\xfc\xe1\xc5\xc3h\xc1\xb6_\x04\x83\x9cf\xe8v\xa7\xa1d4/\x1e\x01\xff@\xa4LH\xaeb\x83_\xbc\xbc\xbd\xbd\xb9r1&amp;TVC$\x9a\x92\xa4B\xe6\xc1\x01`i\x80\xe5t\xcb\xb1v\xcfo\xd6^,\xf7b\x9f\xa7%\xf1\x97\x0f\x0f\xf6\xeb\xcd\x87\xf1\x82\x97\x12\x0c\xbb\xd3\xb13\xa2\x97-B?,\xa7\\\x08\x16\xdcCEQ\xd5\xc6\xd5m\xc3\x8did\xc8\r\xa1!\xc4\xf6\xb6\x1b\x02(Md\xa0\xb4\xf6\x8e\x8f\xbb\xbd\xf1{A\x1c\xf7\x7fM\xad{\xbes\xc6\xf6xt\xdd\xd3i\xc8"\xfcw\xdb\xc2\xc0z\x11\xb1\xd8\x16\x85a\xe8\x1a\xda\x96\xa0\x91.2\xae&amp;e\x85\\\x13\xcd-Sd\x88\xc4v\xa2\x1a\x83d+v\xbcO\xf6\xfb\xe3\x921\xe6\xce\xa7\xa5[\xbe\xa3\xfd\xf7\xd2\xc3\x97\x91\xde\x10h\xa6\xd6\xb8\xed\x80m\xb5\xd0\x90\x14l\x18NA\xac:\x8a\xc00\xee\xb1j\x1a\x8dc\x92\x0c\x85\xd0\xef6PA\n\xa3\x14\xc5yx\x87RU\xad\xdd\xebmZ\xf8\xfe\xf4\xac\x86ob\x89\xa3/\xed\x8e]c\xb9\x9a\xdd@\xd6\xd5\x100J\xe3\x8a\xbcc\x00\xd4\x82\xa8\xa1I.G\x99\xe0\x1eS\x8f\\d*48 !\x89\x18E@ii\xaa\x89\xf76F\x9b\x167\x99\xde\x9b\xe8;=\x96z_Fj\xc7f\t\x0b\xd9|\xc02,\x8c,F\xda|\xe3\xca\xd6\xda\xbc\xc6\x80Ql\xe7I\xd7 \xa1\xb8\xcc\xd0#\x1c\xe0QQ\x8a!\xbaN\x17S\xb9^\x7fc#e\x0eN\xa7\xd9A\\\xd8\x9e\xeb\xeb\xeeU\x83f\xa1g\x86\xa3\xd4,\xcb\xc2\x18\xde)6\xf4\xd2\xc6\xcf\xa7\xbb\xf4f$\xf9\xf3g\x92\xc344\x987\x81\x08\x8d\xc6)F\x14Qi\xb1\xd8\x01\xde\xf3R\x8c\x8a]L\xd3.\xfa.m\xbd\x84\xe7\xaf:\x14\xab!\xb9W\xf5\x9a$\x08\x98\x06\x9ai\x057\xbf\xbd\xfc\x14\xe1x\xfe\xe4\xe9\xcb\x9fm"F\xa2\xd2\xb2P\x89\x85\xb4\xac\x18\x17\xbd\xf0\xf2\xb0Z\x14;0MM#\xcf\xa7\xd9\x9f\xfa\xceKJ\xc7\x16:\x1d\x8bej\x8a\nX\x19A00\x8a"\xdd\x98\xc7\xf9\xde\x0b\x07\x88\xdd|\x0e\x9e\xa3v$\xe6\x86,\x08\x15\x1c(,\xa8w$\x0f]\x82b4\xd5M1\xe4\xaf\xe9\x0en&gt;\xa7\x96\xed\x8e\xa2w\x14\xf4ZCs\x03/\xa3!h\xa0\x05.\xe5\x10!\xaa\xd8\x8a\xe4\xa1\x99\xa98N\x1dT\xd4DUEb\xd1\xa8\x067\x81\xf6\xf0\xbc\xc3a\x18\t\xb2a\x0e&amp;Sm\xe6}G7%\xd1\x96vl\x9b\xd1\x04E\x85f\xa2&amp;I\x18f\xd4L5\x14i\xd5+\xd5\x95\xea\xc9I\xf3\xcd\x9b\x95\xed\xc16\xe9\xba\xf0\xea\x80\xb2aQ\x08\x17\x13\x08\xf3]\x87C\xe5f\xa5R\x17S\x1eD\xf8\xeeTA\xd1\xad\x8c\xadi\x82\xae\xe8J-\x03\x86\xd1p]\xb7\xbc\xfd\xe6\xed\xf0\xf0\xf0\xec\x10M\x1e\xce\x9a\x95\xaf[\xdbeP\tT\xee\x14\x05\\\x8c\x97\xf5t\xbb\x80\xe5\x92$\xb3?\xed9\x04\x84K\xd1%K\xc30!\x03X\x86\x81vQ\xae;\xf8\xba\xd2&lt;\xfc\xf8\xe1\xd9\x1a\xda\xeb\xaf\xbdz\xf5\xf1\xacY\xad\x0f\xca\xfb\xaa\x19\x82\xc2c\xe0"r\x01\xd6\xc3wc\xa1r\x19\x12;\x99\xbe\x1d\xbbk\xd8\xba!\xf2\x9c\x05@h\xe5S\xd3\x0f\xea\x95u4\xa1A;\xeb\xc7\xfd9B\xfbt\xb6\xde\xfcz\x7f_vI\x14,1\x9e\x08x\xa1\xb8\xd2\x95A\x083.\x8ef\xe0\x12/;6\xb8i\xd6\x90\x1e\xa9$=\xda&lt;C\xb3\xac\x0fk\xff@&lt;/\xff\xbb\xd9\x7f\x8a\x96\xe7g\xeb\x95\xc1\x00c4xyD\x91\x86$:\xdf\xffs~y19\x9a\x89\xd7\xbf1\xa9\xfb\x8b\xbf\x0c\xb4K\xd4\x8d\x0c1DK{0\xd6h\x8f\x7f\xb6&gt;\x1c\xbe={\xf5\xec\x19\xa4\xf3\xd5\xb3\xb5\x8f\x87\xcd-\x0c\x1a.L\x84\x9b\xe8e\xbb\xed\xdc\xf9\xb4\x9d\xeb\xff9\x8d\xd3\xd3\xd5\xd5\x89aI\x99\x8c\xa2\xcbC\x94\xbb5\xb4\xc3_o\xa6\xf9=h\x94+\x95*\x04\xf0\x03\xfa\\j\xedCs\x1bb\x05\x9d)GCo\xda\xce\xfd\xd3\xf7dfk\x0c\xe4\xd6\'!I\xcaH5,}xv2\x84:\xaa\xcb\x11h\xeb\xc1\xec\xa4\xc1\x1e\x16r\xad\x95\x7f\xaf\xbf=\x83\x08~\xaa\x92\xd9h\x82\xe2h\x94\xc4\xef\xb9\x19\x7f\xcf\xe2\xbbs\xd1v\xcc\xc2\xd2\xcdj\x01T\xfdd\x04\x07l\xd9hc\x84,\xe3\xf5F\xf2\xcdJ\xa5z\xf2\xf1\xc3\xc7\xc37\xb2L\xa0\x1czp\xa7_\x99\xf1G\\\xbe\xcf\xfb\x92 I\x02Vh\xe5\x93\'\'\'\xc3o\xdfF\xc9\x8dkt\xbe\xa0q\x1b\xfc\x1d&amp;\xd7O\x86P\xf7\xc3\xb7\xe90#\xd2^?\xde\xee\xaf\xcc\xfa\x8b\x83\xa3_\x82\x10\x14v\xa4\xdd\xc4.\xf8\xb1t\xd8)8\xc5\xbd\xdc\xf7\xff\x9d\xe4h\xd8\xac\xbei\xc2\rH\xe7\n\xbb4M\xfb\xfdl7\xed|=\x9a1\x96\xef\xd2\x12\x82\xc0\x05Os\xfb_\xf9\xdd,\xbc/\xc5\xe2^\xb7\x9b\xcbu+\x154\r\xa9\x14\xeb+\xd5j\xba\x00F\x11\xca\xdd;\xef\x87\x06\xc2\xf3\xe3\xe8\xc9l\x8f\xef&lt;\x05X\xc0\x15_\x9c\xdb]\x0cD-\xcc"\x8b\xb1b\xb7[)n\x81\xe9\x88m\xd5\xe5D]\x96#-\x19\x84\xd4\xeb\xf5{p&gt;\x8f\xb33\xc7zrG-\xbc\x83\x13\xdc\xd9\x81^J\x14\xc1\xdaP\x1c\xc1\xb7\xdb\x8e\x13\xd9\xabom\xc5\x12\x81X4\x9b\x95\x03\xd9\xc4\xa2\xdf\xef\xf5/\xf3N\x97e\x7f\xac\xce:Z\x9f\xb7\xe9\x058\xef\x00\x0b\x0e\x90\xc5\x03\x11\xa8~\xf0\xfdh "\'\x12\xb2\x9c\xcd&amp;\xe4,\x15\x08\xcf\xfb\xfd\x90\xc2\xbc\x87\xf5\xcc\x1c\xeb\xc9\xd1\xbe\xb8\xf4\x02\x8e \x01W|\x89\x8e/\xcd\xf3\xedB\xb2\xd9,\xa4\xf3&lt;\x1f\x91e9!\x07\x88l4\x1b\xc6\xe7\xe7=x\xbe\xcd{X\xf6~\xe6_-\xae\xfe\x12h\xc4\xb5\x93\x11\x80\xea\xf9R\x1c\x9e\xe26\x92\xd34`98A\xc8r\xa0%\xd7\xb3\x89\xf9\xb9\xb9G*\x9c\xfd\x1dI\\\xbd\x90\x82\x88K\xccH\xc1\xf8\x92\xff\x8f\xe7\xcf\xe7\xf1n\x1eQ\xa5s&lt;\\?B\x0e\x84[Y\xea\x11kn\xb3\x9f\xc7=\xbf\tK\x10D\x1a\x85\x0b\xb2\x18\xf7\xfa\xfd\xf3\xf3&lt;\x8f\x16\x1a\xe9\xf4n\x04\\\x19DK\x96\xa3X60\xef\x9f\xcf\xb7!\x85\xfe\xdf\x83u\xa9\x05\x85\xe0c\xb8Pqy\xe7@\x01\xf2\xf9t\x13\x82\x15\xd9{\xc4Jd\x13\xd1h\x02\n\x1e\xeeg\x1e\xc7\xa1=\xfd\r\xba\xb5z\xc9\x04w\x82\x0bKK\xf1\x1d\x01q\xcd\xe3xxo\xb7Z\xad\xe6*\x95\x16A\x10\x019\n\x02\x91\rD\xe6\xf8v\xbf\xbd\xb9\x89r\xe8\x99\xb5\xca#\x99\xd7\x82\x0bt\xe9\x91kg\'\x1e\xa7\x13\xa0\t\xad\xcan\xa5RY\xa9\x83\x96R\xd1h\x14.\xe3\xe2\\\xbe\xdf\xff\x9b\x97\xf3\x8fi2\xbf\xe3\xf8A\xa1D\x1eA\xd2\x18V\xafe\xf4a\xa5\xdd\xda*\xd1\xa6\xf1\xb1\x95\xac\xc6\x1a\xfb\x83*\xb5\xb2\x1c6l\x1d\x95?v.Od\x85\xae\xabt\x7f\x90\x94\xf0#\x12\xc35\x92\x1bp\xe1\x12\xbc\xdc\xccI\xeeH@2\xe4n\xd1\x98f\xe4V\x05\x0f\xf1\x16\xc0\x8b8\x02\x85\x05\xcc\xf1\xc3\x89\xb2\xbd?O1\xfb\x91-\xfbq\xe2\xb7}\nAb_}}&gt;\xdf\xcf\xf7\xfb\xe9\xf3\x14\x92\xa5KaRt\xbf}g\xdb\xb1~s\\a\xf4\xea\xb4Z\x83\xd4X\xb3\xab\x863\x15Y\x8f\x1e\rT\x9d\x84\xaf\xb3\xa7\x00fEm\x08\xe4\xa2\x96\xb5\xb4\xb4\x94\x1e\x940)\xa4\xeb\x83m\xc7:\r,\xad\xd6\xabR(Y\xae\xa6~\x97\t\xbb\xaa\xa3\x81\xbd\'\xab\xceW\x10V p\x0e\xa5\xfe\x1c\xda\xc6\xe6\xe6\xbaR\x9f,EN\x17-\xa5|\xf0Zl\x01K\x19\n\xb1\x06L8\xab\xf5m\xeb\xb9@UE\xc5\xf9\x8a\xb3t\xbe\x95\x8cY\x03\x81\xfe\xf2f\xb8\x92IR$(\x10\x92\xd7\x82uHa\xd4z\xbdZ\xad\xd2\xc0!\x80\x01\x84\xb0\x16X\x15\xb0\x85m\xf3\xd9SH\xb1@m9\xc9\x92\xc1\x13\xb0\xc8\xd6\xb6_\xcbO\xb6\x14\xaap\x98J\x17\xcb\x99\xf4\xb5\x81\xc0^`\xf5WT|ZU%\xb0\x9d\x12\xa8(\xb1R\x04[H\xae3\x1d\xdbn\xeb\xca.\x041l\x0e\xb3a\xd6\xe0b9Yi\x7fmmm?\xf9\xaa\xfa\x94N\x9dWU\xf5\x97Wb\x16R\xba\x83\x89\xb0.\x9c\xd9\xfek\xd3\xef|\xeb\x90\xd1\xebe\xcc.3k`\xe5. \xf5\xd3\x81QA\xba\xfa\xcf\x93\xaa:\xc1\x15\xf2*E\x08\xe2\x99+\xaf\x01K\xa1\xf0\x86\xbd^\xb3\xd9\x1cV\xaa8\xb9\xaf\xff\xe5\x18+\xef\x1f\x1b+?\xdcL\x95\xe1\xa0DB\xf1\xc3\xc1\xe0\xb6\xfdXo\xdc\xf9\xaeB\xa1\xf5\x9a\xc3\xde\xb0\xd9\xabU\x18\x8d\x0c\n\xe7\x18p\xc6\xe8l\xcb\xa5\xca\xca\xc3-\xa5\xb5\x12\xd4~\xc1\x13\x0e\x01\xeb\x8b\xd7\x82\x05\xaepX\xc0\xc2\xee\x86aJ\x9b+\xe9,b\xe5\xa5\xca\xc3\x87\x9b\xeb\x0ej4)\xe8,\x84\x82\x05$!\x88_l\x7f\x10\xdf\x02\x95\x12\xae\xcc&gt;\xb3\x12\x84!\x8e\xf1\t\'\xfa\xa9\x7f-//=\x08S")%\x95F\xa3cD\xb4\xf80\x17~\xbd\xedX\x1d\xbfPP=\x05\x96\xd9\xec\xd2\xba\xd1p(]\xbe\x96\xe6\xe6\xca\xc3\xcd\xe5u\xa5\xb5\x1a\xb9f\xaf\x86!*Z\xa3\x19\xd8b\xc2\xba\xdc\x0f_\x13\x16E\xd1\xacS\x91.p\xf9\xeaZ\x9a\x89\xea\xe7{5\xb9zt&lt;\x0c\xa3\x07\x97\x00\x97\xc2x\x19o\xee\x87\xdb\xfeq\x8c\x8e\x1f\xbb\x8b\x91[4\x13S\x90\\\xeePH\xabe\xcd\xe0*\x17\xae_\x11\x89\xd0H3"\r\xe9"U"/\xcb2\xba?nw[\x9dq\xe5-\xb7[\xa1\x14R\xdel\xf6\x1aI\x9dR\x19\x86\xaf\xbaR\x8dT\x8f\xcd*\xfa\x9d\x14\x06\x99\xa5#Y\xc02\xb0\x0c\xf3\xfd\xdfm\xebG\x023N_\xf9\xccX\xecVhYV\xe0\nC\x97;D\x9d\x90\x19\x15T\xae\xc7\x06\xde\x07\x8b\x8c\x8en"\x1d\x08YF\x04\xac\x93\xbf\xfa}\xc7\xe9\xed\xfal3}f\xf9\xb3\x8a\xe3\xc0R@P\x12+\xa4p\xc3\x96R\xcb\xfa\xb0\xda\xc8e&gt;\x9fL\x8e0\x02H\x87\xa6Z\xe7\xf5"\x86^\xb4\x8b?\xba\xb1\xbc\xd6\xd1\x94\xd1\xf4\xca7\xf5\x19od4u\xac-\x8d\x9c9\x84 \n%\x02\\.\x836\x89\xe5\xd6\xfa$\xb9R\tzC\x04\x11&lt;`\x12\xe9\x91\xfb,q\xb1\x8c\xe4\xec\x883\xb6\xb4\xb4&lt;\xf3d\xf2\xe1\xab%k\xba\xb2\xbe\xb6\x14\xb3M\x7fOQ\\\xedv#\xa1\xc2.\x17J\x84!\xe4v+\xc3lHk\xd6\xed\xd3\xcbdXrt*z\xf3AGh*\x11:I`\xb9$\x17F\xf8`\xd0\xe6\xbc5\xf2\xc9c\x80\xbd\xb2+4\x1eN&gt;Y\x89\x05m~\xdb\xd4q\x85\x1bX!\xad\x92\x9e\xceEaDn!\xd5\xae\xfb\x10A\x9f\x1c\x15T$\xd2h$\x1a0\x89T*\x15\x8b\x7ft\xb9\xe4{G\x1cAp\xe5\xdf\xe8\xca\xb3\xb7&gt;~\x0e\xb4o.\xed\xf4\xc3\xc9\xd9\xce^\x1bF08uHQ\r,\xd4\x05\xb0\x90.`i\xf1\xc4\xbe\xeb-\xa5\xe4\x8aB\'\xcd\xd5\xe8\x81\xc4\xa9T\x06a\xb0.y\xd50a9\xaf\xdd\xb8i\xcf\xcb\xce\xca\xcak\xfdr\xe3\x1bY\xcb\x00\xd3\xf3Y\xb5\xb8m\x81w\x02\xcb?]\x93\xc4"_\x06\x17\xb67J\x02\xc4Jt\x1d\xed\x97L\xc6\x88\xa4*\x0eu\x02_\x88\x0bLJ\xdc\x0c\xa2\xa9[&lt;^Sat\x0b++onsu|~\xf2\xe1\xff\x87FL=bqf\x9a\xb8o\xc1Q\xe8\xc4\xff&lt;l\xad\xa9N\xeaB\xf3\x838\xb2J\xa4\x19\xb4\xf9|\xd7\xb1y\x97\xeb\xf5*\xe1=@\xbdt\x9fJ\x05\x1e\x16\\J\x8e\xd3O\xe7\x03\x8b\xbf\xf6\xd5H\xb7\x80\xb5\xc3\xd3\x8b\x17\xb9\xf2b&amp;\xb1!\xcc\x81\x8c\xff\xd1\xd3\xe3VqfffjZZc\xaf\x03\\\xc1 \x7f\xaf\xb8Z\x18\x82.DO\xa9En\xb9\x88\x0b\xb5A\xa3\xd7S\xa2\x8b\x18\x11g2\x92,\x16\\\x06\xad\xb1v8\xdf\x19\xb4\xe5D\xa3\xbd\x8dy\xd9\xc0\xca\xee[\x00Vbp&amp;6\x1a\x172\xed\xbf,i\xc4\xb4\x91\x98\xb9iQ\xa7\xa5\x02*--2Wh+t\xd8\x82\xce\xe9\xe2\xea\x97Q$*\xd8\n\x85\x0c.\x97L\xc0\x02\x14\x92\xca\x80\x1a!\xc52\xc4\x01\x893p\x9c\x91\x9b\xca\xc9\xb7\x05\x0b\xafE\xaf\xdd\xf6\xd8\xb3\xb3\xd2wd\xb7\rC}|0\xee\xf7\xfb\xc7gg\xe7\xd7\xd6Qm\xff\xa33\xc1\xd3\xcc\x8am\xf5nf&amp;1\x15\x14\x14d\xb6o\xdal\x08\xa3s\xd8\xbae\x0b\xd5]\xc0\xa2\xde,)\x0bXR\xa9\x14\x99.\xd2\xeb\xa5*\x01\x8b\xd3\x1a\xd1|\x9f\x1d.q \xdf\xa3\xd1\x85v\x0fb\x98\x9e\x95}\xdbA\x19\x11\xf3\xfbGW\x07g\xef\x8f\x0e\x0c,\xaf\xad\xbf\xf3\xef\xc9h\x81xxgc|f\xe8Y\xcc?:dQ\xa7na\xed\xc4T\x0c\xf2\x0e\x9b\x8d\x9f:\xf1R\x17a\xb9\x847\xe1\x0c\xacLF\x99%B\xeb\xbfO\xc5qR\xe9&gt;ND\xae8\xa2\x92N\xe7\xe4\xd8l%\xd1hNo\xb7\'{\x072\x1e)\xe1\xb4\xad\xce\x04\xfd\xfe\xc4\xec\xec8Qm\xc4A\xf6Q\x13\xfd]\x90\x8c\x7fA\xd5tg2\xf1"\x16K\x0c\xae\x90^\x8b\x98\xf2\x8a\xb0\n\xc4s4\x95x\x1b?l=V-\x94.\x01\x0b\x05U(`.\xb9\x9cdq&amp;\x0ec\x9f\t\xceD\xa2$U}\xd1\xd4\xad\x12\xde\x96\x1f\x8d\x96,&lt;\xba\xe8\xa1\xd4\xca\xba8\xb7\xc0\xf3\x89\xc1M\xbf\x7fu\x9e\xa8\x06\x96\x96\x97\xf0\xb8\xfc\x1c\xd1\xfc\xa74\xa3\x0b\x1d;\xd6\xc7\xe7\x13\xa3x\rC/\x10\xf5\xd1\xf1\xbbI\xae\x82\x82\x03\x05\xea\xb6\x05\xbf\xdf\xe9p:\x1d\xd3\xc7^\xceEA\x17+\xd0\x99e4(\x88\x08\x9e\x14U"9\x8av\xd5\xd7\xdf\x1b.)\xb4\xf1H,\xbewq\xbf\x87\xa8\xde\xcc\xf24\xbc\x7f\xb332\x17\x8b\xc5FA\xb5\x14\x8f\xc7W\xfd\x03\x03\xab\x8fg\xfcK\xcb\xebM\xff\x88\x85%o\x95\xa8\x06F\xe7\xef\xc6\x11w\x7f\xf0\xc5\xf8PD\x8d\x9c/H/\xd8\x1d\x99\xc3Ox\x87\xd3\xe1\xb8w\x8c\xb0\xaaCJ\xad\x81\xb0(\xf3\xcd2\x1fa\xc9Q!\xa4\xb4\xe92\x19\x8d&amp;\x88\xb3\xd6\xd7\xd7W\ro\x850\x7f\xa5\xebs\x8f\x80u\xe0\xcd\xac\xec\xdd\xf6&lt;udhhpp0\x91\xb8\xdb\xd3\xd334\x8e1\xfb\xcc\xe6\xf7/O\xfe}\xf4&gt;Z[\x1a\xf0\x8f?~\x06\xac\x81\xd1\xf8&lt;&amp;/r\xf2\xc5\xb3\x065|\xedIO\xdfmi[\x19\xf0\xdb\x1c\x0e\x9e\x1f\xfe\xd3O\x92%"\x99]\xe4\n;\x1a\xdck\xa9p\x91\xad\xa3&amp;D\xd3d*\xaa\xa9\xaf\x0f\x0c\xe7\x978QH\xa3%\x9b\xb7\x17\x85\x18\n\x15b7\xc6\xceT\xb5\xa5\xac\xac\xa7,y\xe0!b\xf9\xfai0\x98\xe8\xf9\x9b\xa8\xf5\x8d\xf9\x99$\xcf\xbc \x8a\xc0\xee\xdf\x1fj-\x13\x03+u\xe7\x9e\xf4=j8\xf7\x07\x9d\x85&lt;\xb8~v,\x89%TTy\x92\t\x07\xed\xb8\xa0\x0b\x19f\xe2\xac\xc8~\xeb\x0fA\xe5\xc8\xe7\x83\x0e\xccB~nq\xf1\xa2\xdd\xeeill\xec\xeb\xc6\xe8\x8c\xd8\xed\x96\xd6V\x81\x88\x86X\x18\x91\xfbO\x07{^\x9aZ_B|!ht@\xe0\x89\xaf\xae\xce |\x16\x0b~O-\x16[\xc4\xea\xbc\x9d\x05\xbb-\xdd\xc8\xae _\xc8;\xf9\x11\xeb\xb1\x13\x88cM\x12K\x80",\x8a!\x82\xa8\x97\x9aL\xc6"\xc8*\xaa\xaf\x1a\xe1i\x9a\x80\xaad\xa5\xad\xfb\xf3\xbe\xf6\xae\xae\xae\xf6\xf6\xf6\xc5\xee\xb6\xf6\xf6\xcb\x97\x1f\\\xbd\xfaI\xfb\x04\x81\x893\xf1T(\xdc\xf8\xd2\x10)Kn\xa4:\x96\xfd\xc1-A\xe3\xf1\xf8\xf8 \x85\x1a\xbf\x0b\xa22\x8b\xa5ab\xe2\xc1\x97W/\xbf\xdb\xde`\xb7\xdc\x86.\x84\xd1i\xe3G\x02\'NT\x1f)\xae\t\xa16\x08P\x07\x93h\x1a=\xbd\xa9k-*\xfaN\x11\xbd\xc7T1\xc2c)u"\xb1\xa2\x9b\xb7\x1b/&gt;\x1a{\xd4\xed\x89&lt;\xfa8\x92g\xb7\xd8#\x91\xbe\xce\xeeoG\xfa\xde\xfd\xc3lR\x14\x98\x08\x0bw\xa1\x9e\xaf/\'fVb\xb1\xd58\xf1X\x92B\xc9\xa9Z\xed\xe9\x9c\x98x\xbf\xb3\xa1s\xe2\xc1\xe5w\x7fz\xaf\xc1\xde\xf8\x14\xba\x9c\xb48\x16\xde8_t\xe4\x88\xbb\x18\xbe\x0c\x0ci\xc2]\x8e\xb5GJ\xae\xacE\xbb0\x8a\xde\x0e\\\x1a\xe1\x9d\xa0\xca\x89~\x15\xbd5\xd7\xdd\xf8hlq\xbf\xdd\xd2\xfe\xcb\x1f\xdc\xeb\xb4G\xba&gt;nU\xab\x0f\xbc\xa7\xb64&lt;\xf9K\xcf\x96*\xb2\xa5N\xcd\x14S\x00\xd7Fc\x83=\r_\xdf\xb5\x08\xd1\xb5\x08\x0f\xf8\xb6\xcc\xd2\xda\xbd\xd8\x18i\xc5\xa2X&amp;N\xf5\xec\xef\x9c\xfa\xb3\xc5rs\x13\xba\x9c\x85\x85N\xe7_\x996\xa3\xd06\xb2+\x0c\x9bY\x8d\xd0\xb8\xa3\x89\xa8fCF\x9b\xb1\xa8\xa9\x105x\xcd\x8c\x08^\xea\xdd\x86%\xf3\x10\x8f\x15\x08\x85\xc0\xa6j\xde\x16\x02\xdd`\xfa\xd0\x84l\x1fC4\xab\x17O\x8d\x08#\xb4HZ\r1\xab"\x88\x90\x04\x85\x05;1\xb618\xc1\x01cQ[R\xb1I\xbcn\x12\x9a\xe8\xc1u\xa0v\x96\x92\xfe\xe7\x8e\x9d\xf4\xc8\xb6\x84I4\x9f\xfe\xff?\xe7\xde+\xdb\xa1\xb9\xe9\xbf\x8d}\x0e\xbd~y\x86\x80\x12\x89!\xa0\r%\x86\x13\xa7\x87\x7f\x87\xa9p\x02\x06\xde\xf8\x94Qab=yr\xef\xe0\xd5Tq\x1a\x917\xb2\xd3[\x1f~\xd8\xb2\x1b\xf3\xb7\xf3i5\\\x91\xfd\xfe\xc2\xc3\xdd#*\xb6\xfer\xfd\xfd8_\xc1\xc0\xf1\x1fm0rX\xfd\xe2qOO\xff\x8c\xdd\xe9t,\x953\xda\xcfwA*r&lt;_\xdc\xb2\r\xeb\xc5\xcd\xf1\xf1\x0b\x93Q\xe4&gt;:7}\xf9\xfa\x89\xcf?\xfb\xf3/~FJ%N3\xb9\x86\x12\xa7\x87N\x8d`,\xdc\xfa\xcbWW&lt;\xaa\xd8\xbd\'O\xee\x1cd\xa7\xca\xd3\xf9\xa9\x8aV\x9ev\xec\xfa\xef\xef\xee\x1d\xf6\xae\xdev\xec\x12aY\xcfwI-\xce\x93\xcbGX\xff\xf9\xd7\xeb\xf1\xf1\xffn\x98l=\xe68\x02#4\xab\xd3\xd9\xed\xfc4#r\xee\xca\xd3\xc7\x1d\x88\xe7\x8b\xf7\xe7Z\xcfff\x9a\xb5\xf1\x0b\x17.\xc4\xa2\xd1\x89\t\xe8\xf5\xe9\xd9O&gt;\xfb\xd3\x99\x04\xcb9\xec;=\x8a\x11\xf1\xd1\xf5\xc4on}\xf1\xf5\xd7\xb7\xbe\xdc\x9e *4!\xa8\n\xa9\xa9W\xdf\xe5\xa6\xb4\xd4\xfa\xb7N.\xbf\xbd\xf0\xb4S\xf8\xe6\xf6\xbf\xbb\x19`q\x85\x7f\xee\x1a\xfdq\xba6\xd88\xa6\x16\xa4z\xfd\xf75\x9a\x98\xbeApr\x8c\xcc\xd8l[\x86\xfd\xf0\xe1[;U\x7f\xb0\xf0\xf4\xe1O3\xa6\xaa\x1aEg\xc60\x8c\xecKL\xfa\x89h(\x14\x8d2\xaes#g\xa0\x0f\xfdTl\xec\\bhxxt\xf4\xa3\x93#\xc0\xba\xf5\xdb\xed%\xca\xd5D\x12\x16.[)m\xaa\xfc]Q\xd3v\xd6\xddF1\xdf[X\xe9\xee\xe6\xaf.,\xf4\xa68?\xd7@\xb6\xd8\xe6)\x1e\xe7\x8e\xb0n\xde\xfcq\x16)\x13i\xd9\xf3\xf5{\xb4\xa6\xdb\x99\xf1\x1b\xdd\xc7\x8fW\x0e\xab\xb9\xb5\xd6\xfc\xca\xe3\xb76gXE\xfb\xd2%\xc65\x11\x8b\xc5BI\xc6u\xed\xf2\xc5\xc4\'\x1f` \x8c\x8c\x8c\x9c?\x97\x00\xd4\xe8\xe8\xe9\x0f`\xe2\x17_1\xaa\xc9X\x08\x16\xbe\x00U`jjg\xba\xa9\x953\x92\x1a7\x8c\xc3\x95\x95^k{\xe1\xee\xedVAm\xd6\x0bq\n\x95\xcf\xd7\xcf\x89\x1c\xb3\xb2\xef\xf5F\xda\x8fi\xc9\xf9D\x05\\qVn\xd5\xf4\xfb7\xbb\xdd\x95\xbbw\x1f\xee6[W\xe7W\x9e\xbe}\xf6\x8c\xe6\x0b\xdc4L\xb7FR%\x93!\xdc-]\xbb\x88s!\xa8(\xe4\xf4\xe7,\xa3\xa3\xd7\x87\xc6\xb0\x0e2\xad\xe06Q\xcd\xbd\xd9\xc8R-n\xb5\n\x98\xf2\x82 \xa9no\xa1\xb7\xe9\xb6\xe6{\x87ns\xdd1\xe3\xfdl\xaf\t\x10r\x0cX\xfb\xa4\x1b\x18\xc5\xc1AE\x01n\x7f&lt;num9nw;v\xfd\xea\xdd\x95\x87\xbd\xfc\xde\xf6\xfc\x83\xbd\xb56\xa8fH.3={\x00\xa6d\x92\x81\x85\xb6n`\xa59\xcfF\xc2\x18Sk\x08\xf3a\xe4\xcbG\xa1I\x8f\xea\xce\x93G\x8b b\xb5\xdcj\xbd\xd9p\xf7\xad\x94j\xa6\x0b\xd5\x8c\x9a\xb2\xect\xb6\xeed\xa6\xb4\x88\xc41\x1bEb\x03\x16\xf6S"E]T\x14^\x1f\xa4`\x99\xed\x8e\xa8\xab\xed\x7fT7\xf3\xdf\\]Xy\xbafd\xdd\xb5\xb5\xfc\x0fXTg\xa9\xb0$m\xd4\x92^\x85\xa2\xa1\xa5\xad\xf3\xe7=\xaa\x91\x8fO\x0e\xfd|\xf4:\xa8\xc6\xae&lt;\nM\x00k"\x8a`\xcd-\xa64M\x1b\x18\x08\x845-\x97\xefm\xccnP\xcd\xce\xee\xef\xefg\xcc\xccN\xdd\xb5\r$WRUX(\xd2\xe6\xce\xc7\xc5\xfb\xbc{N\x94\x15\x91\xd7y\x11jYo\x9fq|\xb3\xde\xc9U\xdbnk\xe5\xb0\xbbf\xaf\xcd\xfe\xf0\xe2\xcd\xec\x86S-\xd8i\xdb\xa2\xd7\xda\xac\x1d\x8b\x05;\xe7\xff\x80`\xc1\xc3_\x8f\x9d\xfa\x00#\xe2\xe4\xc9\xe1ksQPMN\xc6\x92\xf7\xee\xcc\x15\x91+\xd4@@\xd3"Z\xae\xe84\n\xe9t\xda\xda\xa7j:\xf5\xaambf\xa7T\xd54U\x9fOQ\x06!\x18\xc7\x01\x0b\x84\xd8!\x08\x8aO\xd1u4\xa3\xdf\xfa\xeb\xb3K\xc6\xcez*e\x1a\x16m;H\xa3\xe5\xc5\x99x\xb3QN\x89\xb2\xaa*\x94\x8df\r\x99\x07\x12*\x14\x9d\xff\xfe\x04\xd4\x1a\x19\x19\xfb\xf8d\xe2\xd4\x8d\xe1\xb3\xdf\xce\xd1\\\x9b\x9c`T\xcb\x1e\x15J\xd3\xc2\x91`\xd3\xc9;\xd5M+m\xa4-\x97-h\xaaZnw\n\xb83U\x91\x1b\xa4\x84\x8b"a!\xe9\x9c\x8c\x8d\x8bO\xd4\xda\x89\xa6\xc1\x00\x00\x05(IDAT!W\xdco\xef\xb5S\x99\x9d2Vwc\x7f\xcd\xb6\xd1{v5\x97\xe6D\x15[%A\x10x|\nA)[\x0b\x1da\x01\xece\x8f~\xe1nd\xe4W\x08\xfd\xc5\xcb\x8f\x92\xb1\tl\x7f\x18\x15\x8e\x14\x9avL\x15\x89\x04\x83\xa9T\xa6\xe1\xe4Y9n\x06\x12Ijj\xb3c\x13\x96\xa9\xf4\xfb\x10pE\x16\x07\xfb|\xc8:\'\n\xc0R\xb0@\x01KJ5\x9e\xef\x9a&amp;\r*\x83\xad\x8b\xfef\xd15\xd0\x9f\xaa*\x082\x88\x04\x9e\xe7\x83\x8c\x8b\x90b\x0c\xec\xfe\x03\x16\xaeSC\xa3g\xaf\xcd\x85\xa2\x1eU(yon9s\xacU \xfc\xaaQ.\x96\xb3p\x01\x81\xb7\xac\xb4\x197\x82`R\xd9\xb5L3n\x9a&lt;r.\x03K\x11\xfbh\x97\xee\xe3y\\KP\xf5\n\x1f\xd1\x82R\xaa\xda\xeb\xb0\x18\x02\xc6oX\x8db\x01\x0fRf\x1cr\x95S\x0c\n\x9b\xcb`0[\x03S\x0c3\x8c\xe0\x96\x0e\xbe?q\xfe\xd4\xf0\xc5?&gt;B\x1b\x90X\xb1c\xaa0R\x15\x08\x94\x10\xf8\x9dz\xbdZ\xac\x17wrj&amp;\x9biZ\xe9\xb4\t\xe9`#=\x00\x9a\xa9\xea\x94&amp;\xc4\x0bX\x8a\xc0\x8b"\xcf\xeb\xba\xae\x08z%,\xd1\xe1\xb2\\\xedv\xdb\x9dM\x04\xdcr\xab\x0e:\xc5\x7f)\x95[\xcb\xe6\x8a\x8duW\x86\x89\x00\x83\x1f\x12\xf2\x85\xb9\n\x02\xa6\xd9\xcb\x077\xae_\xd9^\n\x1d\xb3b\x82\xdcG\x0fzT\xd0*&lt;\xb5\xbe\xde\xaa\xd7[\xf9v\xd1zU\xafn\xb5\xdc\x9dB._\xcd7\x9cju\xb3\xd1\x06\x96\x14V\xb0;\x87X\xb2\xdc\x87\x17/\xcb\xba\x1e\x0e\xeb\x02\xafW*p\n\xfeg\x1a\x00\xeb\xee\xe1\x03\xcd\x87Q\x95i\xb8\xf5\xfc\xf4V\xde\xa9\x17M\x12\x16g\x84\x08tm\xbeX\x02\x01\x93\x86j\x9b\xa0\xa2\xdec,N\xc9\x97\x8c*0@\\a\xa8U\xc6\xd6\x0f\x9b\xbfb\xce,\xd6\x9d:&gt;\xaa\x8eS\xac\xe6{[{\xed\xee\x9e\xad\xaaA\x9d\xf7y\xe1\x12\xfa"\xba.\x0b\xba^*\xe9\x82\xa0\x97\xa0\x16\xfa\x0c\x96g\n\xae\x8b\x8d\x16\x98\xd2V6\xe7\xee8N\xbe\xbe\xe5\xe4rYU8R\x0b\x01\xd6R\x8b\xf7=.(\x96LF\xbd\xac1W\xa1\xd5A\x93\xd2\xce\xa0\x06H\xad0%&gt;HvH)x\xd8\xcc6r\xf9b#\xdfh8\rw\xd3\xa5SmP\xa7\xf1\xa9(j\xb0/R*1\xacJDQ\xf4J\x84\xbd\x9b\x82\xff,\xa9f\n\xe6\x95\x0b\xc5\xdea5\xdf\xc6\r\x90\xe94\xc6\x1eB\xcf\x07y0\x851\x864\n\x18a\x85\x92\x0c(\xe6u\x00\x9a\xf4&gt;bETt\x1b`j\xe1\xdfG\x18YP\xa0\xf3\x85\x1a\x8f\x9b\xe9\x94\x9a6Y\xe6%vz\x8c\x88\x14uE*\xf5\x85+\x01\x89a\x95\x04A)I\x84\x85/\xb0\x11\xaf\xa2`8{\x87\x87{\x8eSmXH\xbd)\xaax:6"\xa0\x16^&gt;\xc8\xb4\xcc2\t\x96\x0c\xc5&amp;\x8e\xa1\xd8\x90\xade\x8fF{\x80\x91\x05\xb4\xf0\x11\x16\xb8\xe0\x07zZ\x96d\x91\x86;\x80T\xe9h\xf2\x04\x15\xc2\x92\x82\x84U\x91\x11\xf8\xcajIRxJ\xbc\xc0k\xaf\n\xc5F\xfd\xd0i\xbbV\xb1ZE+\xa7\xd9\x02\xae\x8at\x86B\x03\x0btZ\'.6\x8d2\xb9\xda\x12u\xdf{\xa10/\x96\x9b\xcc?\xaa\xa3\xc8\x93\x8ba\xc2\xe2\x89\x0b\x12 \xd8\xa2(\xc2\x1e,;@\x930\n\xa4\xa0@+\xb3\x1c.\xf5\x05V+\x82\x87%\xc8\xc0\x92\xa9\x11\xeb{N\xb5\x95w\x1c\xf4.\xce&gt;4\xb3\xb0\xf3\x11e\x9a)\x04E\xa1\xc7\xf3\x87\xe9\xca\x90\x84\x04Kb\xd6\x87\x8e\x95Z: \xa9\x06\x06\xa6\xfe\x8f+\xec\x15a\xe1\xfa$\x17\x8dMQ\x0c2$\xb2\x90\xbe+\tpQ\x16JPku\x15X|e\xb5\x12\x91\x85 {\xef)W\xaf\xe7\x9dr&amp;\x9d\xe6\xe2\xef\n\xcfp,\xd5q\xe6\xc1EmFd\xd9\x9a\xb7\xcda[\x9d\xdabF\x1bxW\xef\xe6\x03\x83\xa2\x81\xc7\xe4R\x18\x96O\x0c\x06e\x8fJ\xf0\xbc\xe5\xe0!:\xaf/PY\rB-\x88\x16\xa6\xb74\xf1\x19)73\x18o&amp;P\xb88\xedy\xa0\x14+\xc6%3,\x81\\d\xe1!QH\xb09o\xe1\xa6\xa8g\xf0-\xef\xf6^,\xd6\x89\xba\xce&lt;&lt;2\x91\x16\x99A%\xc8\xa0\xe8\xc6\xd4\xe2|\xb2T*E\xc8D`EJ\xab\xab\x01\x89\xf7\xb0P\x94\xc3\xf8\xa0\xc8\x88\xdeq\xc9\xef\xb9\x08\x0b\x19f\\tu-\x93\xad\xdd\x03\xd8\xd2\x0b7\xa3\x01\x08\xf5\xde\xc4\x80\x97xp\x81\x0cX&lt;\xa5\xdb\xf3P\x14u\xb0x\xdd/\x10\x97(\x92X\xe1#,=\xf2\xbf&amp;\xccX\x05@\x18\x88\xa1.\x82\x07\xb6K]\xec\xe0\xea\xdc\xbft\xe9\xe2.\xf8\x03~\x99?a\x92\xb6\xaaPp)&lt;r\xc9\xddQ`E\x87\x99\xa7\xea\xe0\xcfV\x8cs\xec?\xe4\xaa\x87L?\xacXz\xe5"\x88L\xc1\xae\x1b\xf5\xcb\xe5{\xa9\x88\x95j\xdf\xa2^\xae\x97\xbb\xa6\xa9`!\xf8\xa6\x17/j\xe5\xfdL\xb1B\xec`*\x87\xcd\x01\x16\x1b\x02D2$X!\xf6\xeb8\xeb\x1e\x97{\xec@\xa3\x82X&lt;\xdf\xb08Y^\xae-\xed\xc7\xb9\xe5F\xd5\xa0\x96\xf4\xc5\x105\x84Z\xc4\x82\xb5*\x96\xc1\xd2\xeaY\xa6.a&gt;\x12\xeb\x01k\xbf\xa1\xb9\xe5\xa7\x96\xfa\x00\x00\x00\x00IEND\xaeB`\x82'</t>
        </is>
      </c>
      <c r="M326" s="3" t="n">
        <v>45492.67850694444</v>
      </c>
    </row>
    <row r="327">
      <c r="A327" t="n">
        <v>931521</v>
      </c>
      <c r="B327" t="n">
        <v>1984</v>
      </c>
      <c r="C327" t="inlineStr">
        <is>
          <t>Ronald</t>
        </is>
      </c>
      <c r="D327" t="inlineStr">
        <is>
          <t>Ronald</t>
        </is>
      </c>
      <c r="E327" t="inlineStr">
        <is>
          <t>VOL</t>
        </is>
      </c>
      <c r="F327" t="inlineStr">
        <is>
          <t>VOL</t>
        </is>
      </c>
      <c r="G327" t="inlineStr">
        <is>
          <t>VOL/MC</t>
        </is>
      </c>
      <c r="H327" t="n">
        <v>171</v>
      </c>
      <c r="I327" t="n">
        <v>6</v>
      </c>
      <c r="J327" s="2" t="n">
        <v>35598</v>
      </c>
      <c r="K327" t="inlineStr">
        <is>
          <t>Right</t>
        </is>
      </c>
      <c r="L3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ef15f759-a2fe-4d76-9b0f-7929609f9a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8}\xdca\x00\x00\x03\x00PLTE\xff\xff\xff&amp;\'#  \x1c\x1c\x1c\x16+,&amp;"#\x1f\x1d\x1a\x0e\xfe\xfe\xfe%&amp;\x1f()&amp;\x19\x19\x13\x15\x13\x06\xfd\xd9H\xf6\xc79\xfd\xd6F\xfe\xdaK\x16\x15\x0f\x19\x16\n!\x1e\x10$$\x1a))!\xfc\xd2?\x1e\x1e\x1a\xfc\xd5C!\x1f\x16\xfd\xd3C11*\xfe\xddP+-+*\'\x1a\xf6\xc36\xaf\x80Q%"\x15\xa7tA\xae\x81XqF\x10\x1c\x16\x06\xb2\x86[\x91c3\xfb\xcc=1- \xb3\x84T!\x1b\tkC\x08\xab~R\xfd\xdcC\xf8\xca&lt;\xa6vK\xa1rE{M\x1a9/\x1e\xfe\xd8C\xa2o=e?\x05\xabzN)\x1d\t/&amp;\x16\x97f5\xfc\xfc\xfb\x8a],\xb0{I\xfd\xe0V\xb7\x89]\xa4yQ\xf1\xbf1RB+\xc7\xa2~\xb9\x8de\xcb\xa8\x84\xbb\x8e\\[&lt;\x0e3*\x19uM"\xabxE\xf8\xcf&lt;\x9bl9\x9dn?\xfc\xd1;\xc7\x9fvc&lt;\x1594\')#\x11h?\x15B7%\xcf\xad\x87\xc2\x96r\xf4\xba.242kD\x1a\xcb\xa7{}N%\xf9\xcd6\xee\xb4+sR3gO5\x82U#\x90]0\x9ftM\x96a0\xfd\xcf@tG\x1ckG(\xfd\xdfK^8\x06\xc2\x96j\xc0\x93b\xa9|X\x87Y(\x90jG\x0f\x0e\x07vJ\x13\xc6\x9axR6\x08\xb8\x89TR8\x17\xb8\x81Q\xe8\xae&amp;\xb3\x82L\xf6\xf5\xf2xZ&lt;_G1\xfc\xd6=F=/9%\x0b\xd1\xb1\x8e\x99oG}\\4C,\x08\xec\xea\xe7\x83T,\xf1\xf0\xedWG5\x98i&gt;B/\x1boU&gt;zS*\x8aW1L;\'\x92h:\xed\xba.\xd1\xb4\x96\xbf\x90j\x88fD\x88_6\x80S\x1b\xf6\xc90X0\x0c\x83_&gt;\x7faING8\xa9\x80eH3\x0c1!\n\xf9\xc77\x98_&lt;J6\x1c\xf9\xf8\xf7\xe5\xe5\xe3Y;!N0\x11\x88W \xb3|O\x98oP&lt;+\x14\x8eoU\x8f`&gt;9&lt;=\xb5\x80[\\O@GJL\x8e\\&amp;\xdf\xdf\xda\xf5\xc20\xbd\x86Y\xb7\x91r\xfc\xdc;\xd8\xd8\xd5[ZT\xc3\x8ba\xadqH\xa0f@\xf9\xcfEbH\'O&amp;\x05\xcd\xa0\x7f\xb3\x85j\xc5\xc0\xb7\xa0g5[C \xd1\xb6\xa1\x89\x81t\xc8\xc8\xc5otx\xba\xb6\xad\x9bgG\x9cuYkT&amp;\xa7{E\xc8\x9cl\xa3~]ql_\xeb\xc83\xf9\xdff\xd1\xcf\xc5\xb5qa\x7f\x82\x88\xa3lJ\x96zd\xed\xc2$\xfb\xd80\xa8\x8co\x96\x8f\x82t^L\xf6\xf2\xd8\x99\x96\x90\xae\xab\xa6\xbf\xa1\x87\xbc\x81s\xcf\xa8\'\xf6\xd0)acf\x82nW\xbf\x93~\xaapY\xa8\xa3\x98\xdc\xb9(\x99\x9e\xa5\xe2\xbbI\x83k\x1a\xbb\xc0\xc2\xe0\xbb\\\xc3\xaa\x91\xe3\xd8\xc6\xcb\xd1\xd3\xd8\xca\xb5\xf6\xeb\xb6\xf2\xd7K\xcc\xaf?~wi\xf6\xe6\x92\xc2\x97 \xac\x99\x85\xab\x85\x1d\x98v\x1d\xf7\xde|\xa8\xae\xb7\xf1\xcc^\xe8\xdc\xb1\xaa\x950\xe8\xd3\x9d\xec\xcbO\xe3\xd0\x86\xc1\x98\x95\xd6\xce\x98\xae\x84@\xe0\xc4rKa\x0c\xd6\x00\x00 \x00IDATx\xda\xdc\x97\xedK[i\x1a\xc6\'\xe7\xdd\x93/\xe7\x8dp\x08\x1e&lt;\xb1\xa9\x1c\xb3Bbp\xcd\xf1\x05e\xacm\x14\xa5ItKD\x90QQZ\xed\x84\xa9J\x9dR\xd7\xf5e\xb5\xa62m\xa1]E|\xa5\xcd\xe88H\x07\x05\x99a\xecbQ\xb7\xabP\xf0\xc38\xe8|\xd8]\xfa\xad\xdf\n\xfb\x1f\xec\xf5\xa4\xdb\xff\xe0\xd8.{\x13M\x8c\x81\xfc\xb8\xee\xeb\xb9\xee\xfb\xf9\xec\xb3\xff\xef\xe2\xdf\xd7\x87g\xbc\xfa_A*\x1f\x1c\xdd\xd8|\xfd\xf2\xe5\xce\xcb\xcd\x8d\xa5\xf1O\x8c\xf6^\xa1\xf1\xcd\x9d\xbd\xd3wG\xeb3w\xe3q\xcb;\xb3\xb5\xb5\xfbz\xf0\x13\x82A\xa3\xc5\xc1\x8d\xbd\x13\x02\xd4\x1c\x8e\x86\xc3a/\x8aI&amp;\xe33\xef\xf6F\xcb?\x05\x19\xf9\xce\xc5\xd1\x97\'G3\xcd\xc0\t\xc7\xe3a\xcb\x8aZ\x86\xa11\xde\xb5$c\xc5\xefn\xbdy\xbd4X\xce\x7fl\xa6\xf2\xf1\xcd\xb3\xa3\xb0\x9dH\xd8F\xd4\xb24K\xd34\xaffj^FSu!7\x97\xe2\xcc\xf8?Nw\x96&gt;\x9eb\xc4O\x8b/O\xdf\xadG\x13Q\xcb4\xb9\x80m\xa8\xba.$\x93\xacj\n\x82\x8e\x12E\x8a\x16i]5\xe3G;\x83\xe4\xe3\x1fE\xaa\xc1\x8d\xb3\xa3\xcf\xa3\t;\xa0\x18\x80R,\x8b\x93\x04\x95a\x04J\x929Z\xd0\x80FS\x02\x8bvz\xbdp\xd9\xce\xf8\xc7h%\xbf\xb8q2c\xa3u\x86iZ\xaa\xc2\x99\x9a\xc1q\xe8\x9c\xa0i\xb4LS.\xcd\xe5\x12(Q\x12EIR\xd1\xd8h\xf8\xee.\xec\x7f\xeeR-\x9dm\x05\xfc\t\xe2nC\x83X\x8aN\xbc\xa4\x8b*\xe3\x15\x04\x1cB\x86\xf5P\x14+\xe4z\x19Z\x94d]\xb5,;\xfa\xe7\x7f/-\xf2\xe7K5\xfa\xce\xf6\x07\x0c\xdb4\x14\xd3\xd0\x15\xdd05F\xf3\xb2\xa2\xc0h\x1a\xc52I/E\xbb\x98\x1c\x97\xcb\x95\xeb\x15T\x9d\xd3\xf1\x8ea\x87\x7f=\xdb8\xd7F\x96/\xbd\x83\x9b\x02\tEQ\rK\xe1t\xddT\xbd^MSi\x1dm\xf3\xb0\xe8\x1c\xe5\xa2%O\x8eG\x14iZ\xd7\xe9\x94D\t\xba\x92\x08\xffs\xf3\x1c\xb1xP\xe9\xf08\xca\x84\xb58\x8eC\x934U\x15TI\x94\xdc\x12\xc5\xb2.&amp;7\'\'\x99\x04\x96$I\xb4\xc6\xe8x\xdbC\xc9\xfe\xcc\xee9r\xf1\xa3\xbb\x01\xce\xcfq\x8aArA1Mb\x1d\x13\x06\xf2\x10\x8b{rr].Q\xa2]\xc9$\x95\xa5\xc2\x83\xa6\xa5T\x8a\xa6\xe8Dxw\xf4\xbcb\x82_:\xb1e\xbf\x1f&lt;\n~T\x84\x95\xcah:\xa7\xa8:\xbe\x9e\x16=\xb99b*%\n.\xcaC\xe1EJt\xb9&lt;\x12\xcd\x82K\xd2\x15\xe3\xee\xc9\xd2\xf9`\xf1\xe3\xbbQ\xbf\x0c\xb1d\x99\xe3\x0c\r=\x04\x90\xcc\xa9\x8c\x8a3\x07\x95X\x86J\x91\x92\x88n,\xa4\x12\xbc.h\xc8B:Y\xd1\xac\xe6\xd3\xf1s\xe1\xe2w\xee\x07\x02@\x92\xdd2gZ\x06\'+:\'s:9qh\x99\xc4z\x19\x89@yX6\x8b\x02\xcf3^\x1aOxMs\x86\x15]\xdf)?\x1f\xb1"\xfe\x80\x1b%\xcb\xb0\x15\x07K\x89\xb4\x82A\xa3\xd3\xc4I\xae\xdc\\\x1a\x8d\xa3A\xe7\xf1\x089\x82\x87\x15XA\xf0\xe0?\x94N\xe3\xd3\xa6\x11\xdd=\x07\xb9\xf8\xf2\xd7\x9f\x7f\xa0\xd2M"\x15\xd1\x8a\xe3hM\x13TN\xa6\x10\x9f)\x11IJ\xdc\xef\xc1D$\xa2\xc1px\x88:\x86\xb8\x02\xbd\xd67\x9dw=Na$\xe0O\x01\x0bv\x97\xdd\xe4\x87x\x0c\xa6\xa7E\xc8\x07\x8d$\x91erY`P\x14\xeda\xd1&gt;\xf4\xcf#R\xacN#S-\xc1\xf26\x9f\x96;?\t\xcf\xa2n7\xa8\xfc\x88-\xa0qD5r\x1eq\xe6\xe05U\x03\x86\xb0\xf6\xfd\xdaZ.|\x95\x12Y\x02\x89\x93H{\xc0,\xeb\x8c7\x89\xb1\x1d&gt;\x1a\xe5\x9dn\xe1\xde\x8c\x1b\x86\xf6\x07\x90\xa6\x01\xbf\x9f\xf4\x92S\x00\x97J\xe1k\xc9KI\x12\xa9\x9c\xe4\xda\x9a\x97\xa5iW\x0el\x863\x90\x84\xe9D\xd9\xed\x16U-\x99\xd4T\xe7\xbb\xc8o\xae\xcb\xa0r\xfb\xfd\x01@\x91r\xcb\xd9\xdf$/\x08"\x07.\x02\x06(\xd6\x95\x8d-\x9a\xd5r\xb2Xh\xa6Jc\xdfQ\x94\xbb{\x0e\xab\xb5\xf8\xc6\xf6\x93n\xb9\x03\x81@\x04\x0fT 27747\x17\xf9\x80\x89\x06\x93P\xf0\x10\xcfg\x9dO\x93\t\x84V\x8b\xba\xa01\xb4[7\x12\xf1Sg\x17\t~iK&amp;n\x87\xb3\x08\x0cjdd\x85T\xff\xcaJ\x06\x7f\xcd\x05\xd0\xd6\x94L\x82\x02d\x14\x93\\\xcb\x11E\x95\x96\xf0\xa6D\xabd1\xa4eY0,\x87\xcd\xc5o\xcc\x10;\xb99`\r\xad\xfc\xb4\xf2\xd3\xe3\xc7\xb1\xd8r,\x16\xeb\xee^\xee_^^^\x19\x8a\xf8\xb3\xbd\x94e\t\x873\x99\xcc\xa5DD\x86N\xe2\x81V5\x06+\x0ef\x82\x16\x87\xb9\x1c\xc6r\xbf\xc7\x02\xd5cT\xac\xa9\xa5\xa5\xaeu\xac\xa2"\xddZ75U\xd7\xd2?\x82n\x92\xce\x068\x13\xa7\x8e\x11h\xac\x85I\x8d\xa6U\xdd\xc0~\x03*\xc4\x9cn\xc5\xf7\x1c\xdd#\xf8\xd7q8\x07j\x80\xeaJ,v\xfdzKWWqEYYcICC\xc3\xc4D\xc1\xd8Tw\x7ff(\x93\xc9\x0c\xcdEl\xdc\x83\xb0^\x18\xde\xb8\xc0e\x0fC6Ot\xec\x8d\xaa\xeal\xd0\xf3\x83\'\xfelx*\xf6\x08\x84j\xba\xde\xd4\xd5U76\xdd\xd8\x18zU\x9a\x97\x97W\x1aj,HO\xfd\xb5\x7faaaea23g\xe3\x96f\x1a\xf1\xb8\xa1\xf8\xfdH\x0f7I\x10,\x1c&amp;j\xe6\xb5\x83\x11\xc1\x8fne\xd3]13+\xd7\xd1\xbe\xa6\x16P\x154\x84B\xbeWy\x85\x85\xe0\n6\x14&lt;\x9an\xbbs\x076[^\x98\xccV\xf3dss\xd8&amp;\xe74\x82\xf9\xee\xd75\x81SM\xce\xdeq\xb0\x8b\xfcf3\xc1\xc2\xf6\x0b\xb1\xd0?hU\xdcZ\xd0XR\xe2\xab\xbc\x9dw\x9b\xe8\xd581\x1d\x9a\xf8\xd3\xd7\x84\xec\xfe\xfd\xc9\xc9\xfb\xff%\xcc\xccE"\xef3\x04[6\x06\x16\x978s\x0e\x8b\xe7\xdfD\xb2X&amp;\x9cE\x94\xea\xeaj-.\xaeh(\xf1\xf9^U\xd6\xd7WB\xb1\xa2P(\x14\x1c~\xf2u[[\xdb\xbd{\xf7\xfe\xf2\xed\xb7\x0f\x9f\xb4\xb5uww\xff\x98\x15o.\x92\x80\xf1\xb3\xc3\xea\xd4I\xcf\xef\x92\xd5\x813\xcd\xc9+\xb1\xa6\xae\xacZ\xad7+\n\xc0U_Z_\xe2+}ZX\x98_T\x94_\xd4;\xfc\xe8\xd1\xc3/\x0f\x0efg\x0f\x9f={\xf6\xe5\xc3\'O\xda\xd2\xad\xb1\xfe\xfe\xc9\x0cn\x95\xb8\x00pJ\xe2\xc4\xb9@\xe5\xcb\t\x96\xac(\xf6J\xecw\x17\x8a\x8b\x01U\xdc:v\xb3\xbd\xac\xac\xc1W_\xef\xf3\xd5W\x96\x82)\xffbQuuuG\xc7\xe1\xec\xe1/\xbf\xcc\x1e\x80\xeb\xd9\xfe\xfe\xea\xfc|z\xac\xad{\xc1\xb6\r\x95#X\x0e\xaa\xc5/\x1e\x05\xb2\xfbL\xb4\xbf\x89`\xb5\x92\x1a\xbb\x99N\x17\x94\x81\xac\xa4\xd1\x17\xf4\xf9\x82\xc1\xd2\xa2\xa2\xea\xfc\xde\x8e\x8e\xea\x83\x83\xc3YTo\x07\xb0\x8e\xb7\xf7\xe7\xe7W\xdb~\x9c\x8cB-\xb2f\xbfq\x14\xcbO\x8c\x91\x18\xeao\xbap\x01\xc6j\xad\xab\xab\x03\x18\xd2\xb4\xbd\xbd\xb3\xb3\xb3\xc1W\x12,-\x05V\x90\xa8\xd5\x8b\x9a\xed=&lt;\xac\x06\xe2q\xe8\xb8q~{\xe2Q\xf7\xfd\xa8\x9d \xd7\xb8\xb8\x83\'\x91\x1f_\xf7\x13\xbb&amp;2\xb7\x80u\xa1\xab\xb5\x0e\xae\'d\x15\xe8cgg\x19\xac__\xff4\xaf\xaa0\x18\x0c\x86J{\xf3{\xab\x0f\x0e\xab;\x8e;\x86;\x82\xc1\xe3\xe3\xed\xed\xfd\xd5\xa9\xe5\xb0m\xe3\xbed\xcc8\xb7\xda\xe0\x82\x8f\x89\x08\xb1\xec\xccJS\x13\xb1|KKK79\x8e\xc0z\xf1\xe2\x05\xa8\x90\x14\x85}=}\xb7++a\xb3\x8b\xf9\xd5\xd5\xbd\xd0mx\x7fb\x1fT\xe0\x9aO\xdf\x99\x8c\xda6n\x00\xebK\x0e\xe6\xc3\xd2\x8c\x1f\xdb\x1f\xc1B\xc4\x93\x02\x17\xc4JWtv\x12&amp;\xb8\xbe\xb2r\xa0\xefr\xdf\xc0\xed\xbc\xa7\xa5\xdfU]\xcc\xef\x05\xd6\xb3\x89\xd5\xe9\xd5\x89\xed\xf9\xf9\xed\xed\x82t\xf7B4\n0\xc3\xc1\x15\x02j\xad\x07@\x95\x98\x1b\xb9\x15\x8b5a&amp;6\xc5Z\xb29?\xd1XR\x8f\xdc\xaa\xf4U\x0e\x0c\x0c\x14V=\x7f\xfe\xbc\xaa\xea\xd2\xa5\x07\x97\xaa.\xf6\x06\x87\xa7WQe\x05\xe9v\xcc\xcc4\xba\x18F\x1f\xa3\'\x83\x0e\xc6\xd6\xf8\xaf\x91@"\x12\x19"\x031\x16Cva\x81\xa8\xfb\xe2f\x01I\xf9\xdb\x03}P\xe9\xf9\xe5\x9e\x1b7._\xeey\xf0\xe0\xeaW\xd7\xae]\xbbt\xb1(8&lt;\xb1\xfa\xe8Q\xba=\xdd&gt;?\xdf\xd9\x0e\xb9\x9a\xc3\x96a\x9f:\x88\xc5\xf3\xbbdk\x99\x1b\x1a\xb9\x8e\xed\xe1\xca\x15hU75V0\xdd\xf0\xaa\xbe\xb2\xaf\x0f@==7\xae\xd6\xd4\xd6\\\xbdz\xf5\xab\x9a\xda\xb7\xb555?\\\xfa.??\x18\x9a\x98/hO\x8f\xb5\xcf\xe3\xb4\x82+\x0c.G\xb1\xcaO\x12\xd8JGn]i\xc2N\x03\xaa\xba/*\xca0\xa8C\xa5\x98\xd4}\x97o\xf4\xdc\xf8{M\xed\x1f\xfeX\x0b\x9e\x9a\xdao\xde~\xf3\xf6\xb7\xdf\xfe\xf5\xc3\xec\xcf?\xf7\x86B\x8d\x13\xe9\xb1\xb1t{\xe7\x8b\xcet,cY\xc6\x9bE\'\xd5:\x05\xd6\xd0\x15\x84\xc3\xef\tUw\xf7\xdf\xfe\xc3\x9a\xd9\xfd\xa4\x99\xa6a|\xbb\x9d-;\x9d\x93N\xddl\x8cYc\xc1\x91T%\xe1#\x80E\x0cDh\x05\x03\x01\x07%CH\xe0\x05\xc2\x1b\x1c\xa0\x85\x85\xb4\x9a\xba@\xf1\x0b$\xe5#\xe0Wt\xaa\xc2H_\xcb\x04\x12\x81\x08\x0c\xda\x9da\xdc\xda\xa4\x19M\xac\xd9u\x93\x8a\xc9\x9c\xd4\xf4`\x93\x1e\xcc\xf9\xde/\xfe\t}\x9f\x18C\xe2\x81\xbf\xdc\xf7\xfd\\\xf7u=x#v{\xea@(\xa4\x01\x16\xd4\n\x8a42"R\xa8\x1dw\x01\xea=`}\xfcxttt6?\x96H\xa4\x83\x88\xdff\x02\x1d\xd1\xaeJZ[\xffC Vo\x03\xcb\xd7\r\x07/\x96kf\x865\xdc?\xd5\xbfuv\xb6i\xa4u\xde\xbbw/\xecP(D\xe5r\x03\x0bgz\xfbr\x1b\xce\xd6\xc2\xc2B\x7f\xbf&gt;\xc2G\xfc \xba&lt;\x9bK"!\xd4\x9d\x82\x83\x90|\xd5\xe3lPY\x9cK\xcb\xb0C\x9a\x9b\xfft\xe5\xb3\x96\xa19}d\xf3\xa0C&lt;\xeaP\xa8\xd5\n\x05\xfc\x88r\x1f\x8f\xcf\xb6\x17\x1e\x7f\xf6\xf9ebmi\x99\x19\xf7\xfa\xfd\x06\xd8\x066\x17K\xf2\xf8\r\x91\xe6\x94\xf4\xf3%\x16\x07z\xe8\xc3]\x1d\x1e\xaa!\xccC|\x18Z\x98\xb5\x1b;\xd4\x8aQ8aq\xe5\x97\xb1\xf1\xe1\xdb\xcd\x7f\xfd#\x9c+\xdf\x0c\r\xb5\xb4\xb4\xb6\xdeY\r\xd8\xf86\x9b\x89\x0fX[?\x10\x8a\xf5OVW\xcf@;\x8e\xb5\x04R!\x01\x0b\xc5bI\xee@d\xbd\xde\xd4\xc4\x9a\xd2y\x04\xdf\x8a\x01\xab\xc3\x18\x99\xd5\xcfI\x9a\xf0\xa7K\xd6\xd4\xc9\xd9\xd9\xc9\xec\xc9l\xbf\xa4g7j\xb3\xd9\x0c\xb6\xb5\x19\xd6\xf6\xb3^"\xb1~\x18\xee\x82jq8\x1c\xe7\xc4\xf2\xc4\xdc\x8e\xce\xeb\xf5&amp;\x12c\xfa\xd5\xafo67\xb5\xb2\xfa\x13\xc2\x8eN\xd0QZb_\xaf\xefg\xddf\xf5\xeb\xe7#\xbf,\x1e\xe7\x8e\x85Faj\xb6\x7f-\xc0\xe7\xdb2\x88kx\xf8\xf5\x13"]`C\xe6q,\x98\xac\xa5\xdd\xfd\x80?\x1a\x82t!4F\xf7\xd7\xbe\xbf\xb3\xfc}\xbf\xce\xf3\xaf6\x818\xd7\x11\xd1\xe9\xf5\xe3;\xba\x84\xdd\xc3\x10Z;\xc4\xb8\xa8\n\xb9\xc6\x88\x0eE\xf8\x19\x9bmw\xb8\xff\xed#\x02\xbf\x02"}\xf7\xec\xf5r\xa3Zp\x119\r}\x0f\x85B\xd4\xa8W\x87\xee\xec\xae\xad;wu!\x06M\xac\x16\x89\x8eS\x91H$\x14\r\xa0\xa8\xce\x1bIY)\xe0\x0c\xc1S0B\x01(W\xc6\xbf\xbb:\xf7\xbf\x1f\xdf\x10U/X\x89\xef\x8f\xa6\x96{\x96\xba\x81\xca\xc2\xe1\xb43\x11D\xab\x81\xf8\xf0\xf5\xad\xe6[w`!9\x95R\xbe\x9c&amp;\xce\x89NE9\xeb\xb4A\n3t\xe3\x8b\xeb\xcd7Y\xbb\xdei\x9c\x8a!\x8f\xfa\xa9\xd4\x0c\xb2\xbb\xba\x8a\x06Wr\x17\xc4\x8c\x17i\xf2X\x15\x87X\xea\xc3g\xcb\xc2\x81m(u\xf9&amp;z\xae\xdd\xbf\x7f\xff\xc5\xe7\xdb/`\x81\x97\x94\x08\x8f\xdc)V;\xd4a\xa1\x1fu\xcdl\xbfk\xba\xfe\xfc\xc5\xd5\xe7\x7f^^\xd7\x04\xa7\xe5\x0c\x86\'\xc4\x03,\x97\x0b\xad\xd5\x82\x86\x1c!\t\x96\xd4\xfb\xa3*\xaeT\xfa&amp;|\x1c\xe0\x1a\xc0\xf74\xfe\xe2p{\xe1\xea\xb5\x1b\x7f{\xfe\xfbo\xef\x86\'|\xce\xf6L5y/,\xa6p\xa7\xed\xb3SS/\xdf\xde\x86\\\xf8\xfc\xb7\x9fn\x83\x9d\xf5\xcb\xe9B\x1aC\x86c\xad\xa5\xe8\x87\xc5`\xf1\x82\x10\xac\xc9\xa3x\xc9\xa2R\xfa\x9c\x1cN7P\x81\x83\xf0-/\xcf\xe9_?\xee\x91\xb4\xfe\xf4\xfb\xaf\xbfn-\xaf\xc7U\xdaj_vt\x14\xa3\xd3S\xfaY\xdd\xd9\xdb\xed\x89a\xd6\xbb\x7f\x9f\xe9\xd7P\xa9\xdfC\xa1q\xe9r\x1cKw~^\xe0\x16\xab{\x04, \x12\xe9B\x1a\x87\xce\x99\xd7\xf1\x91\xc7\x13\xb5j\xc0\xe5ZC\xc7\xc6\xe6\xc7\xc7O\xde\xbe&lt;\x9b\x1dw\xad\xc7\x95Zv_V\xa1\x10\xd3\xe5\xf6\x84.\x10\x8dDt\'/_\x1emF\xa2\xe9i\x8f\x90B\xc1\xb1l\xc8n$\xa7.`X\xd5\xf1\x88\x08\xac\xf7\xf1\xb8J)\r\x0c\xe0X0W\xd2})\xaaT\x05\xa2Qo\xda\x9e\xb2\x1fAP\xd5\r\xc4U\xccF\xb5\xb2\x05\x9e\xe7 \x8d\xa2\x81h\nB\xd9\xb1\xd5\x18\x9a\xf6\x18\x85\xf8}dP7\x10\xd4#r\x14\xb0\xff\xae`\x04|\xcdB\xea=\x8e\xc7-\x16\xad\xd4bi`\x05\x02R\xfcDA"\x1a\x02\x81\xeaP\xdc\x172M\x83\xee|\xde](\x86&lt;\x11\xd4\xb5\xbe3f\x87Pf\xf5\x84&lt;p\x84\x14\x98-S\x06\t\x08\x05X\xf1\xb0\xb2\x02\xc3\xf5\xe9X\x93\x91R\xdc\xa2\x92\xb6\xc3duw\x9b\xb5\x81@\xc0\x0f\x02\x11\x80\x84\x01\x06\x07\xd5%\xc6\xa4\xd0Ws\x0c\xb0\xb2\x80\xc5\xe6\xf1j\xf6\xc4\xec\xf8.:6\x0f\xaaj4B\xfc1\xd2\xb8\x97X\x14\xb8\x14\xc5Jz\xe5\xc3\xa7K\x17\xe9\x89\x17\xb0\xcc\x08\x13\xafV\xb79\x00\xe1\x90\x1a\xa2R\xa9\xa1(\xb4\xd1\x1bMG\x83~\xad\xc6\xcc\xdc\xa8\xf6\x01V\x12l=\xb9@\xafy \xe8on\xa6\xa0\x81VHAB\x08\x902\xd3\x06\xa2\tb\x0eu\xf1\x9c\x08,H=c\xa5\xb8\x12\x89qJ\xf8M\x84jEC\xd3 \x902\x99\x8cG5Py&amp;^\xd5\xc043\x99\x19\x98\xad|&gt;[(\xf4\x15\x92Y,I\x87 {\xb0\x08\t\x08\x06\x8b\x82\x8f\xbc,\xb3\x81\x98\r\xe1\xb2\xe80\x95\xa8}z\x13/\xb1\xcc\xc8\x03K\x03\xab]\x8aP\xe5\x0c2\x83\xcd\x9e\xe6\x19 $\xb2\xc9\x83\xecL\x8c\xf9\x00\xb0\xdc\xf9W\xaf\xa0\x8b\x85\xbe$\x06\xd1G\xd0\xc6\xb5B\x95\xacV\n\xbe\x19\xa1\x89\x99X\xcc\xbf\x82\x85O\x17W\x82\x95O\x0fe\xb0y\xe6K%3P\x95\xe0&amp;v\xb73mT9\x99\xce\x96\xe3Plr\x01\xd2\x18\xd9\xb4\xc1d\xc6L\x97X\xd9d_2\x0b\x91,\x1c\xce\x0b@\xae\xda(\xe0+*\x18\x85\xce\xe6\xf1c6F\xf10yZ\t\xfa\xeb\x93\x04`}\x07j\xaaQ\x95J\xb0\x0e\xbb\x1bXx4\x1c\x1c\xa47\x02"\x9c\x82\x0c\xb06Llw~\xd41\n\\\xdc,$2&lt;\x94A\xcd\xc4a\xc8f\x02\x01\x85K\x96\xd9bH\x07w\xa5X_\xd4\x06\x89\x91\xd3\x8f\xf1\x92RY\x8ak4\x9cF\xb5x\xec&gt;wgg\xb2\x0f\xba\x05\x99\xd5\x9d$\xf3\x81*c"gG\xcbeu&gt;\xcf=\xc7\x00\xca\xe1\xa8\x03Y8\x0c\x1f\xd4\x90\xcd:\x07y\x99\x98M\x8c\x15\r\x95Em\xfa\xa2\x97\x08\xac\x9f\x95%e\xbc\x14\x972\x1bM\xe4\xf3\xd8\x83\x0f\x81\x06\xa7\x82\x14\xed\xee3i\xdb\xcd\xb6j\xb5\x90\x1f\xd9{\xea\x08\xe7\xb9\x87\xe7a\x07\xe0@6s\xc0\x81\xdf\xe2\x0eA\x92\xc1\xdb\x88y\x8f\xebF\xc3\xf9\xa29E\x84q&amp;\xfd\xe1B\x17Gq,)\x18\x88\xeeF\xb5\x1e\xe2U\x02\xaa&lt;`\x15\xfdZ\xad\xd6P\xad&amp;\x1dO?\xec\xddu\xe4\xb1d\x12\xab\xab\xf12\x89\xca\x00V.;\xc2\x02\x8c\x0b"\xaf\xf5\xd6Ok+\xb9\x03m\x9d\x18\x071\xb9\x19Ga\xb6T\x1a\'\x0c\x17\x13\x81\xd9rw\xba\xff\x0eP\xf9p\xde\xcd\xf6k\r&lt;\x13\x9b]\xc8\x97\xf7&gt;\xec\x8d\x00D8\x8f\xe5\xa0\x99y\xb5\xba\x8c\x1f\x91c\x14k\xe3\xca\r\x884\xe1\xa9\x1dZ\xeb\xe9\xf4\x1e!Q\x91\xf4\xe8c|\xc0\xacQ\xc5\xd7\x97`\xe8\x99\x08_6\x88O\x154P\x1c\xc6\x8a\x1bf-\xaf\xc0f\x93\x1f\x8e\xe2XO\x81\xab\x0c\x15\xc3\xb0d6\x0c\xe1QTV(\xca\xa3\x82N\xb6\xcc\xa0\xd5x\x8d\x95\x9c\xb5\x16\xb4^\x90\x88\xf1[o\xd08\xf8O\xad\x06\xacM\xf7\x83XF\x06W\x10\x9a\xe8\x86\xbbO71-\xb0\xa4\xfb\xc8Ur^\xf1\x8f\xbd\xa7w\xa1&lt;#\xe5p\xae\x92\x84V\x8a\x1b\x8dt8\xc4\x8269\x95/E\x13\xb9\xf7\xf5T\xbaV\'\xe8\x15\xa2\xf7\xc9\x91j@\xc3\xe7\x07\x96|\x16\xc0\xe2\x1b\xd88\x96\x1b\xfe/F7!*U\x8c\xc9DL\xd5\x87\xaf\xca#\x8a\xb0@h\xb7[s\xa7u\xb1\x00\xc3\xf0\'\xa5\x86Nt\xd2\xe5&lt;\xbet\x1f\xfeP1\x1eZ?\x10\x941\xc0\x9e\xea4\x1a\xa9Y\xb5\xe4sv?`"\xa0Q\xd0\xc6$\x97\x8ea\\\xb6\xc1\xafY\xef\xf9\xaa\xc7g\xae&gt;\xfc\xf6\xd5=\xe3\xfc\xc9\xf8\xb8=\x07\xaa\x00\xa2\x05\x01C\x00\xa2\x05\x82O\x9f\xa6\x064\xfb)n\xcd\xb8x~\xfa\x88(,\xd2\xe4\xa2T\xa3T\xa9\x9c8\x16t\xd1\xc4\xc6\x9f\xbd\xe5\x0c\x1aw\x10B\r\xea\x9a\xe8\xfa\xf2Z\xcf\x9a\x8dg\x9c\xdf\x9a\x9a\x9a\xda:;\xce\xa9\xd59q\x87\x10\xf6\xa1\xa0\x13\x0e\x97\x11\xe2kv\xf495\xbdf=}F` {vln\xd7j\x07\x96\x9c\x9cv\x10T\x93\x8cLf\xf3B\x1e\xa3&lt;\x94FWg$]_\xdc\xb8z\xf3\xd6\xcc\xdc\xd6\xc27W\xfe\xf2\xf8\xf1\xdc\xec\xe6beq\x11v\xb4\x95Fk\xe3r\xc9\x90|\x02\xfb;c\xa7e\x8c\xf6\xf4\t\xa1O#ON\xa9\x1b\x1b\x97X\xb0\x96A\x10x\xd4h4\x81\xee\xac\xcd\xf4t\xdd\xbcy\xed\xda\x97\xd7\x9b\x86\x86\x87Z\x9a\xae7\x0f-\xb0\xe6\xf4\xf3\xf3\xf3\x9b` \xacB:\x9d,\x97\xc9C\xde\xfd\xfd\x1do\xee\xee\xc8\xc5#b\xbf\xe5$\xf5^\x9c\x1e\xfc\x9fv\xb3\ri+\xcd\xe2\xf84j2\xea\x17\x8d\xe2Ji\x18kT2QP/\xda\xdcj\xa9\\\x16\x12\x99\n&amp;s)#\xc2\xbdi\xa4AH3n6\x0b\xde\x90\x90D\xf3\xa6\xf1C\x94IL\xc4X\xed\xe4\xa5\x8d\x08\xe2`II\xc7\xd6\xfa\x02\xba\xa3c\xc0f\xd7Z\xeaKg+\x1d\xbb\xdb\xce8\xb3\xcb\xbe`w\xf6&lt;\xb7~\xdf\x9dYs\xb8~Q?\xfc8\xe7&lt;\xe7y\xce\xf3\xfc\x8fG\xaa\x93V\n\x85B\xe5\xb5\x0e\xa0\xa2\xe2nL\xc6\xde\xd3\xe22\xbc\x84[PxV$\x10\x89\xe4\xc3F\x8ct\x13n\x92\xa0wVVT\xe6\x9a\x96\x8bW\x80*\xae^NN\xd9\x1aN]U\x89\xc4\xc1\xdf2:\xe0\xaa\x14v\xddj\xac\xb0\x00\x14^\xc2\xc7e\x80\x86\x8dS\x8c\x8bvcN\xc2\xe5\xf3\xd1\x06\xb7\xdbN\xca\x04\x02\x811\x15Y2\xb7@\xf3\r\x87k\xcb\xb2e\x01\tzO_\xcb\xc2\xe3M1:)X\xbdP\xd9h\x19\x0f\x83\x9b\xc4%2Y\x90\xf6F\x17ggg\xef\xec\xed\xed%\xa6\x13\x89\x84?\x99\x8a\x11rQAA\xa1\x91\xf6i\xcd\x96&gt;\xb5\xc5k\x01\xb0\xb5\xf4\xc8\xb7x\r=\x11\xc0\x82\xafmH\xb9\x1c\xc60\x99B\xa2p\x8e3\xe6\xbb\xa3\xac\xdd\xdd\x03$\xbfF\xb3~\'\x11q\x11\xf2B\x01G\x1e30\x1e\x8a\x8a[(\xaf%\xee\x9bJ\x93\xaa\x0cv!\x04\x15\xd0\xb7\xb6\xf7\xcd\x05\xdd\x04\x86\x87\xf5\xb4\xba\x0fv\xea\xfekQ\xe0Z\xdc\xf3\xc3\n\\\xdaX\xdc\xb8\xa0\xf1\x91\xb8H$\xb2\x13q\x8a\x8eSZ\xcabQGl\xe9\x12\xbb\xd96\x81\xaa\x15\xb8\xe2s\xc1 A8\xdd\xc1\xf1\xb8\xfe\xb3\xd6\xd6\xb6\xeb\x006\x1a]\xdc\xd8\xd8\xdb\x0bE\xa3\xd0s\xf4zi\xa7\x88$\xed.\x83\xcb\x05\xbd\x99\x97\xb1,ov\xa7K\x82\xd7\xb3c\xd5I\xdb\xa4\x01\xab^\x1fv\x12\x04aw\x8e\xe4K\x9c\xe3j\xb5\xcf\xdb\x1b\r-\xb1\x96\xdcL&amp;wR1\\"\x0b\x87\xdd\x84\xc1\xc5\xd0\x06\x8f\x07:\xed\xe5\x97\xe9\x12\x9e\xf2l\x0f\xad\x90\xf1:\xabuB\x1f\x08\xda\r\xb4\xdd\xee\xc61\xe2\xcd\xe3\xfd\xb5\x85\xfd\xb5\xb5\x19\xf8f\xe6\x0f\xa7\x0e\x0f\xe6\xbfy\x04\x7f\x02(\xda\xe0\xa2i\xda\xeb\ri)\xfdV\xba\x84\x94\xbc\xb1\xa3\x80N\x0f\xc9e\xb5\x06\x82N\xc2`\'(t\xf9\xf7\xf0\xf1\xfe\xe1\xc1\xc2\xcc\xd4\xcd\xa9\xa9\x9b\xb6\xc3\xf9\xc3\x85\xe3\xa3d\xc4\xabeh\x1a\x95\x0bZ\xedbBZ\xefr|-mrk\xde\xfd9\xc0\xd2\x07LV\xfd\\\x90p\x11\x06\xef`\xb3\x9a\xea\x8d.\xfa\xfd\xc9\xa3\xfd\x85\xad\xa3\xe3\xe3m\xff\xfa\xfa\xfa\xdehT\xbb\xe2\x01\xaeT\xc4G\x01\x9cVk\x89\'{\xd2\xa7:\xb5\xed\x04&amp;t\x01\xb0\xb9\xf1 \x84\xc9\xe7\x19\xb4\xa8\xd5\xed\xfdP\x1b\x00f{}o}\x1b\x0c\xb0\x16\x17\xef\x94\x86\x18\x83\x9d\x8eD|\x0c\xc3x=\xd4\xdcQw\xfa\xb0\x1a\xf6\x9d\x01}\x002\x0b\xbc\xe5t\x12\x8c\xb7\xaf\xaf\x19am$\xb6\x13\x88h\xf7\xc1\x83c\xa0\xdb\xd8\xd3\x94j\xb4.w\x8c\xf61\x14`1\xf4\\\xfc~\x1a5\xba\xbc\xfb\xa4)\xa0\x1f\x9f\x08\xe8\xddN\\\xe4\xa6\xbd\x16tQ\xd2?:\x8a\x9c\xb5\xbb\xbd{\x0c\x06\xdeJ\\-_\xf1{\x18\xc2\x08\x9b\x91\x0b\x82\xc8\xcc\x05wz\xd2\xa8h\xe6\xf5|a\xb2\x06t\x13\xfa`X\xc1\x15\x0c\xd3\x96\x81\xc1&gt;K\xc5\xc5\xd1\xbb\xb3l\x10\xc1]\xc7\xbb\xdb\xdbW\x7f3]\xeeO\x84"\x06\x92]\x8c`\x84\xf3qw\x1a\xf5\xdf&lt;\xde\x96\t\xb8\x02\x810\xce\xe5\n\xe4\x045P\xd1\xdc7X\xe1\xa8\x86=\x11\x91\x81\xcbv\x9f\xecNO\xfbK\x13\x89\x88\x8f&amp;\x86I#a\'\x087F.\xa4W-?5,\x19\t\x87M\n\x9c_,\x90\x11\x96\x01Ks\x1f\x04\x12\xbd\xe2i=Z\xa4\x17I\xee$#\x11\xbf\x7fz%\xe2\xb2\x1b\xe5"#\x94z\x82\xc4\xed3\xe9\xc5\xb2\xbd)\x13K$\n~\t`a\x04eQ7{\x06\x9b\xd1\x06I\xd8\x8dFp\x8d=F\xd0\xbe\xc8\xd2\xd2\xf4\x92\xcbN\x0e\xcbEr9f4\xca\x14o\xd2;[\xd0`{,\xe1\xb3"~~I\t\x16\x9cS/{\xb4\x83\x96\xb6\x80\x93\xc4`g\x06\x08\xd8\x06\xe1\\\x1a\xd2.Af\x91\xc8[\xe8\xb7\nl?\xbd\xa3+\r\xddGVqY\x99\x98\x8b\xbc%\xc0\x82\xfa8c1\xd7\x0cR\x06\x03)\xc3\x8c\xe0\x19\x97+\xb2\xb9\x12\x8ax&lt;\xe0,9`\x9d-,\x14\x94\x88\xdd\x0b\xe9\xc6\x9a\xae7\x95q\xcb\xb8|n&gt;\xbf\x04\xc7\x82q\xca\xa2\xaa\xaaRi)\xb7\xdb\x1d\xb3\x13\x86H\xd2?\x9d\x08y\x98\x13\xaa\xcc\xcc\xc2\x02\x81x\x84z\x90v\xacJ\x9d\x84\xcb\x15#]$\xbfD\x06\'v\x0f\xba\x195{\xbc\x8c\xcf\x97J\x01\xd5f\xc2\xdf\xe4u\xb9b\x98hX\x0e\'\xd4\x82\x12\xbedn \xcdX\xbc\xee\'\x95\x95\xd6\xb2|V\xc8\xcf\xe7\xcb0\xcc\xc0h\x9bT\x8e\xa8v)\xb4\x94\xf4\xf9\x92\x9b\x9bK\xa1\x90\x16N\x0ev\xc8\xa9\xb3\xc5\x05\xc5\xf0_no\xcb\x83\xf7\xd2j\xbc\xb1\x07]\xc26\xd3;\xb10\x1a|\xc0\x08\x82\xf2\x0cR\x94\'\x14\xf2D\x18\x97/\x19a"&gt;\x17,\xc8aQAfa\x11\xc2"|\xe6\xba\x97\xe9\x9d\x8a\xe2\xf1^\ru\t\xa5\x92\xdc\\v\xc4\xa0\xb8\x00\x8e\xa0\x06*\x1e\x87\x1d&amp;\xc2\xec\xd0\x06\xe8\x0f\xe9X,\x06\xc5B^\xc8\xc9\xce\xe2\x14s\xc5Am\xd3F\xcb\x93\x864\x0f\x1f}\xab\xec\x12VN\xb0j~$\x7f\x83\xce\x904\x10\x04l0\x90Y\xb4=\xb5\x93r\x19\x87\xedF\xd2(\xe2\x14eeq\xf8\xe2 \xa3j\xaan\xb9\x9a\xe6\x99\xa8\xb1\x97\xd0V\x0b?\x96\x8e\x94\x01U.*_\n\x12J\xa9\xc1\xe0\x8e\xc5\\vC*eG\x03\x94r\xb9(\xab(\'#+\x87KzU\x9a\xea\xea+\xd3c\xe9\x9b\x88\xe5\xa1\xcb\x88\x14\xb4\xfbBa\xbd\xd4t\xa2s\x85\xe5\x88\x91\x84\x9b\xed\xa3\xed\xa9T\xccH@\xb5\x87zu\x06\xb0\xb8b\xd2\xa7\x05\xac\x1aG\xe9\x94\xcd\xd6\xdd=v\xfa\xa1&lt;\x99\x03\x9e\x0f#E\x0b\xd2iX\xc5\xf9\xac\xb6\xba\x18\xca\x17\x89T$N\xf7\xb0\xd1n\x97\x93\x10\xc1\xc2\x82L\x84\x85\xd3\x91\x15\x8d\xa6\xaaf\xc3\xd18\xb0\xb29\xfd\xe4\xe5\xab\x9e\xf7x\xa7\r\xd5}\x7f\xa1\xc7\xb6?"\x15v\xc1b\xac\xec\xec\xb4J\x90&amp;\x9c\x9b\xcf\xc5\xf1\xb0\t\x97\x91\x18F\xe2\xa8\xd0\xc3\x9eS\\\x94\xc5\xc9\xc8\xc1\\K\x1a\xf6-\xb1\xdaq\xa3\xb6\xebc\xfdD\xeb\xf5_\xff\xa1\xe14\x99\x1a\xc6l\x07\xabgW\xdf\xfe\xf4o\x13`\xd5^G\x12\xa0N\x9dI\x0c\x91\xcc-\xe3K\x00\x0b\xc7e\x8a0.\x03:\x85\x80\xcf\xcd\xc9\xc8\x10\x90.\xf6i\xbf\xb4\xea\xc2\x05Go{{\xf38to\xfa\xd7\x7f\x1e\xe3\x9d\xca\xf57\x9a\xbb\x9d\xd9z4y\xae8\xef\xd1\xdb\xa7?X\xa5\x95\xc8]B\xa4 \xd1YG\xd0PF\xbe\x18\xba~\x85\x02W\xc0\xc1\x02\xc7\xc5h&lt;\x89\xabp\xd3\x8cY\x05P\x08\xab\xda\xd1\xab\xecU\xf6\xf7\x85?\xcd}\xf1\xa7\xef\xbaO\xe1y\x0cb7\xb3\xb5z6//?/\x03a}o\xd5\x9d`\xa1\x04\xab\x97ZGP(?E\x1a\xefw\xd3\x19h\x9e%_\x0cP^sSUii\x15rV\xf5\x00\xd2\xa8^\xeb\xb86Q\x16x\xfe\xaf\xbf\xcf\xa0\xc9\xe6\xff\x0f\xea\xe6\xd6\xa3\xdbh\xb6\x82\x9b{\x82\xa5\xb3\xa2\x9b$\x16\x0c\nXe}\xa7\xce\xca*\xa9\xd9B\x96[\x06\xa7\x0b\x85,HC\xb7cVUk\xca\xcb\x01\x0c=\x08#aY\xc7\xc5/\xdb\xefI\xfe\xf1\x97\x7f~\xbd\xba\xf5\x8b_\x85\xd9\xa9\xe9\x99?N\x9eA\xba#.\x9a2\xcc\xc9{\xf4\xea\xe9\xf7R\x13K\x85\xac\xb6\x8b\xf5X\'2\x9dN7\x01\x9d\xc7\xdc\xf8x\x1c\x1c\xe5\xd5z\xccM\xe0\xac\xf2\xf2*\xf6\xf9\x1c\xe9\xf0\xbe\xbc[W\xd7\xd1*\xf9\xf1W\xdf}\x93\xf9\xc9\xb3\x99_\xe2\xb0\x93I\xee\xafo\x17q3\x8a2rr\xf8\xfc\xbc\xdc\x9c\x9c\xbcgk\xaf\x9fv\x8d\xbc\xc3\xaa\x05\xbb~\x9d\xada\xe8\xcd\x05\xd6\x81\xb2\xb1b` \x1a\x1d\x84\xf3\xb3\x16\xa04\x90\xef\xa5\x1f\xa08V;\x10\xd6\xdd\xf3\xb3\xe7\xebjM?~\xf4\xd7\x83O2\xb3\'\x17n\x8e\xfd\xcck8\x04e;\xdc\x7fv&amp;/\x83\xc3)*\x02\xaeb4A\x9a\x9739\xff\xfa\xe9\x8b\x91z!\xcb4\xa4l\xaf\x05\x7f\xb5\xa1\xe4\x17\n\x87n5\x0e\\\xb9\xe2\x00,\x96J\xa5\x81\x00B\x08?\xf8\x10R\xbe\xc6\xd1\x0f\x1dn\xdd\xec\xa5K\xb3\xb7\xee\x01\xd6\xe1dv\xf6\xfb\xe7\x9e\xed\xcf\xfc\x9c\xb1~T\x0e\xa6\xb6Vo\x03\x10\'\x8b\xc3\x8e\xaa\xa1\xf144\x8f|\xfb\xe0\xa7\xe7?\x98:\x85,\x14\xb2^ cC\xd95\xd4Xq\xd1\xe1\x18\x18\xd0\x9a\xb5f\xb3J\x85*Cy\xf9\xe5\xcb\x1f\x02\xda\x85\x16G\x7f\xb4\xa5\xee\xfc\xa5\xcf\x7f\xf7y\xc7\xbd\x17\x1f}55\x99\x9dy&amp;+;{\xf2\xe1\x81\xed\x7f\xe4B#\xef\xf3\x0f\x87E\xc5\x9c\x02\x0e\xa7\x00a\x81\xb72\xe0\x07\xa5\xd8\xfb\x7f{\xfb\xfc\xa9\xee3\xd6[\xca\x1b7\xe0\xbb\xd1\xa8T\x0e\ruu\r)o4:Z\x10\x90Y\x85\x92J\x83\xa8\xc0~{\xb9\x1c\xc9&lt;\x07\x1d5\xef^&gt;:\xee\r\xfd\xfe\xab\x9b_d\x9f\xcb\x06\xac\xac\xac\xdb\xcf\x16l\xff=\xc9xH\x11\xb5\xb0*\x17\x14\xfc\x87\x90\xf3\x0fik=\xe3\xb8\xe7$g\xcb)\x8dWfb\x8c\x8d\xb1?\xa8i\xb8V\xd3[\x17\x08\xda\xec\xa0\xc9.F\x13n/1.\x9c\xc0m+l\t\x83\x95tI\xc1\xce\xb1R\xba\x7f\x9a\xca\xcc\x85r\tL\x10.\x0b\x8b\x9e\xd2\xf6\x82\x0cdT\x0bS\x1a%\x10Wl\x87:h\xfcQ\xdaZ\xaa\xf8\xb3^Y\xb7\xef\xf3\xa6\xe5\xde\xcb~\xbd\xf6\x98\x06i\xf9\xe4\xfb\xfd&gt;\xcf\xfbJ\xce\x93\xf2r\x01L&lt;\xce\x00\x15\xc4T\xce3\xac\xb2\xdc\xcbBa\xf9\x0b\xc2"\x8e\xa6\xdf\xb1?\xfd\x0c\xb0\xa9\xb6\xc3f;\x0f\xa6\xf3\xf4.\xc1Q(\xd5\x1aq\x03\xab\xa6\xcef\xbb\xfe\x87\xebG\xe8\xed\xab\xdb\xbf\xbc\xf0\xf9rv\xea*a\xf1\x1c\x9c\xd4p]\x0f\x1f\xfc\x9fvAP\xc3O\xefU\x1f.\xd7h\x04p\xd1"\x0f!Xy9\x9c\x04V\xe6\xc5\xb3\xfc\x9b\xdf|\xfa\x8b\xfe\xfe\xfe\xcf\x9a\x9a\xce\xd5\xd6\xe2j\x02\x11\xaes\xb5\xed\xb6\xf36\xba1\xbd\xa1\x0e2\xb5\xba\xdd\x11\xb7\xdbj\xb5\xd6\xd8\x1bl\xbf\xbe\xdea\x87\x83Q7\xb06f\x80\xa5\xe1D^#r"\'p\xba\xaa\xd7c\xff\xebV3\xfc\xe8\xee\xa3?B(\x9d \x00\x8b\'*\n&lt;=\xf0\x95&lt;\x05\xac\x8c\xdb\xfeG\xbe\xf0\xe3\x9f\x11\xd6 \xc3\xaa\xad\xbdQd\xaau@\xac\x06\xd8WW\x07*\xebq\xa7\xbb5\x12\x89Zix\xa4\xe1\xbc\xcdf\xab\xb1\xde\xbe\xed\xfe*&gt;\xf4\xe1\xdc\xcc\xd6@\x06\x0eVh8\x81\xe7\xb0D\xf5\xad\xdc\xf4\x7f\xe3\xfa&gt;\x1b\xc4\xc7\xaf)\x1c\xa7a:\x01M\xa0\xdb!\xc9H\xbe\xfc0\xfa\x042V6&gt;\xbd\x94\xdd\xfc\xd3\xb1S\x0c\xab\x89\xb0\xaew8\x9a\xce9j\x1d\xed\x1d\x1d6jTG\xa9]Y\x9dNR\xcbZ\xc4j\xf8QC\x835\xe2\x8eD\xfa\xe2\xfd\x9b\xf3wVW\xba\xa0\x93\nW\x059\t\xae\xaa\xcc\xe3\x81\xff\xb0#Q\xf1\r&lt;\xbd\xa5\xd3\xe8t\x1a\x9aW\xc5zg!\x93\n\xf9\xd2\x8do/\xe0\xa1,=\xb6\x9f/|\xf8\xc3S\xfd\x83\xfd?\x1f"\xb5\x1c\xc0\x02S\xbb\xa3\xa3\x11X\xa08ZW\x03\xa9\xdc$\xd6q&lt;\xb5\xd6\x00\xcan\xb7;\xfb\xc2&gt;\xdfd\xf3\xe0\xdc\xcc\xd4\xb5E\x13\xc32\x99PP\xc0\x12D\xb5\xba\xea\xde\xe8\xbf\x15%\xa0\xae&gt;xX]\xa9\xa3\x8f&amp;(G\xb2\xf0\xaf\x98Vx5\x1c\xc2\xae\x123\x8b\xc3\xbb\x7f-G\x03+[|\xbe\x94\xdd\xf8\xfc\xd4\xe0\xe0`\xffg\x84u\xc3\xd1\xeep8\x1a\x1bi\xb6\xc6\x0e(D\xdd\t]\xc0\xe5v"W$\x96\xbd\x8e\xde\xc0\xeb\xf4\x05}\xe1\xf6\xcd\xe4\xcc\xda\xd5q\xaa\xc2\nN\xad\xc6\xe9\x87\xb8\xa0\x97Z\x9d~4\xfc\x9d\xe8\xb3\x93\x14U\x9fN\xf3nq:f$\xa0\x04UYEzaq\xe5\xee\xee\xb3\xec\xdc\x174rx\xef\xee~\xb6\xd0\xff)\xb0\x06\x11\xa9s\x8e\x1b\xd7\xdb\xa1\x15\xcd\xfbL\xd4D\xadQg\x94\x94r\x93^p\x10\x1e\xd6\xd1\xe4\xc8Qgk\xd8\xe7j\xf1\xb9\x87\xe6f~:;\x96\x16\x90\xf8\n\xaeJ\xad\x11PO\x9c\x9a\x05\x0c\x82=\xf8V\xf4\x015\xfd\xfaJ54*\'"F\x05a)\\x-\xe9\xf1\'\xa3{\xff|\xb6\x94\x88\x85\xf2\xcb\x87+U\x07\x84\xed\xe7\xd9\xec\xdc1\x92k\xa8\x98\xf4\x8e\x0e`5\x1e\x01\x95;\xeavG\xe3\xf8\xb2Z\x9d\xa4U\r\x8b\x16\x89\xd5\x1a\xee\xa4\xfb\xd6\xdb7\xe6!VN0\x89\x1aU9W\x05s\xd8\x8b\x17\x19\x97N}\xe5\xfe\xdd\xf7\x871@\xdd\xbfR\r\xaa"\x14\xc3\x82V(\x93\n\xbek\xe1\xc9\xcb\xfdg\xa1P^\xcaK\xa1\x98\xb2\xfe1\x8fnOre7\x8f\xf5\x0f\r\r\xa1\xb1\xb3\xa8\xb7\x93\\m\xcd\xf1(\xc0\xe2\xcd\xf1\xb6fk4\xca\xa4\xa2o(L\xa73|\xb1\xa5\xc5\x15\x8cl\x16f\xce\xcc\xbeH\xa3kq\x15PLC\x81\xe7\xe9o\x003\x91`\x99\xa7\x03E\'\xef&gt;\xbau\xf6\xb0\xee\x1b\xff\xde\xe7\xaa\x82\xcb\xe4F\xf7v\xb4\xf9X&gt;+a%b\x89\xc2%U\xa5J\xc5/\x0e\x7f\x9d,\xa0\x12\x07\x07il\x85\n\xb0\x03&gt;62\xb0x\xbc\xb99^\xa4\xa2\xf4\xe3\xaa#\x07\xfb:[\\.\x97ob}\xbeg\xf5r\x0eY\x17\xd3\x8b\xe3\xa6*\xfa\xcc\x08p\xf1\xc4%\x8a&amp;\x02\xebz8\xc6\xde3\xbe\xf5\xf1\xd9\xeajF\xc4\x02\xcf\x1e+\xcb\xca\xba\xc6\xb7_n\xbd\xd2B\xa5@RJ\xd0\x8a%\xb4\x9b?\x00\x16Z\xeanv~\x1d.Rg\x07\x96\xad\xc3v\x84"\x8f|\xd1x\x14\xd8\xac\xa0\xb2\xdbI+\x88\x85\x9e\xd1w\x11\x06\xba\\\xce\x8d\xfc\xcc\xd4\xe5\x95\xb4\xc9\xc4U\xff}u\xe0\xb1Z\x10\x99P\x02\x8fZ\x14Mj\n\xbe\xfa\xc4\xad\xfbtOIu5\xa3\x02\x92\x8e\x99G\x83\xbe]\x0b\x96\x8b\xee\x96\x00\x00\n\x04IDAT\x8bc{;\xf5\xb2\'\x05\x18\xa5\xbe^\x9b\xd5J\x89PB\x9e\xfb\x15N\x14\xaa\x03\xe3\xc3\xfb\xf9\xec\xc6\xa9!\xec\x88\xb5$\xd6\x11\xdb\xc4\x91\xe2\xa2;\x82&amp; \x19I\x85f\xe1&lt;n\x05Tk+i\xe5w\x85\x1b\x0b\xf3\x87f\x87\xb1\xf1\xa8u\x97\n=k\x03\x8bi\x15\xd3\t\x01\xd3@A\x93\xc8\xb8\xd4\x9f\xdc{r\xb5\xa4\xe8\x1f\x888\xa6\x15_\xd1\xb5\xf0xlwK\x9bT,\xb2\xac\xc4bIK\xe9\x889\x10\x8b\x85\x02J2\xbb\xfc=4\x8d2\xb21\x9f\xd8\x1cD\xba.8\xdam\r6\x80\xd1\xa0\x0f\xd3\x0bNR\xa8\xac8:8#\xad\xb4\xe8v\x1b\x97\xdf\xdf\t\x0bgV\xaf\xe5H\x14aY\x96\x93[\xcfq\x9ecBA\x0e\x0e\x1e\xaa\xc9E\xf4\xd6\x13\x9f\xbc.y\x97sV\r\x82\x8a\x02\xb5\xbbv\xc6\x93T\xccI\xaf\x9c\x92b\x92\xc1`\x0e\xc5h%\xccr\xfd\xdc\x17\x95\xd8\x8e\xca\xbaV\x9eg\xf3\x85!6\xa5\xd5\xdeh\xb7O4L\xd8\'&amp;\xde\xe95\xd1\xdclgTQg\x04\xad\x8a\xee\x84h\xf9\x9b\xcbO\xc1\x9aY\xbb\xb6\xdd\xa5\xd3\x89\xc2o\xe7\x0cr2/\xed\xec\x8d\xe62\xbc@\x1fL\xa2\xd1\x88j\x08\x06!\xc1Uu\xa2\x84\xa5\x89\xb88\xbeL\xa4@\x1d\xd2\xcb=\xa7\xbdJ"\xe5\xb5\xa4B\xb1\x91R\xa4+\x91 \xb2\x10|\xdc&lt;K\xd5\x80j\xdc\xcb\xcf\xcf\r\xe1t\x8e\x12\xa4\x82\xab\xab\xb1O\x80h\x02e\xd8\x06\x13A\xe5t\xb2Y\x96\x8b\xada\x9a\x1aA\xdc7\xf2\xf3[\x08\x96F\x14u\x1f\xbd\x99:\xe3M&amp;\x95|\xfe\xd5\xd6t\xae\xab\x8cW\x93[\xe4!\x0cf\xab\x84e\x1c\xdf*\xf9tnewj$\xe9\xf5\xc8z\x03a\xe9\xbb\xcd1i\xc4,\xb1:|\xa7X\xec\'\xac\xf9\x0b\x8f\x07\xf6\xf3\xf3\xeb\x17\xda\xe9\x1e&lt;8\x86\x10\xd5\xd8\xeb\x9a\t\xa9\xb9-N\xb3\x19n\xf4\xcf\xa0\xbf%\xe8\xeb\x04TK0LTS\xb3c\xd8\xa35\xe2Go&lt;SS\x06YQ$\xc5\xdb\xa3\xdd\x1f\xcduU\x08:\x88\x08\x1c\x91\xb1\x89\x0c\x8b\xa3\x1e\x95\xce\x8d\xed\xee\xc8\xb2\xec\xd1{Sz\xa3W\n\x11V\xa8^k63\xb0"V,\xb6\xfe%;W\x98\xb6\x07v\xe6\xe5u\x07lk\x8eF\xb0\x07\xf7\xa1}Z\xd1\xb3\xa2\xd0\x8aM\xb2P\xfb\xf4\xd3|\raMZ7\n\xa0z\x91\xe1\xd1\xabNl\xe8\xf5\x86W\x16EI&amp;e\xaf\xd1`^\xda\x1b\x1d\'0bb\x0b\x8a\x95\x90\x7f\xbc*\x9d\x9b^\x9dR\xf2\xb2G\x96\r\xfa\x94\xd1\xe8UBfc\xb7$\xd5\x9b\xb5\x04\x06\xb4D\x11+\xb4y\x96\xda\x9a*\xf3b\xf6\xd5\xcc\xfc\x9b\xb6\xb7m\xf1h$\x8c]\xd8\x17\x8e\xa0\x97\xa2\xa3\x12U\x1f\xa0Z\\\xbd\xbd\xbd~\x17\xb6\x9c\xcep\xbcHu\xaf\x02;n\xf9\xb2\x94\xf4\x98\x03\x01EJY\xbc=\xfa\xd3\x86@`g\xef\x01\xc04\xe4\x9e\t\xad\xb6\xa8\x96p@\xcc\xa1\x1f\xe8{d\xc9\xec\xf5x\rz\xd9h\x80P\x92\xb1\x9b\x90\xb4\xef\x16\xc8@\x17\x08\xc5\x965T\xd3|\xee\xf7\xab\'g\xb2E\nP\xb5\xf8&amp;\'\xb1?G\xb1\xdcE\xa5\xfc\xbd\xbd7{\xd1D[\xc2\xee\xb7p\xf0\x0c\x1c\xc4iR8\xbc\\\x08\x84\x02lI\x96\x0f\x0e\xf6\x18\xea\x13\xf5\x16i\x07V\x9a\x0e\xe8\xde\xeb%\x96hxnaew\xc7\xe35\x1aeI\xf1\xe8\xf5\xfan(\xdb\x9d\x02\x96a\xc4l\xae\x07\x10\xfbb\xa2\x05B\xa1@\xe1/:j1\xa6\xc5\xcb\xabw\xee|\xfd~L\xcb\x85\xe3\x01\xce\rlp+\xe8\x07\xd3\xcd\x9b7\xa1\x96\xcb7\xe9\x8b\xbc\xa56J\x0eB\xaa\xea\xe5\x84\xa2\xc8\x96\x14^_,$\x8d\x1c\xd2\xf7X\x02J\xcasZ!+M\xd8,\x99\x95\xea\x12&gt;\xb3\xf8\x1c]\xca\xd3\xa3\xd7{%I\xd6\xeb-\x16\xe3iCw}\xc2\\j\xfcF+\xad\x16)C\xc2B\t\xc5&lt;\xf7g\x08m\xe2\xd2+\x97\xd7fN.MN\xfa|A\x17\xa4\xf1\x13\x17\xd6d\x10O\x88\xea\xa6\xdf\xe5\x0f\xc2\xda\xb7\xebD5\x96\xe1\xb1\xed\x9e]\xce&amp;S\xb2l!\xd9c\x01K}\xe9A4\xa0D\xb2\xf4\xa0&gt;`\xde\xd9}\x92\x11XG\x85Z\xe3\xd3k#\xa8\x07\xadWo\xd0\x9b\x13f\xbd&gt;\xd5m0\x18\xbbS\x92\xb6T\xfb\xdd\x85|I\x92\x92TRs\x97D\xea\xc9\x99\x17\xd7\xa6\xee\x9c\\"(\x12\xc7\xef"\x1f\xc3\x93\xc4\x08\xa1\xc0\xe6\nBBPeA\xb5\x92\xa1\\U.gQU)\xb3\x12\x80\xee\x92\xb7\xb4t\xe4P)\xfa\xa2\xf6\x83\x83\x9e@2\x90\xdcz9n\xd2\x14\x1b\xc4\xeeN\xd2\xeb\xf5\xcaI\x8f\xd1`\xd0\x86$\x04\xdeb\x84d\xa9\xfa\x91o+U\xe4\xc2\x85\xff5)\xaf\x7f\x89b1\t\x0b\x03\xb3g\xee\xbcz\x16t\x15\xc5q\x05\'\'\'\x83A\x17S\xcbO\x83n\xbe`\xd8\x1dG\x17\x05U\xfa_E\x9c1h\x1cG\x14\x86\xcf\xc9\x15\x12\xcc\xce\x14\xbe\xc9\xb07\xe7\xc5\xdd\xb8\x99-\xb2M\x9a\x85sH\x9a\x8516\x88=\xc4n\xb7\xb0$e\xc0\x08\x16\\\x18\xb5\xe7\xe6\xaap$\xae\x0c\x06a\xc1\xc6\xc5B\x081\xb8\x10\x02\t\\\xa8\xb0\x03\xb6\x9b\xd8\x8e\x82\xad;\x04\x89\xed(\x97\xc2\xf9\xdf\x9e\x84\x9f\x84\x84t\xbb;\xdf\xfc\xef\x9f\xf7\xde5\x07_\xad\\|\xb5\xe7\x9ctRfS\x80\xe1d\t\xd5h\x7f\x9a&amp;\x0cXy\xea\xaa\xc5\xbf\xef\xee~\xd6Ew\xec4\x93\t\xfc\x94L2\xa5T\x92\x8f[,c\n\xd3xAx\x8a\x13&amp;\x891!\x85I\\\x96yY\xf2\xd7%t\x8a\xc1\xea\xa3\xcd\xa3\xb2^\xac\x11\xd3\x83[ YG\xac\xad\xad\x93\xdb\x89l}}\xf7\xdb\xef\x9e&gt;;\xcd\xe0J\xef\xc2\x0eQI\xda4\x0c\x1f\x14\xbe\xcf\xb8\xe1\xc2\xa4\x861\x93\xe6\xdb\xb2\x92\xde\x87_\x9ec\xf4Z\xed\xa8\x16Kf\x9eT\x91\xcc\xc7R\xb5X\xbe\x1fz\x86\xb0B\x82B4E"\xe97\x8am\x96${;]ja\xb0\xfdq]\x1f\xde\x00\xd4\x038\x1c\x1c\xebWZ\xb2\x1b\xa7\xb5a\xf7\xeb\x96\xea\xf5\x16\xe6\xf1\xde\x85_\x7f\xaf\xaa\xca\xa1y\x04D\x8558\xf7\x95\x11(H\x02Xi\xa0\x94,\'\x8b\x7f\x9e \x91\x1d\x89\xfc\xc1Vn"9W\xe3\\*c\xa4)D\xe3\x15&amp;i\xc1\x12\xe9#\xbf\x8a\xab6\xb0\x03W\xb9h\xfeCw0\xc2\xd4\xf4\xc7\xe6\xdb\xba\xfep\xeb\x01\x02X\xc4\xd5*FV\xc3_W\xbe\x99\x13\xd5\xbd\xfb\xe7{\xbdn\xef\xf2\xdcF6\x82T\xc1v\x10L\r\x98\xf0-\x0bx\xa6\xd4\x90,\x9f2)\x99\xcc\x92\xff~\xdb\xfa\x04X\xdb\x19\xad\x969\xcex\x9a\x1be\n\xbf\xe0MX\xb4\xe2\x90X\xd2\xe7\x00\xe3\x9c3\xc6#\x15\xa9\xaaR\x95=\xb9\xd0\x1f\xf5\x07\xab\xf7\xef=\xde\xafgk\x80\xbaE\xb3\xcb\x99Xt\x00\x90\xd2\xdd\xf9\x04\xa3\xfb\xed\xe7\xd4Z\xba\x9f\xcfKk\x99r\xd3iHB1AX&lt;\x12M(b-\xa6y:eN\xb1\xac*\xd5\xfb7\xcf;\xcemO\xa0\x16 \xb8\xe0\xe9\xf5\x90\x03K\xf1\x10\xb6\'\xb1\xc2$\x94t7\xb4\x02\x15ED\\\x91\x9d\xbd\xba8\x80^\xe7\x1e\xdd\x84\xbd\xde#\x87\x7f\xa2\xf3}\x14\xeb\xc6Wk?\x7f\xb9;\xdf;\xd0Gx\x9fs\xae\xd7\xbd\xd4\xff{Vj\xdc\xefB\xc94\x05a\t\xc1\x84\xf6\x9a8\x16A\x9e\x1a\xe1T\xe4\xa2\xb2\x94\x8b7\x1d)\xbda\xd2f\x07\xfc\xc3\xeb\t+\xb0\x93\xc6WP\xb7uy\xd2\xf8\x04\xa5H,&amp; \x18\'\xae\xaa\x9e\xdf9?\x80^\x83\x17?\</t>
        </is>
      </c>
      <c r="M327" s="3" t="n">
        <v>45492.67858796296</v>
      </c>
    </row>
    <row r="328">
      <c r="A328" t="n">
        <v>931540</v>
      </c>
      <c r="B328" t="n">
        <v>1957</v>
      </c>
      <c r="C328" t="inlineStr">
        <is>
          <t>Matheuzinho</t>
        </is>
      </c>
      <c r="D328" t="inlineStr">
        <is>
          <t>Matheuzinho</t>
        </is>
      </c>
      <c r="E328" t="inlineStr">
        <is>
          <t>LD</t>
        </is>
      </c>
      <c r="F328" t="inlineStr">
        <is>
          <t>LAT</t>
        </is>
      </c>
      <c r="G328" t="inlineStr">
        <is>
          <t>LD</t>
        </is>
      </c>
      <c r="H328" t="n">
        <v>171</v>
      </c>
      <c r="I328" t="n">
        <v>2</v>
      </c>
      <c r="J328" s="2" t="n">
        <v>36776</v>
      </c>
      <c r="K328" t="inlineStr">
        <is>
          <t>Right</t>
        </is>
      </c>
      <c r="L32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a18c8c5-d783-45d7-a7f4-756bd14f7e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1\xc4\xc8\x00\x00\x03\x00PLTE\xff\xff\xff\xf8\xf8\xf8\xf5\xf3\xf1\xf3\xf2\xf1\xf8\xf7\xf6\xee\xed\xed\xf1\xf0\xef\xfa\xf8\xf6\xfe\xfe\xfd\xf9\xf9\xf8\xf0\xee\xef\xf4\xf3\xf3\xfb\xfa\xf8\xc6\x7fX\xc9\x81Y\xed\xec\xec\xf5\xf4\xf4\x8efM\xc2~X\xbdvO&amp;\x1e\x16\x86S6\xc4\x84`\xc4{T\xc1\x80]\xc0{U\x84O2\x81L.\xec\xea\xe9\xc6}V\x8bV9\xb7}`\xbc\x80_ \x19\x13\xb4z]\xbbxU\xcc\x86_\xc0xQ\xafuV\xeb\xe8\xe5\x91iP\xc5\x81]\xfa\xfa\xfa\x7fH*\xf5\xf1\xee\xa5oQ\x8caH,"\x1a\xa0mN\xc8\x8ae\xe7\xe2\xdf\xb5xW\x1d\x14\x0e\xa4b=\xbf\x84a\x90aB\xed\xa6p\xbd}Z\xf3\xb2\x80\xf7\xc0\x96\xe9\xe5\xe2\xb9{Y\x8a\\C\xba\x81c\xc8\x83^\x96]@\x9blS\xce\x8ef\x93cG\xb3mE\xbasJ\x9b`B\xf6\xf6\xf6\xf6\xf5\xf3\x91Y=\xfc\xfb\xfa\x97jO\xef\xec\xea\xb6pI\xc7\x86b\xd0\x89a\xe3\xde\xda\x8aP1\xafiB\xcc\x8ad\xe3\x9ae\x9ajK\xf1\xaey\xcb\x83[\xa0_=\xa7c&gt;\xdc\xd5\xd1\xa8sU\x9fpW\x95gL\xabf@9\'\x1b\xaelI\xd1\x92j\x8fT4\xa0cD\xa5eC\x87bK\xf9\xc5\x9dyI18-&amp;\xea\xaa\x7fZ6$\xacnRM/\x1e\xd7\xd0\xcaqA)\x99eF\xec\xaf\x8c\x93mU\xe9\xa1i\xf4\xb8\x8c\xa9iF\xe0\xd9\xd6jD0\xed\xad\x86\xb6sQ\xf5\xb7\x85\x8cZ=\x86W?\xd4\x8df\xf3\xee\xeb\xf0\xaas\x95W6\xdf\x96`sQ?\x99Y7\xb9}]\xeb\xb2\x91\xd4\x96mP8)\xb1pM\x9c\\9\xe8\xac\x88C\'\x17\xff\xff\xfe1( \xf6\xbd\x8f\xe9\x9e`\xaez^\xa2hH\xd8\x9apC0$|N8\xd9\x91_\x81S:\\B3\xe2\xa5|\xfa\xc9\xa4hJ9\xe1\x9as\xdc\x9euc;\'\xee\xa5g\xe0\x9f}\xc3\x87g\xce\x8cl\xd5\x93syD&amp;sK5\xd3\x8bZ\x14\r\t%\x1a\x11~WA5\x1f\x11\xe8\xa4y\x9du]\xf0\xb9\x9a\xe6\x9fo\xd2\xca\xc4\xd9\x91k\xdd\x96k\xee\xb4\x94\xd4\x85O\xe4\xa7\x85\xf1\xb1\x89\xe1\x9fw[(\x19\xa9kLe5\x1d\xa9u^\xda\x8bT\xd6\x8en\xc4g]\x93Q0D91\xf2\xbd\x9f\xb2\x83f\xcb\x80N}[I\xdb\x97v\xde\xc9\xbe\xe5\x98Y\xdf\x91V\xba\x89n\xc5yI\xcd\x94w\xf4\xb9\x93q9!\xfa\xd1\xb0\xb8\xb6\xb2\xa8\x85xJB9\xd1\xb0\x9e\xc4\x8fq\x9d|m\xd6\x9e\x80\xd5\xbd\xb0\x99MA\xa0\x97\x90\xa1cO\xd6\x9bw\xe6\xd4\xcd\xd1qm\xa4SD\xa7|d\x89D$\xef\xde\xd4\xdb}z\xc4\xc1\xbc};/\xeb\xd2\xbfo/\x10-\x19\x0f\x8aF8\x80xq\xfd\xe4\xcd\xe2\xc4\xb0\xd4\x82i\xd1\xa4\x8d\xf4\xe9\xe3\xdf\xb7\xa1jRC\xfb\xdb\xbelbZ\xbc\x97\x86\x8b\x86\x7fbXP\xb7hR\xd0{`\xba\xa5\x9a\xa9\xa6\xa2SMG\xe2\x90\x8f\xb6\\R\xc0q[\xfe\xe9\xd5\xaa]Jqke\xc3\xb4\xad\x85g^x\xaf\x9bQ\x00\x00 \x00IDATx\xda\xcc\xd9\xffO\x13y\x1a\x07p\x8cJ\xaa\x89\xee\xaa\x03(\x18\xa4\xe2\xa2\'\x81\x82T\xa8\xadV+\x85z\xe5\x02\xb8P\xea*\xe2\x80 \x1d\xa0\x14\x8fb\xa5@X&amp;\xbb\x96\xdd\xda\xa2;\x85\x86\xc1V"m\xa7\xe0\x81,~\xe3\xb8\\#$"+v\x9b\x8d\t\xb7?\xf8\x03\xb9\x10\xd8\x1fN\t$\x07?\\\x88\xf7|\xa6\xec\xdd\xfe\x01S\xdd\xa7i\x1b \xa4\xaf\xbc\x9fg\x9e\xf6\x03aa\x1c\x14\xef7\x15\xf6\xbb)\xc0\xe4\x1c\xcea\xeb\xf7A\xbb\xc9*r6_\xf0\xaf\xf8g\xfd~\xff\xec\xb5\x83\xe1\x9fn\xf9\xc82\x96tf\xef\xd9\xd9\xa5U\xc2\xe2#,\x16\x82X]\\\x9aY\x19:\x9e\xf31a&lt;\xde\xe6Z\xff\xd2\xdaj\xc0\xc2\xe7\x0b\x85B&gt;\x94\x90\x8fa\x16\xdf\xf2\xcc\x91\x8f\xc6\xe2\x85\xcf\xce\xac\xad\xfa\x08\x0c$|L\x10\xbc\x03\xcc\x037\xc1\xea\xcc\xd0\x91\r\x1fCv\xf8\xc8L\xc0"\x10`\x02(\x10Y\x04\xec\x1d\xc1\x90M\x88\xf9\x96W\x8e\x7fX\x17/\x8cw\xe6\xa0\x7f\x91\x00\x050\x04\x16\x0b\xab\xc1X$\xe0,\x84\x80\xcf\xf7\xf0\xf9\x96\xf9\x0f\xdaJ\x1eo\xcb\xb5\x99E\x1f\x03Aa\x18\x03-\xc4\x18!\x1a-\x94\x15\xc6\xa6\x07\xdd\xf4\x08\xe1\x8b%p\xdd\xfcP\xaa-GV\xd6(\x1c\x87\xeb\x0eg\x9b\x084&gt;\x83\x86\x1d\r=\xd0\x84\xec\x94\xc1\xf7\x85\xc4\xe2\xec\xc6\x0f\x14\x18o\xc3\xec|\x80\x12\xf4\xe3\x14\xde\xdfo\xc6\xa1\x04|\x06cP?a\xa2\xd8\x91G\r\x85\x8e\xa2\xe6\x06V\xf6~\x08\x17,\xaa\xdae\x1fe\xc2\xfb\xc1c\xd6\x1a\xec\x14E\xe1\x02\xdc\xc2\xc0\xbc\xb3,\xa1\xc7\xc3g\x07N\x80Y\xe0"\xb5\xf8\x96\x866\x85\xde\x95\x13&gt;\xbb\x08\x12J\xdb?g6tIS\xe4$I\xd3v\x13*J\x00\xf3%\x04\x96\xc7\x13\xec&amp;\xf4\x18R#\x96\xfd\x1bC\xed:\\;\x1f@)i\xb5\xe6\xea\xa6\xf6c\x91\x99\xa9\'O\xbey\xf3\xe6\xfe\xfd\xfb\x7f\x9e\xa0M\xa8\xa3\xfd\x0c\x0b\x83\xcc\x98\xf5\xedA\x04V6\x86\xb8\x85\x17\x16q\x9c2U\xeb\xa6G\xa3K\xddm\xaa\xc1\x81\xebW\xbf\xff\xd7/\xff\xfc\x05\xea\xf5\xb3d\xaf\xd7f\xa8\xd6\xf63A\x97P\xc8\xc0\xc41\xb07\x02\xfe\xd0\xce\xd7\xc1y\x0b\x86\x9b\\\xb2\x82\x82\xec\x91\xc9\x0e\xa7Hm\xb4V\xbez\xb7\xf0\x9f\x85\x85\x85w\xdd_\xdf\xb9\xd1\xe2\x8e\xcaU\xe8\xaa\xcd\x8cp\x0e\x15Z\x1bBH\x8cX\xbc\x16JV\xf8\x92\xcfB\x99\\\x15S\xe3#\x93\xcf;:\x9c\xadb\xab\x84eA-\xbc\x92\xa8\xeb\xeb;\x9e\x8f\x8d\x8dg}\x11\xad\xd3ht:G\xb5v\xce\x83"\x13\x10\xf3Grx!\xdbW~P\xd9]\x15\xe3#c\xac\xca\xd9\xaa6J\xba_\xbdB,\x88\xabR\xec\xec\xe8x\xfe|rrd|*;\xab\xe0\xfc7\xdf|yY\x07\x97\x86\x90\x11\xf2\x89\x99\xf0\x10\xf5\x11m\x06\x0bn\xa2\xcb\xa7F\xc6\xc6\xa0\x83\xce\x0e\xc4b\x9b\xb8\x00m|\x07i9\x83\xae\xb1\xb1\x11V\x96\x95u\xe9\xfc\x971\x0eh\xa9\x87\xef[\xd9\x1a"V\xf8\x12a\xa1\xe8\xdbQH\xf5\x1cX(-1\x8a\xeb\x1d\xaaW\xdd\xc6V\xc4b\xf3\x02\xd7\xc8\xd4T6\xc8\n\x8e*5Z\x06\xbds\xcf|\xca\x0b\xc9\x1e\x1dZ%\x08S]\xd4\xc8\x88\x1b\xc2\xaaw:ENQ0.T\xdd\x95\x121\xb0\xd8\xb8P`l^\x88u\xe9\x0b\xa5\r\\|l\xb56\x04m\xe4\xf1\xc2\xe7!,o&lt;\x0c\xd6\xd8X\x1b\xb0D\xad\xad\x90\x96\x1e\x86\x1eJ"\xd1\x1b\xd5N\x96\x85\x02C\xac)\x88+77\xeb\xd2QY\x93\xc6\xcc\x172\xc4\xca\x86P\xb0\xfc\x01\x0ba\x92o\x87qG=\xac\x17\x05YV\xabD"\xb1Z\xadz1\x1bV\xd0\xb5\x9e\xd6TnVnVA\x85L\x19\xab\xc3\xe1\x83\xc6\xfc\xe6\x10\xb0&gt;\x81\xb0\x08\xfa\xe9v\xf7d\xdb\xe4d[\x87H\x84\\(-+\xa8\xf4F\xb1X\xdd*\xaa\x87\nNW\x905\x95\x95\x9b[\n,\xe4\xc2\xf8\x81\x10t\x91W\x0b\x93\x05=tw\xb6\xa1\xfa5,\xa3\x9eMK\x0f.5\x92\x82\xacC\xf5\xbf\x8b\x11\xa6+\xb7\xb4A!\x93\xc9b\x1d8\x1f[\xd9\x12\x92\x9dE\xd8\x8b\xce\xb9Y\x95\nXj\xb5\x18T\x92u\x95\xf1\x11b\xd5\xa3\xc0T\xaau\x16\xeb\xcaj(W\x00\xccFa\xfc\xb5\xad\x9c\xb36.AXdZ0,\x95\xaaC\x84P(\xabJ4Zz\xbd\x1e\xd2\xaa\x0f\xc6\xa5R\xa9\xda:;\xddn\xe4\xda\x05q\xddV\xc8\x14\x19\xb1v\x01?p\x81\xf3\xd9\xda\xbbFP&amp;\xef1`\xc1\xab\xaa\xea\xebE\xadb\xb6\x83\x95\xb0\x19\xd0\xcdj\x14\xb7\x8a\xd6\xdb\x082p!\xd9x\xd4\xae\xec\xf6\x86\xdb\xe5\nY\x93\x01g,~\xce\xaf\xc3k\xcb\x84\xcf.\xdf\xfe+\x0b&amp;K\xcc\x8e{eww%\xd0\xba\xd1\x82P\xb7\xa2\xc6\xb6\xc2\xe8C^P\x9d\xee\xf1\xf1\xcf\xb2K\x1bnC^M.3&amp;\x98\xe1z\xe4sf}\x84\x89N9\xe7\xeed],\x0bM;\xa8\x82%1\xc2\xc5\x08\xf9\xc1\x93z\xdd\xd5\x89XQ\xd9\xa5\x15\r,K\x8ba\xf3\x87\xb9\xfe\xf8\xb7\x02a\x91I,k\x98\xed\xa1\x9a\x9d\xf7\xcau\x17\xdbE\xb1\x11\xad\n\x94\x9a\x13\xf5\x11\xd2r\x9f\x8bBi\x95+\x94M.\x93\x00[\xde\xcb1k\xc3\x0c\x11\xa0\xbd\xc5\xa7\x80\xd59\xac\x1a\x14\xa1v\x05Y\xc1\x92\xb0i\xc1Z\xb5\x02\xabU\xe4D{\x02\xb9\xce\x8d\xc3l\xa1\xd1jF\xac\xc0\x05\x8e\xbb\xb8i\x89\x08\x90\xc9I;\x0f\xe4\xff\x9f\xa5\xd7\x07U\xec\xc5\xa8g\xc32\x1a\xd7\x9b\x08*4\xf7n\xf7\xb6]\x88\xd5\x84X\xb8\x00\x16*\xb7\xac3K\x84\xdd[T\xb33?\xbfs\x18XA\x15z;D{K\xf2\xf2\xa5\xfe\x91X\x8d\xe6\x1dJ\xad\x0e./\xb4&amp; \xad]hq)\xa5\xc0\xa2\x04\xbe!\x8eY\x7f\x04\x964%\xe1\x0f\xf9-lX\xecz\xb7\xbe|\xf9\x17T\xf0\xf4\xbd\xfeQ\x15\x84\x04Zu\xd5\xc0\xc0\xe0\xe0 t0\xb8\xbc\xd0p\x95\xd7ed \x16\xee\xf3s\xcc\xda:\x8fXi\xa7\x10\x0b\\\x83U\xdf^\xbd\xfa\xf5o\xea\xea\xf5\xeb\xe0\x19\xa8\x1a@\x8f===\xc3\x0f\x1e\x0c\xb7\xe4\xe7\xbb\xa1\x8b{\x1ao\xd7\xc93\xa4\xb6j-\xf7\xacO\xd6|\xb44\xe9\xc4\xa9\xfc\xcc\x03\x9d-\xa9_\xdd\xba\xf5\x0c\xea\xc5\x8b\x17?\xfd\xf0\xfa\xe1\xc3o\xa1\x1eV\r&lt;\xeey\x0c\xa6\xc7w\xee\xdc\xb8QV\x98\x99Y\x18\xb9{\xf7\xeec;w\xee\x89o/\x92\'\'{\xe1\xbc\xc69\xeb\xe0Z\xc0\x0e\xac\xbc\xcc\xcc\xc8\x13E\xc9\x13\x13\x13o\xdf\xd24\xfd\xf6-\xe9=\xf4\xe6\xd9O\xaf\x1f\xde\xbd{\x17\x12\x1a\xeey\xdc\xf3\xdd\x8d\xb2\xd4\xb8\xb8\xfd\xb7\x8aS "is\xb34#\xa3\x0e\xb1\xa4\xa4\x89\xe2\x9cu|\xd1\x8e\xd2\xcak\xc9L\xf0\x82\x87\xb6\xfbL&gt;\x02\xde%)\xcaD{\x93\xff\xfa\xe2\x87{\xf7\xfe\xd6\xd2\xf2\xe0\xc1\x83\xb2\xd4\xc8\xb4\x12/\x89\x0e\xdaZ\xca\x0c\x05\']\x87\xabY\n,;\xf7\xac\xb3\x8bv\xd8\x0fqy\x85\xbb\x9bi;\x14\x1c\xed)\x02\x87# \x1cfi\xf2\xca\xc5}\xbd\xd0\xb6\xcc\x96\xb2\xc2\xafj\x92\x9a\x0c&amp;3\x8e\xb1\xc7~!3\xd7\xdf\x0f\x07^\xbb\x17\xbah\xa7\x02\\\xb3.,\x03\xab8\xbd0\xb5\xc8Ez\xaf\\\xf1\x92$\xe92\xc09\x10^Tk\'\xaf\x94\xa4$\xa4\x03\xeb@\xe1\xee\x14i\x97A\x8b\xcf1\xec_\xbc\xe0\x81A,\x9c\xa2\xe1wh\x13\xe7\xac\xa1\xb74)OHO=\xd1\xec\xbd\xf8l\xdf\xfe\xe2\xe2\xa4\xa4\x94:e\x84\x06\x8e\xa8\xd5\x0e\x83MZT\xdc[VV\xb8mgZ]\x97\xcb\x01X(\xb3\xb6\xda\xe1\x80\x1f\xc2\x83Ik\x9f`Y\xb3\x1c\xb3fa\xbaK\x12\xd2#\x8b\xa5\xc5\xbd\xbdqi\t5O\xc1%\x8b\x88\xe9\xd3\xe9t}\x1a[WFR\xfa\xbd{\x99\xdb\xe2\xdbe6\xdd\xe8\x13T\xa3\xa3\x9a\x08%\x94L\t+\xde\x00\xac\t\xda\xb4Z\xcb9\x8b&amp;\xff\xb4?2=!\xe1do\\ciyy\xcd\xfe\x93\xfbj\x14\x97c@\x95\x98\x18\x13\x91Q\xdc\xfb\xf3\xcfe\xa7\xe2\x1b\x94\x89\xbaQ\xa8\'O\x1c\x9a\xae&amp;\xa5L\xa6P\x94\xd7\xd5\xc9\xbd\xb4\x17X\xf6\xe5k!`\x95\xec\xcfKMOO?\xd1\xd8P\xd1P\x93v\xb2\xb7\xb7\xa6\\\xf9yb_btD\x84\xb2\xbc\xb1\xf0\xce\xdd\x1b\xf9{\x1a.\xf7M#U\xb5+\xf9\xf4\xc5\xd3\x8a\xd8\xe8h\xa5B\xa1\x90\xcb\xa5,k\xf18\xe7,\x92&lt;\x1d\x97\x9a\x9a\x17y\xac\xb1\xbd\xf4\xe9\xd3\x9a\x9a\xd3;&amp;\x0c\x0e\x83&amp;\xb1/&amp;V\xa6(\x7f\x1a\x9f\xff\xdd\xdd\x1ew\xd4\xf9\xcf\xfbPX\xba\xe6C;&amp;\xbc\xa4\xcb\xd6\xa5\x81V\xca\xe4u%\xc9,\x8b\xeb\x0f6C\xb08O\xa7G\xe6\xb1\xacvE\x9d\xdc@\tV\x05\x1e\xa1\xd9\xa1\x8b\x91\xd5$\xb47\xee\xc9\xef\xb9^\xd56~4\x11\xc2\xd2\xd9"l4\x15 &lt;\xc2~\xadK\xa3\xd3\x80\xab\xe4\xd0\x8e+\xa4}-\x9cc\xd6\xd9\xf7\xa47)/\x15\xe2\xda\t\x93\x15\xeb\xd0\xda)\x0f\x06+\xc0dx2\xad\xfc*/\xbe1\xaa\xb3Jb\x15\x8d\x15\x00\xab/B\xe3\x98\x80S%\xe6\xe13\xb8\xb9Z\xa7\x8bn\xca()A\xac\xf9M\\\xfe\x17\xecfXX\xf8\x8f\xa44!\x15VS!\xb0*l\xd5\x86\xf7\xef\t\x86\x99\xc3\'\x9am\xcd\xff8\x91\x17\x9f}nP\xdf]\xa9n\x9b\xfa\xfb\xf4t_\xdf(\xf9\xe3\xbf\x97\xe7\x84\x98%@j\xfb\xb5\xd3\x89\x11\x19r\xc4\xa2\xb9\xfc,\x9f\xf3_Z\xcd6&amp;\r\xf5\x8a\xe3Ms\x93\xf2\xa1\x9a \x19/5\xbe\xc4\x17\ni10\x06J[\xa8(j.ub,Rq\\:\x15\xb8\x06\xb0\x8a\xd3\x00w\xea5E)\xa8\x1f\xaa\xa3\x94^0\x80\xb2\xa5\xf5\xd6\x01\x13|\x99\x1a\xb3\xda\xc4U\xeeL\xdf\x1c\xb5^m\xac\xd7\xa4\xd6.1\xd3%\xd34\xe9\xce\x83[\xb2\xef\xd2\x13I\xf8\xe6\x8f\xff9\xcfy\xce\xffy\x9e\xf3\x1d\xa70_\xee\xde\x97w\xd5\xa2=\x98J\xe4p\xa3&lt;^\xc1\xd2\xa7\xbb\xb747\x0b\xf8Q\x1a\x99\x93i\xcc\xbes\xed\xe2\x0f__\xa8\xfc+\xeb\xdcd\xe3\xb9d\xc1\xd4\xc2\xd2w\xbd\xbd\xbf{\xa4\xd2\xf7\xf6\x8e7&amp;\xa7\nJ\xb1\xaaG\xff\xf8\x1b\xfa\x8d\xf1\xb9&gt;\xc0\xec\x04us\xebo\x9f\xc9\xe9"\xf3\xc0@\xc0\xef\xf5\x8aE]\xdah\xf4\xf6\xd4\x8fSS\xdahI\x94\xccL7\xe2\xcaG\x8f\xb0\xferuv8\x92\xcc\xef\xd7j\xc9Z\xa1\xcd\xd6f\xaf\x87\xc6\x96|&amp;U \x01\xac\x7f\xde\x88\xdb%(f\xdd}\xa7\xf27j\xf5\x1d&amp;S&lt;\xe0r\xc1\x9804\xed\x15\x81&gt;Z\xed\x1e@\xf1\xa3\xda\x8c\x0c\xa6\xb1*\x90\x07X\xf7.T\xa6\x14\xb1\xea\x86\x1bS\x15\xfd\nE\x89\xb5\xb3\xae.U\x98\x8a\x82\xdf\x84\xb0&gt;\xfd\xfc\x04\xe6\x8bK\'\xe3q\xddr\xfa\xc3\xea\xd5\xfd\xca\xbc\xbcJ"\xa7v \x0cs\xa7s~h\xc8+"ff\x1a-\xda\x89\tr\xda\xe5.nf\x82\x7f\xf4\xda\x85\xaf\x11VU\xf1Ui\xc5\xf0\x19\xbe\xa2\xbf_!5\x99L\x9d\xb1\x8eZ\x12\xc3R}\xba\xd1\xf1\xc7\xa5\xefw\xd7\xaf\x1c\x1f\xeb\xfc\x8b\xd5\xd5C\x7f\xde\xb7\xa3"\xbc\xd95\x9a\x07\\\xe1y\x00\x1b\xf2B\x0b\xf3\xa0\xc0SSR\xda\x9d#\x17Z\xee\x01\xd6\xe8\xef\te\xd5\xd6\x8a\n\xa1\x02Z\xdbD\xabB*U@\x8b\xd3N(\xfa\x11\xd6\xfd\xe6\xe7\xf6su\xca\xdd\x8e\xe3c\xedx\x0f\x0e\xf3\xfd0\x9c\x8bEf\xd7\x08x\xf9\xd8\x00\x1a#\x83lz\xbd\x1ejUUV`\xd4\x10Z\x04\xac\x10`\x15_\x97vvZ\x155\x16\xa31\x13\x97\x19\x0b\xa6e\xa2\xbf)G\xa5\xb2\xc3F5\xab\xa8\x9eX9&gt;\xd6\xfa\xf6\xcc\xfe\xf4\xbc?\xe0\x17\x8b\xcd0\x13\xab\xc1\xda\x84\x0cj\x87{\x1e\x91\x01\xd6vyyy{`$\x14Z\x04\xcb\x1f\x1a-\'\xe1j\x00KZ]c\xcc\xcc$A$%q8\x1c\xaee\x02\xb0\xb0mg*:\xa5J\xab\xf4q\x1c\xb0\xf6\x01\xcb\rn!_lv\xa9\xd5\xdf\xb4\xb4\xb4,.\x06u=0&amp;\xbb\x86\xa6\xa7a\x1emo\xbf\xe3T\x87Z\x16\xe7\xee]\x04\xac$\x92Qa2\xb1\xae\x17\x15\xe3\x8aII\x04BR\x02\x95\x9a\x94\xc4\x95I\xb0X,\xaf\xce\xc4j\x95\xce\x9a^\x1e\x1f\xeb\xed\xfe\xfe\xb6\xdfY\x9e\x98\x98\xc4\x00,\x03\xfc\xfb\xc5\x8bs\xe0\xc2\xbauh~\x87:\x03.\x7f\xd8\xf0_\xac\x11\x7fyV~+`\x15\x15\x97\x15\x97\xe1H\t\x89\x89UY\xa2|"\x97L\xa7`\xb1\x02\xa0\x02\xac\xd9\xf8`\xf9\x03\x01?\x81\x94$\xaau9\x8e\xb8\x1e\xce\xcd\xcd\x05\xbb\xc1\xed\x8c\xb9\xc7\xc2\xce\x00\xca\xe1\xe2"`\xcd\x85F\x02\x90S\x9c\xb5SZ\x84C\x91\x9dP\x95\x05A\xe50e\x05\x08\xabD\xc9b\xb1\xd6f\x8f\x9f\xc4\xbe\xf5\xedmp}U\xd5e\x85\xf8\xc2\x01\x84\x05\\ \x16\x08\xd6\x1d\xf3an\xe0r\x1aZ\x16\x83\x8bs?\xcc\x19\x90ZU$e\xa7\xf4jqvv6\xae8;1??+&amp;VA)\x85"\x80\x9ea\x8d\x0b\xd6\x89\xf5i\xc0\xf2\x13\xaaI\x03"\x86\xd9\xa1V\x1bt\xba`\x10\xc9\xf50\x08\xa6\x15\x04s8\x03#\x86\x10\xd8\xd7\xe0\\p\xc4\xd9\x0e\x85\x94i\xb1Z\x95e\xd9\x04\x02`\x91\x88\x1c\x0e\x93L\xa6\x15P(\xcd\xcdr\xbe\xc9*\x05\xac8\xac\xc4\x9d\x17~HS"az\x80\x8d\x87,:zztGT\x0f\x91\x97F\xb6\xd5\xe9\xd4\xe9\xd4n\xa7\xd3=\xe6\x9e\xf7SQC0J;YE8B\n\x81@ Q9\\\xb2\x8c\x0e\x05Oi\xa6\xe4F\xd6X\xd5\xca\xb5\x92K\xc7\xc7:\xf5\xc19\xe2\xf4\x97\x0f\x8d\x99\xd9\xecB\x97\xfb\xff\xb0\x82\xddA\xe02\xa8\xc3a\xf8\x0c\x89\xbd\xc8)R\x8d\xd0\xaf23Q\x16\x01+11!\t\x9cuW\x06M\x9e\x83mnnN\xde\x1c6\xb1\x94\xb3Sqh\xa7W\xde\xba\xd5\xcev\xffX\xf7\x00\x9b\rk\xd11\xd6\xa3\xeb\x0e\xc6j+\x86\xa53\xf48\x9c\xeeyo\xd4\xd6\xd4\x05;\x92\x85\xdfX\xcf\xb7\x18\x95\x9d\xd6\xebe\xb8\x94\xfc\x04\x12\x89HL\xe72i\x82\x18V\xfd\xe6\xf0\xacUj\xdd\xfd2\x0e\xc3\xd6\xce\x98z\xf4\xcf\xedn\xf7t:`\xbdr\xa3\x03\x07\xc4\xf50\x18DT\x80\xd53\xef\xcd7\x8d\xff\xa4\x11D\x15\xfc\x8a\xf1?\xfcb\xbc\xb3\xd5\x04\r\xaa\x06\x97B\x82\x84"\xb1\xc849\xe4\x10\xa9\x15Y\x9b5)\x9f\x9e&gt;\xfe^\xddw\xf2\x83\xfa\xdb;\x7f\n8\xdb\xd3\xf1\x8c\xda\x01\x90+\xa6W\xb0\xfb\x88\n\xa2\xdbM\x95nl\xd8\xa6n7\xa5&amp;7N\xc2xu\xae.\xb9\xce\xaa\xb4\xc0\xcec\xe1r9\\&amp;\xd4V)\xc2\xa2 \xac\xb5Y\xf2\xca\x958`\x9dz\xe7\xb8V\x19\xa8t:!\x89H.\x87#&amp;\x98\x0e\x15\xbc\xc1\x80\x8e\x93t^\xe9Vt\xeav\x1a\xadI\x8e\xb5\xe9\'\xc7\'#\xc3u\xac\xa2X\xed3\x01\x8a,\xa3\xd1K)\xc0\xc5\x1b\xde\x04.\xd3\xc2\xa58L6}\x98\xf5\x17\xa3\xea\x8b\xdf\x8c\x06\xf0l\x8f\x07\xc9\x15\xc3\x82\xca\x87\x04B[\x08u\x07unbT\xce\xbb\x9f\xc3\x13L\x95\xda}z\xcd`}\xaa\xa2\x06\x876C&amp;\x93\xa9\x05\x9b+)@X\x14{dsssM\x1a\x8f\x01\x02\xe6\xc0\x8e\xf7\xdeW\xdd\x17[\xf2\xf0l\x86\x87a\x8eq\x8d\xa1L\x02\x13P\x05a\x7f\x9cO\xcb\xd1\xeb\xf5&gt;\x9f\xfe\xfe}=\x98\xff\xc6\x9f\x95XH\tY\xd0F\x99L2\x8dF\x93\xc8K\x01\xab\x19\x9b\xbc\x89\xb0\x94\xbb\xe7\xe32\x9e\x9e~\xf7\xcc\xfb\x02\x1a)#\xdd\xe3a\xd4\x02\x97\xdb\x01\x99T\x1b\x0c\xf0\x17\x820\xb8\xd3y0\xd6\xdf\xd5\xeb5z\xdf`Co\xaf\x06\x16#\x156\xa1,b\x8c\x8a.)\x05\xdfC\xa1\xa8"\x9bk\xb3kV\xed\xd3\xb8&lt;"\xe9\xc3\xec\x80\\\xeepX\x9c\x8e\xf70\n!\x8d\xa0\x97C\xdd\x83\xb0B!\x9d\xda1\xc4\x96\xdc\xbc\xf5\xeb[w}\x83\x1a\xbdM\xdf\xfb\xe0\xc1\x83\x86z\x05\ta\xe1\xb9\xa8\xae$\x12\xb9\x1cz)6\xa7\xc2d\xe1\xb6jo\xdf\xb8\x12\x17\x93\xd1\x87y\xfc\x04*=\\\x9b\xce\xc6\x03\x16\xc8\xe5\n\x8f\xa9c\x194\xa8\xe7k\x19d\x9eO\x0f\xb6\xcb&amp;Ln\xb4\xf1\xda4\xbd\x0f~z\xd0\xdbXB&amp;\xe2\x891,\xd0J \x87$\xaa\xb0R\x0b\xfb2Y\xbb\xf0\xcb\xf8\xb82\x0c\xa6\xe3\xc3\x93W\x8e\x91\x81.\xe8\\H\xae\x01W\x18r\xa8\x86p\x89\xc8\xfd\xf4\\\xbdF\xd3\xd0\xd0v\xb8\x7f\xa8\x9c0\xd6\x08\'\x91^\xbd\x1a\x1f\x8fN\xe6\xc6\xb0\x04\x02A)\xd81\x95\xc0Z\xd3\x95\xa1\x95\xbd\x8c\xdb\x83\x08L\xc7\xbb\x17.g-\xb7\x0b\x0f\xb6\x1a\xc9\x05X\xea\x11\xb5\x83A\xfb\xad\xddf\xb7\xdb\x06}mQ\xcf\xf6\xfe\xf6\xf4v\xca\xde\xc7\xe5F\x10\x0c\xb8\x06\xf5v:Y&amp;\x93\xc9\x05 \x96\\\xa5\xc2\xe6Z[\xb9\xe4\x89\xdd\x8e\xb8Y\xd8&gt;\xcc\x17+O\xdf\xbf_\xe8\xc2\x1fe\x11\xad\xc6\xb0\xc3Q\x98\x0b\xebOoo\x92\xc9\xd2\x0e\xf7\xf6\x0e\x0e\xf6\x0e\xf7V\x97\x97\x97\x85\xcb\xf5\x1a(\xfc\x06\xa8\xb6\\:M\x06\x95\x85,\xb5\x8a\xd2\xc4\xaaa\xa6\xed\xae\xc7\xf1b\x18,g\xc7\xd9\x8e\xa7\x19x\xbcH,\x8e\xc9\x15\x0e;\xcc\x12=:\x08\x94y\x18\xa2\xc3\x8f\x1fWW\x97W?.o\xa1X.\xe1\x9f\x81\x15\xd9\xd0pK\x0f\\tT\xf101\x97\xf6\xd7\x18\x17\x9e\xc6\xf7M\x0b\x06\x91\xbd\xcc`\x83\\H/\x84\xe5\xbal\xd3h\xf49\x19\x0c\x11\xd2hkccckyc#\x12A_\x84%\xc2\xfaA\x90L\xd3&amp;A\\PZXl\xb3\xac\xeb\xc9\xe3\x93\xf1\xbeD\xef\xc3\x9cXY\xe0\x10\x8f\xb0@.\x97Y\x06\t\x94d\xa4\x1bW\x01)2\xaey\xa4zd\xb3\xf9\x06\xd1\xf1d$\xb2\x95\x9a*\xb4\x0f6h \x8d\xf4#\xac\xe6\xa5\x1b+;\xa7\xfb\xe2\xfe~\x11\x839\xfb\x8c\xfb?,\x08O\x8e/G\xc6\x9c\x10nD\xd0Y\xe9\xe0\xcd\xa5\xbf/=\x7f\xfe\xe9\xa6FstrZ/\x14\xda}\x1a=O\x02\x01M\x9e\xd2\xfc\xaf+\x9f\xe5\xedO\x1f\xe6\xe4.\x97(\x02\xacB\xc0\x9a7g\xe4\xd2\xd3\xb8\xe4\x92\xc6\xf1\xc9\x8d\xe5\xd5\x83\x8f\xd1\xa9\xa5\xa5\xe7K_A\xc9\xafBF\xc7\xc7m\xc2T~\xae\xcd\x97+\x01\xb5\x80\xab\xe0\xfb\x97\x9f\xebE\xd2\xa9\x97L\x0e^\xc4\x10\x17\xd6"\xbd&lt;\xe4\x0c\x18\xf0\xb4Q`\x9ay\xfd\xfa\xcd\x9b\xd733\x073(\x0e\x0e\x00l\x8b\xcf\xe7\xe7\nxv\x94\xc4\x02\x88\xd2\x1f\x7f\xf5\xd9\x1eJ\xad\xa4A\x16\xa1G@\x1a\xcd\x03\xb5\x9e\xf4\xaet\x0e\x91J&lt;DT\xff\x86x\x83\xe0\x10\x1d,J\x85\x02\x9d07\xe5\n\x00\x8bF\xff\xaa\xa0`\xe9\xecg\xc2\xea\xc3\x9c]\xe0B\xd1\x8b\x8e\xb8\xcc\x0c6\xecF\xe2rq\xd6\xfe\xf6\x9b#\xac71\xcdf\x0e\xfeC\xcb\xdd\x85\xb4\x95\xa6q\x00\x9f8\xa7\x8d)\x89\xc5Hb&gt;\x8c\t\'6\x1a?\x825$\x12H4~\xb4\xe2G\x1a\xad\xa1TMt\xfc\xc8 4M\xa5\xa0\x83D\x83\xac\xd9Ye\xbc\xd0Ar\xb5e\xaa\x9d\x8b\x81\x82s\xb1\x17"\xb6 ]\xa1\xf4\xa6\xb4\xb6t\xdc\xd9\xce\xec\xd2\x8b\x85\xb6s7\xf4f(e\xff\xcfs\x12\xa7\xdd\xd9\xef\xe9ybL\xda\xab\x1f\xff\xe7=\xefy\xdf\x93\x13_\xbf~==\x1a_[\x9b\xc2\xb8\x02+V\x17\x8b\xb5\xbe\xea\x94\xeb\xf6\xc0\xc2\x82\x17n\x1f\x1d\x8c\xdc\xc61\xb0N\xb7\xcd\xcf\xef&gt;\xdf\xdd\xdd\xfd\x0b\xa1\xbe\xe5\xbau\xeb\xc7\x1fGG\xa7GG\xb7\'\xa6\xda\xa7\x10\x15\x1e\xd1X\xec\xb1Z\xb6\x9b\xf0\x94\x0f\x1cn\xce\x8b&gt;v:\xad\xc7ru~~\xbe\x17\xaa\xdd\xe7\xcf\xbf\xbd%\xd5O?\x91\x8ak\x8dz\x88\x95\rP\xad\xf7\x1bd\xbb\xb7\xb9P\xfd8\nW\xc6\xa6\xd7G"\xa4\xf2RZ\xf3\xbb\xbb\x1ba\xa7\xfd\xf5\x9f\xbbt&amp;\xccV\x13\xf1\xf84~F\x97F\xb7\xd7\xa6\xda\xdb\xd1\xc4\xbah]k\xecU\x81l\xb7R\x12\xab\xce\xe1\xcedh|\x81e\xb3!\xb6y\xc8"\x86\xd9\xb5\xae\xf5k\xbf\xbbL\'#]y\xcb@\x9czH\x1f\x053\xab.\xd6\xfa4\xd9-\'k\xa7.\xca}4\x18\xae_\xb7\xd92\x06\x0c\xb3HE$\xe2\x9cm\xb9r\xed\xd2g\x1f]\xbe|\xe9\x93OtPMOc\xc0O5\x82u\xa1&gt;\x86\x19\x02=\xfc@6V\xf7\xe3\xd5\xa8\xe4\xf2\xd9\xbc^\x1b\xb53\\\x11\xd48\x83\xce\xd9\x8eI\x9c\x9c?\xfa\xec\xf2\xa5\xc9\xf5\x85\x81x&lt;&gt;1A*b]\xa0Y\xeb@F\xd6\x07`\xd1\xe2&lt;\n\x97\xcd\x86\x1e\xda0\xca\xf4N\xadVc\x9f\x8d\x97_\xa1\xc5\xcc\xa5k\xa6\x85\x01\xcf\xa0g\xa0\xa3\x83U\xc3\xc3\x17Zeg\x15\xee\x8b\xbci\xc0\xf8\xb2Q\\^o\x98X\x1a\r\xb6\x84\x89o\xe6\xae]\xba2\xa9k\xf1\x8c\xf4\x8f\x8c\xc4;\x1a\xb9.0\xab\xa7\xfd\xc0/3\xcbMq\xf1\xf1\xd8\xdc\xec\xf5^\xd7\x87Q\x15\x15\x91\x8d\x8d\robb{iiv\xb6\xe4\xec\xb93\xd3k\x14V#\x96\xa5=\xa4r\x1d\x94\xc9\xcc\n8\xe8\x90w\x88\xa2hm\xf66cq?\x86\xda\xdd\xfc\xe3\xa3/676"\x11\x0c5\xcb\xa9\x92\x92mfa\r\x8f\x93t\xcf\xb0\xab\xe9\xe0\xf8\x8a\x9c,\xab;`O\xe0t\x12\xddY]]\xe5\xb86\xc6\x0e\x0f\x0f77\x1f}\xf1\x88\xae=\xef\xf6\x065Z\xa3\xd1\xbe\x94g\xb5\xf6`\xe3\xd3\xd8t \xe7\r\xf3\xc4\xc2\x0e&gt;Q\xdf*\xb9\xf6\x9a\xef^\x7f\xf8\xf0^\x9e\xb5\xf9\xf5\xee|oP\x8b\x81\xb6\x94\xa8oolt\x15\xf7\x10\n\xaa\x94\xdc,\xbb\xcfgwG[c1f\xc1\xf5\x10\xae{\xf7\xd0\xc4M\x98\xda"\x91\xa0\x96&gt;_\xaf\x9fr\xb9\\\xc5U\x1cUc*\x95:8.3K\xab\xb5\x07$\xd7\x0e\xb9\x88E\xae\xc3{\x1b\xe1`0\x18\xd6\x1b\x02\x8e\x04m+H\x85\x87\x0b\xa8r\xb0\x8e\xc98\xb6V\xf6\xad&gt;-_\x89\x89\xc1u\xf3\xe6\xd3\xa7{w\xc9\xc5\x1f\xfd\xe8\x9d\x06\x9f\xcf\x9b\x11y\x7f?\xdc^\\\\U\x05US\x8a?!;8!\xeb\x90\x17}Z\xa3Vk08$\xd7\x0e\xb9\xee\xee\xdd\xb5Z1\xb9\xfah\x92\x15\xe9\xfa\xed\xf00\xa1\xe8\xb2\x83KR\xcd\x1d\x84ddu\xef\x8bv\xa8\xc0\x12wb1r\xdd&lt;\x00lo\xcf*\x8a\xab\x8e\xa8\x83*\xd6\xc3\xa8\xabWY\xd5T\xae\xd3\xe9\xf0\xbc\xe9\x97\xf5\xe4\x93\xb1\x1b5\x1atK\\]\x8dJ.\xea\xe4\xd3\xa7\xab;X\x17\xb7b\xa9@\x17\xd8hSx\xa42\xa1\xc0\xea\x93\x8f\xb5\xd2\xfd8\x80\xb44N\xa7-c\x15Wwr.\xa9\x00\xc2\xb6\xab\x07\x1c\xba\xf0G\xaa\xe2\xa6\x14\xa1\xccf\x93n\xee\xaa\x8c\xdf\\YQK\xac\xa0\xde`\xb0!\xaf\\#\xafrU\xd1\x08\xaf\xe2\x81\xceU,Ee6\x13KwuH\xc6\x85\x8d\xf2A\x00*\x8d\x13\xeb\x06bI\x9dk%\xd2\xc7\\.z\x16K\xd5\x98\x92T55fDV%\'Kx\xe0\xa6\xb0\x9cN\xa7\xde\x90aW\x14g&lt;\x18\x90\r@\xae\xa6\xa6&amp;\x9aE\x87\x8b\xdb]\xdc@B\x91\xca\x9c-N\xca\xc8\xea\x94XA\xfa\xc4\x04q\xd1c\'V\xe5b\x0c=\xa5\x97&amp;\xe2\xcd\xcdq\xff\xa0\xaa\xa1.\xba\xb6dfq\\&gt;\x9a\xa10)\xd03\xd6\xe3\x02\x82\x8b9sYz\xab\xd3\x99\xc8\x94\x8b\xcb\xd4\xf4WY\x9b\x18\xc0\xf2\x00G\xa2\x0f\xfb\x0c\xab\xd5*Z\xe9\xd7N\xac\xa7)\xbb&gt;\xf9se\xb3Y\x9d.+EE,\xb39;\xf7\xa6zE\xc6\xb4\x02F\xfb\xac\xd1\x194\x18\x02\x19\xeb\x91Kt\xd4\xb5\xa7\xe6\xb2\xf4\xad1\xaa\xc9uR\x99(\xad\x9a\x1b7np^s\xd8T\xcb6At&gt;\xc0)\xd1\x0e\x16\xf2\xca\xd8\x88\xd4\xdc\xcc\xbf\xc5h\xfd7S\xd8\'RV_\x9a\xd71#\xe8tH\xeb\x86\xa4\x02+\xfbD\xb6oN\x16\x16\xd6\xbe\x08h\xa9\x8bZ\xa7\xd3\x80\xfd\x85\xb5\x19\xac\xe6\xe6=\xfcXEG\xa2~\xaa\xa5\xa5+U\x9e%\x93.\x05\xd6\x8d&lt;\xcb\xa4\xcb\x1eT\xca\xf3M\xad\xc2\xc2n\xe5~3\xb3\xb4\xda \xa6.\x83\x8d\xa2b\x17\xfd\xb6\x8a\x895\xde\x1b\xa6\x98U\xae\xa3\xb0jj\xa4\xb0t\xd9\x8f\xb7\xde\xfb\xb7\xf8W\n\xbbU\n\x95B\xf9\xec\xa1\xe8\xf6i-\xa5\x18\xf3\x98\xb9hWM(\xa9\x97`a\xf9W\xbf6\x85YTG\x8b\x06\xb0\xcc9\x15\xb1\xbe\xba\xef\x7f\x9f\x7f\x91\x81\xff\xd2\x83Z\xa9R\x08\xc2\xcb\x17V1\x00\x96ES\xc43}X\xef\xcd\xb1D\x1ed\x0eG\x82U\xbc\x94\x91\xa6x\x1a\xf6\xdf\xd1\xa9:\xbb~\xe7M\xc3\xf1\xf7\x14\x18\x9b\x10\x94\x92Y\xfb\x0f\x91\x88\xddXj\xd1h,\xd8I\x1b\xc2a\xbd-\xd3L\xe3\x8b\xb7AV\xac\x95\xa7Z\xb0\x12\xc5r\x94l\xe7i&gt;\xad\xf9\xae\xe6\xfc\xf9\xf3h\xea\xfao\x9el\r5|\xf8\x1e\xae\x9fr\xef\x14\x82\x8aK\xa1\xa8}\xe0\xb5\x11\x8bUEo\xf5\xd1\x86)\x82"s\'\xd6:h\xccK+\xbf\xf1qv\x99\xa1\xa2\xb8\xbe\x02+\xb9\x95\xac\xfc\xd5\xae\xc2n\x8aI\xa9V\xabY\xa5|\xf9H\x9f\xc9\x04h\xbdUZ*\xb1\x9c\x06\xaf\xd7\x8b\xfd5X\xa2\x98\x11g\xb7\xd7::\xbat`u\x95\x8f\x13+_\xdcEfm%\x1b\x14\xbf\xa6\x91\xe8\x1e0Jf)\x89%\x08\xdf\x1f\x86m\x19\xac ,\x1az\xf0\r=\x06=v\xfcXz\x89n\xd1\xe1v\xd3WA:\xe8faT\xf9x\xd7\xf8\x11\x8c\x16\x82\xd4\xc4$\\[}\xd5\xff7\x8bP\n\x90\x84NbI=\x14\x9e}\x0e\x96\xddh\xb4X\xb8\x8d\x1a\xadFkp\xd29;\x93q\xbb\xb1ZNlO\xd0mm\x1d\xf4\xb5?\x90\x16P$\x83\xcdd&amp;\xd6\xab$\xb3\xa4\xbf\xf7QH\x1f\x8c\xfc\x8f\xa8\xeaj\x95\xc0\xa8N!\xcfR\x11+\xc2,c\xa9\xe6"\x0eE.\x83\xc1g\xc3#\xe0^J$\xb6\xa7\xe3\x13\x13\xf4\xe5:\nkaa\x11u\x1b\xc5\xaa&lt;+\x99\xdc\xdf\xdaj(\x10\n:\xbb\x85\xe3\xe9\xce\xff\xfar*\xe5\xa4\x14\xa0\x11\x04\xa8\xa4&amp;\xe6Y\x9fF\xbc6\x1fT\x96\xa2\x8b\x17\x01Cj\xb4\xd9`\x19\\KK\xa3\xd3\xf15\xfa\x12[\xcb\xc2\xe2\xc2b\xcb\xc0\xf2\xf2\xe2\xc2\xed\xf1\xdb\xd4\xc4\xf3&amp;\xdd\xe4\x9d7\xc9\xe4\x10\xc1\xb6\x86P3}3x6\x84\x84\xea\xff\xf8\xf7"h:P\x0b\x1c\x10%E*\xb54\xb4\xaa\xa5\xb4\xda\xb0X\xa6s\x8f\xa6\x08E\x91iq\x16\xc2\x86\x15\x1bm\xfb\xac}\x16.\n\xaceqy\xb9c\x19*r\x01&amp;\x8d\xf9\xc9\xbf\x11\'\x89\x1f\xc2\r\rI\xb6\xbe\x86\xcatAu\xe1\xbf\xef\x9d4\xc6\x95R\xff\xa4\xa8\xf0P\x1e5\xb1-L\xacR\xbaw\x86\xe6\xd4\x8a\x8b\xb4\t\xa2\x8d\xb4\xc1G\xf7&lt;\xc0\x85\xc0\xe2\x03\x03\x1d\x03\x03\xcb\x03\x1e\x0f~#\xaf\xdb4S\x98L_&gt;\xc9Y\xde*b\xf9\xfd\xfeP\xc1\xbf\xbe\xaeZX\xadP\xb0\x83P\xacb\x92Rj!X\xaa\xef\x7f\xdfvZO,\x0bUi)ZYQ\x81\xb5D\x90\xae\x08\x1a\x8c\xa7JJf\xa9\x91\xd3\x9e\x01\x80&lt;\x9e\xc1A\x0f\x12\xe3qO\xc3\xeb\xce\x9b\x99\x99\x99?\xcd\xe4j(\xf7\nV%*T\xf0OooA\xf7\x14B.\x1dn\xa0 \xe4sS\xa9\xd4*\x1c\x02p\xbd\xfc\xc3|$\x88YA\xcb*\x0bu\x92\\A\xb8\xc2\x98-\x88u\x8e\xf3\xf2\xc4=\x83\x1e*\xa4\x85\xb8\x16\xb8\x8d\x07IR \x1f&lt;\xe9]\xae\x98\x15\xaa\x0c\x1d\xeb\xfcEb4\xcc\x85\xa3\xfe)\x95|\x00\xe6\x8a\xc3"\x16f\xf9\x1f&gt;m\x0bCEg\x1fj"\\\x1a#\x16\xf6\xc1`8\x88\xff\x05\x8b]\xd3\xf1A\x14\xa7\xe5!\x16\xc7\xa5\x9b{\x95c\xe0\xd1\xd7\'\xa9\x1a\xb8\xfc\x95\xa1P:\x1d\n\xd5\n\xff0\x9fU\xd39O\x1aGj\x1eW\x82\xd4\xcb|\\9\x96\xf0\xecp,\xe2\xc4l\xa5%P\x11\x0f{\xb4\x92`\x98*\x8c\xc6S\xa7\x8c%\xe7\xce\x8cN\x8f\xb0ip\x84\x9a\xb8H\xa3\x1e\xb3\x97\xee`\xa8\xe1\x08\x92\x7f\xe7\x97\xaa\xb2\x8c\\\xe9P\xbaV\xf5\x8eK\x81F\xa9\x95oS\xde\xfe\x97:\xcfR\xbc\xfc\xedX[EP\xc3\xd3\xbct4\xd2\x08\xa3\xe9K\xeb\xd4hKK\x8d\xc6\xb3\xe7\xce\xf4\x83\x05\xd2\xc8\x08^&lt;\xcb\x14\x17T\xe3Uo\xfc\rda\x07\\\r~~\x8b\x06\x96Q\x13\xe1\xaa\xadM\xa7k;\xdf&gt;(\xd5\x8c:\xa2\xf0?\xdfIK%\xb1T\xcf&gt;\x9f\xef\xbd\x18$\x88\xc5R$%F9\x9d\xc2\x14K-&lt;{\xf6L\x7f\xff\x08\x075\xd8O\xefht-\x93+\xf5\xca_)5\x8c\xca\xcf&lt;~[Y\x86\xa8\xa8\xd2\x92\xabV\xf8y\x88\xa1\x83\xea\xfcd\x90\x9f\x15\xd4G\xff\x95\x9fN\xc1z\xf9\xc3Xo\x05\\E\xe4\x92\xda\x88\xd7R#\x93\xceQT\xfd#\xb9b\xd6\xa04\xea\x17[\xee\xcf\x94\x91\x05\x882\xa4#\xb5\x8e]e\'O\x86\x8e\x1d;\x11JS\x1bk\xa9\n\x94yW\xbeo\xcaw\xdf\x1c\x85\x97_\xd9\xe0l\xfdh\xbe\x17\x07_\xde\xa5\xe16",RI\xac\xfe\x9c\x8c^h\x8ca\xae\x18\xe8\xb8?t\x12\x11\xb1\xea$\xc1\xfc\xb9\xa0\xf0s2\x14:v\xe2x\x9a\x8bY\xe9\x0f\xf3\xc7\xe4\x91A\xfdK\x98\xc0\x0b\x9b\xea\x9c\xab\xf3\xd9\xdf+9c\xd66\xb2(\nkf\xde\x8c\x98\xa7X3\x10X7r\xb56\x02\xe1\x14q\x9dbA\xc4\x8c\x8a\xf1:D\x85\xd9-\x0c\x01\xb5\xdb\xada\x8b\xb8\\\xb6\xcdO\xf0\xfe\x80\xf4\xe9R\x18\x165F`\x17\xab&amp;\xb50.\xd2\xa4\r9\xe7\xde\xfbf\xc6N\x96\xb0\x17\x8d&lt;\x12\x82\xf7q\xee\xb9g\xde\x18\xd9\xff\x92kw8\x946\x02k\x1bX\xf4:\x0b\\\xcf\xf9\x8f\x16\x02\x1b\x98\x18\x14\x8b\xab\xdfj\xa0&lt;\xa34E\x01\xb0\xb1hF\xe5FE\n\xac\x8c\x05 H\x15\x8b`\xb9\xccd\x17\xc9\xf8\x9aw\x805Q\xb9\xb0Ku\xd1\xfe\xe6Ob\x9d\x0c\xad\xb6\xb6w\x80Eg\xed\xed\x91\xeb\xe8/\xa0\xbd\xd4:\x95\xf0Z\x80\xca\xd7\xa3g\xcc\x01\xb6\xab(L3&lt;\x17i\x9a\x16\x86\x95\x08\x10\x0e\x9e\x88`\xf7\xb1\x9a9\x0c?&amp;*\x17\xae\x02\xa8s\xd8\xebx\x0e\x87\xe1\x8a\x88\x98\x97&amp;\xf2\xeb\xb8&amp;\xd7\x91\n&amp;h4\xff/\x8b7\x1f\x7f\xf5)\xc5\x01\x83\xf7\xbe\xae\xc1dh\xa4\x02\x96\'T\x12\'\x14+S4\n\xd6\xeb\x7f]\x1d\xac`.\xcd.\x07\xdbO\x8d\x0b)\xff\x15\x16\xa9\x9e[31\x92\xbf?\xf9\xf8"\x83X\xe3\x11\x1c\x84\xf5\x81\xc1F\xa6\xc5H\xa1X^\xc4J\x88\x16\xf3\x10\xae}\xd7{\xe8\xa8\x07.\xa3\xb9\x1ei\xa8\x92\xeb|\xb3\x9cN\xd1GvR\xb0\x04\x8c_\xab\x06\x970\x1dIQ\xae\xc5\xbb\xcfcR\x8dj]\xdc\x13+\xa5\\@\xb3\xaa\x15\x0b\x8f\xd8\xb0\x94\xec;X\xd8\xd8\x88^\xc1\xf6n\xff\xf2z:\xdf\xe5@bo#\\\xa2\x97&lt;\x1d\x1dR\xb2C\xe9\xe6\xe9\xe9\x9b\xab\xb7\xd0\x08v"T\x92\x0c\xa0W\n\x91\x04K\xc5\x02\xa7YK\xb0\xd0J\xb2\xc5\xb3\xb8\xc1\xea\xb7\xa1u\xdfi\xd0\x8a1?Q\xae\xdc\xb9\xf8\xc3\xeaB\xb8~\xe2L\x0eM-\x01{|\xc8V\n\xd6\xcb\xc5\xbbO/ \x90$\x00\xa0\x92A"j\x01\x04\r4*\x8f\x07&gt;\xc3\x1e\x8a\xbfbUl\x06\xbdz\xdf\xf6U\x8b\xd5\xefO\x1a\xae\x887\x1bU}y\x0b0b\xa9\xeb\xb7\xf7D1\xed\xa5\x05\xfe\x93\xab\xb75\xdb\xc6I\x03\xd3\x00TY\xaa*\x8dF&amp;\x94g5X"\x94\x14\xb0\xe2oY\xfe~\x11IJ\xf7\x83\x11\x05\xbb[&gt;\x85`\xc7\x0c\x8b-1\x98\x88\x86C\x18\x1f\xff\xf1\xfe\xf3A"f\xc2\x9a\x03)\x88%\xed\x13\x7f\xb5X\x99b%\x14+\xf9_X\x8eJM\xc2\x15\x9bX.J\xd6\xab\xe5|\xfe\x9a\xdf\x97&lt;\xd9\x19\xca\x06\x0c\x07\xe2\x7fx\xb2\xb5\xf3\xe3?\xab\xb3l\x80\xf5\xb8j\x87J\xfc.\x8dl\xacE\xb1&lt;\xad\x95\xb5X\xa4\x9a}\x1f\x8b\x97\xebGl\xa3n\xea\x89UU\xd5\xf9\xfan\xf9\xea\xd5k\xc4&gt;\x9d/q!\x7f\xe1\xb0\xfb\xc3ru\xe6\x89\xd1\x81\x1a`\xe5T\xb1\x9ad\x80\xdb\xc5\xf1\xde\'\x89fD\x16w\xb0d+\x1a\xf6\xa3\x0e7\xf7r\x9e\xb7;\x9b~\xee\xa2&lt;\xa01T\x95\xab\xac?ln\xaf\xff\x9eZ\xecs\x0f}&lt;\xbfX\xde\xde\x1cx\x11G&amp;L\x95JhwB\xa5#\x9bA\xb5{\x9b=\t\xc7\x16\x00\x00\x01sIDATZ\xaaVC\x85&amp;b\x11G\xac\\\xb1\x0cP_\xf5\xd96\x8e_\x14)\x16\xfbH\xc5*VY\x8e\xd7\x9b\xbb\xdb\xeb\xe5\xf2\xe2\xe9\xcf\xf3\x0b \xadn\xd6\xb5\xf5L\x96+K\xd3\xca\x17\x8a%jq"\x05\xc9[&gt;\xe8\x87\x8d\x8aX%\x9ahX\xe1\xfe\x10\xcf9!s\xde1\x1aV\xe4\xecW$b\xaf\x80U\x95U\x99\xf8\xf1\xc1\xd9z}y\xb3\xb9\\\xaf\x0fj\x05I$\xb5qbX\xec\xa0Y\xaaPS\x89\xeb\xa5\xcf\xea,F\x97\xc4\xbc\xb9^\xd5\xa2\x1e\xb9\x0b\x05,\xbeC,\x10P\x9e\xc8U.l\xeb\x85\x0cL\xecd\xc9uc\x11\x87\xd1D\x88\xd2\xdaF&amp;\x16\xcf%\xb0\x8a\x96\xcc\xa7\xdaAM\x08\xb6\xd8\xac\xd5`\xed\xf7\x88\x13\xe9\x11)\x169ZHy)\xec\x1d\xb9\xc0\x14\x16\x15Q\xca\x00\xd1\x94\xbd.\xa9\\\xaaX!\xdc\xcd[\xe2/\x19D\r\n\xc8\xa5\xf1\xc5\x04\xeb\x89\x12\x91\xa8\xd5b\x85S\xe9\xa2b\xcd\\\xb3\x1f\xac\x8ci@\x1a=\x7fH\x15t\x83r$H;\x03\xa8\x1d\xf4i\x1a\xc82\xa5\xcabS\x0cG\x06\xb5*\x17E]\xb5H)F\xc3TFQ\xc8\xaa\xca\xcd*\rT\'\xae\x02\x90\x19\xbfKuO/\x9b\xc1\xff\xc2\x12\x9c\x80e\xf1\xa5hY&amp;jI\x13#\xd5&amp;`\x99\xe3C\x84\xc2L\xb8\xd9fTDb5M\x89*hTv[W\x06\xb7\x07\xa8\x96\xa6\xf1\xbba\xc90\xea\xfe"(&amp;\x17\xc6/\x0b\xe4(\xa9&amp;\x8b\x04\xbc\x00\x00\x00\x00IEND\xaeB`\x82'</t>
        </is>
      </c>
      <c r="M328" s="3" t="n">
        <v>45492.67859953704</v>
      </c>
    </row>
    <row r="329">
      <c r="A329" t="n">
        <v>931574</v>
      </c>
      <c r="B329" t="n">
        <v>2020</v>
      </c>
      <c r="C329" t="inlineStr">
        <is>
          <t>Felipe Jonatan</t>
        </is>
      </c>
      <c r="D329" t="inlineStr">
        <is>
          <t>F. Jonatan</t>
        </is>
      </c>
      <c r="E329" t="inlineStr">
        <is>
          <t>LE</t>
        </is>
      </c>
      <c r="F329" t="inlineStr">
        <is>
          <t>LAT</t>
        </is>
      </c>
      <c r="G329" t="inlineStr">
        <is>
          <t>LE</t>
        </is>
      </c>
      <c r="H329" t="n">
        <v>176</v>
      </c>
      <c r="I329" t="n">
        <v>36</v>
      </c>
      <c r="J329" s="2" t="n">
        <v>35840</v>
      </c>
      <c r="K329" t="inlineStr">
        <is>
          <t>Left</t>
        </is>
      </c>
      <c r="L32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2cb67da-d173-4a8e-826b-30da4e35c1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3\x86#&gt;\x00\x00\x02\xfdPLTE\xff\xff\xff\x02\x03\x03\x19\x18\x19\xf4\x08(\r\r\x0e\n\n\n\x06\x07\x07\xfe\xfe\xfe\x11\x11\x11\x15\x14\x15\xe9\x03#\xe6\xab\x90\xdf\x04#\xee\xf1\xf7\xf1\xf3\xf8\xf1\x05%\xe5\x03"\xf8\x0b*\xec\x04%\x1e\x1d\x1e\xb9\x81j\xe9\xed\xf5\xe8\xae\x94\xd6\x03 (\x1d\x19\xb6zf\xe4\x9b|B.(!\x19\x15-"\x1f:+&amp;\xeb\xef\xf7\xafyd\xdb\x03!\xd1\x02\x1d\xe5\xeb\xf4\xacnY\xfb\xfb\xfb\x9e`J\xc4\x01\x1a\xe7\x9f\x81\xb0s\\\xe2\x96w2\'#\x010\xba\xe6\xa6\x8b\xa1m[$"#\x1b\x13\x10\xe0\xa3\x88\xc0\x85m\xc0\x89tpOB\xe9\xb0\x9b\xa7r_\xfa\x182\x013\xc2\xda\x9f\x85\xe0\xa8\x8e\xeb\xa8\x8c\xdd\x99|\xcd|YM4+\xa6jU\xd4\x9a\x80O:3D40\xe5\xa2\x86\xe9\xa3\x85\xcc\x92y\xe1\xe6\xf1\xae\x01\x13\xf0\xba\xa6\xec\xb5\xa1\xb6u`\xcf\x96~zSE\xd9\x94v\xde\x90p\x9aZE\xda\xa4\x8c\xe5\x0b*\xef\x0e-\xd2\x8ak\xc7\x8ev\x96j[\xcb\x02\x1c\xbbsW\xc4\x80l\xec\xab\x91_C:gG&gt;\xd0\x95\x86\xba\x01\x16\xe1\x9d\x81\xf2\xc1\xb1\xec\xea\xed\xc5{_\xf2\xf1\xf1\xd1\x80_\xf9\xf7\xf5\xd6\x8fpWA:\xe2\xac\x96\xc9\x89q\xcc\x85e\xbf\x7fj\xda\xdf\xec\x87RB\x84ZL\xda\x8ai\xa4cM\x88cO\xd3\xd8\xe6\xf4\xf5\xfa\xadta\x91_P\xc7wU\xd5\x9d\x901017!\x19\xc4\x90\x7f\xd4\x9e\x87\xd9\xd7\xda|YN()*\x9dqaZ=4\x91fV\xd5\x85c\x88M&lt;}J9\x02\x1c\x7f\xcd\xd4\xe3\xbczd\x03/\xb3\x03#\x90\xb7\x85u\x9cdT\xb0~nyB1\x13\x0e\x0b\xcf\x8cx\xd1\xcd\xd2\xe6\xe3\xe6\xa6yg\xcf\x8e\x7f\xef\xb3\x98A\'\x1e\x02\'\x9c\x8fZF\xb4lO\x01*\xa7\x93U@\xfa)=l&lt;-\x9f\x01\x0epE7\xe5\x178\xe1\xdc\xde`6(\xacgN\xec\x1f&lt;\xc8\xc8\xc8e?4==?W7.aIA\xf49L\xa4xOS- \xcc}y\tM\xcc\xe4\xca\xc6\x0f6\x9d\xb1\xb6\xb7\xd8\xba\xc6\xda\x12-\xf0\x9f\xac\xf3\xcc\xc4\xb5\xbf\xde\xc0\xa8\xb0vus\xa7\xa6\xa8\x07&lt;\xc9\xbanj+\x13\x0b\x8d\x8b\x8d\xc8\x0f)\x95nO\xbf\x81^,Z\xca\xf0\xd7\xda\xc2\xcc\xe3\\^]NOM\x7f\x7f\x7f\xd4\xba\xb4\xbfnN\xf3\xe6\xe3\xdf\xb0\xa8"G\xb9\xc2\xba\xbe\xd1F[\x99\x99\x9bz\x8e\xc2\xa7\xa9\xc4\xd3\xa8\x9b\x91ul\xc3\xbf\xd5jWPv\x9a\xddf\x87\xd2oig\xc4x\x8d\xd4\xa4\xb6\xe0\xca\xd5\xb94J\x84\x04\x0e\xa1\xb4\xdf\xc5\x9b\x93\xaf\x8e\x90/M\x9f\xcb\x1c4\xf3dx\x9e\x7f~e.\x1b\xee\xb7\xc4\xf3K[\x81c_^x\xc1Ca\xae\xda,F\xd2[o\xcb\x92\xa5\xb0\x14+\xc8\x89\x8c\x8c\xa6\xe0\xb6\x9f\x92\xd4n\x82\xd6~\x92\xaeS2Mz\xd6\xa9[`\xf3\x81\x91`\x1f\x14\x91\xa2\xcau2\x1d\'27\x93\x16 :%l\xe2\x87\x9b\x93*P\\;\x92h^\x8a\xdcL\x1a\xf9\x00\x00 \x00IDATx\xda\xc4\x99MH[{\x1a\xc6\xeb\xe1\x9c\x9cs\x10fsD\xa2\xf9\xc0\x85\tMCz\xa2\x8d\x82FSc\xbcP\xad\xb9\n\xa9\xf8uqb4\xf1\x83X\xc3\xd4pt\xf4\xf8QA\xb06\xd7tF\x94r\x11\x15\x8d\xc5n\xdc\xe9B\xec"z;\x97\xe2\xa2\x14\\\xceb\x16\xdd\xce\xda\xe5&lt;\xef?\xda\x81\xd9N\xd2\xbe\xf90\xd1\x80?\x9e\xe7}\x9f\xf7\x7f\xf4\xde\xbd\xff\xbb\xc4\xff)\xf6\xad{?\xb4\x18\x87mx8\x12\x89\x84\xd3;\xfb\xfb\xeb\xeb\xeb\xb3;\xe9pd\xd8\xf6\xe3\xc8\x18Rx\xf6\xd3\xf1\xe9\xd9\xd9\xe5I\xf6"\xa3\xa9\xba\xa6e2\x17\xd9\xcb\xab\xfd\xb0\xcd&amp;\xfe(\x9d\x86\xd7\xafN2\xba\xcaI\x82 \x18\x0cEEE\xf4\xc0\xb3A\xd2\xae\x8fg#\x04&amp;~W:\xe8d\x0b\xef_f\x14^\xe0%\x99\xe7Ae\xb8\xa3b`\x82vy&lt;k#=#\xc3\xe2w\x83\x8a\xec_\x9d\\h\x1c`\x88K"(\xc37(&amp;\x9bA\xce\x9c\x90\x95\xb6\xf0w\xc2BC\xad\x9fe\x14\x8e\x93\tG\x00\x01o\xc8I\xc4pn\x8d\xc4]\xbe\xb8\xdc\xff\x93-\x92\xb6}\x17\xa5\xc2\xc7\xd7\x19E\x06\x95,\xc1&lt;^\xe2\xbfIDV\x1a\xd0f9F\x83\xc0i\xd9\xd3t$\x1d\x16\xbf\x07\xd5\x99\xa6p2O*I\x1c\'\x15\xf1\xd2\x9dV\x06\x9e\',\xd8\noeA\x90\x15]\xcb\x9c\xee\xec\x84#\x05\xd7\xcb\x96\xbe\xd4\xd1\xe2\xbc\xc0\xcc\x93\x15\x85\x87&lt;\x84\xc5K\x02\xcf\x03W\x96$\x89S$I\x97e\xfdFW\x95\xec\xe9~$\x1d\x11\x0b\xdcV\xb3De\xb8\x15E`ch\xa09\xe49\x15\xbe\xea\x9a\xa2(\x9c\xa2\xe8\nw#\xc9777\x9c\xc4e\xaf\xd2\x05\xb6Q\xb4\x1dgU\xe0\x90Zd\x18y\'\xc9\x14\x10\x92\xa2"LU-\xa3+\xba\xaa\x82M\xc1\xe7\xd4\x1b\x1dV\xaa\x17\xc7;\x85U\xcbv\x9c\xe10u&lt;\xa7s\xf0+7r\x92\xaa"OeU\xe1\x80\xa3k\xaa\xa2\xea\xd0J\xc6\xdd \xa9\x9c\x80\xc6\x87\x8f\x05UK\x9c\xcd*\x1c\x8b\x01\x0e\x93(\xb3\x96*\x12\xc0\xa2\xe9\x90H\x909h\xc6q\x8cMVd`KR\x0e&lt;\xbbn\x13\x0b\xb6$\xc5\xc8\x19\xec\x91)\xa9\xb0l`\xe4\xad\\\n\xf6`F\xd7\xd0c\x06\x8e\xe3xY\x86\x9b\x12\xcd\xeam\xec\x0b\x8av\x16\xb1\x15jG\x8a\xe2\xbe&amp;\xf1PI\xe2$\x04;\xc0r{\x90\x07\x06\x04\xd2\xb8"\xa1H\x92\xd1L\x08\x06\x95\xc3`~K}A\xbaX\x1fN\x17*U\x87/\x91\x9f&lt;\xa6\x1fJ\x00\x8f\x92\x0bhPNR8\xe8#SrI\x12\x8d\xa9D\x16\x0bw{\x1b\xe4\xea\xd9\xfal\x81\xfaK\xdc\xcf \xd7!\x82\xcc\t\x06A\x92Y,\xa0\x83\x10\x15\xf0N\x97\xf8\x14\x84\x92\xa4T\n?E\x82\xb1SE\x11-K|N\xba\xb8\x9a\xb5\x15\xa8\xb3.1qL\r\xe4:R\x93\x86L\x96)\x1c`\x9ab\xb1\x98\x8dF\xa3e\xdaj1\x9a\xdd\xee\x94\xdb\xad\x98\xcd\xeeT*\xc5\xb3-i\xd0\xce\n\x85\xb5~\x81\xe9\x92\x98^\xd8\x83\x92\xcc&amp;\xd2\xc2\xcaim6YM\xbe\x85\x83\xe5M\xfb\xe6\xf2\xf6\xa1i\xdab\x01\xa4\xd9mL\x19rG\x1e9\xbb_\x90\x83\x848|\xa5\xb3\xfd\x8c\xae\xa6,\xa5\xd3C\xcam1\xf9\xfc}\xfd\x07\x07}\xb8y6\xed{\xdd\xdd\xdd[[{\xf6\x8e\x97\xdb\x0b\x0b\x87\xcdN\xa3\xc5\xec6\xa7hg\x1a2\xa7\x05iy1|\xad\xc0Cz\xd0\xc9\x81Z\xcb=mZh\x8f\xc7\xa7&amp;\xed\x93v{\x87}o+\xd9\xd88\x88[\xf2\xe3\xd6\xde\xcb\xed\xc3\x8d\xe9i\xa3\xd1j\x9av\xe7\x92.\xfbi\xb8 Q\n\x0f1\x7f\x80\xc2\x89Fv\x9b\x8d\xd3\xbe\x83\xed\xf8de\xe5\xd6\xd6\x16DJ&amp;\xbb\x93\xc4\xd484\xd4\x98Ln\xd9;^\xbf\xdf\xd8\x00\xb7o\xc3\xc8V\xb9A\xbd\x8a\x14\xc2\xc3c\rX\x12%\x96\x19\xcdd:\xdc^~k\x9f\xdc#"* \r5~\xab$j\xab\xe3\xe5\xeb\xdf\x0e|\x1b\xbe\r\xb7@\x03)\\\xac\x17 \xe8#g:\xfa\x8ar\xcb\xec\xb4\xfa\xc0\xd4AP\xa0r\x00\xeac2\xd984F\\I\xba\'Y5\x0e%\xbb\xed\xcb\xbb\xbb\x1b\xe6\x14\x9d8\x0c\xcai\xfes\x1e\xeb\x90\xbc\x93y\xceBL\x04\x05\xaa\xca\xadn\x92\xebcww\xe3\xd0\xd2\xd2\x12q\r\xfdW\xb4!\x14D\xfb\r\\\x94a\xd2u\xb8\x00\'\x1a\x9dgm\xe5&lt;\xd8D\x7fw\xe4\xb0\x98\x85\x10f0\xd9\x08\xaa\xa5\xe7\xb7\x0f\xe2at\xec\xe9c\xc7\xae9\x85\xc1\x15\xb4S[\xde[\xebL\xa2P\x90-\x0b\x9b\xf6\x0e\x88\xd5\x91\xeb\xab\xc1\xeeA\x14\x18H\xac\xe7wE\x88$\xdd\x10k\xffdr\xcf\xe4F\xd8\x19\xe4\x93\xbc\x1f\xbb\x86O\xe8\x9c,\x99M\xdbo\xdfn\x92Xv\x16R\x83\x83ccKK\xa1\xa5!b\xfa\x99\xea\x01\x1ewpC\xb7\\\x1f\xb7\x91\xac\x08\xe1\x8b\x9d|cE\xb2h\x8f\x94\xd9\xe2{\xfd\x96\x8ay\xd8\xcd\xa4\x1a\x03\x18\x10\x00\xf5\xe0\x01\xa0\x1e\xa0\xee\xf8@\xcb\xccL\xdaM\x16\xa3[\x10\xb4\xfd\xfcb\x89b:c *\xe7\xe1\xcb\x1c\x95}ook\x851\x8d\x8d\x85\xa2\x0c\xa3\x9c\x15\xbe\x10^\xf9\xfd\x96\xc0\xc0@\x90I\xd6\xd8\xb8u@\xab\x92\xe7\xae\xf2\xbb\x80\xc4{\xeb\x9a\x81G2l,\xc47\t\nZU\xb6\xf5\xf4\xf4\x8cFQAR\xa8\xfc&gt;\xaa\x1c\xcf--x\xd1\xe2\xea\xad\xa9\xa9\x19q5\xfc\xfc\x9c\xb8\x92q\x9f\xc9jq\xf3\'\xf9=\xdc\xe0\x04\xa8\x0b\x126\x89\xe9 \xce\xfaj\xf2qe\xdb\xf8\xe8\xaf?\x05\xff\x16l\xa0*/\x0f\xb4\xb4x[Z\x02\xe5\x0c+\xd0[Z\xda\xfa\xe4Ik\x8dk\xa0!\x1aZ\x1a\x1b\xec8X\xf0Y\xcd\xf9n.\xf1\xde\']0c/\x1f\x1e\xc4\xed9*G[\xcf\xaf(\xa2\x1a\xa0\n\x04\\^\x14\x84\xba\xef\xf2\xf6\xb6\xd6\x04F\x9e\xfc\x19\\\xa5U\xe0\x1a\x1b\x9b\xec\xef_0Y\xa4\xccl\x9e\xd5:V\xdd\x16\xab\xc9O\'\x17@\x11\xd5\xcax\xcf\xe8\xe8h4\x18$\xae\xf2\x01FU\xecm\t\xdc\x0f\xb4\x00\xab\xb5\x86\xd4j\x85\x91\x03Ap9\xda=}&gt;\x93\x19=/\xe6\x15\xebJ\xc5\x99\xca\xbf\xd0\x1f\xb7?~LT\x0ep\xad\x8c\x8f\x86\xa2\xc4\x05,x\xe7\xed\xf5\xc2\xc6\x16\xbc\nx{kZQ#\xe8/&amp;W\xe8C\xc2\xb3\xe07Y\x9c\xc7\xf9\xdd?\xb6K\xdd\xe4\xf7\xf7\xf5y6_UV\xe6\xa8P+=\xa1P\x94\xa8\x02$Vo\xaf\xd7\x15\x08\xc0\xc4\x16\xc8VZ\x03\xa5j\x006REr\xf5L\xcdA.\xab%\xbf\xa3(\xfe\xe5\xdabZ\xe8\xeb\xf7L\x80\n\xe5\xc8q\xe5\xb0\xc8\xc0@\xc0\xeb-\xfd;\xc9Ec\xe8u\xb9\xc0\x05\xaa\xd6\x9c\\\xc1\xe8\xe8\xabD\xc2\xd3\xe77\x9e\xe55\xe7\xc5H\xd6\x89S\xa8\xa7=Q\xd1\x96\x83"6tW\x88Y\x18p\xa1\xbc\x98\xbe^/\xd4\xa2r\x11\x18\x91A\xb4\x11p\x05k\xa7\x16\'&lt;1\xe7e&gt;\xb1D1\x9c\xb5\xc6&lt;ss\x89\xda\xea2G%z\xeb1K\x88\x9e\xd1_\xd9\x18\x06\\0\xd0[\xdc\xdb[\xecB80F\x17}\xa9\xcf\x91\x15W\x05\xa3e]\xe7\x89\xf6\xbe\xe6\x93\xfcb\xa5/\x9a=\x89D\xa2k\xf5Q\x19\xf5\x16\xc8\x1cee\xe3\xd5\x84\x85d`\x8e\x952\xac\x00\xe1\xa0\xb5\x8a\xeb]UUU\xd0l\x04\xaf!\xd7\xe8\x0bpyby\xcdS\xd1\xb6\xf3\xc5\xdf\x9fX\xecZ\x9d\x01\x16\xf3\xb0\xad\xac\xa4\xa4\xfa\xd9OMMu\xaeb\xeao\xb4Q)\xc0\x8a\xf1\xa6\x94(\xf1\xbe\xbe\xbe\n\xd9Q\x07\xb6\x81\x86\x81\xe0\xf8\xf9T\xc2\xf3.\xbfX\xe2\xec\x97w\x9e\xc4\xfc\x9b\x99\x99\x12\x98\xe8p&lt;\\\xecB\xcd\xaf=\x9ay\xdaTU&lt;B\x19\xf5\xa4\x95\xf9E\x05\xaa?\xfe\x18\x19\x19\xe9\xacCS\x05\x07\xaa\xb0\x1b\x1b\x1aB\x0f\x13\x89v\xcfu:\x9f\xc1%\xae\x7fmOt\xd5\xae\xcd@-\xf4\xfcT_3Jk\xf6\xbf\xfb\xf2u~u\xe6\x97zp\xb52\xae\xbf\xce\xa0V\xd7&gt;\x7f\xfe\xfa\x99\xea\xcdZYu\x14{\x00XQ\xc79\xba\xeb\xcbl^\xb1f?\xcfA\xac\xd5\x99g\xc0z1\xd1L\x7fe\xe6\xe9r\x9aS\x9b\xdf\xcd-\xae\xcdt\xd2b\xae\x19\xe9\\\xebJt-zb\xcdN\xa7\x93\xfe\x9f\xd1\x1c\x8byjC\xb4\xa0\x82\xd1\xb6\xa3\xf3\xc4\xc4\\^/3\xc4\xf4\xe7Db\xbeb\xf5Q\xf5\xa3\xb2\x17\x13&amp;3N\xcf\x12\xcf.\xf3e\x8b)\xf6n\xee\xcdL\'\xaa\xae\xb3\xa9\xd6\xd3\xef\xf1\xf8-t\xb9\x9f\xe2t\x94\xa6\xc5\x1e\x12W4\xf4\x01X\xe7\x89\xfcb\x85\xff\x958\x9f_C\x97W\x97\x11\x95$\xe32\x96\xb083\x16\xf8\xa1\xa7k\xf5\xe9/O\x9f6u6UL\xf4\xf7a\xf9\xe1pev\xcb\xaa\xc6*\xd6\x05\xae\xe0\xd8\x87\xa3\xa3\xf3\xf3\xf9\xfc\x9a8\xfc\xcf\xc4\xf9\x9b\x8a\x12\xd4Chav\xfac1\xbf\xcfg\xda@\xbd\xf7-lO\xd4\x96\x94\x8c?\xab\xab\xef|\xf6b3\x1e\x8f\xd3_!\xac&amp;\xab\xd5j\xb1\xa8\xba\xd3\xe9_\x0c5D\x19\xd6\xd1\x9b\x9d&lt;b\x89\xa2\xed\xdf\xe7\xc0*+\xab\xa8\x98\xf0\x99|}\x13\x18\xc3\xf9\xf9\xc5\x89\xf6\xed\x83\xdd\xc3\xdd\xdd\xed\xe5\xa9\xda\xb6\x95\xd1\xba\xfa\xfa\xa6\x1e\xc7\xde\xa4\x9d\xd0&amp;\xa6\xba\xba\x16\xd1L\xed1\xab\xd1\xff\x10\x87\x88\x0f\x8e\xa3\xa3\xa37\xff\xc8\x1b\x16\xfb_\xd8\xef\xe7\xe7\xb5/***^\xb5{\xe6\x10`\xf3\xf3\xec\x97\xc6\x97\x0fv\xdf\xef\xee\xe2\xa2\xdf\xeeX\x19\xad\xfa\x0f\xad\xe6\xf6\x9a\xd6\x9e\xc5q:\xd0\xe3\x83\x8f#\xc1[\xc4\x07#j\xc8\xc6\xb8\x8d\x90\xe8\xd1x\x035\x9a\x1dPQ\xeb&amp;\x1e\x93\x98\xa8x\x83\x18G=\x1ec\xb7 x\xeb\x8c\x17\x0c"\xd2\n\x99H\x0b\x81\xc3H\x03\t\xb4\x14\xe6\xd4\xf4\xad\xc3yn\x1f&amp;C\xdfB!\x1cJ^g\xfdL\xe7/\xd0\xd9n\x8c\xc4&lt;|\xf2]\xeb\xb7~\xeb\xbb\xf6o\x85\xae\x0f\xf8O\xe2\xc2.U\x8c$1&gt;\x9e!I2S\xb5\xaay\xfd\x92\x1d\xa9\xf5\xf2\xe5\xd7\x99Uy\xda\xde\xf3\xbf&gt;_\xf8\xb9\xf1\x06\x03.\x85\x02\xc30g2\x91\xc8\xc9\xe5\xd6\\\xd4\xd9\xc8\xe7\x80\xabW,v4\xa5\xc0\x92yNo\x0b\x9d\xc4\xbb\xc5~\xbfh-F\x93X9\x93!3\xe5|\xbf\xaf\t=\xa8\xf5uf\x1d\xc4\xce\xeb|\xf4\xcb\xe7\xd7\xf97\x18\x06\xc9\x85W\x15\xd8$x\xd0\x05\xb7\xd3\x9ca.g\x05\xaeZ1\x12\xb7\xd8\xf5st6\xa8%\xa4j\x91\x8e\xd5j-\xe4\x9d\x89$_\x86;28\xa6y\x0bj\xbdy\xf9\xf2\xfd\xac\xfa\xad\x85\xf3\xaa\xa6S\xec\x17+\x18\xa6\xe03d8_\x81%#\xa7\xedv\x9a+\xfd\xe5\x87?\xffS\x07}4\x92\x8b"N\xfc\x9b\x86%v \xe4"z/^p\xd2\\\xaen\xf8\xc5\xd9\x89`\x0c\x991\xeb\xb0\xbc\x9d\x04\xb1\xf13m&amp;\x83p\x1am\xa7\\#\xc4q\xa2\xabPh\x04|\x06.\xe3c\x95H/-\xad3u\xf3\x7fy,\xe5\xfc\x9eK\x03\x15`\tOv7\xc1\xfal\x06\xec\xddW\xe9t\x9b\xf7\xa7G\x7f\xff\xe5\x8asz\xda\xd7\x84\x83\xeb\xab\x81\x87 \x96\xaf\x17\xae\xdf]\xef\xcd\x00\xeb]\xf2\xa6\x1b\x96\xb1\x04\x0c\x96F\xc1b\xe0\x0cA\xa5\xd3\x7f\xd5n\xab\xcfP\x10\xd3\xaf\xbc\xde\xf6\x15p\xd5@\xac\xa7l\x11\x1b&lt;k\xa8\xfb"\xdd&gt;K3\xeb\x8b\x1c\xb5\x1a\xfe\x82\xb2\x04\xd7\xd7\xed\x0fX_\x9f\xbfw\x04\xd7MS\xe7=m\xe1=u\x1f\xc7IG8,\x13\x1c2dA\x96\xa6\xd2\xa1\x8a\xb0\xd0*\x95$\x94\x81d\'\xd2\x03\xb1z\xc5\x81?\xb4\t\xfd2\x18W\x9b\x85B\xab\xa0WK*\xaa\xfc\nE\x11\x02\x99M\x85\xb0\\\'\xae\xb7\x0c\x7f\x80\x1d\x0b\xf8\xa6M|\xda\xc2\xa7Zm\x00\xbbs)\x8c\xf3\xf9a(\xf2\xd0jU*\xc2\x8a\x105]\x15\xa2C\xd5z\xb5Z\xafG\xf8\xfdv\t`\xb177U\xf68U+\x12\x03\x8b\x9bL\xad\x07\xfd~w\xd0hC\xe6\'\xe4:\xf1\xc76E\x1e\xc3\xc9\x9d\xeazZ\xb9\xf62\xf7\xd4`@t\xc5\xb0\x1b\xb2dAhNQ\xc3\x0c\x1d\xaaPH@y\xaa\xc1\xd5\xef\xf5\xba.\xc0b#\xdb#\x89\xc5\xec\xaex\x17D\x1a\x94\x82\x08\'\xa0ZF\xcd\xbc\xdd\x1er\xb9\x02\x06\x8f\xa7\xd5\xb2\xdf\x1d\x8d\xa6[\x904\xda^\xf9\xbe{b\x11\x13\x04\x0bg\xb0d2\x84\x85\x1c\xa2\xdb\xedw\r\xd0D)R\x04\xad(\xb1\xff;\x96\xc1 \x01{\x1f\xf2\xbb\xe2\x04\x11w\x85Bv\xd4\xe9\xeb\xf5\xaaM\xc0z\xfb\x96\xadT\x9aF&amp;\xcf\xc9x\xea(\xeeU\xef\x89RXx\xff\x8d\x82]\x0f\xd4\x02\xbbSr\x07\xed\xcf\xec\xa1\x07.\n\xe4\xa24\xfe\x92\x0b\x82h0 \xbb(\x99\x0c\x92\x9e\xfa\x8f\x8evc668\x0f\xa5~\x1br.f\xf7\x87\xc0\x13\x8d\xaeM-\xff\x9dy\xda\xc5\x08j\xc5\xc3\x02\xea\xe6\x1b\x011\x949d\xa502\xd3\xe0\xf2!U\xa0l@\xb4\x8aT\xdc\xe2w\xb9\xdc\x01\tB\x12\x81%C\x93\xa4\x18\x9a\xba\xc5$"e\xcb\xdcR\xea\xf5\xb0D\xed\xa1\x80H\xa44\xf9Z\xad\xc0\x1d}o\xfa\x94\xd7\x88\xbb\xb5\x9b\x1a\xff\x10R\xcb\x11t#\x87\x0fTA\xbf\xebd0\x88\xa3\xfd\x8f\x10\x94,\x16\xa0b\x1b\x94"6\xbc)\rl\xc9dP\x13\xdbd\x03\x95\xc9\xd4B\xbf\x02,\x1b[\xa4\x84\xdcR\xda\xee\xd6\xf6\xa6/\x10\x82x\xed\xe6\xa6X\xe5\xb3p\xdc\xe1\x90\xb9\x11\xd43\x08"\xa4\x17\xacP\x8d\x90\x88\x0b\xc0\xc7\x06U\xe0\xf0\xc1\x96\x89\xd8"\xf4&gt;\x89$\xd2\xca\x84\xba\xfc\x96\xc7\xc0\xb6\x05B\x81\xc0`,\xf2\xf9&lt;\x92\xf1\xca\x94\xb9E\xa3\x9d\'\xc5\x90Y7\x91\xea!\x03\xc7\x9bF\x87\x03\x98\x9a\xf0\x82;\xe8.\xc1\x92\x8c\x13q\x0b\x08\xb8\xec\xf1\xcc\x810(\x8e-\xc0\x98\xcc\xba\x80\xca\xe7C`-\xa5\n\xca\x7f tw\xf7\xd442K~\xf4M\x8d\xf5\xb7\x86\x98\xb8\xf9v\xd3\x81\xd6\x14wl\x90\x88\x07\xa8\x9a\xcdu\xf8\xe8.\t\x84P(\x0e\x1dds\x15\x99h\xdf\xc8\xec\x81\xcc\xd2{\x90\xc7\x06\xd1&lt;f\xc0\xf2!\xb9\x94\xa0\x96]\xa5\x1a\xdf\xed*}&gt;Il4\xed\xc8\x99\xb6\x93\x11\x0b\x01+r\x88\x97qG6\xdbDb\x91\xe8Z%\x9f\xb9\x05\x04\x15\x11\xb2\x82\xc6\xa61\x0b\xf6p\xc5\xe7\x9b\xf3x\x90\xb1f\x03\x1aXG\xd0i\x82ejy\xb6\xa1\x86\xe9\xe9\xf6\xf1\x91\xa4\xe5\x93lO]Ni{\x1f5\x82\xda\xb7o\xc5\xc3L\x197fS$\x92\x8aL\xa5\xe0n\x06-\x04U\xec\xb0\xc8&amp;\xce`\x18W\xe9Kt\xe8\xb7\xe8\xe0[\x97\xf4\xb6\xa71\x15@~\xbf@\xad\x96\xde\x160.\x99\xe9G\xe3]\x83I\xe2\x99\xc1\xa6x\x8e\x1d\nk\xf7\x14\x85U\xf1\x8dl\xf6\x7fX\xa9\xadT\xd3\xad\xa1jT\'C\x1eZ\xd5g\x95g\xab\xab\xcbkF\x05\x7fc\xc5L_\xda\x0e\x8dw\x81k4\xfa\xcf\xf7 \x02V\xd01g2?\x1d\x1f\xb1[\x12\xd3\xf4\xcd \xed\xba,\x8c\xc7\xc5\x82Z\r\xc3\x91J\x90V$\x99\xfa\x08\x9f\x82%\xa2V\xa4:x\xb8x\xf5\xb8\xaeV8\x1cFc\'\x9d~\xc1_\x06\xfbo\x1f\x0c\xfc\xdb\xa6\xd1h\xe4{\x88\xa2Go\x939\xe6\xcc\xa6\xd8x,\xf2\xb0G\xd3\xb7\\P"\x84\x14\x11\xc6\x05\xd0\x02gS\xa9\xec\x84\x0b\xb0H\xa3\xcc\xd2\x01\xaa\x8eB\xd1\x87F\xc6\x8a\xf11\x96\x91\x91\xec\xbd*\xba\xd7\xcc\xe6UWw`\xa7\xfb&amp;\\(\xb7\xe6\x96\x8d\x0c\xc7\x8a\xcf\xb4{w\xa4\x14\x19\xaeg\xd1\t^g@-\x86L\x11m\xa4\xd0E\x92H\xae\x14\xe9\x90\x89+\xd0\xde\x14\x92\xd0BG\x9dy,\x99de\xb7H~\xa7\x9290\x7f8X\x17\x08K\xebf\xdf\x03V\x0b\xb0\x1c\n\x87\xc9\xb4=\xbe\x8by$\xad\x994\xf4\x0b\xe7\xf8@#\xb0\x08\xac\xf9\xefX\x19\xf4\xc2a\xeb&gt;D\x86#i\x95\xf7\xad\xd1\x02\xf4\xd4\xf8F\xb9\x91\xc7\xf8\x192\x9b\xda\xda\xda\xb0X\x9e\x1d\x98F\xdf3\x9e\xbe-{\xc3P\xd9\xd8\xbb?.mKF\xb31e{\x1f,\xf1\xb8Fcu\x92\xc0\x047\x8e\xe3\x19X|\xa8\xab\x8f&amp;\xac\xf2\'\xc7j\xb5Z^\xa86\xf2\x85D\xce\x9a\xb3\x82t\xf9F\xb5\x0c~v\xcb&lt;\xa1B#\xa6uE\x82\xa5\x9ak\x19\xa0\xfa\xebg\xe3\x15i\xb4\xebOb\r`\xe5\xca\x0fR\x95\xab\xe5*\xbfQ\xc8Y\xe5\xde}-\x87\x83\x9e\xe1\xcfs\x8e\xe5\xb9c\x8ev\xa8ns\xd2\xea\xe1\x13\xaf\\\x9eP\xc86\x0e&amp;\xcf\x0c\xe6\xe6\xe6\x96\xf0DT\xd6\x82j\xbf\x19\x93\xf8fe\xca\x16\xae?\xf2\x05\x98W^\x05?\x8a\xe6D\xfcj\xd5)\xd7\xe9t&lt;\xde"\x93\xcb\xadK\xb9R.sQ\xa7cJ\x99\x1c\x1e3\x9d^\xd4!\xa3\xaf\x95;\xf1-4\x90Cb-\x97\x13\xd1 \xda\xa6E\x06\xf3\xec\x8c\xf5\xc2\xce\xbb\xf7_\x87Cgy2\xbd\x02s]\xd8_d2\xa5\x93c\x18\\\xf8\x81\xb0x\x8bR\xc0\x02\xad8i\x0e\x87\xc9\xe4.j\x87\xce\xcc\xd6\xc1\n\xa2\xda\xda\xc8\xcb\xa3F\x11\xda\x91Z\xeff9\x84\xa0-\xfct\xb1\x9fC9S\x06*\xa7\x97\xc7\x94\xd6\xeb\xd2:\x979\xbf8?\x9f\xe6!\x0b\xc6\x83:\xe1\x95G\xf3I9z\x90\xc2ej\x87\xb9Fv\xed\xe0`mk\x03oD\xf7s[\xb0I\xb6\xcc\xa3\x85\xd9&gt;\xc7\xd8\xf9M\x9b\xfb\x92H\xa0\x99H&gt;\xa1^D\'U\xa4R\xc8\xa9S\xaf\xb7\x9f\x8b&amp;+\xc9d\xe5\xb0\x9c\xb9\x85\xa5\x9a\xa9\xe6\xbd\xf0=o\x7fX\xd8X^[\xcbn\xe0\xf9\x82\\-7\xc2\xd6\xed{7\xe3\xb3#\xb4\x9d\x0b\xdd0\xe7}"\xcfY!\xd5y\xf3\xd2\xfa\xe3\x1f\xeaL\xb5\xdc\x1aM\x16*X\xa5\xf2\x87\xe0\xd2ry\x19.\x97\xab\xd5\xeaeUq\xc6\xe5\xce\xf3xr\x86\xc3\x08T\x8d\x84|\xa8\xfd\xfd\xfd\x08\x9c\xeb\xac\xcf\x1c\x00\x16\xfc\xfb\xda\xe3}\xaf\xf7\xc9\xf1\x19\x07b\xf8\xe8\x11W\xedE\xd3\x88Sy$R\x04\xbb\x0f\xd7\x83{\xa4"\x95&gt;$\xda&lt;\xcf[\xc0\xf8x\x19\xb4z\xb2\xcf\xb9\xf8\t\xc27\xfb\x13\x07;\x17\x8b:5G{\x0cU\x8a\xa3\x86%\x08\\u&amp;\xe7\xec\xcc\xfb\xe2\xd4\n \x91.\xf1\xc7\xe5\xed\xed\xed\xa7KE\x1e,\xed\xd9\x15\xa4\x1d\xd2\xb2\xd1p\x16r\xfb\xfbZ\xdeo;\xff\x97cx;\x17\xf3&lt;\xb5V\xab\xd6\xa6\xd3&lt;\x1e\x87\xc3i\xb7\xb9\xf5\xba\xee\xcb\xbf&gt;;\xff\xfd\xf9\xf2\xf6\xd3\xa7\xdb\xe6\xc7\xf3\xf3\x7f|8\xff\xf0\xeb\xaf\xaf\xbf\\]\xb5\xdb\xff\xa5\xe5\\c\x9aJ\xd38&gt;i\xa8\x9c\x86\xd0/-\xa4\xb5\x17\x9a\x80\xee\xe2\xd1V\xa1a\x07VK\xcfq\xe8\x07\xa8J\x02\x8d\xecib\x90\xd1\xc3.\xd8\x19\xb9\x08(\x95v\x97\x8b\x02\x1a\xa9a0\x91\x18\x98\xa8`P\x81\xb0 \x03LFQt\xd1ET\xbc\x91x\x99\x8b\xa3F\xb3^\xb2N\xe6\xf3\xfe\x9f\xb7\xb8\x1f6\xd9\xdd\xb9\xd0\xd7\x16\xbe\x90\xf0\xf3\xff&gt;\xef\xf3&lt;o\xcf\xf3g\xb5N\xf2\xd9\xdd\x08D{/\xd2\x9by&amp;B\x13IS&amp;\x83 \x0b\x0e\xb3\x0e\xd9\xc0\xe0\xe8\t\x1c\xeb\xebk7&lt;}4\xf2zd\xf0\xe5\xe5\xda\xae\xc1\xe9\x0bmm\xd3g\xdb\xe6\xbb\xbaj\xbfm\xef\xdb\xe1\xaei\xb7#\xeb\xfbvJ\xb2$\t\x06q4"\xf3[\xd1\xdb&amp;x\xb3Y\x14D3r:/\x08=nO\xfd\xb1\xce\xee\x13\xfeG#\xd7\x0e\r\x1e\xeaj\xeb\x9ao+,\xec\xc2\xf7\xae\xf9\xcbu;\xd2\xb4\xd6\x1e\x87{\xa7\xcfm\xf7\x1bDA\x90\r\xe2@\x84f\xf0F\xf7\xeatf\xd1L\xb5F\'\n\x81`\xabgG=}\x02\x12zt\x7fp\xbe\xab\xad\r/`u\x9d\xbd\xfcp\xec\xd3\x82\xac\x9c|\xbfA\xf2\xfb\xbdr/v\\\x14\xf9\x93\xc7#\x83\xb5l\xa0\x1a2\x99MF#\xd2;o\x16P\x9b+;\xeaq\xa7F\xa8\xdf{yy\x10\xeb\xec\xe0\xfd\x87\xff8=\xf6\xee]\x93\xd3\x99\x9b\xeeq\x04\xbc\x92\xe0\x90Q\x88D\xdev\xa96Bj\rT\xd3\xf4\x1fj\x0e\xca\x8d\xc9\xc4K\xc1\xb4\x96\x8eJ$\xd1wcX\xa7\xc3\xab\x00\xef\xb1\xb1\x82tt\xd0\xa9\xee\x1e\xc9\xeb0\x18x\xa3\xcel\xd6h"\x84\x15\x1d}\xe8\x92\xc2\x08\xa9\x80\x85T\xc9\x9be7\x1a\xc0\xca\xd6V+\xd2\xc2\x02\xd4\xe9\xc3U\xac\xad\xce-\xceM\xcf\xa9\xf3z\xbd\x01\x07J\xa7\xd1,\xda\x14{/vEH\xad\xb6\x8b\nj\x15\xd8\x93\x93\xd5F\x93\x18\x90\xbc^w\xeb\xee\xe6\xe6\xaa\xaa\x05\xa8\xc3U\xd3\xd3\xc5U\xc5\xf4p,\xcb\xe2\x96\xec\xb2C4Q\xd16+\xb8\x93\xa3E\x1fD\x06\xab\xe8\x9c\x06e\xd0\xc8\xeb\xf0\x85S\xe9\x0c\x82\xe4\x95\xbcu\xbbS\x9b\xb5\xfa1*&lt;c\x05\xa7\x89\x0bd\xb99\xe8\xea%G\xaf,\xf24M\xa9\xd3\xa9\xa2N^\x8b\xd4H\xf3\xb2\xd1j\xee kch\x80\x983\x9a\x10\xd2^\xb7\'\xd4\xdaZ\x91\xd6\xd2b\xcd\xcc\xd4\xa7\x1e\xae\xba1}\x03=\x99\xd6\x12\xf4\n\xbc\x01\xc7\x16?\xaf3\x1e\x8cR\\\x8c\xd0A\xa4\x11\x8d\x93\x9cr\xb5\xf2 GO\xed\xb8(\x95\xc9l\x90\xa4\x00=\xd4\xf0\xf9\xbd^\xbb\xd7\xeb\x0fz\xa8\xf1\t\x85B\xaduv\xd9\x8cc\xc1\x9b\xb0\xeb:.\x8a\xb3\xcd\x14E\x0c\xeb8\xb0h\x14V\xa5\xe2\x94\xaa(\x95\x8d\xe7\x85@\x8f\x84\x06\x19I\x1c\x8d\xaaY\xa6\'\x1buh\xe9=\x1e\xb7,\xa2l\xea4\xa8\x084\xd9\xab\xda;\x13\xb1\x81y\x9a&lt;\xe5\xc8\x98B\x8b\xe4R\xe8\x0c\xa8\xdaHN\x0e\x03zA\x9d9 \x9d@\x17\x98\x16\xaa\xabs\xd3\xc3Y\x8dBc3*\x8c*%\xb0\xaaG#\xe7)+&lt;g\xe3\xd80\xfa\x12\xc2\xa2\xd97\x9d\xae\xc6\xe1\xa5\xe9\x19\xb3\xa9Fg\x08\x04\x02n\xf6\x08;\xd4\xcb\xdbl4\xe1\xa8\xd0\xd0\x94#\xde\xd5\x03\x91\xc3RO\xec\xe5\xc8\x96E3\xe0\x84\xc7)p.\x03v;%M\xba^\x04\x02^\x9f\xc7\xe3\x0b\x86\xfc\xa2\x89\xa6y\x99\x83\x85|\x1b\x1c%\xd3\x88am#\'\x06y\xd8\x96p\x1c\xede\x94\n\x1d\xa8\x14\xc0=\x91N\x1c/S\x1e\x03\x96\x07\xb7"\x1b\xcdd\xd3P=\xc3R\xf1\x8b\xfbD\xff?\x83kJ\xc3)\xa3\xd8&amp;\x12\x95\x82e/\x83\x88D\x80\xbc/\xf6\xa2\x83\xe9q\x13\x95$\xdahn\x96\x1d\x0e\xfc\x17T\xb6\xc0\xb7E\x1fDlEo\x1b\xb5\x91i\x80\xecX\xca(\xf2=Dip\x0f\xe3Mf\x1e\xb2\x892\xba\xbd\x00\xb2\x84_\xe6m\x94\xd8T\xccw\xb3\x04l\xbc\xfdu$\xb1\x96]c)\x82&lt;"\xf4[\xc1\xa6Q(l&amp;\x1b+0\xa2\xd0+\xcb\xbd\xbds~\xe4v\x1bY\xa3(\x0e\xb1\xe7\n\x85F\xc8\xbc\x11I\xd7\x1d\x19j\x16\xd4R\x91E\x84\xa3\xa1~\xcd^2\xd1\xd8l\xb8G\x0b\xb8\x83\xc8h\x14M\xcc\x85\xc01\x93\x12\xc2\xde\xe4\xfe*\xb2X\xdb&amp;D\xd47eX1%\xf7o\xc7\x08\x87T\x00\xbdD4\xaf\xf4\t\x00\x8e\xa1FC\xf3\x08Hn\x1a\x95\x82\xef\x884\xd6k\xb7\x01\x87\x8b\xb0\xc8\xd1Fj\xa8\xc8\x08\xc1\xb8\xb0\x9b\xa6j\xdeD\x1e)\xe6\xbbQR\x95\x02\xb4\xce\x11q\xac\x87\x99v\xb3.\xect]8\x90\x1c\x81\xb1\xe1p\x05\x05\x9a\x062qT\x03\xe8 j(M(\x0c\xf5\x99[\x19V\x04\xc8\xa2\xd9\xdcA\xd1C\xbd\x15z\x85]\xa5a\x8b$e\'\xb2\xfd\x84s:G\nq,\xea\xc0J\x06\t\x9b\xe0\xce\xce\xcb\xdb\xdd\x95\x18\x17[\xbe\xd8\\\xf4\xd1Hb\xe3\xc0\xc0h\xb3\xbe\xc2\xea\x16xf\x05T2\x03\xa0JE\xb6-\x8a3\xa5\x92\x80h\xfc\x862\x169\x904\xa4UK\xc9\xf6\ry\xcd\xa3\xa3\x03\x03\x93\xaeE\x06\x8b^\xe6:&gt;s\xee\xe2\xa59\x8bV\xaf\xaf\xa8\x94\xf9p&lt;3\x97\x18\xe5\tR\x8b\x1dM\xb6\x9f\x9c\x82yH\xc8\r\xc8\x0b\xc1\x94\r\x1b6\xfc1tsbbjb\xd2\x15\xbb\xa8\\\xe5\xa5\x03S\x97d\x87!PQ\xa2\xd7[\xacn\x89\xd7Q\xe43\xdb2\xf1A$%3\xb40\x1f\x10\xa9\xc4\xd1!0\x89\xfe\xe6,g\xfa\xda\ryiO\x9f\xde\xbc{w\xc0\x95X\xbe\x98}i\xe9\xad\x899\xa1\xbd\xa6\xa6\'\xbb\xa4Dk\xb1\x06+\xed\x92\xc1\x08\x89\xa8n\x93?j\t\x0b1\xdaB\x8e\xf6\x93\xec@h\x13E\xbbO\xebL\xa7g\xc2\x9f$\xbb\xe7\xfcss\xa3\xa5q\x89\xcb\x16o\xc6&amp;\xaeq`J\xae\x19\x1f\x1f?\xd1\x94\x92R\x82\xf0\nV\xfa\xec4/\x15E\x062\xa2\n\xa7\x0b\xca\x9ed(S\xd1q\xd4\x88\xde\xa05\xcb\xe9$\xac\xbc\xa6\x0e\xbb$\xf7\x12V\xe2\xe2}DY\xda8{\xce0\xbez\xbc}GI\x01\xb0,i\x1eO\xa5[\xa0dN\xae:(\xa5P\xa1\xab\xa0\x9c\xa0"\xcf\x8d\x82\xe4\xb2\xc9\x92?\x04\xb1H\xad\xb5y[?\xddt\xcc \x01+\xc1\xb5HC\x8b\xd1\xd1\xae\xb2\xc6\xd9\xbb\x10\xab\xbd\xbb\x12X\x05zK\x85\xd5\xea\xc1\x1d\x02\xed\x0c"\x0cXd&amp;\xa5\xdc\x8a\xb3H\xb9\x95R\x85Y\x9c\xf3\x87\xf2s\x00\xb5f\x0b\xd4\xdaz\xe4\xc8\xa6\xbe\x1e`\xc5\x16N/\xd2\x87\xa7\x85\x87J\x19VMwgKAAAII\xf81A\xd0OcmFU\xf8\x18r,\xfe)O\xa8P\x1fy\xb3=\x18j\xd6\xe6\xa7\xaf\xc9x\x8fu\xe5Hw\xcfHiBl\xc2\xd0\x0f\x8b\xf2Q\xf3\xb6\xfb\x83\xb4\x895\xe3}\x9d\x9d\x99\x05\xa9\x0bX-V\n0\xb7\x84.\x9e\xd5D\xf6\xa2\xa4@\x93\xe2r\xc0\xeb\xd9\xbd\xc7\x99\x83\xb8Z\xb3f\xfd\x96\x15\x1b\xb7o\xbd\xb2ys\xe7\xb1k\xae\x84X\xf5\xd0\xf7g\xe3~\xed_\x8b\x88\x8e.\x9f\x7fCXS\xed\xc0:\x90Dj5eW\x80\xcbc\xad\x83f\x95\xb8\x87\x19t\xe8 p\xdb\xd60G\xa0 \xd9wz\xacV\xed\x9e\x8c\xdc\x8c\x8c\x8cU\xeb\xd7oY\xbat\xc5\xc6\x8f\xaf\xec\xba\xd2\xe9?\x94\x18\xab\x8e\x1d:\xf5\xa4t8\xe1W\x0c&amp;Q\xb9\x89\x9b\xbc\xffb\xbe\xb4qx\xc2\xb1\x80\x05\xb1\xb2\x93\xd8tY\x1a-D\x99\xcf+\x08\x0e\x11\x1d\x8d\x84\xcb\x99/\xd8b\xd1\xe7\xe7\xa783Ve\xc4\xc4\xc4\xacZ\xb5~\xcb\x16`\xfdi\xf3\xae\xcf\xbf\xbbY\x1b\x17\xabV\x0f\x9d\x1ar\xdd\xb9\x9d\xf8K\'\xa6\xd8\xdf\xc6(\xbb&gt;\xfb\xf6E-\xb0f\xa4\xf1\xf6\xcezr\x854e\'\'%\xa5%1\xae\x90\xc5b!\xcd\x82;w\xfa|\xee \xae\xafZm~\x16\x05:\x94\x8a\x89\x0fc\x91Z\x7f\xde\xb5n\xd3w\x8f\x10Z\x0c+\xe1\xf6\xf9;\x0fJ\x7f\x91\xa7\x19Lq\xc3\xd7\x1f?\xbf\xf5\x02Xe\xc3\xb3s\x08y\xc2j\xca\xceNNN\xaeH\x0b/`\xb1\xf8\xa7\xf9\xbc\x90E\x9f\x9a\x9f\x9f\xe5\\\x93\x9e\x1ef\xc2{\xd5z\xe6\xb0\xd9\xf8\xc9\xbau\x7f9v\r{\x88M&lt;:\x14{\xfb\xcc\x17W\xcf\xdf\x99,\xff\x99`\xf8qu\xd9\x8f\xcf\xf77\xf4_\x1f\xfc\xfb\x9b\xb2\xb2\xb2\xc9\xd9\xa9\x9a\xf1n\xdaD\x88\x95\x8c\xe0\xc2&gt;\xa6!\xc4,a.\xf0i\xb5\xa9\xa9)Y\xe9\xe9\x94\xd63\xe2\xe3\xe3\x8b\xd9\xd05\xe2=\x8c\xf5\xf1\xae\x037k\x13\xd4ju\xd1\x0f\xc0zu\xe6\xcc\xca}\xfb\xae&gt;{\xe0\xfa\x19d\xf8\xc9\xf2\xb2\xeb\x8f\x1b\x1a\x1a\xf6?~p\xffk\x865&lt;#\x8c\xf7\x1dX\xce"&gt;\x1b\xe5\x1a`4XITX\x16\x8b\x96\x84B\xfd\x83RL&amp;z\x13\xd6o\xc9\x91\xb4b\xed\xc6\xbc#\x07F\\\xb1P\xab\x10Xj`}\xb8r%\xc8\x9e\xbf*-\xffiQ\x16\x0e)\x82jh\xe8\x7f&lt;\xfc\x92a5\x0e\xcf\xde\x05VG6q\xe9\xf5\xd9\xefi\x90Z\xf1E\xaf\xd7\xa6f\xe5\xe48\x9d\xe9\xb9\x08*(\x15\x1f\x93Ab\xc5\xff\x81\x85\x16\xb8Vl_\x8e\x80W\xab\xcb\xd5m\xdf\x1c}\xc2\xb0\xb0\xc0\xb5\xef\xfc\xab\xc6\x9fr,\x01U\xba\x00\xd5\xb0\xbf\xff\xf9\xe4\xcb\xaf\xdf\x82\xaa\xf1\xd6\xf0D{{\xfd\x8e\x96\xa6\x92\x92&amp;p\xd1`,[\xf8\xae\xd7\xb2\xc9\x8d\x1c\xe7\x9e\xdc\\$\x85\x98\x98b\x00\xb1\xc1y\xa8\xc5\xe4Z\xbavE^\xc7\x88+\x81\xb0.\x9c:\xf5W\xc4\x16\xb0V\x86\xc9Vb/\xff\x1f\x18A\xfd\xb8\x00\x05\xb1\xfa\x9fM\xde\xfb\xf2-\xa95ykV\xae\xe9\xec\xe8\xc8l*aT\x0b\x8b1!\xaah\x16a\x0f\x98\x8a\x8bYL10\xbc\x7f\xcf\x86Z\xd6B\xaf\xec\x9b\xb5\x89\xb1\xe5\xe5\xe5\xea\'G\xbf\xbf\x90\x80\x90\xff\x90-\xa0a/\xaf&gt;\x9bL\xf8\x1f\x19\x16\xcc\x89\x0f\x10\xe8$\x14\x13\xeb\xb3\xeb\x8d\xf7~s\xaf\x91\xe4\x9a\xbcu\xae\xa6\xbb\xa3cyRr\x18HK\xff\xe8\x95\x02(\x9c\xbf\\&amp;Uqq|q\x06\x0b+\xec \xf6\xf0\xa3\x8f\x98ZK\xb7\xb7\x8c\xb8\xe2\xd4\xc0*\x1a\xfa\xdd7\x7fs\xfd3\x8c\xf5\xc5\x02\x16\xc0\xee\x0c\xff70\x8a\xf4\xe1g\xfda*\x86\xf5Y?a\xbdi,c\\\xa3B\x1f9\xb52q\x12\x19\xd7\xfb\x85`\xcf\xc9\xc1\x06B-\x12+\x83\xd9/\xfe\xd5\xc6\xd9\x85\xb6u\x9fa\\\xa0\x8b\x82\xa2\xcf\x83\x0fb\xbd\x11\x92&lt;+\x01o0\x07zb\xb7\xcc\x86a\tj\xcaz\x0eFw\n\xc27\xcb"\x97\x10\xaf\x14f\xdd\x94\x0e\xb7i\x06\x93/\xe6\x11TM\x1e\xf6\x8d\t\xae\xb1&lt;\x0b:ff\xfb\xc24\xb6\x96\x04/^\xfc\x95\xf8\x83\xb8\xf1W\xd3\x18\'\r8M\xc7\x9e\xe7\xfd\x1f\xd9\xee\xd8\x8btd\x1f+9?\x9e\xe7y\xdf\xff_8\'\x92,\xde_\x03\xa6\xb3\xaf_&lt;\xb7y\x15{\xf9.o\xd7\x97\x1b\xc6\xf3\x8e\xcc\xe10\xb9\xaa\x8aI\xf8g\x1f\x8f{\xfe\x9f\x95\x92\xf4\x11\xf0\xc8\xe3\x14\xd6\xae\xc2\xea\x99\xff\xf7\x1f?\xe3\x1d\xd4rS\x94r\xaf\xa6A\x0e\x82\x05\x13\xc9\xd5t\x86\xf1\x92z\x13S\x0b\x06\xbe~\xf1\xec\xaf\xdf\x9f\x8b{\x10\xac\xae\xae\xa9-c\xcc3=9|\xb8zxl$\xe4b\xc1\xca\xae\xff\xe5\x02T\xfc\xc5\xda5U\xc0\xea\xbb\xd6\xb7\xb66\xa2\xb0r\xc4\xc2\xf3\x9f?\xbf\xd9\xd9\xdc|\xa5\xeezs\xf3\x1b\xbf\xf9QM\x03\xcb\xd6\x8bX-\x0c\x97*\x05\xc5Y\xca\xbb\x16\xcf\xbeS\xb7)m\xd8\xe5E\xb4\x86\x1eyV\x87\x87\xbf\xdf\x1b]]\x98\xfc\xa2\xaa\x16\xc9\xa0\xd8B\x8f\xf74\x18\xd4\x0b\x8do\xf7\t\x13\x8f}}#\xdb\xb7_l\x8f\x8c\xbc\x00V%G&amp;\xd4\xfc\xbfn~\x06\xad\xae_\x01W\xad`]\xc2\x08\xa5\\\x18\x0f\xdd\xcc&lt;\xf3\xc5]\x83\x88%]\xc8\x1b\x17\xdf\xaa}\x8fb\t\xd6\x98\xb15\xa5\xa3\x11_\x85w\x9e.\x8e\xdf;\x1c\xaer)\xb8\xd9{\xa7\xd6$\x84j\x1a\xa1\x82B}}7\xfaH\xb5}\xfb\xce\xe6\x9f_\x1ec\xf5\x00,\x93\xc9\xfc\xfd\xe6_&gt;\xba\xd2\x0c\xb0\xe6\xeb\xb5o\x7f|\xb9\xe1\xd2\xa5\xf6\xd6\xf6\x06\x91\x0bc\x0b\x13\x82\xe3\xf4g\xdc\x906q9D\x17\xca\x8c\xffG\xe7f\x7f\x88]\xd8\xe5M#Zi$~v\xdf\xefw\x17+\x07\xe5\xd5{"Y\xbd\xcd\xc69\x16\xad\xfe\x1f^?\x8e\xdf^\x13&amp;R\xa1f\x01\xf5je\xe5\xe5\rb%E\xad\xe9\xb9ry~n\xf3\xab\xdfu\xd65\xd7\xca=wo\xd7\x00\xab\xb5\xb5\xb5\xfd&lt;\xef\x85\xc0\x88o\xe5D%\x17\xef;\xe2\xeeA\x8d\xf8\xc6[3sK\xa3\xe5\xc5\xa54\xa7\xd6V~\xac\x03\xd1Z\x9bp\xbb\xfd.\xcd\xdc\xd9\xdd\x9b\x7f\xf2\x033\x99}~\x9c|\xed5\xcf\xf8\xf6\x88 \xa9\x02\xd4\xfdWG+6\xd6\xc1D\xa5\\~\xf8\xec\xd5\xd1\xd1\xb3\xf2\xfc|\xae\xbc\xf9^\'\x86D-\xff\xf9i\xc3\xa5VL\xf6\x96\xb6\xf6\xf3\r\rhG4dKK\xb7\xc2:\xa365\xbfx\xeb\x0fw\xa7:&lt;z|\xf4o\xfb\xcb\x95\xafG\xfb\xc7\x10-/\xa3\x15\t\x03\x0be\x96`\xe6\xfc\x93C\xa5\x99p!bW\x1d\x1c\xea#\'L7f\x1f\xdf\xf9z\xb9\x80\x02\xd6\xc8\xb5\xff&lt;|V8::\xe2\xf7\x85\xfd\xbd\xf9\xf9\x9ex\xa6\xfc\xe1G\xbf\xac\xe5\x84 \x16\xd5ilik%T\xab@\x1eca\xfb\xf0\x93w~;\x93\x86y\x1e\xcf\xa3!\xd3\x9dL\xed//\xafW&gt;\xcf, ZA\xa8\xe5w\x81L\xf3\xf9K\x95\x83Q!\xfb\xe2\x82Z)oL:\xbc\xab\xdb\'L\x00\xbds\x7f9QPX+\xdf~\xbb\xb2RX)\x14\x12\x89D*\x95H,/N\xf7d\xe2\xf1\xdcf\xe7\x9f\xce\xd5\\\xae\xf9\xf82\xa6h#\xda\xef]\x80\xb5\xb5\xd1CY\x17\x1bI\x85\xc9\xf5\xe6\xc5\xf6\x07YI\xbagj#o\x18\x01\xcd\x1d\x9d}\x82q\x00\x00\x05\x00IDAT\x8c\x01\xed\xd9\xcb\x97\xdf/\x0b\x95*Ms\xf9\x8b\x95\xefF\xc7\x9f\xc8\xcc`\xcc&gt;q&lt;\x1eQT\x10\xaf^\xa0\xf6\x13\xac\x82b\x93"T*\x15K\xa5v\xe7\x89\xa5g\xbfy\xbf\xee\x1c&gt;0\xf2\x1e\xb2F\x0e\x05p\xc1K\xe1\xa2^*YgZ\xce\x97\xfbun\x1a&lt;\xbd\xcfI\x15\x088}\x9a\xdf\x1d\x8e\xa4\x12\x13%?\xa9N\xc04\xcd\xda\xd9]\xcc\x8d\xa3\x01\xa8\xd9\x05\xc7H\x9fb\xfa\xa4~r\xe1\xce\x9e\x82*$T\tRB\xb4J\xc5P\x13\xf7{2\x99xT\xef-\xff\xb4\xee\xdc\xe5\x061\x91+N\x13fi7\xf5\xa2\x8fP\x8b[\x9a3-\x9f\xce\xc4u\x1d\xfbQOzl\x08TN\xa7\xcf\xa7\x01\x05-\xa8r\xa5\xb9N\x8a`.H\xb64\xad\xc0\x1c}\xa2S=\xa0\xc6\xf7*)ze\xd7\xc9W\t\x05\x85Z\x1e\xbdJ\xacP\xb4\xdcL.\xc9\x16F;\xf4\xc2\xda#\\U\xac\xa6\xb6O\xe7\xe2Q\xbc\x15b-m\x05D*\x9bJ\x1504\x01\xabJ\xc6\x9c\xb9v\x0e\x14\x98\x83R\xd5_\x98\xbc\x07\xa8\x89\x94\x14\x80Rv\xc5h\x9d\x82JJ=\xcd)\xaet\xf9\rp\xb1\x13\x1b\xdf\xfd\x95\xfc\x02Q\x04k\x95\x9d v\xa7M\xe7\x1f\xe6@\x15%\xd5\xd4\x86\x18\x08\x07\xb5*\x15\xe5\xb14!\xb35S\'}Nk\xe7\xe9(\xc0\x1cP\x8aP\x8b\xbb\xeb\xb1\xd81L\x95\x850\xd5\xd7d$\x12I\xae\xef\xf5\x08\x96\'=\xf3\xf0\xc1\xdd\x99\x99\xcf\xa5\xa6x\x98\xb9u\xeb\xee\xdd\x0f&gt;\xe8\xee\x86~\xdd\xbf\x07U\x1co\xf4H\xb0\x84\xcayL%\x9e\xf9|&gt;\x1bI;\xa6\xc2\x9b\x02\x00;X\x1aw\x00j\x81P\x91d\xec\x87\x95\x8c\tJ\x10\x159\xa9\xca\xa8`\x85&lt;\x9et\x9a\xc9\t1\xd3\xdc\xa2wt\xa4\xd3\xe9\xde\xde)"\xce&lt;\xf8&amp;K*\x06\xab\x17\xc1\x12\xaac\x0b)\x8a\xd3g\xf9(\x97\xa6\x98\\\xea\xach\xeat\x9a\x95E\xc7\xec\xe1\xea\xe8\xc1\x0e\x95\xa026[\xd2\xaeH0\x1cv\xbb\xdda\x96\xd0\x05\x83O\xb3\n\xcb\xeb%\x95\x94WU\x17g\x01\xcb\xab\x03\x9d\xc1\xb2\xe3N(\xeb\x14\x155!\xa7\x08F2i\x00\x9fS\x9dt\x1a\x86\xab\xe4X\xcd\x1d\xec\x04\xe5\x9a\xf4+\x19I\xda~\x91\x01\x0f7\xb18dp\xc0\x9b\x82\xe1\xe2w\xcaE\xd0\x84\xf4\xd3Tva\xff\xa23UB\xe5\xd5m\xaac\xb1\\.\x8a\x120\x9cJ0\x01s\xd9T\x14+`\x18\x86\xe5\xf7;\x16+\x13r\xfd\x88R\'(\xae\x1d\x17\xc4"\x97\xdf4M\xf45N\xb8\xcd!\xb1\x91`6W\xb47\x1d\xd2\xf5*\x9e\xc7\x0b\xa1t\xa6]\xa8\xb6\xf2\x82\xe5\x93\xc0\xe3\xe2\x84\xb2T\xd6\xaabI\xd0\xc8\x1a0\x08eX.\xcdr\xac\xc7\x92"\x95\xc8\x13\x0eS \xba\x06"j\xc8#\xbe7M(-^\xe2\xcb\x8d%\xa8\xc1ty=\x0cWzp0\x97\xc5#\xdd\x9f\xed%e\\QQ\xab\x8eG[y\xc3\xa8"\xf8l\x9f\x94z2\xc6T3\xfaD)\xc3.\x84\xde\xb2\x1c\xf0\r\x8a\x08\x18\x80\xc2&lt;\x94L\x13\x1aI\x9a\x08&amp;\x1e\xfaM\xbf\xe0B\xb8\x81\x13\x1b\xc9\x95\x9e\x1b\xcc\x0e\xcee\xfb\xb3\xb9l.\x8dU9\x13\rE\xed\x81\xf5\xd7\x8d|^\xf2.v\xc9\xc5\xa5\x9c\xf6\x1c\xab\x96\xd8j\x18x\xb3\xe1\xc4:\x10\x89\xc5\x1c\xb1X\xd0df@\x166\xdd\xb6i\xd0\x88T\xcaE\xd5\xd3L\x97\x08\xa7YC\x8fl\xb9`c4\xd4;\x97\xcb\x0c\x0ef{s\xbdh\x02=\x93\xa1V\xbaX8E*`Y\xa2\x96Sp\x9cBE\xc9\x04Hs\xf9\x14/\xa9h \x980\xbe#\x8eT\xc4\x0c\x8a}\xe1\xb0i\x86U\xc0U\xe7\t\x97\xad\x15\xdbXe\xdf\x84\xc4\x1b\xfdX\x19\x15\x97\x1e\x8d\xe7\xe2\xfa \x14\xcb\xe1\x11\'\x15\xb1t\xf9\xfc&lt;\xc4+\xd9\xbaT\x95\x12*\xdbW[+[,\xc3\xb2\xb0\x94c\xe5K\x9a\x96#i\x06i#\xcbTW6\xc3\xb6X\x11\x8a\x05\xb5\xb8c3E.P!\x8f\x96\xd8\x18R\xf3\x819\x8a\xc6\xfb\xb3\x998\xb82\x19\x08\xc6~\x80X\x1dcBe\xd9\x08\x01\x05\xa6\xfaMz\x80\xd9:\xc6Bo\xba\xfc1.\xc7\x13\xa5\x81|\xdea\x06c\xa4\x92\xf5\x93/\xc4\x92\xceT=\x19\x0e+\xbd8\xf0\\$\x87\x89\x96\xd8\xc8\x8b\x87B^\x0f\x83\x84/\xf9\x8cg\xf4\x10\xa9d\x81F\xdcE,\xa7}\xed\xd3Y\'\x90\x9dw{2X\x9a\xd8\x97\x88\x95\x06@\x95wD\xd0\x89\xbct8(\x1e\xe1\xcan{X\xa8\xd9%&gt;b&gt;\x988P,\xaa\x150\xd8\x8d\x82\x05\xc5t\x16\xe1\xe0\xac\'\xc4o(\x96\n\x96\x11\xb0,\x93\xbe[\xec/\xbbL\x9c\xd2L)\xcd\x92\x1fZE\xb34\x91(\xec\xef\xaf\x0f\xa1\x88\x15,\x95\xccR\xa9\xe4\xc6\x8bi\x16\xcdb\xb1X\x9a8U%\x16\xce\xe1\xb9S\x94\x1f[\x03\xc6\xc0\xc0\xd0\x98`\xd9s&gt;$b1\xe7\x1eQ\rT_&gt;\x97\xbf&gt;\x8f\xf7\xe2\xcf\x0c\x9cTQNTKN\xed\x0c\x14\xd7\xd7\xd7\xf7\xb1w\xadT\xb6\xb6\x86\xb6@\xf6_\xd1+DIf\x07\xa2\xe2\x00\x00\x00\x00IEND\xaeB`\x82'</t>
        </is>
      </c>
      <c r="M329" s="3" t="n">
        <v>45492.67868055555</v>
      </c>
    </row>
    <row r="330">
      <c r="A330" t="n">
        <v>931588</v>
      </c>
      <c r="B330" t="n">
        <v>7314</v>
      </c>
      <c r="C330" t="inlineStr">
        <is>
          <t>Bruno Tubarão</t>
        </is>
      </c>
      <c r="D330" t="inlineStr">
        <is>
          <t>B. Tubarão</t>
        </is>
      </c>
      <c r="E330" t="inlineStr">
        <is>
          <t>LD</t>
        </is>
      </c>
      <c r="F330" t="inlineStr">
        <is>
          <t>LAT</t>
        </is>
      </c>
      <c r="G330" t="inlineStr">
        <is>
          <t>LD/PE</t>
        </is>
      </c>
      <c r="H330" t="n">
        <v>180</v>
      </c>
      <c r="I330" t="n">
        <v>2</v>
      </c>
      <c r="J330" s="2" t="n">
        <v>34785</v>
      </c>
      <c r="K330" t="inlineStr">
        <is>
          <t>Right</t>
        </is>
      </c>
      <c r="L33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a5a4533-4962-4de1-a191-2412f0a190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b6o\x00\x00\x00&gt;tEXtComment\x00xr:d:DAEewil2SDw:3687,j:1904319450120277878,t:24032419\xd6]\xa1\xc0\x00\x00\x00\tpHYs\x00\x00\x0e\xc4\x00\x00\x0e\xc4\x01\x95+\x0e\x1b\x00\x00\x03\x00PLTE\xff\xff\xff\x1f"$(,0149"%)667&amp;*-88;\xfe\xfe\xfe#\',46;\xfd\xfc\xfb9:=\xcf\xa7u+.3\xca\xa1u\'\'&amp;\xca\xa6w/15/*(\xbe\x8fi\xf9\xf8\xf7\xc5\xa0q\xc9\x9cp352\xc3\x95j\x1a #\xeb\xc1\x87\xb2\x8dg81)\xee\xc5\x8c\xcf\xa4|01/&lt;&lt;?\xcf\xa0s )0\xd1\xab~\xb8\x8ea\xce\xa9z\xa6\x84[\xd3\xaf\x83\xbe\x97k\xdb\xafz702\x1d%,\xdb\xb0\x83\xa2|W"\x1c\x1a\xcb\xa0q\xd3\xa8y\xe1\xb9\x85\xf7\xf2\xf0\xd7\xaf|6,"\xd9\xa9y\xe7\xbb\x81\xe4\xbd\x89\xc3\x99m\xb7\x89\\\xb0\x89^\xc5\xa2w\xdd\xb5\x83\xdd\xb3}+),\x8blH\xbf\x93c,"$\xd7\xa0u\xd7\xb4\x87\xe3\xb6|\xc9\xa6p\xfcW?\xf2\xc9\x90\xd8\xa4\x7f\x82];\xa3vL\xdf\xbc\x90\xba\x95f@5)G&lt;,\x89dBJB:\xba\x8bf\xc9\x97m\xbf\x88_\xe8\xc5\x97\xc2\x9cj($\x1d\xc9\x93d\xd8\xab\x82\xe5\xc1\x90\xab\x80P\xd4\xact\xd0\x9fl#,$AAA\xce\x9as\xef\xd1\xa5\xca\xa0|\xda\xa6\x8b\xb1\x85W\xc6\x97q\xf5\xcd\x96\x93tL\xf1\xc4\x96B;4\xc8\x9dj\xaf\x7fY?1\x1d\xd2\xa8\x83\xc3\x91]tS2\xb7\x82Z\xf0\xed\xed\xd2\x9fz\xca\x99w\xb7\x92o\xca\xa9\x80\xab\x8cd\xdb\xbf\x99\x9brU\x18\x1a\x19\xc4\x99b(\x1e\x17\xc6\x8egx`FuZ=\xc2\x9cs\xc9\x99fLIG1&amp;\x1a\x93jJ\x9azQ\xd6\xb4\x7f\xd0\xafy\xd8\xa8q\xf7\xd7\xa7\xce\x98j\xdf\xab}?22jec\xdb\xd8\xd7\xe6\xdf\xdcXSS\xed\xcb\x9b\xbe\x8fY\xaavPfR6\xbd\x9c|\x9bpG\xcf\x9fb\xc8\x8d\x7f@(\'mK*\x8bpT\xdc\xc5\xb7\xd0\xa6o\xe0\xaas\xdb\xb8\x8a\xb4\x93h\xd3\xce\xcd\xb0\x7fg\x92w\\\xe8\xe6\xe6\x89\x82\x81\xd6\x98lQB1\xe3\xb3\x85.#1\x98\x80e\x93d&lt;.*\x1e\xd1\xb2\x8bYH9\xeb\xbe\x8fL#\x1a\xd4\xbc\x90\xba\x9brfE"\x96\x8f\x8e\xa5\x8ft\xe1\xb6\x8c\xfa]K\xa2\x86i]*%\xe2\xab\x8bL5!\xc3\xa6\x84%-6\x9c\x84WhVC\x81hF^H-X&gt;%\x84fO\xea\xb8\x8b\x80V3\xd3\x98\x88\xf5\xc8\xa1\xeeUN\xb5\xaf\xaf\xc5\xac\x8e\x8193\xf0\xe7\xe3\xd5\xa6h\xafJ@\xc0\x8dsXLD\xc0\xba\xba\xd3\xbd\xa8&amp;#0\x933-wqq\xf3X9\x83tg\xde\x99z\xf9GE\xbc\x81k\xc9\xc4\xc4\xaarb\xcb\xb2\x97\xb2\x96y\xdbYO\xa2\x9a\x9a\xad\x9a\x85\xa3hM\xf8\xe7\xe1\xe3\xc5\xa1\xe4\xd1\xc9\xf7\xdb\xcf&lt;!\x15\xe6\xb4\x95n\x1d\x15wdT\x9cE:\xaa.2\xb7\x1b \xc4\xa5k\xf5\xc9\xb9\xf0\xbb\xa4\x96\x82u\xc1LI\xaa\xa5\xa5\x1f9*l_Qn2-\xcf\x88_1\r\x05\x9f\x19\x12\x83 \x1d\xc1&lt;8\xd000\xbb\x9e\x93\xd1\xab\xa0\xc4gZ\xc7\xb4\xaf(W\xb9\x96\x00\x00 \x00IDATx\xda\xc4\xd8\x7fL\x9a\xf9\x1d\x07\xf0\xf6\xd6\xbbc\xf1\\\xf5\x10\xa7\x93\xc7\xb3M)\x15sX\x15\n\xfeB\xa0s1U\xa1xG1h\xcf\xb88\xf0iI)\x89R[\x04\x0bGf\x1d\x82tO\xd7xL\x85\x03JG\x10/\x0e\x16\x13\x1b\x05\xdc?6k\x0ev1\xfeAjl\xe2\xa5I\xff3\xc6\xa4\xff,\xe9&gt;\xdf\x07\xbb\xdd\xfe\x1eO\xfb\xc1\x10\xf4\x1f_\xf9|&gt;\xcf\xfb\xfb&lt;\x1c;\xf6\x7f\x16-W\x05\r\r\x86\x06\x06\xfat\xec\xfd\x17h\x0c.\xa7\xcf\xe9t\xfa\xb2\x997\x19\x9f\xcb`00\xde\xb3\x8c\xc6\x08\xb8|\xd97\x07/b\xfb\xb1X|\x7f{{{\x7fws3\xe3s\x06\x1a\xde\x1f\xad\x80\xd1\xe0\xcc\xec\xeeo\xbfz\xb5\x1e\r\x85\xa2\xe94\xbc\x87\xa2\xeb\x87\xdb\xc1\xdd\xcd\xac\xd3\xc0(x\x0f0\xd8%\x833\xbb\xbb\r$\xd0\xc8t2\xb9\x02\n\x97\xf1m\xb3\x8a\xf4\xcc\xe1tp\xd3\x87`\xb4w\xadj\x08db\xd3\xe9(\xa0\xe4r\x19\xc6\xc7p\xab\x15\xb90)_\x91V\xa4\xa3\xe9C\x80\x05\x1ah\xefz\xa9|\x07\xc1\x19\x05\xae\x08\x85\xe42\x19\x86\xf1\xf9\x0e\\\x81\x97\xe1\xb8\x03C\x1f\x00h\x9d\x99\x0e\xeef\\\r\x05\xef\xb2UNh\x95\x15\x07\x81\x02\x9f\xe5CI\xa5\xd2\x1a\xbc\x8aN\xaf\xc1A\xe6\xe0;\x14VR\xb6u\xe0\x0b0h\xef,\x13|\x07[\xd6\x1azM\x8d\x03w\xf0M\xb5*:]Z[\xab\xaa\xaa*\x02\x96\x02\xaf\x91\xaa\xa4\xd0\xb3\x81\x81\x01|`&amp;\x86\x1aF{\'*\x83/6=\xf0i[Q\x91TJ\x97\x9a\x00D\xc7\xe8*x\xaf*++\xabq`@\x84_\xda\xda\xaa&gt;\xfe\xe4\x134\xc9,\xac\x18\xf50F \x1b\x9c9\xf5\xb3O\x7f\xd1\xd6&amp;U\xa9T&amp;\x93\x89\x8f\xd5\xd0\xa1a*\xe8\x1a=\xa22\xd5\xde\xbe}\x1bd\xb7\x8f\x97\x9d:5`=$aTO\x92\xc6pe\x82\xd6\xb2\x0f~\xfe\xd1\x07\x1f\xb4\x15\x99P\xc1\xc40&gt;\x1d\xc3\xc0\x18\xc10\x9b\xa9\xd6d\x02\xd6\xf1\xda\xa2\xaa\xb2\xb6\x0fa\xfb\xd2\x90\x16NjW\x1f.\xc1LPA/:q\xfc\xf8\xf1\xa2\xa2"D\xb0\xf11\x0c\x8b\xd0\xd1[\x04\xc3q,b\x8b\xf0\x01H\xa7\xc3\xae\xfd\xaa\xca\xe1\xc0d\nX}\'\x95Y\x01{\x95\t\xa61\xf8\x8fmE\xc0\xa2Gl6&gt;_&amp;C\x19\x81\xaeGL\x0e\x19\xa6\xd3\xe9\xf86\x0cB\xe3\xc3\xaa\xb6\xaa2\x94e\x0e\xdc:M\xa9\x8b\xc6\xf0\xa1\xb4\xc2\xe9*41@\xd9\xf82y\x88\xccT\x19\x94\x1cN\x9fU`\xe9l:\x99\x0cW8\xaaj\xca`\x88r\xf88\xb3\xb5\xe9\xa2n\xbf\x18\x81\x83i\x14\x99\xaa\xdb&amp;U\x04\xda\xa3\xd3\xadF\x89u\xb3\xd9\xbcND\x93\xa1d\x92 \x88d*\xb5J\xd2d\x10\xf9\x18\x04\x06\x9c\x012\x85\xf50\x981P\xc7r\x06\xd3HU[k\x8a\xc01\x08\x10Kb\xc3\xe3\xf7\xfb=\x1bfT\x89D\xc2l\xb1\xe8\x93\xa4L\x86\xd9\xd0\xb2\x01\x0b\xc3\x15\xd6\xe9]\x1fU\xed\x82\xcd\x82l\xc71\xb4\xe7:y\x92\xb0$&lt;v\xb6\xd1\xe8\x1d\x19a\x1a\xd9k\xa8\xd8l\xf6\x1a\xd7.\xb6|\x93\xd2\xe9^\xda ;\x1c\x0et6a2Gzk\xd3P@U\xb3b\xa0\x92\xe3hx)\xc2\xecY3z\x97K[\x8a\xcf@\x15\x17\xb7\x94\xb6\x94\x96^AU\xcd\xb6_\xd6\'W_\xbe|\xfdZ\xc5\x9f\x95\xcd\xa2\xfd\xc7fgv\x03\x14\xb1\x0c\xd9-\xd8\x17\xb8\xf0VSI}\xc2n\x1c\x99h9\xcb\xe3\x89Z[\xebQ\xb5\xb6\xb6\xf2\xfa\xfb\xfby\xfd\x85\xd5\xddl\xede}\xea\xbb\x97\xaf\xa1\xaf6t\x8dFl\xa6t\xcc\xc5\xa0\x86\x15\xd8\x9c\xc1!\tdh~\xe25\xefr\xf1\xd9\xdf\xf3D\xa2\xf6v\x81\xa0"W\x82v\xf8\xad\x9d3W\xd8\xdd\xcc\x1e\xbbD\xa4\xbe\xb3\xbd\x84W$\x02\xd9/\xb5\x06\xa9Y.Z\x813\x06W\x17l\x15,\x95\x96\xdd]Z\xf8\x16\x85T\x95\xa8*\x04\xa8\xda9\xa2\xf3\x8d\x13#\\\x8f9I\x06\x06\x1f\x9dHR|+C\xc9r\xd1\x18\x9b\xd3t\xa4Z\xf7\xd8\xd7\x8cW~\x03\x03\x13!\x13\xa0*;\xa0*:*s-\x13\xb4\x0b\xfaO\xd7}6b\x1cK\xbc2\xafG\xe5\x18\xc9\x9aM\xc7\x9c\x0cJ\xae\xc3\xdd\xb4\r\x96]o7\xb2\xee\xdcy\xf8\xac\x9f#:\x9a^%\xc9\xd2t\x80\xab\x92\x1ce\xbbH$\xe2\x9d\xac\x1e\xea\xe4\x8ey\xcc\x84&lt;\x02\x89R[\xfb\xf1\x16%\xd1U\xe0\x8a)l\xba\xd5d\xc2\xe8E\xaag\xa8W\x88QI\xaa4P\x1d\xb9I\x02\xacU\xc4\xe1\xd5\xfdR\xd2t\xb3\x99\xed1\x87t\x11PI\xff2CE\xbbh\x8clP\xc1\xd7\xad\x12Zo\xf7\x9d\x87\xc0\x9aG*\x10\x91\xad\xfa\t\xabr\tvL\xc4\xe1\\\x98\xbbvw\xbc\x84\xb9\x96 \xe4|U-\xba\x7f\xdd\xca6\xe4\x9fe\xd8\x9c\xc6u\xba\x94\x85K\xb2\x1e\xe6X\x1d\x1a\xb7&amp;g"Y\xe8E\xae&gt;\xcc\x11\\W\x1f}Q\xcd\x16\x13!\x19\xba\xab\x96\xfe0\xb3i\xc8?+\x10\x9b\x91\xa3\x19r\x99\xac#\x96p\xa9r\xd8\xad\xd1\xb8\x87Qi\xd0n\xe5\xba%\x10\xd4\x0b\x04\x8f\xdb\xe7\'\xaf^\xbc\xd8\x08\xac\xa4\\\xe6\x90\xfe =a=\x08\xe4\x7f\xb5r,"\xc1e\xe7X\x9c\xc7KK\xc3\xc3\xee\xe1\x9cj\xf8\xbf\xaa\x8a\xfaz2\'HV9[k!B!\x9c.=\xf1\x91u\xd7\x95\xff\x93\xc7\x15L\xcbu)\xbd\xd8\xcef\xdd\x05\xd5\xa4\x08XJ%\x80\x94\xc3\x95\xc8\xd5q\x14\x10\x15G\xe9\xd5&gt;??\xff\xe8\xd1\xddf{\x82\x88\x86p\x07\xbd\xe8\xab\x01*Xp\xf7 \x97\'-b\xee\x10t\xeb\xea\xb3y\xd1\xe3\xbf/--\xa9\x97P\x01\x0c%\xd7\x91\x8a\xcc\x88?p\xe69\x88\xc5Z\x13\x9b\xc1\xa5\xa8\xa1\x8a\xb5\x15\r\xa1S\x87\xdb\xcc\xbaq\x17\xba\xc5\x11=\xae\x17\n\xd5jRF6\xebm\x9c\xa2DmG*\xc4\x92\xb0\xb5\t\x0b\x11M\xe3t\x8aX\xdb\xe9(\xa1\x07\x16\xab\xe9\xfe\r\x14\x10\x1ctH\x0b\xa1\x96\x96P\xb34\xe4\x10\x05\x82\xa3\x11r.LNN&gt;z6u\xbfO\x9b0\xaf\xaf\xa7\x15e_\r\xc4\x9c\xf9g\xf9\xb6\xd3\x04a\xb9\xf4\xa7!\xd6\xfd\x1b(Na\xbbZ\xd1m\x03\xc8r\xa7\x0f\xd9-\xa1\x10\xb2\x14\nrk\x12\x02\xe2Q\xef\xfd&amp;h\x17\xdc\xbfZ\xf12E\xd0G\x15\xeb\xb2\xbdIB\xaa\xe6&amp;\xfbE\xe8~FX/D\x87"\xca-\xa5\xbaB\x08.\xb8\xc7!Y(\xb7\xa6z%\xacf\xbb8a&gt;L+p\xc5v6\xefO\xd8\xc0Z\x87f\xc1\x0c{{\xd1jM\xf6s\xc8\xd5R\x83\xa4\x12\xb1\xeei\xdcJ\xb5\x1a\x12B-$]\xbc\x0bu\xa7\x11K\xc2b\x8f\x897^\xc1\x99-\xdf\xce0\xa8`\xad\x9b/k\xaf\x97LM=|87\x07\'\xb5P\xadT\x82\xe2\xed\xa1\xe8\xd6\xb8;\xdcP\x1dJ\x04\xfb\x9c\xc7\xab+\xcc\xb1\x9a\xe1\xc4F\xdf\xcd\xc9_\xbd\xc9\xfbcY\x83o\xff\xd0\x9c\x10w\xde\x1c\x9f\x9a\xba{\xed\xea\x1cOT\x0f*Ph\x06\xef\xdd\xd3\xc0\xcf\xa0{P38\xa8q\xbb\xe1\x8f\xd06!\xa2]\x9c\xba#\x91H\x98\xd7\xb9c\x1bf"\x94\xda\xce?\x8b\xe1\xdb\x87G\x1b-\xb7\xa9wj\xea\xea\\!\xaf5\x87r\x0f\x82\xea?5xo\xd0\r\x7fV*\xc1\xa5\xfe\xdb\xc2\xe7u\xa7\xaf\xdd\x91\xb0z\x9a\xae\xc3=\xe1z2\xb9\x9feP\xd0-\xb3Yl\xbf\xce\x02\xd6\xf9\xd3g\xcfu)\x07\xdf\xd6OP\xa8\xdc{\xa4\xabk\xe1\xdc\x99\xba\xc2\xf3W$\x92\x92\x9eo\xd9~h\x17\x11\xf71\xa8\xe8VBl\x1fb\x8d\xf7\xf6\x967N\xfcv\xf1\xd6\x1e\xd4\xff\xc2`\x8e\xf0\xda\xdbS\xde\xea\xeaZ\xf8\xf5\x99\xe2\x96\xc2\xcfN\x96\x96\x97\x97\x83+\xec1[\xf4/~,\xa0\xa2[0\xc3\xa1/\xa1\x9a\x9a\xd9F\xe6\xce\x03\xa8\xa7\xcf\x9f\x03/\xc7B}\xba\xd5\xb5\xb88\n\xf5\xa4\xa5eb\xb9\xba\xbb\xbaq\xe2\n\xb0\xbe/a\xae\xf87\x12\x96\x7f\xb9h\xf9\xcf\xad\xfd\r`57\xdd\xbc9\xf4\xc7\xb1\xaf\xc5\xe2\r\xf4\x04m\xf6\xf8W\x1e,\xder\x0f"\xd5\xde\xde\xad\xc5\x07\xc65\xadX\x9c\x10\x8b\xb5Z\xbb\x1dz\xdb\xdd-)/\xff\xdd\xf7=\xdf\xfa=\x9e\x8d\xfc\xb3h\x88\x053l\x1a\xea\xeb\xec\xe4r\xb9cb\x0bA$\x93\xe8\xd1\xda\xee=\xa3\x86p\x80\xeb\xafkq\xd9\x9e\xd0\x7f\x93J\xa5\xfe\xaa\xd7_\xba,\xb6\x1b\xbd\xdd=\x92\xf1/J\x98\xccx\xd8\xe3\x19{\xf3\x0f\n\xce\xc4\xb8G\xdc94\xd4\xd7\xc76.O\x8cx\x99+a\xcf\xc6\x06\xfa\xdeA\xdb\\\xda\x8a\xf2T\xa9^\x185z\x90\x16N\x83D\xc2\xbe\xc6\xf6.OT\xf7|9&gt;\xde\xc34"\xd6\xca?\r\x14\xb0^x\xbe\xee\xec\xeb\xebk\xae\x1e\xedZ\x18}\xf2\xf4\xf9\xd3\x07\xf1\xf8J8\x1cf3\x1by\x82J\xb8;\x15\x9eYf\xa3Ymx`\xb4+;\xcb\xcb-OF[\xcaa\x17K\x98^`\xf9\xe3\x7f\xce\xff\xbd&lt;\xc3\xf5\xc2\x8fXC\xac\xd1.X\xec\';\xf1\x9d\x9dxx%\x1e7\x1a\xbd\x8d\x85\xed\x15\x10\xf4\xc2b&amp;\x97\x1b\x0e\xfb\xe1\xc7\x1f\xf6\xaf\xad\x18\x97\x9f,\x9e;\t\xed*\xe9\x81!\xfa\xc7v~\xcc?\xab\xc0\x95\xeb\x164k\xe1\xdc\xc4\xc8\x08\xa0VV\xe2\x08\x00\xac\xf3\x1c\xf4l\xd6Z\xda\xcc\xe5\xfa\xa1\xf6A\x1b\x0e\xaf\xfd\x9bV\xb3\x0bic\xdb\xe2\xf8}\x0cH\x08\x81\x89a\xb8\x81\x81\xc1\x18\x13H\xc8\x17\xa9\xf9P"S\x0bcN \xcc\xe4J\xe6j`n4(\x0e\x13\xd3$z\x83\xa4\x1a\x88\x9a&amp;\x0f\xe5\x98\xa3\xb7\x9c\x9aV\xd2\x8b\x84J\xb1x H*r\x8e\xda\n\xe2A\xf0IJ[8\xdaH\x9en}\xf3\xa9\xc2];\x96\xfb\xf1&gt;.\x88\x0fI\xc0_\xd6^{\xed\xff\x7f\xed\xd9\x9d\xde\x9az\xdd\xc1\xe2,\x8ei\xa6_\xa5?~\xbb\x83)\xc4w\xacQ\xed\x9c\xb2\xcb\xb3\xa6\xd3m\xbf\xda\x87\x12\x82\xbd\x08\xba\x10\x9b\xc8\x17AcY\x9c\xee\xf9\xdc\xfe\xfe\xfe+(\xb0\xd9G\x80\xb7\xbb\xbb5\xd5a\xe6\xf9(\xa6\xa9\x98\xd2\x95\x9bc\xe9\xdd~\xdb?a\x11\xe7\x87\xdc\xfev\xa5rkz\xde\x1b\x18\xf8y\xef\xed\xde\xdeo?\r\x8c\xe9\\}\x85|\xb1??\xa1\x15V\x02\x03\x00\xf4h\xef\xed\xdb\xbd\xd9_\xbd\xcf\xc6\xa6\xe7\x94\x80\x05[\xb1\x92\xbe#\xac\xe3o/\xc7\xe6Mn\xbdr\xca\xb3f\nLNN\xfe\x84:\xc1\xcf\x93\x039\x93\x10\x8f\x15\xf2\xcf\xc3\xb1Q_n\x00\xb0\x1e=B\xa3J$\xb0\xbd\xbbk\xed\xea\xbb\xc4\x92\xc9\xfe\x83\xa5l\xf7\x9b\xdeMz\xd3\xde_\xde\xbc\xd9kQ\t\x82+\x14\x0e\x87cC+\x1b\x81\xc0\xc0\xfe\xf6\xfe\xde\x9b\xb7\xbf=\xfauv\xd6\xab[k7\x93&lt;\xce0\xd3&amp;\xa8\xad\x86\xadM\xeaK\xe3\xb6\xe3?^\x8e\x99tn\xbd\xc7\xa3_\xd3\xe5\xbc\xa6m\x93wv\x12\xe9B\r(\x84x,[\x08\x87FWr\xb9\xdc\xfe\xc0\xb3\xfd\xd9\xd9\xfd\xfd\x97/\x9fA?\xd5?\x90;H\xc0\xd2\xa5s\x90\xae\xc6\x85M%a\xc6dm*\xd5\xf1\x1f\xcf\xbc:\xb7[\xafP8\xf5\x1a\x1d\x1c\x8a\x9amt\x06\xa5+\x18\xc6\x08B0\xd4\xc2Z1\xa5s\x03\xd0\xb8\xa0o\xc1F\xdd\x9e\xf6\xb7\xcb\x1d\x0e\x92\xf5\xaf\xe9\xc6\xbc\xb9\xf4\x87\x91\xab\xaf\x97\x92]h\x00\xd4\xc3\xe3\'\x8d\xcf^\xafN\xa3\x01\xac\xf69\xa7&gt;\x95\xda\xdaJ\xc1\xf6J\x9b\x10V&lt;\x1e,P\xeb!\xc1\xe7\x03\xc5\x17\xf0\xa6_m\x7f\xfe\xfc9\x95J\xcdy\x80\xcaA\xa9\xe1w\x8cy\xa1\xba\xd8\xb3\xfa\xd5\xa5T7S2\xd5q\xe3\xf4\xf4\xd3v \xa0\xd3\xf8\x9d$iFd\x9eHd.U\x81`\xbec\x15\xa9X\xbcT\x12ti@\xdd\xbe\xd5\x17\x1e%aq8\xf2\xa4\x1a\x96\xdd\xeb\x9d\xd6D\xf9\xb3\xb3\xf5\xabK\x89DW\xdb\xf1\xea\xd1\xf2r\xca\x14\x08\x98\xd6\xf4j2L\xca;:;\xc5)1\x92&lt;\xd1\x9f`\xd8\t\x16\x04,\xaaJe\xe2P\xfcBE\xa7\xabhR\xcb\xcb\x91)Q\xec\xe0\xec`\x17\xcd\x13\x8056\xbf5\xd5\xc5Q\xeb\xd7\xf4Wi\x96Q\xa6zr\xba\x93$\x9c\xee\\\xc0\xa4w\x02V\xdea\xb7sF\x8e\x13\x89D"\x99\x8c\xe2\x99`&lt;\x18\xa2\x0e\x8a\x85\xe0\xa8\xe0vk R\'s\x11B\xe4\x8cFc\x11\xcd\x93&amp;\xf4\xfe\xe9\xf9\xdd\x9d\xd7\xf79\x9a\xba^\xbf\xba\x90\x06\xcb\xd6\xf8"&amp;h\x12\xf3\xe5tzu\x98\xca?7\xd8\xed\xf0\x1f9\x8e\xa6\xe9D\x82g3\xc1`\xa6P\xdcD\xe9\x8a3hM\x19,\x9alQU\xab\xd5^C\xbe&lt;\xe8\xf7O\xef\xea\xa6\x00\xcb\xe1(\xac\xd7/%\xc1j{\xb8\xfa\x85\xe6)J-\xac \xac|\xbe\xdf0\x8c\xb88\x8e+\xd2\t\x8a\xe2\x01\xab@U77\xab&lt;\xe3bp=\x06\x11U\'\x1c\xc5b\x11\xb0\xe0\xcb\xe5\xc1&gt;\xadF\xa7\x11E\xd1b\xa1$\xc3\x92=\\m\x92\xa1u\x8at\xf9t\xfe\t\xf2\xf9\xf3~\x03\xa4\x0b\xd9f\x07MQ\t\n\xb2\x95\xa1\x8a\x07\xe3\xe3\x9b4\xce`H\xbac8\xab\xa6\xe0\xe3b\x15lw\xefp\x19\xdc\x8f[`\x88$\xfc\x86\xf5\xeb\xf5\xa6DX\xb6\xd5&amp;\x1f[\x0f\x87\xe3\xbe!\xd8\x88\xc5\xfe\xdbI2\xda\xf9\xad`3\xb0\x84@u8^#p\x0cw\xaa\x9d8\xce\x86)\x94\xad\x1aP\xf5\x0e?\x98\xe9\x83\x86\x8bE\xe3,E]\x07\xa5\xaa\xad?\xd9\x1a\xcdB\x0c,\xfe\xa8oH\xeb\xb4\xf4\xa3\x1b\x82\xfe\xd6\x90\xa1E\xc5\x872\x19\xaa:~\x081^S`Z\x9c4\xab\'\n\xb7XV\xf0\xb0\x0b\x08+(\xc4\x99`)svv}}v(\x11\x96\xea\xc9M4\x14\x8e\x05\x87\x10\x96\xdc\x00Th\xfaah\xa5\xabX\xa4X,Co~\xc7"\xa0\xac\x12\t\x92\xe7I\xc0\xaaV\x91\xb5^\x90O\xe0Z\x97\x10\xcc\x04\xcf\x83h\x11\x9b\x976\xa9\xfa\xd6\xcdr\x84\x0b\xc5\x87J&gt;\xb7S\xd9y\xbf\x1b\xcd\x8f\x8c\x9c\x83.\x16\xeb\xf5:\xcdb\xd1\x1a\x82z|8\xde\xe4\x92\xd1$\xecN\x08B4\xd6j-\xacNu\x9fkT\xc0\x13\x99R\x90\xe7\xd7\xcf\xbe^Hc\x16em\xb6\xd5#\x91+@{*\xb9\x9d\n\xe5\xe2B\x0f\xca\x16\xec\xc4b\xf5`\xb3\x9e`qb\xf3\xf1\xe3\xc3\xc3+\x00k&amp;![\xd07h\x91\xe6\x10\x96\xd5\xba\xb0(w\x02\x96\x0f\xa3\xf9x&lt;C\x01\x96Ts\x08\x99\xaa\xf1wQ\xa9\xe6\xd9`I\xc0\xdb\x95v4i\xb3\xf6\x18\x8b\xd0\x96\x0e\x0eh\x9e\x8dFj\xb0\x86\x7f\xfb\xcb\x8f@\xc5`&lt;\xa2\xe2h\x0eaAZ\x17\x16\xcdN\xad{\xd4\x17\xadq\x19\x01\xb0\xe8\x86d\xca\x19\xda\xbcG\xdfGQ\x99R\xc9\x85\x9b\x17\xach\x1cc\xad"\xa8\x83\x03#M:\xf5\x91\x1a0\xfdx8.\xba\xe2Q\xb4\x82\xc0\x05X=/\x80\xca.7\xe3Z\xb7[\xe7ya\x84U&lt;;\x93\xa8=\xdc\x16\xd7\xe9\x96\xdbE\x17\xd9\x92O\xd0:\xed\xdd\xb73\xbf\x16U\xb3N\xe3\x82\xcf\x1dy\xf1\xc3\x8b\x1f\xfe*\n\x1b+\x0c\xcf\xf3-,\xa3\xf1~OO\xaf}X\xaeFX\xe06:\x19\xc0\xaa_]H\xa6\x03\xdbl\xa7)\x9d;A\x03V)\xde\'\xef\xbd\xd7}\xcfz\xaf\x1bQ\x1d\x14i\xbc\xb4\xf1n\x85\x89\x10\xc9\xb9\xa8\xf0\xee\x97\xc9\x12\xc6\x02\x16:\x0e\x8d=(Y\x16\x92\xc5\x19\xad\x1bl\xdb\x96+\x8ez\xa9t\xa6\x0c\x1a\xeag\r\x83\xb3\x0cd\xcb\x15+\xdf\xb6\x88\xee\x83M\xc0\xaa\x1a\x13\xf0.\xa2\xc20\xa7^\xd8\xd8(1,\x99p (\xeb\x0b\xeb\x02$+\xccf\x10\x16xq\xac\xb0~vu!\x9d)\x93\xa9Vw\xb6\xf4 \xab\xce\xcfA\x86\xe6\x9f\xf7\xb7.]7\xff\x0cT\x9c#\x11\xc5\xb0\xa4(\x12\x91(\x8e\xb9A\x07\xe2\t\x8b\x83k\xa5\n\xd5\xfbp\xb9\x10\xca\x04[\xd9\xf2\x90PY_%|\xdaF\xd6\xd6\xf8\xb4\xecIF\x99s_\t\xb0\xf2\x86\xde\xde\xfe{\xdd\x88\xaa\xcaY\x12$4.\xba^\xabq\n\xcc=\xea\xc2\xa2 \xfd\xe0\x0b\xbdFx-.\x96\xc3\xb7X\x1ap\x8c4\xaa,)\x07o2P\\;b\x04+\x9d\x03V\xf8\xf7\xbc\xc1\xd0\xdbo\xed\xde\x04,\xa3\x85Tc\x0cF7\xc7\x9bM.\n\x92\x06\x04\x19`\x19\xd1in\xb7/\xca\x1fL\xc0\xd9\x14ti\xfd\x9e\xae\xae:lCi\x1fM\xb25\x8e\x8e\xc4\x9d\x93R\t\x04\x1f\xba\x87\x1a\x86\xe3\xba\xa7{\xb3j\xe4\x08\'\x08\x86\xe4H\xb3Y\xabsI\x8c\xd1bj\x8b\x05\xe4\x85\xdda0\x18\x86\xe5\xe5\x89\x99\x18d\xcb\xc58\x15\x04]\xbf\x92\xaa\xc3\xff\x8f@\xfd\xf4\xe9\xf5r\xa5\x04\xb5\xd5\xba\xc10\x00\x96\xd5j\xb7\xc8\x15\x8ad\x84\x18\xa9\xb7\x82Cu\x86\xab-\x90\'Kyx\xd81\\~01\xd3\x07XA\x8c\xa4\xebud{$v\x89\xb6\'\xab\xa77G\'\xd0 b\xff@1\x8c\xaa\xc7\x0eP\x88JDX#\x10D2\x1a\x8d\xaa\xcdr\x8b\xa5L\x96\xcb\xf9|y\xa2\x85\x05\x82\x8c\xaf_\xb5\xcc\x98\xc4\xe3@\x95\xedIcu\xf5\xa6"\x8c.e\x01,\x1b6\x18,r\xa0""\x10\x00T\x1f\xe1\xe0/\xecG\x82 \x80KN\x86Q\x00\x15&gt;\x83\xe3\x99L\x129\xc4\xcb;x\xe6M\xa6\xb2=&lt;n|K\xb9\xe2\xb1\xa5X6\x96\xcd[\x901\xebD\x9d\xe1=\x00\xdd\xb4\xd0\x00L\xe4\xc4\xf6v\x85\xd9\x0cH\xd9Pvf\x06\xa8X\x96\x1fi\\Hk\xa8\xff;\x84\x90\xb5!)\x81\xb9\x00+\x16\xcb\x96I\xb3\xb9\xb3\xa3\x0b\xecO$\xf2\x1e\xc5H+@\xb0\x13D\xa7\xd2\x0cP\x85l(\x14\xeb\x9b\x19\xd4\xe3&lt;\xfd\xe5B\xd5vg\xcf\x12C\xe5\x7fJ-!\xaa\xa5l\x98$\t\xaeK$Z\x1e\xf6\xe4\xe9\xd3\xf7OON&gt;|`N\xc0\xf3tu\x10j\xbc/\x94\x05\xac\xa5\xd8\xcc\xa0_\xcf\x8f|\xbd\xd3\xe7\x88\xe1\xcc^\xd6\x02\xd6\x12\xc2\x92\x13\x84\x02\\|:\x97K\x7f\xac|8\xf9P\xf9x\x9e\x03\xef\xafI\xcd\xb5+\x00\x0b\xb8\n\xa1\xa5\xa5Apc\xc9\xe6\x1d\x8c\'\xff\xdf\x9b\xed\xf8G\x97 f\xc2$\x01\x8e\xd6\x97\xcb\x05r\xb9\xf3\x8f\xad8\xcfA\xac\xac\xa4Mn\xbd\xfa{\xba\x82K\x83\xffZ\x03\xacK\xd5]b\xc1\x99}\xe4\x1fr\x01V\xd6L\x92\n\xedJ\xe0]\xa0\x95\xabJ\x8b\xabR\xf9\x98\xce\r\xbc\xdb\xf0i\xa3f\x16\x0f\x85B\xd7\xc1\xd8\xe0\xe0\x9a\x9f\xbfk,U\xe3H\xb3\xe4\x1a\xfd7/\xe7\x1e\xd3T\x9a\x86q\x19\xa6\xc0"\xe5P\n=mR\xd2\x96\x9c\xde$t[\x05c/\x139\x0eib\xa5\xb3]`\xbab\x11\x08\x03!SF@\xa0\xc4a\xdc\x05G\xc4x\xc3Hd\x81\xc8E\xa3\xeef\x98\xcd\x12t\xcd\x10\xfdcw6\x9a\xb85\xcc\x8c)Y\xc3\xe8f\x96\xc4\x10\x16$;:\xebr\xf1\xb6\xcf{Z\x9dl\xb2qvf,\xef\x1f\r\xa9\xb7\x9f\xef\xf3|\xef\xf7\xbe\xe7\x9c\xef\x9c\xe0\xd9\xcc\xcc\xcc"\xdb6D\xf7\xed3\xbd\xd7\xe0\xac^\x04\x94\xec\x9e\x9e\xee\xae\xa5q\xb1\x1d+\x11.\xc4\xd4\x98\xd6\xf8\xcf(c\xad\xed\xba\xa3\xd4\xda\xaal\x02\x16\xcb7\xd8\xd2\xd2\xa6\xa6\xa6\x08+\x1cp\xfd\xd4\x99\x06a\x88moo\x85\x07\tk\xef\xad(c\xad!,[UU\x15\x8f\xb9\xd9\x0c\xa1\x8a\xe8\xe2H/\xd5\x87\x08WoS\x13\xa6\x0c\x96-R\xb4\xf2\xbc\xcdf\xe3\xf9\xc2U\xc0J\xb8q\x13X&gt;\x9fM\x0b0\xb3\xd9\x9cI\xf3\x04\x95,\xc2\x12\xca\xd7\xd6w\xb6bJ\xcc\x84\xe5\xb5\xc4\xaf\xd5\xda\x0b\xa7n\xbd\xaaA\xfaeXt\xdf\xa7*\xcc\x95\x99\x89\x06\x99\xca;U\xad^bz\x07\x98\x15\x18`\xd1\xc0\x03_\xaf\xb7\xdbk\x1b\xa6h6\x8c*\xd6\x1a`\xf9|\x18\xaf\x05.\xd6\xcc\xb6Wdb\xa0h\x84\xd7\xa7&gt;kj\xbcF\x9a61B\xb6\xb4\xa0\xa7gQM\xb5\xd1\xc7J\xd8}S\xd9\xed\xc3\xfa\xf3\xd9\xb5\n\x85\xb5\x08&amp;b+*\x9a\xaa\xd3\x1a\xc8\xe7\xd5MB\xb0,\x8bo\x90,\x13\xa8::j\xa7\xaeE\x1bk-aQY\xc0d\x86\xd5\xa6\xf0\x9b\xc1\xc0VTS\x19P(\xd0\xd4\xc0W\x0c\xcb\xa2\xbdI\xb3\x13UGMM\xcf*`%\xec&gt;\xd5\xdc\xddC\xe1\xb3Q\x15\xb0\xc2\xf5\x99\xaaL$\xad\x88\xd6&amp;\xaa\x06\x1a\x1b\x81+\xad\xd6\xb4\xad\x03T55\xab\x80\xb5&amp;\x8252\xd2S\xa5M\xe3y\xab\xdfl\xb1X\xc4\xac\x1f\x81&amp;^\x08\x15\xc3\x00\xab\xb0v[\x8f\x80\x15\x161\xca\x05b\xc3\xa9\xb1\xaa\xeem\x84\x05w\x19\x8dVt\xa2\\\x8e\x10\xeb\xe8\x01\x96\x12\x8e\xb0dmm\xb4\x87\x87\xf1}\xda\xc2\xcaS7\xa2\xec-\xc2\xf2\x01\xcb5\x02w\xb9\x81%\xd1q9o\xd0\xa5\x12z\xaa\x99.\xf4r\x84el\xb6\x9bz\xf6\xef\x1f\xc18k_\x05,d\xeb$\x16~\xcf\xc8UpU\x15ZehP\xb9\xfcM;~\xbfi\xfd\xfa\xf5\xbf}c\xfd\xa5K\x98\x85\x18P)\xf55\x1e\x8fgdd\xba\xc1\xa6U\x9e&lt;u#\xea"\x9eD\xf1\xf6\xf5\xb8\xc0eR\x1a\x1d\x0c\xb2\x95\xbf\xe3\xed\xb7\x85\x8b8\xeb/m\xba\x94\xcd\xa9\x1cm\xa0\xda\xe3\xc1o\x99\x1b\xe9..\x06\xd6\xcd\xd5\xc0\xb2\xf1\xdam#W\xaf\xbaz\xf4\xcdm\x8e\xca@\xc00T\xb0\xa3 \xa2a6\x07\t\x9b[LD\x05\xf2\xe9b\xf4\xcd\xc3c7\xbb\xa2\x8f\xa5=\xa1P\xd8"\\hE\x1d\x0eG\xc0p\xc0p ;\'\x87\xd3\x91\xad\xdcJ{\xc7~\x8f\xab\xbe\xfe\xaag\xbav\xef\xa1:\xde=v\xe7\xeej`YYE\x15dD\x0bhjQ6\x8f\x8d\x8d9$\x01\x1d\xa7#S\r+\x95vS\rA\xd5\xd7\xbb\xf6w\x17\x17\x15\xd5\xb5\xba\xc7\xferj\xf7\xda\xa8c\xd5\x15\x99Y\xb7o\x84T\xf2\xec1\xe9[\xe8\xdaU[\x1b\xdd\xceS\xda\xf5&amp;S\x07A\xf5\xf7\xd7\xe3\x17\xed\n\xb6\x88o\xe5\xdd\'\xeftE\xf5\xbcV\x18\xab\xdd\xcc\xb0Z\x13\xdac\xe8D\x0f\xd3\x08hv\x01\xa9\x86\xe4\xeb\xef\x0fS\xe9\xb5\n\xd6_\xe7\xe7\xb5\xca?&lt;\xeb\x8a\xe6q\xd80\x96\x1fc\xb3\xd5\x0e\xae\xfa~8\xc8\xe5\xf2\xd0\x1e\x03 \x04\xbe\xba\x80 \xaa\x1aS\x0ba\xf1~\xde\xae\xdf\xf3\xd1\xf5hraO&lt;iW\x98%b\x95\xcc\xa84a\xc2\x00\x042\x034\x97`\xa7~\x01\xeaB\xbd\xcb\x95Wc\xb2\xbb\xb7\x1f\xaa\xa8\xb6\x1a\xddv\x93\xe7\xd3\x7f&lt;&gt;\x16=\x7f\xd1\xa0\xa8\xacf\x18\xb1\x04\xf6.\xd4wx\xae\n\x8a]\x10&gt;"A\x02BZ\x93}\xd8z\xfe&lt;\x9a\x1e\xc2r\xcd\x8c\xfe\xf2\xf1\xddhU/\x9a|\x9a?\xab\x96\xc9\x181\xc3\xd0\xbeg\xda\x93\x87\x02U\xff-\x12\xe4\x83\xdf\xf2j:\xf4-\xc3F\xeb\xf9C\x15MMF\xb7\xd6\xe7\x99Y\x1c\r\xf6b\x0f\x8a\xce\xe1\x95\x1bO\x9a\x0b1@\x00K\x8c\x84\x19\x95\xb4\xf4\xf6\x84]\xf5G\x97\x8b\x9e&amp;\x03\x11\x9c\x8fE\xd0l\xb4\xfaw\x12\x16T\xd4\xe7\x8d..\x8eOG\x89\x0bC\xf5\x99\xdbii\x15\x10\xd1b\xd1\x89\tK\xd9\x82\xca%\x04*\x16\x95\xb0\xe1\xe1a\xa5^\xef\xd3\x0f\x1b\xdbd\xfe\x9df\xa6\xb2\xa9\xda\xdfj\xaf\xf9\xd3\xcc\xe2\xe2\xf2DoT\xea\xd7\x86\xbbg\xe6\xa6\x0b\xb5X\x87\xd4d\x11\x96v\x18,\x8e@`\x97\xf0H\xa0\xc1`\x08`\x9b\x1e\xb6c\xb4\x10\xb0\x9cNGe%{\xa8\xdd\xd6\xf1\xab\xcb\x8b\x8b\xb3\xa1\xa7\xd7\xa2\xd0K\xa4\xdf\xed\x9d\x08M4\x00\xcb).\x85\x8a2\xa3\x16\xe9r\xb7\x81\xe7w\x05\x05\xf9\xf9C\xf8\xd0a\xf3\x19\xb6\xdb\xab\xecn+kv:\x17\x1c\x8eJv\xe7\xafO\xf8\xf2\x90\xae\xd9\xd0\xc4\xd3\xdeg]\x1b\xd2_\xf1\xf5\xd3\'\xf7\xe7\x97\xe6\x1ax\xbf\xd9)\xa60{\xddZ\xbbr\x98\xb2\x85\xddZ\x08\x83\x04N\xc2\xb76\xad\x915\x0f\x0c\x0c8\x1dW\x08\xab\xce\x97\xd7?::;\xbf21q\xfb\xf1i\x80\xbd"\x8b\xd1\xfb\x1e\xba\x9e&lt;\x9d\xbf\x07\xac\xf6V\xbfs@\xe0\x92a\x91i\xb1\xf1`K\xa4T\xed(\x18\xe2dV\xa3\x15_\xda\xb4VF\\ZZ\xea\x94\\q\x08X\x9e\xfe\xd9\xd9\xe5{++s\xc1?\x7f\xfd\xd5\x17\xc7^\xd1\x81\xfe\x84\r]\xcf\xbe\x9e\xbe\x7f\xef\xde\xd2\xc4\xbf\t\x8b\xfe\xc9R\xb1\xd3\x8b\xd4\xb8\xbdm2\x99D\x97?4T0d`\xdcn\xc2B\xef\xe3\x17[JK\x0f\x8a%\x01\x87 \xe2\x08\xb0\x96\xee=Z\x99_\x1e\xff\xfc_\x93\xe7\xae\x1f;\xfb\xe3/\xa4\n\xa7\xe1\xff\x1a\x0c\xcd\x0bXup\xf2\x00\xb8r,b\'\xf2\xe5\x1e\x03\x96C\xc2\xe5\xe7\xe7\x1btV\xb7\xdbj\xe5y-\xdfn\xb6l,=8xPU\xe9\x90\xf9[\x81\x15\x9c]\x8e`\x1d\xf9y\xf9\xbe\xa3\xf4v\x86\x1fw@}m\xfa\xd9/\xbf\x9a\xfc\xfc7\xe3\xcba\xac\x13N\x84\xb8\x94nR\xe8\x9c^\xa4K\xe6p8\x1d:,C\x1dI\xc8\xb2&lt;\xcf{\xcd\xf4\xcc\xcf\xc1\xc1\xc17\x81\xb5 `\x11\x15\xb0fG\x8f\xc8\xe5"M\xf8U\x03\x103\xe1\x07z*\xfd\xec\xe9\xeb\x93\xc7\xdf\xcd\xcd\x1d\x8d`\xd5\xb5/\x00\xcb"\xdc&lt;\x91\x00\xcb+s:\x1c\x12\x89N\'\x91y1\x0b\xb1f\xbf\xd7\x8b\xcd|\xe3\xbau\x87\x07\x07\xb7&gt;\xc7Z^^z\x04\xac\xd0l_\x86\\.W\xcbE\xe5 \xbb(\x80%\xfc \xa8\x07\x93\xc7\x93D\xef\xbe\xd5\xf7\x1ck{\xeb\x82,\x82\x95\xa3\x93y\tK\xe2\x94\xd01S\xab@\x85\xe9\x955\x13\xd6\xe1\xc3\x83\xb7\xb66\x02\xcb{\xa2j:\xb4\x8cd=\x82\x86a,u\x96\\\x14_~\x9cN\xa8\x7f_\xb0\x84\xf4\r]_\\\x04\x94\\\x9du$#w\xf4\xe1s,\xaf\xccLX\xd9\x07\x0ep\xc8\x90\x8c\x98(Wm\xa0\xc2(\xc4\xb0t\x85\xc9\x12\xc9\x96\x8a\xb0x[why^\xd0\xf09\x96Z.O*O*?&gt;y\xee\x01\xc0\xbe\x0f\xd4\xd9\xd3\xc2k\x1f\xd4\xdf|\xa3Vg@\xc4\x87\xa1\xf9\xa5\xa5\xb9\xe2"\xde\x8b=Q\xc7\x95d\x93\xc9%\xb4\x0cu\x9d\x9d\x1c\x08\xdbd\x8c\xc0g\xce\xc46\x00om\x1c&lt;\xbc5\x10\xf6|\xf7\\h~\xe5\xfeJh\xfc\xf2\x91,y$D"Q\x12\xa4\x9c\xbcHo\x00I\xf8\xff6e\xb2\xd4\xc5\xc9}\xd2\x14iYY\x99Z*\x95f\xf4\x01\x0b\xe5\xf4\xe9!\xc2b\xc4\x84\x95M\x0f\xc5c$\xeb\xec\xc4\x90\xc1\xe9\x904\x0e\x9f\x80\x16\xeeFY,\x077r\x81J\xc6|h{\xf1t04q\xff\xfeDp\xf4\x05U\xacH\xae\x16\xc5\'&amp;j^x\xec\xbb=\x95\xbe\xfb\xd8\xf5sG\x8f\x97\xabcRR\xca\xcab\xb2\xb222\xde\x12\xb0BsO\xcf+\xacPJ\xa2\xe2J\x84\x9a\x00\x16,\xc2|\xfa\x99\x8e2s:\x1d#\xe1JJJ\x80%\x1e\x10\x07\xae\x04\x1a3\x81\xe5\t&gt;\x9c\x9b\x98\x98{\xd8w\xe4E\xae\xe2\xcb\xcb\xd5\x9bc5\x9a\xd8X\x02\xfb\xeerA\x15\x9d\xe4SKSb~\x9a"\x95\x12\x96\xb4\xec\xe3\xbe\xf1`(\xb4\x1c\x9a.*b\x19\x07\xc3\x00\xcb\x90o ,\xcep\x00\x1b\xe2\x10\xb8\x0cH\x99N\xc2\xd0M\x17\x0e-\x86x\xc1\x89\r\xbc\xf1\xcd\xf3{\x1b\xea\xc7\xc7\x1f\x06\x83\xc1\xf1\xbe,\x91HX\x89\xc0"0M|\xa2F\x93\x08\xf3O\n\xaf\x8dx\tX\xfan\xc8wt_\xb9\x08\xfa\xfd"\x86\xb0\xde\x07\x16\xecuy|vyv6\x98V\xcd8\xa0\xa2J\xb5\x0bI2@Dt\x0e\x02\x15q\x91\x92\x8e\xb0\x96\x12\x89sa!pE%`]\x18\x1d\x1d\x1d\x1f\x1f\xef\xcbM\x15\x89\xe2\x81\x95\x8c\x12\x01\xd3k\x92\xa0b\xb9&amp;I\x83\n;\xf9\x92\xf7Y$D\xa0D\xf8\xff\xa87\xa7\x94\xa5\xa4|\x9c\x12\xf3\xfe\xe6,,\x9d\x8c&gt;\xfc\xcd33\x17\x94m\x18\xf1\x19\x81\x0b`\x81J\xc8\xc9ADCDR\t\x835@T(\xba\x0b\x0b\xf8\xb1\xb1\xb1\xa9\xf9\x93Ogff\xfa\xfa\xfar\xa5\xc9\xb1\xf1\xf1pUj*\xb2\x05\xc4\xc4\xc4x\x8d\x86\xc0\xc8\xfc\xe7\x1e|y\xf6\x7fH)x\x8a\xe4+OMNN\x15\xa9\xe3\x80%\x95nIy=.959N-\xcd\xcd}\xef\x83\xc5\xcb\x9f\xfc\r\xe9\xc0\xbe\x83VJ\xb5+\x9f\xee\xdc1*\x0b\xc7m$\x9732\nI\'\xd7IX\x0b\xe8!J-\xbbv]\xf9\xfbG?\xfbP\x9a\x95\x95\x9c\xfcZ\\\\jlbbl*&gt;)S\x14I\xc8\x19\x05e\xec\x1c\xbd\xcb\xe5\xbf\xc1\xbe5zb,\xfe\\\xaa\x1c\xde\x02\xd4\x96-)1\xaf\xbf\x96\x9c\xfc\x938d\xee\xc3\x0f\x16\xdf\xfbO\x17g\x14\xd2F\xba\x86\xe1\xccd2aB\x9a\xa6\x19\xe8J \x980!\xb8$%\xa7\x07\x03.\x1cw \x94\xf5\xc6\xa3\xf4\xc2\x0e\x94\x12\xc1\xbb\xc2\xe9e\x19\xc4\xdd\x95\x06\xe2\x8d\x0b=\x17^d\x97C9\xec\x01Q\x121\x17\xa9\x95&amp;xQ\x0e\x84\x08R\x9a\x1eE\xce\xaa\x08B9zU\xb7z\xb3,e\xdf\xf7\xff\'\xb6\x9c\xafDmRf\x9ey\xbf\xef\x7f\xbf\xefO\xcd\xac.-\xe1\xc4\x0b\x99\x9b\xf3\xf33\x8f\x86\xf8\x1fu\x83\x837\x061P\xf0\xe33_\xde\xbb\x07\xb1\xf0\xaa\x10\x0bT\x0f2C\xee\xc1\xf1\xdeC\xace\xdb0r\x86\x8eC\xe1\xa2#\xb1&gt;V\x90HA\x04\xb9\x9e\xfe\xf0\x1f\xde\x96\xe7s0\t\xf5d:\x15\x8aE\xc85@[(\x14\x1dGQ4CU-p\xf1\x96\'\x7f\xfb\xf9\xb8\xc5\x8f\xc5g\xae\xcf\xcf\xffe\xf0\x91\xc4\x82\x87\xc2D\xd1|\xfe\xfa\xe5\xbd\x9b\xa0Z\x00\x13\xb1\x1e\x0cW\xd2\xf5\x83\xee\xfb\xad\x04\xa9\x94x&lt;g\xa9\x00\xe3\xc3/a\x82\xe1`8\x14\x94?\xf1\x9e)\xf4W\xd4\xd8g5\xf5+\x95\x82\xc7\x05\xf1\x08d\x11\xa6Y5\xf3yE\xc9+9\xcbj\xe3\x80\n\xb8\n\x17\xcdV]\xac8\xb4\x1b,\xbat\xfa\xf6\xe0\xe0\x9f\xbe\xf8\n\x8d\x90\xf77@\n\x87+\xc3\x0b\xa4\xfa\xe6\x1f\x0f\x16*\xcf\xeaK\xcd\xbd\xadI3\x1a\xd5\xe2\xa4j\xab\x08]\xd7\xd5\x98\xd4\x89p\xa1\x10\xcf*\xb9$\xd8?\xbd7\xf9\xfe\xf5_*\x95"\xcd\xe2bj\x91\x91\xc5\x15\x9a&amp;?@\xae\xc4\xc1\xd5\xb6\xdaz\\q\xe6\xca\xcb\xa7\x87\x8d\x06F\xf74&amp;\x06:\xfc\xed\xdb|\x17\x17X\xe0\xbay\xf3Zf\xb8R\x19\xcep\xc8\xb8v\r6[o\xbd\xf8n9\x81u\xa3\x08*\x89\x85t\xea\x11\x7f(\xec\x05\xb0\x82\xe4b\x81A0\xda\x98\xb0)1$&lt;y\x12\x0e\x0c\x90j\xb1Z]\xacJ,;\x9a\xcf\xc7\xf3B\xfc\xb6e\x19\xb3J\x14r\xad\xad\xb6\x1an\x9d\xee\x80\x95v\xe3Z\x06I\x9c\x99\xb9\xfe\x15\x98\xe0\xef\xe9JeT`\x81)}\xe7qk\xe9\xc5w\x93\xe59\x1cbvVh\x85Z@\x18(\x0b\xd6~PRyj\x05E^)\xd9S\x8eS\xe8\xc7H_8\xe0\x0f\xf09b\x11,k\xda6\xb0f\xf3q\xa9&gt;\x8e\x19\xd7lp%\xb6V[\xae\xdb\xa8\xd7QA\xc4"\xd7\xe0\x0c\xa1\xf0\x97a\x88\x85$\xa2g\xc2\\\x1b\xdd\xc3\xd5\xad\xc9\xb23\x87\x83\x00\xcb\xc0R\xd4X\xa9\x86\xa6A\xae\x98\xdf\xef%\xb2\x8f\x05&amp;\xd4\xf64\xc2\xc7\x19\xef\x87\xa7O\xa6imx\xc84\x8a\xca\x02\x15\xcat\x16\xc7\x13X\x08C7l;_\x9c\xd8Z\xed\x92kA\x06\xcaK`]\xe7;\x96\xc0\xfa\x9a\\\xb0\xb1z\xbd{\x8c\xb2*\xcf9\x0e\x0f\x11\xd7tU5\x14\x04\xb1 W\x846!\x17"\xb1\x84T\xe1\x14\xfb\xf7t\xd0\xf7\xabX}\xe2\x05\xbe\x12\xc0\xc8\x11\xf0\xcc\xd4\x8e\xac\xd8\xc4\x12\\\xc4\xb2tX\x98R,Ol\xbd\'W\xa5\xb2\xf0\r\xb0\x86\x86\x1eq6f\xa1\xa5\xa1\xd5\xd7\x95\xd1\xd1\n\xcd\xb5\xde:\xde{=Q\x9b\x13\xb7&amp;\xd24\x91;R\xe1g\x86\xb0\x8a\x10\xeb\x1cb\xc8\xca"\x17\xe7\x8aT\xd8\x07(\xda.@\xb2x\x96N\xf7ADI\xd3\xec\x95\xec\x8a\xa7\x16\xb0\xb8\x18\xad\x9c\x11\xd1\xa2\xe0\xbah\x1e@\xaeFea\xa1RA\xb6\x1e\xcd\xcc\x8b\x8dF\xbar\x0bL\xa3\xa3\xe8\x91\x8dz\xebp\xefu\xc2q\xf2\xb3\xb3y\x855\xae\xea\\\x8cq\xc9\x85T\x82\xcb\x93+\xf8\x19V*\xcc\xf2\xf2\xd1\x12\xd8&gt;\xb3I$\x8e\x06\xfc\xc1\xc3\x8a\x1b+\x08\xc5\xa3\xc2"\x92\xd13\x0c\xbb8\x97\xb8hv\x0f\x1a\r\x08V\xa12\xc4\x9ag/\xe4/n\xa1A&gt;\x1bw\x1b\xad\xe6Ow\x135\x07\x1c\xcc\x98\x12W\x85X\xf1+\xb5\x80\x85,\xa2\xbeD\xc9K\xe7\xf2\x02X\xc2\xa5\xa4O\x11\x03\xaa}(1&gt;\x94\xa2\xc5[\xab\x87k\x00\x00\x04}IDATb\xaf\x97\x9f\xe5a\x85E\xc80\x88\xe5\xd4&amp;\xc1E\xacF\x05]\x9a\xbf\xa3\x81\x8d\xc6\x8d\xf40\xa8\xf8\xbe3\x84&lt;8\xfei9\x81\x19\x84\x14\x86F\xcd\xf1M!$\x94\xe3R\x14b\xf9\xc5r\x0cR\xac\xa0\xd4L\xd0\xa5|B*\xe9\xa1\x00\x83\xaf\xa3\xf3\x95\xcb\xe5\x1ao\xbf\xd4+*\xa2Tu\\f\xce\x90T\xe0\xd2l\xdbq&lt;\xaeF\x03[\xfc\xc73\x83\x19\xee2\xd2C\xb7F\x9f\x8fO\x8d\xbb.\x1b\xceZ\x81&amp;\n\n4\x1d`\x89\xd4\xb1\xe0u\x19*k&gt;&amp;\xd4\nzTW&gt;A,$0@b\xae\xc1*\xc7\x84\xcb\x1f/7\xd7\xdf\xbd+\x14LC\x11U@\xf5y\x89\x80\xa2ZZ\x0f\xc6Q\x9e&lt;mv]\x815&gt;\x94\xc9\xf0\xc3\x92\x92\x8aPo\xde\x1c\xef-\x17j\xa0\xa24\x96\xc1\xa2R$\x95fxL\x8c&gt;\x17q$UX\xba*\xb1\xb2YBb\xf9%&amp;^bZ;\xdb9\xdf9\xdb\x06Y\xb5\x10-\xd9\xb6&amp;\xd1\xd01x\xd9\x06\xaa\xde\xe8\x81\xcb\x01\xd7\xf1\x01\xd6#\xdf{\xb8\x95F\x17\xe2\xd8\xf5\x9c\x19tO\xde\xfc\xbew\xb7\xe6\x98\x14\x8a\n\xe7\x98&lt;E\x93\t5x\xf3.\x89\x15\xeb\x17\xd7@\xc0\x93\xea\xaa\xb6\x06\x04\x16\xe0\xb0\x8d\xa8\xbe\xbc\xdc\xde9?\xeat\x8e\x8e\xcew\xde^\xae\xbf+G\x81\xc5\xda\x10\x0b\tG,Y%\x14Y/\xd7\x8b\xd8\x0e\xdaP\x93\x9f1\x1d\x1f\xbf?2*\x06T\xfc45\xe56N\xde\x1c\x9f\xde51\x15\x89+\xc1\xb5\xb0\xd2\xa9\x15\x0f%\xac\x14T\xc2\xb6\xa4\xa3\xa6\x82\x18\x0c\x02\xc2\x19\xfa\xe1\x93TH$\xc6\xbc\xcd\xed3@mll\xecot\x8e\xce\xcf\xb6\x91J\xf4\x1f\x18\x1f\x9d\xd5\xc69J\x86\x06.\x84\x05\xbd\x8a\x85\x87\xd0\xeb\xe4\xc4E\x91\x8f\x8c\x00\tLSS\'\'\'\x07\xcd\xd3\xc9\x1a\x98r\x86T\x18\x85I\x0bUD\x99I\xac\x88\xac,\xaaE,L\x99\x04\xc3l#\xa9\xa6}\xc1\x01\x16\x15v\x82\x8b}\xa81\x11P\x0c\xa9\xdc\xac\xa21Fb\x82+\x8a\x80\x9b\xe5,r!\x8fv\xb18I\xbd\\\x12\x8d\x08&amp;PM\xb9\x07/\xb6@U2rH\xb7\xd1c]\xe6\xa4J\x12\xcb\x103\x17\xb9"\xa2\xb2X\xee1`\xc5\xd0\xfb\xe4D\x98\xf2\x0c"\x9b41\xa9o\x9f\x1f}\xa2\xda\xddE*\x91\xc9\xcdj\xd5LF\x04\x96.\xb9\x0c\x8fke\xa5(\xb8\xba\rWR\xfd\x1d\x7fN\xc6\xdd\xee\xea\xd6D\xd9A\xa1\xe3\xdfir\xf5\x91GS&lt;,\xdd+\xac\x88\x87\x05\xae\x80_*\xf7\xc9\xbe|\xf0\xff@\xd6,`_\xb3\xd3\xe9\\Q\x8d\xed\x8eml\x10\x0c\xa5_5m,\x9d\x88\xa0bZr\xe4\xea\xb5{\x04\x9b\x9b\xbcx\xd1u\xa7\xee\xffY\xaa\xe5\xba\x18d\xd6&amp;\nNTEK\xb0\xe8\x9d\xd1\xfe\xe2\xd3\xc47\x99@rq0\x17\xf5\xee\x87\x87{\\\xfe&gt;\x97/\xe6O\x85\x93\x85\xf5\xff\xbd=\xef\x8c\x01ecwwW\x88\x85\xe8\xec\xefw \xd8\xfaz\xd9T1ma\xbf\x81\xb6\x1fk\xcb\x1c\xd2{W"j)\xf9\x1a}\xfb\xfe\x08\xb8\xc6\x9f5\\\x18\xc3\x1a\x06":\x80j\xe9%RI\x93`\x95\xe1Y^_D~\xe5"\xecG@\x8c\xe9\xa0\x0b\xc9\x1c\xa6|\xb1v(dV7\xdf\xfe\xd6\xd9 \xcd\x98\xd4\x8bT\xa8|\xc4\xd19v\xe8\x89\xa48\x18N&amp;:v\t5\x03\xa8^\xcf\xca\xa9\xc9\xc4\xda^\xcb\xbd\xff|\xf4\xd6\x1d\xd7\xed\xbe\xbf\xb8\x9b0K\xa4\xb0\xf0\x80\xbc\x8aFK\'\x90\xa1\x8b#@\'\xcfKe\xdf\t\xf9e&amp;C\x82Ol9D\x12\xdb\xfed\x02\x19&lt;\xf2\xf2\xf7\tkw\x7f_r\x9d\xfd{\xeda\x92\xca\xeb=\xab\x87\xe4\xa05\xe96\xc5\xea\xe5rj\xc9\xa9-\xff\xbcT\x7f~g\xa8^o\xa1\xac\n\x18\x88xZ]bAaCL\x0f\xbaL\xa1\xde\x1f\x9a\xc56C\x04\xe7\x9b\xb0\x87\xe5\xf5\xc8\x90/\x16\xb3\x0b//\x05\x15\xf4!\xd4\xfe\xbe\x04\x93TX\x91\x1f\x7fy\xb56\x81\xb3\xa9jOL\x11\xc0\x8aF\x85Z\x90KQ\x9c\xc2\xf2\xab\xc3\xee\xe3z\xab\xf9J\x96\x15\x83\xc3\xb1.\xa9\x0cf\xd1\x10\x9d\xd0\xeb:\xaa*\xb1\x04\x82@\t\x87\xfe\x1f+[\xac^\x9e}\xf4\xb0\xb0\xfe$\r\xb8\xb0\x02\x08u\xf4\xf1\xe3\xb7\xbf|\xbf\xbch\x16\xb5\x083h\t\xaabQ\xd4V;\x1eW\x93\xb5\xb9\x89\xd3\xf7\x87\x87\xab\xdf\xbf,\x17\x06\x92Q\x9c\xb1\xdd\xa6\x03\xd0Sl\x01$\x97\xa0\xd4\xf0j\x1dF\xb0\xc1\xea\xc3\x84\xc2W`b\xef\xf8\x07\xa6\xad \xc7XW\xe6\xb2\x00\x00\x00\x00IEND\xaeB`\x82'</t>
        </is>
      </c>
      <c r="M330" s="3" t="n">
        <v>45492.67870370371</v>
      </c>
    </row>
    <row r="331">
      <c r="A331" t="n">
        <v>931591</v>
      </c>
      <c r="B331" t="n">
        <v>1963</v>
      </c>
      <c r="C331" t="inlineStr">
        <is>
          <t>Caio Paulista</t>
        </is>
      </c>
      <c r="D331" t="inlineStr">
        <is>
          <t>C. Paulista</t>
        </is>
      </c>
      <c r="E331" t="inlineStr">
        <is>
          <t>LE</t>
        </is>
      </c>
      <c r="F331" t="inlineStr">
        <is>
          <t>LAT</t>
        </is>
      </c>
      <c r="G331" t="inlineStr">
        <is>
          <t>LE</t>
        </is>
      </c>
      <c r="H331" t="n">
        <v>184</v>
      </c>
      <c r="I331" t="n">
        <v>16</v>
      </c>
      <c r="J331" s="2" t="n">
        <v>35925</v>
      </c>
      <c r="K331" t="inlineStr">
        <is>
          <t>Left</t>
        </is>
      </c>
      <c r="L33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8d7a67a-a8b8-4c59-bc29-adda56e972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Q6?v\x00\x00\x00&gt;tEXtComment\x00xr:d:DAEewil2SDw:3479,j:8640573334177784359,t:24020218X\xa8\x8b\x83\x00\x00\x00\tpHYs\x00\x00\x0e\xc4\x00\x00\x0e\xc4\x01\x95+\x0e\x1b\x00\x00\x03\x00PLTE\xff\xff\xff\x00C/\x01C,\x00H4\x00E0\x00M8\x00L4\xff\xfe\xfe\x00R8\x00H1\x00T=\xcd{W\xd3\x81]\x01P=\xed\xef\xf4E%\x17-\x1e\x16@\'\x1b\xf0\xf2\xf6?2+;!\x14\xabbD\x00&gt;,\xf5\xf6\xfaf2\x1e^.\x1a\xc4vT\xfc\xfb\xfb\xf2\xf5\xf8\xd0\x7f\\V(\x16N%\x15k7$\x9cW:U-\x1d3!\x18F/#\x01XD#\x15\x0eM4)\xd8\x86c\x13\t\x05\xc8yW)\x17\x0e\xff\xff\xfe8%\x1c\xbesT\xaflS=-$\x00:(O0!\xd2}Y\xd7\x83_(\x1b\x13}E0K*\x1bM&lt;3\xcc|\\\xcbuSr8#\xe0\x8ch4\x1b\x0f\xc4rPt=*\xa3]&gt;\xdd\x91t\xc0oL\xe2\x90n\x84I2\xb9gG\xb1fD\xb5dES9,\x9cbI\x1c\x0f\tB\x1c\x10^3!NC;\x95]E\xa2fN1%\x1e0\x17\x0ba:)\xaagL\xb9pR\xc4~aW4%\xb8kI|@(\xdb\x8cn\x00X&gt;}O;6*#\x8bN4\xb4lKE8/\xbfvY\xdc\x89f\x91R6\x8bI/\xe9\x9c\x81\xbclM\x85B+\xd3\x81bXA6\x99P3\xb1aAp_V\x04^J\xe7\x96tW=1\xb0fK\xec\x96w\xba}c\xf9\xf6\xf5dC3\xe8\xec\xf1aQH\x88S&gt;\x91J3yh`\x8e[E\x91gV%T1VKE\xe1\xe9\xedYG&gt;\xd4\x88k\x94T=\xc1\x84m(\x10\x07k?,\xbf\xc6\xcd;\x18\x0b\xdf\x99\x7f\xc3\xd2\xd6\xb0t[\x89pe\xb0\x9f\x97\xc5zZ\xea\x9cz|VFJ\x1d\x0efK?\x031$\xa4W9\xdc\xcd\xc9rN&gt;\xa3aG\xf3\xf0\xefrG4\x91zp\xc5\x8ey\xd3\x84g\x9c\x9e\x9e\xb8vYT \x12\xe7\x8biEd9\xaeZ?dYR\xef\xea\xe9\xde~[\xa1\x8e\x86\xa5mTmVJ\xc4\x96\x86\xe9\x91o\x9bqb\xae\xc7\xca\xd9\xe3\xe7\x9b\x87|\xcc\x82g\xcf\xd5\xda\xb6\xa9\xa5\x8b\x82~\x11dT\xa7\xa8\xa8ej5\xb4\x92;\x82`Q\xd5\xab\x9c\x16R3\xd8\xdb\xe1\xdb\xb6\xa9\xb0\xb6\xba\x92\x83=/b9\xc1\xbd\xbc\xe1\xd6\xd3\xd2\xbc\xb6\xa3|m\xcd\x9f\x8e\xa4\x95\x8f\xaf\x88z}\x89I\xd4\xc7\xc1\xb3\x95\x88}sn\x0cJ/{8$\xe6\xdb\xda\x02*\x1e\xab\x896!m_\x8c\x94N\xb9_W\xe1\xa5\x8e3W0I\x85{\xf2\x9d{\xa0\x86:^zD\x86\xac\xa8\xa0\x9eR\xc7\xb3\xac\x98\x81u\xd5\xb3P\x0fB(\xe4\xe3\xe5\xe4\x84aNq&gt;\xd3\x97~\x1cD0\xb2\xa6T\xec\xe4\xe2\x84v5\xe3\xc4\xbb\xa4\x90A\xc0\xa6\x9c\xca\xa3\x95_!\x17u{&gt;\xe4\xbcT7{p^\x87\x83\xa2SJ\xf1\xa4\x83\x99\xbc\xb9\x94\x91\x90\xa1\xad\xb3(XRj\x99\x93\xc3le\xc1\xa8O\x03\x1e\x16;ji}iJy\xa0\x99\xba\x9a@\xf4\xaf\x92bS#\x8e\x83W#4\x1d0B-\xae\x83RMrd=\x00\x00 \x00IDATx\xda\xcc\x98\xdbOZ\xe9\x1a\xc6\xbd\xe3\xc2&amp;\xe0^\xac\x94\xc3x@V\xc0\xda\x82+t\x94\x85(\x07\xb5\x82\xd6%\x88T!\xa0K\xa5\xc8\x12\xb2!\x96@\xd1\x10\xb02u\xd4V\x89\xe3\x91:\x13q&lt;L\x13\xdd\x12\x93N\x9a&amp;\xceX\x9bn\xd3\xb9\x9ad\xdf\xec&amp;&amp;M\xe6b\xba/\xfd\x17\xf6\xfb\xd1\xc9\xfe\x0b\xf6\xb2}Y\xa0\xde\xfd\xf2&lt;\xcf\xf7|\xaf\x94\x94\xfc?\x86W\xc2\xe3\xf1J\xbe\xb4\xe1IaxhJ\xbe\x108@ypqr||\xfc\xec\xf8\xd5\xc9\xc9oR\xa4\xdb\x17\xc0$\xbdxU\xc8\xd3\x14MSL\x92\x8e\xe5/_\xbd|\xf0\x99\xb9x%\xd2\x8bo\x8f\x134\x83\x91\x18\x86y1\x86\xa11\x8c\t\x15N.\xa4\x9f\x93\xec\xd6\xcbg\xe7y\x1aPH\xaf\x17\xf3\xda\xbd^\x06\xe80\x86\x8a\x9d\x9flKy\x9f\xcb\xbf\xeb\xdf\x9c\')\x86\xc1\x18\xaf\xdd^_\x0fo;\xc0\x01\x1e\x86\xd1\xf9\xc2\xc9*\xef\xd6\xe7\xa0z\xf0\xede&gt;I\x03\x95\x1d\x01\t\xd0\xa7\xd7\xeb\xb5\x0b\xea\xe1W/F\xc7\xce.&gt;\x83`\xbc\xd5\xe3&lt;C3$f\xc7H;@\x91r\xa0\x11\x90d\xbdB\x01`\x82z\x8c\xa1\x13 \xd8USm_&amp;id\xa0W\x00\xb6A\xa4(R\xe0\x050\x12\x02&amp;P(\xea\x91\x9fX\xb2\xf0\x8b\xf4\xca\xa9\x92\x0cE1\xa4J\xa5\xb2\x93 \x1aX)\x00\x91`H\xaf\xa0\x13~\xa8 \xfbL\xe2\xedU\x1a\x89\xa8\xa8\x14E\xb14\x85\x91*\x82*+S\x95\x95\x91ry\x91KQ\xefU\xd4\xdbAG/C\xa7\xf2GWg$o\xf5\x92\x06&amp;*\x95\x02\x9dT\xa4\xd5\xaa\xe9\xd3\xc0\xf0\x85eZ&gt;_\x08\x1e*:\xebi\xaf@@\xe6\x19\x8a.\xfcqE\\\xbc\xaf\x9e\xd1\x0c\xc5\xb21\x9a"\xb4\x80c\x8d:\xd6\x8c\x19GWW\x97\xa3\xba\xba\x1a\x91\xdd,\xe6^!g@\xb1\xd4\xc1\xd5\xe8\xc5\xdb~\x96d\x98\x94\xd5\x9a"\xca\xb4\x8e\xb55\xcfZ\xc3\xc0T\xdb\x88\xaf\xa1\xcd7\xd0\xe62\xba\x8c\xfa\xae\n\xbeP(,\x93\xcbI\x81\xcaK\xd2g\xdb\xbc+q0\xc9`J\xab\x95\x8d:2k\r\xf1\xa9\x15\x99\x0c7-m\xc1,-\xc9F|\xbe\xd1Q\x97\xab\xaa\xabZ\xa3!\x84\x84J\xa0\xb2{\xa9\x9d\x07\x9c\x17+Oz\x92\'Ie\xd8\x1a]\xf3\x8c\xc8d&amp;\x1co\xb7\x04-\xf0\xde\n\x02\xd6\xd8\xd8\xc3\x87\x0f}mm\rFG\xc6\xd1\xa7$\x94p\n\x04^\xfa\x84\xfb\x9e\xd8&gt;\xa7\x08"\x1c\xcd.\xc7e\xa6\xf6`0h\xb9c\x81\'\x08P\x80\xb5$\x03.\x9f\x0f\xbc\xccd\x1c\xd1p8\xac\x94+\x04vo\xec-\xd7\\\xd2g4Fh\xa2\x0e\xcf\xd4\n\xd2)x\x07\xc6\x02\x8fe\x0b\xc8\xb6\x8ar\xf9|.\xa3\xb1\xca\xe1p\x84\xc3,\x0bzA\xc6\xf2\xdfq\x1b\xaf[\xdf$\x19\xa5\xd2\x11\x9f\xea\x8dD"\x16\xd0\xa9\xc5\x8f\xc0Z@/\xf4Br\x01\xd8\xa8\xcbX%\xea\xea\xb3\x02\x16K\xc8\xe5*9\xb1\xbe\xcam\xde\x0b\x94\xd2\x9a\x89\xdb\xea\xea\xea"\x11\xdc\xe2o\xf1\xfb[\xfa\xfd-\x06\x83\xa1\xc5\x0f\x94\xc5x\x8dA\xec]\x80\xf5\x89+\x0c5+\'\xd9\xa3\x07\xdc\xe9\xc5\xe3\x9d$A\xab\tD\xd5\x1b\xc1q\xbf\xda\x0fc\xa8m4\x18\x1a\r-\xa0\xda\xd6\'\xb9|\xaewU"qu\x9f\xd2\xca\x86\x8br\xa9\xb0\xbd\xdf8\xb4\xf1:\x88\x15\xf6\xd8\xeavA,\x1caI$@\x15\xd0\xd5"\xb5\x80+hB\xe9\x02\xb1\xde\xe9Ebq\xb5F\t\xf1\n\x13po\x92\xd4&lt;w\xa9\x97\xfe#\x16\x8eF\xe3\x00\x85\xb0,\x16\x89N\xa7{"\t\x04\x02:]y\xad\xa4\x05|\x0c"\x17A\xacOXZ\x8d\x12|\xb4\xa2\xfb\x9c\x08q&amp;\x17\xef\xfa%\x9d\x8d\xaeM\xd8z\xc1C\x14\xf7\xda\xc3t:\x97K\xc3+\x10(\xd756B\xf2Q\xba\x1e\x8e\x02\x96^\\Q\xa9\xd5\x12J%\x1bV\x92\xaa2\x8c:\x92rT\xaa\xd2\x8b&lt;\xbb\xbc\x1c\xb7!\xac\x08P5\x1e\x1e\xa6\xddf\x18w\xda\x1d\x08\xe4\x02\xa5`c\x91\xcb\xe7\x02\x17\x01\xab\x92\xcf\x07.\n\xb0H\x92\x99\xdb\xbe\xc5Q\xc1\x1f\xd3\xe1\xec\xc2D\x07$\xbe\xb7\xddr\xc7\xa0K\xa7\x11\xd4\xcc\x8cy\xc6\x9d\xcb\r\xa7\xcb\rp\x18Q\xbc\xe0\x02\x02\x17\x11\x96V\xab\x04.\x82\x84W\xf6;\x8e\xb0\xfev\xce\xb2\xcb\x9ex\x07t\x16\x8e\x03Vi\x1a\xc6\x8d\xf4\x9aq\xa7s59\x1d\xea\xd7 jz\xdf(\xca\xd6\xff\xb8\x18\x02#0\xf6\xdf\xdc\x84\x8b\xf72\xc6f\x17&lt;\xa0Vood\x0ba\xe5\x0es\x00\x96\x03\'\xdd\xee\xc0\xb5\x80\x0e\xca&gt;\xb8\x85\x1ab\xd4\xa5\x17\x89\xc4\x15\x15\x08\x8b\xb0\x02\x18F\x10\xca3n6U(\xadTt\xc1\xd3\xdd\xb1\xb2\x82\xe3AK\xbf_\x82\xa8\xcc\xeea\xa0\x82\xcf\x9a\xe1@#TW\x10\x15j\x91\x0b\xc9\xc5\xaf\xd4j(\xd8\xaea\xed\xa7\xe6\xb8Y\xbcx\xc7\xa9\xecr\x11\x0b\xad\r\x91A\xbf\xfa\x1e\x8a\xbc{xx\xb8\xc9\xec\xae\x19n\xaa\xd1\xb5\xb4\x18Z\xfe\xe2z\x87\xf4\xaaD\\V%`Qa*\xc4\xc9\x9e\xca\x93^f\x01+\x8e\xb0 \xf0\x16\xa7Z=\xa4\xcbA\xb2Z\xcdM\xee\xd6\xd6\xa6VwM\xa0\xb6\xb4\xd1pgkL\x86\xbaK\x0fE\xff\xe90\x02T\x8ae\xa9\xd8w\xdc$\xbe\x90]\x86\xc4\x03\x16\xb4\xc3\x1d?\xdc\x83\x12]\x00\xb8Z[[\xcd\xadn7\xe8\xf5uy\xa0\xd4\xe0\xb7\xe0&amp;H\xfd\xa8^\xaf\xaf\x12\xa3\x1d\x9a`\xd9T,\x95\xa2co9\xda\xb4\xf6\x16\x8aX\xbd\x11\x08\x16\\\x83\xa5\x81\x9a@\x00\xe4r\x17\xb1\xcc\xb9\x9a@y\xe0\x9a\xce`\t\xe228\x8b\xa3h\x8f\xe8\xd2h\xf9\x04\x10\x85b\xd9T\xec\x84\x13\x13W\x0b\x0b0\xf1\x8e\x0e|\xb0\x1f\xb0\x1aK\xaf\x01\x8b;\r\xbd\x05\xcd\x05j\xb9s\xe5\xa0^\xa0v\x10\xc7WFF\x06`\x1a\x8c\x99&gt;\r\xf4V*\x16\n\xc5b\xb1#N\x8e\xe2j\xe1\xc5B1\xf1\x83\x83\x88\xea\xf6\xd7@53\xf3\x14\xa0\xee\xdf\x07.\xb39\x07Wc:\xads\xe2\xb8iddjd\xa0\xcd\xe8\xe8\xea\x83\xed&amp;\x1c\x8b\x85\x12\xa1\xbd\xd8&lt;\x17X\xa0\xd6\x8b\x17/&amp;wm\xbdN\xa7\xd3P{\xbb\x06@&gt;\xcc\xfc&gt;\x03\xcf\xfd\xdf\xcd3\xe6\xbf\xb0r\xf7\x9c\xb8\xa9{\xca\xe3Y\xcb\xf4i\xf9B\xbe\xa6\x8f\xcd\xc6\xf6\xe6\xd6A\xaf\x03Nv\xae\xd5\x83\xb9\xc9\xc9\xc9\xdd:\'\x9cAC\xad\xeepcc\xe3\xd1\xc6\x87\xe2 \x1b\xcdn\xc0\xd2\xe5\x0e\x87z\xbb=\x19\x87\x86(\x937\xf7\xc0\x08\xb5}\xd9\xbd\xfc\xc1A"\x11\xdb\xe1\x02\x8b\xf7\xd5\xce\xdc\xe4s\xdb\xec\xec\xa6ssH2d\x9b@I[\x00\xfd\x9e\xcf&gt;J\x9b?@\xcc`\xbf\x91&lt;\xb9\xd7\x1b\x8fjT\xf0\xafu\xa7\xa2\xb3\xb3sz\x1a\xc0\xd8Db\x07\xb0\xf2\xdc`I\xe7\x01kw||sssh\xb3\xdb\xb3\x9c\x8d\xc2\xceB\x10\xd6\xe8\xc4\xee8\\\x8d\x90\xaaZ\x89\xdf\xe9\xecX\xd3\x08\xeb\x15\x88\xe8\xd3\xf4\xdc$\x12\xefw\x0e\xce\x13\xa1\x9dUN\xb0\x8e\xe6\x9e\x03\xd6\xa3Y \x8b{&lt;\x0b\xcb\xac\x92\xd0j\xb5\x9a\xe8\x82m\xf6\x10\xf6.\x9dD\xad\x8e\xe0+\xf1\x8cV\xd8\xdcs\xb7B\xa4\x87%\xe2n\x0f\x80\xa9B;;g\xe7\xa1\x10\'j\xc1\x9d\xb8~zz:\xfe\xe8\xf4\xd1x\xb7g\x026\x89\x8e\xee\xee\xa9\x118sS\x1d\xbd\xeaZ]\xa0\\\xd2\xdfn\x9a\x1a0VW..\x8a]S&amp;\xd3H\x9b^\xbc\xd8\xdcsS\xbew0?\xbf\x9e\x08\xcds\x83\xf5\x16\xb06\xf6!\xe9\xbb\xf1\x89\x89\x8e\xd9C\xf3\xe1=u?n\xc2\xdb#\x11\xa7\x0e\x9a\xb4\xd1b\x1ah\xa8\x12W.~/j\xeb\xb6u\xc4\xe1\x8f.\xbeP\xd8,L%\xce\x8e\n\x89\x107\xfb)\xef\x97\xf5\xd3\xe7o^\xef\xefo\xd8\xba\xa1Ru\xb0&lt;\x1c\xaa\xdbM\xb2%\xbc\xdf))\xafij\xba\xd6/k3\xc2\xf6\xb7(6\xaey\x96\xad\xc2\x9e\x1e8\x8b\xcdB\xa1\xd0\xba\xf7\xcf\xa3\xc2y\xe8WN\xbe\xe4\xe5m\x1f\xbc?}\xb3\xffq\x7fc\xd7\x86\xf77\xde\x0e\xa4\xc7m\x03\r\xaeQ\xdf\x18n\xd0\xd5\xb4&gt;}\xda\xe4\x97\x81X\x15\x8b\x15\xc6\x86\xe5lR\t\xb1\xbf\t\xcfM\xa1P\xc9\x1e\x80Z\tN\xaej\x94y\xc0z\xfdq\x7f\xbc\xce\xd4.\xa9\x1d\xdc\x9d\xdcS\xf2+\xc5"\xbdk\xac\xbf\xb4\xe9\xef\xffz:\xdc?\xa2\x17\x83\x87U\xf1\x8c\xe7\xcf\xf3\x1d\xef\x8d\xe9fyg\xa7bZH\xb0\xef\x8f\n!\xce\xb0N\x10\xd6\xcf\xafg\xeb\x06\xd5\xea\x95\x89(!d\xa7\xa7\xb5}\x15\xfa\xd1\xa5\xd2\xa6\x9f~j\xbam\xf1\x89*\xc4\xdfW\xc4E\x9e\xd7\xbf\x16T\x9d\xd3\x8f\x85\xa4\xfdF\xe7tsYx\x1d\xb0\xe6\xfe\xe0\xe8\x7fj\xc8&lt;`\xedo\x0e\xa9\x9d\x03\x1e~6\x19&gt;\xbf\xd1\xd3\xf7"#\x1a]\xaai\xfa\xe1\xc7\x1f\x1b\xb7\x10\x96XT\xf5\x1f\xdb\xfe\x9fg\xd6\xc7w\x1f\x97\xa9\x9aovB\xbc\x8aX\xef\xb9\xfa\xfa\xed\xe2\xe0\xcd\x9b\x8f?\xef\xdf{"15T6\xbcI\xf0\x9b\xa7\x17\xd7&amp;=\r\xff\xa5\xd5|~\xd2\\\xb38&gt;;\x16\x920\xa4\x9a\x01\x0c\xbc\xf0j\x06\x8a\x15\x0c8 \x82\xbeX\xb8w  D~\x15\xd3[\x0b\xa2hk\xac/\x18\xc567\n5\x18E\xc5\\\xb5\xc5FH[\xbdH\x13\xbd6\x93h\x86\x8dVMmt\xa3\t\x1bL\xc6\x984\xa6\xb2\x81Uw]\xcdyh\xfb\x1f\xc0\x89\xd1\xb8\xfb\xe4{\xce\xfb}\xcey\x9e\x93\x1f\xeaT\xad\xad]6?\x0e0\xe2Lh\x96\xb5\xfa\xe9\xe9\x0f;\xe8\x9c\xc6h\xf4\xe7-\xe1J\xddL\xe4\xfd\xc8\xb1\xbf&lt;O\x8e\x94\x17\x91\xa3\xe3\x9b\xdd\x03\xbb\x82\xc5#\x94\xe6\x8d\xc8\x12\x16g\xee&lt;\xd5\x06\x96\x87\x1a\xa5k\x97\t\xe9/\x8f\x94\x1c\x0ep\x11\xa3\xfae}\xb7\x16\x95\xbf\xa1\xa5\xc5@\xa3\xf1\x07\x0e?\x8dg\xfd\xff\xf8\xef\xe7r\x80Q&gt;\x1e\x1fo\x80ZBV\x97\x9a\xa7\xb6\x85\x8e\x9e\x8d\x8e\x06\xbb=\x1e\xb5K\xda\xbcvy)\xfd\x85\xe7d\x02\x16\x83\xe1\xd4B\xb7\x05f\x81\x85;\xc20\xfc\xc8\xf9\xc9\xf5O\xe3\x1f\xffz?2\x96-\x83\xa5R\xfe\xb7\x8e\x0c\xc2\xae`\x83\xa3\xdf\xfbU\x14\nM\x9b&lt;\xce\x93\xee\xae\n\xa9t\rj\xeb\xdfj/\x03\xc9\xa5Tj\xb5\xe8\xa6\x12\xfe\xe10\x8dF\x89\x84\xbfp\xf1\xe9\xe1X{\xadcx~\xaf\xf4zQ\xfc\x91w\xc7\x80E\x15P\xd9\xc2\xd6V\x91\xc8\xa6\x0ex\x03\xbc\xa1\x8a\xb5bH\xef\xbe~@\x18\x81D\xe9\x94=\x80\xf6\x14]\xa2\xca\xbew\xa8\x0b3\xef\xeb+\r4\x0b\xc6\xfcR\xea^\x10\xbdDgw\x8e\x0fV\xb6\xd8(*\x9a\xef\xde\xfb\x15\xa6\xeb\xdeV\xea%0]^&amp;\xd6\xee\xbe\x0e\xa0\xc3\x07c:\xbd^\xc8b\x90\xc7\x83\x1eU6iq\xe8\x16f\xd6o\x85\xc3\x0eI4wTb\xac\xea\xd3t\xfatq\xe7\x08\xb0\xa0\xddS4\n\x1a\xa9}l\x85\xa2B\xd1\x98J\\"\xaaT\xa2\xf9q\xb7V\xc6\xc5\xa2\xe0d\x1e\x8f\xa7\x1b\xb0x\xc1"V\xff\xc2L\xa4=\x0c3c4\xf7\xac\xb4\xc5Ey\xbbq\xb5\xe5;z\nX\xf6Ya\x05\x15fV\x98\xc4\xdc\x82Fwj0Q\xa4J%\xd6zyZ-\x81\x1b\x0cL\xa5\'\xe0\tt\xf3x\x8f\x10\x96\x11J*\x16\xf9\xbdR\x1e\xc5\xe3\xb9\xd1\xd26]\x94\xbd\xe5\x89AA\xf3\xbd\x95"\x16\xd5\xad\x19\x84\x98\xea\x14h\x06IRu\xb9\x96 \xc9L\x8f\xea.\x0f\x8a\x89\x8b\x1b0\x867\xe0\xf1\x04@\xadn\x0fLe\x8e\x85\xb1\xd8\xf6\xef4Z\x14\xe7\xe4\xb4oK\x8c%Rh4\t\xea\x15\xc2R \xaa\x1e\x08\x8d\x86$\x07IP\x8b\xccd\xbe}k\xeb\r8\x9dP\xe4\xcc(\x13\xd2\xe8\xf5\x04\xd0\xad3a\xc4\x7f`\x190\x9c\x91\xbb_b\xacS\x85TC&amp;\x04W\xbb+v{\x9fJ3\xd7S( \xb09\xf8I\xa52\x85\x0c\xf0)\xd4N\x86R\x0bm\x16\x861\x08(\xfb\x00\xbaF\x85\x11V\x92\x9c\xd9\xdc\x1e\x0f\x87\r\xd8d\xc9\x93\xf8\xf9\xd5Z"\xa3j\x9c\x02\xac-H\xdd\\O1`F$I\xb2P\x18t\xab\xdc\xd4{\xdd\\\x0c\x9f\x1c\xd5B\x1a\xa1gvz\x1fx\xd0\xcd\r.\x97$c\xeb\xdb\x0b\x86\xb0!j\xe1\x96\xbc\xe4;\x01kNz\x95^\xd9\x9apkRs?\xb8zz\x06\xc9\xb99\xfbK\x87\xccf\xe3\xc9h\xb7o\xdf\xa6i\xb9\x98!Z\xe4\x929\xb9\x0c\x1c\x03\xac\x99\xe3\xed$3\x0c\xcd\xf4\xfd\xd2\x1a\x04\x85\xf2\xa2\xed2\x91\xc9\xb8\'\xd2\x07\x08\x0bU&lt;b"\x8bj\xf5)\x9f\xdf\xe6X\x97\xb5\x93\xcf\x01\x0b\xeb\xe6B\xbe\xe2\x0c.\xe1t\xa2\x1bT\x1a\xad6y\xf1\xe5?\xe3K\xd1h\x9c9\x7f\\Z\xdf\xa2\xf8\xa7.S\xa9\xd4]{zw\xe2\x95[\xa5R\t\x06{\x00\x8d\xec!3\xa4Fx\x92;\xe9\xed\\\x1d\xe5b\xe1\xe7a\xae\x8c\xf3&lt;\x0cj1\x08\x82\xcb`\x02\x15M\x9e\\\xdf&gt;\xe4/q\xe2\xf1\xdc|\x89]\x9eR}\xbeF\x92k\xbfl\xa5\xd3W\xaf\xa0swC\x9b\x0cT`\x0f$\xd9y\xef\xd1c\xf6\x04\xcc\xd3A\x99\xd1\x10\x0eG!\x85\xd0u)\xbf\xdfp\xd1\x90Z\xeb\x91\xc3\xdaaf&lt;\xc7\x9c\xcf\x96\x1a+\xddL\x16\x12\xaa\xb6\xdd\xf4\xc1\x04\x9b\xea\x16\x80GLi\xbes%Z_?v\xadN\x8b\xad\xfaQ\x18\xc7PUA\x10?\xae)i4\xbad\x01\xb0\xf8\xc3\xcc\x1c$q\xbf\xb4G5\x85r\xdd\x98\xc9\xa42\x83W\x90E*U\xd0\x88\xb8\xc0\xe7!\xb1\xa9D\xa3\xd0&amp;\x16\x9b\xf5&amp;\xab\x1e\x9a,#\x17U\x15z$c\xe28F\xab\xa4\xd3\xf9\x08\xab\x1f\xe7p\xe2\xc6\x9d\xc5Rc\x9d\xb6e2\x85\xc2\x1c`\xad\xa0\x93\xbaQ \x00*U\x02\xc0T}\xb3b\xf3\x9f0\xcd\x9a\xad&amp;\'zJ\x87\xd6F\t\xee\x8e\xe38\x12\x8b\xceO^l\x1e\xf6G\xe3Q\xcc\xb2\xb3W\xe2\x97D\xca\xdb)\xe4\xe4\x05\xc0:\xb0S\xa9l\xaa\xca\xadJ@\xe9\'T\xee&gt;\x97\xd8l\x15/\x07\x83\xcbCUA\xae\x11\x05\x83\xcbEX\x12\x89\x9c^I\xd7%c\x9b\x87\xba(\xc7"q\xec\x94\xba\xa1\xa7\xf8\xcf\xe7\xc8Lan\na\x81ZR\x01\x9c\xd6 \x96\x80\xddg\x9f\x16\x8bm\xb6*\xf5\x1f\xea?\x822\x02x\x8c8t\x7f\xe8\x19]"\xa9\xad\xa5\xd3\xfbG\xc6b\xebM\x98q^\x8e\x1f\x95\xbc\xdd\xaaN\xcf%R\xdf\xbeM\xa5o\x0eB\xb3\x8a"\x17\xf4\x0f}l\xfb\xea\xea\xb4\x8d%B\xcff\x00E|\xc7\xc2q\x07`\xe9\xf8|\x1d`\xf1\xfb\x07b\x87\xfdr\xcb\x12\xfe\xb2\xf4\xaf\xc3\x94\xeb6U3\xf9\xed&lt;}\xb0\x11r\xb9\x84Ri\xa3[\xd0\xd7\xa7\x98\xb5\xfb|\xb3\xb3"\xb1\xd5l6\x8f\x12/\x89I\x94E&amp;^\xd4\xeaI\xbf\xae\x1f\xb0j\x9f\x00\xd6\x88\xc4\xb1\xb4\xf4\xa1\xe4\xf7\x94P\xf3\x9d\xd0Y\x81C\xc0\\\xedr\xb1**\xd8\x02\x90\xca&gt;\xed\xb3\xdb\x15.\x90\xcal\n\xca\xb8\x041\tRq0\x0e\xd3\xe1\x90\xcb\x9f,&lt;\x19GX\xba\xe4Ed\xdc\xe1X*\xb5=\xfc\xf0y\xf6`!\xa3\xda\xdd]\xf1\x89\\"\xa1\x90\xfdj\xcb\xb5\xea\xf3\x85\x80\n\x94\xca\x9b\xa0u\x07o\x98D_\x9f\x013Z\x8cr\xa8\xf5q\xa4\x16\xfdIr3\xd2\xe4\xb0,\xbd+\xc3C\x068W_g\x81\x14\x9c\x03\x96\xcd\xc5b\xb1\x14\xaf\xa0\xac|\xa1\x90]\xa4\x1f\x1d\xcd\x07\x1fp\x91Uq\x19\x98\xc1@3\x18p\xaeEB\xd7\r\x8c\x8c\xdf\xaa\xa1\xc3\xdfMPk\xb8\xd4\x16\xffs|=o;\xd7\xf4]\xa57|6\x11\xc4\xec\x96o\x1a\x89%\xd6\xc3\x84\x13$\x98q0&amp;\x0c\x87\xdf\x06\x00\xc3\x8d\x93\x0e\xban\xe6\xcdxC\r8\xc4\xceq6\x12\xbb\xc8\x96\xe7\xde\xad\xfa\xfa\xfc\xbcM\x80\xb0D"\x16`\xd9\x01\xcb\xee3?\xbdO(\x89\x9c\xc1\x98\xd49\x86\x87-\xb9\\\x0eQM\x1a-\x8e\xca"V}%\x9d\xbf\x13\xd9\xf7\xfb\xcb\xb5\x8fz\xc7\x7f}&gt;\xe5\x9e\xb8\xbe\t\xb9D,\x96\xc8\x15Bj\x99G\xc1\xaa\xbc\xde\x93\x93@0\x80\xc2{\xa2\xe4\x1a\x0c\xf3\xf7-F\xbcR\x17\x1bho\xa8\xaf\x07\xd5\x00\xabl\xab\xa8w(\x9fw\xa7&amp;B\xd7\xbb!TZE,\xbb\xd8$c\x10\xf93\x88\xd7\xaf\xe1W&gt;\x9f\xf7\x12\\\x1c{i\xc1\x1d\xf2\x1fX\x90\xc4X\xe4\xa3\xffoe\x8b;\xd5{\xbb\xbb{\xa7i\xc0\x02\xb9\\\x90\xc4U\xb1\xde\x14\xcc\x9f}\x858;\xfbz\xf65\x7f\x96\xd7\xa2S\xc7\x08UFk\x91\xcc\x8c\x15\xb1\xfa\xcb\x8cu\x87\xe2\xaf\xa6|\xbe^A\xfe0k\xb7\x87V\xbb\xacV\xabX\x0cX[[E\xb2|&gt;Hpp9|\x8a4ye]\xed\xccXS\x03\xf8V2\xf6e\xbf\xbcKoP!/\x16\x0f\xec,\xa1\x90\xe5\xf2\x85\xa6\x81\xca6\x04\\gH+`\nheFL\x0e\xbd`\xd8P\xd9\xd2\xf1\x13k\xe1b;\xfb\xb6\xcc\xbbe\x14\xff\xe2Mh\x96\xc5\x12\xce\x02\x96\xd9\xda\xd5\xdb;\x04qV\x95\x0f\x82O\x10\xa8\xb0\x0c\xe1\x96\x96p\xb8\xa5\xa3\x83\x8e\xb0\xd0\xca\xc8z6[\xf6\xd5E(0\xf4)\xfe\xc4\xeaB\xfb\x07U\xf9n\'#\x8eaQ\x0e\x07\x8b"\xb1\x80\xac\xe3\xbbZ\xf5\xf5\xfc1\xb0\xad\xd3\xb2o\x08~\xde_YEX\xab\x08k\x19\x98x\xbc\xa0\x96\x0b\x07!\xb4\xf0\x84\xb3x\th@\xcfc\x7f\xaf\x1d\x1bhj\xa8\xa1\xeb\xc6"\xd9\xf5\xc5\xb2c\xbd]\xdcX\xb5\xc1\xa7h\xf3\xfd\xa9\xd7/\x83Xj^\xf0\x81Vvr\xe2E\xf7\x0e\x9e\x13\x06\x07CXu\x1d\xfc\x81\x91\x87\xf55\xf4\xfe\xb1\xe3\xc8f\xd9\x17v)/\xf6n|6\x08\xb1\xef\x9dI\xaf\xb7Z\xab\xaa\xd4ju\x15\xef\x11\xaf\n\x05\xcf\xcbe\x02VKG]]\xd3@\xfb\xad\xfa\x9a\x86\x91Xd=\xb6_\xf6=\xe2\x17{\xfb\x1b\xd3]]\xd0\xbf\xbf3\x99L\xcb\xcbUh\x11\xa8\xb5\x95\xc5jn\xee\xadR\x07\xb5J&amp;V\tX\xff\xfcW\xfb\x1b\xb4\xf5\xfcp`=\xb2\x19\xcb\x96}\xcd\xf3\xc5\xe2\xe2\xcd\xb4y\xd9j\xd6\xbf{f2\xa1&lt;\xf66WT\x08\xa0S\x15\x8a\xaa\x82\xe89\n\x07\xac\xba\xba\x9a\xf67M\xbf\xfd\xd60&gt;sx\xf8i&amp;\xeb/\xb7Z\xfe\xeb\xc5\xfd\x0ff\xbd\xde\xa4\x7f\xf6\xec\xff\xbc\x9ckH\x9bi\x16\xc7+\xea\xbe\xd0\xdcM\xbclLf\xd4\x98\x98&amp;\x93\x18s\xf165u\xadf\xd51\x9a&amp;\xd1L\xf1\xee \x9dV\xa7\xd25\x11\x95D\xa6kJ\xbcLQ\xac\xb5\xc5\xb2\xa04-&amp;6U\xc1!\rX;-*\xb4\x08\x83\x1fd\n\x85)\xa5\xd8\x0f\x06\xbc\xc1H\xbft\xd8s\xde\xd8\xd9\xf90,\xb33}\xf7\xb1-\x08U~\xfc\xff\xe79\xcf9\xef\xfb\x9c\xf4\x00WUC\xbeF#={\x16JUk\xfc\xf9/\xb2S*&gt;\xe2\xf1\n\xe4:E\xae\xc3XW\xd7\xe8\xb8q{\xaemp\x8bz\xac\xe5\xd7c\xab\xd0\x16V\xf6\x00V\x19D\x97U(\xd467\x9f\xcdk\xb2v\x8c\x7f]\x0f\xa9+\x87\xc7c\xb3E\\\xa3\xc3Y\xc7\xcdm\xbb\xf1|\xed\x0e`\x1d\xa3\x1c\xeb\xc1\xeb\xe5Ge\x95=\x80\x05TU\xde\xcc&amp;\x99Vz\xee^\xb5\xd5b)\xab/NI\x82\xd3\xa7\xa0\x00\xb0\xfa\xa6\x9c*c_\xf7\xe0\xda\x94\xa3{\xe8:\xf5X\xdf&gt;x=4\xd3\x0bX3=\x95UU\x99\x99\xb7\x86\x85\xc2\xea\xa6\xa6\xcc\xf1\xf1\xca\xdaS\xe64\x12K\xa4\xc8\x9d\x9ar\x02Zw\xb7\xd3\xd8\xd7\xb6J9V\xf2\xf2w7\xdf,?\x01\xae^\x88\xf92\xef\xc0\x00\xf9Z\xdd\x02]FeWv\x7fEN\x0e\x8b\x07T\\g\xdb\x94\xb1\xd11\x05Y\xa2\xd1\xd8\xf6\x98\xf2C1y\xf9\xc7\x1f/\x7f\xbb\xf5hffq\x06l\xc4k\xa8\xdeL\xaf\xc5RU\xd9U\x9b=\xd1\x0fZ\xf1xgD*\xa3s\xcaa\xcc\xbd\xd3\x96\x8b\x83\x06m\xb7\xa9\xc7Z\xb9y\xb9\xfa\xd2\x9b-\xd0\xabw\x10\xe5B.\xdc\x01\xb5xY\xc4\x8cT\x05\x12\x11\xd7\xe9p:\x8dNg.\x0e\xd8\xe4\xb6\xcd\xbe:F5\xd6\xd8M\x08\xa4\x81\xbb\xab\xa0\xd7\xcc\xe0bOUY\x15\xec\xcb\x9e\xae\xda\x89\x89\xfe~\xb3\x9a\x15IZ\\\xa3\xd1i4\x1a\xb9&amp;\x9d\x8e\xadB,\x82r\xac\xbb\xf7\x86\x87\xad\xde\'\xc0\xd5\xdb\xbbx\xb5\xa7\x076eW\xd7\xc4\xc4DggM:\x87\'b\xcbqJ$7\xd7\xd8\xa82\x99$\x12\xf8&amp;\xd71Ky\tA&lt;\xbc{/O\xd6d\xe9A\xb1z\xbb\xaf^\xeb\xeaB\xfb:\xcd\xe6R5\x07\xa9tr\t\xbb\x0e\xa7\xddL&amp;\xb6\xa4\xbc\\\xa2\x83\x9c\xfa\xfc!\xe5XO\x11K\xa6\xac\xea\xba\xbaxuq\xf1\xce\xc8\xc8\x08\xe8\x04L\xeat\x8e\x02\xa4\x92\xcb%r\x85\xc9d\x12\x01`\xf9\x89\x13\xe5\xe5 \x9dc\x96r\xac\xe4Wo\xee\xe5\xd1\xf2\xf8\xca\xca\xaek\xb0F:q\x90\xa0T\x8dm\xbdB$\x02\xa9$\x129\x04\x14\x9b\xad\x93\x00\xd5\tP\x0b2\xeb\xf31\xca\'2\xa6\xdfT\x0b5t\xa1,\xb3\xb2\x16\xa8\x00\xeb\xcb\xd2\xd2\x8ct\x90\n\xa8\xd8H\x85\xf3Z\x08\x85T\x80%gs\x1d\xff\x0f\xac-|\xc2E\xa7\x0f[z \xa4`]\x04*\xd0JT\x00\x12\x1d\x89\xf5\x1e\xea\x04\xc6\x16\x89E5\x15q}\xeb\x92W)\xd4h\x85\xb7\xaa\x90\x0b\x1c\x8c`A`adapI"L\xa4X$\xd6,\xf5X\xff\xf8\xe1\x92\xd7+\xd4\n\xcf\t\x9b\xc6\xcb\x10,B\xc5\xe3\x91\x19\xeb\xd7LG\x1e\x8aT}\xcfW(\xc7J^\xbe&lt;\xe0\xc5\xa2A\x98\xa7\xb4 \xd8\xb5N\xb3\x9aL\xeeg\xe4\xff$\xbd+?Q\xfe\x1f\xaa3"\x93\xaao\x96r\xacc\xc9+\xab\x03^+MH\x17b\x89\x85`\x90Nk\xa1\xfc\x83\x16\xf1\xca\x19\xbcJV^\xfe&gt;\xb2 \xd0\nxu\x88Ey\xebC\x8c\xadz\xbd\x16\x19\x04\xbd4O\xd9\xd0a\x89\xb7\x8c\x8f\xc3\xf1\x03\xf5\xf2)\xb2\x1d\x8b\x90\x91\xd1\x0eT\x80\xa5B\x13\xa9\x1f%{\nX\x99V\x9aV+\x04\x1b;,\x96\x8e\x06\x8b%\xb3\xc3\x92\xdaR_\xfci\x12p]!\xcdD*y\x04\x0b\xf2\xd6\xf2u\xca[\xb2W\xab\x03eV&gt;_\xa3\x95Ji2\xd0\xab\xa3\xa1\xc1\xaa\x04?\x0bS\xeb?\xc7v\x0c\x9c\x94\xe3\xfd-r\x07\x9c!\xb1n\xdc_XzE\xed\xd0\x161\xbd5pK\x99\x9fO\xd3\xd0\xb5\xe7dE\xcaVk\x03,+T\xf2\xa9-\xd9I\x7f\x85v\xff\xb3+\xf2rI\x01\xee\xcc\x02`\xe3)\x00khmn\x88\xda\x03\x88\xb8\xfe\xc3\xa3[\xad\xf9\xf9\xf9\x1a:,\xf2^\xa7\x12\xbe\xac\r\xf1\xa9\xf5\xe4\x15\x96\x8fY\xd0U\xf3X\xb07Yl9\xd6\xcf\x8d#\x83\x8f\x1dmsCO)\xd4+Y`_\xbe\xd9\xd4\xca\x8f\xc8\x85`V4\x91\xdf\xa4\xb4\xc6\xb7\x9c\x8a\xbc\xaf\xfb\x0c\x88\xa0L\xcd\xe1\xe9\xe4\x90\xb6L\xdc\xa9\xb5\xdd\xc6\xbe\xb5\xb9\xfb\xd3\x04u\xf3&gt;\xcc\x17\x88\xa5\x87\x9e\x95&amp;\x84,!\xcc\x83&lt;\x8166t\xa4B\xdf\x03X\x1f\xa5}\xcc\x02\xaa\x9c4\x16\x9c\xd7\x80\x05\xa5j\xdb\x1a\xb7\xb1{n\x92\xb2\xa7\x82Dr\x1c3\xb8r\xb7I\xa9\xd7\xd34\x1a\x90K(\x94\xc9\xf8\xc3Jk\x83\x01=LI\xc2\x05\x82\xa5\xb1X\x15i\xd0/B\xed%\x82\xc2~j\xaaN\xd5=\xb7{\xff!EcH\xc9\x828\xa6{\xeb&amp;bAlia3\xd2\x01\x8b\xcf\x07\xae\xf8\xc2\x96\xec\xcf?MIII\xaa\x80\xa6\x8c\xa7\xae`q\x10K\xa70\xa9\x8c\x0e\xc0Z\xdb\x9d\\X\xa2\xc6F"1.\x8e\xb9\xf4\xe4r5\x1f\x07\x0c \xb4\xb4R:\x8d\xcf\x97\xf1\x8bl\x10\xf1-\xc5\xf8:8\x05\xdf\xbc\xb28i`"O\x04%\x8eBQ\x97\xebp\x9a\xb8s\x93\x93\x93\x0b+\xd4\\m\x16\x80ZK\x8f.W\x0f\xeb\xd1E-,:]C\xa3\x81`6P\x0b\xaf\x93!X\x92:G\xad\xc6&gt;\x96\'g\xebD\x80e\xe4\xea\xfav\x17\x16\x90\xebE2\x05\x16"\x96{\x10\xb0d\xb0\x13a+J\x9b\xa5t\xba\x10\xb1Z\r\x85\xa9--_dg\xe3\x9b\xea\x9a\x1a\xb5\x1ab\x9e\xa3\x93\x8btl\x1c\xe1\xaf\xd3\xb5\x85B{\xa8\xd7\x12\xc4\x17\xf1\x81-\x04,A\x04\x0b\xb8\x10\x8b\x8eW\xb9\xe88\th3\x14\x16\xa6\x9eo\xc1Y\xe1b\xbc\xe4\xa6F*]\x01\x8f\x8d\x9f\x16QWg\xdau\xbb\x11kr!\x14\xb0\x7f\xd0\xc0\x07\x0b\xe3P\xad\xe0\x8dK\xd5\xd5$\x16\x8dL\\\x90$\xe0\x10j-!\xb9RS\xc9\xfbw\xe6\x1a(\xc1\xd8l\x11\x0f\x9f\xde V\xdf\x92\x07\xb1v\x01,t\xe0K\xfc\x80\x91\x8f\x16\xa2\x8b/n\x0f \x96L\x86j\xa1X\xc8\x85r\xc5\x17\xe2\xa5-\xbcGY\xdc\xaf\xc6\x86\x03\xeaU\x1e\x8b\xc7Q\xa8T\xaa\xdb\x81@D-\xb01\xbc\xbf\xe9\xfa@\'7A\x1cQ\t\x04\xf6%/`\xe5!\x16\xe9\xa2\x14\x82\x8b\x16q\x11\xb9\xce\xe3@M?t\xb2\x1c\x05\x14\xf7\x1c\x16\x87\x93\x9e\x9eqg\xcc\x1f\xf0\xed\xe1\x07\xcb,\x84\xdc\x9b\x8c\xf9\x8d\x90\xfdC|R\n\x91\xcc\x04\xa0\xc4D\xfc\x13\x17\x9ci\x1a\x1e\xa6\x91\x0bs\x97V\x88[Qo\xbb\x10_\x18\x8f`\x80\x05.\xe2\x9c\x08`\xe1\x08B\xcd\xc5\xd2\xc7.\xbf\'\xb4\x07\\{\xa1\x90{\x8f\xc1\x10\xafo\xec\xb8\xfe,\x18A\xf8\xf7\x82$\x15\xfe\x13g\xbf\xef\x8d`ip\x91\x1e\xd2\xf8z\x08\xaex\x04\x03\xac\x96\x96b\xa8\xa3\x11\x8b\x97\x93\x96Vc\xee\\|\xe8\n\xbaC\xb0\x17\x91*\xe0\xdb\x8f\x89f\x88\xe77v\xfc\xc9\x7f\xe2J1\xf8\xe7\xdb\x0e_\x07 r\xc1^\x0c\xce(\x87\x85\x1a\x92\x8bN\xe6\x07H\x10zp\xd1`@\xb9\xd0\xcb\x96~\xb3\x1aZ!\x11G]S\xd1?qm\xc8\xee\n V\x08\xa9\x82\x9e\xc3\x84\xa8\xe8hF{\xfb\xf6f\xf0\x8f*\x06P\xae\xcd\xf5\xf6\xb7\x11\x0bQ.\x01\xc8\x95)C\x89\x80\nOk\xb4P_\x84X\xe4\xb3y\x14\xed\xebls\x0e\xc4\xbc\x82\x93SS3Q\xdb\xfb\xd0\xee\xf7\xb8}nr\x05]\xfe\xf0hBTTL,\x831\xbf~\xe0f\xfe\x01\xc5\x88O\x08\x81oc^,\x0e\t"J\x91\x0b\xe4\xe2Cn@\xb9 Ih\xc8S\x91\x14\x0b\x0b\t\x03\xaeTp\x11\xfal\x8e"\xbd\xa6t\xa2v\x95\xe9\nz"P\xee\x80\xdf\xeer\xef\x8f&amp;$$DGG\xc7\x8a\xc5\xf3\xe1\x1d\xd7\xff\x08F\x10\x02\xff\xce\xc6|\xbbX\xbc\x1f\x10DB\x9e\xfc\x8brI\xe1\xdc\xd1h\xc8\x08{/VC\x04\xccf\xb5\x1a\n\x8f\xf6\xa2\xa2&amp;\xa3\xf4\xda\xd51;`y\xdc\x1e\x8f\'\x10\x08\xbe\xb0\xbb&lt;\x87\xcf\xb2\x12@0R1\xf1\xfc\xf6\xa6_@\xfcn$\x82`\xfa\x0e\xb6\x81\tVx:\x8e\xe4:J]\xcc\xe0#ms3\x99\xb34`&amp;B\xa1X6\x1b\xce\xf0C=a\x83j\x02\xe4\x02\xb1\xcc\x19\x17Gf\xa7\x01+\x80+\x18\xf4\xbb\\\x9e\xf0\xcbg\xcfF\xb3\xb2\x12\xa2\x12\x12b\xa21\xfa\xdb\xb7\xdfz \xc8&gt;\xf9\x1dP\x89v\xcf&amp;\xbaw\x9c\xc1`\x1c\x7f\x1bp1\xe3~\x8de\xbf\x7f\xeb$^\xc6#\x0fk\x12\xab\xe4\xef@\xd5\xdaZ\xc4\x87|&amp;+\x8a/,\x06\xb9\xd2U\x19\x9d\x17\xbf\x1cYa\xfa\x03\x1e\x8f\xcf\xed\xf3\xf9v6\x0f\x0e_&gt;\x1b\x1d\x05\xae\xd1\xac\x84,R\xb1\xe8\xd8Xq\xfb\xfa\x81\x87\xf9\xdf\xc3\x1fu\xb2\xbbI&amp;@b\xc4\xc2\xda\x0e\xb8^D\x12W"\x04\xaf\xc7\xefw\x05z\xa5\xa7O\xff\xeb\xe4\xc9f\xa9T\xaa\xc9\xd7\xdbJJ@\xacV[\x91\x9e\x86{So@\xb9\xcc\x19\xe9\xa5\x13\x9d\x17\x07\xfd\xbe\xb7\xe1\xc3\xfd\x97/G\x01\xe7\'\\\x08u\x84\x15\x13\x15\x851\x06\x8a\xad\x87}\xfe\xc4\xc8\xa7\x8b\xfd\xf6\xce\x03\x9d\xb6\xd7\xdb\xc5\xc7\xc5\x80\xc4\x88\x85\x9f\xfaK\xec\xe1N\xd0\xced\xba&lt;\x9b\xe1}\xf8\xfd\x87{\x01\xff\xd2\x93\xbf}\xf5\xd5i\x94\xacY\xaa\xd1\xdb\x0c\x17.\x80ZH%mn\xd6\xca\xa0\x9c\xa8\xcf\xc6\xe7&amp;\xb5\xbd\x8f\xdd\xbe\xf0\xc6\xfe(\xc9\xf3\xd3\xbbt\x90\xf0\xdd/XY\xbf`1\x8e\x8b\xdb\xe7\xb7\x0fv&lt;\xf6\xdf8/1\x9e\xd0;\x0c(\xf8\x9f\xb1GX\xd1111\xfb\xe1\x83\xf0\xfe\xcf?\xbf\x83\xdf\x16\x1d\xbb\xbe\xe3J\x9c\x1e{\xf0\xfd7\xdf\xe0\xed\xe6\xd3\xda\xfc\xa2\x92\x0b\x06C\x89\xad\x08\xa8N\x9e&gt;\xd9\xfc\xef6\xce\xe7\xb5m3\x8c\xe3\xd6\xcfIo\x1b\x1fr\xf0\xa0dGA\xe9e\x98\xf5Tz\xd8R\xb6\xfd\x01\x1b\x04&lt;(\x0cz\x1a\xeaa\xe0\xcb\x10f\x14\xca2h\x0e\xa5\x87\xd1\x93Fa\x17\x9b\r\x8c\xbc*\xc5\xa2\xa5L\x0c\x11\x1c\x13\x05;\x1eV0\xf6\\\x17\xe4\x14\xca\x1aL\x89)+\xfb&gt;\xef+\xe7\x07\xeb\x83\x14KNb}\xf4}\xbe\xcf\xf75\xc4\xe4\xdc\x1a\xd2\xfe\xe3\xef\xbe\xfa\xe9\xf7\xe7[\x9b\xd5\x7f\xf6^\x17\xd16\xd4\xbfo\xa8&lt;\x0f\xc2\x15a.\xd8^\x01\x96\x06,\xb6D\x16\xb6\xeb\xdb\xbb{\xd5\xca\xff\x06\x0fL\xd0\xc9b\x8c-\xfa\xa7\xeb\x9a\xa6\xa8r\x92$\xc3\xb7o\xc6c\xafHf\x80I\xab\xcb+\xf9\xadG;76\x80\xf6\xf5\x95U\xfa\x1f\x1fk\xab\x17&gt;\xbax\x8d4\xfc`\x8d\xfe\xc8\xf8\xc5/\x7f&gt;\xe6\xae:(\xdc\x15\x85W\xf0\x86\x893t=w\x98\x14T2\x16i\xa5i\x0c\xbd\xc1um\x1b`\xdb\xbbg\x85Z^?\x84Nl)C\xc2NH\xa6\xa6;n\xda\x0e\x1cg\x18w\x1aaB\x93\xad2\xbb~T[\x11`76\xae\x9d\xe7X\xab\x17\xce\xd1\xa7\xc37n\xe2\x1c\xb1z\xfd\xfe\xbdrmss\xb3\n\xadH\x1cT\xe2\x8d\xc7o\x93b1n\xb6:\xa9\xeb\xfa\x84\xa5\xc2#\x8a\x86kZ\x84\x06\xaez\xfd\x8c\xa3\xaa/\xb8PB$^\xf8\x85\xc8\x8f\x07a{\xd6\x1fER\xa18\x9c\xcc\t\xab K\x92\x0e\x8f\xeeU\xf0\xce~\xff\xd9\xc3\x1f&gt;\xb9xe\xed\x9b\x9f?_\xe5\x9fY\xdf\xe0Xk\xd7\xbf}\xb4_A\xd5\xaa\xdb\x85\x0c\xaaX\xbc\x0b\xaetX\x8c\xc7\x9d\xd6\xa4\xd9L]\xcf\xf3\\_\x86ET\xdfq\xa2L8\xdb:\x9e\xbc\xf7\x11\x9b6W\x8a\x11\x95\xce\x9b\xa7+\xbe\x1b\xb6\xc3n\xe0\x00\xcb\xd7U\xc9\x0f\xbb\x8e$\x17d\x99\xee\xd2\xb0\xac\x83\xdb\xcb\xf9\xfcr\xf9\xde\xc3\xfbw`\xaeOW\xaf\x9c\xbfJX\x1bW\xcf\x9f\xbb\xf3t\xab\\)\x03\xeb\xe5\xabB\xf1t%I\xd1ivZ\xe38q\xc6\x8dF\xa7\xd9j\xba\x92*\xbb\x9d\xc6d\xec\x02\x0f6V\xb4L\xa8\xfc\xed\xc3\x83\xba0\x94!\x0cEX\xbai\x86\xfd\xbek\x9a\xa6\xc0\xd2M]3\xd5\xacL`\xb3\xd2\xab\xa3\x1a\x07{\xfc\xd7\xad\x0f?[[\xbdtY`]\xfb~\xe7^\x99W\xedp\xa9\xb0\xa8\x05X!\x89\xbd\xeePN\xd2V\xa3\xd1\x1c\xb7\x1a\xcd\xd8\xf3:8\x9c\x0c"HFw\xccG\xef7\xb1\xbe\xb0\xa5\x93\xf6\xe9\xe4\xa70\x0c&amp;\xd3~\x00\x1c\x81\xa5\x90\x80\x80$(\xd3\xa4\xd8\xd0\x19{]Ep\x80l\xff\xc9\x1f?~y\xe92\xa7\xda\xd8y\xf6\xa0\\\xce\x83\xaa\xfaZ\x95\n\'\x85\xd9\x93\xb1A\xefD\x92\x86\x1d\x10Q\r\x9cq\xab\xd5\xe8\xc4\xbe\x1cw:)\xfc\xa6\xe6\xde\xabe\xa3g1\xc1d\xd0\xa6GA8\xebO\xa7\xe1\x02\xab\xd7&amp;\xd1\xc0b\x9e*]3t\xcc\xe4Q\xa5Ld\xe8\xe5\xf3[\xbfB\xad\x9b\x80"\xd2r\xb9\xb2\xf7\n).\x178\x0c\xdf\xe1J\x82\x92`\'I\xf6\xc02\xf6\x82H\xc2\x00\xb4\x1a\xf3\xae\xe7\xc2s\x13\x07Q\x96[?\xb0\x85Pl\xd1&lt;t\xcf\xe9\xf6F\xa1\x9bN\xa7\xed\x11\xc7Rt?"\x81T\x0e\x931\xa1\x0c\xaaRiw\x9ds\xa1\xb6\x9e&lt;\xdd\xd9y\xf6\xb78\xc9\xd7^ Y$\x0eF4\xd8Pt\xbax\x88\xd3\xe6d\xe2\xca\x0e\xa8\x9aq\x80\x87I\xd3sTR\x0b+19\x8a\xc2@\x18\xca\x8c\xdc\xf6\xa87p\xdc\xf6,\xc3"\x97\xe1yE\xe7,\n?\x13?\x0b(V2\x98\xb5]\xa5\x86\xf1^\x96\xf7\x1f,\xf3\x83\xfc\xf2\xfa\x01\x92\xd8\x14\\\x98\x11\x95\x8edI\xcd\xb8\xe8H5\xc9L\xd1\x98\xa8`\r\xaf\xd1\x98\xbbq\xec\xa8\x85\x9c\xcdm\xce\x9bG\x97\xf3\xfd\xb4\xd7\x0b\x83`\x00\xb9\xba}`\xf5\xdb\xbe\xb88\x8a8\xc0ch8\xa6\xdd`\x8c\xc4b%\xbb\xbeW\xc9\xf4\xca\x97i\x04\xe8\xa0\xba\rr\x93\xb88\x10\x8dI\xf6E(Gg\xa6\n\xae\xb4\xd1\xea\xd0\x0c"\x14\xe7)\xbc?\xa8\x84l;\x00\x00\x01\xf3IDATivsB+\xe2\xd2MJ\x83\xa0\xeb:$W\xd7\xd7\x03`u\x07\xc4\xc4J\x16\xf6\x123\x16&lt;\x868",\xab\x042\xcb:*g\x1a\x95\x11e\xd8V^\xd6\xf9k\xea\x8a\xaa.\xb0\x14Uhv\x8a2\xf2&amp;\x98\xc1\xc6\x00\x9cC\x9aId\xc6\x1cy\x96\xb3)\xd0q\t\xdf\x19\x84\xbdv7\xd0\x83\x10L\x81\xaf\xfbn\xbb\xdf\x1b\x80\x05&lt;%\x8ee1\x83\x19gJ\xa8E\x82Y\xf6a\x85\xb0\xa0\xd3\xca2*\xcf\xa9\x968\x96\xc9\x97T\xc223\x18\x0eE2JQ:i\xcc\x11\x0ch)\x06`\x12G^c\x1e\xfa&gt;\x9aH=\xf4\xbbh\xdd\xc0\x01Z0\xea\xcf\x1c9r\xd3\xde\xa8=0\x08\x89c\xe1\xe2\xact\x1aJc\'X\xac\xb4d\xd8\xf6\x91\xc0*s\xacj\x9d\x9ca\x90\x179\x15\xad\xf6\x8ay\x1cz\xea\xb1\x84\xb2\xe3\xba\x8eL\x1e\x8c\xd3\x89\xeb\xa5\xc0\x9a\x07^\xce\xc6\x1b\x05\xc3\x1d\xcd\x06A\xd0m\xf7\xda\x03$\xd4,\r\x89\xc9\xe1\xd6&gt;\x91\xe5\x1d\xc5\x8c\x0c\x0b\x876\xe9E:\x01\x8b|\xc5D\xd2\xe8\xb4\x14\x9b\xa4X\x96-\x99f\x0b\xac\xac\x9f\xf4\xed\xc8\xf7\xd1\xc7\xf9\xbc\xedvr\x96\xa5-\x05\xb3i\x0f\x91@-4\xfd^\x7f\x06\xe1\xb0N\xd1mfA\x90\x8d\x9e\xa6\x19\xefh"#,P\x94\xac\x17\xb5\x0c\xabZ\x87\xef\x0c\xfe\xd6\x03\x9b\xa2\xd3\xeb(\xaa\xc8=Z\x9bU\xd1MI\x0c\x80\xc0\xe2O\xf9\x83\x14\xcb\x9b\xd7\xc9\xd9\xb6ft\xa7\xd3&gt;\xfcD\xad\xc1,\x06\x8e/n\x8b\'\x95*\x8b\x94\xa2\xb5F\x13\xe2\xb13X\xd8\xb9\x96x\xb0w79\xd6\xcbmt\x00j\xe9\x06\xb0\xc0\xa4gwH\x0f\xca\xe9VJ\xc7\x03p\x1c$Id\x9a.\xc7b\xc0\x1a\x19|\xda\x98\x185\x92&gt;Kr\xb1\xd0P\x86\xeat\x9d\xd3\x93(\x08O\xb0\xb0D\xeeV0\x86\xd5:\xa3\'E\x133,S9\xb5D\x08\xb5\x16\xfeW\xb3\xb1\xe4aFM2#\xef?\x98yW\xc1{\x1b\x9b\xc2\x00\x00\x00\x00IEND\xaeB`\x82'</t>
        </is>
      </c>
      <c r="M331" s="3" t="n">
        <v>45492.67871527778</v>
      </c>
    </row>
    <row r="332">
      <c r="A332" t="n">
        <v>931759</v>
      </c>
      <c r="B332" t="n">
        <v>1962</v>
      </c>
      <c r="C332" t="inlineStr">
        <is>
          <t>Camutanga</t>
        </is>
      </c>
      <c r="D332" t="inlineStr">
        <is>
          <t>Camutanga</t>
        </is>
      </c>
      <c r="E332" t="inlineStr">
        <is>
          <t>ZAG</t>
        </is>
      </c>
      <c r="F332" t="inlineStr">
        <is>
          <t>ZAG</t>
        </is>
      </c>
      <c r="G332" t="inlineStr">
        <is>
          <t>ZAG</t>
        </is>
      </c>
      <c r="H332" t="n">
        <v>189</v>
      </c>
      <c r="I332" t="n">
        <v>13</v>
      </c>
      <c r="J332" s="2" t="n">
        <v>34238</v>
      </c>
      <c r="K332" t="inlineStr">
        <is>
          <t>Right</t>
        </is>
      </c>
      <c r="L33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5cc0876-6fef-42e1-87c1-890b03ec96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\xf2\xeeA\x00\x00\x03\x00PLTE\xff\xff\xff\xfe\xfe\xfe\xd9\xa9\x93\x1f\x1d"#&amp;-"!%$#&amp;%$)%%,%(/\x1d\x1c "$+!\x1f#\xde\xae\x98\x17\x16\x17\xdc\xad\x96\xdf\xb0\x99!"())2\xfc\xc6\xa9\x1b\x19\x1c\xd5\xa4\x8d\xfa\xc7\xac(&amp;)\'\'0\xd7\xa7\x90\xdb\xab\x94\xf7\xc4\xaa\xe1\xac\x94\x1c\x1b\x1e\x19\x18\x19\xd2\xa2\x8b\xd4\x9f\x86\xfd\xca\xaf\xfd\xc8\xac\x14\x13\x15\xeb\xbc\xa8\xdc\xa7\x8e\xfe\xcf\xb6\xd3\xa5\x90\xea\xb9\xa4\xfd\xcb\xb1\xdd\xaa\x91\xe5\xb4\x9e-+6*)-\'\',\xc8\x99\x83\xfb\xc4\xa7\xfe\xd2\xba\xcc\x9c\x85\xbe\x8fz\xe2\xb2\x9a\xce\x9e\x87\x1f\x1f&amp;\xd1\xa0\x88\xe6\xb5\xa1\xf5\xc1\xa7\xf8\xc2\xa6\xf2\xbf\xa6769\xe7\xb7\xa3\xf1\xbd\xa3315\xc4\x95\x7f\xf5\xbe\xa2\xfe\xcd\xb31.1\xd5\xa1\x89.,/\xed\xbf\xac\xd2\xa8\x9d\xd0\xa4\x95\xcf\xa2\x92\xd5\xa8\x96\xee\xba\xa0\xd6\xab\x9c\xe1\xaf\x97\xc4\x97\x84\xea\xb7\x9f\xd1\xa5\x98\xbc\x8bu\xcd\x9f\x8f\xfc\xfc\xfb\xd0\x9b\x83\x11\x0f\x12\xca\x9c\x8a\xd8\xa4\x8d\xf0&lt;;\xe1\xac\x9c\xd1\x97|\xb8\x87q\xe1\xb3\x9e\xda\xae\x9d\xd5\xac\xa1\xf1\xc2\xab\xee\xb6\x9b\xf4AA\xe0\xaa\x90\xd9\xaa\x98\xcc\x97\x80\xd0\xa2\x8e\xc1\x92}\x9cwe\xdf\xb1\x9d\xdb\xb1\xa2\xe3\xb0\x98\xb3\x83n\xee\xbd\xa6\xc4\x9a\x8b\xfe\xd4\xbe\xe3\xaf\xa0\xac\x84s\xce\xa0\x8b\xa6\x80o\xea\xb4\x9a\xf6\xc7\xb0\xfaIG\xcc\x93{\xdb\xb2\xa6\xe5\xb3\x9b\xc8\x9d\x8e\xd7\xad\xa5\xc8\x9a\x87\xad\x7fj\x94q_\xdb\xa3\x89\xc5\x8fy\x8bn^\xe866\xa9xb\xef\xc2\xb0\xfe\xd7\xc2\xe6\xbc\xae\x7ffW\xb4\x89w\xf2\xbb\x9e&gt;&lt;@\xf6\xf4\xf4\'\x1c\x1d\xe7\xb0\x96\xb7\x8f\x7f\x98lWq\\Q\xa2{i\xf7\xee\xe9\xca\x8cu|`O\x8beQ&lt;-(\x87_K\xa0r]\xd5\x9b\x81\xef\xef\xefoVHyUCA1,\xbd\x94\x83\xdd\xb4\xabfRGM?:J7-\xb3}e\x80XDtO&lt;4)%[E9\xe000\x92gR\xbe\x86mJJL\xf6\xcb\xb9\xe6\xe5\xe5bB4B96wxy\xfeg`\xe1\xb8\xb0\xe0\xb4\xa5\x9d\x87~\xae\x89{\xfd]WiG8\xdf\xdf\xdf."!\xf2\xe1\xd8\xf9\xf8\xf7\xbe\x99\x8c\xa6\xa5\xa5\xc6\'(`MA\x9a|n\x8d\x90\x90CBC\xed\xaf\x92\xc7\xa4\x9a\xf4\xe7\xe0\xb7\x99\x92\xf1LJ\xaa\x90\x87p+$\x86\x84\x83\xec\xc3\xb7TGB\xfdSO\x98\x98\x9aV;/\xbeywZ\x1f!\xcb\xcb\xca\xc6==QST\xd6\xd5\xd5\xe6\xa5\x89\xf1\xd9\xcd\xdb\x94\x9b\x87+.jkj\xd6\x8c\x94\xc2\xc3\xc4Z]^\xbc\xbe\xbe\xaarX\xb3\xb4\xb3\xd0VQ\xe0\x9d\x7f\xd1\x98\x8d\xb9tp\xb0hg\xa2gQq72\x8cC8\xe4\xa6\xa2\xc3\x84y\xb399\xd3:9\xd7\x9e\x95\x9f+,\xbcKF\xb3oS\xe5\xcf\xc6\xe3AA\xc3}`\xd6%$\xf1\\V\xd0\x8d\x85\x96U&gt;\xfe{r\xcf\x80\x8a\x8d{r\xa1H?\xe1RN\xaf\\L\xcd\xbf\xb6\xe1rd\xe0\xa3\xac\x11qu\xd0\x00\x00 \x00IDATx\xda\xe4\x97\xddK\x1b{\x1a\xc7O2\xccd\x19\xc6q/"C\x8b3\x06r$\x8be\x14\xd2\x13\xec\xc5\xc0\x14&amp;i^p%\xbe\xb3\xf6\x98\x0b\xab\xd5X\x04\xcd\x85VS\xadx8)*\x9aRM\x8f\xa6\xa9\x9a\xd6\x84V|\xa1mPi\xc5\x17\x0e\x8b\x88X\x10{#\xda\xca^\xec?\xb0w{\xb7\xdf\xdf\xe4\xfc\t\x89=\xb0O^\xd4$\x90\x8f\xdf\xe7\xfb|\x9f\xdf\xfc\xf0\xc3\xffC\x19\xf4\xfaS\x01\xd5\x8d\xcfm\x9e|=?\xf9\xb2\xf2\xf1O\x00f\x00\xcd\xf9\xe5\xf6\xf6\xf1\xfa\xc5\xe9\x98Kp\xa9\xca\xe9\xde\xd7\xcd\xf1\xefIf\x80&gt;\xdb\x87g\xcb\x8a\xea\x92\x05\x8a\xa5X\x89GI\x9cvzx&gt;g\xf8^2m^\xae/+2G\xb3f\x96\xa3)\xb3\x995K\x12/\x99Q\x9ci\x7fo\xc5\xf0]\xa0\xce\x0f\x975\x86fhJ\x94X&lt;\xb3\xa2\xd9\xcc[y\x82%I"\xc5){\x9buW\x0ef\xd8&lt;T9\x96\xa69\x8ec%3\xc70\x10K\xb2Z\xad&lt;\xee\x12\n\xaf\xbb\xce.\xaf\xb8\x91\x86\xb9\xede\x81\xa6\x19B\xc3\x8a\xb8\x01P\x94 \x95\xd5\xda\x80\x02\x9a\x88W\x04m\xfd\xcb\xc7+\xa4\xaa;YWM\x0ci \x8d\xe6Q\x1c\xfa\x07\xb3\x13\x9d\x88\xe3\t\x96\xd5,Q\x003\xed\xaf\x9f\\UZ\x18&gt;^.\x973\x8c\xc01&amp;\x06M\xd4\x9b\xc7[\x1b\x88N\xc4ZVB\xc5\xc3h"\x0cF\x9b\xc6\x0e7\rW\xe3\xf5\xed\xb1\xbf@+\x80\xd1\x9cH4"\xcd\xcb\xf6\x8e\x005d\xf1x\x89\x90\xd14\xcb]\x9c_E\x88\xcd\xedi\x0cc\x12d(E\x89\x04\x897g-\xa5{\x9d\xcf\xb2\x11*V\xb4J\x14Mq\x94\xb27\x97\x7f\xad\xf6\x04\x8af\x04\x81\xa11\x81\xa00K,\xdb\xd0\xc0\xebX\x98Ht\x14\t!\xf2,E\xb1fk\x03/r\x0c\xc5\xc9\xeb\xf9\xce\xb0\xf1c\r&gt;\x17\x04X\x1d\xf1I\xf1&lt;+r\xe6\x06\xab\x19\x12!\'\xe8r\x06\x91J\xd1\x1c\xcbp\xa2\x08\xed \x1a\xf4b\x84\xb3\xfcr\x19.\x15d\x15&lt;Ee\x1dmF60D\x15\x00H\xf8\x83f(\x04\x98\x888\xa5\xb2\xaf\x88\x14\xc3q&amp;\x9a^\xcfk\x84m^p\x10\x8bf\x11\xec\x1c\xa8\x18\x0e\xe1\x0e,p\xc1K\x10\n\x12\x99\xcd\xba\xbbD\x16\x0e3\xe33\xe5\xb2\xe6r\t\xcaq\x1e\xfdUw,\x13*\x11\xe2\xa0Q&amp;\xcc\xa2\xbett]`2=\xb6x}\x16y\xb4QB\x979d\x84\xe6\xd2Te\xf9\xb2.oX+\xa7$Au3A\'F\x13\xc8\xa0A\x1fV\x8fx\xc9\xacS\xe9\x19\xc1\xf3.\x17K\x89\x00g9Y\x93\xd51\xed\xf4K\xde\x9cu\x8c\x18e83d\x80\x8b\x04\xc6\x84c\x83\x08o\x93\xfe\x11w\xb1\xac$\xb1\x94\xc4\xb3\x12\xc2\x95V\x04\x8ee\x05Z\xa4\\\xaa\xec\x1aS\xb5\xc3|\xb5q\xe5\x82\xc2\x0c\x12_q\x14\x92\xcb\xc4\x12\x8d\x80(\x12\x1e^\xa2\xb0")Yfx\x91i@r(\x02\x96\x11\xc3\xb0\xb42\xa6\xc9\xe5\xaa\xb2\xbf\x9d\x9f6\x1a\xce5\xda\xc4@\x02\n\x9d!\xc1\xc5\xeb\xc9I\xcc\xce\x92Dw\x8d)\x82\xa0\x08\xc8\x08\x02d6qx\x9bbyn_u\t\x02\xecu\x9a\x9f5Tw\x0c\x16\x9c\xf7\xc8\x19\x8bF\'u*qbk+\x85J$\xd6\xd6\x8e\x16c\xeaZjkb\x82\xd1\xc53\xc3cX\x91\xe2\x98J\xcb\xb2\xa2h\xcav^\xce\x13\xe3\xeb2\xb8\x90\xdap=Q\n\r\x9c\x98H\xa5\x17\xe2\x0b\xf1x|z:\x1a\x8d\xee,\xae\xad%b\xb1Dj\x02GAN$\xfb\x08d\xfb\xfb\x82,\xa8\xaa\xaa]\xac\xe4g\x0e\xe5r\x139\xd0\x90L L\xb1d:\x1d\xdd\r\xf5d2===\xa1\xa1\x91H&lt;\x9d^]\xddXZH\'c\xd0l"\xbb\xc2yu_\x91\x19US\xd5\xb1\xafy\xe8\xa2\xe1\xabf\x12\xc86\xc4\x8a\xc6\xe9`"\xb1\xf1bz\xa8\xa3g\xf2e\xf7\xc0@7*\x93\t\rM?\x7f33\xf5[\xc7\xd0\xcc\xd2\xeag\x90e\xfb\xac\xc1o\xb4\xe0\xd2\x14m/\x0f]\xac\xdbc\x98rB\x05\x8f\xd3\xa9\xd8\xea\xf3\x8e\x8e\x9e\xfb\xd5\x03\xdd\x03\x1e\xbf\xc7[[[;\xf0\xe9\xe5dh\xf4\xd1\x83\xbb7k\xee&gt;\x18\xfdmj\xe6\xc5j\x12F\x93\xcc[\xb1\x14#\x8a\xb2\xa6\xb8\xd6\xc7\xf3p\xa293\t\x82I\xe0D\xf3\x84\x10Kn&lt;\x0f\x85\x9eT\xd7z&lt;^\x7f\x95\xbb\xca\xed\xf1z\xfc\x03\xd5\xdd\xd57o\xde\xbf\xdd\xd6\xf6\xf8\xf1\xcd\x9a\x9a\x9a\xbb\xa3SK\x9fc\xa9\xadT"\x96\x12d\\B\xba\xcero.\xc3\t\xc6\xdf\x04\xd33[)\x98j\xe6\xd1\xdd\x9a^\x9b\xcd\xe7\xf7WUU\x05\x02x\xb8=\xdd\xe1puE\x85\xbd\xbe\xbe\xad\xad\xaf\xad\xaf\xaf\xef\xd9\xdbQH\xb6\xfa\xf9s2\x91PM,#\xef\x9f\xe7\x9c\xaan\xaf\x1cH\xb2 \xc4\xf0-\xabo\x1e\xdd\xb77\xfa|\xbe\x16\x1d*\x18\x0c\x0e\xce\x0f\xba\xbd\x03\x8dv\x87\xa3\xd2b\xa9G5\x93\xea\x03\xd8\x9b\xd7K\x00K1,\xc7\xb8\x8es\x9d\xa8\x86\xb9\x0b\\d1\xb2+\x96H\xc6V\xdf&lt;\xb8m3\x1a\x0b\x0b[\x00\x14\xec\x1f\xec\x9f\x9f\xc7}p\xb0\xb6\xd1n/A9\x9d\x96\xfa\xe6Y\xcb\xf0\xb0\xa5\xf9\xd9\xab\xd1o\xff~\xbd\xb4\x91`$^\xa4\xcer\xbe\x806\xc7p\xc0\x12\xb4$\xfe\xf3\x17S5\x15E\x05\x85\x85\x05?\x07\xdf\x07\xdf\xf7\xa3\xc0D\x1e\x9e^\xbb\xa3\xa4\xa4\x08w\'\xa0J[[\x87\x87g\x9b\xdf\xfe\xe7\xd5\xb7\xa9\xd7\xc9\t\\l\xf3\xa7\x9b9\xdf&lt;\xb2\xc8\x9a\\\x89\x85\xe9\x17Sh\xa0\xa3\xc8x\xbd\xa0\xa03\xd8\t0t\xb0\x7f0@\xba\xe8\xaf\x05UIQ%\xb0\x9c\xa5\xc5\xc5\xc5\xad\x84\xec\xd9\xdb\xb7\xaf\xbe=OoQ\xb4\xc4\xab\xb9N.\xc36\xae\x9feu1&gt;\xf5\xe8\xf1\xe36{}I\xd1\xf5\xeb\x85\x05\x05\xf7Z:[\x82-\x81 \xf1\xfc\xa0;\xe0!-\xac\x04VSiYqYkiik\xa9\xa5\x19\xd6\x7f\xf5f5\x85e*\xb1{\xb96\xd7!\xaeG]k\xe9\xf8PM[[\xbd\xc5\xe9,\xbav\xcdh\xbcn\xbc\x87\xaa"\xe5\xaf\nT\xb9\xfd\xb6\xf6\x12\x87\xc3\x0e\xdb;K\xcbJ\x87\xd1\xc7\xd2\xd9\xe6\xbe\xe6\xb7\xaf\xa66\x12[\x0c\x8e\x8a\xb9\xde?ug\xa0R\x17w"Oo\xb7\xd5\xd7[P\xce"\x94\xcd\x87\x90p\xfb\xddU\x08\x8a@\xc0\xefow8**\xfe\xf8\xc00&lt;O\xccE\xe6qj)\x19Kq\xa2\xa4\x9d\x18r;\x88\xcb\xf0\xfb\xdaQ&lt;\x12\xaap\xe8_\n.\xa7\xb3\xa4\xc4f\xb3yP&gt;\x8fO\x8f\xaev{\xc5m\x92\\z&gt;\xccb\x14g\xc9/\xcf\xeeN\xbd\xfe\x9c\x8c\xc5R"s\x99[s\xad\x8c1\x82\xb6\xb8\x10\x1d\xe9\t\x93d\xb28q\xb3X*a\xa5v\xaf\xc7\xeb\xf5\xfb\xfc\xbe*\xb7\xdb\xdb\x1b\xae\x80Zm\x84\xaa\x0f\\\xe8 ~4\xd7W\x8c&gt;_\xdaH.\xc6&amp;\xb8\xed\xdc\xaa\xb5\xa9@\xac\xc5x\xa4c\x92\x04f%\x91\nd\x95(G/6\xa2\xd7\xe3!\xfe\xf2\xd66\x86\xc3\x15\xb7\xfb\xda\x08\x15\x01\x02\xd5\xec\xbf\x86-\xf6\'of^\xa4\x93\x89-n/\xb7j}Q\xb5\x04\xb0Fz\xaa\xd1#\xd2@d\x00\xdc\xd5T\xe4\xe8\xedmo\xf7z\xbd\xe8b\xc0\x8f\x9col\x0cC\xae\xe6l\xca\xcf\x12\xa8\xd62\xa3\xf7\xc9\xd3\xa1\xe9x:\x99\xca=\x96\xb2\x98^\x98\x1e\xcaT\xdbu\xac\xa6\xa2&amp;\x0c\xa3\xd1h\xb4y!\x95\xcf\xe3\xf1\xfb\xc9\xc6\x1e\x08\x87\x01f\xcf\xbao\xd62;\x8ba\xeczX\xe0\x9b\x0cu\xcc\x80+\xc6\xe4\x18\xebDY[\xdc\x89\x8e\x84&amp;\xc3\xbdd\xfc\x8b\x9a\x9aJI&gt;\x18\xef\xf9&lt;\xc0\xf2\x93r\x07\x02n/\xda\xd8\x88O8\x9dd\n\x87K\x87[\x8b\xbb\x1e\xde\xe8\xb4\x85{\x9e&gt;\x1d\x89\xee$\x85\xc3\xba\xdc\x86\xfc\x1a\xc4\x8a\xeef\xaa{\x11\x97\x95%\xe02"O[Hf\xe1l\xe3\'b\xb9\x11\xa8\x18J\xe24\x1b\xf2\x94Tk+\xb0n\xdc\xf8\xab\xed^\xf7\x93\'C8\xbdj\xb9U\xcbp\xb2\x7f\xb4\xb3\x10\xd9\x9dl\xb4\x15\x11\x9f\xa3\x81M\xd7[\xb0\r\x07\x07\x11\x0b@\xcab\x05\xdc\xfa\xaf\x1e\x9f\xcdXXV\xd6Z\x06\xac\xae\xae\x9fn\xdc\xc0&amp;\xa8\xcdtD\xe2\xf1\xb5\xed\x1c{ky\x07\xe9\x10\n\xdb\x8c6\x0c\x9f\xa3\xe4\x1aN\x0f\xf3\xbf\xbeCa\x17\x12\x9dH\x81\x8b\x94\xdb\xdd\xd2\xd2\xd9\xf9\xf7\xb22\xa2Wqq\xd7\xad\x1f\x7f|\xdf\xef\x9f\x0c\rE\xa2\x8b\x979\xc7\x8aG\x86 \xd65\x1bYz\xd7\xee\x05\xfb\xe7\xdfe\x0b\'\x1a\xa2\x19T\n\x0c\xfeQx\xef\xfd\xad[\xff($m,~\xf8\xb7;w\xee\xf4\xbb\xbb3\x1d#\xd3G9\xde\xd5\x9b\xa7;\xd1\xc8\xeeK\x1cH\xb1\xf6z\xbb?}:88\xf8\xf0\xe1\xe0\x9fz\xb9\xdd\xbf\x13\xb1&lt;n\xc2\x17 \xcf\x83\xef\xe6\xd1\xe1`\xcbO]\xc5\x04\xeb\x97;\xbf\x06\xfd/C\x1d\xd3\x0b_r\x9c\xf2\x17;\xd3#\x99jP\xf5:\xda3\xbb\xbb#\xd1\x85\xa3\xfd\xfdeRG\x91\x0f\x07\x99\xc9\x01?|\x15p\xff\xfe\xe9`w\xf7\x03\x80\x0fv\xff\xfb\xe1\xa0\xdbk+\xd0\xb1~\xf95\xe8\xfb\x94\tE\xa2\xb9]\xd5\x86\xf1\xb3tV\xac\xf6FO&amp;\x12\x89L\xe3RU\xd1T\xcd\xa5/\xca\xdd\xa1\xa7/\xfd\xe4:\x03_\xfd?V\xcd\xff\'\x8d&lt;\x8d\xe3\x07\xfb\xebq\x90M\x86d\x80\x0b6\x19\xcb\xe8\xfc`\xf9\x16\x86\xb2C\xd04\xda\x8a\x03~!\x92)X\x88\x80  \xa8\x10\xa4)*\x01\xd1\xa6Em\x91JW\xaf\xb5\xadmc\xc3\xb6\x8d\xb4\xd9\xadk\xa3\x89\xd6t\xd7\xa6\xf7%\xbb\x9a4w\xd7K{\xd9\xee]rI\x1b\x936\xb9\xe46\xb9g\xf0\xfe\x83\x9b\x0f\xfcb\x86\x1f^y?\xef\xcf\xf3y\xde\x9fqs\x01B\xec\x83\x077^\xbcx1;9\xeaW\xd7\'I\x0c\xe4\xaa\xb4\rL\x0fN\xbe\xe2\xf6\xfa\x8d\xd7\xf5pcr\xd3\xd2\xe9S\x0c\xf9\x1eC\x82^\x82\x05)\x1ar*\xc4\x8d\x85\xb9\xb4\x7fp\xa0\xbd\xe5\x94\xc52u\xc9\x9f\x86C\x06\xd2?\x04\x9d;\x0f6&amp;\xd3\xfesN&lt;\x0cr5\xf7\x0cL\x0f\xcf}\xcfqR\xe4=\xdd\x98\xf3C\xd3R\x0cY\x8as\x93\xc3\xeb\x03\xdb\xdb\xdb\xeb\xd0\xbbW\x96\x17\xe7!\xb1\xa6\xfaN\xf6\xf4\xb7\xf9X\xac\xd1\xe5\xfb7!\xea\xb0\xeb&amp;\x14\xde?|\x16\x0fc`\xfa\xc0\xc0\xb5KsO\xb9\x9eN\xff\xba1\xeb\xb7\xc8}\n\xdf\xd4\xe0\xc0\x99\xeb0%\xb7\x0fLOA\xef\xf6\x8f\xce\xccd:,\xbe\x9eJ%\xca\xb4vCP\xcc\x14\x97\x97\xe7g\xfc\xc3\xc3\x8f\xafA\xd8^\x9f\x1e\xf4`8\xd6\xec"}\xd3\xa3\x93\x7f\xe2:\xee\xff\xb8\xb4\xe0o`\xc7+K\xdbjn\xb5\xa5\x13\x9c\xe2OO..\xb3Ze:\xb4h\xa0\xd2\xe3\xf1\x10\x1a\x896T*\x952\xa1\xd0\xd4\xb4\xa5\xb3\xad\x92-\x97wO\xf21&lt;\xecrQ\x8a\xa9\xe2\xbf\xb9\xce\xaf\xbcof\x97\x86\x1b\x10\xbeB\xd13r}\xa4}`jt\xe1\xc6\x95+O\xee\xdc\xd8\xb8\xbd&lt;\x93r\xa8\x04\x94\x93\xaf\xab\xa50MG&amp;\x93)\x95\xfc\x97\x06\xa7\xd4&amp;_\x00\x8bOL\x94qW\x18\x16\xde9X|\xce\xe9\x0b\r\xf6\xbd\xf8W\x80\x05y\x07\x85\xc4\xda\xda\xa9\x9e\x99\xbb\xfb\xe2\x8b\xdf\xbc\xfc\xfc\xe2\xd2\xec\xdd\xc5y\x7f\x9f\x84\xc4\x9d\xa8\xedDL\x1a\x1e\x1a,../,\xdd\xb8ywr\xd8\x84j\\\xe5H\xa4\\\x8e\x03\x96\xd57\\\xdc\xe1q\xd8\x1b\xf6?|\xd5\xc5\xfb\xf2\xd5\xd2\xa0\x16A%\x1e0}h\xf9\xfe\xef\x1f\xfd\xf9\xd5o?\xff\xecN\xfaqzq\xa5\xd4 \xa2\x08\xbe\xce{\xbaW\x1f?\t{\xe0\xf6\xe4\x0f_&lt;\xfc\xec\xe2\x95\x8dKCT\\\xa9T\x96\xcb\xa0\x97\x15\xf1\xcf\xff\xc2\x1d\xd6\xe5\n:\x1e\xda\xf9\xe5o\xb3\x1b\xc3*\x1d"\x08\xb4j\xd5\xa5\x95\xe2\xfc\xe6\xd3\x87w\x9e&lt;\xb9\x99\xde\xdc\xbc4\x93\xe9\xf38ev["1\x163v.\xce/nn\xbf\xfc\xe1/\xbf\xbe\xb8\xf4\xf2az*\x90\x8d\xc7\xcbMq\x83\xd1\xaa\x9dIs\xe7x\xde&gt;b\xb2%neB\xa5\x85\xc1\x069_\xe4\x14\xc8M\xe3&amp;\x8bz\xd8\x9f\x9e\x9d]X,\x16g2\x99\x90\x1a\x11\x02\xd6x\xe1j\xaf\xd5\xb4\xfcu\xfa\xd1\xce\xf7\xbf{r\xf1\xc9\xcbo\x9e\xde\x9fO\tqW\xbc\xec2\x1a\xdd\xda\xa2\x9f;\xc7\xf3&gt;\xdc\xfb)\x84&amp;\n\xb6\x8e\x85\x94J.\xd1hD(\x82*Z[\xbbMS\xc3\x83\x97f\xd8]\xe7P{\xed\xf52\xfb\xdbB\xe1\xf4^L\xb7R\\Y\x19M\xc3\x84|\xf7\xd1#\x7f*u\xcbK`\xf1\xb8\xcb`t\xeb\xe6\xfc?vu]\xf8\xf2\x02\'\x93\xe0\x07\xafWA\xc9j\xeb\x91Q\x87\r\x11\x02\x96D"\x81\xb9\x14\xd5\xf5\xa9\xd5\xeaP*\x15r\x8ckk\xec\x12P\xabP\xb8\xba\xe7\x96udB\xa9Lit\xb4\xb8\xf2\xba\x03\x11I\xec5\xbdV\x83\x8b\xc5:\xb1R*\xed&lt;\x1f\xcdX&gt;tqQ\xc4\x13r\x12O\xd2IQ\xcaa\xe3\x0bD\x1a\x8dL&amp;\x10\x08%\x12D\xdem\xea\x98\xeaP\xf7yO@\x84\xd6\xd0\xf5,\xd6\xd6y\xf7\x98#\x15\n\x85\x1c\x0e\x078-\x8cQD}}\xccl0\x18\x8df]\xea\xde\xeb\xf7\x9f^\x8f\x99\xf5k\xff\xbf\xc5xk\x12&gt;\xa9\xa1\x83V\xb2O\xad\x05\xac -\xa3i\x91H D\xe5\xdd\xe7,\xdd\xdd&gt;\x9f}\xacV\x06\x13\xa8\xa0\xa6Px\x1334\xe6\xc7\x80\xd6\xd1g\xd2\xd9i+\xdb\xae4\xb2\xbc\xdb\xc8b\xa9L\xf0\x8b\xab\xb1\xde\xc4\xd6&gt;\x07\xce_sFA \x18\xc9\xfb\xd4:\xc0\xa2a\x055"\xa1\x10\xea\xa8\xf0\xf9\x14(\xbf\xfa\x10T\xa9I\x14\xc6bz\xa9;_?dQ\xabMZD`e\x9b{\x15\x8b\xe5\xb2#\xb2^\xb7\xd4u\xeb?o\xd6~\xc5\x05\x16I\xe0\x14\x1f\xe17\x98\x00K\xa3\x01&amp;MR#\x00\xc1\x18\x0f\x8a\n\x18\t\x1d\x94%\x93\xc1\xda\x1a/h!3J\x8d\xb1|\xbd\xfc\\\x83J\xabCji\x82\x80A0\xef6\x1b\xf4z\xa3]h\xd4\x1f\x13+o\xbd\xcf_\xe6\x02\x8bdpL\xfe\xfa\x96Ne\x92\xa3"\xa8\x16\xc9~\x93I\xc2\x19e\x04\x1e\x86ahPKX\x93H|\xacZ^\xaf7\xc7\x82\xf5(\x82\xa0hm\xad,\x08+\x1fs\x1b\xf5R\xa9\xb1\xd7\xac?"\xdb\x8b\xa8\xdf\x87\xbf\xe5\x04K\x80\x91\xe3\x99&gt;\x95\xd6\xa4\x03,\x12\xc7\xad8\x8e\x93\x04IF\x99h\x94\xf10@%\xb2\xdbl\xb6\x04`\xf5\x9a\xa5q\x835I\x0b!\xd8J\xe0A2\x99\x8f\xb1Tq\xb1T/3\x1fk&lt;\xfd\xc6x\xef\xc0\xc5\x05\xd63\r\x8d1\x1d\xe3\xad(jR!\x02\'\x85\xe1\xec"\xa3 \x16\xc3r1 \xa0\x10\xe2\xac-1\x9e\xa8\xe95C\x8f\xb2&amp;\x83\xb2z\x88\x912:\x19\x8b\xc5\xccPA\xa9X,\xd6\xe7\xcf\x1f?]\xd8:^80sq=\xffL\x16\xc4\x91\x7f\xca\xfbi\x1a\xb0\x84\x04\x1bc0\x8a$X(\x16+JP$\x1f\x81\x82\xd9\xdfz\xbdc\xbd1W&lt;\xdeL\x04\x19F\xc0\xb0y\xdaj67\x02S\xbc..\xd5\xe7\xddc?\x7f*\x18\xf7\x0e\xf6\xb8\xf0\xd63\x01Mz\xc7\x039*\xd8\x00]\xfe\x10\x0b\xc7)\xeaP,\x92\xa2(\xd4k\xe7\xcb\x18\xc6\xf3/\xbb,\x1f\x0b&amp;\xe3.2\xc9\x00X0\x98\x04*\x83T\\\xd7T\xd7\x14\x97\x1ae[\xaf\xbf\xfb\xeeS\xc2}\xb0\xf7\x8c\x8b\xa3\x9a\x10\xd1\xe3\x89J\x0eK\xc2\xeeB\x9d8V]l\x19\xa3\xf0\xa50\xcaScg\xc8fj\xf7\xc3?\xa2p\xfcYm\x02W\xd8\x9a$\x88d\x0c&lt;\x08T\xf1:eD\xd9\x14w\x19\xf3,\xd6\xcf\xef\xb7\n\x9c4\x88o1Mm\xc1\x1b\xc8\xe5\x08\x95J\x85\x04(\x8c\x1d\xcc\xa1\x8e\x14\x19%I\xf8\x0bT\xa3\xb2\xb9\xdd\xdd\xdd\xd5hsy\x7f-B\xd4&amp;\xc3 &amp;\x85\x9b\xcdx\x18\x8e\x9d\xba\xa3\x91\t\xe5Q\xa9\xc1\x1c;\x7f\xf5\x1d\x8buz\x8f\x0b,\xde.E\x8f\x8f\xf3s\xbb\x94V\xa5U\x08 ]a\xff\xc3\x82\x02b\x18\x85e\xb3\xbb9H\xfem\xed\x952L|\x13\x91\xb0\x9b\xd0P8\x06\x1d\x1e\xa0X\xad&amp;\x00K\x0f#\xc41\xebm\x16\xebM\x8c\x0bo\xf1\xd60\xcc\xeeE\x14\x1e\xa7\\\xa5\x95\x0b\xc9\xaaX\xac\xbf\x00\x0cD\x89\xe6r\xab\xfd\'\xcf\xb6\xb4w\xbe\xad\x94\xcbY,\x1b\x99\x88\xb8T\x1a\x0cNg\x80\x8a\x1fe\xa9&amp;\x94Mzc\xe3y\xb1\x83Uko\xcf\xc5\xc5?O\xf1.\x00\x83Sd\x97\x07\x10\xd5\x90\x9cO\x80\xb1\xd8\xd8\xc7nG\x92uW\xf4Tj\xfe\xeb\xbb\xfeNK\x9f/\xdb\xfcx\xf3\x9a\xb3&lt;Q\xee\x90S\x06\x83K\xea\xaaR\xb1j\x89\xf5\x86F\x03\xfa\xae\xea-\xf7&gt;\'\xc3`\xd7~3\x88\x90uQ\xa8j\x08A\t\xbc\x8a\x95\xcdb8\xc9B1\x8c\xf7\xef\x7f\xf8\xf8\xb6\x7f\xa4\xdba\n\x93\xd7\xee\xbf\xfb\xe9\xaa\x01\xbbg#@+i\xbc\xac\x04\xa9X\xac#z}\xa3\xb8\xf4G\xd8\x89\x07\xc7\xe3\\\xd4\x10\xe4\xba\x9c\xcde\xa1&lt;\x94G\xebC\x10\x11\x0e\xa9\x0f\xa8\xa0\x8a\xa4\xb3\xda\xbb\xf8o\xa3\xb9\xd5\xd5\xeb\xed&amp;\x1d\x89eq\xe6\xe3^\xcc\x9b\xe0S \x16\x94\xb0\xaaU\x15\xeb\xb8^:\xff\xee\xd3\xa7\x83\xc6\xa6}\x8e.\x04yk\xb9l\xae\x07\xc7{\xd8\x81AH\xb2r5\xb3bih\xba\xdaP\xa3\x15\xf6\xf5X\xcb\xd9S\xedm\xb9r\x19c\xc6\xc6h\x02\x86\x07i\xdda\t\xe1s\xf4\x88T*\xd5\x17\x0e\xde\xb8\xa5J%7b\xb1\x17\x10\xfb\x15\x8f3\xdb\\9\xe5C%\x02\xe2\xb0E`V\r-\xa2Y\xaa@\x7fO\xff\xc8\x99\xed\xf5\xf5\xf5\xed\x96\xeb\xbb\xbb\xf0\x04\x16\xdb\xb1\xc4\x87~g7b\x9dX,m\xdc\xdb\x127)\x95\xfb\xdc\xdd\x9ev\xad\xe5r\xcdX\xe0\x94\x82/\x14\xb1\xe6\xc2\x9a\xc38I\xd3\x1a\x8d\xd3\x19`\xdft\xb6\x9d\xd9\xde\xd9\xb9\xf6|\xa7}du5\x87\xe1V\xe8\xeep\x12\xb2\x10\xc0\x15\x89\x1cb\x99\xf3\xe2\xc8\xd1\xba\xc8e\xce\xa8 \xbf^\xde%\x05\xe7T\x08_\xe0&lt;\xec\xf3\xb85H;\x9d\xce\nP\xb5\xb7\x9cik9\xbb\xb3\xb3\xbe\xb3\xde\xd2?\x02\xd2\x054I+tR\x83\xb8\xa9*\x17K\xf5_Z\xce?\xa6\xe9\xfc\x8c\xe3\xd2\x8d\xdd\xc8\xfc\xe6\xfb\xd5\x86n\xfd\xd6\xa4\xd7F\xa8m\x83\xad\xfdq\xd0R\n-\x1ck\xbfB\x81bj\xeel\x91Q\x0bE\xe9\xad\xadDlJ\x07a\xf1\n\xc6\x12\x9c\x04t\x8c\xdbE\xc8\x05T\xa2G/\\\x00\x93;\x0f\x95\xe02\x897\x95\x9cw:\x0e$bd\x8b[\xe6\xc5\x1fs\xeey\xbe\xf5\x8f\xfd\xb9\xdd\xf8~\xa2 \xff\x90W\xde\xcf\xf3y&gt;\xef\xe7\xf3y\xac\\ \x12Y,\x02\xa8\xf7\x97\xd7\xf7\x16\xa2z\xf2\xf1\xe3\x16\x19\x8f\xf2\xbb\x0b\xc0@l\x05\xf3\xe2nlliid\xdf\xec&lt;e\x91\xc1\xe9\xc8\xb4\xbd\xb2\xb1\xd1S\xe3\xf1P~H\xc0\xfc|\x83&lt;\x1b\xb8X\xb1\xe4\x90\\\x02\x89u\xc7{\x93\xeb\xfe,\x0c)&amp;\xf3Rn\xa5\x12\x0ej\x14\xcb\xdf\xc2&gt;\xbc\xb6\xd4\x94y\xbd\x8c\xd3\x11\x888\xed\x8c\x07\x16\xa0y\x1a\x8fl-\xddk\x94\xfc\'V&gt;\xfc\xb4\xfeT\xac\x99\x00\xb5\xc0\xfe\xc11]\xa1,\xa7\xc6?`\x9f\x83?h\xe4\x89\xf5K\xbe\xb5\xa5\xe8\xd2\xda\xee\xdd\x94{|\xbc\xb1e\xfcc\xc8\xc5f\x11\x1b\xc5\xf7v\xec\xc8\xce\xb6J\xf2\xb7\x18\xb3o\x1f\xe7\x82*\xed\xa8MH!\xd56\xf0\xcc\x94\x1fd\xaaii\xf9x\\\xd6\xf6\x10\xd6\xd2\xda\xd2\x93\'O\x0e\xedVn=\x92Z\xd7\xce"\x16p\xa5\xb0J\x1fs\x03\x85\xf9U#\xa3\n0\x86J\xe8b\xdd\x8d\xb6@\xc0Y\x19\x89wt,\xcf\xcf//\xcf\xc3W\xc0k\xe3\x95\xc2\xd1}\xe4\x1a`5\xb3XH\x05Xg\xa76p\xf5\xdf!\xaak|\x842\x8f\xc5*\xa7\xfc\x95\x83\r}\xbd\xfd\xdd+\xf7\xef/\xdf\x7f\xbd\xe6\x1f\xce/\x1fP\xf9K\xafA\x9d\xb8vV.\x91\xcb!\x8c)\xac\xdb\xdc\x8dRV\xd7\x84xn%\xf8\x06e9\xa1\xa3\xec\xf1\x86\x86\x9e\x8e\'\x0b\x0bw\x9e&gt;}\x8az\x01\x1fH\xf6py\x8f\xbe\xcc^Ys\xa4Y.\x91H^c\xc9\x9b/o\xe0\x0e\xeb\xe7.\xc6\xefV\x16l\xcb\xa3\x00\xcb\xa7\xadR\xd9\x9ck\xab\xab\x00\xc6.\xa0{zgauu\xc9\x11l\x8f\xc5y{\x91\xcb\x8aA\xb4f\xcb\xf7\x1e\xe7\x10k&amp; \xa3P.7EPd(\xaa\x12\x13\xfe2\xef\xda\xda\xc2\xc2\xabW\x0bw\x16\xf0\xcf*,\xaf=\x14\x8a\xc7\xc5M\xf2\x14\x16\x840[\xc2!VZ\xf5\x8cC\x0c}\xb5;OG\x11\x04)\xcb\xe4\xf1\x08\xa5\xdf\xe3][\xba\xb3\xf0\n\x15\x03\xaawVW\x7f\x99\x07\x079\x1d\xe255K$r\x8c\xa1\xd5j\x15p\xa9\xd6\x94\xcd\xa1\xa1)\x8a\xd2Q\xa8\x16\x8eg\x10\x84\xc7\xc3\xd8\xa2m\x0f\xe7q\xddY[\xf3\xbeSP\xfa\xebfpA\x87+\xf2\x05\x82\x94X\xc0e\xe0\x12\xeb\xa8\xcd\xa5\xca\xa4I\x92\xa2H\x94\x8b (\x82\xf42\xf6@&lt;\x18\x8eu\xf7w\x8f\xb4V9d$8\x8c\xd2&amp;&lt;\xaaE\x92Tj\x81X\xd6|N\xb1\x98\x90J#\xa4\x15$A\x92$\x8d\xc3?:?\x8b\x15\x0e\xc7b\x9f5\xb4\xc7\xc2Z\x87\x98G\xe5mkj2\x9b\r\xa2\xd71\x04\xb1\x04\x16\x11\xa7j\x854\x8e\\\x1e\x0f\xef\x03qN\x8a\x95\x8b\xa0}\x8ex0\xc8\x0e.&amp;\x1cQ\xc4\xdai6\x9b\xc1n\t\xb0j\x01\x95\xdcj\xe4\x16\xcb\'\xf6\xc1\xf6c_\xf4i:\x95[@&amp;\xd4\xd7k\x13\x89x&lt;\xbeG[\xa4\x12\xd3\xba\x82\x9d\xe6|\xf0\x0f\x88\x85\xe5\x016\xa4\xd9\xc8!V\xda\xf1\x90\x0c\x104\xb9\x99\x99b\x1e\xa4\x18\x89Y\x06X^\x9fK\x15u\xd4\xd7k\xab\xb4\xf5Z\r\r-&gt;`\x19\xc0\xc8\x80\xb1\xc9\xdea\x95K\xa0\x1b3p\xa8\xd6e\x97\x90\'+B.\xa1\x90\xa6\x01\x08\xb4\xa2t$-\x13\xcbdN\x97JU\xa4RiJ\x14x\xf3\x801\x94@\x0c1\x84`\x97\x8dF\x0e\xb1\xd2.\'|$-\xae\xafW\x85\xc4B\x90\x8b\xd2\x11x\xc5K\x91^/o\xcd\xe9\xd4\xa84\xfaL\xa1\xe2\xf5\x85\x08\xde\x88X\xf10\x14\x18\xccFn\xb1\xce=\x9b&amp;(Z\x0f\\z1\x8e\xbb\xb9A+\x9d\xd2\x8d\xd7\x956\xe7\x92+\x1a\xd5g\xd2\xfb\xf3\xf2*X*\x81\x1c\x0ej\x94\xcalT\xab\xb9\xc4\xaa&gt;\x97\x9c%u\x14OU\x05\xa9\xad\xcf\x84v\x83\xc2\xa3(\xcf\xed\xf7{*\x9dN\x97\xcb\xe9\x94\xd1\x14\xb8Wh\xc6\x9a\xf1\xfaH\x02\x9e\xd4\xd2i\xe0\xf39\xc5\xda0\x99|\x16)\x8bx\x84E\x90\xdb\xaa\\\xa1\x97\x81&amp;\xc3\xed\x07O\xdf\x88X\x11\x87\xcb)\x83\xb0\x82\xf5\xd9\xda\x8c\x97"\x18\xbf\xce\xce|\x11`Y\xcc\x1c\x06q2\x99\x9cN\x9e\xbf\xe2\xf5ia\xd3\x15i\\\x83\x11\x9b\xbd\x8cal\x11\xbb\xdd\x19\r\x04\x06\x13\x01[\x99=\xe4\xcf\x1b\xf7o-\xc8\xdb+\x12\x99kk-\x16\x91\x80c\xb5\xd2n&amp;#\xcc\x95\xd9\xb9+\xa4\x06\x8aA\x956\x1e\x0b\'\x06\x07\x07\x1d\x803\x88\xffH\x04\xe1K`P\xe6/\xb3{&lt;\xee\xa6|sm\xa7\xc5\xa8\xe6\xf3\xf9Fns\xeb\xc63\x1f\xe9\x99\x99\x9b\xa6\x84\xaa"\x1c\xa8\x8e\xc5&gt;\t\xf7\xc4\x83\x89O\x12P\xe0\xe3q\xac\xf4\xe1`X\xcbT\x06\\N\n\xa4\x02*#h\x05j\xa9\r\xdc\xd9\xc0\xb4\x97I!\xe9\x89\xcc\xd9tD.\xcb\xd5\x13\x0b\xf74\x84\x1b\xc0\xa4\xe2\xb7\x9e\x9e0\xfc\xd8\xdd\x13\x0f\x04\x12\xc1(u\x10\xa8,F\x81\x00c\xc8\xe7\x18\x8b\xc7\x9bN&amp;\xcb\xdc\x94L\xa3*\xaa\xdf\xd3\xda\x10\x8b\x85?k\x7f\xbf\xbd\xaf=\x16\x8b\xb5\xb7\xe3\xdf\xde\x86`\xb0\'\x18\x0c\x1d\xae\xed\x04\xb1\xf8Rd\xe2s\x8aU\xfdr\x96afgj\xfcJJ\xa8W!WC\xef\xc0\x89\xf6\x13\xbf\x1d\x1a\x18\x188q\xe2\xc4\xfb\x03\xc3\x03}##\r\xe1\xb0V\xab\xd8\xd9\x89b\x01\x16DP\xcd7Z8\xc4\x9a\t\xcc\xce\xcc\xcc\xd6(\x95:\x9eX\x05\\\xda`\x0ch\x86\xc7&amp;&amp;\xc6&gt;\xfah\xec\xf7\x13cc\x13}\xbd}}\xbd\xad\xda]\xb5)*\x81\x94\xcd,5\x97XS\x8c/\x91\x9c\x9d\x9bq+\xd15 W}\xb0\x1b0\x86\x01k\xec\xfa\xf5\xeb\x807\xd4;\xd2\xdb\xddQ\xb5\xeb\x18\x1bB\xb5\x94Mx\xdc\x8b\xdca\xa5\x1dexL\xf2\x19b\x1d&amp;xb\r\xab\xd7\x81\xfe\xbe\xa1\x81\xe1\x89\xb1\x89\xe1\x01\xf8&gt;&lt;4\xd2\xdd\x7f\xbam\xd7\xb1\x83\xec6T\x0b$\x90\xf1j\xcc-#wj\x1d\x0f)\x88\xe9\xe4 \xa3\x83(\x92\xc2\\\xe4\xaa\xaf:\xd0?24&lt;q}bx\x182k\xa0\xaf\xbbc\xcf\xbe_\xd5\x1d;\x98*Y\x12\xa8\xf4"\x83\x9a/\xe52\xe5/\xeb\xe1D\x04+\x83\x074!\xcc\x14\xeb5\x1aV\xaf\x11\x14\x0c\xd4\xea\x1b\xe9\xef80::z\xf2\xcd,\x08\xa2\x05DB,\x81\x81\r\xe2$W]u\xf5c=Y~X\x07\x0b\x8c\x16E\n\xc58\xec\x8d\x82\xb5\xa2`\xb0\x80k\xa5\xff\xde\xe9\xd1Co\xd6\xd5\xb2\xc5\x01\x96\x00\xe3\x88;q\x92\x9b\xc4\xdap\xf4\xa5\xf6M\xba|\xffa]y9k\x96\xe9L0\xa9\xb9!\xbd\xc6\xa5rh[\xfb\xbb\xfb\x86\x86 \xb3:F\xdbN\xd6\x1d\xdb\x89\x11\x94B\xe7\x03\xd5T\x8aXj\xcbmn\xa4\x9at\xf4\x1f(Q \xd6\xfer\x85\x82$\xbd\xecc5N\xcd32\x99=\xeaH\xc4[;:Z\xab\x8a \x80;\xf1\xfdP*\x01\xbf\x05XpRK\xa5\x88\xb5\xdeAL\xc3\x8f\xa0\xb8v\x7f\xa5\xa3\xaa$k\xcb~\x1d\x8b\x85=\x06v\xb0h\xe9\xbd^\xc6fwF\x02\x0eG\xbd#\x04}O\xca0\x83c\xb6\xcaA)\x81\x08\x83\xa9\xb6\xc8\x1eO\xad\xef4\xd2\xd1\x9bw/&gt;\\|p\xeft[\x89\xa2\x0e_\xf5)\x82f\xb1tJ\n\xba\x0c\xc2\x83\x03\xc4`\xb7"\x81\x08\xf8-w\x05t\x88\x82\xd4\x05\x12^\xe4\x8a\x04@\x05\xb95\xfa\xfc\td\xfdz|\xe6\x07\xfe\x8e\xa9\x9bs\x7f\xea\xeaz\xf0\xe2/+\xa7\xf7\xb4\x95d\xd5m\xc1\x81\x03\x82d\xfbD0\xa2\xec\x08\t\x83X\x91H\xc4\x15\xf1\xc9h]\x05\xc6\x10\xa9v\xa0\x8f\xcf\x17I\xe5r\xa9Zm9\xf9\xdd\xe2\xbff&gt;\xff\xfc\xee\xb9S\xd5@\xf7\x7f\xe48\x98\xe4\x1b\x17\xbf2\xe5\x14\x9a\xc6^\xfc\xed\xc1\xbd\xd1\xaa}\xb98t\xbb\x05\xa8\x00J\xc8\x9af\x9d\x9f\xa4\x85\x8c\x9d\rb\xc0\xe5\n\xc9\xe8\xfd\x15M\xa8\x16&gt;mB\xcd\x12\x19\xc0\xd2K\x10\xeb\xd6\xe8\xf3\x7f,~XXx\xe9\x9b\xf3\x17o|\xefy\xca\xb4\xa9sw\xcf\x9f1m\xde\xb4\xbd\xd8dz~\xf5\xd1w\xa7G\xdb\xf6\xe5\n\x15[p\xa5\xbaj\xcc.\x1c\x1f!\x19\x9c\x97wF\\Q\x97\x8fW\xae\xdc\x86m&gt;v\xd3\x12)\x1bC\x89\x84M\xf9[\xef\xae\xbc\xb80t\xc9\xf4\xa3\x9f\x16\x17v}\xf5\xe7O\xbfG\xa6\xa5U\x9f\xfa\xfa\xfc\xa5\x9cM\x19\x19\xe9\xf8\x99&amp;\xa6\xbf^}\xb42\xfa\x9b6Mf\x96\x02\xb9\x14YB\xb6\xd7\xc7\xc4"\x08?\x05\xb9\x85rA\x8b\xc1\x10\xba\n\xccx\xb6\xe9A\xb1p\'J\xa5 \x97\xe5\x8bo\xff\xbex\xe1\x9fg\xbar\xd2sL9\xdb\x8b\xcf\xcc\xdd8\xf5?}\xba\x06\xec\xbbO\xffxf\xfb\xc6\xf4M\x19?\xfbI\xfa\x1b\x9b\x0b\x0b\x7f\xf7\xe5\xd5G\xf7\xda\x0e\x1d\xd2\xec\xce\xaa\x03,\x05\xbb\x11_\x83\x11xA\x82O\x19\x11\x87V\xe5\xf3\xfa\x0b\x9a\xf6\x1a@ \xe0\x82](\x12A\x7f\x01\x95"\x85\xf5\xee\xe2\x85\xc5?t\x15oL/6\xe5\xe4dd\x98\xbe\xb9x\xae\xfa\xbf\xcd2\xd8x_\x9f7\xa5\xbf\x95\xfe\xd6\xa6\x8c\xcd?\xfc\xc1\x1b?\xde\xfevq\xe1\x97\xbfxt\xef\xd0\xae}\x9a\x126\xb70\x8a&lt;!\r\t\x06\xd5\x01\xaa\x04I\x90\x1eO\x99\xcdQ\x1f\xb5\x93\xeemM\xd0\xe6c!\xc5\x92e0\x1b\xf8\xa8\x95D\xca\xb7|q\xeb[\xc0\xfa\xb0\xab8}c\x8e\xe9\xed\x9c\x9c\x7f3r\xbe1Qeg\x18G\xee\x9fs\xee\xbd\xe3\xca\x1d\x18\xef\x1dp\x04Mf\xe9\xe2\xcc\xc50a(0u\xd0q&gt;\xac\x13\x99\xb0%\xcc\xa4\xb3M\x1c\x8b\xacY\xb6I\r\x1d\xb3\x1blq\xf6\x83\x95\xc5\x14\xbflZ7&amp;\xb5$\xcd\xacd\xab\x934X\xb3Y\x9a\xd5\x0f\x84Fl(\xdad6\xab]\x9bFM0`\xa8&amp;\xa6\xd6\x98&gt;\xef\xb9h\x9a6\xdb\xf60*\x822?\x9e\xf79\xcfy\xcfe\xce\ry\xc3\x89\xe9\xcfo~\xfa\x7f\xccL\xcc\xbc3_\xddJFM3\x1a5e\xaff\xe8\xccaN\xf2C`\xdd=\xfa\xf3\xfe\xb6\x97\x96\xdf\xe4^\x19\xd9\x04w\x1d\xc6\x04@r\xbd&gt;\xd03\xd4;\xe0\xaf\xd9\x91"\x14\xb2yCw7\xd5\x93\xb0\xc8[\xc0\xfa\x87\xc0R=V&lt;\xc9\x1co\xc8\xeb\xb5CW.~\xf9\xc1\xff\x02\xa3\xea\xdd\xf0FM\xc3\x94$S\xd6\xc2&lt;\xaa\xab\x8c9\xe1\xc4*\xb0\xc6\x9a\xfa\xdb\x1ba\xf9\x8d\xa2n\xc2\xf4t\x85\x0b\xa6\xa7\x84\x00U$\x12i=\xe2\xdf\x9f\xde\xd5\xb5\x992\xa1\xa1\x1b[\x9fN\xcaR\xf2&lt;\xb0\xae~\xe71a\xc5\x99\xc7J&amp;\x98c{C\xa1\x90W\xf3\x8e_\xfc\xefwJ\x11\x96b\xa6APQ\xfc7\xee0IWT`\x85\x97\xf3k\xcf\xd0\x17t\xf8\xfc--\xf5\xc2O\xe2\x05o\xd5\xe2\x92M\xcdFh5\xda\x8b-G\xa4\xb5\xbdy\x7f\x9a\x14\xda\xb6g[\xe7\xae\x94\xb8\xc8E\x05E\x8b\xba\xfb\xc0\xd5\xbf\xcd\x94W\xc7\xc7\xe3\x96b\x85\xe3\x8e\xe3\xc5\x00\x97\x17&amp;\xbbx\xfbk\xc16l\xf8\xed\xe7\xd3\x86)\xcbFT\x97\x0c\xc7\ts\x93;\x1e]a\xccr\xc2\xf7\xf3\xd9\xd5\xf3\x83MM\xbe\xea\x96`\xcb\xa6\xfd\xfb\xdd\x98\xa7Cd\x9bj\x0e\x1f\xae\xd9\xf8\xdd\xd7G\xd1\xa9F\x86z\xdb}[\xd2"@\xf74\xecJ\xa5S$\x1c\x15\xb1V`\xdd)\xcf\xdc\x1f\x1f\x8f9\ns\x12\x16\x13b\x11\x98\xadi\xf1/n\x7fM)?\xb9~E6\xb8l\x98Q)jh6\xe7\xa6dpE\xf70\xa6\xb2\xf0\xbd\xb5\xec\xf2\xd4\xf9~\xc2j\xa9\xaf\',\x11\xa8\x10\xac\xbe\xe6\xcd7!\xd7\x1b\xa3\xa3\xbdC\xe2\xc2\xc4\x96Tw\x03V\x9e\xd7\x1av\xa5)\xeek],X\xfe$\xac\xf5\xf8\x12\xb0,T\x00_\xd4!.\x9bJ\t\xc1\xe4\xf8\x17_\xfe\xa7\xf97\x9c\xf9\xec\x86&amp;\xcb`\x89\xc2\xeb\x86\xa6\x19\xe2\x1d\x87+\x1e\xfa\x02\xe1_\xaeeg\x1f\x9e\xefi\xdf\x8b"\x06\x11\x11\xfb\xb7\xc0\xf4\xd5\xf4\x12\xadjL\xc5\x9a\xfa}o\x0c\xbc\xf7}\xb2\xfc!\xff\xdb\xa9\xcem{\x10\xa5\x9d\xa9\xf4\x8eTgW\xadh\xba\xa8\x0f&lt;\xf9|\x06\xd6\x8a\xc5\xe2\x96\xaa2|\xb7\x8ec\xdb\xa4\x15\xe1\xe1\xb9Q\xca?~\xfao=\xfa\xed[!\x19\x9f"\x18\xd3\x90\xa9\x90R4j\x18\xe1\xb0B\x9eg\xe1\x0f\x97\xb2\xa5g\xb9\\[G\xa6\x85\x06\x05j}5\x9d\xb7k\xa6\xc3\x80(\xe8&gt;\xa4i/\xa8\xaa7~\xf3\x9d\xcd\xaf\xbd\xfa\xea\x9e\xcd\xdd\xe9\xf4\xbb\xe9N\xda\xea\x0b\xaa\xed;\xaf&gt;\x9fA\rc\xf18\xc9\xaf\xc2\x19\xe10\xd7l\xaf\xd7u\x99\xc6e\xed\xca\xefo\xfe\xcb\x8f\xd0\xbe}\xf3b\\\xd6\xd6\x152\x08o]3Y\xe3\x92\x8eo\x8dY\xe1J\x16U\x9c\x1aj\xcc\x04\xe9\x98\x0c=\x90\\t\x10\x10z\xd5\xfb}~\xd1\xda\xd0\x8a\x888\x15X\xa8\xe1\xc8H\xbaK\\\x81 \xaa\xed;\xff\xf2x\xe6\xf1\xafc\xf1DR\xc5\xf2\x83\x99.1\x04\x04\xe7\xb6\xed\xc0\xc8H\x0bRl\xfa\xe5}\x956\x9c\xb9~E\x13T\xc2T\x18\xd0\n\xc1e\xa0\xe2\x1aS\xe8\xf6G\xaa\x15\xfe\xc3Zv\xe9\xcfS9:\xa4\xd9\xb2\x85\xce\xc9\x04]\xacF\xf4\x81\xb0\xbe\xbf\xb9\xf9\x10\xec\xd5\\\xbd\xf1\xf0\xb7:\xe9* j8\x92\x1eI\xbd\xc4\xaa\xdd\xde\x05\xb1V/\x00+\xac\xb0d,\xb05\xe0AR\x13\x17\x07\x16\xe7a\xb2\x98\xcc\xb5\xe9\xeb\x9f\x08\xb0\xdb7\xbc\xeb,@\xd1l\xaa\xa4\t\xa9\x0c\x84\xa9\xec8f@WM\xd8 \xb9\\,&gt;\x9d:\xd6\x18\x04VK\xf0\xc7\xc0"\xaa\x8e\x0e:\x80K\xa3\xbd\x1d\t\xd1{d\xdf\xa6\xc3\xe9N\xd1\xc1w\xa7\xd2\xe9\x03\x07\xd0:\xeft\xc5\xda~\xf5\xf1\xcc\xcc=\xd4\x10b9\xb1q)\xa0+\x1c4^\xaf\x0c\x93p&lt;\xa0\x0c*\x89?n|F\xa7\x89c\x1a\x84Q{_\x00\x00\x06\x9bIDAT\xfd]6\x01\x85\xcfpC\x04\xbca@7\x88js\x8f\xa4\x8a\x9b\xe9\xdc+f\x97\xee\xbe\x1f\xf1\x83+HX\x19\xbf\xc0\xea\xa0\x03\x8a\xeb;\xa0\xc8\xd0\xe8!\xff\xc6\x11\xba$Y+\xe2Al`]\xac\xda\x17b%-\x85\x85\x11\xa9\n\xcah{\x89\xcb\x96M\x06\x15dC\xb6m\x9b\x9e4t\xeb\xab\x0f\xaa\\\xa9\x0c2\x95FtT@\xa4\x97,{m2\xa2\xa9\x0b.\x98\x1er\xbd?\xd5\x11\x14G\x9d\x82\x19\x9f/\xe3\xa7\xc3d\xed\xed\xf8\xad\xadu(\x12\xe9\xcb\xe5\x86\xda|-\xa7 QW\x03\x89\x95\xa2\xdd\xfe\x8b"\xfe\t\xce\x82XIKB\xc6_I:\x8cE\x05\x17\xb3C\xb6l@,0p\x12\x08\x95\xe4\xf1\x8bU\xc2\xeb\xa6\x0b%\xbb\xb9\x00b\xb8\x8d\xeanr\xae\x07(f\x1c\xa7R,&gt;\xb8;\xdc\x97\xa1\xe3\xbf\xc1\xcc^ql\x122\xf5\xf7C\xaa\xb6\xc1\xa1\xbe\xdc\xf0\x14\xdaW\xda \xd2\xf5\xa3\x14\xbd|rw\xd7n\xb1\xa1\xc6c\xe4\xf9\xc2\x02\xc4J2\x8f\xc4\x92\xe3\xe3N\x82qL\'N\xa1\xed \x1f\xe00.sf\xb8\xde\xe6L\xae"\x18\x92\x8a8\xdd\nBLL\\(jJ\xba\xc7Q\xea$\n\x19\x8b\xe4Z\x9e\x1a\x1e\x84Z\x99L\xa6\x89\x0e \x12\xd6 \x8d\xb6\xd6Hn\x18\xfb\x9e\xa9\xb1\xa6\x83b\x9b\x7fr\x84\xb0\xba\xbaH\xad\x9d(\xe4\xa9\x87s\x0bs\xf7b\xb1\xe4\xc4\xe2r\xe5\xec\xf4t&lt;\xc6B\xb6Z\xa7\xa0\x88\x1cq/\x9c\x8f(\xa7Z\xba\xc5\xab\x92\xd7\xdf\xd7\xf0\xc1u\xb3\x13\x96m#Z\xf5\x80\xce\xa4@\xc0C\xd9\xc5\xee\x95\x8a\x0f\x9e\xe5\xfa\xda\x82A_&amp;\xb3\x97\x0e\xbe6u\x00\xeb\xe8\xd1\xc1A\xba\x047\x0c\xb5\x8e\x9d\x1f\x0c\xd2\xcbL\x0f\x1c\x18y\xfb\xdd\x03\'\xc1C\xa3\xab\xab\xe5gK\x10\xeb\\\xdc\xba\\)f\x0bw\xaeM\'\x98\x15\x0f\xb1\x80\x04\xab\xdb\x9ci0\x18\xb9\x9d\xeaHx\xc8\xf5*\x83\x92Js\xc3\x94\xacn`\tB\x98pZ}\xb0R3S\x0fHTFf\xad\x94\x8aKS\x91H\xbb\xdf/\xb0\x08\xac\xad\xbfg\x0coX\x0eQ\xc4\\.7v\xb4\t\xad\xcf)\x8c-\xa7FNv\xb9\x97\x90\xba{~\xfaL\x88\xe5\x99X)\xe5\x0bO\xee\x9c\xc5B\xed\x84\xbc\xf8\x8e\x99\xc9L`\xd8\x94\xf3\x90\x02O\x8d\xd4p\xf0\x91*\xa1\x94MZ\x19\xa4\x147\x08Y\x88\x1a\xc5dQL\xa6\x06\x02X\xaf\x99j\x9dE\x19Ws\x91\xc8\xa8\xcf\xef\x13\xe6jj\xea\x1f\x1c\xa3\x81\x96\xa6\x0f\x8e\xef\x8b\xf4\xf4\xaf7\x8a\x07\x0f\xc2\xfa;\xa9\xcf\xea\xdc1\xfc\xf1\xc7\xab\x85\x85\xe5\xb3(`\xa9T(?\xb9\xaf\x86\xc3\x88v\x9b\xe9:3U\xd3\xe4\xeb\x0b6E\x12\xe7\xae^b&amp;\xa2\xdf3]*\x1a\x9c\xb0\x0c\x05TQ\x07\xadWT\xaf\x0b\xd0\xd2j\xb1\xf9\x07\xc5\xd2\xb3\xbe\x9e\x9e\xd6\x0e_\xa6\xb1\x83\xeeb0xt\x0c&lt;}4\x04U[\x87\xcf\xed\xf5\x83\xc0\xea\xa2N\xab\xa1\xf9\xad\x8f.]Z+\xcc\xadT\x96gK\xc5\xd2\xc2\x93\xf2\xbc\xa4pp\xb1(\xd5\x02\x0f\x98+.\xc2T\xf8\x1d\xcf\x8f\t&amp;\xb04\xc1\xe4BQ4p\xdb0u]\x8fB$G\xc12QG\xf7\xf8\xb1\x98Z\x81\xbd\x1e\xf6\xa0\x85im\xf45\xd2\x01\xe6~`\xe5\xdc\xd7\xec\x0f\xbbX\xf42\xf5\x16\xcc\x89\x83\xa8\xe1\xe6\x1f~\xe3\xbd\xbf_KL\x04\x16\xd7\xe6\x1e\x97\xcbs\x8f\x8a\xc5b\xb9\\X\x94\xe8\xe6&lt;\xcc\x94L\x06,\xf2G($:B\xcd\xe5B\xb8\xb2*\x9a\x81/\x98\xc8m\xb4z\xd2\xa2(\xe9Q\xce\xd0\x0eJ\x08\x88\xcb\x95y\x0fa]^yTZ\xfa\xeb\xc0\x11$z\xeb\x11\x94\xb2\xb1\xa3\xbf\x07Xt\x98\x80\xce&gt;\xf4\xd1\x8f\x82\xb0H"\xd0\xfc5\xa9w\xf6\xfdf\xf2Z,)\xd5m]|0S.\x97gJ\xa5l6_~2\xb7\xa8{`Z\xce\xa8\xbdQT\x15!\xc45\xb7S\xd5h\xcd\x86\xc9\x81%r\x01&gt;w\xab\x87f\xc3Ks\x10\xeb#\xfdsf Ou\xe9i\xe9Q\x05rY\xca\xaf\x96gg\x97"\xd8\xac\x0e\xf4\xf6\xb45c-ll\xef\xc1\x1c&lt;\x06*\xe2B\xc35\xd0&gt;\xda\x8a\xce\xeb\x07\xc7\'\xaf]\x88%,O`\xebDe\xae\xb003\xb3\xb0\x00\xac|A`)\x0c\x05 \x99&lt;\x8a*B\x11\x13\x12\x85\xb4\rM4\x13\xd0\xab\x8aR\xc2\xcd~\xfc",\x8d\xb9\r\x04\x1c\xa6\x11d4PW\x99-\x95\xe6\xa9\x8c\xca\xe2\xec\xec\xec\xea\x00\x1d\xdc|\x0fm\xcc\xbe\xef5\x1f\xea\xfd\t1\x9d&gt;}\x9a.\xce\x9f~\xebG\xc7OL\xfe\xe2\x1a\xad2\xd8\xdc\xa8R\xdd\xc4\xe2\xd2\\!OX\x85l1\x9b\xcf\xcf\x00+\xa0\x84\xe9\x0el\x92G\xc1\xa6\x8f\xad\xaf\x890\xbe\x97\xcb\xae\xfb\xb9\x08\x08C\xd4\xce\x16\xe6\x87\xd9\xc5\xfa#R\xc2\x95\xaeN_\x99}T,U.\xab\x8a\xa2V\xc0\xf5trr\xf2\x04\x8d\xe3\x18\'&amp;\'?\xa2\xc3\x8a\xbf\xbbv\xee\xdc\xb9\x0bg\x13\x89D\x92\xde\x92\xd8\xc6%\x15L\xbe\xb5B\xbe\x00\xae\x85\x85B&gt;\x8bAXu\x1eK\x95\x02\xafl\xd5%\xc9c\x02h\x1d\x0cO&amp;\xb2\x02=\xab\\e\xb8\\\x08\r\x82\x12k61q\xa1\x94m\xc3\\[\'VfK\xf9|vi\xa5R\x99\x9f\x07\xd6\xec\xe2\x04E\x99e\x85-\x87\x8b\xdb\x1a\xd2\xbd\x80\xe8\x81B\x87\x89(\x91\xc0V&lt;yyqe-\x8fQ \xb2\x82\x8b\xb5P\x06\x96\xaer\x8f\xa7N\xdc\x96\x8eL\xc6\x05\x96\t\x1dd\xb0\x91\xcd\xb4*Y\x14\x90\x88\x08\x83\xa6\xa4\x1b[b\xbf\x04*\xb5\xee\x95\t\x88\x85\xaf\x9a\x17_\xbaT*\xfd\xb3\x883\xc6A\x10\x86\xc2\xb0ISQ $&amp;\x1d\\\xe4\x04\xc2\xe8\xca\xc4\x1d\xba\xf6\x10\x1c\x80\xd9\xd9\xdd\xcd\xd5\x85\xc4\x13\x10\x06\xe3\xc0\xc4\t\x1c4\x0c\xc6\x91\xc5\xff\x7f5\xa1!4\x84\xd0~\xf9\xfb\xde_\xba\xbc7\xb9\xc2\x18\x81\xc12o\x1c\x9bE\xc9\xe4O\x03TdB+\xcbg\xdf\xba?\x95\xab\x9d\xc7Bp5\x9d1\xb0\xf7 L\xe0\xd3\n\xees\xf0\x82\x05\xde\xb3\xfc\xc4\x0b.\xe0\xda\x1f\x8d\xb6\xab\xb9\xc9\xcb=&lt;B%\xc4\xfaJ\x1a9\x8b\x14\xb7\xb8}^\xddM\xb0\x96\x81T\xcbd\xd3\x1a\x96\x9bS\xad,\xc3U\x9c\xa7\xfb\x9f\x04]\xcd\x8ejU\xcdu0\xc2\xa5\x8d\xc17j\x87\'\xed\xa3\x0bh\x08\xb5\x88s/\xc4\xe3%?I\x15\xcdX\xd8A\x95\xc2a M\x92\x11X\x18\xdf\xd6\x172y\xbc~8\x1d\x89\x82$\xd7\xb1\xb0\x89^\\S\x9c\x03\xb3\xb2xLU\xd5:\xeb\xc5\xb2\x94\x0bp\xd65\xd7\xd1\x98\xd4\x04\x90Y\xca\x8b\xb1r\x17(\t\xb5\xc1\xa6\x82\xdd\x08A\x94\xff\x00\xd9uY\xeerC!-\x00\x00\x00\x00IEND\xaeB`\x82'</t>
        </is>
      </c>
      <c r="M332" s="3" t="n">
        <v>45492.67890046296</v>
      </c>
    </row>
    <row r="333">
      <c r="A333" t="n">
        <v>933329</v>
      </c>
      <c r="B333" t="n">
        <v>1980</v>
      </c>
      <c r="C333" t="inlineStr">
        <is>
          <t>Thiaguinho</t>
        </is>
      </c>
      <c r="D333" t="inlineStr">
        <is>
          <t>Thiaguinho</t>
        </is>
      </c>
      <c r="E333" t="inlineStr">
        <is>
          <t>VOL</t>
        </is>
      </c>
      <c r="F333" t="inlineStr">
        <is>
          <t>VOL</t>
        </is>
      </c>
      <c r="G333" t="inlineStr">
        <is>
          <t>VOL/MC</t>
        </is>
      </c>
      <c r="H333" t="n">
        <v>180</v>
      </c>
      <c r="I333" t="n">
        <v>8</v>
      </c>
      <c r="J333" s="2" t="n">
        <v>35530</v>
      </c>
      <c r="K333" t="inlineStr">
        <is>
          <t>Right</t>
        </is>
      </c>
      <c r="L33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2448b7cd-f3cf-4706-90b2-6f7b9db27e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\x06\xfdJ\x00\x00\x00\tpHYs\x00\x00\x0e\xc4\x00\x00\x0e\xc4\x01\x95+\x0e\x1b\x00\x00\x03\x00PLTE\xff\xff\xff\x04\x8dh\xfd\xfd\xfd\xd9\x8bbL+\x1c\x02\x93U\tmP\xfe\xff\xfe\xe1\xa1}S.\x1c\x04\x96iS3!\x01\x98V\x02\x9fq"\x19\x15\x01\xa2[\xfa\xfa\xfaZ:(\x11|Y\x0btUg?*\x8dYA\x03\x98p\xd3\x88b\xdc\x93m\x05\x86c\x01\x9cYyaW\x05\x8dR\x07aH1&amp;#\xd2\x85]\x89hZ\tfO\xe3\xa7\x84\xcd\x81]\xaciIyJ3\xde\x9av\xd7\x94s\xdb\x9dz\x7fh\\\xb9\x92}C)\x1d\xe3\xab\x8d\x8avkoZR\x92zo\xb1nN\xdc\x8efI0$=.(\xd3\x8ag\x8c`N\x94tf8"\x19\x80nf\xd8\x8fj\xc9\x9d\x85\x95_FP6*\xdf\x97r\xb1tY\x81P8\x9bq\\\x9cdL\xb8tR\xb9z]/\x1d\x16\x08\x92`o8$\xc7\x7f[pC/a7%\x9e\x84y[0\x1eujf\x8cS9\xc1}^\x06\x7f_\x82aT\xc5\xcc\xde\xcf\x80W\xb7oK\x97\x80w\xc7zR\x0e\x8dlmQH\xae\x8c{\xb5jW;)\x1f\nv[\x8bob\xb4\xb8\xd2\xa8nT\xca\x89k\xd5\xdb\xe7\x1a\x13\x12\xca\x84c\xf0\xf2\xf2F51cC7\x9e]A\xc2\x8bo\xbftN\xc3\x84f\xc1\x98\x82\xaeza\xd1\x8em\xe0\x93yd\\XxXM\x94gT\xd1\xa5\x8c\x92m_nd^\xa2gO\x11~J\x9dyh\xb9\x84h\xa5\x89|(!\x1eG=9YF=\xd7\x85YwOA\xa5dEdTM\xcf\x96x\x0b\x85N\xd8\x9f\x88\x12uCx@(S?5mJ:\xa4v]\xa5yg\xc9\x91s]LG\x97X:\xa8\x86t#\x85\\\xc0yWf1\x1c\x02\xa9^\xe7\xe8\xf0\xa9\x80k\x90}vN\xac\x8eNE@\xe2\xe4\xed$\x8ec\xcd\xd7\xe3dLA\xc3\x8ey\xb1\x82f\xe2\x9f\x88\xde\x8bn\x9e~o\xe2\x99\x7f\x82E,\xda\xaf\x94\x81TD\x15\xa0q\x19\x94i\xdf\x90r\x16\x84`|rn\x83yt\xdc\xe0\xeb\\=3\xb9\xc2\xd7\xb8p`\xef\xec\xeb\x17jZ\x02\xa8x\x90\xb3\xb8F\xb3\x96X%\x13\x8bL0\xf7\xf7\xf6"|S\xac\x90\x82\xdd\xa5\x8f:63\xe5\xe3\xe2\xb5\x8at\xdf\xdb\xd9\xb2\x81q\xc2Wa\xa8\xb2\xc8\xabeT\xd3\x8awy\xb7\xa7\xd6\x96\x80\xb8\x96\x89\x15\x8bU\xd3\xd1\xd0\x82\\I\x8b\x85\x82\xce\\j\xd5}oK\x1c\x0e\xbf\xb9\xb7\xc5pe\x88\xc8\xb8\xc4\xde\xd9 \xa5~b\x9a\x8c\xa3j_\xab\xbd\xcfR\x93\x84SKI\xb5MX+\x96n\x82C&lt;^\xa6\x99\xdd`v&gt;\xa9\x85\x18g&lt;`\xb8\x9f\x8cSH%\x88q\xa8\xa1\x9f\xcc\xc7\xc5\xe2n\x85\xe8\xc3\xb6\xa3\xd2\xc6\xa0YQR|^\xc5\xc0\xbe\xe2\xf0\xeb\x95\x95\x92?\x9ax:\x80Y\x93GFG\x8az+wj\xd4\xe7\xe2\xa2GNg\x82k\x9d\xc2\xbeGcJ\xbc\xb3\xaf\x0e^1\xae\xa9\xac\xdcrt\xb3\xd6\xce\x19F)9\x12\n\xa0\x90\x8a\xf2\xe2\xdc|\xa9\xae\x15\x90~\xe9\xb4\xa5\xee\xd4\xcbo?\n\x01\x00\x00 \x00IDATx\xda\xcc\x98\xefK\xda\x8b\x1e\xc7C\x85\xefD\x10\x07\x89A\xa0\xb1\xaf\xa6\x97vv\xf3W\x1dgjih^\x8f2\xea\x8a\xd71\x94\xfcU^\x9d\xb9&amp;E\xa5N\xc2\xd9\xaa\x8b\xc1\xa0\x07\xeb\xac{:\xc1a\x11\xf9d\xc9]\xae ix\xe2\xdc\xf6$\x08z\x14\xc5eD\xb0\x87\xd1\x93s\x9f\xdc\xcf\xe7\xfb\xb5\xdd\x7f@\xeb|fn=\xda\x8b\xf7\xe7\xfd}\x7f&gt;\x9foCC\xad\x8a \xe0C4\xfc\xa1\x8a \x18&lt;\x06\xc1+\xf2\x88?\x10\x1aQ,lW\xce\xcf*\x07\x97\xe7\x95\xcav\xc9\xcf\xbb}"\x06\x83\xf0W\xae\xf6c\x8b[\x93\x8b[\xf0s\x14[\xbb8(\x81t\xb7\xdb&lt;\xc2\x7fv\x11\xdb\x12Np\x07\xb9\xdc\xc1A\xee\x04\x94p\xf2\xddA\xe16\xb9\x08^\xe9r\xffH\xc8\xa5q&amp;\xb8\xf0\x17\xb0\r\x0eN,\xee\x9f\xfb\x19\xb7\xa5\x14\xaft\xb06\tBM\x08\x85\xc2\xde\xc7XJ!\x97\x02\x9b\x988\xba\xa8\x14o\xc5\xfe\x0c\xff9(\x05=\x9bP\x06\x02JE@\xa1\xb8\xdb\xd5\xa5x\x0c\x88\x08\xc6\x15\xc6\xaen\xa3\x93\xbc\xd2)xJ\xb8\x15\x08\x04^\xae\x07\x83\xf0\xe9\x93\xf45\xde\x05\xb0\xc7h2h\xec\xe4E\xc5\x7f\xb3\x82\xa1\xd3\xf7\x8f\x10i*\x98K\xad\x9e\xf0\xb1\xb4Z\xbb\xddn\xe8\xb3r\xda:{{Q1\xe1\xd1\xc5\xf6\x8d\nF\x94N\x9fO\x06\x02\xeb\xb9\x14_\xdb\x93\xf0x\xc4\t\xb1G\xdc.N\xa7\xd3! \x93\x00\x1a\xab\xb3\x174\xdbZ\xab\xf0n\x8e\x8bQ\xba8\nt\x05%\xfc\x9e\x84\xb8}\xa0\xbd}\xc08`\x84\x82\x7f\x01Y(4O\x89\xc6F0\xe1\x0fg\xc5\x9bz$\x19\xdb\xfb\x8b\x81\xf5\x946\rL\xd5\x1a\xc6B0\xb18-N\x87\xe6\xe7\xed\x86\xac\x99\r\xad\xe4\xc6\xce\x8b7\xa3\x17\x0f\xa8^\xe6\xf8\tq\x95\x87fr\xe2\xd7\xc05\x17(\xb6\xb9\x92\xb5u"\xd7\x19\x8fqCT\xc1\xd5\x1e\xb1\x98\x82rV\xcb\x02?\xf9a#\xc5\x85\x9d\x84F\x02\x97\x95\xd5;\xc8}~\x03\xbe\'\x88\x12P\x9d\xd0P\x80\xd2\x0fe\xe9\'I\xf8\x82\xdf@/#\rF\xcbe\x06\x87\rN\xac\x15\x88\xbaS\x15.\xe6\x82|4\xd502%E\xd7EBY\x10\x8cr&gt;rmnf\xcd\xc8\xc5\xdd:\xad\xb3\xbd\x08\x86\xffj.\xa8\x15_C%\x99L\xb9F\xa3\x12\x88\x04\xf0\x016\x8b3\x9f\x07\xe3c+\xd3\xf3\xf3\x9b+\x80e\xe3trc\x95\xfa\xba\x8b\xe1\xbf|\xb1n\xafRQP\xf2&amp;(\x8d@\xa0R\x01\x99\x88\xa4\xb8\x06\xa8G2\rm\xcc\x9a\x17\xac6V\xa7\xf0\xa2\xbem\xf4_\xc6\xba\x0c\xe9*\x150!\x94N\xaak\xd2h4L\x10M\x00}\xcc_s\xa1\xbdV\xb2\x0b6\x1b\x87\xd5\xbbu\xe5\xaf#W\xf1&lt;\x16\xc8\xf5\xb4_kES\xb5\xb6\xb6\xa2`\x1a\xaa\x99\xa4\x05\xb8 \xc0\x8cU{!\x16\x9b\xd3\xc6]&lt;\xaf\xdf\xca\xca\xab&lt;\x0f\xa0\xb1 \x16\x80\n\xb0\x9at:\xa4\xd2\xd1X\xaak\xb9\xe8\xc4\xc7\xf4\xb2\xaf\x98\x17ll6\xab\x97\xfb\xaeT\xb7\xa1]\xdaWv\xad\x8a\xe9\\\xa0\xa9Z\x81KGK\x85=\x14\xf8(\xb5\x10\x0b\xe7\x10\x84=\xca\xc5f\xb3\xdb\xb8[W\xc5z\x89up\xa4\x84\x16\x0e\xd3-\xa4\xc5jj\x92\xcb\x99*&amp;\x94\x8aI{\xfe\x9a\xea\x1a\x0b\x9eEJ\xae\xe7\xdbD\x9d\x12k?\xb0\xae\xf6\x18\xabb!\x16x^\x8eH\x02\xaa\x81UkQ#\xbb\x8aEG\xaa\x8d\x92\xeb\xb4.\xbb\x04\xc1\xa8\xc4&amp;s\xf1\xf6\xbc\x93N,*\x1d\x98\x14\x15(\x05X*\x95\xaa\xaa\x162\x89\xbf\r\xc6\xac\x19\xb1z\xb9\xb1R]\xb0\x8a\xa7GS\xab=\xc6&lt;L\x99*\x16@\xa1^\x94\xb3\xa2@%\xf0\tH\x8b#O=\x86\x14\x154\x11\xe5\xc2.b\xd6\xf3\xea!V\xe9\xdd\x94K\xed1Yp\n&amp;\x934\x17d&lt;\x06W\x93TJqA\xf9\x90\x0b\xe4\xf2P\xd6\xfa\x86\x85r\xc1\xc8\xae\x83\xe1\xcfcoF\xe23\x14V\xf2\xffXTnI\xb1\xa2\x14\x98\xcfG\xeb\xd5\xee\xa9bm\xd2X(\xd7e\xed\xddE\x14\xaf^\xb8\x1e\xc5=\x0e\xb2_$J&amp;EI\x91\x80\x96\xaa\xf5\xce\x9d\x9fd\xb2\xa7\xd2\xf2rY\x13\x85B.\xa3\xfe[@\xa0Z\x0b\x14V\xef\xc4~\xa1\xf6r\xf9O\xe7Fh,(\x98\xca\x02M\x93\xb4U&amp;\x93\xdd\xb9\xf7\x16\xea\xa7=i9Z\x06\xcd\xcaQ\xaf\xcf\xe10\x99Lz\xbd\'\x81\xe3\x07\xe6\x0f\x95\xa8\x9d\xbd\xdc\xa3\xb3\xda\xbb\xabp1\x95R\xc7\xf5\xd0C\x00#\x05*\x8dT*\x93M\xbf\x9d~\xfb\xe1\xde\x07\xa8\xb7{{\xd2=\xac\xb2\xd7\x1b\x0e#\x17\x82\xe1\xf81\xe3\xfc\xa1\xb0\x84\x17\xfe\xdac\xed\x07S\xe0x\xe8a\xbf\x85\xf4y\xbdC\xb3KKK\x0f\x9f=\x03\xa4\x9f?\xdc\xff\xf0a\x1a\x90\xa6\xe1+3;;444\xfec$\x12\xf1xz\xb48~\xa0\x87\xb0F\xc0\x91\xf6C\xcd3\x82\xd8^\x0b\xaej\xf5\x16\x90\xcab\t\x8f\xcftwtt\x8c\x8d\xfd\xf3\x1f\x7f\xfb\xfb\xc3g\xc0\x85\x05\xd2\x01Wfi\xe9\xe3\xce\xebW\xdd\xa3-\xf1\xb8Z\xad\xe6\xe3\r\xf4\x1e\xd4j\xc3.\xd6&lt;\xe9\x19\x95\xefs\xea\x048\xcb\xe9t\x98f\xe2\x8f\x9a\x1f\xd0\xd5\xfcd\x0c\xc8\xa6\xa7\x81\x8a\xaa\xcc\xd0\xce\xce\xeb\xb1\x96\x11\x17\xdc\xd9or\xb9`c__#\x9b\x85\t\x01X[\xb5^\x07\t\xdeY3\xf4\x10\xc4r\xe6M\xdd\x8fF\x00\xc8\xe5z1755\xf7\xa2\xf9I\xc7\xeb\xa5\x87U\xac\xbd\xa5\xc8\xd8\xd8\xe8#\xd7K\xe5c\xa5R\xa1l\x83\xe2X\xad,\x16%\x17Wy\xc0\xab5\xd6\xc1\x83T\xdcd\xb18M\xfanu\xcb(6\xf0\xf5\x98z\xc4\xe5z\xe3jn\xe9\xfe\x98\x99F\xac\x87\x99\xcc\xc7\x99\xd1\xd1f\xd7T@\xa9\x0ctu)Xm\xf0\x87ce#\x17\xc8%&lt;-\xd6\x1a\xeb\xfc\xc1\xaf3\x0e\x8b\xc5a\xf2\xc4\xbb_/e\xa0f\xbd\xe1\x88\x07\xfc\x13\xef\x98\xf9\x91\x96kovh\xa7\xbb\xe5Q*\x17\\_\xcf\xa5\xc0Y\'\xab\xa9\\.\xd7\xc8\xa1\xb0\x1e\xd7\x01\xabx\xf0@\x1d\x01\xac\xbci&amp;2&gt;\x9b\x91\xc9 \xd6a\x02\xe6\x8d\xfaH\xe4\xc7\xf1\xa1\xd9\xe9\xfb?\x83\xdd\x87\xc6#q\xf5*\x9661\xa3\xc7\xe8Jh\xd5\xbf6\xb2\xa08\xac:`5\x14\x0f\x9a\xe3\x11\xa0r\xe8#C\x19\x88M\x188*\x01I\xed\xc7&amp;Gx63}\xff\xfet\xc6;\x1eI\xa8\r\x06&gt;_\xeb\xd1; T\x91K\xab\xe5\xe7\xa0\x93,4W\xcd\x83\x8b@,\x93#\xefp\x8c\x03\x95\x06\xf6\xd1\xa87lr\xe3\xaa\xd0n4\x85\xa3\xd2;\xf7\xee\xc9\xa2\x0e}\x0f_"1\xd8{\x00*\x8cX\x90\\|&gt;\x7f\xd5\x8ar)\x00k\xdf_\x07\xb5L\xf9\xbc#\xec\x05\xad4\x02\x0b\xf0\xbd\xea\xd1jC\xa1P\xba\xdd\xe8\xf0J[\xef\xc8\xa4&gt;c\xc2\x9e5g%Z=\x86&lt;\xa4i\xa2G\xcb\xb7\x83x\x12\x0er\x01\xd6Z\xa1\x1ej\xe5\xf3a\xaf\x14\xa9\xc0R\x87\xea\xe6\xb9\xbb\x8d\xc7\'\xf3\xa1\xf4F\xd8\x1b\x85\xfdYei\x0f\xad,,\x98\x8f\x0f\xc7M\xee\xc3\xd1?\xb9R)\x83\xa4/+1\xf0\rw\xeb\x85\xc5;\xfb\x1e\xb0\x1c\xbe\xa8L\x1a\xf5\r\x8b\x13\xea\x91\xe0\xdcV\xa7-u\xf2\x15\xb0\xbc\xde\xa8F\x0e\x12\x0e\xcc\xc3\\6\xf3\xf5\xee/\x87Ob1a\'\xcbj\xb5-d\rv\x03ezE\x1d\x9a\xc8\xab|\x07\xde\xb2\xa8\xa42\xa9*/\x0e\x9d\xa8\xbfk^W\xb0\xfbF;\xbe\xec\xba\x8d&gt;8z\x98\x1a&amp;9\x10B\xacP\xe8k\xfc_\xbf?X\xec\xfc7k\xbd\x8be\xb3J\x0c\x12\x08z\xf4\x96\xb2\xe6\xb3\x9aQ\xf9\xb3\x1a&amp;b\x14v&gt;\xd1p:\xf4e\xe7\xd3_V\x8f\x8fO^\x1d\xeen\xe4\x9d\x16\x92\x14\xc9\x01k\x98j\xe2\xe6\xe6\xd7W\x9f&gt;\xb5\xdce\xdb\x1a]\xeb,\xb6-\x0b\xad\xb4QMT\xd6\xfc*c\x94\xfe\xaa6Y\x04\x9a\xd6V\r9&lt;\xe0\xfe&lt;\xb4\xf4i\xe7\xd5\xe1\xa1{\xd7\x9dw\xc0\xcdJ2\xe1Z\x149\xd3\xb0/\x98W\xec_v#;c\'\xc7\xc7\xea\x93T\xa3u\xc1,\xa9b\t\xb7j=|\x1a\x18\x85\xdf\xd5&amp;\x12\xb0t*\xb8\xba|\xder\xb9\xbc\x146m\xb8\xdd\x1b\x1ba\x1fI\n\x80\x8a)p\x8aW\xcc\xe6\x85\x95\xf9\x10tV\x7f\x98\xe8\x89k\xed} \x9f\x99z\xc7\xabh\x13N\xd6\xfc\xcd\r\xe1?\x8d;\xe0\x7f\xd75\xc1AO\xc2\x12\x08\xab;\xf9\x19j\xe3\xf3g\x1f)X\x86\x07\x91\xc9\xec\x1f\xd8\x04,3\xa8\xb5\xbb\xebvC\x98B\x8c\x99\xa1$\x92F\x1b\xc4\xa9\xb0\xf6\x8bM\x83\xffr\xc6"bB\x90\xe2\x0b6\x11^\x85\x82\xdf~C.\xa0\x12\xc9\xe1\xba\x16\x88\x98\xa2\xe1\xf9,vQ\xbb\x0b2\x02\x17d&lt;\xf8\xaa\xafO\x82o\xebA\xad\xe7\xb5?\x15yg;&gt;\xb8*\xe4 \x16,\xf2\xb04k\xcae\x8a\xcb\'J\xca\x7f\x01Z8&lt;\xc8a\xca\\Y{b\x03\xcb\x8d!o\x97H\xb2\xf8,r8m\xca\xfdB\xad\xa9\x1a\x88\xff&gt;D,&amp;\xbe\x90\xc4\xa3G\xfa\x14\xf6\xf62(E]eM\xcc\xa4\xa8?I\xe6\xc5v3\x98ie&gt;\x11A.\x94\x8bo\x90`\x01\x96"P\x8f\x97\x95\x85g\x80\x80X\xd0-9\x90&lt;\x85#L%\x80[q\xb9I\xa7\x93\'\xf1x$\xa9\x9c\x7f\x0fX\xa1]\xfd\xc6\x86\t\x8f\x1f&gt;\x8c\x1fx\x14\x1b9l\xc5\xe2y\xad_\x85\xf3\x8a\x8c\xc24*\x83\x17&gt;\x9e\xf8\xcbM\xbfH\x975p\xed///\xebt\x1aQ\x12\xf2tYE\xc9\xf5~!k\x0f\xa5\xc5\xed\xfa\r=\x1e\x8b0\x16\x81\xca\nX\xb5~\x13\xce(\xfc\x07*\xe3\x131\xff\xc7\xbb\xd9\x85\xb4\x99fq\\\xdc@#\x011`hA\x90\x90m&gt;$V%\xd1D\'\xaf\x9a\xd4\xa0fS%\xb0\x0b\xc1\x10\x12&amp;5\r\x99$$\x9b\t\rUR\xa5\xa8I\xdc\xa5\x05\x17/l\xe2\xd8\t\x84\x85\xa07\xa9`\xbfD\x11\xc61\xd6\x1ba\x8ax!mEz\xd3\x0b/\xca\x08*\xd8\xfd\x9f\'\xb63{\x9f\xf4\xc9\xe7\xe5\x8f\xff\xf9\xbf\xe79\xe7y\xcf[&lt;\x98\xcc\x82e\x9e}\xd1o\xa7\xec\xda\xd5\xd6NYgze\xa3\xb5o\x08\xfbO\xbe\xf7)a\r\xe1U\xe4\x92\xd6\xd2\xa9\r\xf7\x9fw\xaf?\x94\xf2\x10u\xf9\xd0y\xb5c\xdd\xeb"S\xa1\x91\xee\x0cd\xb3\xd9@\xa0\x08\x07*\xd9\xfc_P@(\x1a/\x1e\xac{\xd7\x06\x80\x85\xd4u\x7f\xade\xe8\xefC\xe0\xa2*\x02X\xd8}\x04\xd6:w\xb0\x94y~\xf9\xe7\x87\x7f\x9d\xef\xe8\x03\x16\x99J\xb6\xb0\x10\x08\x04:\xb3\x84\x05:\x19_6\x1f\xe0\x8f;\xfd\x0fV6\x92=\x86n)\xc95pg\r\x1b\x00\xc0Z\xd6\x18\x96\x99\xb0\x94\xdb\xf9\xbc\xf8y\t\xb1.\n\xeb\x01\xb9\x8baeA\xc5\xb8\xb2Y\xa6\xd9\x02\x9f\xdf\x99\x95\xb9\xee&lt;\x11y7\x92QC\xbf\xb9\xbf\x1b\xeezz\'\xb2F\xa9\xcb\xb1\x06\xb5\x06\x08\x0b]\x19/\x9f\xcf\xb7\xbd,\xa1\xe1\x0f\xb3\x1b\xeb~g\x1f\x05\x11b\xf1/\xc1\xb0\x16d|\t\x1f\xe1\xbc\xde\x9b\xdf\xebqF\x1d\xfd\xa7\xa7&amp;\xd1\x04\xa2x\x87Q\r\xad\x01\x0b\x1d,aU\t\xaaJ\x8c\xb5|\x18Ho8\x99\xb7\xd8\x11\r\x9d\x8504|P-\x07\xb2\x85\xe3\'\x1fw\xfcN\x9f\xe8\xd1\xe9i\xbf\xe1I\xfe\xd1\x80\xa1\x88\xd5R\xc4"\xc7\x0b@\xb6]b\xb5\x16\x80\xe5\xa4\xdcy\rT\x12I\xbaxL\xb3\x90\x06U\xa3$0\x8fl_\xc0\xe6\xddE\xd9\xe1\xe0h"\xdf\x8b\x1ec\x91m@\x91?\xb0P9oo\x97\x14\xeb"\x90^\x97\xcb\xbfb\xa5%\x80Yi$\xb4t#\xb0\n\xb4\xbc\xce\xf5\xc5\x83\xde\xde=\xdd\xd3G\x8f\x06\x1c]=\x83\x83\x0f\x17\x17\xd7./D\xa6\x16\xa8\xb67K\x19\xc4\x8b\xc0\xca\x06\x7f\xdcK\x05\x0c\x1d\xb3\x11Kc\xe3J\xe3J:\x8d_\x89b\xbePpu\x85v_\xed\xc6\x84\xe6\t\xd46\x03\x91\xaeA\xef\xce\xe0\xce\x1fX\xccZ\xbc\xfc\xf6v\xa6\xc4ALK\xe4\xde\xbe"\x16\x9f15^4\xd2\x92H\xf8\xb2\xcey\xa7/\x14\xcb\xec\x86\xe6\x94Z\xf3\xc4S\x91\xc1\xd1\xe3u\xb9\\\x83=C\x94\x1e\xbaY\x8e\xafB\x0c\xcd\xf9\xed\xd8/\xa5\xc4\n,H$2\xe7\x17\xactc\xba\xf1r\x11\xd5\xb5\x0e\x97O\xbfi\r\x06\x83s6#\xafw\xc0\x10i\xe9q\xb5\x12V\x17\x13\xeb+V\xde\\R\xac\x8a\xcf\x0b\x01\xc9B\x80\xb0:\x98Z\x92\xff\xa3j\xf5R\x8b\x1f\x8be\x82Ve\xb5\xb1Jz\xc7\x81\xd6\x11jy\x07\t\xab\x9ba\t\x00\xc6C:-\xa5\xb7*\xce\xd3\x01~ \x90\xf4^b\x81K\xf2\x95\xaa\x03T\xfaP[[f\xef\xe8\xe8@h4n\xd7B\xae\xeb7\xfb\x98Z(\xb8\x18\x16\xa5S8&gt;o\x0e\x970\xcb\x93\xe7\x91\xa4\xbe\xf3\xba\xaevt\xf2\xd9bX\x12\xb4\xd2~o\xca\xa7ok;@\xa1\xbc\xb3\xb3\xb6\xc7Cs\xd8\xdf-\xd2\xdd\xbf\xc9\x0e!\xfe\x8c\xa5&lt;=\xdd6\x9d\x95\xb2\xe4\xaa&lt;D&amp;O?`X\xb2"\x16R\x84D\xa2\xa03\x1a\xbd&gt;dX[\xdc)\x9c\x9c\x14v\x8e\xf6@`\xae\x95\xc6\x06\x0c\xd4\xf1\xff\t\x8b\xa8N\xb7\xa7J{6\xff\x19X\x81\x8d\xa2Z\x92\xcb0"\x82\xc9TB\x1f\n\xc5w\x17\xc1\xb4\x7fr\xb2\xb5\xba\xbaz\x0c0\xa10\xe7\xee\xd6\xb5t]V\xa7E,-\xa8\xf2\xc1w%,\x04+a.l\xcb\n\xaf\xab\xf5k\x10\x89J\x11\xd5\xeb\xf5\xbbq\xefz\xe1d\x7fkk\x9f\xa8V\x87\x8e&gt;\xf6\x9bT\x1cg\x92\xea\x1ct\xd4LX&amp;\xe4-\x95\x16TfKi{\x9f\xa5\xc6\xec5\x99\x8ca\xc9\x14\x0c\x0b\x1fE\xd2\xa7O\xf8\xa2h5\xb6V\xb7\xb0\x88\xea\xcd\x9b7G\x07R\x93\x90\x13\xd6\x0e\xe8"\x91\xcb\xb4e"km\x9b\xcdf\xfbRIo\xc2"su\x04\xb2^/\xc3R\x14\x05\x93\xc9\x9d\xbeD\xd4\xb9^\xd8\x01\xcd%\xd2\x9b\xe3\x8f\xc7\xb8 \xa51w\xce$\x05\x97A$\x8a}q&lt;\xcfl6\x9d\xdd.)V\xe5\xf9\nJ&gt;\'\xb0\xe8\x8eJ\xd1\xf5\x9drO*\x1au\x16v\x08\xe7\x0b\xd5\xf1G,\xb4\xf9\x9b\xb1\xda\xfe\x81\x7f\x19\x0c\xa2L\xf7T\xadP\xc0\xd4\xca\x9bc\xa5\xbe\xbd\x82\xdaf!\x9d\x1ct1,\xe6-\xa8\xe5I\xc5\xbb\x16\x87\x8e\x8fW\xb7\xf6\xb1\xb6\x98\xbd\xa0\xd7^\xef^(d\x89I\x91\'p!\xc6\xfa\x85\xc0\xe2!\xc7\xe7M\x7f+q\xa3XYy~\x91~\xf08\xea\xf4_b\x91\xb9\x14\x9e\x94\xbekhh\x15T\xef\xdf\x13\xd8{\xfcl\xbd9\x06VD\xdf\xb6)\x1d\x10\xe9\xb0\xf5@,!\x155Uf\xf3T\xc9\x8fF*\x96\xcf\x0f\x0f\x7f\xf6x\x9d\xc0\x82\xe9\x8b\x17"\xd4\xf2\xfa\x0bH\x0e\xefi\x11\xd7\xfe&gt;\x93kB\xa4o\xcbt\xb3\xd1&lt;\xc2\xc2\xd6\xa3R\t\x85\xee\xe6\xd27\xfb\x95\x9555\xe7?\x90\\t\xb7\x8eq\x8d\xa7\xe2&gt;?ug\'\x97T\x14I`\xedM\xf4v\x87\xda6E\xe8\x10E\x99"\x96J5wv\xf6\xf6\x972\xdc\x16f\x8du\xd4CXEo)\xa2&gt;\x9fW.\xeb\x04Wa\x1d\xb9\xb4\x98#@\xf5d\xe2\x89\x08\x9e\xdf\xa4\xf3\\J\xa6\x14CU\xfb\xf3\xa5r\x8d\xe3-\xffLXr\x05\x9f\x91\x8d\xcf$\xa2I\\\x96\x9d\x1d\xad\xae\x1ed\xd1\x83\x83\x83\x8fH\x0e@\x81\xa9B\x19w\xac\x8d\xfa\xfc\xfeZ\x16D\xee\xd7\xf2M\xd9\xd4\x1c"\x88\xe3\xe3\xc0"*O8\xfc*\x89\x7f\xb2N\xff\xa0C\xd7]\xcbq\xb9\xa9\x0c\x12\xc2\x80Ng\x88\xe82nw\xac\x9b\x9d&gt;\xb0 \xe6\xde\x96kj\xa4\xe2J\xcdg\x8f\xc7\x9f$.&amp;\x96E\x9cJ\xca)\xaf\xca\x9ct\x9f \x97\x83@\x91\x88Nw\xff~\xc4a\xd8t\xe7\xdc\xd2~\xa9\xd4\xcd.D\xd5\xdc\x87\xb2\x8dp]\xa9&lt;\xff\xc1\xe3!,\x04Q\x91Ll\x8ag\x92rB\x94u\xb8nF\x0eb(\x04\xa9nhi\xb9\xeep\x846\xdd\x93\xb9Z\xba\x9bh\xa2\x18\n\xea\xca7 x\xa5r\xe9\x9f\x1e\xe2\x82\xa1d2O\xc2b\xd1G\x99r(PQ\x88\xa2\xe8\xd29zP\xfd=\xbc\xd9\xe5\x80\xb7&amp;\xb1/"\x82\xc2\xa2\xb5\x96\xca7F|e\xf9\xf01q\xc9i\xf6\x01X\xc1P\xea\x12\xcb\xd9\xb3\xb8\xb8\xbbk@\x15?\xe8\xea\xa3\xf2\xaf-\xe6\x1eVs\x8c\x8ab8\xfa\xa9\x9c\xe3\x81\x95\xe7\x90+\xe9\xf7\xd38Fr\xc6\xb2\xa9\x7f\x91TP\x89\xea\xf4\xfa|\xbbX\x11\x83\x01\x1db\x0f\x895\x95Sk\x95E(\x01\x8f\xbbU\xde!\xcf\xe5C\x86\xe5\x1f\x97\xcb=qq8\xf1\xc2\x83\x88\x8e;\xa3\x89\xdd\x84\x1ej\x85B\xa16]\x04\xce\x82X\x9c\xba\xde&amp;\x00\x15\xc7\tT\x93\xbf\x97w\x96\xb2\xe6\xe5w\x9e$\xb8\x9c~\xbf\'d\t\xeb_y&lt;\x8f\x1fGg\x12w\xc3\xe1pbf7\xd4f\xc9\xc42\x19\xe4R\xf7\xe4\xb0\xba^\xab\x12p\xf0\x15\xc7\xd5\xbd,\xf3\x84\xe7\xedO/&lt;\x1e\'\x96?\x1a\x0eZ\xc2\x89Wl\xb8@\x13\x16\x8b\xc5\x9aD\xd8b\xb1\xc4\xa6\xa6\xfa\xa7\xa6@e\xab7\x02\x0bT\x02n\xf2l\xa9\xa2\xbc\xab\xf2\xc3\xbfg\xa2^\x9a\x0cIY\xac\x16MX\x0f\x16\xe0\x855\x1a\x8bX#\x0e\x06-Aw\x0e\x86\xe2\xa0Uu5\xb0\xe8?7\xfa{\xb9\xc7\xd3\x97?i\xee\xa6\xa2^P\xc5\xads\x00\x11k\xc2Ak0\xac\xb9\xfb\x93\xc5\x02\xc0)\xab5\xc7q\x93\x1c\x8cu\xaf\xba\xda\xc6\x91\xe7\x85\xb8\x0ek\xca\xacV\xcd\xeb\x1b\xe18\xb8z\x805\xd6\xd0\xd0\x80\xe8A!\xbb\xc6n\x17\x8b-\xe8\xf6\xdd\xee\x1c\xa7R\xa9m6cuu\xb5\x8aQq\xaa\xe9\x0f\xe5\x9e\x01_~\xddn\xd7\x83+\x1a\x8d\x07\xe7\xc6\x9a\xea\x1a\x82uu\x96\xa0\xd8\x8eo\x0bME\x90\xa9l6\xad\x96\x9e\xfc\xd1r\xc2\x1cQ\xa9\xc7\xde\x95\x1b\xab\xe6\x13\xb0\x18\x97O&lt;7:\xd6\x042\xe8U\xd7\xd0dm\xaa\x03\xd5\xe8\xe4\xf0\xb0Z\xad\xd6\xd2\xe3+\x10\xab\xb6\xf8\xccH\xb9g\x9aI\xad\x1bvM\x1c\\h\xf1\xad\xa3\xa3c\xd3\xd3u\r\xe0ij\x1a\x1b\x1b\x9b#*\x9ab!c}\xff\xbd\x11T9!\xd2\x84\xed\xc7\x97\xe5\x9eL\xaf\xf9\xd0\xdcnO\xf8\xe2q\x9f/\x1e\xb6N\x8e\xce\x92bc\xa3\xd3\xd3\xd3\xa3\xb3\xb3$U}}}\x91\xaaZ\x95\xc3\xd6\xa3R\xda\x94\xaa[\xdf\x02\xcb\xdep\x17R\xc5\xb1\xc4\xd6\xd1\x91\xd9\xdf\xc6\xa6gGF\x86\xf1\x1a\x01\xd4\xbd{\xf5\xea{\xf7\xe8\xf9#\x84\x10\x11\xe4U\t\xbe\x01\xd6\x95\xcaw\xcd\x9a\x86\xe6T4\x01\x83\xc5\xf5\xe2&amp;\x10\xcd\x8e\x0c?{\xa6~\xa6\xc6\xbb\xbe\x9e=KFTJ!\xb5\x87&lt;\x01\xcd\xa5\xdfz^Q\xeet\n,{s"\xf5J/\xd6\xc7\xf5!K\xd3\xf4(TB\xf0\x98\xd5\xeb\xd9\x03n\xe4+P\x99\x04&lt;\x1aE\xe2\x19\xeb\xff[v,\xa4S\xfb\x8d\xe6\x99\xe8\x8bD\x83=\xee\x8b\x87,\xc1\xb9\xd1\x91a\x08699Rt\x16\xb8\x8c6\x8ec=\xabRk\xd4*\xb5\xdf\x00\xeb\xf6[MC{\xf3L\xca\x93\xd24\xe8}t\xe2\xb6i\xa5+\x10\x0b\x9a\xa9\xd4H\xa4Z\x9b\n\x19\xd5f\xe3Ui\xe9A\x1f\xed\xb7\xc0Z:\xd3\xd8\x7f\xbc\xf1\x8f\x9f^\xcc\xdcmoOD\xa3t\x16\x18\xda\xc4\xfe\xec\xcea\xd7\x01\x8e\n\xdb\xb3\xca\x06\xa0j\xad\xd2X\r.\xa3\xd2V~o-\xfdj\xd74\xdcj\xbf13\xa3\xd1\xd8\xb1;\xa2\x9a\xf0F{.\xcf\xb1jkM&amp;\xb3\x19TFP\x19\x8dZ\xbc\xb5\xd5F\xe5\xffh9\xdf\x906\xf24\x8e\x9faU\x88z\xfe\xdd\x80\x8e-\xd9\x17\xc71\xe3M\x06\x94N\x87\x9cl\xf3\xa2\xc2u\xc8\x12_\x0c:h\xe08\xac\x94K\x17m2\xe7t\xd6\xd0\x0bR\xb41\x8c \xc9\x06/\n\x03n$\t=\x16-\x98`\xb3}\xe3\xc5v_\x1c\x9a\xd2\x8a\x14[\xee\x16D\xacR\xc4z=*\x0b\x0b\xf7\xfd\x8d.\xc7\x1d\xf7g\xff4?\xa8\x14_\xc8\x87\xef\xf3\xfc\xbe\xcf\xf7\x893\xb6\x95\xde\xb7\xee\x7fI\xab\xac\xe0v\xb3\x1c\xab\x86\xc3ss7\'?\xfe\xf5\xcf?\xbev\xf3\xc3\x0f\x7f\xf7\xfb_\x9a\x0f|_\xa9\x02\x15BM\x1b\x1a\xab\xaf\xaa\xea\xe2\xe5\xb6vG\xa9]\xbe\x12XQ\x03Xn\xc1\xcbE\xa3s\xd1p~r\x92&lt;\x90w\xed\xb7\xe6\x07\xa5\x1f\xbd\x7f\xe9W\xf5\xa8a\x1b\x8a\xd9v\xfe|_}S\xdb\'}\xed%\x9f\x89u\x0f3tT\'Xn7\x17\r\xcf\xe5Ucv\x16\\N\x80\xdd\xbcNj\x89\x10\xdf\xdew\xbe\xaf\xa3\xbd\x13\x99\xab\xa3\xbd\xa9\xbe\xef|[\xa2\xc4\t\xa2r\xf9\xcfn\xc5\xc8\xb3B:\r\xbdT^\x9d\xcd\x1b:3\xebs:\x9d&gt;&amp;z\x9d|&gt;\xff-VG\xe7\xf882N\xfd`\xe7\xc5\xbeD\x89\xf3V\xe5\xc0\xdf\x15\x85\xd7\r\x8eM\xa7\x157\xc7\xf2\xd7&amp;uCf\x18\x1f\x8eAc\x84\xdf\xb8\xf0\xe8\xb3\x89\xf1v \x8d\x8e\x07\xc7\x83\xa3\x1d\x1d\xf5MUm%O\xa7\x9f\xbfT\x14A\xd7%.\x93q\xbb3,\x9b\xff\x13#\x1a:\x01\x93\x85\x10\x15 \x8f\x0b_\xb8518\x01\'\x8b\xc3\xfe1\x91:\x9b\xae\xbcw\xb7\xb4/\x91UZ\xbe\xf8R\x19R\x0c\x83\x93\xd8X\xda\xcd\xb2\xaa\xect\xca\xa2\x89\xa5)!\x07\xf6\x8c\x1bg.6\x1e\xdf\xc4\xb8\x1c\x1f\x9c\xa8\xbf\xd2T\xd5\xf9\xf5rIkX\xf7\x95\xe4\x15\x04U\x97D1\x96qg8]v\xfa\x19]\x93\x19\x1f#)CH\x847\\.\xa2\xd6`$\x1e\x8f_\x1dM&lt;2\x7f?VU\xf5\xf5@\x89;\xde\x88r\x82\xca\x18\x1c\xb0\xd2\x99\x98\xcc\x98XZ\x8e\x91\x05E\xa1(\xdau\xe7\xc6p\x02\'\x12\x8c\x84"\xc1\xdeG\x8f\xde\xff\xe8gMU\xf5\xb1\xcfK(\xd5\xfd/\x1e\xfe\xd5\xeb\xf5\n\x1c\xa3\x1b\xa2\x94\xc9\xc4$\xf2X\xbaO\xd6\xe4\\Nb\x05/\x02=\xefB\xa2O$H\\\xa5\x1c\xa1D08q\xe9\x12\xd4bK\xf6\xaaVe\xdd\xc3\xa3\xdd#7j\xe8f\xe5\xbc\x96\xd3$V\x14\xd1Z\xf3\xce\\N\xcb\x89\x1c\xa7FU\x9a\xa2\xed\x04\xab\x17\xe1\x1e;\x07\xd5\x9b\x98\xb8e\xbe\xce\xec\xf8[\xa9&gt;\x0b\xac\xdb8:99\xa6\xbcd\xf2@.Q\x94\xa4\x9c\xcc\xf8\xfd\xf3\xceB!\xa7\xc5bF\x9e\xd1\xbd\x02Mw?\x1a\xc6\x12k\xb7\xd3\xd8:\x86\x87\xcd\xa7\xae\xeb\xab:\xe3/\xef\x97\xc4Q-{/N~\xb3\x12\xa2y\x81X\xbc\xcc\x881N*0gX\x05`i\x8c\xce\x0bn\x9a\xb6\xdb/\x00\xca\xee\xb5S!\x07\xb2\xd88I\x15\xef\xb5_\\\x01\xd7\xbb\x17\xcc2\xf0z\xea\xa4#\xe8\xf0\xaa&lt;\x91K\xf3\x89\xb1\xb4\xe84_x0\xb1\xa4\x98\xa6!\xe4\xd3\n\xd5}\xa1\xbb\x9b\x88\x85Um\xb87\x08W\xbd\x8b\x08\xd6\xd6vy\xe5\xe5;\x7f\x9d\xa6\xb2r\xf9\xed\xf6\xed\x95H\xc8\xc1\xaa\x06\x19\xd4\x12\x03?\xcd\xf9\n\xfe\xf9y?\xa8r\xa2\x14\x13E\x11\\T\xa8\x97p\xd9\xed\x94\x83\xa6\x87\xc9\xde88H\xfe\xea\xc1\xe5\xcb\x9f\x9c\xbc\xbc_\xf7N\x99*-\x03;\xdb\xd3#q\xac\xaa,O\xd4Js91\x1d+0&gt;\x82\xc50\x05\xf4\x99\xa8\xeb\xba\xc1{\xe9Ph\x98\x94\x90\xa2\xbc&lt;T\x1bN\x8cO\x0cv\xf6\x99\xa9\xf0\xe4\xf9\xe3\xaf\xde\xd9\x9f\x88\xa8\xb4TZ\x967\xd6\x8b\xd3\xd3c\xc7!\x8aF\x9ca\x05\x81\x93r\x1a\x8b\x8ew\xce\xff\x02XD,Q\x96e\xddPy\xbbc3\xd2\x1d\x08\xe0Jz\xbb\xed\x81n,\xff\xb7&amp;:\xc9\xf6\x0f\xb5\xde\xbc\xd9]:\xac{7`\x96\xe5\x81\x8d\xf5\xed\xe4\xf4\xf4t\xcb\xf1\x10M\x0b4\xc4\x12\x0cI\xcbI\xa2\x94\x83X\xf3N\x1f:K\xc4\xf8\xc9\xe7u\xd5\x15\xa0"\x9b\x8e\x80\xcbN\xa3\x9e\xf6\x00Z&gt;\xf1\xd9\x04\xd9\x1e/\x9f\x07\xd5\x9b7\xcf\x8f\x966\x06~\xfc\xd8\xb6\xd4\x1d\xae\xbf\xd8\x9f\xae\xad\x05\xd6tv(@\\\xcb-p\xb2\xc8\xe5\xb4\x8c\xe8\x04\x95\xdfW\xc8\xc1V\x19\x82\x95W\x03h\xf5\xcd\x90W\r Q\x13\x0b\x0b\x06\x13\xc3\x13\xe3\xd8g\x7fJ\xc4zN\xce\xd1\xea\xc6\xc0\x8f\xb8\x93\xe8\xa8\xca\xe5\xbd\xb7\xf7\x92\xd6\xae\x96\x16\x13k\xed\x98\x0f\xf3,\xc7q:\xa3q\x9a\x94\xce\x81j\xde\xe7+\x881\x0c\x1f`=\x88\xaa^\xf4z$B\xa9\xe1\xa8\xca{a\xac\xc1\xd1\xc1[\x83&amp;\x16\xa1\xbaM\xb0ng_-\x1d\xfe\xe0\x1e#}\xbe\xb1\xfeb{q\xd1F\xb0\x08W\xcb\x01m\x18\xbc\x1a\xd5e\x9d\x131mr\xa6X\xce\x82\x84\x92j\xa2\xa1\x92\x8e\x87\xb9;B\xa1@4\x1a\xe6\xedXm\xe3W\x83\xbdwG\xc9\xb2}\x02*\xf3\x8cd\xb3\x07\x8fw\xf6~\xa0`\x96\xbd\xb7\xab\xdb\xc5E\x9c\x9a\xae\xf2o\xe5:\xe2Y\x96\xd5\xf3:\xc7\xc2\xa5$\xd8\x83\xdf\xe9\xf7\xe7$I\x8a\xe1\xfb0-\x85r8\x14\x07\x92\x84\x1a\x05\xa2\xc3\x11\x02\x16\xac\x0b\xa9\xeb\x042\xdd\x1e!TkS\xa9\xa9\xec+R\xc9\xef\x7f\xfb\xea\xf6v^\x14\x93\xb6\x1a@-.Z\xcb\xab\xabM\xac\xe9\x834\x16\x1e\xc3`9Qd92\xa6a\xf2~Xi,\x9dN#A\x0c\xe1(\x00S\x14\xaf\xc1\xc3\xb9B\x91\xd1\x15d\xae\xf1\xab+\'D\xaa\x91\x91\x91S\xac\x99lv\xeb\xe9\xea\xcea\x9d\xe5{\x94\xf2\x0c\xcaVSC\xb0\xc0U\x03,\xc8\x05\xb2\xda\x834\x87\xc0,H"\x9b\x16\x91\x94\x9d\xb8\x8a&gt;-\x96A\xc6A\xb8\x07\x96\x83\x90A.Z\r\x07\xa8Pd\x13\xf9t4\x18\x1c]9\xa5\xca\x8e\xdc\x1e\x19\xebjXH\xa6\xb2S[[\xfb\x8f_\x1f.\x7fw\xb0e@%\xad\xd6\x1a\xab\xd5F\xa8\xac\xa8bWy\xf5i\x19\xbbv\xd3\x92\x0e&amp;8\xaa\xc6\x9c\xb9\xa9\x86\x9c\xea\x06\x19\xbe\t\x9d\x08X\x089U\r{\x1d!\x04\xd4\x95`"\x18?\xd3\x8aP\xb5v5X\x93\x0b\xd9\xec\xcc\xc2\xc2\xd4\x01\xc0\xbe\x8b]\xe0~\x98J\x81\xa8\xc6Zf%b\xd9\xcazz&lt;\xad\x04\x8b\xa85\xbd\xb6\xcb\xca\x05NQ\xdc1\\&gt;\x14\xd1)\xeb\x9a\x98I\x0b\x19l\x1c,\'(\x14:\x0c\\\x11\x87=\xac\xda\xd1\xf2\xa3\x98X\x91cB5F\xb8F\xc6\xd6fR\xb6\xc5\xe4Tvj!\t\xba\x83\xa7\xabo\xf70\x92*\xff\xcf\x949\x85\xb2\xd6\x80\xaa\xcc\n\xad\xca&lt;\x1eOYYk\xf9\xa9\\\xb5\xb5\xb5SG\x12\xa3\xb9\x95\xb4\x94\x83X\xa0\xe28I\xd4D6\x86\xd6R`\xb6\xb4y\x1f\x95\xa1\x10\xe5"eD\x9cO\x84\x8e\xb3\x84jm\x8c\x88\xb5\x96J\xa5\x925\xc9\x85\xd4)\x17\xf0\xf6\t\xd8\xff\xf0\x0b\x13\xea^\x11*\xa1\xadPB\xab\xcd\xd6\xe3il\xf44\x97Y\x9b\xbb\xaa\x89I\xa0\xbfj[\x0e2\x1a\xc3\xba3\x9a\x8c\xd1\x03*\x81\xe5t\x9f\xcc\xc6\xa0\xd4\x90\xe0\xa5\xbdH]\x06\xc6&amp;&amp;\xb5\xcbE\x91\xcf\t\xe3\x84\nPcD\xae\x99\xfd\xbf46\xa4R\x0b\x0b\x0b\xa9\x86\x99d\x92\x08\x06\xb0g\xa4\xc9\xfe\x8bb\x80z\xfb\xa2\xd8\x03\x91\x00Uc++k\xf6\xf47\xe2\xf4{\xfa=\xcd\xcd\xa4\xeb[L\xae\xda]\xc8\x95\xce\xe4t\r1^d\x05P\xf9}\x12\'\x19&lt;op^\xc3\x87\x85\x16\x16/8\x1cv\x17\x1dB\x05\xe3\x84\x8ahE*\xb8\xbf\xfa\n?\xb1\xbf\xb1\xff\x94-\xb9H\x04\xcb\xce\x10\xb0\xff\xd8d\x16b\x9e\xdb6H\x05\xadl\xd6f\x8f\xa7\xbf\x9f\xe0x\xfa+*&gt;hl\xee\xd9_(?\x15\xac\xb6\xb6k7W\x88I\x9a(\xfaL\xb1\xf4&lt;Z\x8c\xe18C\x8f\xc2ke_&gt;\xaa\xaad6\xa2\x8c\xf8\xe2P\x0eH\x05[[\xc7F\xa0\xd7\xd6\xea\x12\xb0\x1ap\xa0Y\x0f\xe1\xc2\x81]Lm\xed?[\xc7\xb0\xb4\xfc{S-\x1f\xaec\xcc\x98\x95\x03\x93\x89\x84bB3\x88\xd6X\xe1)\xae~j\xad.?\xe3Z;*0$40N\x99\x15\x90\x95a\x13~\x99G\xe4\xe11\x96\x18=\x8as\xc7e\x0fE\xecw\x02\x14\xb5\x9b=\xa5"X]\xcf\x9e,\xbdj0O\nd\x8d\x84\x8cp\xa1\xc3ff\xb6&gt;]\xdf\xd8\xb3X\xfe%%\x1c\xa2\xa9\xc8\xdd\xb3\x9a\xb5\xeb\xf7\x98\xa2\x11\xe3"\xee\x05\xb8\xe2\xce\xcevWy\xf9)VK\x96\xf5\xe5\xe0\xa8y\xa7\x1c\x83\xa9\xc2\xbe\xb0\xfe\xe8\x9c\x977D=\x8f\xe18\x9b\x9f\xbb\x1evQ\xf1^&gt;\xca\xeffQ&lt;B\x85\xb3\xb6\xfd\xfa\x8fKO\xd1\xf3\xa9\x06\xf2\xaf\xe2\xdc\x07\x15\xfd\xcd\xd6\xa4\xd9\xf9&amp;\xd8\xf6\xea\xc6^\xdd?\x95\xdaX\xbfW\\\x84Le\xcd\xe4@!\xd0\x95\xd9p\xbe\xb1\x11\xeb\xc2\x85,\xae\x1f\xbe\xde2\xaf#9\xe5\x07l,\xa3!\xcc\x88\x92N\xae#\xc8\xd0\xe8\xe1\xe8\x83\x07\x0f\xf2\xb3\xb3\x93\x93\xd7\xe6\xae_\xbfc\x8flRa\xee\x00\x1d\x05\xb1\xc0\xd5Z\xbe\xb5\xf4\xe4\t\xc1"RA\xac\x8as\xe7\x00\xd6\xd8l\xb5\x11\xc1p\x88b\xab\x98\x96?\xc1\xbc$=u\xafX,\x9a=\xee\xf1\x98`\xcd\x9e\xd3\xff\x9ap\x04\xcb\xf6\xcd\xfa\xe1\x1fV\x17\xaa\xcf\xf4\xaa\x1e;\xc6U\xd441\x06\xab\xffG\x17\xe6\x13\x9a\xc8\x19\x86qS\xd0C\x10\x02\x0e\x04\xb4\x06\xe2\xb1\x85\xee\xb9\xe4\x94\xcb\\\xca\x82\x9d\x8b\x08"\x1d\xc8\xa9=,t\x97\xd0\xdeJN\xfdC\x03+\x113\xa4\xc7\x88\xcd0\xd4\x8e\x87\\\x962d@\xd8\x93\x89h\t\x83+s\tR\x0c\xbah\xd8%\x17\x03}\x9e\xf7\x1b\xdd\xb0\xef7\x0e\xc6\xcc\x8c\xbfy\xde\xe7}\xbfo\xdc\xf9~g\xe7\x04\xcb\x07\x89W\xfcQ\xe9\xd7\x1f\xfe \xd7g\xbf\xfd\xf4\xe5\xa8M\xa88\xb78R\xd8\xf3\xdc\xbe\xca\x1f\x1c\xbb\x15\x05$+l\n\xd81\xc0\xa4_|\x12#\xd4`\xd8i\x15h\xa34\xad\xae%r\xb9\\\x02!\x06\x13w\xe5C\xd7\xb2\xef\x07\x99d&lt;)\xc5\x98|\xf3\xef\xd9\x8f|\n+~\x87^\xcf_\x91N^a ...\xbe\xf9\x16T?\xef\xeen?y&amp;Tq\x89l|&lt;\xefy\x1e,\x8f+\xe7VL[\xef\x84,\x9f\xae\xd7\x1f\x83\xc5Z\x83\x96\x7fc\x99\xfe&amp;\x13\'\xceJ\xa8\xe3\x81\xa6\x954\xb9HB\x0b\xe7\x96\xf9\xb6s%\\\x0c\xc8\xf5\x15\xa6h\x14\xe3\xe7\xc5\xa2\x80\x9d \x93\xe4\xfa\xe7\x97\xdd\xe7\xcf\xb7\xb7\xbf\xfe\xf4\xc9\x8bgw\x87H_D\x95\xbd\xf6\xcb\x1e\xb0\xfaJ&amp;\\\xf4\x03\x1a\x93\x99\x82\xfd\x01%dc?6\xec\xdc[\xb6M,\x9a\x89\xfe*%D+\xdeSN\x9d\xa25\xfa\x8ee\xd9\x97\xc3\x97\x19\xdc5\xeb1\xfe\xe6\x8e\xb33\xd6\x7f|\xba(r!\xff{\xb1\x88\xb4\xe2\x99\xff\xa9ZJ\xdc\xdd\x8d\x14UR\xb4\xd2\x03@!\x8bAJ\xae\xcd\x8e\x98["\xf1\x8fT\xaa\x84\xfa\x0cCp\x81,f\xd85\xdb\xb6-\x9fL\xac:1&gt;\x8aQR)\x8a\xc1e\xe1\xc2\xb0L\xd3\xbe\xb9\xda\x00\x17\xfaW&amp;\xb3\xff\xee\xfc\xf6v4\x1a\xcdf/\x9e\xfeyvtt\x84E\x17V\xf7G_\x10j4\xba\xbd=o\xb7\xc5S\x91V\xd9\xb1\x0b\xaa\xb2\xe3,B\xd5!\xb4\xd4\xbe\xbay\xd5\xc6$-\tm\x1c\x0c\xc2\xe3\xc6\xe1a\xacV\xab\xd4j\xb65TXl\n\xebk\xaa\x99\x96\x84(M\xca\xd05L\xdb2/\x87\xc4\x92\xbe\x1aG\xeb\xc6\x97\xb5\x19\xe4\x9b\xcd\xce^\xbf&gt;\x9b\xcdf\xa3\xdbC|\x14\xc9\x94]Be\xaf\x85\nXn\xd8h\xe4\x01r\xce\x97F J\xa0\x92\x93hv\xe7\xee\xa2:\x0e\x1b\xc0\xaa}\x84%\x15\t\xb0|&gt;\xea\x15\xe9F87L\xd3\xb4\xdevN3zV\xa5\xf1@\xb0\xe2*G\xf1l\x1bV\x1d\x1f\x1f\xb71I\tJ2\xfaG\x84u\xec;eP\x11kr\xa8\xa7\xf3TK$\xe2H,kLKu{N\xcf[\x04\x83\x98-\\\x97\xc3\x07a\xfa\x1bs\xb4\xaeK\x8b\x90\x0e\xb6\xce\x06\xbb\x16\xf6{\x16\x92H\xb9N\xebu]\xaf\xb3w\xedS\x04j\x822\x90P\xd9U\xef\xd5G8\xb2^\xc7z\xafZ\xf5{\x86S^bQ.m_\x93$\xd2Z\xf0\xb2\x18\x0c\x13%\xb0p\x94\xe7\x02\xabR\xa9U\x8c\xe0Ai\xf5r]a!\nk\x18\x05\xbc\x1a\xd3\xaeX\xcb\x84\xeb;\x9d\x8e\xeb\xfb\xc3\xea\xe0\xba}\xa0\xdaQr\x19(R\xc8\x88\x91\xcc\x88d\xfau\xe0\xfb\xae\xeb\xce{\xce\xbda@\x05\x8f`\xeed\xdaH\xc9\x1a@\xa0X\xf1[\xe2aP\xa5R}O\xb0\xbc\x98-\\\nk\x03\x83\xfa\xe8:$\x12&amp;\xd9\x85\xd3\x05\xa8L\xd4\xabY\xfb\xaf"\x15ry\x7f\x13`\xcd*\xe9\x92\x80N\xd2j\xa9\x17&gt;\xcf\xb3\x18\xa4\x83\x00\x00\x01\x1eIDAT\x1e\xe4\xd3\x8d\xe0\xdeb\x18\x08\xc7q\xcaB\x05\xb5\xa6+/}\x88&amp;\xbd\x8c\xb4N\xdc\x08\xcb\x94,\x12k\x93H\x1b\xeb\x19\xc8%X\xab\x98N]\xe6\x10\x07"\x8f\x84\xa3\xcf\xac\xce\x15\xf3\x1d\x81I\xf62\xa4\x8a\x8b\x05X+\xa1o,\xc31T\x0eE\xad&amp;[&lt;\xb6&amp;h\xa0\xd4V\xb3\xd9,a+q\x9b\xae\xb0L\xd6"\xb1\x90&gt;.!H%`+\xac\x87I\x8f)\x14YU\xe1\xda\x82%\x939\xcf\xa0\xbfE\xad\x8c\xae\xe6\x8a4O&gt;u\x8d\xc7!\\^o\x11\xaa\x0e\r$\xf0\xf0\x85\x98\xca^aA\xd6\xf7^\xcc\xe2\xd7\x11\x0b\xb3\x8f\xae\x13Jq-\x99\xea\xf5\x02\x1c\x0f\x91l\xbb\x12\x05\xb9ls~%\xfd7b\xd3u\xb0\xe9\xd1L!si\xe1\xda7\xacGz9J\xaf\x08\x8bR)"\x15"Y)!X\xef\x81E\r\xf6\xf6L7hU?\x8a`9\x82\x85U#\xce\x9e\xc4_{\n\xeer\xd8z\x1c\xd5\xc1`\xa0\xdeT\xab\xdc\xb7\xaa\xc1\x8d\xb9\x0c\x96\xb12\x991\xef\xf6\x11\x93I_\xa2\xbb\x8a&gt;G\xbf;\xc7a\xe5\xb2\xf1?\x00\x8b\x857A\xf2%D\x00\x00\x00\x00IEND\xaeB`\x82'</t>
        </is>
      </c>
      <c r="M333" s="3" t="n">
        <v>45492.67824074074</v>
      </c>
    </row>
    <row r="334">
      <c r="A334" t="n">
        <v>933955</v>
      </c>
      <c r="B334" t="n">
        <v>1980</v>
      </c>
      <c r="C334" t="inlineStr">
        <is>
          <t>Gabriel Taliari</t>
        </is>
      </c>
      <c r="D334" t="inlineStr">
        <is>
          <t>G. Taliari</t>
        </is>
      </c>
      <c r="E334" t="inlineStr">
        <is>
          <t>CA</t>
        </is>
      </c>
      <c r="F334" t="inlineStr">
        <is>
          <t>ATA</t>
        </is>
      </c>
      <c r="G334" t="inlineStr">
        <is>
          <t>CA</t>
        </is>
      </c>
      <c r="H334" t="n">
        <v>176</v>
      </c>
      <c r="I334" t="n">
        <v>19</v>
      </c>
      <c r="J334" s="2" t="n">
        <v>35532</v>
      </c>
      <c r="K334" t="inlineStr">
        <is>
          <t>Right</t>
        </is>
      </c>
      <c r="L33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1b4debe-1750-4be1-a849-8731350227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\xad\x8a\x8e\x00\x00\x03\x00PLTE\xff\xff\xff$\x12\n)\x16\x0c\x13\n\x04+\x19\x10\x07\x02\x00\x1e\x10\x07\x00\x00\x00\xfe\xfe\xfe\x02\x02\x01\xe7\xc6\xb6\xeb\xca\xb8.\x1c\x13\x07\x06\x05\x1a\r\x04\x00\x08\x02\x0e\x01\x00\x0c\x07\x02\xef\xcd\xba\xe1\xbc\xa8\'\x19\x11\x1a\x06\x02\xde\xb4\x9d\xea\xcc\xbd\xf5\xf7\xf7\xef\xd2\xc3\xe1\xb9\xa2"\x16\x0e\x10\x0f\r\x0c\n\n\x14\x03\x00\x08\x16\r\x16\x14\x13\xc4\x96\x80\xee\xd0\xbf\xee\xc5\xaf\xe8\xc4\xb0\x1b\x19\x18/.-h\xb5\x8f\xf0\xd5\xc8\xdf\xa8\x8b3 \x18\xa2wd\x02\x0f\x06\xdf\xb0\x96\xe5\xbe\xaa\xee\xbf\xa7\xf0\xda\xd2\xdc\xb8\xa5\xe1\xab\x93\xe6\xc9\xbc554\xed\xba\xa0\xef\xc9\xb5\xbc\x90z\xe8\xcf\xc3\xeb\xc7\xb5\xe0\xa0\x81 \x1e\x1d\xb5\x8ath\xb0\x8a\xcf\x95\x7fN\xcc\xa3\xe4\xc1\xaf\xc8\x9c\x85\xfb\xfb\xfb\x99n\\3\' \xd0\xa2\x8c\xd5\xb0\x9e\xe1\xc3\xb4\xe6\xbb\xa4l\xbd\x95a\xab\x86$#"\xeb\xb4\x97\xf1\xdf\xd8+ \x1a^\xb0\x8d)(\'\xeb\xbf\xad\xd2\x8bl\xf0\xd9\xcc\xd7\xab\x95\x11\xb7\x98\x10\x9e~x\xc9\x9fJIH\xec\xef\xee\xdc\x9a}C%\x1a*\xa6\x80\xbb\x94\x84C\xc6\x9f\x96{r\xe0\x94u\x8cbPM6,\x10\x8bl\xae\x84p%\x0b\x04\xde\xbf\xad\xa3\x80q~VG\xbe\x87s\xd0\xa9\x95\xcb\xd7\xe4\x8dl_\xe6\xb4\x9d\x82dV2\x12\t[\xa1\x81\xc7\x8fy\xc8\x9e\x8c\x19\x0f\n8\x19\x0fV=0\xd4\x9c\x84NA&lt;\xe7\xc0\xb5_D6=;:@40\xc9\x85k\xd9\x8bn\xe7\xd3\xcb\xe3\xec\xef\x94uhD.$\xe5\xb6\xae\r\xae\x91\x81phmN&gt;\xd9\xa1\x8b^NG\xad{hBAAU\xd2\xabj5%\xa1\x89}\xab\x89{\x98\x83zo\xc4\x9cpUJO#\x16\xd5\x91w\xaf\x92\x83\xd6\xb5\xa4\xd6\xe0\xea\x0e\x98w\xe4\x9f\x8cc\xb8\x92\xe4\xe3\xe2:-(\x0b\xa8\x89;&amp;\x1d\xb4\x97\x8b\x13\x92u\xd3|c\x94\x90\x8a\xe5\x9f\x97|F3\xe9\xaa\x8b\xe8\xdb\xd8\xe7\xab\x9b\xa4\x8f\x89\x10\xc0\x9f\xbd\x9d\x8ey^QSRR:\xa0\x7f\xf4\xf0\xed\x19]FA\x1a\x0fl]V\x1d\xa4\x81\xe4\xab\xa6\xb4\x8f~\x92T=\xe4\xb5\xa5\xeb\xc4\xb9N\xa9\x87\xc5\xa3\x94]*\x1b\xba~i\xaahQ\xe4\x8e\x94U\x98yjB2]7*\xf1\xe4\xdf=\xcf\xaa(\xbe\xa0\xd1\xb8\xb1zzx\x99dP\xc5\xa7\x9e\xec~\x85ihf)\x82e\\\\[\xdd\xc7\xbc\xe3\x93\x84\x08"\x16:\xbb\x95\xa4TH\x169)\xb9mZ\xcc\xc9\xc7\x10~d\xc1y^\x9b\x9b\x98\x87\x88\x82\xd3orI\xd6\xb1\'\x97u\xd7\xd7\xd6\x0eH6\xb3\xa1\x98\xa8\xa9\xa6\x14qX\xd7\xce\xcdy9(*\xaf\x8b\x87N9\x0c,\x1e\xc2\xb2\xaa\xf0\xc7\xc34oU3^I\x81\xd3\xb9\xee\xb3\xa6\xd9\x81\x80\xb3\xb5\xb1\xbc\xbd\xbc6\x93tQ\x8bn\xc2\xe5\xdc\xc6\xc3\xc1\x82\xaa\x8d\xa1\xda\xcb\xd7\xee\xe6H}c\xb9UW\xb6\xc8\xd8\x8a64\xf1\xb9\xb3\x9e\xaa\x92\x91\xbf\xbe)J9\xb8\xe1\xd4f\xd1\xb0_\xb0\xa2\x80\x9d\x82}\xa7\xae\xf9\xa6G\xba\x00\x00 \x00IDATx\xda\xdc\x97\xefK\x1by\x1e\xc7\xb7\x9b\xd5\xcc\xc4\x1dW/\x97\xc4\xd5\x19\x19\xf7\x9c\x81T\x92^3#z\x19\t\x9a\xd8F\x18\x91\xd9\xe0\x831"Z\xb1\xda\x14\xa3\xb8\xfe\xc8:QO\x17O\x1dlE\xdd\x031lQ\xac\x15\x1c\x8a\x82\ng\n\xedA\x93\x12\xd2\x83\xa3\xc5\xfa@VZ\xca=\xab\x0f\xfa/\xdc\xe7\x1bu+\xdc=L\xecq\x1f\xe5\xcb\xe0\x13_\xbc\xdf\xef\xcf{\xbe\xf3\xc5\x17\xff\xa7\x83a\xf0{:\xe8\xe1\x7f\x84\t+8::99^=\xfc\xf0\xf1\xf8\xf0\xe4\xa8\xe9\x94\x0c\xfb\xbcPM\xaf\xdf$y\x85\x97T\x86\xe5y^`y9v\xfcvyy\xb9\x00\xfb\\\xc2\xc1\xffm:\x94Y\x91eYI\x95\x04\x80c%\x92\x12YR\x90D6y\xdc\xf4\xd8\xfd\x19\xc00\xcc\xbd|,\xb3,#2\xa2\xc8\xb3&lt;\xabi\xb2\xa2\xb0\x02\x82\xa3i\x82\x10\x145qRp\xd9`X\xc1\xeb\xc3$/1\x82\xc4\x82L\xbc\xcaK@C\x81\x87"-\x08"O\xe2\xb4H\xe0\xb4\xf6\xa1\xe0R\xb9\xb0\xc7\x87\x0cM\x8b\x0c\xabj&lt;+0\x92H\x92\xbc&amp;\xf34M\xaa\xac$\xd2*C\x8b\n\xc5P8\x95\xfc\xf3\xe5qa\xeec\x99\xa4Y\x81\x15h^\x95\x08\x82\x12EF\xd5\x14\x86bX\xf0QQ\x04B\x90\xc0G\n\xd7\xeb\t\xf6\xc4\x8d]\x16\xd5\x1bpO\x93A\x11\x99\x07\xc5\x14\x16\xa2%\x8a\xaa\xac\xca\xac\xcc\x13\x04I\xe0\xa2(\x088\xc2\xd2\xeb\xa97\xeeK\x8aU\xa2A`epK\xe0i\x86$%U\x91%\x91\xd7\x12\xc0\xa5\x88`\xad$\xe8q\x86"\xf5\xfa\x14\x96\x1e\x8f-c\x97A\x95\xe4\xe5\xa4 \xf1\xa2\xc4\xf3\x92\x16\x8b%T\x08\xbb\xc0\x80f4\xa3\x88\tZ\x8f\xb34\x81S\xa7Z\xa1!\xf8\xa6\x8csaM\tEU$\x16\xcaIM&amp;5\x86a\x19\x02b\xa4\x8a\x0c\x03\x1c,\x0b\x89"y\n\x97(\xc0\x11\xce\xb8p9\xd3\\\xd8\xe3\x84\nIgh\xa4\r\xab%4\x81\x92cI9\x91\x90Wc\x12E\x922\xcbP\x04/\x10\xc8C\x8a\xa2\x893.-\xc3E\xe1&gt;\x8eH\xbc\x10\x11\x18\x86\x96\xa0\xa4\x08\n\xc2\xc5\xc7\x92\xe0\x9a\x00^\x12z\x8a\xa6p\x9c DH\xbe\xfe\x82^\xc4aF\xf7\xd1}\xac(\x11\x88\x11%J\x14\xa5\'\x18\x81\x96\x93*\x12\x88%\xf5\xbfe\t\x87\'\x12\xa7\xd0\x16\x92\xe7\x7f\xa3\x8e3\x88\x85\x1d\xf1\xbc\x0c\x1d*B\xde\t\x1c\x17\x931\x8dWX\x91W\x05Z\x026\x82\x90H\xf1\x8c\x0e?\r;q\xce\x95\xc1\xd8C\xdce\x15J\x80\x84U\xa3\xe1U\x93\x94%\x9a$I\x91\x97U\x01vOd\x04h}\x01j\xeb\x9cEO\xd2\xfa3\xc1\xf0\xcc\xd9X\x10\x0bk\xa2V\xdb@\xa3\xdd\x03\x1eV\xe3U\x96\xa4\x18\x89\x97\x04\x15P)\x1e\xdeC\x106\xf2\x13\x17\xae\xa7\xcf\x9e\xd8\xa3\x0ca\xb9OB2\x1b\x0eG@\x19\xc0\x12~\x1ffI\x9d(\xc74\x91\x84\x06ST^\x91E\x81\x94D\n\xbf \xd7\xa7\xc1\x13\x99\xd9Fl9\x11Vj#\xb5:\xd87\xa8\x88\x86\xfe\x86\xc8DHU\xa7\xb5H\x7f\xbf\x04\xc2\xd1$\xab\xd0P\xfb\xc4E\xaa\x0b\x8f\xcc\xc7\xcc`\x1d\xcbr(\x12j\xc8\xd2\x93d\x7f\xd1\xd5\xe6g\x7f\xe9\x99\xdcn\x9f\x1elo\xbf\xfae\xc3\xd7\xb5\xb5\xe1\xec\xa2\xa2\x86\xa2~]V\xd6\x05\x16\xe2\xd3\xe37\xc9\x82L`5%\xa4P8\\\xd4\xc0\x90Y\xba\xda_\x06\xf6o\x8d\xf7t{&lt;\x9e\x1e\x8f\xa7\xfb\xce\xfc\xe0\xf0\xf0\xe0`\xfb\xc4`\xfb\xe0\xe0\xc4\x95\\]\xd6\x7fqQ/\xbc\xcd\x84\\\'\x02\xad(L(T\x9b_&lt;\xd1\x1c\x7fU\x16\x8f{\xa2\xd1\x8e\x96\x8a\xaa\xaa\x0e\x8f\xa7\xacl\xfc\xce\xe6\xfc\xfc\xe6&amp;\x1c\xcf\x9a\xbf2e\xc1\xfc\x07\xd7a\x06\xee\x12\xee\x04A0\xe1P\xa4!\xdf4&lt;\xfb~\xc4fn\x9c\x9a*\xe9s\xb9\\%\x81\x99\x99@\xa0\xa3\xa2#~\x0b\x8d\xc7\x13\xbfu\xe7Ys\xf3\xd7\xb7uyY\xf8EC\xf5l\x06\xe4*\xd0p\\\x08\x17\xe9\xf2\xb3\x07v\xe3&gt;\xab\xcdf3\x17\xdao\xdehllt!\xb8\xbe\xbe\x11W_40SV6\x13\xf5\xc4\x81lma\xa0\xf7\xb6\xa98\xefb\xd4\xb4\xf4wj\x81\xac\'\xc2\x11]\xff\x95\xe6\xdd\x03\x9f\xd3j\xb5\xda\xcc\xe6Bc\xe7_\x1b\x1b\xcd\x8dw\x87\x86\xfcS6\xabuj\xc8\x15\x88F\xa3\x07\x81\xe8\xcc\xcc\x93\xf8\xda\xfeB\xef\xed\xe2\xbc\xbcO~\xd2\'\xe9\xc6r7\xf18\xad\x84#\x91\xc1\x80\xdf\xd9\xe6t\x9eb]7\x17\xa6\x06\x90\x1c6\x9b\xc3a]\xf2\xfb|#\xa9\tD\x9f\xec&gt;\xdd\xdf\xbam\xba\xc0\xf5\x8d\x96\xee\xaa\xc7\x96E\x9c\xe8g\xdb\x07\xcb\x80\n\xb0\x00\xcaXXh\xb6\x9db\x15\x9a\x11\x9f\xd9au\xfa\x17G}hF|#\xd1\xf8\xfb\xd9\x85\x01\xc4\x95w\xce\xa5\xa5;\xf4\xd8\t\x95\x95\xdf\x1f\x9e\x9e\xaf\x02\xaa6\xa7\xd5\x06\x06vz\x8d\x9d\xde\xcej\xa3\xd1\x88\xf8\xe0\xb4\x01\x16\xa2ZD`\x07\x07O\xde\xaf\xcd.\xdcF&gt;\xe6\xe5\xa5\x02\x86\xb3i\xbf?\x1f1:]\xff\xc4\xf6f\tP\xf9\xad U\xa7\xd1\xfb\x12\x8d\x17\x98P\xfe\xcd),\'BZD\x92\x8d\x1c\xfcswmv+\x95{\xd0\xeb\xf4~\xf3!\xdd&amp;\xbe\xa6uE\xbf\x0c\xf7t\xb9RZ\xd5\x15\x1a\xbd^\x8e;S\xca\x01\xd1\xb2\xda ]\x80\x05r\x8d\xf8F}+#\x07\xaf\x10\xd6\xc2V\xefE\xb9\xde\xa4\x1b\xeb\x83.{bx\xbe\xb5\xca\xdf\xf6\xf0a0h\xaf\x06(\xce\x0bcDT\xc0\x85N\x94\xad6\x84\x85\xb8\x10\xd6\xfbw\xfb\x0b\xa9\xd4\x9f\xc9\x95~\xacX\xee\xc4\xf0\xe6\xf8\xfd@\x9b\xf3a}]]\xb5\x81\xabDX\xd5\xd7A,\xeb\x12ZL\xe8\x0c\x87\x03\x82\x07D\xbe\xd1\xd1\x95\x95\x83\'\x80\xb56\x0b-a*.&gt;\xc3"b\xe9\xc5\x82\xcf\xb0/\x877\xbb\xbb:\xfa\xfc\xce\x87\xc1:\x03g\xa9\xb4p^\x03\x80u\xa6"eMIe3[A\xad\xd1s\xac\xdd\xdd\xb55\x90k\xe0\xcaoX\xfaD\x9a\xb1\xdc\x89\xf6\x9e\x9e\xee\xd6*\x97\xd3\xf9\xb0\xae\xd4`\xb0T\x1a@+\xc8\x16x\x88"\x85\xc8\x9c\x0e\xb3\x15\xc9\x85fe\x05&lt;\x04\xb5\xde\xed\xefo\xf5\xe6"\xbdRXrz\x8b\x0bk\n\xcdww\xb5v\x94\xdcp\xd4\xd7\xd7\xd9KK9\x03g\xb0\x18\x0c\xdej\x10\xcb\x862\x85~ `\xa8&gt;F\x91b\x07\xaf\xc0\xc4\xb5w\xa0V\xf3@v1L*\xf3|z\xef\x82\xd8r\xa8\xa7lg|\xa7f\x08\xa8\xeaJs\x0c\x1c\xca\x16g\xe1\x0c\x06;\xec\xa2\xc3\xb9\xe4D-\x0b\xe1\xf2\xb7!\xb0\x14\xd6.\xc2\x9a\xdd\x07,P\xab8\xe5"\x93\xe6\xab\xf3\xdbiO\xd7NK\xcd\x8d\xfar\xc0\xca\xb1X*a\xd016V\xc9y\xed\x85\xe8\xb5\xd3\xe6\xf7[\x91n\x08\x0c\xb0N#\xbf6;\xbb5p%\xf7\x1c\x8b\xfc\x98\xdel}\xdc\xec\xba_\xd5Rc+\xaf//\x87h\x01\xd3X\njl}l\x0cV\xd2\xe8\x80\xc6j\x9b\x82\xdc;\x96\xacK\xff@-\x01r\xc5\xdf\xc3*\xc2\x0b\xe8+S\xb1I\x97\x87\xae\xd0\xe9\xc6\xfa\xd0\xd3Q\xd5\xd2r#x\r\xb8Js*\xb93\xad\xfe\xb8\xbe\xfe\xf7\xf5\xf5\xb1J\x03Z\xc76\x7faa\xf0\x91\xe3\xd1\xa3%\x845\x12\x9dy\xb2\x9b\xc2\xda\x1a\x00,\x93\x0e\x85\x0bO\xefg\xac{u\xbc\xa5\xa5\xe6n\xb0\x1ca]\xcb1\x18JK\xedv\x03\x07b\xad/\xaf\xaf#\xc5\xf6\x1cK\x8bC^\xfb^0\xb8\xb7\xe7\xf0/\xf6\xf5\xf5\x05\xe0\xe2\xb5\xfb\xf4)\x14jo\xb6\xc9\x94\xab\xcbG.\xaebi\xad\xad\xd8xE\xcd]s]92\xf1O\x96\x9c\xef\xeb\x82\xf5\x85\xf6j\x0e\xb0N\xe7\xa5a\xcf\xbaxc\xcck\xdc\xfb\xc9\xbe\xe7\x98r\x95\xc0\x04\xca&lt;\xf1\xb5\xa7pS\xed5\xe5\xc2\xa0\x1b&gt;\x9e\xde&gt;mj\xed\xaa\xa8i\x0c\x96#\xac\xef\xbf\xb3\x94\xd6\xd9\xcd7_\xbe|\xfe\xfc\xf5[\x98\x97\x103\x8e\xfb\xd11:\xb4\x0e!\xbb\xfe\x93mj\xa8\xa4\xa5\xe5A\xcbN\x99\xc7sg\xf6\xd9V3\x14\x17\xc2\xca\xcf\xc2\xf1dZ\xd5jj\xed\xa8\xf8\xe1f\xb0&gt;%V\xa5%\xe7\xe6\x83\x8d\x8d\xd5\xb9\r8Z\x7f\xfd\xf5\xc5\xbf\x9ewB_8\x16\x87\xc6~\xdc[r\xecM\xf5\xed\xfc\xfc\xf3\xbd\xb9\xb9\xb9\xf1\xee\xee\xee\xa7\xcd\x03\xcdW\xc0\xc3\xdcl\x90\x0b\xc7\xd3[\\\xcb\x08\xab\x11Q\xd5_\xfb\xee[C\xcd\xfd\xd6\xb9\xc9\xc9\xed\xe90\x8c&lt;9y\xef\xc1\x8b\xeb\x06\x83c\xd1Ui\xb7\xf9\x87\x1a\xfb\xcaz\xb6\x13\x93\xc9\xd0t(\x14\x9a\x1f\x8e\\\xbdz\x86\x95\x0br\x89i\xbd\xce/\x8f\xcfT@\xc1\x83\x89\xe5\x7f\xf8\x96\xdb\xb9\xb7\xb1\xf1fu;\x1c)jh\x08\x87\xda7\'\'\xe7\xfeV\xcd\xd9|.no\xc9\xe7\xba;\xb39\\+\x08\x0c\t_\x94$I\xd3t\x7f6\x8a\x16\xc2\xca\xcfJk\x9fbo\xbbR\xef\x1d\x84\xf5;\xcb\x8b\xd6\xd6\x8d\r\xf0\x08\xe4joo\x1f\x0cmON\xb6\xb6\\\xe7\xf6|\x8b\xdc#\xe7H\xf4\x87\xee\xe9\x08\x83x$\xea\xdf\xac\x9a\xdfK[i\x1a\xc79\xbf\x12\x93\x1cCr4\xc6\xd3\xaca\xf2c\xe0\xf4\x84&amp;\xc7d\x9b\x98"\x07m\xaa\xe6\xa2)\xa4\xf1b\xb7"Vi\xc6\xa4\x98J\xd4f"h\xd0\xc3j\x03\xda\xa2\xb1\x10(\x117\xb6)\x0e\x88\x83]\x83?\x16\x15\xba\x95\x81\x06\x8a\xa5\xb3s3\xc3H1\x17\xe9\xee\xc5\xdc\x0c\xf5v\x9fs\xec\xec?`\xde\xdbs\xf3\xe1\xfb&lt;\xef\xf7}\xbe\xef{j\xbf\xaam\xd2\x12\x84\x16;\xe7\x82\xee\xaa\xaaq\xd5\xbc\x1fl\x95\xb0\x1cW-\xc9\xa3\'O\xfa^\xfe\xfc\xdb\xe9\xe9\xd1\xd1\xf6v/\x84\xd7H\xa4\x7f\x10\xb0\xfc\x19\xbe\xcby\xe7\xd8\xf6x\x86\x856\x02\x9e\xa6\xaf\xbf\x06\xac\xda&amp;\x85B\xfb\x7f\xac\xa6\xffV\xd5\xe4m\x80u\xe5\xaa\xc3q5\xf8\xb4\xb7\xf7\xe8\xf5\xdb_S\xa9\xb7\xcd0-_N\xf0|fb7\xdaa\xd7+\xaf]\xb3_\xe6\xf7\xfa\x1f\xf4\x84E\xfb\x0c\x87\xc7\xa6\x07\xbe%o\xd5\xd6*\x14\x10\x03D.\x8c j\xab\xe9\xa75\xbf\xa5[\xdbA-\xc7U\xbf\xbd\xb3\xb9\xcb\xf5\xd6\xe5\x82#\xa7\xcd\x1f\x93\xce\xc0\x0c\x0f\xc3=\x8c:\xce\xcb\x97.\xf3\xef\x0e\x80J\x17\xde\x98\xfb\xf8&amp;\xedY[\x9aZ\x98V\x13\xb5\n\x02\xca(\x93aZmu\xb1N\xef\xb5\x9a\xe0@t\xf8\xeb\xea\xbaZ\x94E%,WK\xd7\x95\xc4\xc4\x87\x0f\x13\x90(\x12\xce\x98U\x9fr58\xef\xc4?n@\xd6\xd1-\xdaL\x1d\xf7\xbb\xbbg\xdb=\x83\x0f\x1e\xd6k\xa52\x02\x16\xa6\xad\xfd\xb1\xaaX\xad\x1eOG\xf7UG\xd0K\xbbTI\xbb\xdd\xeeo\xe8X\x9e\x9f\x1f\x1a\xf2\xd9\xf6\xf6&gt;\xdc\xce\xcc6\xf8\xf5\\\xaa.\x9b\xf90\'&amp;C]\xe4^:j2y\xa2\xd1\xb4/2\x80\x8b\xb7K\xd8\x17\xb5\xaay\xfa\\?\xf5x\xdaE\xb5,nZe\xf7\xdb\xfd\xce]\xdf\xc2\x00y\xcb\xa8\x1b\xdb\xdf;&gt;^\x99t\xb6)\xf5\xa9\xd4\xa5lfo\x07\x92\x0e\xa1\x99^{\xfd\xfaty\t\xb6\xc3\xc1A\x0f*\x1b\xc5\xb4\x98L\xc2j\xaa\x96Z\xd2\xe3\xf8\xfb^\xcf\xc8H\xcc\xe1\xb0x)\x95\xc5q\xf3\xf6\xc9\xe2t\xdf\xdfw\xfeR\xab\xdb\x18Z\xfd\x0cX[Eq\x04\x13\xb2\x93{\x90(\x08\xb9\xe6oG\x83\x0b95fT\xd7\x93\x88\x0c\xb0FGe\xe7X\xda_\xc4\x87\xf6*P\x1d:\x84\xc0\xf5_{\xdbG\xdaE,\x8a\xa6\x82\xcfW`\xf0L\x1f\xfd&lt;7\\\xbb\xb1\xda\x1b}\xf7n\xe2Z\x8b8\xa8\xba\xec\x85\xcc\xf19\xd6\xe2\xfe\x8f\xff\xfaAN\x84\xeb\xb1\xaf0\x8c\x80\xfa\xc9\x0c\xe7X\xd8\x7fjj\x1a/&gt;\xd0\xd74\x06\xcf*\xa5\xed\xfbq\x93\x88e\xb1P\x8c\xd9\x12\xb3\xdao^\xe9X^\x9e\x8a\xcc\xad\x0e\xad\xa5\x8f\xf9\xf8%\x98\xa2\x93\xca\xae\xadliwnX\xbcs3\xf6\xbd\x7f\xb0\xa8\xc0v\xd8\x1b\xa3\x7fR\x10\x1a\xa3LZ\xd0\xf2\xd8\xbf\xff\xfa\xc3W\xcf\xde_\x98k=xV\xac&lt;\xbf\xe94\xb5Kj\x99\x99\x10e\xa1\xbc\xd6\xa0\xb5\xeb\xf5\xda\xf2\xab\xd6\xdd\x89\x95\x95\xbbw\x1b\\JU2\xd9V\xc8\x96&amp;\xa4\x96\xd7\xe8\xbe;\xfd\xe5dcq\xf1\xe1w\x0b\xd3\x06L\xa3Q\xcb\x10I-\x0c\xbb\xf1g\x8d\x0eytq\xac|\xb6\\\xb6X,\x89v\x13`\xb9\xcd\x0cMY\xccz\xafWe\xad\xab\xeb\x9e\xcd@\xf2ZY))\xc5\x14\xa4ls\x8aX=\xa8\x8e\xd0\xa06\xd3\xab\xc7\x83CS&gt;_\xff&gt;\xa2\x03\x83\x97\xc9\xa4\x9dhT\xab5\xc60\xfa\xec\xc2s\xc4z\xf6\xf7\xbc\xdbL\xd3\x97M\xd0\xf2\xb0\x11\x19\xcaM\xa9Tt\xd0\x7f)\x06\xe9K\x84\xfaT*@\x00J&amp;\x95B^\xc2\x1a\x0e\x13\n]\xc4\x94\xe0\xe3\xe2\x1d\xd7\xceXX\x8d\xe29\xfc\xbc\xe51\x18&amp;\xc2\xa8\x8e\xbc\xf0\x1cqX\xf8gYO\x85B1S\x87_\xecx3\xe5\x06\xaa\x98\xdfj\xdf\x12\xafO\xf3\xf9|\xb6\xa0T)\xad\xc9dr3_\xfat\x0c\xf9\x0b\x05\x87\xd8H\xf3\x99L\x86\x8f\xa6\xfbg\x06\x1e\x8eOO\xb3\xe7XjD-\xc3\xd5F\xf4\xa2sD\xcdz\xe5\x8c9\xa49\xce\x12o\x97\xb0\x80\x8a\x0ey\xe9\x10\xd3\xa2\xd7\x17\x93B\xa1\xb0)\xb8\xf4*\x98\xee\x93\x9b\x9b\xd9\xd2O\xef P\x88w4\xba\xfd(\x0f\xe9g\xef\x1f\'s\x07\xfb\x0ff\x06\x06\xce{K\x86\xe08\xab3\xa2\x17~:8&lt;+3\x87\x01.@\xf1#A\x87\x832\x9b)s\x08\xa0\xe8\x16\xbd\xab\x98\xb4\x0b~\xc1%fE\xa0\x126A\xad\x9fN6\xc6\xc6\x86\x11\x88\xab\x1b\xb6\x8e\xd9\x0e\xb1\x90\xad\xf7l\xb6\xa1\x99iT\xc2Bp\x92\xcdU\x01\xabf\xbd\x0cX\\\x88\xa3\x13#\xa2Zf\x8a\xa2\x19.\x00Z\x15\x83\xb0\xac^e\x0bDE=lCA\xd8,\xe4?}\x96\xb0 \xae\x86#\xa6Y\xe9\x927n2\xf5N\x8d\xb3\x08\xc8\xa5\xc6\x80\x8ad\x11#za\x87Xg\x8a\\\x80\xa3\x19\xba{\xc4.bA\xd33\xdca \xc0\xc0n\xb4Z\x8bV\xb0\xf7\x17 \x96R\xd8\xda\x02\xb9&gt;\xbd\x83\x1aJj\xe9\xe6\xa2\t\xf1\x16\x8e\x07.\xcf\x9b\x01\x1c1 \x88\x84\x95cQ#~\xe1\xcb\xcau\xba\x18\x08\xd0\x0e\xb7\xbb{\xa4N*"\x13\nq\x01(+\xa3Wy\xbd\xa2d\xc5\x17z\xabX\xc3-\x01\xaa\x08G\xb5\x88\xa5\x81!"\xcd_q^\x83\xa9\x87\x8fF\xfb\x1fJX\xa3j\x1c\'\xf1\x1c\xab\x9b\xbe\xa8A\xd44\x96\xcb\x01\xce\xfc\xfc&amp;\xd5\xdc\xdb,b\xd1@\xc5\x81~!Z\xaf*z\x83\xc1\xad\xa02\xa5\x02\xac\xad-\xa1\xae\x90/M\xac\x9eci\x8c\x8b\xb6(?;\x0bU\xe4\xa3{0E (\xa8%CQ\x9d\x8c\xcd\x85\xbf\xbf\xa8X5\xd7\xa1f\xe5b\xa1\x10r\xbdz\xea\x0f\x9ais\x88\x01\xb5\x02/8\x90\x0b\xfa\xabR\x11\x94)\xb0\x07A\x10\xda\x84&lt;`}\x1c\x1bF\x11#`m\xd8\xe2|\xe6\x0e`MD}\xfb9\x1cA\x10\x03f@a\xe8Arx\x15\xc6\x08\x8e+\x9f\x9dU\xdc\x01\xfd\xab\xedK~\xf0U\x89\n\xaa\x08\r\xa7\xb7Vb\xb1\x98\xbf%\x19\x14\x92IH\x8a`\x11\x9f\xde,\x8e\r\xab5\x04\xa1\x19~\x13O\xdc\x01\xef\x9a\x88G\xdf\x1c\x908\x8a\x1ad\x18\x8e\x02\xaf\x8ed\xdfW\x0b\x8b\t\x98{\x97\x9f\xfaa\x1b\xd2Ro\xc1\xe2hU0V(\x14b\xae\xa2\x1d&lt;&gt;\xb5\x9e\x12\x84|\xc6w\x90\x1bC4r9\x01=\x0fE\xcc\xdc\x9e\x88\xb6\xfa\x0e\xf0z\xb4\xde \xd3\x92\xa4Qc4"\xb9*\xa4\xb2C\xae\\9\x03?\xa5z\xe7\xef\xfb\xc5}\x18b8\xb1\xe7\x0f\x03\x8c\xb7R\xc8f\x9f\'SI\xab=\xb6UL\x81Zy&gt;\xd2\x83\xe3c:\xb9\\.\xc95\x9b\xc8D\xa3\xf7"\x03(Z\x8f\x1a\xd4\x18\xcb\xaa\t\x8d&amp;\x9c\xab\xc2\xab\xc1:\xa8U\x11\xfdt\xe4\xe5rC\xd0,b\x89e&lt;\x0c\xbc\xa0\x83\x85|6\x1bs\xb5\x14\xad1\xe7l~\xabP\xca\x17v\x17\xa1\xb5q\x99\x02\xe42.\xa6\xe3\xa2oE}`\xa6\xf5\xf5\xf5\x086\n\x01\x1b\xca\xab\xab\x06V#\xc7\x15\xa1\x86\x01\xe6\xfe\xcb\x97\rv\n\xb0`I\xbd\xa5\xaa\x14J\xa5\x02L\xa5E\xbf3\x93\xf68g\'\xf8\xc4\xc71\xb0MD-\xde\x19\x11\xe1\xd5(\x9f\x88\xc7\xef\xf5\x8f\xb38`\xc9\xb4\x06\x12\xd4\x02\xacgUH\xfc5\\\xa0\\)\x02\xc6\xfd\xf9\xf9\xce:/T\x91\x91\xe4\xe2\x98`!{\xb7TLq-\xc9\xec\xf1\xc9\xc6N\x9a\xdf\xf3\xf9z\xb4rB\xa3&gt;\x7f\xb30\x0e\xfb\xa2q\xdec\x8bL\xe3\x80eP\x13$I\x8a\x9b\x01\xf9\xb6\x1acs\x80;\xa4\xddA7\xd7\xfcd~\xbb\xcej\xa6%\xbd\xb8@H\x1f\xcc\xde\x9d\xdcL\xc1\x96\x10\xf2\xbf\x7f&gt;\x1e\xe96\x9dl\xf4`\x84B\xae\xf8\xe3\xd1\x02r\x99\xc7\xd3*\xda\x03p\x19\xb4Z\x96\xc4\xe1\x93\x8e\xfd\xbe\x1a\xc3\xfczY\x84p\xd3m\xaf\xe6\x97\x9a\xad\x14-nFpT\xdaR(\xad\x94\xf4\xa1\x96b\xb1\\\x14\x8e\x8e\xd6F\xd6\xfa\x875\xe2\x0f60$\x1b%\xbd\x08\xdd\x8e-\xed\xeb\x1f\'E\xb1d\x04\xc6\x92:\x98\x01Y\xb6\x1a\xa1\xac\xa6\x91\x83\xb39\x10b\xa8\xed\xa5\xe5\xa7mzpT\xf0\x88\x10\xe3\xf5gW&amp;\xfd\x0c\xad\x0f&amp;_\x1f\rnO\rE\xa6\xf6\x1f,\xdc\x92p4_.\x96\t\xdd\xbe\xaf\x7ffZ\xec,\x83Z!cI$\x0c\x85\xac\x86mIU\x84\x15\n\xd1\xdb\xf3K\x9d"\x16\x03No\xa6\xbc\x85\xc9\x15g\x8b\x19\x0e\xc3\xed\xe5\xc1\x97}\xf33\xe39\xf6\xd1\xc2\xf8\r\xf1W$\xc5\x1fOb\xc6\xf0Ld\xfcK\r\xe5\x06\x16G\xe1L\x1c~T\x9d\xa7\x8cu\xd1\x14\x98\x00\xd5\xdd7\xbf\xf6\r-\xaa\x05K\x14\x8bWvuv.?\x1e\x9c\xef\xeb\x1b\xea[8Pkn\x0c\x0c\xf4\xd475\xc9\x15\x90v\xce\xe52\xf6\x8c\x0f\x90\xa4\xb4\x0f\x15\xf5$\x1eFp\x94\xac\xd25D#4\x13`9\x12\x8f\xa7\xd6\x9e*i\xda\xac\xa2(\xb778\xb9\xfbM\xe7\xda\xda\xd2T\xdf\xd4\x93\xa5\xc1\x88\xcd\xb6\xba\x18f\xc7#\x91\x9eQB\xae\xa8\xfd\xf2k\xe0\xffx9\xbb\x90\xb6\xd24\x8e7\x9f\xcd\xf1$b&gt;4\xd5$V\xf3!S3c\xe7tZ5U\x8a\xc6x"\xe8\x86\xda\x11\xaa\x13BP4\xd1\x10#&amp;\xdah\xd3\x8b(q#\x98dSr`0\x18\xf0\xa3#\xc9"\r\xa6]\xd2\x0ft\xc0\x19]\xb6\x0b\xa5B+H@)^\xec\xb8s\xb1,\x14\xf7bn\xf6y\x13go\xf6\xd6\xd3W\xbc\xff\xf1\x7f\x9e\xf3\xbc\xcf\xfb|\x84S\xc9\x98\xcc\x07-\x99\x07\xe3\xb0\x19\xec\xa1R&amp;c\xe6\x82\n\x82\xfao\x95\x10\xd8\xbf\xbe\xd5\x9cq&amp;H\xbc\xbc\x1c\xc7!\xa1\xaf\xff\xe1\xddI\xc2nu\xfa\xfd\xf6p8\xebv\xb7\xff\xf0\xf7\xd3\x97#\xee;w\xe6\x17\x98\x1c\x8c\xa3\x10 \xe7\xbf\\R:\xb4\xb4$AX,L()e3\x87\x98l\xefE\xb5\xa36PT\xa8\xbf\xb7\x9c\x88$\x1c-\xe5\x90h\x89T\xf5\xba\xef\x1aBV\x97\xd3\xe5\xd4\xba)\n\x1cl\xe55:{\xa7\x07\x07\xef~\x06sr\x84H\xb0\x12\xf3\xe3\x89\xdaZ\x99L"\x03\xd7\xf2\xf4z\x18|\xc8\x03?\\Tq\x84\xb7Q&gt;\xf5\xfc\x1ay\x98\x0b%I\xb1\xb4\\\xaa\x03\xb1\xea\xef\xb5\xb9\xacN\xa7\xb6\xba\xa7\x80\x04&lt;p&gt;}\xfa\x84:=\xdb\xccJ!\n`\xc2T?\\\x9128,!f\xda\xf7r\xd9\xb5\xb5\xc1\x0bk\xa3\xf3x\xfa\x8d?l\xe8y\xfb\x91$I\xb6\x14\x15\xa9A-\xd5\xa30\x98p\xbe}t\xe5\xf4\xf4\x9c\xe7\xed\xa7\xb3\xb3\xb3\xe3\x17\xa8m\xc1\xe4\xb2\xf2\xd3"\x13\xda-T\x7f\x90y8\x1c\xec\xcfW\xf6\xbd&amp;\xdf\xc5\x0e\xc7\xa2\xeb\x82\xb7hM:\xa8\nB,\xc6\xaf\xd7w\xbf\xd4\xb6\xf5\x7f\x1c\xff\xe3\xe9\x01\xf0\x9c\xbdz\xfb\xb6:\x9b|\xf7jP{&lt;6664TZZZ\xc9\xc10\x8c\xd5\xbf\x05\xcfi\x8f\x07\x95\xe4\x97y\xbc\xbe\xc3E\x1af\xf16"1\x92P;\xdc\xa4\xf8\xba\xaa{\xbcA{|\xfc\xea\xdd\xb3\xb3\xe3\xf9\xcc\xcb\x9d\xa3\x9d\xbe\xc5\'o\xf6\xf7O\x12[\xdb\x13\xa5\xa8vZ\x89\xac\xc8\xd9\xda\xe2\xb2&lt;\xc5\x1e\x16\x86) \x88^L\x11\xe9\xff"\xc5r"k\xb3QT\x92\xac\xb8&gt;\xfa\xa0\xe1Y\xff\xf8\xa3\xe3\x89\xd5\xfe\xdc\xd1\xc9\xe2\xe2\xe2F\xdf\xe2\xd1\xe2\x93\xc3\x7f\x85"\xc1!FaP\n\x13r\xe7\x06\xb8,\x16*NbM\x8b\x97h:\xfa\\(!.\x12S\x96lOG\xc7\x8d\xe6\xfe\x06q\xf7\xf7\x07\x07\xa7\xa7+\xa7\x9b\xb3SO\x9e\x1c\xee\x1c\x1d\x1d\xed\x84\xc3\xc3\x13\x13\xc8h\x971\x16\x7f\xd2?\xc3B\xc56\xa1@PC\xdb\xc4\xb5~\xd9\x1f\xa6\xf0:*iq\x94uW\x0c\xf6W\xabu\xba\x95\xbd\xbd\xd7{\xe8\xa0\xaf\x11"\xc4\x1e\xb8\xff\xd9\xc2\xc2\xc2\x96\x99a\x8e\xa6\x86\xdb\xf8,!\x07qq\xfeF\xdf\x84\xe7\x87@\x8c,\xb2Q\x0e\x8b\xdbQ\xd6\x01j\xb5@\x04\xfbe\x05\xce\xeb\xcd\xd9\x02\x1c`}:{\xf1tau\xc1\xbc\x1d\xde\r\xd9\xb7$%\x1c\x0cY\x11\xfb@\xdf&lt;\xec~0F\xda\x08\xc2aI\x86\x1d\x15\x99\xb6\x065\xae\xc4uS\x9b\x9b\x9b\xb3\xb3G\xb3y\xc1\x10\xd5\xe3\xc7/\xb6\xcdl\xc6\\v\xd7\xaf5\xa3\xd0\xc0\x12\x02\xd6{\xfa\xc6\x87\xfb\x02\xd6,E\x19\xc9X\xd2n!\x07\x9d\xd5j\x11d\x12\x7f\xe9\x9e\xfd\xcf\xec\xe6\xe6k\x84\xb5w\xf0\xf6l\x01\xa0\x96\xd8\xdc\xe2\xed\xe6\x8c\x7f\x8b-\x04\xe7\x07\xef\xe2`\xff\xa4q\xaa\xf9\xd7Tl\x97"\xa8X8\x96q\x0fj\xddu"\\\xaa\x9b\x9a\xea~\xfe\xcb\xe6J!\xd4\xbf{\xfb\x11\xa0\xf8\x8c\xe2\xe2Rs\x7f\xd85#Q\xa0N\x14\x88%?\xa4\x0f\x8bw\x18\xf4g\x1d\xbb\xd9D&amp;f\xc94k-\x04\x0erM\xcdRnG\xf5\xf8\xc8\xcb\x97#Z4\xad\xe8\xf3\xf1\x01\xaa\xb8\x94\xbb\xed\x9a\xe1zP\xa8\x90\xb3\xe8\x8c\x0f\xc8\x8a\xfeT,\x9b\xd8\r\'\xc2\x96L&amp;\x16N\xdat"\x91\xa8\x9b\x1c\xb4\xbb\\\xd1\x99\xe9\xe8@\xdc\x17\x1f\xf0\x19P\xff\xb0\xb4\x92%\xf1\x19@\xa6\xcb\x97\x05B!\x86\xd1\xb9\xf9\xc0\xd3\xe7\xe6B1\xc0\x89Y,\x99p\xd8j\'\xeb\xd4"\x91\xaeg\\;\xbc:\xb9d\xf0.\xb1}\x06\xc8\x8c\x11\x16\xab\xb2D\xd8Y\x85\xf6\x0b0\x8e\x002\xb0\xde\r:\'\xe6\xdf\x0c\xa7b1\xab\x15\xc8\xec\xcd1\xa73YV\xa1S\xa9\xbaG\x1f\x8c\xff\xdc6g\x0eN\x0e\x98\xcdc\x13c\x88\xab\xb2\x84#\xa8R \xb104}*L\xd3\xba\xf7\xf0\xa4y:\x12\xb2\xda\xc3\x90\xfbi\xc3\xd6h\x96\x10\xabqUw\xc7\xf3\xe7=w\x9a\xb5\xab\xce\xe1\xd5\x8f\xab/\x9e\xc2\x13\xb6\x18\r\xc3v\xa2Q\xeb\xc2H\xac\'@\'\x15\xef\xc7k\xfe\xe9@\xc8\x1e\xb3g\xec\xe1\x98\xdf\x9eu\x10u\xaan\x95T\'-"\xda\xdd\x16K\xf5\xf8\xf8\xabg\xab\xdb\xe6\t\xb8\t\xc1\xd5\x05y\xa9\x00K\xc8\xfe\x89\xd6%\x91\x8d\x1b\xd5\xd1\xa0\xdf\x1f\xb3[\xfcak\xc4\x1a\xda\xa5\x8cJ\\\x8aK\x1b\xbf1\x12Y\x94;\xdf\x19\x99\x1f\xd1\xb6\r/q=h\x1f\x03r\x9b\xbcZ\xc5\xfc\x0ftR]\xd2\x8f\xdeh\x8dF\x13\xa1p\xd8\x9eL\xba\\\x91Hlw\xc7\xd6(2\xee4\x1a\xdf\xd8H\x1b\xf5\xa0}|\xbc\xb5\xb5\xc1?i0\xc8\x15UX\x1e\x0b\x89\xc5^\xa6\xd5\x88\xfa\x8e\xae\xaf\x80\xcb\xba\x1e\x83/2\x92\n\x84 \xa9\xd8\xddA\xe7d\xe7\rE\xf5\x90e=#\x83\rv\xe7\xa4\xafI^%G\x19\x17z6ri\xc6\xba\xa4\xefX\x1b%2six\x86YC\x81H"\xb4\x1eI$PO\xf3$\x91o\xf4\'I\xf7|\xbf\xcb5\xf9\xd0$Go2,\xbf_P\x0c\x8fV\x9a\xb1Z\xd6Fu-\x0eg:\xe0r\x05\xd2\x81\xe5Hd=b\xcd\x9d\xe4r\xb9\x90\xd5\xefL\xd9!\xd4\xbaR\xd1I\x13D,\xec\xf7\xa5\x07\x0fP\xd1\x8c\xc5\x93\xaeu\xa9p\xc2\xe1\n\xa6\x83\xc1t:\x10\x08\xa0I\x9b\xc4\xfa\xc9z(\x1a\x8c{#\xb9\x84\xd55=`\x90\x0b\x0b\xefDtX\xf0\xd6g3i\xc6j\\\xbb\xa5\xc2\xf1\x8avg\xd0\xdb\xeb\r\x02\xd7r\x0e\x81\xe5r\x81\xa0W\xe2[G\xef\xfe\x01\x99\x1c\xfb\x1f\x15\x06TL\xda\xb1.}\xbbv]U/\xd2u\xb4\xfb\x83&gt;\x9f\x17\t\x96\x0e\xac\x87\x80,\x1d\rJf\x02\x01\xab+h\x92Wa\xe7\xf6\xc3\x04,0 \x13\xb8\xde\xd3\x8b\xf55\x18QU\x8f\xab+\xda\xedQ\xaf\xf7ng/\x80E"\x81\x80+=\xed\x8d{\xa7\x07\xa2\x03&gt;\x8d\xfc\xf7\xdd1\x8e\xc2#\xc9c1\xe96\xe2\x8fk]\xb7\xeaU\xb8T]\xd6\x1avz\xe3M\x1a_0m\xb5\xa6\xc1\xd3\xe6\x82q\xdf@&lt;n@\xdbd\x05*a\x95L\xc2\xce{\x16\xed.\xbf\x01X*\xd4\x80m)s[\x9cQo\x93\xe6\xa67\x18\xf4\xfa\xe2\xde\xa07\xee3\x984UU\x9a\xc2\x02\x12&amp;\x97\x01\x95$/\xd6\xe7\xc1R)\xcbEy.{\xeaaMU\x8d\xb77\xfe\xb0\xc6g\xb8\xab\xd1\xdcmjj\x92+\xf2X\n\x8fL\x03L\x12dA\xfa}k\xe36\xc2\xaaW~!\xc5\xebHw2\x9c\xf2\xfajjn\xde\xd4\xdc\xed\xacj\x02\xa5\xe4h4\xaa \x95\xc4$\x91\x14\xa0&gt;\x87Z\xb7\xbb\xae\xc3\xb7\x88+\xbfh,\x12\x13\x8e\xf6\x8c=5pS\xa3Q\xc8\x15\x1a`\x92\xcb\xf3n\x85)\xc0~&amp;\x13_\x82\xdau\x08\x8a\xcd\xa4\xf7\xaa\xbet\xe5\xf6\xda-4\xa6\x81\x8b\xa4R\xa3\x91 \x1dI\x8b\xdd\xe53yX\x02\x85\xe2\xb2\\\x80\xf6\xed\x04B\x96G&amp;\xe1\xf3\x11\x16\x97\xcb`\xb2\xf9\xfc\xcf\x85\xa5\xd2\xe18\xaell\xb1\x11p9\xbb\xb5\xa9%.\xaa3\xa0|A(,\xc9S\x99\xf8|\xbe\xac\x80\x85\xbc\xfe\'\x9a\xb1\xae\xad!+\xaa\xd0\x9b\x07\xd2\xac76\xa2\x8c\x00\xcd\xb4[\x8c\xf3\xb5\x19\x8cS\xc2BZ\xc1a\x83\t\x19\xe7!"@\xef\x92\xbc\xfeF\x17\x9a\x1e\x81\x18\x01v\xd4I\x95\x8d\x84\xd8f\xb3\x19\xc9l\xdb\xd3\xd2\xf3\xear\t\x8b\xc1F\xe5w&gt;\xaa\x03Jd\xc8\xe3\x99L\xc32\xad\xc9\xbc\xfe+0"\xba\x7f\x94\xe8E\x8d#\xc1\x8c\xb6o\x8cF\xaa]\xbb0\x86jZ\xa8\xe7\x03b\xd5\xd6\xd6\xa2\xc2\xb7L\xc6(|\x8br\xf9{:\xf5\x02\xac.\x15\x1a\xb6\x11!\xb9\xa4J\x00\x93\xdal-\xa0\x98\xc3\xad}1T\x89\xc6\x91\xb8\x12\x13P\x99j\xf9\x12\x19\x97\x81&gt;E\x90\xab\xf8K\r\x9dK\xcc\x8b\xad\xe0[\xdd\xe8K\x14\x01\x12D{\\\xa7.\xb2\x95\x11F\x9b\x8dr4?{\x8cf\rd\xfcZ\x03\xfc\x99$\xe0\xf2\x8cB\x84`\x16\x0b\xae6\xd1V\x86\xe0\xe9\xff:\x0f\x81KU\xafS\xc2)\x87\x7f\x1c\x8d\xa8\xb7\x18\t\xaa\x8c\xa4\xc8\x9e\xd6\xc1\xad\xb1b$\x96\x01\x0e\x1b\xb0\x10WA-\xec\xea\xd5\xce_i\xfa\x95\x8f+\xbf\xdd\xd5~\x87.E%\xea\xb0H\xcbA0\\]\'\x16\x8bm\x04E\x92\x04A9\x1a\x86\xcdl\x13\x822\xd4\xb2%\x8c\xfcAb\xe5\xb1h\xd2\x8b\xd7\xf7\x8f?\xd5&lt;\x82\xdb\x07\xb9\x16j\x04\x95KA,uK]\x05A\x1061\n\x15\x84cpz\xa6@\xc5\x97\xe4\xc3V&gt;n\xb1\x99\\\xecK\xe0\xea\xdc\xa7\x81K\xff\xef\xfb\xf7]\xf7\xf2X\xf0\x19\x96\xa3\xce\xa2\x14\xa0\xea\xc4\x80C\x90d\x19\x8a`\xed\xf3\xd3K\xb5\xe7T\x05,6D\x0b&amp;\x93\xcbAXW{\xfb.\xfc\x07nx\xbf\xdd\xbf\x7f\xdf\x7f\x0f\x8cx\xeb\xbf\xad\x9coh[\xe7\x19\xc5c\xdaa\xc9\xd9\x10\x9d\x8a-\x9c\rM\x8b\xc3\xdd,\xd9\x90v\xabg&amp;EV\x14\xad\xbe\x97a\xd5 \xc9Q\xa3\xa8(2\x8ek\xb9F5\xd8\xe01P\x8d&amp;\xe3\x8a2\x056\t\r\x19Q\xd8\x07-\xd5\x02\x97~\xd0\'}\x90\x9aA\xdd`a&amp;\x12\xac\xb9u\x11.\xb2!\x95&lt;\xff\xc1`\xf9\xef\xce\xf3^;k\xcb6\xda5\'\xb6\xae\x9d\x04\xf4\xcb9\xe7}\xde7FW\xfd/\xb1b\xc1-\xcc\x88\xa6\x1epQ\xb5\xa0\x11\x93\x87\xce\\\xd7\xae\xf51\xac\x86\x86\x0b4V\x81\xd5\xf0\x1d\x05a\xa9\xdf{\xf8\xcf\xa7\xfb&gt;2\xb2mP\r&lt;",\x0c\x08\xe2j\x01\x16V"\xbd\xfen\xa8\xb9\xf9W\xb6\x91\x91\xf1.\xf3\x04\xa0\xfa\xfa\xfa\x18\x16\xa6)\xc4\xf6\xc4\x86\xe7\xe4jI?\xb8\xfe\xc9\xd3\x03\x93\x81*\x02\xacc\x86u\xf1%L\xf9\x9f\xfc\xa2\xbb\xbb\x89\xdd.\xd2\xf42j\x0f\xc3F4z\xcf\xc44Q\xb5\xd3\xa9\x06Xl\xa7~\x96\xb0\x9e\x81[:\x92B\xae~\xfbi\xbd\xf3\x8e,\xb01\x10\x89\x80k\xf3\xb7\xaf\xbep\x8a\x85\x0c\xe9\xc5\xcdm==tC ze\xb3h\xf4\xe6\xd0\xad\xb9\xf6&gt;"{\x9e^j\xda\x00\xb3\xc8\xad\x06\x86\xc5\xb8\x14\x8d:\x85\xfa\xfa\xe3\xa7\x01\xa6\xda\x12\xf8\x08On\xf1\xfa3\xb7~\x8c\xbd\xfa|\xcb\x8bMt\xef\xe4\xd0\x10\xdc\x02\x96\xa9kp4D~\x81\x8bM\xf8\x86\x0bt\xaean\xe9$,\x05a)t\xea\xdf&lt;\xfc\xd3\xb7m\xff\xf6z\xc1\xca\xf3&lt;uk\xe0\xf6\xab\xf8\x9f\xe2E\xe2\xa2\x17p\xb5\xb4\xb44In\r\xd1Ab\xfc\xe6\xfb\xda1\xe2B\xe5\xdbo\xdc\xc0n\xcd\xcc"\xbb\x9e\x03\xd4\x13,9\xae\xbaW\xee\x7f\xfam\xde\xdeI\xb5\x11q\x178\x8e70\xaec`\xa1\xf1\xc0\x02Uw7\xf6\x1et\xab\xe9e6OQy\xbd\xf6\xad\xbb\xa1\t\xba\x19b*\x14\x9a\xbau\xa3\xfd\x0c\xeb{\xea/\xb8\xd5\xa8`\xba\xf4\xd1\xe3\xffs`\xc8T\x1b\xeb\xe1\x82\xd1m\xe5\xe2\\\x9c\xa5x\xe5\xcf\xbff!\xb2\xdd\x10L\xfd\xd8|\xd8b\xfc\xa3\xcd\x02\xac\xc1\xdb\xa3ccw\xef\xdc\xf5\x98\xb5f\xcf\xf0\xc4t\xbbt\xc6yF\xfd\xc4-9\xb0\xe4\x12\x97B\xf7\xb3\xfb\x7f\xff\xeb7%\x93]\rl\x1d\x1a\xc3\xc6\x82\xd1\x98\xe1y\x186\x80\xd5\xf8\x8e\x84u\x9ef\x03\xa6\x03\xb6D\xa5\xb2\xa7\x87\xddB\x89\xb1u\xf3\xe6\xcd\xf7o\x8f\x0e\xdf5k\xf5p\xce\x83@\xe7\xe8\x8cs\x81\rS5Q\xc1-\x9cb\xe1\x97\\b\xfb\xd1\xdb\x0f\xff\xf1\x8d\xfa\xaf\xda^\x0f\xbb\x89\xaa\xe0\x0eg@e\x88\x83*b0\x11\xd6\xf7\xa9Z\x88\x11S^\xd9\xda\xda\x8a\xda\xd3R\x1c\x19\xd7\x80J\xeb\x19\x1b\xd5\x0e\xea\xf5\x83Z\xf3p\xe8\xd6\xf4\xdc\\\xfbw\x7f\xa8V/\x9ca\xc9u\xec\x879\x8c\x8b\xa1\xe9~\xf9\xf5\xc3\xa4\xf4\x8cP8\xec.\x97\x0bK\x05\xde\xc0q\x1c\xa8\xf8\xf8q\xc7\xcfq\xb2ii9\xcf\xa6C\'\xdd7\xd9\xdc\x8cO\xdb\x88e\\\x83\x14\xb5\xa3\x9eQf\xd6,RD\xbf\xa6\xe7\xae]R/,0,\xa2R\xa8\xa5\xf7\x95Q\xc8%Ia&gt;\xfaZ\x96\xc1)\xa3\xdb\x88\x8fp\xb8P.\x97\x8d9+\xec\xb2\xc6#\xc0\xb2\xee\xf5\xf6_\xa4\x0c%,%\xbb9\xbe\xb9\xc3\x86\xf9\xc0\xa8\xcc\xa3f\xb3v\xb0\x0b\x19\x12\x16\xfa?\xdd\xb7\xbf\xba\xc0\xb8\xb0\x06\xe5\x8d:\xb5\xf4\xb3\x9c3\xac\xd30/}\xf4\xf9\xff\xb6L&amp;s\x92Sn7&gt;\xc2\xe1p\xb9Pp\x15\x962\x11J1NX\xd6\xbd\xce\xb66DHT\xbd\x9d\x04\x05&amp;PY4\x1a4^K\x1a\x84Y\xa8\xd6\xd8\x9d\xd0\x14\xecZ\xdb_\\\x05\x18e(o\xa4\xc6\x9f\xbe\x0f\xcf\x97\xb9\x14:\xcc\xb2\xff62d\xb2\xab\xdb\xe89\x90\nnF\x95+\xb8\x0b\xae4\xa5\x18\x07\x11\x0f,\x01\\\xfd`\xa2\x01\x8f\x0c{[;:l3\x16\x0b3K?8;;8\x08\xaf\xba\xba\xa4\x0c\'&amp;\xa6\xae\xef\xec/.\x12\x98ZG\x04\xba/\xbcE\x8a\xbc\xf1\t\x18k\xd9+\xf7\xffc\x96X{\x07T)\xe6\x14\x8bp)\x9f\xcb\xe5\xf3by\xbd\xce[\xad\xa7\\\x19aO\xd9C\x07-%\xa9\xf7\x8d\x8e\x0e\xa2",\x84\x08\xe9\xf5]\x1aM\x97\xd63\x0c(\xd8U[[\xdb\x87_\x84\xb6p\xe9=5\x05)\xd1\xfc\xdb3\x05F\x87za\x91\xf4\xe1c\xe7\xd5\xaf\x18%\xd5\x9c:\xe5\xc6\xf2\xc3u\x89\x98\x08L\xdcR\xad\xf3q\x03\x07.\xb0\xf9\x85\xbd\xcbT\xaafZ\x82\xbd\xb0kf\xd22i\xd2\xbc\xa9!\x97\xf4z\x8d\xc6d\xc2\xf68\x1c\x82Uw\xc6\xee\xef0\xac\xfd\xb5\xb5Je\xed\xa4\xbe\x0f\xd3\xd4\xd45i]\xd2F\xb4\n\xe4\xe5\xe5\xe5{\xd0\x1a}&gt;\xfar\xa3\x0e\x0e\xc9E\x18Uo\x00\x00\x03\xaeIDAT#\x08H\x05\x98\xb5\x94\xcb\'\x8bEG\x02\\\xc1#U \x12\xb7\xa2\xf5d\x19r\xdc\xbc\xcc\x16\xe0\xe5\xcb\xcaN\t\x0b$\x1a\x16#\xa8\xc6-\x12\xd6\xd4Dh\xecw\xd9\xca\x1a\xa9R\xabek\xfe\xdd\x93\x13\t`y\x19\xb1\xaeR\xe5\x16VW\xf1\x1b+\xf7@]\xa9\xccC;\x95\xaf4\x8a\x06\x02=\xb8s\xee\xdc\x92\xbb,&amp;\xbd\xdebqee\xc5\x9b\xcfo\x05T\x1b\x94\xa15\x1e\xe7\x89\x8b;F\xd3\t\xac\xb5\xb3\xb3\x97\xee%\xd30\xc1-\x8d\xc9\x82Ya\xea\x9a\x85[!\x8f\xf6x\x87\x9e\xae\xb2\xe3\x17\x04!\xb3\xbb[\xdf\xf5\x17K\xd5\xf9\n#[^\\f&gt;\x01te\xbeZ\xad\xceW\xd3\xd5j:]=e\x92m\xb3i\x8e\x8e\x1b\xc39(o\x17\xc5dLt8\x12\x89\xb2\xdd\x1e\x8c%\x8b\xc9\x03g@\xb5\x15\x17\x0c\xbc`\x8d\xf3\xd8\x888\xee\x11\x1bW\xcaN\xd4\xbe\x95nqc\xd1\xa1T\xa0\xc2\xd2\x9c|\xfdo\xc3\xa1a\xf3\xec\x1f\xb2;\xa4\x9a_\xe0\xac\xe9\xbao\xd7\xe7\xf3\xa5\xd3\xe9L\x15\xaeTV\x88\x8d\xa2\x03\x14\xc9UN\x93\xaa\xd5S\xa3\xd6\xc3a\xa2\x82K\xc8-\xe8\x889\x00\xb2R,&amp;c\x0e\xbb;\x97O$\x92\xc9L \x10\r\xa8\xea&lt;\'\x18\x04\x8e\xe71\xbfx\xc3\xef\x95`\xea\xc1F\xdd\xd6\xfb\xc2\xcc\xe4\x15\x84HPD\xd5\xda\xdaay]\xeb\xf1h\xb5\xfa\xcd\x1a\xc2\xcbf\x05L\xbdL\xc6\xb7\xbb\x1b\xf5\xf9\x8e\xd2.zrp\xacH*\xce\x17\xe7K\x08f\xe5\x9e\xb7\x84UOna\xe9\x1d\x86i\xc5-Q\xbd\xed\t\x07\x14\xf3Rz\xc4%\x06\xcbA\xd8\x95\x10\xeb\x01\xe2\nDx\x01\xffl\x8e\x8e\x12\x91\x88\xff\x9d\xa6&amp;vjn\xeb|\xe3\xa7\x93T-\xc82ck\xed\xec\x87\x7foj\xdfz\xed\xddw\xf7\xb2;\xd9\xac\xdf\xefG\xfe\x99\xf4\x96\x8f\xa8|\xf5\x92\xcb\xe5J\x97J \x81\xe6K\xd5$\xe4\xa5\xbePc\x8e\xeaG\xe5s\x1b\xeb\x87\x98M\x80\xca\xe5\xcbb\x02\n&amp;\x121o\x0c~%\xca\xa2#\xe9E\x8e\xc1\xa0=\x9f?\x08\x90\x9c\x1bq\x0e\x15\xc1.D\xdb\x10_{\xf8\xd9\x07\x0f\x1e\xbc\xd8\xd4}\xb1\xbfy\xe6\xca\x15\x93edd\xc6\xd6\xac\xec&gt;\xdf\xf2\xe0\xb3\xbdM\x03\xe4\xe7\xb25Pe\xc9\xab\xf4Q\x94Q\xf9v\t\xcbU"\xb9Jt\x8d%\xc9\x07F\xe6\xf5f\xa2Q\xdf9\x86\xb4\xb4\xb4\xbee\xb7\xe7\xed);S\xccA\xa5\n\x020)}\x05\xacm\'aEUu\xe2\xe2\x0c\x1c\x0e\xab&lt;/\xec\x188\xc3&amp;i\xef\xe3\x8f\xffb\x9a\xb4\xd8l\x1d\xca\xa1\x0f\x1e\x03I\xf0\xc3\xa4,jNT~!\x9e\xc9d\xd2\x07&gt;\x1f\xc3\xf2\xa5]Lez\x10Q\x98d,\x19\x8b\x91cDV\xf2E\xa3\xe7r\xc4\xb4\x11Pm\xe7S\xa93\xac 3\r&amp;\x81\x8c\x1eR\xf9\xbc\xdb\xa9R9)Fg\x84N8\x06A\xe0\xe9Z\xf3sOd0\x1c\x83\xee\x93M \x81\x89X\xa8\x86\x94`\x06\x11\x82\xea(\xb0\x1b`T\xd1\xb4K\xc4/\xc2\x12E\xf2\x80&gt;\xe9BT\xde\xd8\x16\xb0\xc2[`\x826R\xc0\xb23\xb2 )ALdT\x8a\xb1\x1aUL\x81\xa8s\x1bm\xb7\xd2\x93\x82\x84\x17j\xa0!\xa23\xf9\xb1&amp;\x08\x88\x90\x0cV\xfc\x99\x9f\x08\xad\xd6t\xc6Z\x8f\xc2\x06\t\xeb\xe8\xcc*\xe6\x95\x04\x85\xc7X\x8ca\r\x00\xcb)=\x1f\xc3JI\x86\xa5\x18\n\xb1\xe1k\x08\x96\xa5\x0eU\xaa\xab\xf4\xd70%\xa2\xeb\x11\xd4\x97\xad-f\x17`\x04\x86D\x8fY\x9c\xad\x19\x13\xbe!*!\xebG|\x19\xeb\xc9\x06\xac\x8e\x12\x16&amp;D\xf4\x04^\x95EQ$\xb7D\x87\xc8\xdc\xc25\x16#\xbfb(\xd7\xbf\x00a{s\xc4v\xc2M1\x00\x00\x00\x00IEND\xaeB`\x82'</t>
        </is>
      </c>
      <c r="M334" s="3" t="n">
        <v>45492.6760300926</v>
      </c>
    </row>
    <row r="335">
      <c r="A335" t="n">
        <v>937552</v>
      </c>
      <c r="B335" t="n">
        <v>2020</v>
      </c>
      <c r="C335" t="inlineStr">
        <is>
          <t>Breno Lopes</t>
        </is>
      </c>
      <c r="D335" t="inlineStr">
        <is>
          <t>Breno Lopes</t>
        </is>
      </c>
      <c r="E335" t="inlineStr">
        <is>
          <t>PE</t>
        </is>
      </c>
      <c r="F335" t="inlineStr">
        <is>
          <t>ATA</t>
        </is>
      </c>
      <c r="G335" t="inlineStr">
        <is>
          <t>PE/CA</t>
        </is>
      </c>
      <c r="H335" t="n">
        <v>178</v>
      </c>
      <c r="I335" t="n">
        <v>26</v>
      </c>
      <c r="J335" s="2" t="n">
        <v>35087</v>
      </c>
      <c r="K335" t="inlineStr">
        <is>
          <t>Right</t>
        </is>
      </c>
      <c r="L33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c036db4d-5f20-4551-a9e6-4461e44be8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&gt;Al\x00\x00\x00\tpHYs\x00\x00\x0e\xc4\x00\x00\x0e\xc4\x01\x95+\x0e\x1b\x00\x00\x03\x00PLTE\xff\xff\xff\x00M\xca\xd0}M\xb5hI\xf5\x034\xf5\xb0\x85\xcf\x90f\xfe\xfe\xfe\xec\xee\xef\xe8\xeb\xed\xc8\x80Z\xe1\xe7\xeb\x97G*\xc5}W\xadbF\xcc\x89`\xde\x01+\xaaU5\xed\x044\xf4\xb4\x89\xa4Q2\xf4\xa7x\xd4\x95k\xda\x9ds\xfb\x18D\xf9\r=\xd1\x00"#\x0b\x07\xd5\x9ao\xef\xad\x82\xe6\x03/\xad\\&lt;\x19\x07\x04W\x1c\r\xd4\x82U\xbdsO\xfc,Q\xde\x92e\x9dL.\xc9pC\xfd"K|5\x1f\xb4_&gt;\xca\xd3\xd9\xf2\xa2p\xd8\x01\'\x99B"\xc2xT\xb2\xc3\xce\xed\xa9{\xea\xa2v\x00J\xc6\x00?\xba\xa3H&amp;\xda\xe1\xe5\xee\xae\x8a\xf5\xb8\x8f\xbea8\xdc\xa3y\xe6\x97i\xf9\xf8\xf8\xd4\xdc\xe1\x91A+\xee\x9ak\xf6\xac\x80\xd1\xd7\xdbX+\x16,\x13\x0e\xdf\x8a^\xc2\xce\xd5\xb5oN\xfd=\\\xd9\x87Y\x00E\xc0\xc4{a\x854\x1e\xbemJ\x90;#\xf1\xf1\xf3\xcbxI\xdd\x98l\xed\xa4\x82\xd4\x88^\xc5i&gt;e1\x1a?\x1c\x10\xe5\x8c`\xdb\x94v\n\x02\x02\xcb\x84[\xe4\xa8\x80\xf1\r&lt;\xfc4V\xce|T\xf1\xb2\x92\xe3\xa2w\xa2[@\xe4\x9c\x80L\x17\n\x7f&lt;&amp;\xde\x8cq\x89= \xd0sJ\xbf\xc7\xce\xe3\x9cr\xb6Y1\xfcTl\x93I3\x017\xb2\xea\x91e\xd1\x83i\xb9fB\xc6\x01\x1e\x87@,c!\x11\xaeP*\xf8"N\xfe_s\xa3O:m(\x17\x01^\xd3\xbcyZ\xb4bS\xa9WE\x90D%6\x13\tL#\x15p8\x1d\xd9\x8e_\x04U\xcc\xd0|_q.\x19\xdb\xa8\x87\xd8\x8ef\xc5oQ\xbe\xbb\xbd\xd1\x95t\x87N9\xbckZy-\x1a\xb3YL\xcd\xbf\xbd\x9bS8\xd6\x9e\x82\xf4\x1aC\xfdKe\xa4mW\xda\x7fV\xab\x99\x9c\xd6zQ~A3\xc6r\\\xc7\x97\x80\xd5\x8ao\xc2\x88g[;0\xc9\x8eo\x01+\x95\xbc\xa9\xac\xd6si\x0ef\xcd\xa6\xad\xbb\x85WI\xc1dKO2+\xe4\xdd\xde\xf6\xb7\x97?\'$\x92ZD\xe4\xa9\x8d\xe5\x93y\xac\xb9\xc4\xe8\x91\x8eo9-\xd9\x86\x89\x94\x9d\xaa\xea\xa4\x99\x02\x1e\x7f\xd5\xb1\xa9\xafv[\x96dQ\x98\x8d\x8b\x01/\xa4hG=\x9cI7\x97L?}\x89\x97\xcf\xcc\xcc\xb8\x92\x80[)#\xf3\xba\x9f\xbb\x80b\xa0A/\xb5\x08%\xfa\xec\xe9\xc7\x91\x9a\xd9\x87e\x8d\xab\xc8\xc7ej\xe1\xc7\xcf\xe8\xb3\xa8\xe3\xb8\xbctKAdce\xf8\xe2\xdc\xea\x1fH\x1dx\xd6\xc6w{\xf4\xc1\xac\xa0zmn/&amp;\xa7X[\xda\x94\x98U\x9d\xd9\x07C\xa9\xa3LG\xdew}\xb3\xcc\xe6\xe4\x9a\xac\xc8\x15:\xe0\x81ZE67pVS\x88xs\xb3\x82h\xf3\xcf\xc3\x81kf\x1bS\xa8\xde\x17&gt;=\x8f\xd7\xf1f\x82QII\xeaz\x8f#$*HV_u\xa4\xd7\x97\xbb\xe1\xd39N5t\xcaury\xe9C[\xb3s\x83\xee3N\x96&lt;A\xdfX\\T}\xb7&lt;U\xa6`\x87\xd2 9\x91\xb56Xbp\x81\xf3\x81g\x12,iY\x1aWz*x\x95\n/\xb5\xba\x91]\x00\x00 \x00IDATx\xda\xcc\xd9\xefO\x1ay\x1e\x07p\x83\xa9c\x9b\x11C\x8e\x85\x07\xd3\x06\x1c3\x18\xcc\x05\xa3\t\xe9!\x84\xcb\xcd\x10B\x82\x08\x873($\x13]9\x08\xc6\xb8\x06MJz\x05$uiu\xa9n\xa2b\xb7b|@`\xf1.\xf1\x1e\x9c\x1ac\xac\xd1\xec\x99\\\x97\xde\x83\x9e{\x0f\x8b\xb6&gt;1\xf6\xc9&gt;\xb9g\xfb\xe4&gt;\xdf\xef\xd8\xde\x1fp\x8c\xbd\x8f\x94\x1f\xe1\x01\xaf\xbc?\x9f\xf9\xcc@\x1b\x1a\xfe\xf7"pm,\xd8\xf0c\xc3\xffI!\x8b\xad\xf9\xa0P8?(\xdfn\xb6\x11\r\x9f\x9f\x86H\xfd\xe5\x83\x95\x8b\xbd\x02G\xa5J\xb5\xc2\xde\xd9\xc6\xedr\xbf\xed3\xcbl\xcd\xe5\x83\xdd\xbdB:E\xa1\xd2\xeb\x87\x86\xa8\xca\xd9\xd9\xf9\x86\xed\xb3\xb2\x88\x8d\x8bj!%\xb0\x02\x88(0\xa1\x9b\x9e\xe2R\x95\x95~\xe2\xb3\xf5\xaf\x81\xb0\x9d\x8f\xa68*\xcd\xa6 \'\x8aCa\x01\x0b\\\x94\xb0\xdb\xfcy\xa6\x9f \xca\x0b\xe5\x85\xaa\x90\xa2\x84C\x08\x0bT\x02G\x01\x8bBi\xe9\x87\xb8\x8b\xa7\xfd7\xef\x82(\x0e\xce\n\xd5R\x1a\x17\x07!QT:\xc5A`\x10\x16\xca\x8d\x82\x19[\xb8\xe9\t#l\xe5\x83\x0b!-\x08i\x96\x15R\x10\x13\x80\xa84\x07\x81!\xd7\x10\x85GM_{z\xb3.\xc2\xb6\xb2\x07A\xb1l\x1a\xd1R)I\x96\xd2S\xd0\xd2\xa1!\x1c\x1d&gt;\x02*\xbb\x077\xd9H\xe2v\x95\xa2\x04\x96=\x84\x06\xa6\x90\x8a\x13\x04\xd4@*\xc5\xe91\x0b\xb9\xd0\x01\xa0\xbf&lt;\xb8\xb9\x15\x06sUH\xa5 ,\x96m\x13\xa0\x91\xa3\xa8\x950QpPr\xd7\xfb\x8b\xa2\xb0\x0f\x02\xbb\xb9UA\xf4\xef\n\xc2(\xcb\xf3\x89\x19\x96==\xe5\xa7\xf8S\x9e\x15P\x8d\xb6I5\n\x9d\x95\xb6\xeb\xd0\xd5\xee\r\xb9\x08\xdbFI\x18M\xb7M\xcd\x1a#n7I&amp;\xe1\x96\xb4\x87\xc3\xf1\xb8\xd1\x98\xcb\xcd\xce&amp;\xa0\xa6\xdaF\xa1\xf0\xa4Un\xc6\x05\xaa\x02\xe42\x953z\x0c\xa4\xc1`6\x9bU*\xb5\xdal2\xabUj\x8f\xc7\xedv\xe7@\x05\xae\xb6\x8f\xae\xab\x05\xe2&amp;:\xb8RJ\t\x89\x9c\xc7d2\x1bLpO\x9a@f6\xc1K\xb3\xc9\x03\xf1\x19s\xb3(-\xcc\x92`\x97\xf2\x1f\x8f\x84m\xb7\xc2\xa5f=\x92\xc5\x83\n@&amp;\xa9\x90*\x87T\x98\x05.\x9c\x18\xb8\xca2\xbb\x08b\x01\xa90j\x1ai\x92\x10\x18\x89Y\x12\x13\xc1\xd0xM]\xc3\xa0 \xaf\x9f\xe5\x1d/\x82\xf8\xdd%\x95J\x98\x90\t\xd5\xb1\t\xb5Q\x8aKj\xa5\xd4\xc6\xdc\'W\x1bv\xe9w\xe5\xdd\xf7\xb6\x0b=\xc5\x9b\xa6\xa7qR\xd8f0\x7f\xac\xe9i\t\x86\xe6\x1e:)\xb9\xb0L?t%\xe7x\x11\xc4\xd3\nwh\x9a\x1e\xc3\x82ix\x84g\xf0|\x1a?\x9a%\x16\x1e\xb2k\x18\x9e\xfc\xb66\xb8\xa2x}[FV\xf3k\x8a%\x91\x06\xdd\xc6,\x9d\x16\x0b~f\x19C\x8f\xb8P\\\xf8\x98t\xe7\x8c9\xecB+\x16\xceI\x1b\xb2\xc5E\xd8\x9er\xe98\x06\x8dYP=\xf1\x0e@\xe1\xa7\xe8~L\xd2\x99Uc*\x95\xc1\x1e\x89\xe0\r\x86\x1b\tW\x16\xb5\xb2lq5\xbf\x16\xb6T\xf0\xd1\xf0\xf9\x16\xf0tx\xa3\n\x85"\xda\x01\xcfpIDxW7\xa6S\x19H\xd2\x13\xc9}ld\x8a\x92m\xea\xd1d\x9d\xeeOJ\x1f\x0e\x94hT\xa4ON\\\xe0\xea\x88\xa2;\xc4\x82;K\xe7Xg\xa7N\xa7R\x1b\xec\xd0I\xc9\x05\x17e\xfaK\xb9\xa6\xcbvq\xb8:\x02\x1f\xdca\x19\x88F\xa3\n\x91\xf6g\x07\x07\xb3~:\n,/fY\x90k\xb2\x13J\x85Y\x11\xec\xc2\xe7n\xaer SZ\xe5\xcb\xad\xfd\xc6(4\r\x82\xca\xe7i\x9a\xcef5\x83\x9a\xbb\x1a\x9a\x86^\xa2.\xa2\x14;:\x10\x0b\xa7E\xda\x81%\xcdW\x1a.\x10Wd\xe9"\xf4\xb00\xae|"zA\x95\x8f\xe6i\x94\x96?\xaby\xa1\xd1\x04\xbd\xde\x0e\xafW\x01\x89\xa1\xfeB\x17U\xe8\xe4\r\xc3\x05]D\xd7\x14\x89)6\x9d\x16\xb8\xd7\xf2\xb0l\xbb\xab\xcaFQD\xa3\x14\x8d\xd2\xb4\xf8\xc4+B\xf9E\x11\x1a\xe8U`\x16\xea\xa4e\xb2\x13%\x85\xca\x0e.|\xea\x9eBq\xd5\xe4\x18.\x82\xb8}\xbe\xdf\xd7.\x8aO\x90J\x91Wx\'\xfbpD\xd7QI\x05/\xe0X\x94X\xf6\xff\xbaf\xd1e\x7feA\x8e\xd5E\x94w\x94\xed]\x90\x16\xcc\x95\x98W(D\x00\x89H\xf5\x11Ec\xd5\x00:\x14\xaf]\xa8\xd09\xd2(\xb9Vd\xd9\xa8\xe5\x1dgW\x0b-\xe6\x97\x97\xf3t^T\xc0\x9f\x88l\xf0\xe4SV\xb8\x89\x16K\'\x1ax\x03\x99\xf4x\xc0\x05*`\xf1\xc0:\x97\x81\x05\xdf\xa2\xff\x08*Z\xa4\x1d\xcb\xcb\xcb\xe8Q\x84;$\xa3\xfd\xe8H\xf4\xe2\x89\x87\xdb\xe4\x98\xe4\x02\x98=\x89\xd22\xa2\x82\xb8\x843\x19.o\x88\x86\xbf?G\x02\x97#\xe0p\xb8\\.\x04\x0b\x8a\x8a\xa0\xe8\x95f\xea\x9a\x85\xd6\x1a\xb2uJ\x1b\x02XF\xa3;\x1c6\x1a!\xae\xcb\xb2\x1ci\xbd\x87\xc3\xce\xef@*\x87\x0b\xc12\x99\x8c\x1f\n\xb6\x16\x90\xbc\xd7=\xec\xe8\xc0\xc0\xc9O.\x0f\xca\n\xb3\xd8\xc2\x81\x1c\xac\x1fA\xe5w\x04\x02\x0109\xc0\x94a|L\x96\xf1\xf92\xa8\x874\xed\xa2\xe9\xeb\xd4`\xe2\xfa`\xa7\xea\x10\xcbc\x87\xafC\x885\xc3\xb3\xa5\xa7r\xb0^=\xf6\xfb]\x90V\xc0\xb5\x8c\xa2b|\xb1\x98/\xab\xd1j\x19 \xc1k\xda\x8f\xb3\x83\x7f\xc1`K\xbb\xb3qR\xa7S\x03+\x02\xf3\x8e\xf3\x02\x96\x0c{\x1e\xb1\xe0\xfc\xe7\x08L\x04`\xe6\xc1\xc1\xc4b\xb1\xe1\xb9\xf5^-\xe3r0\x0c\x93\xcdf\x99l\x06\xfe4\x9a\xa6\xa6\xa6\xb5m\xa7rdD\x8d\\\xc0B.\x14\xd7y\xbf\x0c\xac\xaf\x1fC$\x8e\x89\t\xc7\xdb\xe5&lt;\xb0\xa0\x7f\xbd_C}\xf9\x87\x93\x13\x08.\xeb\xf3\xf9\x18\xc6\xa7\xd5j5\xebG;\xd5B\xa9T\xa9\xa4\x0f\xb7\xe2\xf6\x08|\xe1\x00X\x18X{e\x19X\xdf\xfa\x19\xe6cX\x0e\x97\xbfu\xed\xdd\xbb\x97/\xbf\xfb\xf6\xdb/\xff&lt;\xd8\x1b\x1a\x06\x95O\xe3\xd3\xf6j\xe7\xde\xed\xecU8\xfcc\x84\x9e\xe2\xd2\xf6\xf10?5;\x83\xd3b\xeb\xbf\xe7\x89\x1f^\x9c0\xd6\xc0\x84\xd5\xe1\xca/\xbbh\xe7fu\xafP\xaa\x15\xaa;K\xef\xd6\xe7zC!\xadO\xeb\x03U\xef\xdc\xfa\xd2^\xa9\xc2U@\x85~\xf6:\\=\xdd:\x9d\xe2\xc1\x85X2\xec\xf9\xf7\'\'\xd6\xd8\xc4D\x80\xa6\xf3\x0eq\x13L\xa5R\xadR\xa9\x94\xaa\xc5\xa5\xa3\xb9PhX\xebc2p\x00h\xd6v\xe0\xbd\n\xbc[\xd8\xabV\x8b\xc5U6}\xc8\xb3\xfc,\xb0x\xf6\x9f\xf5O\xeb\xfdI\xd6\x17\xb3\x06\x1c\xb4\xe8j\x99/\x80\xaaV\xaa\xed\x15\n{\xc5\xe2\xce\xf6z(\x14\xf2e2\xae\x0c\xcc\xfb\xc3\xcdyT\x8b#\xcaF\xa5\xd3\xe9T\xce\xf3i\x00\xf133\x10\xd7E\xfdg\xeb\x95\xff+\xab\xd5:\xe1x,&gt;\xdf\xac\x16wv\x96pmo\x1f\x1d\xad\xad\xdd\x05\xd60\x03\xc7aS\xeb\x9dv\xa5rdq\xd1\x00*g\xa3\xd3\xd9\xd8\xa8\\\x8c\x7fb\x15\xeb\xbe!\x80\xe5\xf7Y\xad\x01\x97(~s\xb4&gt;77w\xb7\xa9\xa95\x18\x0c\xb66\xc1\xa0\xf7\xdc\xbb\x7f/\x04Gb\xa6\xb5\xa5\xbdS\xb78&gt;\xbe\xa8kl\xef\xeajooT\xeaF\xd4\x8b\xf10v\xf1|\xb1\xbf\xce?\x8b\xe3m\xca@X\xb4\xf8xp84&lt;\xac\xd54\xb5\xb6\xc2ui__W\x90\x19\xee\xbe\x7f\xff\xfe\xb0/\xe3\xbf\x03\xeb]M\x92\x06\xd4B\'\xaaF\x9d!I\x1a\x0c3,\xb8x~\xbe\xb9\xde\xffY\x05ie1\xeb$\xd6\xd3=\x0c\xa5\x85\xb0Z\xda\';\'\xfb\xda[!\xad\xfb\x7f\ne\x14\x8a&gt;8\xe7\x18\x92\x11\xe3\xcc*\x9a\xaf\xcd\xcd\xc5\xc5\x91\x91d\xd2\xa0\x8e\xa3\xb8\xf8\x99bsyc\xa1\xae;\x95xs\x02\x0b\x02\xc2b\xee\xdd\xeb\x01\xd8\xe0\xfa\xd1C\xd8\xe4\xd00\xddd\x97\xf6W\xbf\xf9}\xc8\x97\x1f\xb0\xa8T:\x15i\x9c\x9a:\xdd\xaa\\q\\\xa5\xb0\x1aO&amp;\xc9H\xd2\x90Dq\xf13\x9b\x0b\xd5\xdc\xf1_\xeb\x9a\xd7\x1b8/[\x1d\n1v\xab\xbb\xbb\xdb\xd7\xfa\xe2\xbb\xed\xe2Vak~\xd1\x9044\xb6\xde\xfb\xfe\x965?0f\xf6\x90p\x9d\x15N\xf0m\xa5\x0fWCWWTE`\x8d\xb3\xc6\x08I\x86\x11+\x1c\xdf\xca\x1d\x1f\x7f\xf3C\xbd\\h \xdeX\xe1\xcc\xe7R\xd0\xdd\x10\x96\xdf\xdf\xb4]\xac]\xe9\x87\xaej\xa7ar\xdc\xd9\x12\xbb\xf5\xc5\xc4\xf2\x80e\xda\xe3!\r\xe4\xf8\xf8\xd6i\xf1R?\xa4\xbf\xaa\x9c\x1d\n\xa3\x89\\\x844$a\x99\xf2\x91H\x8e|\xf6\xec\xd9\x8f\xf5b\xd9\xfeQ&amp;\xde\xc7 .Z\xe1\xea\xee\xeeq&lt;\xbe3_\xbd\xf8\x00\x81|\xf8\xf9\xa7\xd5\xfd\x87w\x82\xcc\x17\xbf\x0e\xbc\x8dZ,\xc7n\x0fI\x8e\xc7\xb7\x12\xe1\xadC8#\xae\x8e\xec\x87\x13\t#\xc4\x85\xba8\x93\x8cD\xd4\xcf\x9f?\xf8W\x9dX\xc4\xfb_\x9e\xfd\xedU\x0c\xd2Rx\x1d==1\x87\xf8h\x7f\xe9\xe5Y\x8d\xe3j\xc5G\xfb?\x1d\xb5\x06\x1d\xbf\r\xc05~\xb4c\xcc\xe3\x8e\xd8\xc7\xe3\xa7\tc&lt;\x1e\x9f\xdf\x1fy\xf4h\xd1\xee\x86o\x19\x91\x88\x11\xb1\x92\x86\xce\'\xcf\x8f\xffR\xa7\xede\xfb\xfe\x97\x7f\x1fwX\x99\x8c+\xaa`\xacVfY&lt;y\xf1\xd5\xda\xbb\xa5\xfd\xfd\x11\xdd\x83\x07\xca\x87AW \xf0\xf6m\xe0m&gt;j1\xb9\xddn;f\xc1\xf2B\x8b^m\xf0\xc0EW$\x19\xe1\xd9\xff\xd0j&gt;?\x89\xa4i\x1c\xefXa\xd8q\xb1:\x15\xa9\xee\xc3,\xa9]\x08\x18i\xb2F\x92]\xec\xc1\xa1\xca^\x87\x10\xd4\x8c\x85\xbdT\x86D\x94\x05\x95\x0e\x11\xc2NR\x13~d5\xf4X\xba%N\x1f\xd4\xaea\xd2\xd1d*\xcd\x0c\x84u\x89\xdb\x07\x8c\xdd4QcwoL\xb0\x07\x13\xcc\xc6\x8b\xb7\xbd\xec\xa1\xe3\xdc\xe6\xb2\xcf[\xf6\xee_\x00O8\x10.|\xf2&lt;\xcf\xfb}\x9f\xef\x9b\xa7W\xab\xc5\xa3\xb2P;&gt;h\r\xd6\x01\xfd\xd3\xfc\xec\xac\xdd\xee\xea\xe8\xd1\xdb\xe1\xae\xd6\xbb\xecan\xe5\x89\x1b\xe4 F\xf1\xd3\x89\x9b0\x1b\xce\xc3u\tX5\xc4\xd5\xbb\xfa\xe5\xc3`\x84r\x1a\x0c\x06\x18Q\x1d`\x185\xbfM?\xbc7c\xa6\xdc\x8f\x04\xd1\x91&lt;Q\xb7fx\xf8\xf9\xa7\x00\xbdN\xd3\xae\x9e\t\x17\xc2\x1a6\x86\xad\xd6\xa9\xf0\xd2\xe7\x93\xa31~:\x99@T\xf4{\xac\x1a\x94qf$\x18\x8f;"&lt;\xa8\x85\x96P&lt;#\xb8\xb3\xde{i35\x1a\x95\xb0\xb1l\x0b\xb1T\xf3\xb4\xc551\xe1\x82\x99k\x18\ni\x0fOM\x8d{\x84\x98\x19\x13\xddG\x90*\xdaB\xd3\xf3\xeb\x9b2\x81\xb84&lt;_\xa9T\x14,0f\x14E\x98L\xa6t\xef\xfd4e\xee\xccE\xa9/[\x85u\xf2\xf3\x7f\x02y\x95\x85\xf4\xf6\xf4\xb8\x8c\xdeE\x97\x0b\xcc\x05L\xc9\x9e\xce\xae\xbe.w\x943\xa2\n\x02\x99\x82\xc5\xd7\xc6VW\xc7"\x08\x8c\xa7\xd0\xd3\x8d\x99 \xccf\xc8\xd8\xcc\xbd\x19Bk\x88\xe6\xc4\xd5\x16a\xdd@X\xd5n\x90\xa6\x9eY\x97\x11\x06Sp=.\x0f`y&lt;G+\xdc#n\xf8B\xe9,/\x14Q\xae\xd5\xa0\xbb\x00\x0b\xa0Ph\xb5PE\xe0"\x00\xeb~\xafIc\x162\x19\xa4\xa7\xad\xca\x16\xad\xb20\xe4&lt;:\x88F\xe3\xa2^\tdtn=\xe2\xb8\xa5u/M[\xe6/.@ \xee\x125hp-\x86\xa5R8\x1cRS\xadF&lt;@\xcf]\x04\x91N\xdf\xef\xfd\x9d6&amp;\xcb\x93\xa9\xfa`\xcb\xb2E\x0et\xab\xac\xdeY8\x88 \x10.}\x072\x85\xfa%\xf4\x1c\xc8\xe5\xc2$I\xd3H" [\xc0562\xc2\xe3\x15GL\x90\xd1\x8b\x92\x96@\x8eQKh\xd2\xf7\x17\x08\n\xa3\x08A\xfeF\xdd\xb2\x96\xcf\x9f\x0eX\xe0\xea\x81\x83H\x87\x81\x0b\xa2cV\xbf\xb8\xb4\x04\xe3{\xc0j\x9d\xb7\x03\xd6\xbcw}}]\xc8\xf2\x8e\x87\x7f\xee\xad\xa4*DL\x90d\xf4\x02g\x06:\xb8*\xd3\x0b\x0bf\xc1l\xaa\t\xf2Y\xab\xa6\x87r1\xaf\xb3\xafC\x86\x86\xed\xb4\x95\x86\x84\x81\xdf_\xef\xd0\x83\x85\x1d\x0f--\x1d\xcd\xf6l\xa2\xee:\xba8\n\x1dI\xd9\xca\xc8\xea\x88\x83O\xf1H\xd1\x05\x19M&gt;1(\xa1I\xb3\xb0@ub#c\xb2\xdc\xaa\x11B}\xaaR\xa1\xc1\xb4C\xefEB`\xb5\xb2v\xf4&gt;\x02Ja\xf4Lf\x8e\xd6g\xe5Y/].\x07B\xa1\x10\xf7\xc8\x9d\xad\xd5\xf8\n\x9f\xca\xf2\x1aB\x962\x19A\xe8\x1b5\x9b`\x88\x00\xac\x0c\xbe:&amp;g[\x84\xa5V_\xaa\xe8\xcd\xe1~\xbb\xbe\xc3hAX6\x9b\xd5\x0e\x12\n\n\xb6)H\xd1y\xb8u\xbcV\xdb\xe9e\xb9\x18\n\x14\xbe\x8a\x8a\xc9\xa4,gS\xd9,?\xc6\xcb\x99h\xb4\x0f\xb0\x08\x05\x0b\xcfTF(\xa1e\x13\x84\xfaD\xe5\x9d\xb8\x18`\\z;I\x02\x97\xcd\xcf\x86\xed\xe0c/6e\xf8_\x96-\x16\xd9\xeai\xb5\xca\x86B\x01NJfEI\x02\xb4d\x12\x8f\x8c\xf0B4\x97\x01\xd1%\xe0V\\X\xc008\xa4T\xabd\x0bz\x1e\xb06\xf3\xdd^\x97\x9d!\x19\x8b\xc5\xe6\xb7\x01\xd70\xa8g6+ely\x14\xf0\x93\xb5\x18\xcaI\xd9T*\xb5\x17I%\x11\x18\x1e\x1f\xa1 ]B\xec\x01\x91\x1e\x99\xb9\xbf\x80Q\xe6Q3_o\x99\xfd9\xf0\xd3\x13wm\x03v\x84\xd5\xcd\x90:?@\x00\xd6\xac\x9c\x12\xa3RQ\x15\xc8ECE\x9b\x8d\r\x1deD\x18\xf3\xf6\x1e\xef%E1\x99\xcd&amp;\xf1`\\\x8ef\x84\xbb\x0f\x1ehz\x83\x90--\x9c\x02\xb9eS\xe0\x8d\x83*s1k\x05,\xa3\x85\x1c\x18 \x19\xf09V\xa3~V\x86\xce\xcaEs!)+F\x03\xf9&lt;\x1b\xcaH\x90\xa3\xd4\xde\x154V\xaa\xd9\xcc\x8a"\x1e\x8f\x8cN\x02\xd6\x17\n\x16\xa8jL\xdanU\ro\xa8\x07OA \xec\x03V\xd7\xa2\xc5\xd2]U\x91\xfd\xfdlx\xf1\xb3\x184\x0e\xc7\x85P\x14Y\xd6\x9fg3\xd7=\xd5\xdc\xdb\xdb\x8bT\xf6\xa0\x90\x06\x11s\xf0\x02`i\xd3\x80\x15\xc4b\x849Sn\x9d\x85\x1d\xbcdX\xda\xdb\xad[\\\xa4i2\xdfm\xa1\xed\xe1\xa5\xcfb}\x1f\x80\xc8\x07\x80\x0b2\xc6=\x82/B6\x99\xc2q\xe8\xad\xbdH\xdc\x01XI\x11\x8cb\x9c\x12\xee~\xa1I\x07\x83\xbdq)#\xcb\xa1\x93\x16\xfa\x9e\x13?\x03X\xddF#\r\xe9RY\xe0b\xec2w~|;\x87\xee\x9e(\xc4\x93\'O&gt;\xf0x&amp;\xdd\x9d]X\n\xb8\xf8\x88#\x02\xd2\x85\xe38f\x98\x8e\x8fNhg \x82\xcfv\xb9\x10w\xd9B*\xa8"C\x93*\xff8\xc2"-\xa4\xdd\xe81w\xf9\xbeZ\xe1V\xb8h&amp;\xe3\xce\x81\xf7_\xb9\xe5Y\xbau\xeb\xd6\xcdQ\x0cC\\\x15\x87\x82\x95\x82\xb99\xae\x9d0\x81&gt;h\x82[\xea\x83\x93\x83\xd6z\xeaK\x98 \x18PQ\x04E[\xec\x8b\xa38za[Y\xe1n\x82\x02p0\xddp\x9e\xc9\xc9\x0c\xc46\x88\x16tXJ\xa1J\xe20\xcf\xf3\x8e\x98)\r\xf1x\xad\xe5{y\xea\x83j&gt;O\x16Y\x84e\x81\x0b\xc8e\xfe\xfc\xf6\xaf\x00\x8b\x0b\x8f\xa3\x1b\'P(\x04\x8e\xd6/\xc0\xfcloGs\xb9\xba$f\xf9\x14\x86%\x9d\x18\x8eOS\x08\x0b\xc6\xf9\xbf\xb6aIC}r\xeag//A\xe5A\xe6I\x8b&gt;\x1bF\x0f\x92\xdc\x945`\r\xb0\x85\xf2\xf5\x85\xb8\xadD\xbd~\x9c\xcc\xa6*M\xe02$\x9cN-\x06X\x1a\x93I\xf3\xac-;\x1a\xa8/\x0eX\x92d\xa0\x8c\xa4~\xd4:\xe5\xfb\xd8\xe7c!\x8a\x81B\xb9P.\xbd\x87\x82t\x01V\xb3\xd9\x84\xee\x9a\xc6\x13\t\'\x8ei\xcc\x1a\x13L\xcdo\xdb\xb5\xa2\xa1\x1e\xac\x92\x0c\x03\xb7\x0f\xa3\x97\xfa}\xbeB\x81\xbd\xc6*\x95_\xbf.\x97\xae\xa1\x8e\x8f\xc5d\xa3yuu\xf5\xf87/~\x8c\xe0\t\xa7\x01\'\xcc\xe8e\xc2\xf1\xbcmX\xeaS\x84E[\x18\x97\xa0\xb3\xf9|\xb7\x8f2\x92T*\x97J\xa5B\xa9T&lt;\x07$\x88d\x03\xe2m\xa3\xb1\xf7\x87_\xff\xc9\x81;\x13n\xcaL\x99\x08\x98Nw\xdb\xb7\tq\xc90*\x94-\xfb\xa8\xcf\xe6\x0b{\xe4\x91?~\xff\xee\xec_\xe5\xb3\xb3\xb3\x9d\x9d\x9dz\xbd~\xf8\xfc\xdd\xbb\x8d\x8d\x8d\xad\xad\xe7\xef\xbe\xfb\xe8\xa3\x17\xd3N\xe7\xcb\x04\x85)\xcfK\x91W\xed\xdbg9Q1*\x15`Y\x85)\x9doji\xb2\xf9\xe2\xfb\xbf\xaf\xbdz\xfa\xea\xe9\xd0\xda\xfe\xfe\xda\xf2\xdc\xfe\xfe\xf2\xf2\xfe\xf2\xd6\xf2\xf2\xd6\xc6?\xff\xf2c\x05z\xeb[\x03\x15\x03,\xad\xe6\x87\xf6\xedg\xdc\x18\xcc\x03\x16IC\xcfs:\x9f/\x1c\xda&gt;nl\xac\r=\x1d\xfa\xe5/\x86&gt;\x19\xba\xb3?44\xb4?\xf7\xc9\x1c\xa2z{u\xd5\x14\x13\x89\x97\t\x8c\xa2\xb4h\x8b\xe4m;\x97\xa5N\x19\xc4E2\xc6q\x98"llq{\xfb\xbc\xf4\xfa\xcd\xda\xd0\xef\xef\x00\xd1\xa7w\xee\xdc\x99[\xfety\xe3\xb0.\xc2YLJn\xf7KD\xa5EK\x11\xcf\xdbWC5j.\x06I\x04m\xb4\xc10\x08#\x16`A\x9c\xedn-\xcf\xcd\xa1\x0f$\xea\xf0\xb8~\x9cm^\xa5Dw\xe2[\xc0"\xc0\x94\x994\x91\xb6n\x08\x1e0\n\x17\xd9o\xb4\x15\xfc\x10l1T\x021-\xfd\xfb|\xe7pkkym\xebL9\x90\r(!\x96p\xbb\xdd\t\x1c\x92\x05\xa1y\xf6a;\xb1\x06\xab\xffK\x17[(T\xab\xfe\xbc_Q\xad\xd7\x08\xec|\xbb\xbes~\xae\x9c\xc8\x064\x96\x98p\'\xba\x9c\x11\xad\xf2h\xe3x\xdb\xce\xf5@\xa8"\xa9`Y,\xfd\x85\x00@\xe5\xab\xfe2`\xbdy\x83\xd4\xeb\xfc\xbc\xb4S\xda\xddU:KLH(Y?\xfc\xed\xfa))\xf8\xbc\xad[\x8b\xea\x03\x1b\x94\x10]\xd7V\x96\xf3W\xfd\xfe\xea\xe9i\x15\xb2\xf5\x06\xf2U\x02\xed\xda9\xdb}}(6\x1b\xa2\x1bQ\xb9\x9d_G\x94\xbd\x96x\xf0\xb0\xbd\xcb\x940y\x91h\xe6\xb2\x90\xba\x80RE\xc4UF\x81\xa8\xcev\xce\xce\x0e\xdf5\x1a\xee\xebH8)t\n5\x91`|\xb7\xcd;\x9e\'\xe8RD\xd3\xa0\n\x90P\xba\xaa\xd5\xbc\x1f\x95p\xe7\x1cek\xa7~\xdcH\xbe\xa7\xea2`\xd4\xfbd9\xda\x8c\x85\xeeEda\x01k\xc0\x0f\x16\xd1\xef\xcf\xe7\x15\x05C\x13\x84t,\xc2P\x93\x14\xff\x9f,\'\xae\xac\x1d\x04\xe3\x95vg\x0b\xbc,`\xcd\xd3$\x03n\xd1\x06\x1a\x81\x9c+\xcb\x06\xc0\x8d\x81\xf1\x01\x93\xdf\x00\x93\x88\x1a\xab+apb\xd4u\xb2*\xed\xc7\x82\xc3\xf8&gt;] [\x88\x0b\x92\x15\x08\x14sn\xf1\x1f0= ;\x8dNa__\x1fP\xe1\xbcI\x0b\xae\'B\xd4\xde\xb4{\xafY}\x12PZ\x9eduJ\xbal6\x9d\r\x92\x05\xfe\xc7\x9d\x10\xe1\x04J(W\x9d]}N\x0c\xc3\xa6\xbf\xe6MPB\x9ep\xac\xb5=[\x1f~\xc3\x91J\xe8\xd0\xbd\xe8\xef\xb6\xe9\xa0\x86\xdc\x7fi9\xfb\x98\xa6\xf3;\x8e\x8f4-}\x906\xa6\x07\x98\xb3\r!\x9d\xee\x84\xc5&gt;q\x85)\xf54\xac]\xaa\r\x13"3%;)0\xd2*\x8d\x15\xccd\xf5|b\xc2\xd9\xe6rm\xd2\x10\x86\xe5!\xb4\xd1\r\xe8\x08A\x9ebSb|\xe0\x9c\x92x\x91L\x125"\x81(NT\xe2\x1f\x88\x9a-\xd9\xfb\xf3\xfd\x95[vw\xbb\xcd\t\x1f\xd2\x16\x08\xa6/\xdf\xef\xf7\xf7\xf3\xfb~\x7f\xbf\xef\xafg\xb12\x83u\x07\xb1\x14:X\\\xdc(Va\td\xf7W\xfb7\xd6T\x1e\xc9X[\xf9\xe5\xaa\xabu\xe5j\xdc\xf9\xd3\xd4\xedE\xdb\x95E\xfbr\xd9\xf9\x08x\xd8\x83Ulb\x8d}\xad\xb1\xb1\xb1X\r,;]\xd7\xdbVY\x9d\x91\xb1\xb6y\xf5\xb3\x95\x7f\xb5%@\\|%\xe4\xc2C\xa9-\xeb\xe9!2,\x80\xba\xb1\xb8\x06Uc\x8a\xca,eW\x1b\xb7\xd5l\xcb\xc8\xf2\xfbW\x1d\x0b\x1d\xf5BCw\x19E\x9e\xaf,R\x16\xe9\xb4EX\xff\xf4\xa0\xf6\x96\xa3z\x1a\x7f_|\xadXl6\xdb\xbb\xba\xfc\xd5\xdb(X\xee\x8cf\x7fo\xc7\xeao\xe5\xffK \xd0]\x84\x19\xbd\x12\xa1r:\x8btN\'p\xc8&gt;\xac\xfd\xf7^\xb3\xd9\xc4\x88\xbb\xb4\xab\xcb\xe7\xab\xa9\xa9\xac\xa9\xcerg\xf9|\xad\xab\x8f\xf5\xa3\x1b--\r\xdd\xba\xad:\xc2\xea\xd9[ZZ\xb67q.\xe2,J \x13\xa3\x8d\x9a\x83\xc0j\xae\xacl\xae\xce\xc8\xb2K}\xad\xe7\x9aV=\xf2\xc9\xc0\n4(\xb7\xfe\xea\x13\xb4\xd1\xd2\xf2\xf2\xd2\xeet\x81\x97\x06\xe2A\x99L 8\xdb\xb6\xd330\x10\x94B\xacfP\x1d\xc9\x92\x8e\xf8n\xb6\xb6\x0e\xad\xfa\x1d\xa8\xc9\x17\xe2\xf1\x96\x86\xdcT\xb4z]Q7\xedJj\x08x\xbd\xde\xb3t\xe2\xe6l[[\xdb\xa5`p 8\xe8\xf3\xf9\xe0\xa0_ju\xfbFFZ[\x1f\xe6\xe7\xb3{cW\xf1\x16\xd4\x0b-\xe4\xa2\x1c\\\x1bz\xb0\xa2\xee\x0e\x04\x02\r^o\xa0\xad\xcd\x0b\xa8\x10Q\r\x0c\xb2d\xd16\r\xabUJ\x9bn\xe6\xc2Q\x87i\x87A"bw\xa0\xae\xca\xc6X\x0e+\x0f3\x9c\xad\xbfASh\xf0\x86B^o\x9b\x97\xa0\xdaB\xa1\xe9\xe0\xc0\xed \x82\xd5\\s\xd1\xfe\x19\xcf\xaa\xb2\xf2Fh\x1fP\xac\x8f\xabp8*Ya\xc5\x98\x07\x1cV\xa0A.\xe7\x13\x17\xda\x827$\x0b]\n\x85\xc04\x1d\x9a\x9e\x86\x81\x14\xf7fvQ\x98a\xf9|\xfe#\xbe\x18\xb8b\xb1\xd8\xc2\xc2\xf8x\xd8\xb8\x92\xeb~4\xd2B\xa1Db0v\x94\x17\xb5\xc4[\xe4y\xe0J\xdd\xda\x88\xd1\x17\n\x01,t\t5=\x1ddJ57\xfb\xed\x19D\xf5\xb9\xcaj\xcd\xca\xca:R\xbd\x00\xa6\xd8\xdb\xf1\xb9\xb9\x07\x0f\xfa\xa2+\xc8Uh\xc869P\x1aM\x93\x8e\x1f@\xe8\x81\xc5\xdf\x9e\xfa\xc9\xb5?\xa8S0\xf6\x06\x06h\x00\x06\x07#\xbe\xe6\xde^HEP&lt;\x95J\xdae\xb5\xf2\xdc\x19\xd5\xdb\xa6\xdeB\xaa\xa7\xb4\xe5\xebA,\xec\x10\xad\xd4\x95\x8c\xc2/\x9b\xc2\x1da\xaa(\xc3\n\x04\xf6\xc1FZn4\xaa\xcdG?\xb3\xdb\xed\x83v\xfbE0M\xf4VV\xdb\xa5\xa0\xc2\xd1\xa7+\x12\xe9\xfa\xfcs\xab\x15X#O\xc7\xc7AURR\x02,\xcd\x8e\x15\xc2\xca74\r\xde\x1eB!\xb5\xf1T&gt;L\x0ct\xe7\x81\x8b\xaf\xdc\xae\xdb\xfa\xf3O\x8f\xda/\xa2\xa5\xa3}\xf6\xd6p\x1b\r2\xa4\xa8HdpPJ\x13\x1c\xbf\xaf\xa6\xb7\xf5\x01\xa4*((`X\xa6\x95q1Y\x98=\x14\x89\xcc\xcc&lt;|\xf80\x16\x8b\xa7\x96\xc7\xe3\x81\x06\x84\x1eX|\xbeV\xab\xd3\xed.V\xd3\xb1Y*5\xab\x08\x03\x95%\xe5\x1d\xa5\xbdg]l+^s\xcd\xa6=\xe7h\x1f#\xb8\xe6\x80\xe5\x10&amp;\xafH\xda%\xc0\xba\x89\x9a\x9aYX\x08yI+\x86%\xe7\xcb\xe5J\xa5\x16dN\xe7\xeeS\xa7\x8am2\x9ah\x99yn\x1e\x9d\xd0\x05\x95t\xb0+\xd2\xd5\x85)\xce\xb1\x93\'\x8f\xd3=\xd7\x05\x05\xe3}Q\x8dC\xb2"j\x15\x12\x16\xb2\xdc\xdb:25u\t\x166t\xc7\x81\x95\x07\x1f\x81\xa5$2\x1c\x1b\x9d\x1bN\t0\xa51[!\x16\xc2\xe5\xf1x\xcc\x1e\x9a=[\xad\xee\x8c5u\xbe\xd3\x8c\x8b&lt;\xd4h\x8c+\x82%\x94\x98\x86nN\x8c\xa2\xce\x8d\x0c\x86\xd0\xb6J[Zr\xe5\xf2}\x04\xc6\x97\xf3\x19Y.$\xdb\xcd\xb0xt\x8a\x99\xa7\x16\x8bSR0{\xa6\xcdxY\xf6\xca\xd3\x95\x9b*\xe8\xb6\xd8\xa7\x10K\xb32\xe1J\x16\x89\xb2\x9bFFGO\x9c()9i\x9f\x0e\x04\x8a\x02\x01\xa5\x9c\xa4\xcaK\x08F\x13B\xa5s\xf7n\xda\xcf\xac\x02\x07\x9a\x03\x90\xc4b\x8f\'\x88eY\xd7\xc5\x8b\xbd\'7Ug\x02\xebo\xb10aiD\xef\x7f\xe4N\xce\x07Vx\xaa\x17\\%{&gt;^3\x1d(/m\xc9\xe5C%\x12+\x8f\xe5\x8b\xb0\xb4\xba\r\xc5DE\xb6\x11V\x8a\xd86\x10\x89\xdcD\xb6|v\x7fosU\x15\xb0\x12bi\xa2\x1d\xc2\xf7\xfeX\x8b\xe4B\x91\xc8\x18\x9di\x05U\xe6\xc6\xc3\x1fL\xc7\x03-\x01\xbe\x9cQ\xe5}c#b\xbf\xf5T\n\xa7\x12\xb8T\xf0P\xec\tF\x06#A\xa9\xdd\xce\xf3\xf5V\xaf\xa9\xaaX\xbf\xfeAB\xac\xf0\xcb\xf0\x98\xc6P\xf8&gt;`\xc9\xf9\xe7E"\x83c\xe8\\\xc9\xf1\x8a/x\xaa\x8cK\xf1@)u\x06\xb9\x92a\xfd\x91|$\xb1\x9c\xa7&gt;\xb5\x12\xd5N`\xa9\xf0\xca\xc4\x1a\x0c\xaa\t\xcb\xef\xcfXs\xfa\xf8\xfa\x82\xb7\xa0"\xae\xf0\x9b\xa6\xc5\xd7\xaf_\x8d\x19\xfe_0\xfc\xb3+7DBIv_kEE\xe6\xae,\xb7t`:\xc0gX\xdcP$6,\x81\xb4\xd4\xbc \x12\xc5\x1cTx\xc57f\x8f\x991Z\xdd\xee\xac\xaa\xda\xe3\x05s\t\x0b5M\x97\x9b\xe6_\xf7\xf7\xf7\xbf^\xd4H\xf2\xdf\x9d\x8c\xfe3\x92\xeb\xf7\x84B\x91Q3U\x9b\x99\xb9i\xad[\xe5\xb9\x1d/\xa2`q\x95\xc7*\xb7T\xe7\xdc`\xc3\xb0\xf3\x88w\x12\x96\x95\xa2E\xc5A\x02k\xed\xe9\xcc\xe3\x7f\x8a1*\xd4\xcb\xcbMc\xb3\xed\xfd\xfd\x7f\xef\xef\x7f5f|W0\xcc\x1a\xb2\x97\xee\xdc#,t\xae\xba\xda\xda\xba\x8d\xee_\n\x06n#Z\x90K\t\xef\x12\xa3QI]\xab\xd8&amp;\xb6\x11\x89\x9aSKL?\xa5\xd8\xc4*\xea\\\xd6\x8d\xb5\x15\x05o\xd1H\xf1\xa5\x89F\xdf\\\xee`X\xac^/\x9a\xdea\xff.\xfeRxwi2g\xfe\t\xb0\x84"Ct\n\\\xc7~\xa6N\x13\x90\\|%\xb0(\xed|JW\xae\x92v\xc8\nd2\x19\xad|\x18\x17C$,\xae\xa3VeV\xcc\x8d9L4\x05\xd1h:\xee\xbf\t\x7f\x83\xd5\xde\xdeN^\xfeo)\xa3\x0f]y\xb689&lt;\xdcy\xf7\xb7O\x84"\xc8el\x9a\x00\xd6~\xb3"-t;\x1d\x93\x1a\x0c?9?\x97\xb3q\x1f]lIO\xe3\xc0 \x97\xd9\xce\xb0(`\xf4\xa4V\xbb\xeb*N\xc4L(R\x0b\x1e\xbe\x89rX\xed\xac\x86\xdb\xdb_\x8dI\xfe;\x17E\xea\xd9\x0b@\r\xe7\xdc\xca&gt;\xf0XDrIL3u\xb5_\xecW)\x14\x82\xe9\x90V\x99(\x0e+WYZ\xbaE\xa1HK\x13\xa4\td)j3\x1b\x89\x14\xac\x14\xf6HQo\xcc\xcc\x1c\x8f\x12\x96\tXg\xde\\~\xa9\x01\x16#BqO\x18\x97?\x1c2\xb2\xef\xd9\x0b\xd7\xb0kx\xd8U\xff\xc8x\xe0\xf1y\xc2\x82\x8d7k\xeb\xdc?\xc1\xbb\x0b\xa6\xd3\x19\x17=\xf1\x97\xc3\x95\xae \xae\xb46tz)\xeb\x0f\x00R\xa3\xa7"q6\xeb\xa6\x8as}\xa6l&amp;\x97Fs\xf5\xfe\xfd&amp;\xcd\xfcd{?\xf1\xb8P\xec\x85\x81\xfd\x80\x95\x08\xfa\xdd\x179.\x97\xc5\xe5\xca\xc9\xe9|d8\xf0\x8b\xebB\x8ekh\xb4\xee\xe3\xfd\n\xbc\x7fHV\x06$m*&amp;\x0fJ\xf9\xb2Z\xf8}\x9aW \xc0\xaa\x1a\x89\x17\x93\x9b(\x9bMf\x93\xc9\xec\xb5\xa3\x0bt\x95\x83S\xeb\xabCo\xa2\x9aE\xc2r1\xaa\x1c\x17W\xc3\xc3\xaf\x96\x8c\xff\xe1\x93-\x08jI\x0f(\xbd%\xc7\x02\xac;\x92\xc7\x1f\xdd\xe0\xb0`\xe3\xe8\xe6\xc32\xbc\xbf \x94\x06.-\x95\x92Z\x85R\x0b\xb5\xd2\x15^\xb8(F\xf7bG\x1e\x1bk\x11`\x92\t&lt;\x95\x99#Q\xe3\x0e\xc6\xe5@\xe0\x0f\xbd\xd4D_\r\xb7\xf7\x0f3\xa4\x1c\x94+\x817&lt;\xbbtW\xf8\xfd\xa1\x9a\xaf\xcfq\xe5\xe8\x93\xf4\x0c\xac\xf3\x91\xe4\xde\xba\'\x88&lt;\x8bWt\xa4n\xb3\x94\xe4\x12\x08\xc0\xc5\x15|\xe4+\xb5eNr\x90\xb4\xc2(T\x93\x876z\xd8dt\xdf\x8f\xbdn"\xb6c\x19\xcb\xf1\xf5\xa1\xfb\x1d\x8e\xb1\xd9I\x04\x8b!\x01j\xf9\x85\xc8f\x17\xbf\x87\xaa\xf0\xd9\x0b\x98gI"*\xbd\xc5\x02,\xc3\xf5\x1f3\x17E\xd4%\xfaFw\x1d\xf6(\xb6l\xa1\x1c)\x9c:\xdd2\x1a\xb0(\xee\x94\xf7\x04\x16L\xe4\xa4\x12@\xac=S\x0e\xe32\xd6\x99\xe7\x87\xber\x98\x16\'\'\xdb]\xcb&lt;(K\xe2A\xc2}W*\xe3R\x92\x85\xa4J\xd2\xeb\xf1\x94d\xc9\xe9|a&lt;\x7f`\xdd=\x11\xf4\xba\x02\xae\x1d\x0f\xab6\x7f\x10\xda\xb2%==\xc1\xa5#\xd1t4;\xa5\xfb\xa1d\xacM\xa9)Q\xac\x87\x81*\xcd+\xb3O\xf4\xf6\x19\x81\xb5\x83a}\xfd\xe1\xfd\xab&amp;\xcd\xab\xc9\xc9\xd9z\xbd\x85#\xb2\xfc\xab\xf0}\xcewN@\xcew\xea\xf1g\x0c\x8a\xc3\xb2tv\xde\x95\xfcy\xdd\x01\x1c\xad\x85,`\x8e\x99]\x9by\xde-\x0c\x8c\xe3\xd2\x11\x16\xa6\x80\xbb\xe9F\x08.\xe8L%\x19\x93*M\xe1U\xd5L,d\x1b\x96\xd5:\xf3\xfc\xc3\xe7gL\xf0pv\xec\xd9\x9d[\xf5z\xcb\xbf\x17\xfd\xfc-\xa9\x0cK\xf5\xc0\xe7\xa4B\xb6\x80U\xdf\xd9\xd99/\xb9\xfe\xeb\x8f\xee%\xb0\x84\x92h\xe4\xf01\x0fV\x18l\xe0)\xd2\xe9\x0e\x08\x9dVW\xe6D\xb6\x04\xc4"\xe6\xb0\x18U\x9b\xc0\xabP\xc8\xec\x9bF\xc2\x06h\xc5\xd4J\x88\x05\x0f\xff\xf1\xfc\xf1_;\xc6\xee&lt;\xea\xac\xaf\xd7\xeb-\xfae*|}\xbb+\xb0@%\x0c\xd4\'\xd5\xff\xee\xd6\x9d\xb1\x17\xff\xec\xda|B\xda\xc8\xe28\x9eBpM\x07v\x879\xe8L\x08s\x9a\xc3\xc00 X\xe6\x10\x98\xc3\x1c\xdc\xd0]V\xf6\xec\x04&lt;N\xc9)\xcb\x8e\xe0\x1e\x03B\xdcC\xba\x93\x12\x96R\xc4M\x0e\x9e,\x11j\xbd4\x05\ta+\x12\x12\x08\xe8b\x0c\xd4\xa5\x1d%\xf8\xafi*\xae\n\xb6\xfb\xfb\xfd\xdeD\xdd\xfd\xa5\xc9\x98\xd4\xbe\xf7y\xdf\xef\xf7\xfd^BI\xe6\xd4\xe4\xba \xd70\x81\xc1\x07\xeb\x95\xc7\xdf?^\x00,\xe4\x8a\xc5\x10\xeb\x11\x14\x88E."\xd6\xfdo\xe8\'x\x18\x99\x8f\xcd\x7f\xfb\xd3\xefk&amp;ai\x966\xb1\xd8\x89\x9e8(\xd6EU\x08Kn\xbe\xbbU"4\x9c\xf4\xe18\xab\xff\x1bH\xc6\xddcB\xdd\x03\xa8\xe5\xad\xde\xe7\xd9\xe2qdSA\xb9\x08kr\xd2x\xfd\xf3\x0f_\xcf\xcf\xa1^?\xc6F\xe3\xf8}\x91G\xa3\xf8\x1d\xb2\xa1\xe0\xec\xb9OD\x0c*6\xb4\xfero\xc5\xc9f\x01\t\xc1\x9c7Q\xbf6\x81\x81\xbf\x96EQ\n\x0b\xb2\xec\xf7\xfe\xa8\x95\x8e\xb6\x9b\x80v\x8f\xa1\xfd\xa7W\x11P` B\x1de\x9f\xf7\xc2\xe1N\x06:\xd7\xd2\x01\xa5+\x82X\x11\xd3y\xfd\xf2\xd7U\xb2\x11+&gt;\x1d\x07\xaa\x91\x18R\x11\x16R\x91r\x0b \xd5\xb3\xbf\xd7\x96\xf1\xff\x8a\x0b\x05\x00\x83t\xd5:\xfa\x1bG#\xb1D\xd5\x96\xf5h:\xaa\xcb\xb2\xdc8C?\x03\xb2\xf1\xdb\xb6pT\xc4$\xddB\xed\x1f-\xee\xf4\xc3P\xf2y\xb1\xd9F\xb9\xba\x1c\xa5\xcbXv\x0c\xceY{\xb9\x1ep\xc5\x01\x8b\xb6%\x91\xd0\x97\x92 \xe6\xd8\xdaH\xaaV\xc92\xb1\xb7g?~\xfa\xe8\x98V\xeeD?\xc9j \xd6\x83k\xc1\x96\xa3\xe9tZ\x97\x05\x81\xd7\x01\xcd\xeb\x95\xb3\xc7\xfb\xcd\x0c\xd89xWl\xfe\x93!\xaaL\x90\xf3\xfd?kg^\x98\xd5%\x86\xde\xe8\x8a\x89MP\x8bsJ\x13\x1c\xf0\x99\x8b\xad\xf5\xd8\xdc\xdc\xc8\x08`\xe1\xaeD\xaa\xc0D\x90j4&gt;\xba\xf0la~a\xbdUp\x0c\x93\xf6_\xae\xc7W?\x15r;z\xa7\xa6\x81X\x0f.\xbe\xc8:@Ee\x01%\xd3u\x1e$\x93O\xca9\xd8\x9c\xb3\x99A\x07-2\xffn\xa0\xb6\xc0\xbd\xb0\x007(\xfe\xbcx\xda\x8el\xf4\xc4\x99\r\xaeR[\x99`\x19\x8b8\xad\xd5\x858J5\xcd\xb0\x86\x02\xb5\x86\x90\xeai\xab^\xaf\xbfk\xed\xad`\xd4\xa9+t]Q\xa8V/}ygB\x1b;}\xf0\xf0:\x8dR\xf1\x82\r\x9aEu\x9e\x95\x1e=\xe9n\xb6\xb7\x9b\xec\x83| \xd5xf\x9c\xa0J\xe5\x9eD:\x05\\\x9f\x8b\x90.n\xd7U\x0ej\x97\'\xbbF\x80\x15\xd1\xd6\x9e&lt;\x8bOMO3\xb5bA\xb8FP\xc0\xdf\xf6\x0e\x0f\x0f\xdf\xbe\xfd\xb0l@\xb7"\xb1j\rIU%p\xad\xb3U\x19;}8~\xf1\x05\xfd\x03(\x81\x07*\x10\x0b\xef&lt;\x1fM\xf3\xfdn\xae\x1d\xfa*4\xd9&gt;\x05;\xf1\x0f&lt;d\x9a\xdb\xa52FJ`E\\\x9d\xf7E\xd8\x8cK\xcf\x1b\xe9\xaa\x9f?\xd8D\x0f\x81*\x12\xb1\nO\xbe\x1b\x857\x0eq\xd6[)^1L\xdb\xd4\xeb\xfaa\xfd\xdd\xde\x9ac\x18\xac\x89\x82\x85`\x16n&lt;\x99\xf7\xcf^\xbd\x1f\xff\xeb\x9aBe\xa3\x81(\x16&gt;\xd2\x15m\xed\x97Cp.C7\xc3\x02\xa8\xd9[\xa8p\x80\x14\x0e\xe4\xdao[\xb5NZ\x10\x13\xf9\x83\r\x8e\x9d\xda\xf8v\xf5\xc9/\xf8%\xc0)J\xfd(\xb6\x0b\xda\x03sk\xf5\xfa\xde\x87\x15\x0b\xa1\xe8\xc4\xa9\x1c\xb8\x9e\'\x8a\xb4Z\x88\xd4\x97\x8b\xeb\xaa.\xdb\x92$\x0c\xa8\xb4N\xa4\xe7\x00\x00\x03;IDAT\xe0\x92\xc6\xa4\xc1\xa5ZM\xf3\xa1\xf6\xe9,\x16ra\x9b*\xf7\xa5\xf0\x9d\x92\xc2\x92\x04/t\xce\x8b\xc5\xab7\r\x1b\x7f\xb6\xdd.\x9eC\x93\xc8\x151\x16[\xab\xb1\xa9\xb9)Rk\x94\xee\xd0\xc8\xe2O\xf7\xae\xeaW+&amp;\x17X\xa8U\xba\xae\xaa\xaa\x9e \x0f\xe6\xafB\xd2A;\x81T\xe2\x07Z\xe9t\x87\xbf\xad\x86\x8a\xb3\x83\xa2\xde\x89$\xb0&amp;\xc9F\x1eI\x12\xe9A\x94.\xcf?\xfbJ\x02*\xa9x\x92\xbb\x1b\x9c\x8e\xc8\x95m\xad&gt;\x9d\x9b{\x81\x95\x1b\xd4\x8b\xc5\x95WW%\x8eC\x0b\xf1\x18\xd4v]\xc9\xb3e&gt;\x90\x84\xb6\x9f(\x8a\x03\x03\x895J[\x11\\\xf50m\xa1[\xa8\xb1Z\xcf#m\x06\xb9\x12\xecp\x98\xa8D\xc9\xf6=%\x91\x9a\xa1J%R\x9b\x98\xac\x08\xe5\x8bs\n\xb9%\x0e\x0b)\xd9k@\xabY\xf0\x9c\xd4\x02\x0fw][ \xa8h\x9a\xcdo\x8b\xaa*\x92T\x08Ci\xc7\xe8\xb9J2IKw\x03\xac\xe6\xfeq\xee\xcc#\x81\x90\n[\x08\xeeW\xbcb\xee\x01O\x14\xd5D~f\xe6\x00\xb0R\x18/\xd6Z\x91\xc3\xd0\x8c\xc8$\x98zSpj\x1a\x88\xc8\xb0Lk7I\xee\xe94;\x8c\'\xa9\xc9\xa4BR\xe9\xd8\x1fp\xfd\x9e\xa70 \xcf\xb6mUU\x18V\xf3X\xdb\xea\xb9*\xea2\xe0"i\x99\xdb:\x01\xc2p\x81b\xa9|"\x88\xfd0\xe9cLh\xdcdPxd\xc2V`TL\xad\xcd\x04\xfa\x07\x83\xc0\x10\x90NQU\x14\x17\xa0td\x82m\x00\xe5b&gt;\xe0E\xf8=P\xd2s]\xc2jn\xb7_\x9c\xf5\x15\x05\x04!.\xe6\xa3\xcc\xd0X\x1a)\x908\xb0\rB\xe7\x99^7\\\xc3\xc8\xb5dY\x9ce\x19\x80\x04\x89\xe2\xd0\xcc\x00k#/\x91\xfa\x80\x04\x13\x00\x13D\x9f\x9c\xc0\xa1\x12I\xb2MqA%\x01\xb0\x1b\xa0\x1aJ\x16B\xa9*\xe5\x1e&lt;Q\x15\xd8-D/R\x9e$\x94W@3\x19[\x9a\x92\x11\x056\xcfM\xa0^\xcc2\xa4\xe3\xa0\x8b\xe7L#k\x99\\\xce\xc9j\xd4\xd68\x16\xf9\xca\x01\x8c\x84\xcdAU]EA\xa80B\xda\x9e\x8a&lt;\t\xe4\x02&amp;\x8c:E\xab\xdf\x80\x19\xa3\x10\xf9}\x90\n\xa8\xe9\x9f\xb0\xe5$\xd9\x12\x12\x88\xeaB\xbf\xb1m\x06\x18\x04\x0eW*\x88\n}t\x1cf\x9f&lt;\x80\xab\xb0\xa8\x19\xd9\x8ae\xe5\x0c\x93\x0b\xa8\x10\xcb\xea\xe2\x8886\x16\x10b?\x84\xa4\xaa\xc1\x14\x80\t\xc3\x93\xb3\x8a\xe7cw\xc0\x85\xdb\xa1\xfd\xb1\xad\x1eC \xb9\xe0\xb7\xf3yp)E\xdb\x0e\xaf\x90\xa4`Y8\xba\x0b\x9c\xd4\x19\xd5\xe4s\xee6\xe5\xc3\\i\xd92\xb3\xa6aeMv\x040,sWQ\xd9z\x07\xb9%\xa6 \xdf,30\x96\xe26|\x9d:\x07/{\x90-5\xd4\xde\xe9\xb3\t\x81IA\xa6\x80\x08\xa1\xe86("\x0c\n\xc7T\xe0\rE\xe0\xe10\xe5\xcb\xd1\xb2\x8e\xa39w\xb526\x13\x14\x0c\xc9\x96\xee2a\xdd0\xc1B\x1b~\xa7\n\x95\xd6}@\xc2\x85{\xa1r\x83\t\x0cqG\xff\x124m\xea.\tI\x077L:&gt;e`\xc0\x95\xda\x18\x8e\xdc\xeaeL\x8ci\xd0\xd29\x92\x8a\x81\x99\x1b)RI\xe0\xc1}\xc1\xf7)@w\n\xb4\xf7\x1a&gt;c\xeat\xfcF\xbf1\xa8\x7f\x01h\xc4"\xc3\x84\x9f\xa7\x95\x00\x00\x00\x00IEND\xaeB`\x82'</t>
        </is>
      </c>
      <c r="M335" s="3" t="n">
        <v>45492.67839120371</v>
      </c>
    </row>
    <row r="336">
      <c r="A336" t="n">
        <v>942061</v>
      </c>
      <c r="B336" t="n">
        <v>1954</v>
      </c>
      <c r="C336" t="inlineStr">
        <is>
          <t>Anderson</t>
        </is>
      </c>
      <c r="D336" t="inlineStr">
        <is>
          <t>Anderson</t>
        </is>
      </c>
      <c r="E336" t="inlineStr">
        <is>
          <t>GOL</t>
        </is>
      </c>
      <c r="F336" t="inlineStr">
        <is>
          <t>GOL</t>
        </is>
      </c>
      <c r="G336" t="inlineStr">
        <is>
          <t>GOL</t>
        </is>
      </c>
      <c r="H336" t="n">
        <v>190</v>
      </c>
      <c r="I336" t="n">
        <v>98</v>
      </c>
      <c r="J336" s="2" t="n">
        <v>35858</v>
      </c>
      <c r="K336" t="inlineStr">
        <is>
          <t>Left</t>
        </is>
      </c>
      <c r="L33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000111d-e3cc-404d-9284-cdb7d34d418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f6\xc7.\x00\x00\x03\x00PLTE\xff\xff\xff\x00g\xff\x00~\xff\x00{\xff\x00n\xff\x00p\xff\x00j\xff\xfe\xfe\xfe\x00k\xff\x00t\xff\x00v\xff$\x19\x16\x00r\xff\x00s\xff\x00d\xff\x1f\x15\x12\x00x\xff\x00a\xff\x00m\xff\x1a\x11\x0f(\x1d\x1a\x00^\xff\xbcvg\x8dSB\x9dZJ\xcb\x81r\xd6\x8f\x83\xabi]\xb0m`\xd8\x92\x87\xd9\x95\x8a\xa6eX\xa1ic\xdd\x9c\x93\x92TD\xd1\x88z\x00\x85\xff\xb5pc\xa1cV\xd4\x8c\x80\x00e\xff\xfc\xfd\xfc\xa7mf\xc0\x82y\xb7vl\xdc\x99\x8f\x00Y\xff\x00\x82\xff\xd2\x8a}/\x1e\x1bpJJ\x97]Q\xa8`P\xc9~o\xa3]M\xce\x83u\xea\xf0\xf8\x00f\xff\x01\x88\xff\x84TOwNO\x06\x04\x0cvN8\xaesk\x95a\\\x8bZV7#\x1f~QN\x86Q&gt;\xce\x95\x8b\x8cWI\x92ZM\xcf\x85w\xc5\x8a\x81\x99VG\xbcn^\x90]Y\xc8\x8c\x83\xe1\xa5\x9drIBjGG\x87WS\xbe{q\xaddT\xb6jZ\xc1zk\xaaur\x9chd|NG\xc0scwLG\xc2\x87\x7f\xc6zk\xb1xq\x7fST\x15\r\x0c\xcc\x91\x88\x9e^P\x81Q&gt;\xb1gX\xf0\xf3\xf8\x9cd]gE2{O;B\'"\xb8}tK7;\x94VH\xf9\xfb\xf9^@@\xca\x8f\x86\x9baV\xc7\x98\x91\xd2\x99\x8f\xa6pl\x83J=\x8aO@\xc3wg\xbc\x8b\x84\x87YZdCB\xb0\x7f{\xb9\x81{\xc2\x90\x89\xe0\xa0\x98pM5\xa6i^kM1I-\'\x83QG\xd8\xab\xa3dN-\xdd\xaf\xa8\x87TE\xd3\xa5\x9e\xe0\xb5\xafX=&lt;\xdd\xe8\xf8~I:\xe8\xc0\xbar;4\x98db\x00S\xff\xe4\xec\xf7\xa0lj\xce\xa0\x99\x92ba\x10\x0c\x19nD7\x8d^^\xe4\xba\xb4.%5YG*{C8\xc4}oS:8kD&gt;\xf1\xf3\xed.$%\xd3\x9c\x94C358(&amp;&lt;.=\xf6\xf8\xf4\x1f\x18%\x01\x8d\xff`=.e;4\xf4\xf8\xfazu`\xd4\xe3\xf8\x03j\xfd\x8d\xbd\xfc\xcc\xdf\xf9O5,\xdf\xdf\xd5Y6.\x00N\xff\xd5\xa1\x98\xc5\xda\xfaf1*!\x82\xfeT/(T\x9e\xfc;./\xe9\xc4\xbf\xe3\xe6\xddRPG\xc7\x86|\xb6\x85\x81\x8fMCr\xad\xf9\xad\xcd\xfa\xed\xef\xe88\x8e\xfd\xb6\xd1\xf9\xa0\xc9\xfb\xcb\x84w\xbe\xd7\xf9\x81\xb5\xfcI\x92\xfd1{\xed\x8d\x82l\x0fr\xfaf\xa5\xfc\xe8\xea\xe3\x97\x9a\x89\xce}\x88\xa7\xa2\x91a_W\x8e\x8e|\xd4\xd6\xc9\xa9\xad\xa0:\x84\xfd\x0ex\xfe\xc2\xae\xbd\nb\xed\xc5\xc9\xbb\x00I\xfe\xb5\xb1\xa2\x04o\xf8pW@\xa9\x92\xa6,\x8f\xfeE~\xe1wdN\xbd\xbe\xad"w\xfb-[\xc0\xcc\xd1\xc2\x86\x9a\xd5Wk\xb2\xd1\xbb\xba\x02]\xf6\x00E\xefaQ6\xb9\xa2\x93\x1ch\xfe\x9d\xa1\xc9k\x90\xde\xec\xeb\xe4EG\x80\xc6\xaa\x9aqax\x15_\xda}\x7fq\x95w\x85\x17@\x9b\x9ezj|x\x9c\x01c\xfa\xe9\xeb\xe654\\\x14\xa4\xfe\x86\xb9\xed\xab\xcd\xe8\xe2\xee\xa8i\x00\x00 \x00IDATx\xda\xc4\x98Ml\x1aw\x1a\xc6}\x9b\xc3\x1c80\xe2\xcb\x06\n\xc8 \xd6Eb\xca\xd7!\x1b\xa7;\x99\x05j6v\x1bh]*\xb2\x94A\x85Iqdm\x01%\xaa\xecx,/R\x85X\xa9\x07*\x19\'P#\xaf@\xbe`\xb4\xb2\x90e\xa2J&gt;\xf4R\xa9(\xfe\xb8X\xd5\x1e\x1a)\xa7^V\xaar\xcae\x9fw\xbc[\xed}\xc1y\xb1\xad\x19|\xe0\xc7\xf3&gt;\xff\xe7}aj\xea\xff-\x06\xe5f\x98\xe6I\xb3\xb9\xe2\xa6\x9b)f\xeaM\x17\x18\xf6\x8e\x0f\x0e^^\x8c^\xed\xbfzuqqy|\xb2\x07\xb67\xcb\x04\x99\x9a/\xcf\xf6\x87\xc3\xddv\x8b\xd5p\xad\xa3\xa3\xcf\x87\xfbg/\x8e\xa1\xda\x1b\x84r7\x0f^\x9c\r9\x8e\xd5j4\xacF\x8b\xbf(\xae\xbd{zq\xbc2\xf5f$c\xdc\xee\xe6\xf9\xd9\xb0\xcd\xb2\x04\xa4M\xa7\xd3\xea/\xd8XV\xcb\x9e^\x1c\xec1o\x02\x8ci\xbe\x1c\r9\r\xc7B\xa0+&amp;m\xfaf:MPP\x8dk\rG\x07\xeek\x07cV\x0eF\xc3\x16\xc7\x11QZ\xcb\xa6\xb5P,\xad\x8a\xa6\xa1+&lt;\x05\xb0\xb3\xf3\xbd\xeb\xf5\x18\xd3\xbc&lt;mi5\x9c\x8a\xa1a!\x99\xf6\xaa\x7fWd\xb8\xa2k\xee\xf3\x8b\xe6u\n\xc6\x9c\x8c\x860\x10\xab%U\x08E\xf5:h\xfek4-\xab!\x01\xd3G\xa3\x83k\x13\x0c\xc99:\xd2\xaa\x9aP\x17\xb5\xc4C\xfa\xb0\xec\x7f\xa8\xd0Y`\xd1\x13\x1c7|~|M\\\xee\xd7g-\r\x99\x89\xe3\t\r\xaf}\xd5C\x96R\x82\xe5\x08(\xad\n\xa8\xa5\x03\xd1\x1e5\xdd\xd7\x82u\xbe\x8f\xe8\x84.$\x95\x86\xe5Y\x9eg\xd3\xa0\xe1\x04\x8e\xc4R\x9dF\x9e\x07%\t\xc8\xed\x8eNV\x98kp\xfbY\x8b\xe39\xcaP\x18\x8b\x17\xda-h\xa6\xe19\x96\x178\xdc\xb27o\x92\xdd\x80M\x9eS\x9b\xda~\xfe\xe3\xc4\xb9\x98\xbd\x8b#\x8e\x13\xda\xbc\x86\xec\xce\xb7ZP\x0e\xba\xa1\x80\xaa\xe1\x05\x01\xe7@\xa3\xde@\xc4\xab3\xca\x1e\x9d![\'\x9cW/\x87\x1cY\x99\x83\x91\x08\x8e%\x99\x04\xbc\xb6\x86m\xb7y\x1e\xd7\x02t\xd2ptE\xb72\x9a\xccr\xa7/\'\xaa\x17\xc3\x9c\x9f\x82\x03!\xce\xb3,\xcf\tl\x9ak\xb5\x15\x81\x97\x05\xdc\xcbmY\x91\x05\x96X@\xa4\xc8(\xa5\xaf\xa8\x1edO/\'\xe9{\xe6x\x9f\xe6\r\xa9!pm\xe8%\xf0B\xef+e0\xe8+\x82 \xcb\x83\xce@\xc1\xc5\xa0+u\x07\xbd^\xa7[_\xea(\x1cZ\x8dd\x1dM\xb0\x8d\xcc\xc9\xab6Y\x08\r\x84&amp;h\x8f,\x0br\xef\xe9\xd3\xfe\xa0\xd7U\xfaO\x9f~\xfc\xc9f\xb5Q\xad\x16\xed\x06{\xb8\x12\x0eW\xa4\xba\xc2\x03\x8aN\xec\xf0\xc5\xc4\xb8\x98\x15\xd8\x9d\\\xccjx2\x92\xac\x08J\xb7V\xb4\x17\x8a\xb5\xb0\xd3\xe7\x9b\x99\x99\x99\x9e\xc9\xc6\xb3\x89x&lt;\xee\x0f\x1a2\xf6b\xbd?\xa0~\xa2\x89Zv\xf8reRX\xe7C\x8aL*\xa1\xd7S\xfa\xf5\xa5\xbc\xdd\xef\x8fg\xb3\x89D\xac\\N\xeat\xbaX,\x81\xebD\x96\xb0\x0c\x0b\xfab\xbd\x8b\xb6\xc2\xf58\x11\xdc\xab\x93Ie\xc3\x08Y\xc4QJ\n\x83\xfa\xe6f$h\x9d\xb6\x82*\x91H&amp;c\xc9d9\x99\x02[,Ih\x90\x8b\xc8\xec\xa5b\xb5\n4\x99rb\xf7|2]\\\xb9\x1c\xa6U\xb1x\xb9^qZ3V(\x15\x07U\x0cL\xc9T\xca\x18\x08\x04R)\x80\xe1\xf6\x8a\xcc`\xd7\x97JbQ\xac\xe6z\xf4~&amp;\xe4\xfa\xbd3j\x06\xcb\r\xe67\xed\x85L&amp;\xe3\x0c\x06\xfdY\x95*U\x06\x941\x10\n\x11Z\xb9\x9c\n\xa4\x88,\xeb_(\x95\x8a\xa0\xaa\xe6;\x02l?&lt;\x9e\xc4\x92\x83\xc8"\xad\x94\\%l\xb7/\x18\x0c\x86`0\x98\x8d\xc5\x88*\x100\x1a\xa3T!\xfac4\x12_*\x19\xcbB\xaeb\xb1$V\xa5\x1cN\xa4\x86\xbb\x98\x00\x16\xc3\\\xb60\xe4\xf8NE\xd4\xabT\xc0\x8a\xc7\x92ec\xc8h4:\xbc.\xaf\xd7e2\xb9\xf0\xf0:\xe8\x11\n\x04\x92\t\xffB\xa1\x84\x12\xc5\xf9\x1e\x06&amp;\xbb\xbf2\t\xac\xe78\xe8\xbc\xdc\x15%{\xc1\xa0\xaa\xe5O$SQ\x93Zf\x8f\xc7\xe2\xf1\xd8l\x1e\x8b\xc5l\x02\xa2#jL\x95cq\x83\xa1`\xb7\xeb\xf5\xa5&lt;\xe2\x96gw\x0f\xc6/\x17\xd3&lt;\xc5\t\x94\xe5\x9c\xa8\xd7\xdb\r\xaaZ\xf1D9j2[\xcc\x16\x9bZkkk6\x1b\xee\xcc.G\xd4\x11"{\xc5\x83\x86\x05P\x01\xab\xde\x97\xdbl\xeb\xa7\xb1c1\xee\xe3!\xb0\x14\xa5\xae\xa7\x1e\xc2WA\x7f&lt;\x91\n\xb9,\x16\x0bT\xb2yl\x04\xb5\x06\xb9L&amp;\x87#\x14\n\x95\xd5\xd3\x18\\X \xb9\xa4\\\x1fS\x89{\xb52~\xac\xcb#\x96W\x06\x9d\xbc^_P;\x08\xb1\x92)\xa3\x03ry\xa8L\x16b\xf3x\xcc^\x97\xc3kL\xa5t\t\x1cE\xc8e\xf8\x0erI\xf3\xb9&gt;\xecu\xfaz\xdc\x0b4\xc3\\\xb48a\xd0\xe9HWj!.\xb3\x89d9\x10r\xc0\xe9f\x94\xcb\xa4Z\x0bj\xb9\x1ct\x0e\x93\x94\xf5~\x7f\xb0@M\x94\xaa\xb9\xce\xb6"\x0c\x0f\xc6\x8e\xb52\xe2\x04\xa5\xdf\xa7\x1e\xda\x17\x82xA?\xc6\x0c\x1dD\xafK-\x13u\xd3l2\xd1!L\xed\xa4\x90\xf5\xa0\n\x92\xb9\xecv1\x9f\xcfu:}y\xf7r\xecMl\xeesr\xaf\xdf\xc9U\xf0\xee\x17\x82q\xea!2\x0b9\x1auDC\xc6\xa8\xd7E\xde\'\xa9\xa2\x81\x0f\xcb\xe52\xfeGbA\xad\x82]/V\x1b\xf5N\xa7\xd3k_\x8c]\xad\xd7\xa7\x82\xdc\xe9\xe4ryj\xa2\xdaC\x1a\x86\xc0\xa2\xe0B/\x1d^\xea%\xc2!j,c\x18%\xaf\xe4\xf2\xc3\xf3z}\xb1:_\x87\\\xdb\xf2ho\xcc\xdb s|\xaalwr\x1b\xf5\xaa\xea-Z\x1c\xd4q\x98r8\x1cj\xae#QU.\x8a\xf9@Y\x9d\x8dY?-\x12\x18\xd8\x98?\xf5\\\xae\xd3S\xce\x9a\xe3V\xeb`\xa8\xf4:\x1b\xeb\xeb%\x9cw\xd5\xf2\xea\x94N"\xe0\xbd^\x0c\x1d\xafj}\x84)\\\xe6\xf2\x86\xe0/\x1d\xc9\x05*\xc8\x85=\xa2\x01\xae\xed\xde\xfe\xeb1c\xb9\x8fO\xb7\xa1\xd6\xfa\xba\xa8W\xb1\x82\xa4WB\x97\x8a\xc2S(\xc8\x84\xa0\xb0y\xae"\xccc\xf2F\xa3\x81r2\x1b\xcf \xb7\n\xf0V\xb5\xb1\xbe\x0e\xae\xfd\x1f\x99\xb17\xb1\xb7\x9d\x03V\x11#\xb1@\\\xd6l6\x96\n9(\x17\xd4(\xf5x\xd6\xd6\x16\x91\xf4\x8b\x8bk6\x12-d\xdc\x99\x9dv\xaa1/\x16\x8b\xd4\xc5\xadI`\xfd\xbc\xbd\x95[\xcfW\xa5\x92\xbe`\xbf\xc2J\xa0\x85.\x8bGE\x01\xcc\xe2oE\xa3\xd1\xe4\x88\xee\xe8f\x9c\x99\x05XK,V\xf3$\xd6\x04\xb0~\xdc\xdf\xde\xda\x98\xcfWE5\xb8\x16h"\xce\xea\xbewx-4v\x16\x17\xff\xba\xf8?eC\xf0\x9b\\\xcf\xe6\xee\xde\x9d\xce`\xb9\x01U\xb5:?9\xac\xad\xf9y`a\xc8\x91\\\xd6\x19\xdd\x87\xd8\xb2\xe0-\xdb\xdaoJ\xad\x91hk\x1e,\x14\xe6O\xdf{on\xee\xed\xc7\xceLA\xccc\x13DDlM\x0eK\x04\x96\x1a\x11\x99i\xdd\xce\xdc\x8e1j\xb2\x98\xa1\xd7\x15\x13\xed\x10\xf8\xf1`\xf1\xf2\xde\xb93\xf7\xe5\xbd\xfb\xf7~\xe7tf\xc2\xd2\xfc\xfa\xfc\xfcz\x07X\xc7\xe3\x8e\xf9\x7f\x11\xd6z^\x04W\t\x9bM\xc6:{\xf7\xd9\x9d;\xcf\x9ea\xb7\xf2\x9a\xc8`\xb4&gt;\xa8\x0b\x8e\xe5\xfb\x0fwn}\xb1\xfc\xcd\xd7\xcb\xdf&lt;|x{\xe9F8\x0c.`mLB\xad\xe6\x0f\x84%\xe9\xc1%\x96\xec\x19\xab\xf5\xf1\xfd/\xbf\xbc\x87\xfa\xe2\x8b[;F\x80Y\xd4M\x10Y\xe1\x9du\x86?y\xf4\xa4\xf7\xe0\xfd\xaf\x1e&lt;z\xbf\xbb\xb9\xd9\x10+y\xe2\x9a\x04\xd6\xca\xf3\xad\xad\xad\rI\x04WQ\xefs\xae\xfa\xde]\xfe\xfa\xe1\x07\x7f\xbe\xfd\xfbG\x0f\x96n8u\xd1\xab05\x9b\xbd\xa1\x1dk\xb1\xae\xc8B\x9bo\xb5\x95\xeem\x9f\xef\xb3\xb0X\x11\xf3\xeb\x93\xc1r\xff\xf4\x8b\x8aE\x9f\xb0"\xbeH\xf8\xc6\x8d\xdb\x1f\xbc\xf3\xd5\x93\'mA\x90\xfbu\xfbL\xca\xe85cZ\x9bB\xb3\xb3\x91ZW\xfdbdP\x8f\xac\xae&gt;\xce8}\x91\xc8\xa6\xa4b\xfdp2v\xac\xcb\x7f\x02+/\x89RU\n\x8b\xa5\xcd\xca\xd2\xd2S\xb9-\xd0\xd7\x11\xf2`P\xfb.\x1e\xc3\xa6\x8axOe\r\xd5\xc3\xc3\xc3\xdaw\xd6[sw\xfe\xe8\xd5\xcd\xceX\x1f?\xf6U$\xb5\x89\xe3\x9f\x89\xee\x83\x9f\x81\x85\x93(U\xd1\x13_\xa5\xd2\xc8\xd7\xbauT\xadvH\x18\xf6x\nX\x16G2\x08\xaa\x9a~f\xee\xd3o\xff\xf1\xed_LF\xdd\x8c\xd5\xea\\\xad\xe4\xe1\xae\x8d\xf1cMM5\x7f \xb5\xc8[\x92\x18F_J\xce\x99\xb7\xe7\xe6\xee\xdfzkU_m\x1c\x1e6\x0c1\x97\xc5\xe6q\xc4\x0c\rP\xf9V\x97o}\xf4\xd1\xbd\xb9\xbb\xba\xd9\xe9\x8c/\xb3\x1a\x11\xf3R~c{4~,\xe6\xe2\x17`\x950\xe1D}$\x1c\xf69\xa7\xad\x9f\xbd\xf5\xd6\xdf\x96\x97\x97?\xa86j\xe8Z\xc2\x81\xd02\xc5\xec\xdd\xc3F\xa3\xb6\xf9\xa7\x87\xef&lt;x\xf0\xceR]\nG\n\xfaHD\x94$ic\xfb\xf9\xd8?\xef3\xcc9\xcc\x95\xa7\xbdF\x1f\x8e\x84#\xbeB\xa3V[z\xa0&lt;yt\xfb\xdd\xcf*\xb8n\xf8C\x9e5\x9b#N=\xbc\xfd\x87\x8f\x9f\xee\x9e\xfe\xfa\xeb\xdfY\xac\xff\xddF\x11\xef\xa3"U\xd6\x7fy\xb1\xe2\xfe7\xad\xd6\xf3\xdb4\x9a\x86\xf7\x96\x03\x07.+\xc7\xee\xe7\xe0\x90\xc8\x8e\xea\x1a\xa9]\xc7\xc9\xa1\xc8I\xa0\x8dS\xb7L\xa7i\xdcMJ\x8a\xeaDN\xdaq\x07C\x9d\x94\xb6l\x1c\xb2L4\x88\r\x12B0\xdada\x97\x19\xa4\x89\xf6B\xd1\x08U\xbbL\x894\x87\\\xb8\x94\xd99\xa0\xd1h\x90@\x1a\tiz@ \xa1\x1e\xf7\xfd\xca\xbf\xe0Z9%\x91\xfc\xe8\xfd\xf1|\xef\xf3\xbc\xdf\x1f\xdc\x1dP=06\xff\x1d\xa2e\x9a\x8a\x02\xc1\xf2\xb6\xb6\x1f=\xbar\xe4\x9b\x1f\x7f\xfc\xe6\xf3\x93\r\xcbR\xec\x96\x9a\x87N\x94\xc8v79\x95h_z\xf9\xfd\xfd\xfb\xf7\x8f\xdc\xbf6r\xeaQ\xb7=\xa6sf\xa1 \xff\xfe\xf3\xe0\x83{n\x0e\xa8x\xa1\t\xccU/{MU\xb7D\xaf\xfdx{{\xe4\xeb\xf7\xff\xf9\xfa\xb3\xcf\xfe\xf9\xe1\xc5-[\x8cq\xed\xc0d4\x98\x9aT[\xd7-;&gt;\xb7\xf6\xe2\xfd\x1f\x8f\x1e\x1dy\xff\xa1\xbb\xb4\xf4\xb8\xed\xe5\x90\x08\xb0^\xfd\xb4\xf5|\xff\xf9\xd6\xa0\x8b$\xbf\xf5v\xe5\xe7\xdf\xaf\x16\xf0\xc0\xcc\xe8\x15(\xa6\xa5+\'_~\x7f\xf4\xe8\xd1S/_\\X38\xd16\x8bU\x8a\x9a$\xed\xb6\x18\x9f\x8b9\x0b\x1b\'?\xbfvw\xd5\xb0[\x90_/Cs\xc9\xb1\xf2\xab\xd7\xb7\xec@`\xff\xadK\xcbl\x8f\xe7\xed\xda\x8d\xfd\xd7O\xfe\r\xb0`\xa2\xa1\x99\xdeu\xa8\xf1\xa6\xb5\xf9\xe1\xd1v\xf7\xd2\xd3\xe5\xd8\xc2\xd3\xb9JE\x9d\x05y\x96\x0b\xf7\xdaM\xff\xaa\xa8X|lc\x8e\xd7\xcdJ\xbbbr:M \xb1Y\xaeeM\x86i\xdd\xfe\xcd\xe3\x16\xac=3\xa2+\xcf\x9f]-x\xc90K\xb0z Pi\xdb=\xc8\xe7\xcd\x9bs\xbca\xac.\x88=S-V%)W${v\x92\xe7\xa7\x12P\x82&amp;4F \x10)\xb2,\x01\x13a\xb2\\o"\xcenU\xde\xb9eEx\xf6N\x9b\x88\xd6e\x88V\xa4\xa8E)\xadC\x14\xc9J\xaf\x17\xe8\x99J"\xa9\xf0\xab\xa2\xaa\xaa\x91\x9c\x94\xcf\xe7hDVl\x85\x07\xd6\xe2\x1d&amp;\xc21\x0c\xa2\t\x82\xd0:,\x86\x95\xe4\x02\xb6J^pM`\xbc3\x1a*\xcd\x8a\xf5r Lw\xb0\x95\x05\x131\xc2j\x8b\x14-ca\xc3R#j \x9c\x07\xc1\xc3"\xc4\x04*\xb6\xb1\xb9\xb9yf\xf1\xccN\x9f\x924\x00U\xedh,gB\xb4\xb8\x8c\x1a)\xba\x06ke\x8f1{d\xd1\xa9\xcb\x810+a\xed\x15\xa24\x8d\xa8\n\xe9\xf4\xd0\xd0\xd0\xd9\x05\x10hd \x92\xa3\xa8j\x06`A\xe2\xcc\x85\xb5\xcd\xb3\x8b\xe3\xe3\x8b)J#\xb4&lt;\xfc\x17`\x15\xea\x85\x98F2\x99\x0bn\xb5\xe2\xca\xbbL\x84,rzM\x0epl\x07\xa4\xeap\x90\x02m\x08\xef\x1d??1\xb1\x8c\x98bX\xedE&amp;A\xb4\x16#\x0cC\x92:\xa9/\x9c\x9dX\x1c\xbfx\xd17\x9c\xeaH\x92D\x10\x07I,\xccf\xc2L\xe6\xb2[\\\xbf\xf2\x8e`#\x93\xc8[\x93\xbd"\xadIT4\x88U\xb4\xef\xe2\xc5\x8b\xe3\xa1\x89!\x81\xa5i\xddkb\xcbr2\xacb\xb7\x97\x01\x99/L\x00\xaac\xd8+\x91\xf2T\x9ee\x19o\xb9V\x08gf\x19t\xf9\x9e[\x9d\xf8e\xbf\x13\xc9\x84\x03\xb2\xdc$\x11\x91\xcf\xe7\xb1\x17\x82]-_hx\x07\x8a\x87\x05X\x91I\t\x9bm\x11o@\xd4AC\x16ia\'\xf4\xd1\x1a\x94\xf2R5S\xe4\xbcr\xa9\xab\x16\x8b\x08\xad\xfd\xe0\x16\xac\xad\xb3\xc2lf\xd6[\x92\xc7L\xc4\x12\xd5\x9c\x14\x85\x01\x1e\x86&gt;_(\xda\xd1\xa0/\x11\x19\xc8\xe4\xa2\xc3)*?\xa9V\x14\x0e\xd1t\x06\x84\x11\x96E\x03\x03AI\xca\xe7\x8a\x8c&gt;&amp;\x97\x1e\xb7\xd4"\xed\xac\xb96\x0c&gt;\xb8\x90\xa6\'#\xado\x01\x16G\xb3\xb9*\x05o\x04\x81?\x10\x8a\xc2;)JcL\xa8,\x10A&gt;\xe0\xd3JE\x01H\xc4,Q\xad\xe2\x89\xd5\x17\x8cB\xb4h8\x1a\xe4z\xb2\xd7\x0b\xb3\xfa\xda=\xd7Z\xf1\xafl\xa6\xa8\xb6\xcb\xb5r\x80d\xd0\xe4G\xcf\xd470L\xe5\xa9h?\xd8O3\xeal.\x08\x1a\xf6\xcbO\xa2\x19\xb2Ra\xfbA*_\xcd\x03|\xe8\xda\xe1\x14\x94&lt;\xad\x9b\x05\xb9\xbe\xca\x92$Kn\xba\x05\xcb3\xf8_\x81\xcdDf\xad\xba\xec\xc5Z\x0c\x97V\x08\xbbF\x14\x15\x0c\x06\x87Si.R\xcc\x85\xbe\xf8\xea\xab\xbf}\x11\xac"\xc5DA\xa8\xf4T\x90\xa2\xa4\x03\xd4}\x8d\xa0Eo\xa1Vz\x9a\x8e\xa8H_s\xab\x13ad^Nw\x8a9 \xae\x8a)2\x04\xb4b*\x15\x0c\r\xe3g \x14\n\x12p\xeaUS\'@\xc1\xfa$\x021\xba\xbes`\xc1A\xb9G\x81N\xa1\xf6 Z\xde\xb1\xfa\xed\xa7HU\x91\xe5\xda\xe1\x03\x13\xc4ea\xa8\x98\xa1\xe5Z!\t\xb0:\x126\xda A\xd8\x86\x87\xa0\xb1\x88v\x10\x11\x046\x90\x08\x87\xa1in\xf9\x18\xb6\xc2C\xa9\xe1`\x94`q\xa7"1Y\xa8\xd7bj\xbb\xc7qo\xdc\x83\xb5\xf2\x06u\x8a\xe1b\x19&amp;.\x91\xa1\xa1\xf9\xa2\x90&gt;\\\xd0\xc0\x12\xc7\xfa\xc8a\xc5\xe9\x04\xdb\xefw\xe8\xc6\xdd\x06\x87t\xfa\x0c\xb6\x9d!\\\xc3)\x0c\x8a\xc6\xb0\xca\xf5z\xa0\xd5\x9e\xd5c..3&lt;[t&amp;\xac\xce&amp;A\xfb(\x0c\x1c\xbe\x1a\x05\x89\x1c\xf0\x1dl0|\x1d\xc7\xb4\xb7\x8f\x8cdy\xdei\x9c:\xb2\xf4\xd86\x91\x16:q\x10/h\n8x\xe0D\xd2a\xae)\xb5mu\x96t\xaf\x11\xf1\x9az\x8d\xa1+\x15\xf3\x00\x16P\xd7GXxG\xf0\x97\xe3!\rU\xecf\xa3m\xb7[m[1\x8c\xa4m\xd2Z\x14~\xc2\x1c\x9f\xd24\x81F\x0e\'\x16\xe4\xd2m\x95Q\x02\x91w.\xea\x0c\xcf\x83=.F\xf6\xae\xd7k\x05\xcc\x96\xac\xd6\xc1\x8e\xfc\x81Ys&lt;(\x11\xa4\xca\nB\xda\xaa\x98\xf4\xce\x90\x009\xcbI\xd20\x84\x0b\xca\xbe\xdfI\xc7\x10B\\\x12`5%\xc1\xd2y7w\x06 |0\xe70\xb5z!\t\xb0\x10!I\x14\xcc7\'\x00\xd7\xb1`T\xaa\x12\x9a\x90&gt;\xbbx\xe6\xfc\xc4\xd9e!F\xe4a \x94\x06 Z)\xaa\xd3\xe9\xc4\x1c\xc6\xb1\x92e\xb9dQ\xac\xc5\xed\xb9)\xca&lt;\x90\xc5")\xf8\xa6\xeae\x80\x850\xac(v\x90p\x0eSQ\x8aJ\xc7b\xcbC\xe7\x17\xc7\'6\x17x?Oh\x9aV\xa5|p4I0\xd3\xd0\x08\xeb\xea\xac\\\xe24&amp;\xb9\xbf\xe5\xb2 \xfb\xc9\t\xd3\xc1\xd5\xab\xf2\x98\xc8\xf1\x0e}P\\x\xd13\x00\x9cI\x10\xbc?\xb691~\xe6\xc2\xf8f,\xc6\xf3\xb1\x18\r\xe7O\x7f \x85Q\xb1\x8c\xe3g\x00V\xad\x84:\\\xf2\x17\x97\xb7d\x9e\x07\xef,&amp;\x1d\xab\xd7\xcaI\xd1q\x10\x0b\xf3M\n\xc2\xe5\xa3\x04A\xa0\x01\xd5\xc2\xe6\xda\xda\xdc\xc6\xc6\xdc\xc2\xea*\xef\xf7\xfb\r\x87\x8eQ\xc0\xa3\x07m\xe80 0n\x97\x10!\xee\xbfu{\xa7\xe8\xf9aO\xa4c\xb5\x9a\xdc\x14q\xd1\x03I\xa4\x00\xd7N\xcc\xef8\x00\x83\xbf\xf9\xe7\x1b7f\x12\x89\xec\xd4T|*\x11\x8f\x1b\xa2\xe1w T\xc0\xa4\xd8\x1b\x11\x1b\xd9\xdb\xb7\x11-\xbev\x7f\xd3\xe9\xd92L\xa7pU.(\x16\xc2b\x86\x90\xa2\xfd\x1d\xdeP\xb0\x15a\xdcH\xcc$D\x83\xe3\xa7\xb2\x8d\xa9\xd1\xe9\xec\x0cFg\xb0\x07\xa88\xcb\x12\x95F\xb9$3\xc6\xde=\xf7\xf7\xc2\x83\xf76l.yU.7EL]0\xa3w4\xc1oM\xc5o\xc5GGG\x15+\xdd\xa1\xb4\xd4\xe2r\xcc\x9f\x9d\x9f&gt;\x9dH\xc0\xf7\xc6A\xact\xd1R\x9a\r\xb9T\xdbxs\xef0\xee\x1c\x0c&gt;\xd9\xdb\x7fU\x97\xcb\x10.\xcc\xf4\xf0\x08 \x08\xef\xdc97\xdd0xA\xe8\x0f\x0f\x0c\xf4\x05\xc7\x80\xd2\x8agOw\xd7\xfft\xce@\xc8a8QT\x92\xcdF\xb6\xf4\xbf\xb7\x87s\x8b\xcb\xe3Yy\xf2\xfaW\xb9\xd0Tp\xb8\xf0\x11\xec\x18\xa7\xd7\xd7\xa7O\x9f\xf6\xf3J\xc5\xb6m\x1d\xf5Z\xed\xf9\xec\xfc\xfch\xe2\xd6\xfa\x95\xa5kS\x00\x8a\xb3\xb0\x95\xd2\xccN\xd7~\xf1\x1c\xd2%.\x8f\xc7\xf3\xe4U\r\xa2%r\x0c\xaez:&gt;\xff\xf0\xd4\xd2\xb5;\x97\xa6[\xdd.\xb6\x05\xf1\xa7\xdb\xed&gt;\xba\xf2p\xfd\xd3\xa5\x91\xa5i\x83a\x181\x89\x9f\xec\xdd_\x7f;\xbc\xab\xb1\x83o\x9f\xd5\xe5FS\xb1,\xe8F\xc2\x99\xf9\xc7\xc8\xd1\x91\x87\x0f\x97\x96\xb6[\x8d\x1e&lt;\xb6i\x89\xc6\xd4tw\xfb\xd4\xa9%\xf8t\x13\x8ec)\xc9\xd1d\xa3\x91\xbd\xfb\xea\xc9\xe1\xc1\xf2&lt;x^\x92\x0b\rE\xb4D\x1dit\xfc\xd3+KW\x1emw\xe7g\xf8\xf4\xe2w\xdf\xed\xee\x8e\x7fr|w\xee\xd6TbtF\x1c\x9d?y\xee\x06o\x8c6\x1a33\x00k\xfd\xd9!^@\xc5\x8es\xbd\xdcP \\"#\x08\xfe\x1b\xf18P\xa7\x11\x87\x92\xdf=~|ww\xf7_\xc7w\xff\xcf\xcb\xf9\xc6\xa6q\x9fq&lt;\xb4\x0e8iCk\xcb\x9e:%\xaa\xeeM&lt;\x1bP^\x9c\xdf`q\x0e\x90\x93m!\x81\xee`\x1a\xa0C\x10\xb2\x81\x17\x98\xc1\t/\xc2\x05+N\xac)\x12\xf7\x82\x1c\xc5AD:D\xb0k\xb5.\x98\xb4\x1a\xb2\x8c:G\xa6\xb6g\xbb\x89\xa3MM\x1dyj\xad)\x8b\xa7(\x8a\xfc\xc2Z4\xabQ\xd4\xedy.\xdb\xb4N\xda\xd4\xb4\xa1\x0f\xc6\x88?\x86\x0f\xdf\xe7\xcf\xefy~\x1c\xd6\x8cv\x1c\x86R\xaf\xd3\x19c@e0\xd0c\x06\xc8\xcd\xe4\xe7\xef6\x12\xeb\xe3\xfb\x83\x178\x90\xab\xbb{xTcJyC\x0e\xdds\xfb\xfd\xbf\xcc\x81\xa6;\xaa\xd3\x86b&amp;\xab\xdd\xe0\xa6\rn7\x13y|\xb7\x91G]\xab\x86&gt;\x1b\x1cd\xc6.\xf7\x0ft\x07\x83D\x900:\xb4\xf2F\xc4\xfc\xfc\xef~\xfc\xb3\xa3\xbf8|D\xa7\xd3&gt;\xa7r\xe8b&amp;3h\xe5v\x83V\xf9\xe4\xcb\xff\x18\xea\x9b\xc9\xf8\x97\xad__u\x03W\xff\xc00xP\x87\x0c\xc0e\xb38\x8c\x84\xc9j\rB+\xa1{\xae\xa0\x06V!\x9a\xe687\xcd\xe5#R\x036\xbf\xbf\x81\xf5\xee\xadk\x83\x8c\xdbp\xf9\xf2\x80\xc9l5\x07\x8f\xfeH\'\xa3y\x8d\x1a\x93\x8bp\xc1\xf28j4\xeat!\xdd(a\xf7\xf9(\x92\xe5\x80\x8aO\x86\xff\xd0\xd8#uUC_\\\xbb\x96g\xc6\xc6\xc6\xfa\xedf\xbb\xdd0\x0c\xf5\x0b\x9dv\xb8\xa3cT\x03\x05\x1eVh\xe0\x84x7\xd9)\x9f\x8ffY\xda\x80bI\x8d\xc6\xea\xfa\xb3$\r\xe69L1;m0\x04\xa1\xc7qhu\xc0\x05\x05vt\xb8\xa3\xa3\xe3\x88,\x1f\xe1\xa3(\x9a&amp;I\xcem`"\xc90`u5\x18\xeb\x9a\x94\xcc3\xb4\xdd\xcd\xd1n\xdan\r\x1eq8\xe4\x16\xf4\xd4\xa9\x8eSo\x9d\x02\xd1\x8c\x80\xa5\x0b\xd2\x14IQ\x14I\x92\x14/\x15\xc3|\xc3\xd5\xfa\xe3c)\x9c\xcc\xbb!\x9aI\xd0\xc3`5:\x1c\xb0h\xebt\t\x8fV\x1b\x8dF-Z-\xa8\xa7\xb1\xd2\x88D\xb2,IJ\xc5b$\xff\xc5P\x83\xb1\xeen\xbd\x17\x96"\x1cM3\x0cKQv+\x01\x898o\xf3\xfb\xcf\xe2\xd1\x19o\xbfm\xb1DmZ\x871\x03\xf1\x8eL,\x1b\t\x17\xc3\xf9\x86c\xa9\xeen\rJa\x89\'\xc9&lt;\xbc*\xc9\xf92\xdey\x1bP\xf9\x7f\xd2\x87\xdb\x83}\xb6\xf9y\x10\xcc\x08\x01O&amp;y\x96g#R\xb1\x96d\x98\x86c}\xb8u\xe1\xbdb\x18?\x88F,\x96\xca\xc6&lt;\x16\xcb\xbc-\x1aE\xa8&gt;\xbf\r\xebk\xc8e\xa7)\x96\x8fD\xf8\x88\x14.J&lt;C6\x18\x0b\xe6\xfe\xad\xe3\x837\x80K\x022\x9e\x84*\x90r&amp;\xb4Z\x8f\xc7b\xb39\x1c\xf3#\x1eo(\xe4Lg\xec\x1c\x19\x89$\x93\x91\xf0\xe4d\x98g\x1a\xae\x16`\xdd?~\xe1}\x88\x17\xb0$\xb8\x89\xf3\xc5\xb3\x99\xb4\x13\x8c\x08v\xa7\x13#7]`\x19\xab\x9d&amp;\x93\x90\x1aH\x15a9\xae\xe1X\xfb\xee\xdc?\xce\xe4Q\x05xE\xf0%K\x99)\x08}_&amp;\x9b\xc9d\xd27\x9d\xce\x0cE\xfa\xe2\x90\x87\xbc\xfc\x90\\1\xc2\xc2\xb2\x98op\xdd\x02\xac\x0f.\x1cgX\xbe\x98\x93\xc1\x00\x8bf\xc3\xe1\xf7!\xd0\xe2q6\x9e\xf2\xd1\xa4t#\xc9C\x05-N\xe6&amp;s@\xc5@}c\x1a\x8e\xa5\xfa\xe4\xd6Uh\nX&gt;,sM&amp;y&lt;\xec\xe0\x86$%\x93I\xe9#2"\xdd\xb84q\x1a\x1c\\\xcb\xa1\x15\xd1\x834\xc70\x9f}\xa2j4\xd6q7t\x05\x1cp\xa1M\x16\'&amp;\n\x85\xc2D\xed\xd2\xe9Z\xb1\x18.\x16O\xd4\xe0J-75\x05w\x82\x98\xb8\xfe@l\xdd\xfaA\xb0`I\xa4X\xe4\x9a\x92\xadPh\xcbM\xd4\x8a\x85\xf0dm\xb20\t7\x8e\xf7\xf6N=\xa7\xa2\xe0=@\xc7u\xeb\xce\xbe\xc6;\xd1`\x87\xc1\x9e\x8a$\x81`\x1cLF{\xad\x90+\xe4\xa6\xda\nm\xc04\x0e?S\xb90\xd4\\\xdaGc\xd3\xc5|\xf0q\xc3\xb1\xa0\xdd2\xd8\xcd\xf18\xc9F&amp;\xa7d\x88\xf1\xde\x93\'{O\xb6M!d\xafl\xe3\xb9Z\x98%il4\xc0\x87?\x10\x96\xdb`6\xc3&lt;M\x91\x91p\xe1\xdf$\xbd\xe3\xff&lt;\xe3E\xa1\x18\x81:\x01#\x90\x1d\xb9\x18\xc4j\xe8W(\xbb\x9e\xab\x05\x9d\xa99\x93\xf5\x91l\x11\xfd\xd8\xfb_6U\x93\xa0r\xf8\xf0A\x80\x85\x99H}\xd8\xd0/\x82\xab\xba\xee\xdc\xe2P,\xab9\x9bIe\xe2\x14\x0b\x95\x1c#\xfc?\xd0^\xab\x85\xa1\xfc\xd3\xd0\xbc\x9aq\xf61p,\xc3\xe4\xbf\xfa\xba^\n4\x88\xabk\xba\xf2\xf7\xcf\xb78hL\xadVk&amp;\xe52\x01\x17\xd6\xf3Z\x1b\x06y/\x86:@\x81R&lt;j\x85\xdb6V\x90\x8b#aY\xf8\xed\xde\xf6\x93\x85JC\xbe\xf8\xa0\xaa,l\xef&gt;\xbe\xc8`\xc4\x07M\xb0\xf6\x99L\xa6\xb8\x0f\x9b\xd0\xe4\x89\xa9qp\xe6\x1boL\xb5\xd5"rkA\xd1\xf1\xac\x19\xe0\x01\xcb@sl$\xf9^\xf8\xd9\xde\xa7\xf5\xe9\x97\xbe\x1d\xa8\x1aZ\xfet/\xf2\xcb\x8b\x17\xa1\x91\xb7[]\xf2\x9c\x93Je\x81\x0bZ&gt;^\xbat\xfa\xc4\x89\x89\x89K7\x80\n\xa4\xf2\xf9\xecqyg\xd0\x8e\xd1\x85X\x83\x0c\x9b\xdb\x9b\x05\xae}\xfb^\xe6\x16\xf8Piav\x8f\xef\xff\xf9U\x1e\xca\x96\xd5\x94vip\x9b\xd4e\x8ag\x91\xcb\xc7\xf2\xc9\x8f\xc0$\xac\xebp=\x9e\x8d\x9bS \xa7U\x9e\x8f8\x92\x87\xfe\xdf\xcd&lt;\xdb\x9c]\xa8\xea\xa7_\xd6\xd6|\xd7\xb4\xbe\xb4\xbc\xf8\xe5\x97\xbb\xbf\xea\x1f\xcb\xf3\xb4\xc1&gt;\x1c\xd4h4^\x18\x0e5\x84)\x1b\xa7\xe2q\x1c\t\xf3y&gt;/3\xf9\xe2q\xc0\xca\x10\x10|\x98\x8cf\x03\xdc\x99\xcc\x8f\x8d]~\xf6d\xff\x81\xd9\xb9\x85\x95\xe9\x97\xb2nO\x0b_\xaf/\xdenz}s\xf7\xad\x81~\x86\xa7 \xb2\x08\xc2h\xf4z\xbd!\xa3\x86\x00?\x02\x16\x82!S\x1c\x992\x99l\x16\xb4B\xb9`\xd46\x1b\xdcPy\x19\x18\xc4\x9fm*[\x9b\x9b\x9e.\x08\xe2\xf4\xf7,\x17\xf0\xe7\x01\xb14W&gt;\xb4\xbf\xb9\xe9\xd1n\xc7\xf0\x00\xc7s\x06\xb3\t\xf7\xbc\xa1\x0f\r\x85\xbc1W\n \xc0\xccq\x88\xa7x\x16\xfb\xae\x0cB\x11\x84\x86\x08"\x17\x04\x17t\xd0\xb8\x9f\xb2\xfb\xa8S\xa1l*\xaf\x95\x04A\xfc^\xff7B\x05\xfe\x13\x84\xeabsS\xb3\xa2\xfct\xf7\xa7\xc1a\x1a\xd4\xb2\x9b\x82\xe8\xc3\x90\x16\xcd\x18\x8b\xa5S\xa9\x14d\xa5\x15\xb3\xd3E\xa42P;\xd2\x9a\x18\x9e\x08\xb8\xd5\xec\x83\xae\x90\xe9\xef\x0e\x0e\xec\xf5\xa8\xd5==\x8a\xf2\xc6z\xa5\xb2R\xfa\xee1\xa6\x1a\x12\x05ae\xfdA\xb9\xb5Y\xa9(\x97\xb7;\x82A3x\xcan\x02)@,\x8b\x05\x9ax\xad\xd7\xe9\x8c9\x81\r\x88\xd2\xce\x98+M\xb8\xd2\xb1t\xcc\x89\x91\x07.\xb6Z\xe5\xcd\x08\xba\xbb\xe30\xf5D\xd1\xd2\xd2\xd9\xa9h\xdfy0W\xad\xd6\x97\x84\xefV.TCz\xa1$\xd4\x17\xef\xed\x1ckU\x80ZMO\xb2G4&amp;\xe8\x90\xe3\x88e\x0c\x85&lt;\xd1\x91\x11\x8f\'\x11J\x9c\x07s"\x1d\x9cc1\xbcD\x17{\x11\x0b\x8b\x04\xd46{\x908\xbc\xfb\xa8\xa5]\xdd\xd9\xd9\xbe\xb1R_[[\x11\xabKK\xc2\x8b\x0b\xa6\x1a\x12*\x15Q\x9c\x99]\x9cYY\xefQ*\x14=\xe5\xcd\x87Gc.\xcc\xb4\xac\t\xb0\xc0\x89\xfe&gt;\x7f\xdf\xc8\xb9D"q\xf3\x1c\xfc\xf6$\x12\xe7\x13^\'\x00zo&amp;\x12\x88E`la\x89\x801\x97Hm?mW\xab\xd5\x9d\xc7V\xf5biacY/T\xeau\xa1\xebE\xdd\xb7\xb2R\x12\x96\xe6\x16WKz\xfd\xd2\x8eB\xa9\xe8T\x96\xb7\xd3F"\x0b\x99\x975\xb9P.\xad-\n\x83\xab\x7fd\xe4\xdc\xb9s#hpy3t\x1e0aF\xd3\x82\x17\x01\x0b+=\xacB\xa9\xb4\xf1\xaf\x9b\x00\xd5\xa2n\xd9\x99\xa9\x88z\xb1\xbe\xb6P\x11\x85\xea\xd2\x8b\x84\x18\xb8\xafR\xaf\x8a\xd5\x85\xd9\xb9j@\xaf\xd7W7z\x94\xcaNEy\xf3\xabPLN\xb4\x14z\xd1\xab\xf5\xd8\xfc0H\xfb\xfb\xce\xf6\x9d9{\xe6\xcc\x99\x913#\x16\x0f\x98\x9c\n\xa8V\x10\xb7WM\x19\xccKMz\xfbigK\x0b\x92\xed\xcc\xae\n"&lt;\xe7\xc6LI/\x8a\xa2\xfe[\x951`\x1f\x82\x9aP\x12\x85\x99\xc5\xd9\x191\x00O\xb0\xba\xb6\xa3\x90\xad\xbc}\xde\t\xa1\x8d\x99\x16\x8b\xc9XQ4`\xbb\xfe\x9b\xeb\xd7\xaf\xbf\xf3N\x9f\xdf\x1f\xb5x\xb4\x1e8\xcbN$\\\x90\xa4\xaet:\x1d\x03\xb1\x14j\xc0\xeaQ_i\xd9\x7f{\xae.\x04\xea\x1b\xb7\xd7VW\x04\xbd\xfe[\x81a\xa0\x8b\x81\x80\xb0\xbc6\xbb^\xd5\xeb\x03\xe2\xcc\x9f\xee\xb5\\Q*\x15\x90\xda\xcd \x973\x96\xc6\x97qB=\r\xc1\x9c\x0fn\x04,\xff\xd9\xb3\xd7\xe1\xe7:L\xfb(\x97\x05\xb0\xc0\x89F\r\xbc\x07\xf9\xc1p\xda~\xaaF\xb5\x94\xed\xc7Z\x0f\x1ex\x1drQ\xac\xae\xcf\xde{\xb0\xb1\xba$\xe8\x03\xfa\xe9\xff\xef\xc9\xae@i\xa9$T\x97\xd7\xd7\x16\xd7WD\xf0\xdf\xf2\xda\xbdW_m=\xd6\xde\xacD\xac\xf2\x93\xbfa\xca\xc9\xe6\xf5&amp;&lt;\xe8E\x7f4\x8a\x9b#}\x10\xfe}Q\xfcd\x18n\xb4y\xf0\xd0b#"\xc9iy\xde\xfb\xf0\x91\xa2\x13"\xabGqL}\xe8\xcd\x03\x07\x0e\xb6n,\x89bufmg\xe7\xc1\xe2\xdcrI\xd4\x0f\xfd\xef\x02\xab\x9a\xae\xcc\xac.\xd5\xd7g\x1fl,T\x03\x01}@X\xbdw\xf0\xcdW^9\xa4\xbe\xd2\xdc\xdc\xd3\xa3V4\x95\x1f\x86\xfe\xc1\x86\xf5\xbb\xc6\xad\xa5\xd1\xb9?s\xefE\x12W\x17\xf4\x1f\xa8\x10&lt;\x90\xdaH\xbd\x0b\x17I\x99\xe6\xb1\x90\xc2\xcd\x83%\xe4maH\xdc\x193\xc6\x04\x94u\xe36\xd5@\xc8\x8c\x8b\x99\xc70\x04bll\xe3\x1f8m\x9c`B\x1c\xc8\x92\xbc\xa4H\x9a\xe5\xc1+\x16\xf6|R\x02\x0fvo\xc6\x1agf,\x9d{\xce\xf9\xce\xf7i\x1e\xdcy\xd0\xad;\xbf&lt;\xfc\xf9\'b\xeb\xee\xad\xe5[\x00vo\x99\x9en-w\xca\x12\xac\xbf\xfd\xe3\x9fw\xa8.\xf1\xd9\x87\x7f\xfc\x1b\'H\xd2\xa2\xce\xda\xe0\x04\xc1\x1a\x9f\xed\x92\x16G\xa7\x8b\xb3kT\xfb\xb3\xad\x9bO\xff\xef8v\xe3\xc6\xd3g\x93\xfd\xc9\xd1\xfe\xf5\xe1\xcb\xe3\xad\xa7OWVVv\x17\x97\x82\x03\x96\x93e\x1aXQ\xa3s\xbc\xf9\x93Rjo\x8f\xca\x8d\xe4\xa2oj\xee\x11":@\xbde\x82E\xe0~z\xf8\x0bX\xda\xa3\r\xa0&gt;\xff5\x1e\xb3\xbaH\x8alZ`\x9f\xce\ni\xdcb\x17\xe5\x84\xcd?\xde=~\xf9\xea\xec\x18.[\xf9\xdf\x80\xc5\xe8r|z|tzx\x8d\x02\x01\xa4\xa7\x7f\xdf\x9a\\s/\x84\xe3\xdc[V\x1a\xc3\x98\x0e\xf2\xed\xf9\x1f{\xdd\x85(\x14\x88$\x98\n\xda\x01Q\x87i\xf9\x16\x01\xbc\x8b\x17\xe0\xf9\x87\x0fWW\xb1\x85\xd5\xb5\xa5Oo$\\P$\xba\xcc\x9c\xc7N#\xe1\x8c\xe2\x87\x88\x8a\x15\xda\xfeM\x14\xfd\xab\xb3\xc9\t&lt;\xfdW\x93\xdd\xb8A\x9e:8:\xde\xbf~\xb5O\xdc\xe2\x93\xcfN\x0f\x9b\x1cT\tWq\xefm\x9a\x06\xad\x8d\x0e\xea\xed\xa7\xbd\xbd\x07?\x82\xea\xde\xd2\xd2\xd2l\xf6+\x9cN\xc9\xf0\xa2\x03E6#\xeb\x03\x13\xe5\xd8\xde\xea\xfd\xfb\x7f\xbe\x91\x80\x85\xe8\xcbZ%h9!\x94\xf6\xfcr~\xb8\x98\x1c\x9f\xecR9\xfe6Y\x1c\x9e\x9d\xfeF&amp;\xfbkL\x1d\x9c\xc0S\x97g\xc7D\xeb3x~\xce\xf3\xa6\xa2\x9dAD/\xbc)5`1m\xe2\xb7\x9f\xa0\xe1\xea\xda\xfd~\xa1\xfefOHH\xc8\xf6\x82j\xb0s\xff\xafKk\xdf\xf3umum\xfb\xdd\xf9XIC\xb8\xda,e\x80$\xbc\x13\x8eI.\xbc*\xd2\xf1\xe5\x1cp\xc0\xc5MP\xf6j\xff\xe8\xd9\xcd\xefS\xc2\xcd\xdd\xa3\xa3\xa3\xc9b&gt;?\x9bl\xad\xac&lt;&gt;xy\xf8\xc19\xde\xe4 Kp\xc1+\xda\x9c,3\xe0\x02,i\x81\x8bPmo\xe3\x81\xb4B.\xd07\x81\xd0m\xf9\x05\xf8\x02\x81\xf4\n\xa5k\xbf\xee\xbf{/\x81*\x00WV2\x96e\x86\xf6*\xbc\xaeI\n\x96\xa5\xda\x18q\x8d+\x83\x90\xad\x83\xfd\xc5\xcbI\x17\t\xe0\xe6\xe4`\xffpN\xd9\x06\xf5N\x16sa\x8c\xaf\x9a\xa6\xe1\x00\x07X\xf8\xb1A\'eJ\xf6bFF\xc0\xb5\x06H\xfd\x9a=\x99\xf5t\xdd\xeb\x82\x02\xa0\xc0\x1f^\xef\xb8$N\x81*\x8a\x95\x0c8E\x8b\xad%Y\xc6,v+d\x1ap\x04\xd4\xb4\x08\xa2\xca\x17\x07p\x16\x12i\xeb\xe8\x94\xe6\xa9\xad]Ru1A\xdeR\xed\xed\xcf\xf3\xc6\xd5A\xe40\x96\xb3\xbe\x12\x80\xe5\x03\xdc^\x14%3\xf0\x17#\xbe\xde\xbf\xfb\x01k8\x9c\xcd\x86\xb3\'KK]n\xdd\xed@\xe1\xb5a\x0fk\x9bPEq\x14\x81.\xdaX\xa1M\x9dei\x12H\xc8$\x83?l\xdd\xb6e*\xab\xa6\x9a\x1f\xee\x1f\xa0\xffb\r0\xa4\x9fL\x16\x0bHKH\x1f\xefN\xae\xf3|\xc4C\x16@V.T,*\xcf+K\'K\x98IK#\x03\xec\x15bw\xf1\xfe\xdd\xb0_\xeb\xdd\x9a\xf5Rb\xcdf\xb7\xe9\x05\xbcC\x1aw\xa8\xac%XAc\xac\x81\tL\x02\x7fe)\x083e\x80\x12q\xd6\xb6m"\xf2\x8a\xdbp\x89hB\x1f\x1f\x80\xb1\xc5\xf7\x90\xda\x02\xbe\xebQ\x03\x96\x9c\xae-$\xac"i\xc1\x14\xd7iP\x08--%c0\t\x90\x05\xe5\xec\xf9\xd7\xee\xda\xeb\xeb\x1b\xb4\xd6\x87$\xe5\x13\x1cn\xdf\xa6\xff\xae\x0f\xb7\xf1o\xb8\r\xb7\xc7(c\x1b+%\x11\xa6\xe8=\xd8W\x9a\xa5i\x0bH\xaeLa\\\xcf\xca\xe9\xb4\x8cr\xa4\xa3\x8a\xac\xbb\x9c/N\x07\xfb\x84n\x05\x9c\x1d\x9d\x9e\xa1\xf4F\rXB\xd2)\x01\xbf{#\x05\x8eY\xa6b\x05\xf1\xb4V\xcah\x9c\x1f\x1b\x97*\xb6\x1f&gt;\xae\x13\x9c!\x8e\x9b\x9b\xf4\xcb\xb0\'\xea\xf6\xc6f\x0f\x0b\x90\x87_\xcf\xadC\x07\x8cc\x0c\xdd4&lt;\xa4L\xa2\x07A\xc5\xac\x9dj\x9f\x94\xd87\x97I{5Mx\x85\xd0VT\x04\xeer@&amp;\x87t\x8b\xeb9\x9aL&gt;\x1a\x01\x19WZ\xc1Y\r\x8fjU5\xaa,\xa5\x8fB\x01\x1dA\x17\xaa\x9cpER*\x0b!_\xef\x10\x9e\xf5\x8dM&lt;\x13E\x1dq\x1b\xf4{\xaf\xef\xebo\x17@da\xad(\xc0\x054l\xd5F\x13,\xfc\xb4H\x9cR\x82.g\xb2\xf6\xaa\x95\xb02\x92\x9f\xc2\xc8\xc1[\xbb\xc7\x8b\xeb\xaa\x19\xe50\xdc@\x11\x00\x00\x05WIDAT^\xdaf\xc4\xf9\xa8\x8a\x19s\xe0\xac\xf2J\x8b\xdc\\e\xc6y\xc9\x12r\xbb\xa1\xeca\xe0.\x8e#\x19Y\x0f!7\xb1\x80\xeaQ\xff\xfccmt~\xdbx\xfd&gt;\xc0\xed\xf80v\xc2\x12d|\nw\xe1\x140}\xc1X\xd9&amp;\xa8M#r\x1eC\xc6\xab\x8c\xb2_KT\xbdw\x03\x04\x03DmF\xa3\x910\xf1(\xe7@\xa3S\xc5a1\xa7\xac\xf4jZ\x1a4VC\xa8\x14n\xf1`y](\xc8B\x9cY\xef.\xbe\x810\xa0\xda\xd9\x01a;\xdd\xa2\xa7\r\x12v\xe7\xeb\xb9\xb4\xc4\x14}\x96e\x18\xb4\x8a\x8c`\xa1\x96\xb3\x0c\xa4e\xd3R+\x9d\xa1\x08y\x9c\x82.U\xf9X+\x84\xa4\x10\x839\x071\x80\x05G)\x07T\rW\x99v\x80Y\x05\xc8\x16\xb2\x96Y\xeeU\x9d2\xd3\xc54\xa5\x16K\xa4\x83a\xc0\x01\x8e\x17\xe7\x1f\t\xd0s`y\xd4/\xfc\x02\xa4\x9b;\x100\xb6\x80Ed\x85"\xa1\x85\xdb\xb1\x8e-\x8a*c\x8ai\xcb\x94dY\xa9c\x17\x8a\xe9U"\xb8\n\xb2\x87\x05i\x91\xe50U\xc3-r\x1d\xd5W"\x83G\x8dE\xe8I\xc5\xa6\x99r\xdc\x1a8\xd5\x04J\xe9\xa2\xa6\xb3\x16\x1a\x15c#\xd8\xde\x01\xd8\xfb\xaf\x80\xf5h\xe7\xd1\xf3n\xf5\xc8\x00\xea\xc3\x85u\xc0\x04\xaa"\rS\x01S\xcd\n\xd4 \x1c\x1a(\x99\xa5n\xa7\xa9$\x1e\x19\xcaAgW\xa5\xe26\x056\x12\xd1\xa1\xd6\x9a*\x07]h\x9f\x15\x8eYY5\xb9\xa7?G\x08\x94\xad\x89\x9c\x88\x8a\x14\x13\r\x9a\x87\x86\x0e\xcch\xcazX\x8b\xb8px((I`\x9e?\xeaa\xe1\xf1\xfb\xc7\xf3q\x8c\xf7P\x82\x08,F7\x16\x05\xc3\xa3\xc6y\x99Ara\xaaT&amp;\xbd*\x03J4\xcdb\'\x90\x89\xa5\x16\xbc,\x1d\x82\xdf\r\x94\x07[\x80\xd5T"\x06IUh\xa3\xa62Y\xa2-\xde-\xae\x12\xbavO\x96!\xaf\x16tcf\x824\xb5F\xc6\x10\xb2\x18r\xca\xf3\x8f=\xb0\x1e\x16@\x05\xf2\x1f\x04\xa4\xa6\x83\xb6\x80L(hK\x84\xab\xe8`\x95(\xec\x9aT\x8c\x9cn\x03o\x84\x05\x89\x11\xaf\xafl\x05\xba\x06\xd2"\xf5\x81\x0c\xed\xcfS\xf5%\x89pi\x99\x98\xc8s/\xa7\xad\xc4U#\x8d&amp;FE\x88\xe4\xa9YM_n\xc0\xc3\xb8Xg\x1d\x10\x06\x00\x17\xe7`\xac\x97\x10\xa0.\x80\x98@Q^\xd1(\x14\x1b\x9a \x0b\x06\xb6Q\x83(h\x18*\tR\x97\xd3\xcc`\x1el\xcb\xa8\xc2Y"\xab\x94\xff2\xae\x10\x11\x03Td\x9e\x13_\xc2\xe7\xc4\x18\xfd!\x18\x06\xad"N\xa75\x9d?\xa0\x80\x90\xee\xe0\x0b1\xa1\xb5\xa4\xa6\x0b\x1a$\xcd\x12\x11\xa09Z\xf6\xe2\xc3\xb7\xaf\xbf\xff\x00ET\xe1\r\xc4\x08\xb6\x80\xd2\x88p\x93\x0f\x86q\xafI\xee\x00 \\\x05\x1e+\xa6%C\xf9$\xd3Ty\xd4O\x88"\xfb\xf9\x0b`\xd9\x816\x98\xaah\x82\xb1\xc0VY(\x9cb\x80\xb1\x02\r\x83\xa1#8\xef\x90\x0eY\x1dP\x87\xe0\x8b\xb8\n\x1a\xfd\'\x8a\x9cE\xef5\xc8I\\\x1f\x1fr\xde\x8ea~xJ\xda\xef\xa8\xe0\xac@\xbcBJ2}-\xc9\x94\x84\x07-\xa3\x8b{e\xca\x16\x9c{\x85F\x14\xd9\xe0#\x89\x19\xff\xcb[\xa4\xfd@kA\xe6\xc2\xb8WU\x95\x00/uRj/\xac\x8fC954F\xc2\x9a\xb0?\xfa\x0e\xd5 \x92\xde\x10\x01\x11\xea\x01\\\xc0p\xc0\x17\x13[\x8e&lt;6\x1ec#=$h(up\x14\xf0\x88yd|\xdd\xb9\x00tQs\xad\xd1\xb4Ab\xda\xd6Fz\x81\xfb\x17\x84\xa4\xb4\xda\xe5\xe2\xf3\x17P40\x0c\xad\x9b\xe4\xe4\x08\x0cF\xdd8cBD\xceI\x84\x03\x1f\xa1C\xa9\x90$HQ\x1azY\xcd\x10\xaaDALv\x86s\xd0$eo}\xe7=\xbaA\xe4i\xf0\xecL\x87\xb7T\xd7vP\x1b1u\xfa\xbef2\x00B \xc0\xae\xc1z\xdd\xa6!\xc6\xf8\\2\x9cD[\xa9+&gt;\xfe\xf2\x16\xb0d\xe1A\x16Mz\xdc\x01T$S\x86\xe9\n#\x1aR%\xce\xd1\x92,\xda\x06\xf1\rf@\x96A[T\x14\xf0\x80E\x97\xebZp \x87a\xda\xf44\x08\x91\xfc\x14\x0b(\x0c\x94\x03\xda\x0e\xb1\xa5$n.\x0c\xe1\x82\xc9R\x06s!PY$D65\x01\x8eI\xcb8r\xc6{\xdd\xfcG\\}\x16v\xa0R\xc0\xea\x07P\r\x0e\xb0E\xceM\xc5\xa5\xf9o\xcbep[!\x0c\x04\xd1`\xd6h\xbfe,\x83\x94\x0e|\xe0\xf4\xb9S\xe4\xef\x82\x02\xd2M\x0ei \xf4\xf0\xa5\xbc1\x81\xab\xb5\x1e\xcf\x8ew\xc6\x85\x16\xe2\x91\x8f\xecT\x8c=\xce\xf0\xdd\x12\x96O\'T\xc5\xf6j%T\x82\x00&lt;u&amp;\xc4\x00K\xf7\xd4\xba\xbet\x04\xcaff\xd7\xa47F\xd7&lt;\xb0|\x81\xaeH\xe2\xfaZ&lt;\x87\x10_\xc3\x8c\'\x07?\xdf\xc7\xef\xc5\xdc\x9aKjM\xa8\xaa;U\xd6\xb5\x8d\xa5\x9d\xd9\xfd\xf99b\xe05\xa2\x87M\xd22q\xb5vY\x89\x01\x99\xcf\x7f\x87\xf8\xe1p\x16]f#\xcf-\xca\x00\\\xb3VkD-8\xb7\xc1\xee\x19\xb3\x10"\xcc\x14",\x91\xb8H\x96\x84\x99\x057\xa9&gt;\xc6\xe3}\xd4\xebg\xfcx\x94\xb47\xa1\xb25\xea\xb0\xe7Qb\xcb\x1e{\x12\xda[&amp;g\x95"5Y\'\x8b6\xdf\xe7W\xe0\xecs)\xf6\x19A\x9b\x0c\x9b\xca\xbc\xb6`\\"\xbf\x97$\x01\x97\n}c.\xa8\x8b\xc0\xda\xb8\xd7\\\xaee\xa2\xe5\x031\xe2\xce\xa9)L\xd8\xdf\xb9\xb7\xeb;\xfc\x01\xf3\x9b\xa7\x17\xb1\xf8*\x98\x00\x00\x00\x00IEND\xaeB`\x82'</t>
        </is>
      </c>
      <c r="M336" s="3" t="n">
        <v>45492.67898148148</v>
      </c>
    </row>
    <row r="337">
      <c r="A337" t="n">
        <v>942426</v>
      </c>
      <c r="B337" t="n">
        <v>1962</v>
      </c>
      <c r="C337" t="inlineStr">
        <is>
          <t>Luan Santos</t>
        </is>
      </c>
      <c r="D337" t="inlineStr">
        <is>
          <t>Luan Santos</t>
        </is>
      </c>
      <c r="E337" t="inlineStr">
        <is>
          <t>VOL</t>
        </is>
      </c>
      <c r="F337" t="inlineStr">
        <is>
          <t>VOL</t>
        </is>
      </c>
      <c r="G337" t="inlineStr">
        <is>
          <t>VOL/MC</t>
        </is>
      </c>
      <c r="H337" t="n">
        <v>173</v>
      </c>
      <c r="I337" t="n">
        <v>8</v>
      </c>
      <c r="J337" s="2" t="n">
        <v>36293</v>
      </c>
      <c r="K337" t="inlineStr">
        <is>
          <t>Right</t>
        </is>
      </c>
      <c r="L33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6a49b5-0891-4039-b39a-fe27f56eec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2\x0c\xb7\x00\x00\x03\x00PLTE\xff\xff\xff$"(\xe7\xea\xf4\xde\xe1\xee\xeb\xec\xf6\xe6\xe8\xf4\xe2\xe5\xf1\xe0\xe3\xef\xf2\xf2\xfa\xe9\xeb\xf5\xed\xee\xf7\xe4\xe6\xf3\xdc\xdf\xec \x1e$\xfe\xfe\xff\xd6\xd9\xe7\xd8\xdb\xe8\xef\xef\xf8\x1b\x1a%\'%+$ %+\'-1$(\xa1hU\x1d\x1b"\xda\xdd\xea\xf7\xf7\xfb7-/ \x1f\'\x9adQ8((X.&amp;\x18\x16!\xf5\xf5\xfa\\2)sI?\xea\xec\xf8\xd2\xd5\xe4&gt;((\x9efR\xf3\xf4\xfb\x91\\KzTLa4)+"&amp;N3/\x7fN?7$$f?7}YPl&gt;4Q,&amp;\x8b\\O\x84Q?]70mD:714s@33(+D+)U;7f6*D65\xfd\xfc\xfd^&lt;6\x98^G\x8aTA\x95^L0)/E\'#sC9\x99aMzL&gt;V5/K86\x9ebK\x94aQ\xa8nX+)3eID\xa4kW\xec\xef\xfa\x84ZOxG=:7B&gt;,,s&lt;,y@1\x8cYI\xb3{c1.1\xadsZg:1\xf9\xf9\xfdgC=K(#m;.\xa3eN~B.\x98eX\x93[E&lt;46{ND\xa7kSJHVuOG/,6N??K.*?00\x8eXD2/9\x90cV\x82F2\x93V@\x98YB_C&gt;E1/\x81VKC:;&gt;$#42=\x87J6{F4\xef\xf1\xfaqTN\x81QF\xacnVnLE@DS&lt;;G\xc2\xb6\xb3\x90P:\x9d]EC@L[HG\xc1\xc5\xd8\x87VHl7)1!#nG@WA&gt;\x9fj\\95=\x89`V\xbd\xb0\xaf\x8bN8\xa3`I\xb9\x83l\xc7\xca\xdc%#/\xc5\xba\xb8gOK\xa4iP\x80H;\xaap^\xcf\xd1\xdf\xa9yl\x90g^\xac\xae\xbf\xb7\x86x\xa3\\DQM]\xcb\xcf\xe1\xb2~l\xb1\x9a\x95\xa9\x8a\x82\xb6\xbb\xd0\xb0\xb4\xc8\xa5p\\w\\W\xf1\xf0\xf3\x99mb\xb2t]\x9eV&gt;\xba\xaa\xa7\xbd\xc1\xd4\xa9se\xb5\xa5\xa2\xeb\xea\xee\x9c\x98\xa2\xce\xca\xd2\xb5\xa0\x9b\xaeuc\x97sk\x83\x81\x8d\x82gb\xadgO\xa9aI[Xeon|\xa1qe\xaf\x92\x8bjYX\xab\x81w\x8b\x8c\xa0\x9exp\x9f\xa0\xb2\xac\xa1\xa0\xa6\xa8\xba\xe4\xe4\xec\xda ,\x98Q8\xba\xba\xca\x82^W\x92mf\\QT\xd8\xd6\xdc\x93\x88\x89\xcb\xbf\xbez&gt;+\xa0\x91\x8f\xbd\xb9\xbf\x9fLK\xc5\xc2\xcc\xed)6\xa2~x\xbe\x88r\xbbs`\xb6kUgcp\x96\x99\xad)\x1a\x1e\xe1\xdf\xe6xv\x85\x83tt\xa8\x96\x93\x89ODujkOGL\xbb}f\x91K3\xcc&amp;3\x91\x8e\x98\xf1@J\xaf\xa9\xad\xbf\x8d|\xc1\x94\x89\xdf\xd3\xd4\x92}{\xd0T^\xa9ZX\xeb\xe0\xe2\xdf\xdb\xe0\xf1^c\xcd9A\xe5\xc7\xcc\xc6\xaa\xa2\xdf\xb6\xbd\xf0\x9d\xa3\xf3\xe6\xeb\xd2\xa5\xad\xbaor\xd3rq\xce\x86\x8f\xeb|\x82\xc5&amp;\xe5w\x00\x00 \x00IDATx\xda\xdc\x98mO\xdai\x16\xc6\xcb\x07\x80dE\x90T\x06+&amp;\x98\x05\x14AD\x81"\xea \x8a\xb6\xff5\x80\xd82\xb4\x82#\x08\x7f\xab\x88\xb6(\x10\xc1AJS\xb5\x03UCZ\x8d\x8c5\xb8I\xad\xd6L\xd5Q\xebC\xdd\xae1\x9b\x8d}\xd8\xadi\xba\x89I\x9dN\xe7\x85\xa9\x93\xbe\xe8\x17\xd8s\x83\xdb\xd9\x0f\x00v\xb3G\xa3\xbe\xfc\xe5\xba\xae\xfb:\x07O\x9d\xfa\xff\x1d\x12I~\xe9tv\xf6%9\x89D\xfa\x9fAZx\xbdx\xb01e\rZ7\xf6W\x17\xf7&gt;e\x9f\xfa\xf2l\xa4\x07\xaf7]\x91\x08=\r\r\x9d\x0e\xdf\xf4\xd0\xd4\xea\xde\x03\xb9\xfc\x0b\xa2\x91\x16V\xfd\x88\xe8\xcc\x19\xf8\x86I\xb0E"\xb8\xf5\xf0\xc5\x8b\x05\xf9\x97a\x92\xbf=\xc4\xfe\x8b\ta\xd1\xd3(\x84\x08paXh\x7f\xf1\x87\xd3_D\xa9\x03{\xda1\xd0g\xad"t\x02\xe6\xc71\x0cwa\xf6\xd0\xd4\xe1\xdfH\'\x9e\xa9\xc5\xcfP0\x11\xe4\x1e\x068X\x04\xf7\x87\xecv\xcc\xef\xd2\xdaq\xed\xfe\xd2\xc9\x1aIZ\xb2\xd2\x7f\x87\x82\xbf \xea\x04\x0c\xc7]\x112N\xc6\xed\x18\xd9\xeeri]Z\xad\x7f\xf1$\xa3\x7fz\x11\x07\xaa\xb4\xdf\x13\x05\xf6a\x11;\x99NC_\x04\x02\x99\x00l!\xbf\x16fs\x81tb\x06n\xa2F\xf8\x0fV\x1a=\x02\xcf\x8f\x80ct\n\x81F?\x93F$\x90)\x04p\x14\t\x16\xd2j7\xde\x9e\x0c\x17\xe9\xd3F$\xd1\n\x08\x8c\x06xtTX\xa0\x11\x9dN\xa3\x11\x894:\x91\x0cr\x91)\xe0)\xb2r\xf3\xed\x89P\xbd\xb0b\x89\xfaDT\xe87\x11\xb0\x88\x04\x1a\x99F\'\xc0\x17\xfaA\xa0\xe0d\n\x05\xc3\xedZ\x97\xdd\x1f\xdc?\x89\x07\xf9`\xe3\x98*\xaeX\x1a\x8d\x86\x84J\'(@ \xf8AV\x80j0\x98^\x8f\x01W\x08\xc7\xed.\xff\xfeB\xea\xc5Zt\x01\xd5\xf1\xb2I\x03&amp;\x1a\x99\xabPd\xb6q3\x19\xf5m\x99mm\xf5\xd7$\x14\xbdD_\xa2\xd7+\xf4z\xbd\x1du\x98\xff\xbb\xc3\x94\xf7\xc4\x8b`$-\xe1 D\x8aL\x85aI\xaf\\)\xcc\xcbS\x89\xd0\xa8D\xaa&lt;\xe9\xb5\xfa\xfaR4fs(dw\xd9CA\xebR\x8am\xcc\xde8~\x84i\xc4t\x06\x8b\xc5\xaa\xac\xacll,\xccB\xc3d29"\x11\x87#3p8L&amp;\xe0\xe5\xe5\xd5twk\xb5v\xbb\xcbz\xf8 \xb5\x16\x1eb\x89\\\x11\xb9\x83&lt;^OO\x1c\xea\x98\x8a#\x93\t\x8cF\x99L\xc6\x94\xc9\x80\x8b\xc3\xcc\xbaR/\xc94w\xfbqWpj)\xa5T{\x18\xb2\x90\x98\xce\x1d\x1c\xe4\r"\xac\x84RH(\x0e\xc7h4\x8aa\xe0\xd7\x00\x80\x01\x99J\x95W\x9f\xa9\x0fiC.h\xfb\xd4Q\xc9\xdf\x06\x91\x85\x04.\x97\nX\xa0\x16\xa2J\x88\x05\n\x19\x94JM\xb5F\xa9\xd1(\xc5q\xd1\x12V\xaa\xf22!\xf9\xa1\xa9\x17)\x14+\xde\xee\x18\x85B\xa5&amp;\xa8\n\x0b\x0b\xe3\xc9\x02\x03\r\x02e\x0e\x9f\xedT\xef\xee:\x9d\x16\xa5X&lt;p\xac\x18L\x9b\x1e\xc7\xb5\xab\xa9\xbbr\x96p\xb0\xd0\xe5\xc2\xe0\xf9%\xa8\x1a+\x0b\x8f-\x14 ,\x1b\xdb\xc2f\xf3\xbdN\xb6%G#\xd6\xe9\x8c2\x83L\xc4\x111\x99gK(\xb8\x7f1U\\\xf2\x03\x10\xcb\x15\xb4+\x10UOOcc%P\x81P\x10+\x83\x01\xe4\xcaa{-\x16\xa7\xd7k\xc9\xd7 /!e\x032\x83\x01\xd5F\x99\x99\x8c\x07?\\J\x8d\x85o\xfd\x914\xec;\xadBBEi\xefA\xdd\x80\xa8\x98Y\xc8B\xa3\xc5\xa2V\xab\xbd\xce\x9bN`\xb3h\xc4F\xb1@)\xd6\x19\r0"C\xd9\xd5\x12\x8a\xdd\xba\x97\x92\xd8\xcb\x0fa\xeb\x04\x13b\xf5 \xac\xcf\x85\xc51B\xda\xbd^\xa1:,\x14v\x08\xd5N\xf0P\x83\xde\xa4X)\x16\x80\xbb\x86\x82\x82\xa1\xab\n\xcc\x7f\x90\x8a\x1b\x87\xb4\x04\x9fpp\xbf\x16\xa3\x1e\x8b\xd5\x88&amp;\x9ew\xa38\xbf\xda\xfb\xcb\x85\x8e\xa80\x1c\x8d\x86w\xc3j&gt;`\x02\x95\xa0X\xa9\x14\x14\x14\x0br\x86\x86\xfaJ\xc9\xb8\xff}\nJU\xbe\x8a\x11".-\xae\xe0r\x8f-\xacD/\x91\t\xd5`\x14W\x8f\x8d\xe5{\x9d\xf9\x16\xafE\x03\x16Z\xd8}\x02\x88\x97@`\x14\x14\x17\x17+m6[\x9f\xed\x96\x02\x0f\x05S\xd0^\x0bAt\xab+(\\.\x83\xd7\xc3\xaa\xecIPeeq\x06\x06\xa0?u\rc\r\xba\x06\x18\xa5F\t\x1a!\xa6b\xa5\xc0`@\\6&gt;\x9b\xcf\xbe\\\xaa/\xd1\xfe\xba\x97l\x1b\xe1r\xc00\x05U\xc1\xa5p?{\x88\xb0`\x07BE\x89\x1bt\xffDT\x1e\x84\x15\x7f\x85(T\xc5\xc5\x02\x98\x1c&gt;\xbf\x97\xcf\xeek--\t\xc1\xa9\x9a\xec3k\n\xc3(\x12h,\xb4w\xe2\xbb0\x9e,\xa8,\x19\xa8\xa5\x03\xb9\x1a\x9a\x9a&lt;c\xf9\x16p\x12\xac\x14\x8bub\x94v\x10\r\xb0\xd8}\xe0bM\xa9\xb9$\xb8\x98\\\xb9\xe4pfA\xb9K$\xf1\xb5\xc3\xaa\x94\xa2h\xc5\x03\x9f%\xd3\x19u\xba\x06\x87\xc31\xec\x1e\x1b\xf3h\xf2\x8b\x8a&lt;\x1e\x0f\xd2\xabX\x8c\xd4*\xb6\xb1\xf9\xb6\xa1\xa1\xcbe5\xad\xad WRS/\xcf\x9e\xb2#,*\x8f\x01\xfd\xce\x88G\x1ei%3\xea@$\x87\xc3\x8df80\xecv7wvvV\xb8\x87\x1dM\rJ\x81\x12\xcdP\x0eD~\xa8\xb8\xa0\xe0\xd6\xad\x1b\xad\xfe_\x93zy\x91\xf6\xb48\x06X&lt;8\xb1x\xbc\xc4\xe6\x81\x165\x8a\x1b\x80(\x00$\x9d\x81@s\x17\xfcQUU\xf5UnnyWs\x85\x1b4\x13+a#\xd9\xd8l6T\xc4\xd0\xd5\x1b7\xee&lt;\x0f\xee$\x13K\xbe\xe9\xc2q*\x83\xc1\x93JA.\x08\x97\xb4\x90\x89\xa8&lt;\xee\x8a\xa2\xe6\xaa\xaa\xf2\x8c\xda\xf2Z\x93\xa9\xf6\xba\xc9t\xfe\xc7\x89\xd8\x8f\xe3\x19U\x9d\x01\xb7\xdb\xd1\x80\xb8\xd8l\xf5\xae\xd7\xe2t\xdaz{\xff2\xf3\xfc\xe7$v\x04\xe9\xd3\x14lh\x86\x94%\x95\x82Z\x83T\x06+O$2\x08\xc4\x9e\xa2\x8a\xaf\xab2\xea\xc6\x97\x97Mu\xa6\x16`j9\xbf\x1c\x9b\x9c|\xfat\xe2\xfbs\x7fl\x07\xc1\x80\x0ba\x85\xd57\xc3j\xf6L\xef\xcc\xe3\xf7\xcf\x93\xe9\xe2\x0fV\xadKQ\x1f\xc7b\x0cry\xac+*8\xdd\x05\xca\xea\xa2\xf6\xafr\xeb\xc6\xc7\xc7\x97\xc7[Z\xc6}\xbee\xdfdl\xf2\xb7\xad\xa7\xc05\x1b\x15\n/x\xf3=\xe0"_\xadv\n\x85B\xf5\xe3\xc7\x8f?~|\xff!yX\xa4\xbfZaC\xa3\xdb\x9d\xc5\xa2r\xe1=\xd6\xa3\xb9v-\xaf\xcc)\xfc\xba\xeanK\x8b\xcf77\xf7\xcd\xdc\xc5\xd8(H5\xb1\xbd\xb2\x12}\xdc;3\xd3\xdbg\xb3i49\xb6]\'\x1f-\xcbht\xe5\xe7\x8f/_&amp;\xb1\xe9\xe5\x07\xd6\x90$\x81\x05bQ\xa0\xe9\x89\x04"\x8dHVd\x9a\xcf^V\x97\xd7\x8e\x98\xd6@*\xb0o\xf2hr6\xdc\xdbZ\xd3\r\x9fy\xcc\xdd\xa5\xad\xb7\xce\x16\x80\x8bN5PuD\xc3\xd1W/_\xbd{\x99\xbc\x8a\xc8\xde\xb4\xda\x8f\xb1\xa8\xdc\xf4t"\x1c\xf3\x92\x12s\xb7\xb9\xc4\\Zsv\xa8\xa2\xeb\xfa\xbdu\xdf\xdc\xe8\xe8\xd1\xd1\xe4dl\x96\xdd{\xa7\xf5FMw\xab\xd9\\\x92in-\xbde\x83l\t\xc3\x1d\xb3+\xe1g\xd3\xef\xde\xed\xbcJ\xde\xff$\x166\x83%\t\x13\x07\xb9\x00\xc5\xe5\xd6\\\xae\xf6\xde\xcc\xb7\x95\x95\x9d-((\xf0\x0cw=\\\xf7}\x13\x9b&lt;\xfa\xd7hl\xfc\xfb\xd9\x8e(\x9b\xcf\x0fGw\xef\xdc\xb9\xd1V\x9aYz\xd5\xc6\xde\rwDWV:\x9e\xbdz\xb5\xb3\xb3\x93\xbc\xcc/\x1c\x04]\x08\x8b18\x98N\xa4Q\xf3Db\x8f#\xd0\xd9\\\xde^4\x06\xed\xe4q\xb8\x03 \x17\xc2\xba\xe8\xf3\x8d\xdf?\xdf\x92\x9bq\x7f9\x16\x9b\x98\x98X\x99\xb9SS\xc3\xdf\x8dF\x9fE\xb7!r\x805\xbf\xf3:i&amp;\xfea\xd3\x1f\xb2+\x18\x0c*\xb2\x90\xa1\xe2\x18uM\x8e\xe1\xae\x8c\xf3u\xb9\xedE\x1e\xd8&lt;M\xc3\x9d\x0f\xd7c\xbf!\xac\x96\x16(\nx\x04\x90\x7f\x98\xe5\xfb\xdf\xaam\x96\x15\x80\x9a\xdd\xfe\xf3\x9b\xed\xf9\x9dG\xf3\x1f\xf6\x92\xf7o\xb6\x83\xa0\xd6\xa5\x97\xf0\xe2\x1b1O\x04\xdb\xb9\xc9\x1d\xa8\xad\x9b\x88=\x9d\xc8\x1d\xf6\xc0\xa6v\x04\xfe&gt;r\xf1\xe8ht\xcew\xd7T[\x0b\xbdz}\x04\x9e@l\xd9g\xaa\xad\xba`\x89\xbeYYY\xd9\xde\xda\xda\xfai\xba\xffv\x12\xb1\xe4\xabS \x97\x04}\xb4`HU\x1c\xb8G\x1d\xc3\xed\xcdUO\xc0\xa6\x89*\xb7\x8e#\xd35\r?\x1c\x9f\x1c\xbd8\xb7f\xba\x9bQ\xdb\x15\x08\x04:M\xb1\xa3\xc9\x8bk\xeb#\xd7\x9b\xf3\xd5O\xdfm\xbf\x99\x9e\xfei\xfe\xd1t\x7f\xff\xed\xe4a\x91V\xf7\x83\xda\x90\x84A\x85\xd0\xabDp4\xc0\xe1i\xa8v&gt;{\x16\xeex\xf2dX\xc7\x81\xf58\xd0\xf0K\xee\xda\x9com\xe4~]\xa7\xdb\xd1\x04[I8;\x0eX\xf7\xee\x8d\x94{\xb7\xa7\xdfmmM?\xba=\x9f\\,\xf9\xea\x86U\xab\x950\x18,)l\x9d,\x95\n\x8ee\xe9\xad?\xed\xf2\xd9\xd1\xed7\xe7tYpzeq\x8cc\x81\xf5\xb5u\xd3Dn\x85Gl0\x88\x8dW\xc3\xe7\xda\xcbG\xee\xdd\xbb&gt;\xd2\xfc\xed\xd6\xa3\xe9\xe9\xf9G\xf3\xfd;\xfd\xfd\xf3\xffH"\x96u*\xe8\xcfd0\x10\x15S$\xed\xe1\r\xa6\xd3h\x1bx\xa8U\xe5\xdd\xfe7k\xe6\xff\x93\xf6\x9d\xc7\xf1\xf5\x0f\xd0_Dl\xe6\x84\x1e&amp;\x18E\xc4\xf1Q\x14&gt;2\xf9"Z\n\xbd6UAo\x04\x10\x99b\x87U@\x9d\x85L\xbb\x02^\x00\xa7\x03\x9a\xd8a\xf4\x80(I\xd3\n\x91\xddho\xe0\xf48\xcf,\\\xed\x0e\x9a\\,,\xdc\x9d\xddi\x96\xce6\xb7%s\xd9~\xb9\xd7\x9b\xde\x7f\x80\x1fc\xf8\xf5\x91\xe7\xeb\xf5~\xbd\x9f\xcf\xd7{[\x8e\xa9\xa6\xa7\xc9N\xb9\xcf`\x0b\x04\x06v\x06-l\x9a\x88AePo9,&gt;\x8f\xc9\x0e_M(\xb4\x1esG\xdc\xee\xc8\x92;rv[\x92\xf6\xbf\xe8\xb6^c\x89\x15,\x8a\x9eQ_\xff\x9f\x8fJJn\xf7|\xf3\xe2\xdf&lt;\xaeQ\x0eT*\x9a\x0cl \x1cH\xd3v\xd7\x10\xef\xd2\x93\xb9\xf3\x17\xbe\xcc\xbb\xa8\xea\x86f\x98\xb5v\xc9\xdaz$bu\xbb\xad\x11P\xeb\xec\xb6\x11\xa5\xdf\x05\x83\xba\xdb\x95\x95$=K\xc1"O\xbbH\x1f\x7f\xfb\xe5\xb9\xfa\xf2\xc5?\x85\xf6\xab\xc9\x16\x1a\xe4\r\xcc\x991C\xa3\x83\x134\n\xbb\xf7\xf7C[eo\x9d;?\xf7\x84\xa1\xea\xf4\xc0\xa9\x1cX\x0e\xad\x83PV+\xfc\xbf\xf8\xf1\x0c-\xf3\x96N7\xd7\xca!\x89\x15\n\x8aj\x9a1\x8d\xb1&amp;&amp;\xf1\xc9\xbb\xb7\x1e\xd7uZ\xb8*\xe4TA-\x1b\xe22{j\x9b\xd9\x8a\x96\xdf\x13\x89\xad\x9c\xbf\xbf\x9a\x98\xa6hl\x805\x9c\xdc\x89\xb9\xadKK\xc0\x15=\xbb\xcb\xa7\xf4\xaf\x08k\xac\x12g)\x14\x18\xa6B!\x9f\xa2\xe0*\xeb\x1e\x0f\xb1\xd94\x95H\x0f\xd9\x8c\x0bv\xde\xecI\xd9\xcc0:\x9a\xbb!\x86\xdd\xba2Q\xdd\xc2V\xcb\x9a\x9b\x8d\xe0\x10WB1\xa0\x02\xaeH\xf4\xec\xb2u\xfb\x1f\xb6\xa0\xe7\x17+\'Q\r\x0b\xf1\x9e\xa6`\xa3\xe4\x0c\xdd-\xa6\xd3\xf5T\x15\x19E\x1f9L\xd5c\xe0\x128f\xea\xa6\xa6\xe0"\x14\x08\xcc\x06\x83@ \x91H\xee\x85bKi\x84\x15\x8d\x9c\x9d\x83(\xfd[P\x17\xd4\xf5\x00\x16\x9c\xc3\xd7n\xd9\x82\xb2\xaaEFc\xb1\x80JOq\xca2\x06\xb3\xc1bH\xa5\x8e\x8f\x8f=}}M\xab\x8f\x1e4I\xbb\xf8FTV8\x8d\x0b\xa1\xf5\xa5t\xba\x80\xf5\x9b3\xdcl\xe9\xe6\xb6t\xa0\x96X\x0c\xd5S\xcb-\x1aM\x01\xca\xe9t\x921\x15\x03\';\x9d\x9ac\xc4#7\x1c\x03X\xcaX;\xf8\x00\xae\x80M\xb0\xf8\xc0\xe5\xb1\x99\xf8\x0b\xc9\x1d\xa4\x96\xd5\xbd\xe7&gt;\xc3=\xd7?u\xb7\x83\xc1\xc5J0\xcb\x90\xc1 \x82\xa1O.\x93e2N\xb2\x88\xc1@\xc70\x15\x0e\x84\xc3)\x8f\xc1\x0c\\\xa9p\xb8ka;\x99\xdc\\\xbe&lt;\xec5\xa5l6\x93}\xe1 fM\x03X\xe4\xf0\xac\xd6\\o\xfe\xf8\xd9\x9b\x9f\xcd-\x06\x83\xb79T=FQg \x17j4\x99\x0c\xfcjd4\xd5t^D\x93\x99\xc3\x01\x98\xf0\x00f3\x1f\x1f\x03\x15\xcc\xf6\x05\x845;\x1c\xf7\x9a\x8cF~\xd5B\x12\xb0\xd2 \xd6\xe1R\xfb\x99\xbc\xb0\x7f\xfd\xa4\xf2w\x8bcou\xe8\x82=\x80E\xa6\xc9@(\xc3\xff\xa92\\\xb2\xca\xe5";\r\xa9D|\xe3(\x1bO\x84S\xa0V\x81+\xe1]\xd8\\\xd9\xbc\x1c\x07X\xbb\xa9\xaab3\x84\xd4\xb2Z\x9f\x1eD\x7fx\xf9\xf2~\xd1`\xf7\xbf\xf9`\xb4\x92H(9\xa7\xd3\xdd\x04,\n\x17ai2\x9a\x82fN\x1aY\xe4\xc2d\x1a\x9b7\x97=\xf9\xf9\xf4(\x17\xf7\xda\xcc\x81p*\x15\x08$\x12\x977!\x12\r\x83\x87\x08\xd8k\xb6Wv"\xee\xcf\xd3n\xf7#G\xf5P\xf5\xc8\xab\x97E\'\xc4\'\xef\xbf?\xca\xa9/!\xe8t\x8bD\xe8-\xae\xecuk\xc9P\t\x9dN\x8aH%\x83\xf3\x97\xc8e\xbf\xff\xf5\xe4(\x9b\xcd%\x8c\xf6\xb5\x004\x9a7\x90\x80\xf8\x08\xcd\x05\xd6FR\xb3\x99\xdcq\x83Z\xee\xd8\xa0\xd6d\x12\x82\xcb)\xf28\xb6\x7f\xddF\xa5\xbe\xd3K$\x10\x82\xba1\x06R\x0b\x02&gt;\xeav\x19\xe8%\xcb0E*\xb9\xc0\x00Wt&lt;\x97=\xca\xe6r\xd9;\xb9\xb8\xcd\xef\x07\xdf\xe0\x1d\xf0\xc2\x9d\xb3\xbc&lt;\x1b\x1f\xf0J*VB\xebh\xc8G\xd7k\x86\xdf]^\x19\x97\x1b\x7f*\xae\x8c\xa5/yTF\xef(\x87xn+\xd8\xca\x80\x88\xcfU\x03\x92\x13\xec\x154\x97\xc6\xa2\x17\xb1=Z\x1f\x93i\xb6\x0f\xc4s\xf1\x80w\xf6\xe8Yvm\xf3\xc4\x1fGX\x12\x89\xe9j\xc5\xa7\xc3H\xad\x02V\x1a\xb0\xeem\xf4\xfb\xafzM\xc7\xa7\xc5a\xb5\xbfT\xe2D\xe2\xe8hGy0\xd8A\xa2b\x85u\x16\x97\xcbu"\x03\xefa\xe6)\xe6\x06q\xfe\xc2\x05\x97E`\xd4\xd2\xc1Qs\xe3GGI\xff\xf7\x0f\xa1\xa5\xc2\xf6\x1a;\x9f?\xc0\x97\xf0\xf9U\xdb\xc9\x9d\x08`\xc5b\xfe\xfe;\xa0e&lt;|R\\\x88-\xfd\\\xa9\'\xd6s\xde\xa9\xec\x00,\x86\x08\x13\xa3\x17\'.\x8d\xa6\x96\x1b&lt;F\x01\x96Wx\x9a\xab\xdb\xf2\xf9&lt;\xc6d7\xb4\xd0\xf3y\x97*\x91{\xf8\xd0\xef\x7f7\xe1\xf5z\xf9Z#\x9f\xaf\xe5\x9b\xb4U+;;n\xf7\xd2\xd2\x1ep\xad\r\x04\xc2\xd9\xc4\x9d"\xb1\xd2J:\xc4\xfb\xd1\xca\xb1`\x90\x03EDo\x16\xe8\xf9K-\xf7\xd8$\x02r^e\xd8\x942\x99\xbe\xe6\xbeq\xc7\x82\x7fY;\xd3\xa82$\xec\xf6YH\x17\xdep\xd8n2"*\xbeV\xba\x8d\x8c\x8d\x15\xb0NC\xfd\xb3\xde\xae;\xd9\xec/EU\xb14\xda\xa8\'\x12I\xae\x8e\x9bA]\x01K\x0c75V\xc8\x18F\x93\x99\xad\x12\xa9\xcd\x06\xb6\xdab\x94l.?\x84\x93W\xc1\x17\xfal\xe6\xb0w\xc3\xdf?\x0b\xe7\xd1h2\x9aLv~\xd5\xf8vhg\x1d\xa6V,v\xbab\x8bo\xac\xaces\xc5\x8d\x08\xc0\xa2\x12\x89\xae\xfa\x8e\xc5\x8f\xe68$\x1c\x13\x93\xb1\xc2"W\x0e\xa6\xcf\xac\x91q\x99\xd0f\\\xf0\xf1\r|\xed\r\xa1Th\x0fx\x8df\x0f\x8c\x87\x87\x1b\x1b\xc3v#`\x01\x97V\xf8`\xfb`=\x023&gt;\x1a;\xdd\xf4\xe6\x8e\xfa\xfd\xd9l\x91Xi\x1e\x83\xc4p\x11[{\xe6z:\x00\x8b\xae\x87\x0f#+\xc0\\\x192Nt(i42&amp;b]\xac\xbd\xc1\x9e\xe9\xee\xec4\x80&gt;\xc6p8&lt;0{yX\x82\xb4\x82\xec-\x94.\xec&amp;\xa1\x88`\x01#\xa7\xcf\xe2\xb9g\xcf\x8a\xc6z\xe3\xab\t\xc8\xf8\xf9\x02\x16RKO\x15\xe1z2\x05\x99\x08\xe4\x1f`\xccc\x98^\xc5b\xf6\r\n.^lQ\xb6tB\xcf\x99\xa0p\x92\xe1\xe5\xab\x03\xd0[&amp;-\x9f/\x14.$C\xc8\x9dF\xa2\xa7\xe9\x13\x18n\'P\xc4\x1f\x8a\x9c\x10\xdf\xbe\xd7K\xcc\x13+{n\xcf\x11\x19\xb8^\x84\x96\xcc\x18\xcd\xa9\x96\x15\x1e\x0c)\x98\x881-\xc6(L\x9f\xc0gaw\xb2\xe8t\x05\xea:\xbb\x1d\x0c)\xca\xd6v\xa8`\x17\xa8\x95\x0c\x85\xa2nw4j]\xfa9\x1b\xcf\x1d\xad\xfdw\xa3H{\xd3\xfe\xe2\x03\x92+\x9f\xaf\xbc\xdd\xb3H$\xe1\xb8\x08\xa7\xa2\xfbZ\xc1U\x03\x13\x19L&lt;&gt;\x8d\xc3\xe9T\x1b22\x99\x9c\xcdlid\xe9\xa1\xefL\x92\x9a\n\xb0\xa4] [\x9f\xb0J\nc+\xb9\x13\x85\xd6\x8a\xa6\xad\xa7\xbf\xc6\x13\xb9\xb5\xae"\xe7\xd6\x1b\xa5_\xcdq\xea\xf3\xf9\xfa\x9e\x9e1\xe8-\x9cZ\xc0\xa2\xb0\xd0\xbb\xaah\xdaEU\xe9\xc5,\xc5\xd0\xc8\xd0\xf3\xbe\xc1\xfd\xfdGM\xcd\x96\x86F\x16F\xb1\xdc\x90\xd6T\t%|(g_\xd5\xb8t\xf0^\x12\xa6&lt;R+}z\xe7$\x17\x08,/\xfcT\xb4\x87\xd8\xe2\x10\xce\xe7\xf3==\xd7\xcb9\x08\xaa\x80E!cz\xdcE"\x01T\xe3\xfc\xc8\xd4\xb5\xba\xba\xfd\x83\x83\x83\xdd\xdd\x83\xfd&gt;Ac\x1b\x8e+\x1dSB\xe8*\x93V+]\x95J\x07\x07\x93(\xbe\xee\x1dF\xa1\xb5\x8e\xe2\xa6p\xc5\xc1/E\xfb\xf8\x7fq\x08%\xe7\xf3c\xa0\x16\x87DE\x8by=\x06\x7f8i\x94t\x89\xce\x03\xaa\xf9\x91\xba\xa9\xba\x190\xef\x8f\xf6\xf7WW\xf7\xc7g\x86\x86\xe8\xd4\te\xdd\r\xa1\x90\x7f\xc31\xde4&gt;&gt;\xf8`7\x14\x0b\xed\xed\xed\xc5\xac\xfd\xd9g\t\xdbs\xc9a\xf1\x16\xf5\xbb\xf7\xea\xcbJ\xce\x8f\xdd\xbc^^N$qH\xbdT\x1c\xd7\x03\x15\x89\x0e\xce^\xccS*\xe7G\xe6\xab\x87\x1a\xfaj!W8\x1c\x8e\xa6O\xc6\x17jf\xe8\x97&amp;&amp;Z\x1cB\xad\xe3\xda\xb8\xb4\xe9Z\xd3\'\xab\xa1\xd0\xe1\xde\xde\xe1\xde\xe9\xda\x80\xbd\xd6\'\xa8p\x17\xbd\xd7-\xfd\xe3bG\x07\xa1d\xecfyY}=\x91\xc0\x81\xc4\x8f\xeb\'{\'\'ym&lt;\xb1\xb8\x8d\xd7\xa8ld\xc2\xf5\xf3\xfc\xf9s\x9f\xcf\xd7\xdd\xdd03\xd3T[;\xd2\xf6a\x9b\xd2Q\xabu\xbc=25\xf5v]\xdd\xe3W\x8f\x0e\x9f\xee=\x8d\xee\x8c\x0b$+\xab\x15~w\xf1\x19\xf1\x1fs\xad\xe5\x84\x92\xebc\xe5\xe5ee\x04B+\x89\xd4\x8b\xe3x/\xbd\x8dw\xe5\xe3Kt\\\x8f\xde\r:;\xe5&gt;9`u3\xd1Sb\xe7\xcc\xcc\xb5+J\xde|u\xb3\xa3z\xfe\xd6\xfc\x95\x89[w?\xfc\xe2\x8b\xa7\x80u\xb8[\xf5\xe9\xc6\xda\xeev\xe8\x0c\xb66\xf7\x9f\x00\x16\xe1\xfa\xd8o\x81\xeb\\Y\x19\xda8\xe3\x8c\xd1K&lt;\xe5\x95?\xdfm\x13+\xfeG\xbb\x19\xc54\x95ga|:q\xb3H\xb6uL{\xa1\xe3-DCV\xd3N+\x94T\xa6\x96ni\xa0\xd1\xe1\x0e\xe1\x9aB\x13\xd2`\x93M\xbd\xae\xb5\x14\xfb\xd0\xdb\x865\x9dtu\x97B\x86\xd6:Y\x1d"\x02\xc6Dd\xa0\x1b\xa9\xa2"\x892\x1dDL\x04$a\x87\xf8 \x99 \xb0\xc9\xc6U\x82\x9b\xec\x93\x0f\xfb\x9d\xcbN\xf6}l\x0f\xd0\x18\x9f~\xf9\xce\xf7?\xe7\xfc{\xcf=\x8c&gt;\xf4\xe3\xffc\xad\xc9S\xc1{\xa2\xbe\x98\xceW\xe6&lt;IP\xa1D,\x04\xac\xc5\x1bO\x16\x97\xa6\xbc\xc5\x7f\xe8\xeb\xef\xcf\xc5\x15\xb6\xe6\x91\xc0\xc8\xf4H"\xd4\x82ln\xbd\xc5U\xbd\xdf%V|n\xb7\xf3\xbc\xe7\xc8\x95\xb5\x1f\xb7$\xa0\xad\xad\xf7\xef\xb7\xb6\x08L\x07\nc,\\\x16\x8b\x85\x00\x95\x88\xf3\xbd\xd1\x91\xd5W\xaf\x96\x96\x862\xc1TI\xb2\xff\xcd\xdb\x1c&lt;2P\xfc=bf\x03\x02\xbc\xa5\x94\xc9\x94r\x15\xa3\xa7&lt;\xda\x8fTV\xd5W\xd9\xed=\'[\xb6\xb6\x88\x06P\xffz\xff&gt;\xb9\xe5\xf5\x9aL\xe1\x81\xf4\x94\xd1\xe3\xeb\x89\xf11&gt;\xce\xc5A52\xb9\xb9\xb4\xb44\xf1\xd7c^o\xe6\x87\xf3\xb9\xb8\xc1*\x14\xe3\x1b~\x7f\xa4\xb9\x916$\xe5*\x95\xaa\x08\xcd\xd1Pq\xa4\xb5\xb5\xea\xb3\xd6\xd6V\xc8u\xa2$Y\x9c\xc9\\\xbbv\xed~_\xb2\xa4N\xdb\xdebJ&amp;\xa7\x8cQ\xdfI&gt;\xc4\xc7\x13\xfex\\72\xb2\xb9\xba\xf9j1\xfd\x8f\xbf\xf5\xf5\xf5\xbfy\x97\xa3oF\x9e\xcf\x8c\x8f\x13\x16\x98\x94\xb4\x8e\xe4j3\xd8[[\xe9\t9&lt;\x8e\x03\xf8\xcd\x9fi\x80\xf9\x0b.\x15\xc5\xbf?ZWW\xe7M&amp;\x93F\x9d/\xec\xe1\t\xcb\x1f\x97\xd4Z\\\\\xbc\x95\xb9\xdf\x97y\xf3.W_\xd9\xe0"\xfc\xbc\xf34m\xff\xa9\xd4j\x99\xccRm\xa8\xb7\x7f\x06\xa6\xc3\x87\x0f7\xd1S`D{m{]I\xf1\xb1\xe2\x03_\x96x\x0f$\x8b\x93I\x9f3\x16\x8bY\t+\x91\x88\xc2l\xab\x8bKK\x8a\xd1\xb7\xffy\x97\xd3\xa5\x83;\xa7$,\x99Z-W\xc9JEC\x15&amp;T`\x9d\xbdr\x90~\x0e\x1e\xbc\xd2\xdd\xdd^w\xf4@\xf1\xb1c\xdf\xf5\x15\'\xbd\xda\xaf\xc2!;o\r\xf1H\xbf\x9f\x8fE\'WW7\x17\xff\xa9\xc8\xf5*\xbdb\x14XJz,\xa6\x96\xcb\xf5E\xae\xfd\xa2\xa1\xfewDu\xa5\xb6\xb6\xf6\xd0\xda\xda\xc1\xee\xb5nm\xdd\xd1\xe4w\x99L\xa6\xaf\xb8\xd8\x8b.\x19\xe2}dx\x9b\xc0\xd3I\\_]]|\x9d\x87\xa5\x91\x87g\x94J\xa5\\&amp;\x87\xc3P\xed-.\x97\xa1\xaa\x12X\x7f\xac\xad=\xd1\x8e\xc6\x83\x86\x9c\xf4&amp;3\x99\xfb\xf7\xfb3Io0\xe6\xeb\xe1{b$\x16\x17\x89\xc7\xe3\xd1lv}}u9\x0fX\xd3\x1d\x97\x952\x8d\x1c\xa1R\xeaU*\xb6TD)={\xe5\x10\xb0\xb4Z\xad\x97b\nRe\xfa\xfb\x93\xc1\xa01\xe4\xe1\xb9X\x08\xbe\xb2\t\x02\x17B\xe1]\xc8\xae?x\x9e\xfb\xd5\x1f\xc5U\x1cE\r\xd4\x92S\x8dP\xa9\xbe.\x0f\xd4WU6\x11\x16\xb5h\'z\xb2\xb7\xff\x87\xfe\xfe\xfe\xccT\xd0\xe8\xe3\xad\xd6\x10\xc7\x858[\x803Gl\x91\xdex\xbc7\xbb\xbe\x98\x8fu\xca\xd1\xeb\xc8\xa2F\x0e\xcb\xcb\xf4z\x95\xac\xa8\x9c\x9e\xa3W\x1e9\xf8\x15\xf9\xfd\xd07k\xed-Zor\n\x91N\xf5x\xac\xa2\x8d\xb3\x89\x9c\xcd\xc6E\x84\x88\xdf\x86J\x1f__}\x92\x8f\xfd\xad\x9aG\xe8\x8a\x10K\xad\xa6\xc7\xaf\xfa\xa2\xaf\xe9\xe1AEEeY\x132Y\x07\xbb7xOh\xe1\xb0\xf4\x80\xd1\x0e\x99l.\xc0\xf8m,\xb4\x8aD\xfcqJ\xe2\xeb|\xec\xc4*f;\xce\xa0W\xa3\xce\xe3\x07hEEE.\x8c\x0f\x00\xab&lt;\xdbR\x02\xa1\x82\xde\xee\xb5#Ma\x93\xcf\x13J\x04\x026\xe4\x8f\xe3\x02\xc0\xb2E\xccB&lt;\xbe\x90}y1/\xab\xbaO\xcf\x11\x96\x86:\x90\x1c\xf5^\xaf\xd2\x07\xda\xda\x0c\x10\xec\x8bC-&amp;\xef\x94\xd7dl\xfa\xc2^V\x96\xeaIX9\x1b\x17\xf2\x07h\x7f\xd8/\x04X\x7fd\xa37\xbe\xb1\xbe\x9e\x9f\r\xe2\x9f:OS\xb7\xc6\xcc%\xd7\xc8\tK\x15\xa0\'fv\xc3\xc9nS0\x95N:\xe7\xe6*|\xbeX\x8c\xe7\x026\xd6\xc5\x05\x04\x0e\xf9C5\x8d\x98#\xf1\xe8\xc2\xc6\xc3\xa5\xb7\x1f\xe5\x05\xebzc#L\xafRS\x16Q\xbc\xe4\xb2\xa2"V\x14\xad\xd5\x1e\x9d15\x9fJ\xe9\xe6\x060\xe8X\xadV\x1b=8\xf7\x07",\xb0\x02\x82\xd9\xcc\x92\xb5\x16\xd6\x9f\xe4\x07\xeb\xf9\xa9\x8e\xcb\x97e\x1a\x8d\x06C\x97\\\x036\x8c8zW\xb5(\x1azuss\xc6(?2\x19M\xf0~\x9bM\xf0\'X\x01\xc93K;\t\xf8\x80\xb1\xb2\x0bK\xb7\xff\x9d\x0f*\xc5\xddsg \x97LC=\x08=\x1b\x82\x01K_\xear\xb9x\x9dQ\x87\xdc\xf5"B\x1c\xcb\xba\xcd@\x12@ev\x93\xdd\x05\xc9\xf0\xab\xafn\xbf\xcb\x07V\xcdr3\xa3\xbc|\x99\xde\x9c\xd9\x16K\x86\xe3\x08,\x96\x15\xac\t~\xce\xc3[\r\x9c\xcd\x9f\x10Y\x0b\xb0@d&amp;.6"\x080\xd8\xc6\xc6\xc8\xe2\x8d\xdbyy\xc7@1\xd8!S\xfd\xfc\x1a\x88\x12\xf5\x8b\xd2(c\x1cE\x16\x8b\x95\xb3\xfaxOB\xe4\xd8\x80-\xc0\x161n3.K\xf8`\xcc\xe6\x88\x80s\xb8\xb1\x90\xdd\x1c\xca\x13\xd6G\xe3\xa7\x81!\xa3\xee\x030\xb5\x9a\xe8P,\x18\x872\x10p\xd9B!T\x05\xe4\xcemc\x1dJ\xb7\xd9\xe1P2\xee\x0bn79\x0bc`v\xe2\xc5\xf77n\xe7e\x95_\xf1\xa0QE\xf2\xc8\xa4\x06$\xdf\xc6b`0\x19cfY1\x81\xd2\xc9\x9a\x197\xeb`\x94nz\x11\xa3\xd1|\x01Tn7J\xfc\xc8&lt;a\xdd\xca\xc7\xae\xb5\xe2\xceK%\xb5h\xbdRj@R`\xf6\xa2AG\xe6v3\xac\xcd\xedf\x19F\xaa\xb72\xf7\x85F\xb7\x80\xfft\xc0]\xe6\xc8\xc2\xe4\xfc\xc4\xc4\x8b\xa1\x1b\xb7\x8e\xe7\xe3\x1c&gt;&lt;E\xf3\x0c\xb0\x18F\xb6\x9d\xc2m\xc1\xd4rz\xf3\x88\xda\x12C)\xa6\x7f1p\x17\t%Pq\xc8N\xce\xcf\xa7\xd3\xa4V\x1e:\xf5\xf3\x8d\xceN\x94\x03t\x1c\xb8\x89\xd1HD\x00\xdb\xab\xd6\x80JM5\xacQz\x15\nd\xa0\x82\xd7Q\xb0\xcc\x02\\5\t\xad\xe6\xd3S\xc0\xca}KT&lt;}\xd9\xdc\xd9L\xbb\xb0\x08\xa5\x03\xf6Au\x90\xbc\xbfWJ%D\xa3F)\x97\x03\x0eLJ\xb7\xc3!PY\xed\x05\xd5\xc0\xc0@\x9a\xb0\xee]\xcc}\xcd\x1a\x7f\xd9|\xae\x83^\xea!0\xc6\xe1`q\xd4p,U`\xda+\x97\xb8\xa0\x93[zs\x0c\\n\xc6\xe2F\xb5JdGp\x11\x1b\x18\xc0\xdc\x9a~\xfc\xfd\xbd\xf3\xfbr-\xd6\xf2\xf4\x83s\xe7N[J\xcb\xcb%.\x8b\xc3\x8dZ\xee 3m;_M\x06Si\xc8d\x94c\x86\x8e\x1f?\xd2KT\xa9T\xf0g\xac\xc2\x1c\x1f\xc5\xd1\x95\x99\x15i\xaf\xac\xbc\xb4\\\x92\x0c\\\x00c\xa1\x19\xb84\x12\x1b\xcd\x86\x08\x06T(UhC\xd1(.\xad#s)S\xd0\xd4\xe0\xf5\x02\xeb\xdb\xc2\x1d9=\x8b\x8ag+\xcf\x06\xffDke\xa5\xfbK\x8bh\xdd\xdabA\x1a\xd9\xff\x05U\x05\x95Rfap\x1e\x1d\x02\xb5\xa2x/\x1f\xf5IXF\xa3\xa9\xc1\xd4\xd0\x10L&gt;\x1e\xba\xf7\xed\xc7\x85\xbbsx\x18k~\x9a\x1e\xec\x1a;\xd5\x01,\xd7~\x97\x0bp\x16\x04k!$td\xf4\x1b\x14R6\xc0\x89\x01\xcc\xa3\xfeD\x08\xd7\xc2\xde\x18A\x19\x8dF\x9d\xd1\xd4b\xd26\x04\xd3\x8f\x87n\x9c\x7fZX\xb8/wetvz\xe5\xd9\xd5K\xd7/\xb0\x18\x16\xaa\xe9\x1b7\x89\x8c\xdd\x06\x13i&lt;\xe60\x8d&amp;0h%z\x13q\x1e\x01(\x1d\xb8\x08K\x176i\xb7\xb1\xee]\xfcdG\xee\xe4\x1a\x9d\x99\x9e\x9e\x19\xdb\xb5\xeb\xe1\x05\xd6\xe5\x12\xdb\xda\xf0[M\xbb\xb0\x98\x1c,.H\x85+\x8e\x95\x88B\x94\xba\x10t\xf2\xf9$\x95\xf0\x17\xd69\xc3a\x13ay\xd3/\x86\xee\xbd\xbe\xba\x13r\xe5\xa4x)j\x9eM\xafL\xcft}\xfa\xebG\xcd\x02F\xbe6\x83\x01\xbf\x06Q\x02+\r\x04D\\#\xac\xa1\x04I\x84\xe4!{:\xe8\xe3t\x1a\x9d\x92R\xbe\xb0\x93\xc4",\xa85~w\xe7\xee\xdd\x059\x91\xeb)\xb4ZY\x99\xed\xfa\xcd\xc7\x0f:\x05\x91\xa8(\xea\x01&amp;J\xdb\xc3$U(\xc4\xc7(\xa2Q:}:\xdd6S\xd8I\x19\x0cw\x9bZZ\x805\x00o-.\xdf\x01\xd6\x9e\x0f\x97kO\xd7\xcc\xf4\x83\x15\tk\xc7\xf8F\xc4&amp;\x12\x12\xc2Z/)\x16\x10EP\xd9C\x9eX\xcc\xa7\x03\x8f\x8e\xdcd4\xd27\xcb\xa4\x19\xf8p\xdd\xd6\x12VCzb\xe8\xd5\xea6\xd6q\xc5\x87v\x9c\xc1\xc1\xc1i\xa85\x03\xac\xc2g\x1b~\x8e\xab\x97\xa0\xaa\xaa\xaa\xacD&amp;\x06D\x03\xb0*z|\x18\x9a\x8dsF\xe9\xc3)\t\x156R\xfeL\xce\x16S\x8b\xb6\xa5\x8e\xb0^lf\x97\xef\x14\x00\xeb\xc3\xb8\x145\xbbf\x87o\x0e\xaeP\x0e\x07\xc7&gt;)\xdc\xb5\xe0\xe7\xac\xf5\xb4\x8f^e\xb7\xdb\xad\xa4\x98\x88k\x0fg\xb5{\xcaN\x86S\xa9\x81`*\x95\x82\xad\x9c&amp;\xe7\xf6G\xcadBq\x80V\xf0V\xc3\xc0\xc4\xfcdvygA\x01\xb0\xf6\x1c\xff\xc5H\xa3\x9fv\xcd\x8c\xdd\x1c\x1b\x1b\x9eY\x81X\x83c\xbbv\xee^\x8f\xfb!\x8d\x95\xa8*\xecD\x86D\xa24\x10VY8\x88h\x00\x98\xc9\x99\n\xa6`\xf9n 54\x98\xb4\x12U\x1d*\xc4@J\x97\xbd\xbb\xa3\xa0`\xdf\x9e=\xbfH/\x85\xa2\xe6\xce\xa5\x9b\xc3\xc37g.\x8du\x8d\r\x0f\xce"\x86\xc7~\xfb\xab\x82\xd9x\xc2J8\x15\x15\xb8\xe0#\xec\x92\xc3\xe8 ~^\xf6_\xca\xcd/\xa4\xad4\r\xe3\x92\x93\xf3/\xe7`N\xae\xc2\x11r\x11\x92\x90daBY\x1arSf\xaa\x81IvM\xb6q\xedE$(H%\xb1\x0e\xd8Rz\xb3\x10b\xf5\xa2\x13\xc1\x9d\xb91\xb0a\x02\xb2\xcd\x80\xda\xd6\xc5\xa5\r]\x17\x1a(\xe2\x18\'\xcb\xea\x82\xab\x0ck\xa9\x85\x9d\xc1ZX\xa4\xd5Ru\xa7\xdd\xe7\xfdN\xd2\xda\xdd\xce2\xf3\x9a\x9c\x9c\xa6\xb1\xfe\xf2\xbc\xcf\xf7\xbc_l2~\xf96&amp;\xdfe&amp;\xd7e Q(\x9c\x8e\x85\xc3\xb1$A\xf9\x93h\xe7\xcf.\xfes\xd5"I&gt;P9}?\xd1\xf7\xad\xad\xb7\xb4&lt;\x90\xe6\x0b\xe5\xfcr9\x9f\xcf\x03\x0b\x06\x9b\x99.\x0b\xd9\xda\x83O\xaf\x12T\xb3\xfa\xce\xc2`g\x98\xe5C\xb9\xd3\xb7/`\xc4`\xfc]\xfeu,\xe6\x88Eb\x97c\xb1\x88#\x8cj\x07\x96\xdf?\x9eK\xf7=~d3\xd4r\xfa\xa4\x9f\x10_\xad\xad\xbd\xfa4\x90\xf2\xf9\xb2.(\x9eeO!\x9f\x87lT\xd3\x05\xd5&amp;=9w\xf5j\x1fxB\xa1S?\xc7\xf1\x14k%\xfd\x97O_(\x9a\xbc\xe0\x8d9.\xd0\xef\x03/8\xa8\x80\xe6pD"\x91v\xfa\xbds\xd8\x9f\xcc\xe5\\W\xef\xd6`-go/a\xd9~4W\xeb\x9d\xc2\xcc\xcc|\xb9\\\xd68\xb7IP\xeb\x0f\tk~\x1aEX\x9a\xec[\xfd\xdd\xb9&gt;0\x80\xc8\xe5\n\xa1N\x19T\xa1\xbe\x90+\x9aL\xcc\xb2\xfa\xccn\x87V\x8e\x08\xa1\xe1&amp;\x1c\x8eD\xc2\xfepr&lt;\x17\x9d8\xb3n\x06O\x1baI\x92\xcd\xa2\xfc\x98`m\xfd\xa86=5\x9d/{tA\xe69]\xd7\xb4\xfa\xa2\x86&amp;\xe6\xe7\r\xb4\xbcG\x90|k\xd7\xfa\xc0\x05\xa0\xeenW\xc8\xf51q\xa1\x97\xa1\x89P\xc8\x15\x8c8\xbc\x0e\xe2\x02\x16\xce\xec^/\x8eL/\x87#\xec\xef\x08\x06\\}\x9f&gt;\x97|\xd4C\x03\xcb&amp;\x08\xa2\xed\xff[\xbf\xb5\xc5i\x9d&amp;E\x04\x9e\x17T\xddj\xd5\xacV\xeb\xd4\xa2Z\xc8\x17X\x81k\xbe\xccY \xd7\xb5\x89&gt;R\xa7\xbb\xbb;\xda\x1du\x81\x0b\x90\x13.\xd7\x84+\x80\xcct\xd8\x99^\xc0\xf2\x1a\x17\x83-\x02\xb1\x02\xd1\xd0/\xd7 \x96\xef-V\x97[\x10\x15\xf3\x0f\x83\xd1\xca\x9b/X9\x81#\x9afy\x96\x17\xd4B\xd9(p\xe1\x01&amp;IZ\x9b\x98\x98\x00U\x88\xa0P\xe0\x02V4\x1dM\xa7\xd3\xb9d\xcc\x91\xf8\xe3\xecl\x82@\xbc\xde\x88\xd7n\xb7\'\x12^j\xe4pG0\x17\xed\xfbpUjcXmm&gt;`I\xd9lW\xd6\xad\x08\xe6\x1fZ\x94\xa5\xe9&lt;\xe4\xf1\x94\xca%\x8f\xc7s\x02k[(\xe3\x0e\xdc\xcd\xb8\xf2\x1e\xd1\xe6\\=7\xe1B\xcb\xe0\xa5h4@`\xec&lt;\x90\xcba\xf4A\xad\xc4\xec\xbd8PH(;U\x82zIT\xc1\xa8\xeb\xccc\x93\xb3\x81\x05\xb1\xb26\xc9"\x9b\xa5\xac\x9b\x17x\xe9\xfd\x8a\xe5\x91O\xa4K\xe9\r\x14\xa9VZ\xaa\x8a\x1e\x9cx\x08\xad\x92G\x17u\xd9\xe7\xbb\x8b\x8e\xc1V.\x12+@`pY \xd0\x91\x1c\x1e\xf6\xfb#\x0e{"\x9e)\xc6au/\xce\x12$\x967\x12\xf1\';\xc6s\xb9\xd0\x87\x15[\x1bkb/\x89\x05,\x9b[\x11M\xa0\xea\xb2I\xce\xf7\x99\x1f~.0(\x86EH\x9aFX[\x9a\xa6\xc3\xfb ;&gt;8\xce\xcf\x17&lt;\x82\xcdY\xbb\xe9\xbax\xcd\xe5\x8aB\xa2@0\x18\x08\x02\r\'\x1d\xc8\xccH8\xe2(\x16\xe3\xf1x\x11\x96J$\x80\x95\x00\x18\xf9=I\xeb\xf0\x17\x8fk\x12\xb0\x9c\xcf^P&lt;P\x13\xdd\xb2,h\xb0\x8eb\xb29m\xef\xe9$Q5\xa1@\x84\xb2\x1aX\x1b\xa2\xae\xe2\xab\xe4\xd9[\xd9+S\x98\xc9&gt;\xe7S\x92\xcb\xc5\x9a\x18 \xaa`0\xd8\xd11\x1cno\xa7\xcf\xd9\x15\x8b\x99L1SLd\xe2TP\xcb\xee\x88 \xe2\x87\x11\xa5\x9fT\xcc\xd4C\xdf\xe1\xa1\x93\xb0\xb0\x93p\x9b\x14\xdd\xca)\xbc"(\x92$\xff\xef\xae\x95!5\x1a\xa85\xb04kiyk\xc9\xa4r\x9c\xb8x\xfd\xee\xdfvV\x8e\xcby&amp;\x97\xe51\xe32\xa0\x08\x0bP\x03\xed\x9d\xf6D1Q\x8c\xa7X\x8d\x10\x13\xc8\xec^;\x9c\x05\xacd\xce\xf5\xc1\xc2#\x89\xbaw\xf4\xfa\xd0FR\xe1\xa2\x88\xba\xa6\x12\x95 \x98}2o\xf8\x85\xf6e\x00\x00\x07YIDAT\xfa\xef|\xd5\xf47+P{[\xe5\xa9\xea\x82\xcc\x89\x9cP\x1d\xba\xafA.O\xa1P\xd2\xcd&gt;_\x05=t]L\xb3\x16\x06;@\xd51\x00\xac\xe2H*\x9e\x9a\xeb\xe9\xe9\xb9\x97\x1a\x19I\xa5\x98Z\xd4E\x8c\x1f\x1a&lt;}\x9fl\x98\x9d\xc0\xf2\x1d\xee\xbfX~JT\xc8-QU\x05EQDQ\xe4\xcd]n\x9e3\xbd\xbb\xb1PU]\xd3\x9aP\xe4&amp;V\x9e\x99\xed*\x87o\xe1f.]\xaa\x1f\xaf\xac\xbc\xc0\x82\xb4B.i\xcd\xd5\xedr\xa5\x03F\xffX\x0b\xdb#\xfd\x99\xd4\x1ct\x9a\x03Xj$\x03\xd5f\xc9\xf2vr&lt;\xc9\x95\xfe\xe0.gs\xf6:}G\xfb\xaf\xcd\xd5\x1b\xab\xe0\xcaZ\x04\x91\xe3x\x9e\xc7\x8f\x10!\x98\x05Y\xc1Y&gt;z\x07K\xd5\x1b4t\xd3\xc4\xaa/lU\xf0T8\xed\xc6\xa5\xaav\xb0\xf2\xbd\x86Fsn\x9f\x93\xbfI\xceJ\x07r\xa4\x16\xd50\x895BT#)\x12\r_\xb3q{\x9c\x12\xc2K\xc3:9~\xeaAI\xc6\xd4!\xb1\x0eK\x83\xf7\xef\x90Z\x16E\xe4\x14\x13\xaf\x88\x02\x81\xa9\xbah2\xe1\xfcD\'U\xa3tV\xc6\r\xf9k~qkY\x06\x96\xfaph\xa8\xf2\nr!\xfdu^j\x93\xd6\xd1E$h\x8e\xa8\xc6\x19V{g&amp;\x03.\xfa@T&amp;\x93\xfa\x82\xb9=\xc1\xa8H,\xff\xc5\x0f\xd6\x05\x0b\x02\x0bb\xed?[\xbc\xbe\x90\xcdf\xa5\xacY\x11\x15\xdeDbq\x1c\xa7\xaax\xd2V\x8dS\xdcR\xef\t,\xfa\x8b\x06\x9c\xa1\x9c\xae[\x0b\x0f\xab\x0b0\x00\xa7j\xa3C\x0b\xd6\x83\x95W\x98J\x1a\xba\xe84?Fl\xa5\xd3F\x17\x87\xa9\xda\xe9sPX\x82\xb4\x12\xe3\x89Y\x04\x03KS/Y+\x1c\x1b?\xbb\xa6\x9b\xa8\x87\xd2\xe1\xeekypl\x03\xc6\xb2eeE\xe1e\x1eR\xc1\xbf\x84e5\xd6\x9djj\x86\x18\xd1\xe2J\xd4\xdc\t\xe5JS\xdb\xd5;\x84\xa5/\x0e]/\xbdZ9X\xd54\x0e\xc6\xedu\xae^\xfb\x18\xf9\x90\x8e\x06;\xc6\x87\x19\xd7\x00\xf4b\x9f}\xed/\xf6\xf7#\xdc\xbd\r,/m"NO&lt;(\xd5\xcc\xd4\xc3\xa3\xdd\xdd\x17S\xe7\xbf\xb5\x10\x96\xcd\xc4\xf3\xb2\xac4\xc5\xd2\t\xab\xe4\xa1D\xd7Mm\x0c\x8c\x98\xc8\xdc\xa2\x81\xd6\xd4\x0c\xe6\xaaV\xd8\xe4\xce\x9f\xff\xd5R\x05\x19!*n_/J\xfa\nr\x05\xa2\xdd\x01&amp;\x96\x9f\xe4\x1a\xa0j\xa7\xb7\xb8\x15\xfb\xed\xc6\xf0\xc9\xd8\xd9\xa0\x8e\xa5\x7f\xbbn\xad\xd9\xe8\xe9\x1cn\xee\xda\xaa\xe7\x17h\x19\xda$\x13Q\x91\xedE\xb5\xb1\xe6\x8c\x9c\xd2\xe8\xc9\xd3\xae\xbaI\xc5\xca\x90\x94\xc0\xb4\xf9\xc5\xea\xb2\x19=\xd7\xb9\xad\xa1\x1b\xe2\xde\xe6\x9e\xd9\x92eXm\xb5\xbf\xb0\x89\x18\x08\x0e\x0f\'\x07\xfc\xe0\x02\xd3\xf0\x95\x01&amp;Z\xb1h\xc7\x142\xb4By\x93}_yh\x19\xe2\xd9\xeco\xbe\xae\x8d~\xben\xa8%\xcb\xc8S\xa1\xa1\x15\x8b(\xcdJ\x9ef\xbe\xd6\x15\xa9\x85k\xacQT\x03\x8d\x91\xe9\x85\xa5\xedE\xd1\x83\xf1\xc0\xd7\x91\x11/7w\xff\x85\x85}\xe7\xd9\xf3gG\xd2z\x94\xa5)\x92\x946\xc4\x03~z[\xe2\xc0\x15\x1c\x07\x1c\xd4E\x8cD/\x85)D\x8bM\xac\x95TZ\x86\xbd\xbdG\xbb\x9b/7&gt;\xbf\xfe\x08R! 0{x\xe1Mw\xc8\xcdM\x031\xe5\xac\x0c\x8b\x98\x14\x85\x1d\t\x8e\xd9\x0c\xe6\xda.y\x04\x85w\xbb\xab\x83Oj\xc7\xc7\x1b\x95z\xfd\xe9\xdfwv\x0e\xf6^\xfe\x89\x85i\xc7@;\xb6y\x11\xda\x1bSu\xd2\x1b\x85a}\x0c\xc4Y\x8a-\xfbl\xd1\x91\xfes\x89\x93m\xb7n\xf9\xdaz_\xee\xef\x1f\xdd\x1d\xacb^c7\xd8\xe5\xc6\x98\xa6\x9fD\x8da\xaea\xfef\x7f\xd6\xc8h-\x8c\nq\xcb\xf3ty\xab\x99\xb5\xbe\xb8\xbd$Z\xbax\xbdT\x9f\x9aZZZZ\xaeolT6\xfe\xbd\x83:8\xf8:\x18\xa4%\xd8\x0f\n;\xd6\xa1\xb7\xb3\x93\xae\xb4 \xe3\xf1/RH\x89\x04\x8d\xc5\xf1\xb3\xeb\x95\xbb\xdb\xf7\x07\x17g\xf0Be}\xe3\xd1\xd2\x93\x8a\x93\xedl\xdc22K`\x8e\xe1\x8cj\xba\x88S\xd9\xf6\xa0\x85\xa4\x02\x90\xc9D\x17\x1e\x9a\x11&amp;\x1e@]\\\xd8 \xa4\x99:j~#_\xf2\xe85\xae\xf6\xea\x80\xc06\x0f\xfep\xe5\n\xb0\xe2H\xd0"\x12\x0b\xe9P\xec/\x12T\xea\x1e\x1bB\x18A\xb3\xc9\xab\x7f\xdd\x1a\x1d\x1b\xbb1U`/\xec\xe85\x14\xaad\xa2\x1e\x12\x16\xb8\x9a\x96F\xac\n\'\xc1Z\x98V\x84\xc5J1zI\xdf\xe1\xa9?\\\x9a\xc1\x86\xc6\xaa\x19}\xe7D\xc5d\xb1\xc9\xdc\xcb\xbd\x9d\x95\x9d\x95\x95\xcd\x83\xdfw\xf6\x1b\x1f\xa86\xb2\x94.#\x0c\xeaK\\{R\xb37\xbf\x1dC\x8d&gt;\x11E+v \xf3\xd8\xe3NO\xd7gf\n\xaa\xa5\xcb-Sg\x0c\x12\xfc,\xe1\x84\xb7\x8d\xc0hihe\x92\xa9\xa0\x17\x043\xd08\xe4\x88*\xf0\x8d\xbb\xf1\xef\xe0`6[\xcc\xda\xf3W\x07+\xa8\xcd\xdd=\x8c\xe8\xb9\x9e\xef\xbe\xeb\x99\xeb\x99K\xcd\xb1\xd1\x03\x9e\xc9\xc9o&amp;\'{&gt;{08:v\xfe7c\xf7W}\x92\x9b\xfae\xac\xb8R\xa1\xe0Q\xba\x80\x85\xd6(\xef\xd4\x1b0\xb6\x0cZH\xab\x06\x94l:\xf9\xe8Fse7\xcaL%\x9be\xe2\xb2\x88Z\xe5\xfb\x1d\x03\xec\x1f)PL\x928=4\xacA\xf5\xe5\xe47\xa0\xba\r\xa8Q`\x8d-\xd4\x9cmR\xb6\x0b\xe5\xa6\xc3\x7f\xda8{\x96V\x82(\x0c/\xe3Dg\xd6\x0b\x92\xd6na\x8a\xfd;\x96\xb7\xb8\xfd\xfe\x884\xeboH\xa9\x98~\xcbX\x18Am\xee\x85\x14\x97\xdcF\x90\x85\x0b\xb11\x85X\x88\x84\xa0E\xd0\xf7=gv\x12\xc53\tL\xc8\x86y\xf69g\xe7\xa3\xc9\x91\xc7\xc1\x82\xbd`\xe4&gt;\x114\xd1\xebFL\xbe2q\x05$K,\xc3\x12K\x97\xf1G\xde\x86&lt;\xe4\x0c\xab\x81y\xc7\x1f\xcc_\x9f\x89\x05a\x8b\xa1\x06\x8c\x91\n\xaa\xda\xd1\xc5\xac\x968\xae\xff8\xac\x85X\x04\xb9\xde\x0c\x1cC\x10\x81\x15\x82H\xe8\xc6\x95!\xb7\xb18\xb4zPa\x82F26C,\x08\xca\xfb\xa0\x118\x99\x0c\xc7?\xe6S\x82\xdd\x01l\x8d\x9c\xb5\xc2\x85}\xcdb8\x1a]F\xa8\xfa\xf8\xff\tw\xca8\xe40\x9c+97\x0c\x12\x17\xd2\xe0\x99\x01k\x83Wc\xbbq5\x02W\xa6\xf9\xb3\x9f\xa8L\xaf3l$m\x82C\xb4\xae\xdb\xebM\xa7~\xb5\xbe#\xd7\xb2}j\xdbv\x81\xc7\x0f\x19&lt;\xbd\xac"Tu}[\x94\xd8\xfa\xd1\x10E\t\x14\xfb\x83h+\x98\xa0Cc\xc6\xf7&gt;\xea\x8a\xb3\xe6N\xa6L\x1dV\x97I%\x83f~\xa9\xb6RC\xf8}\xe3\xc7S\xff\xf2\xf6,\xc2\x9e\xda\xe1\x82O\xa0\x96T]\xd5\xd5\xfd\xd9\xbcp%\x0f;N\xa3T\xacH%XL\xa4\x15[\xa1+\xb0T\xf5\x99\xd4K*\xe9d\xcc\xe8\x94\xa1\xd0(,\xf5$5\xd6\xc7\x07\xdc\x9d\xcf\xed\xd86\xab\xf7G\x08[\xb7\xc3\x9f7\x7f\x1fT\xd3\xd5\xe4\xb6\xf9%\xe7g=\xe6\x80\xa9\xa3r)\x89yH\x8f\x12\xb8$\x8f\xfb\x1b\xae\xbdLd|\xb5\x95"RE"M\xa2^\x8f=\x00\x0b\xadi\xc6\xab\xb7\xe5\xe3\xf2\xf7\xac\xaa\xa0\xeajr\xf6\xaf9$\x13\x0e\xf5\xdb\xb2\\\xec\xa1\xfc\xb7m\x05\x96\xae%\x1f\x8e\x19\xe2\x8bmo7\xd3ad$\xd5e\xfcw\\}}\xc3Tl\xbc6\xe7\xb2\x0b\xb2\xe2\xe5\xf5|r/\xffX{XF\xa6\x02T\x85\xfb\x1aL\xe2\x86\x0bL|\xc5d\xa5\x8a\x06\xde\x07D\xe3\x06\x96r\x03\xf9\xcf\x00\x00\x00\x00IEND\xaeB`\x82'</t>
        </is>
      </c>
      <c r="M337" s="3" t="n">
        <v>45492.67648148148</v>
      </c>
    </row>
    <row r="338">
      <c r="A338" t="n">
        <v>944459</v>
      </c>
      <c r="B338" t="n">
        <v>5926</v>
      </c>
      <c r="C338" t="inlineStr">
        <is>
          <t>Mayk Silva</t>
        </is>
      </c>
      <c r="D338" t="inlineStr">
        <is>
          <t>Mayk Silva</t>
        </is>
      </c>
      <c r="E338" t="inlineStr">
        <is>
          <t>LE</t>
        </is>
      </c>
      <c r="F338" t="inlineStr">
        <is>
          <t>LAT</t>
        </is>
      </c>
      <c r="G338" t="inlineStr">
        <is>
          <t>LE</t>
        </is>
      </c>
      <c r="H338" t="n">
        <v>172</v>
      </c>
      <c r="I338" t="n">
        <v>26</v>
      </c>
      <c r="J338" s="2" t="n">
        <v>36402</v>
      </c>
      <c r="K338" t="inlineStr">
        <is>
          <t>Left</t>
        </is>
      </c>
      <c r="L33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6e5e967a-a2b3-4350-865b-bd8fecd30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bk)\x8b\x00\x00\x00&gt;tEXtComment\x00xr:d:DAEewil2SDw:3616,j:2922130824960305444,t:24030400S\xc7\x80\xc0\x00\x00\x00\tpHYs\x00\x00\x0e\xc4\x00\x00\x0e\xc4\x01\x95+\x0e\x1b\x00\x00\x03\x00PLTE\xff\xff\xff\xbf\x9b\x80\xbb\x94y\x11\x18\'\xba\x99~\x16\x10\x0e\x17\x15\x16\xfe\xfe\xfe\x1b#0\xb6\x97}\x0f\x16#\r\t\x08\xbf\x96{,3?\xb1\x8ao\xf0\xbe\xa4\xfe\xc3\x9f\x0f\x0c\x0f\x1f\x1b\x1c\xeb\xb5\x9b\xb8\x90v\xa2z^\xba\x9c\x84\xaa\x88p\xb8\x8dp\x93u`%!!\xed\xba\x9f\x1e&amp;6\xc3\xca\xd1(\x1f\x1a\x84l\\\x0c\x10\x1a\xc5\xc8\xcehUJ\xe4\xb0\x93\xc6\x9d\x82%,:\xbb\x92t\xb3\x8ds\xc0\x9f\x82\xc5\xa2\x88&gt;76!\x18\x14\xb0\x86l\xfe\xc6\xa4\xfc\xfc\xfc1)&amp;\xc5\xcc\xd891-\x17\x1c\'\xbc\x9f\x89\x15\x1d-)&amp;\'E82\xcf\x92x\x9e}g\xe1\xaa\x95\x05\x8f\xcd\xb6\xbd\xcb\xd3\xa2\x83\x97{k\x1c *\x05\x8f\xd8\xa6\x84k\xa9\x8bx\xfd\xbd\x99\xff\xcc\xad\x8cte\xab\x86k\xfa\xf8\xf9\xd5\xa7\x8b\xe5\xb2\x99\xfe\xca\xa8k\\T\x9azd\x99rY\xed\xb0\x8d\xbc\xc4\xd08*$\x8ezjyaQ\xcc\x9f\x83\xab\x81f\xc1\x93t\xdb\xa4\x831-.\xcd\x9b}\xc3\x99|\x8dp^\xd3\x9c}\xc8\x95xC=&lt;\xb2\x93~4;G/% \\QK\xf4\xc2\xa5\xcd\xa2\x89\xdb\xa4\x90\xa7~aL?8\xf4\xf3\xf4\x13\x18"\x83fU"(2zfZ\xa0\x82p\x9cu^@1*\xc1\x8bq\xb0\x8ez\xb5\x93x\xc9\xc9\xd1\xdd\xad\x90PE?dL&gt;\xa1\x88wHMZ\xef\xec\xedPWd\x90mU\xf2\xb5\x91\xbc\x86n\x9a\x85w\x95\x80q\xff\xd0\xb2\xd3\x9a\x88&lt;CP\xc8\x8es\xbb\x91~\xab\x91\x80\xe6\xab\x88sbX\xe6\xba\xa3\xc2\x8ezsYK\xa4\x7fg\xc8\x9a|\xc0\xc9\xd6\xa2\x8d~\xbe\xa1\x91\xb4\x98\x85\xce\x92\x81\xf4\xbd\x99\xb5\xc2\xd1\xc9\xc7\xc9YJ@\x07\x86\xd0\xd4\xac\x97\xf5\xc5\xaa\x82\x89\x94\xc8\xa4\x94\xa9\x95\x89\xdd\xa8\x8a\xd1\xb1\xa4\x87\x91\x9e746\\WY\xe7\xe7\xe9\xb4\x84u\xe2\xa3\x84tz\x85\xd1\xa2\x8f\xcc\xcd\xd3\xc6\x94\x83\xc9\x9b\x8a\x04\x82\xc5\xba\xc7\xd5\xfd\xd1\xbb\xb4\x9e\x8e|kb\xf9\xb8\x93\x99\x9e\xa9now\xa0\xa7\xb2\xc2\xbe\xbeahuYB5X_k\xbd\xb0\xa9\xdb\xb2\x9e\xbc\xcc\xdf{\x82\x8c\xbe\xcd\xd4\xac\xb8\xc6\x93\x90\x93\xf8\xca\xb1\xa9}mn\xae\xd3\xbe\x96\x86\xa9\xb0\xbd\x95\x98\xa2\x05w\xbc\xea\xc1\xad\xda\x9b\x8c\xeb\xa9\x8fGAC\xb4\xb0\xb3\x9b\xbe\xd5QKKW\xa4\xd0\x18\x86\xbf\xf1\xc6\xb1\xf6\xca\xb8-\x8f\xc3\xe1\xe0\xe4\xa9ua\xa5\xc6\xd9\xdf\xc8\xc5\x19\x8f\xcf\xd9\xd6\xd8\xb5\xb6\xbe\x87\xae\xc8\xc7\x86\x81\xda\x95\x80\xd4\x8b\x81\xc7\xaa\x9f\xb5\xa6\x9c\xa0\x97\x95\xb3ni\xc0\x86x\x82tj\x8f\x9f\xb1Q\x93\xb5it\x83\x89\x85\x87\xc8\x83t\x85`I\x18\x8f\xc5D\x9d\xcc#\x98\xd0\x87\xb9\xd6;\x8f\xba\xec\xe4\xe4\xbezt\xaad`\xd9\xb7\xafidf#\x80\xb3tO&gt;\xa0\xac\xbc\xaf\xc9\xdf\xdf\xa0\x9f\xa7\xa1\xa4\x80z}\xb8~fh\x9d\xbe\xea\xda\xd9\x13n\xa8P9,Dg|c\x88\x9e?\x80\x9e\x9ceR7Qi\xadi\xae\xf5\x00\x00 \x00IDATx\xda\xdc\x99\xdfK\x1bk\x1a\xc7\xcfJgBQR\x1d=\xc4\x8c\x90@,\x06gL\x86\xe10\xa3\x0b\xe9b\xa3\xd5\x9a\xacdsN26\xc9\x94\x19\x85\x91\x10;\xed\xe2\xe4\x106\xf6\x08\x9ej\x89\xd2\x03\xc1\x90b-\x19W\xb6,\xf4("\x81\xb2\xa0K)\x85H@\xf1\xc6\xde\xf4\x08\xbd\x90\xdeVz\xa1{\xd1\xab}\xde\x89\xdd\xdd?\xc0\xb1e\x9fH~\xdd\xcc\'\xdf\xef\xf3~\x9f\xf7\x1d\xbf\xf9\xe6\xff\xbb,\xde\xcc\xfe\xc0\xd7\x07\xb5\xb2yx\xba8`\xf9\x8a\x90,\x96\x81\xcc\xc1\x96^\xa5\x8e7\xc7\xbf\x1a.\xcb\xc0\xfe\xb3\x9d\xa3\x80\xa6\xb1$Y\xd9\x19\xff*\xac\xf3\x8e\xef/\xbe\xda\xa8\x8a,K\xa9\x12\x8d\xe3\xc0\x05\xe2}Q\xeb\xbc\x03+\x8b;[\xc7\xba(p$\'\xb0\x8c\x83\xc60\xbctt0\xee\xfdr``\xdd\xe2\x9b#]\xa4X\x86\xa1\x1d\xa4P*q\x04\xde\xd4\xd4\x84\xffA\xdfZ\xccx\xbf\x10\x97\xf7\xe0\xd5\xe9\xb1,\xb2LH\xa2i\xcc\xc1!,\x1c\xb0\xea\x9bp\x9c\xacllm\xaex\xbf\x00T\xe6\xcd;M\xd1\xd8\x10#I\x18\x86\xd1 \x96P\xe2\x00\xaa\x1e\xfe0\x1c\x07J\xfdd\xff\x82\xd3\xc22~p\xa8k\xaa\xaa\x86X\xc9\x81\xd5CCAk\t\x02\x81\x98\x9a\x8c\xc2I\x92 \xf4\x9d\x95\x8b\x04\xb3\xac\x9c\xe8"\xaf",\x87\x83\x06u\x9a\x9a\x08\x92\x14\x08\xfc\x7f\xb0\x08\x92\xc0\x89\xd2\xc6\xce\xc5YiY9\xac\xb2,\xa2\x02\xad\x0c\xb1\x0cuH\x1c\xfa\n\xb8\xa0\xa0\xbd\x80\x13\xb8\x98\xca\xe9\xceEY\x999\x91E\x86QU\x9e\x0f1\x0c\x83\x1b,\x18G\x12X\xfd\x7f\xb00\xc2\x90\x0b\xa7\x1d\xac\xb6q1V\x0el\xeabHby^\xe3C\x14\xc5\xc0\xc5\xd1\xea\x13H\x1cC\xee\x9d\xa9E\x10$G\xe28FK\x94X=\xbd\x00+-\x07k\x14\xc3\xb0\x8a\xa6),%R\x02r\x0fZ^\x80\x16\x87W\xbc&amp;\x16\x06\xdf2\x1cA`4S\xa2(\xaaz\xbah\xf2\xa8\xb4\x8coU(\xe0\xd1\xaa\x15\x11\xa8\xd8\x12\xac@\x92\xe4J"\x076BC\xc1\xaa\x84\xc20B\x108\x04J\n\x14\xc5\xf3\xca\xf1N\xc6L.\x8bw\xf1X\xe3E\xadR\x91E\xaa\xc4\nBI\x04&lt;\xd0\xa3*\x08,&lt;\x040\x0f\xc9\x84\xd3\x10c\x04A4\x11\\\t~\x05/V\x0fW,f\xae\xc2SY\xd6\xb4\x82V\xd5K\x1c\x08D\n\x95J\x89\xaa\x88U\xbdR\xa1(\xd0\x91cDV`@)R\x10h\x9cDK\x92cXPL;4O/\xcb\xc0f\xc0%\x17\xe4\x82\xa2U\x05\xf0\t\xae\xcaq\x04\xcc\x1dQ\xac@hTD\xc8z\xaa\x04\x80\x14D\x07\xe9 \x118AC\x9f\x89|H91\xaf\xbfV\x8et\x19\xb04E\x149 \xc2P~\xe2\xb0}\x80\x0f\xb0\x8d\xa0D(J\xac04\xc32\x12\xa4\x87\x00\x8b\x83\xa9%\x18\xc3\xca\x8bf\xadG\xef\xe6\xb1\x0eR)\x10\x0c\xa8\x83H\x84U\x8f\xc1.\x0bf4B\x83V\x03:\x8e\xae\xc7\x1c!p\x8ee\xe1\x99\x15H\x1a2\x97\x96JG+&amp;a\xed\xffC\xd7eE\rI\x0c8\xe4 \xe0z\xff-\xdcX\x89\x0c\x0by\x81!VV\xd4\x94P\x88\xe7%\x08Z\xf4\x85\x83\xd17\xcd\x91\xcb\xfbF\xafT!E%\x078$1\xf0\x0c-\xe4\xa0\x8dr\xa0\xb7P\x12\xfa\x0c{\n:\xa4\xf0\xbc*\xa9,|B\xb3\xb2\x9e\x16\xaa\'\xe6l\xa83G\xa2\xc0J\xe8\xfa\x12\xec\xfdxV\xe5\xd5\x90j\x8cl\x95\x87xUx4\x91P\x01\xb7\x04X!\x15\x81\x02\xa4\xe15W\xd92%$\xbc\x07\xc7\x82\xc4 )\x00\x0b\x84\x80\x98T\xb4BAv\xa1J\xa7]\x852&lt;\xe4\xc0\xdc\\@V\xa0\x90\x87gX0\x97\xc0\xc5\xaa9X\xe3;\x15\x82p\x18\x86\x85\x10\x13\x10\xa5]\xe1d\xec\xda\xf5\x07?\xc6\x92\xc9d\xce\x95\xcb\xa5\x9c\xd7\xee\xdf\xff\xa9\xdf\x19v\x05\x02\x05^\x92\x90\xb6\x98!\x17F\x88\xa6`Y\xf67`\xb7N\xc0\xef\x07\xe7@\x0b\xd0%\x95\x8c\x05m\x97;\x8b/\x8a\xc5\xa5\xbf\xbf|\xf9\xf2\xbb\xa5"\xd4R\xe7\xed{\x13\xf6~g\xfa\x93\x1a\nI!C.\xc0\xc2\x84\xd3}\x13z\xde\xf2L\'\t\x07\x83\xe6\xb4\xa2\xa4sa\xa7}\xe2\xde\xa5\xdfu\x16o\xb6\xe5\xf3\xa3P\x8fG\xaf@\xb5\xa1zQ\xec\xbc|\xf9z,\r`\xaa\x81\x85\x03W=i\n\xd6\xc0\t\x05\x0eJ0H\x94\xb2+\x19\xb4\xb5\xd4]\x1d\x9c\xbc\xd9\x9c\x1fm\xf44z\x86\xa0&lt;C\x1e\x8f\xa7\x11U\xbeyrrp\xac\xc1:\xff&gt;\xfd\t\x1a\x8c\xc6\x8d\xd0\xc0\xf5\x83\xf3\xc7\xb2dN9\xda\xe1`+&lt;_\xce\xd9mu\r\x89\xf8r{s&gt;op\x00\x8e\xa7V\x08\xce\xef\xcf\x0e\xb7\xb7\xb7ON\x8e\xb5\xdcy\xff\xb1\xacJ\x04\xc2\xc20q\xd3\x84[\'\xcft\x82\x96\x18\x1eQM\\\xaa\xbb\xb5\xd0\x1d\x9d\x1d\xce\xae\xfbkX\x8d\xfe\xc6\xa1\xb3\xea\x1bjl\xf4\xfb\xf3Y@\x8b\xfan\xb5\xfe\x90L\xf3\x0e0\x11\x1e\x9c\t\xc1\xe5\xdd\x11\xc1B\x16\x16`x\xe2RC$1\x12_\x9dET\x86P\xc0\xe1\xe9\xeb\xeb\x03\xa8\xe9\xe9i\xf4\xc6\xd3\x98\xcf\x0e\x0fG\xe3#\x89\x88\xd5\x9e\x96j\xe3\x808\xca\x9c\xff\xe6\xe1\xa4\x04j\xb1J!\xd9[w\x0bQ\x81X\xeb\xfe\xcfX\x8d@\x85\x88\x86\xfa\x10\xd5\xf4t\x8dk9\xea\x8b\xcf\xb4\xde\x08\xab\x8e\x1a\xd6\xc6\xf9\'\xc4\xf8\x96\x00\xeb\x90\xd7\x02\xc1\x96\x86\x04P\xc5W\x87\xb3yDUs\xce\xc0\x01\xbc!$\x15\xb4\xbfg4\x9f\x1f\x9e\x8dF\xe3\xf1D\x87=\x1d\xa21\x14\xc3\xc7\xa6`\xc1D\xe1\xcb\xe1\xde\xd6\xc8\x02PE\xdb\x01\x0b5\xbaAex7d`\x19\xeb1\x9f\xcd\x83Z\xb3\xb3\xab\xab\xd1\x91\x06[\xb2\xc0\xa0Ii\n\xd6Q\t\xce\xf6|9\xd9\xd5\x81\xc4\x8a.\xb7g\xb3y\x8f!T\x9f\x815\r\x82\xa1\xa80Bb}x\x18z\x1eqA\x7f\xd5\x05s\xbc1\xc2\xcf\x1f\x0b\xce\x16"\xcb\xb2J\xda\xe9F\x1e\xfa\xa2\xcb\xb3 \x08@\x00\x88\xd1VF\xf5\r\x19T~\xff:@\x01\xd60\xc2\xf2]\x9d\x0f\x17TI\x02\xac}\x13L\x04,\xa5\x90\x8e\xb5t\xa0\x86\xf7A\xc7\xe7\xf3yH\xa8u\x7f\x1e\xc5\xc3\xf4\xf33#aY\xae\xaf\xaf#\xa9@,\x03\xeb{\x9b\xd3\xa5\xb0\x10\xab\xfa\xbe\tjA\x90j\x85\\\xb0\xae#\x02\xad\x05X\xb3\xb3\xc3Fe\xd1\x82\x1c\xaa-?D\xb4~\xa6\xd3\xea\xec\xec2j\xae\xe5\xef\xad1\x97\x06\xbbG\xd2\x14\xac*lc\\\xe1\x1eX\x88#&gt;\x9f/\n\x85\xc0\xb2\x9f#\x15\x95\xa1\x13j\xaaZ[\xd5jp\xc1j\xcf\x15`\xfb\xc8\x1c\x9b\x82\x05T\xb9\xf0\x9d\xd6[\x0b\x0b#h)F\x97\x81)\x8f\xa4\x82f2\na\x01\xe6\xfa\x99\x89\xcb\xcb\x06\x96/\x01X\xae\x82\xa22\x1b\xe7\xbe\x9b\xb7\x8c\xbf\xaaj\xb2+\xf7~\xbe\xe3\xd6B"\x91\x88#\x13!!\xfcyC\xab\xcfX\x86\x89@\xea\xafqAlE}#\x11k0\xecJk&lt;{\x9a9\xff\xe1s\xa2\xcb\xae\xb9\xa4\xdd\xdd\xd0\x90\x88\x18X\xed\xd9\xfc\xe8\xd9\x80F\xd3\xa7\xe6\xa2\x1f1\xc1\xab\x11[\xab\xf1\xee\xeex&lt;\x0e\xc9e\x0f\xbbd\x85:2c&amp;\xea\xfa\x9c\xd3~\xa3.\x12\x89\xdc\xbd\x9b@\xc1\xd5\xdcv\xe5q-\xb7P.\xa0w\x9e\xda\xd6f\x14"\xde\xe0\x8av\xcf\xcct\xc7}#\xad\xf3\xf6d\xa0 n\x99p\xc6x\xa3\xeb\xa9\xfe\x1ew\xa4\xe1n$\x92\xf0-O\xfe\xfefs\xdb\xc3\xc7\xdb\xdb\xd3\xcf\x9fO\xa3\xe4z^{\xed\xdb\xee\x1bmkn\x86-Os\xb6=\x1a\x9f\x99I\x80`\tkO,,kf`m\x1e\x07R\xb1\xf9V\x90j*226\xd6yul\xec\xc5\x8b\x87\xaf_\xef\xee\xed\xed\x19p\x80e&lt;\xef\xed&gt;4v[\x83\xc5\xc1\xb1\xb1\xc4\x0cTw\xa2\xae7\x96rU\x0fM\xc0z\xb61\x97\xea\xb7\xb5\xb4\xde\x9d\x9a\xfa\xf9^0\x19N\xf5_{\xf4\xe4\xc1\xf5\xdbK\x00\xb7\xfb\xfc\xac\xf6v_\x7fx\xfa\xb4\xb8\xf4\xdd\xbd\x9e\x983\x99\x8c\xf5\xfc\xb5e\xea_S3w\x1b\xac\xf6\xa4K\xde1\xe1\xbe\xe0\xc1\xe9\x9a3\xe8v\xb7Z\xbb\x82\xce4\x9c\xb7\xaa2\xaa\xc0Z\xff\xc4\xed\xa5\x87\xbb{5\xaa\xd7\xc5_~\xbc\xff\'gj\xce%\x17\n\x9a\x82\xf6\x8cw\xba\xacS]-\xee \xc22\xe1\xbf\x08\xfbGk\xfd\xbdn\xb7\xfbz\xac\x0c\xa7\xfdRI\xa4J\x82\xc0\x8a2Xk\xeb4\xb8\xb6\xb7w_\xdc\xeeO\xcd\xc9\nLOt\xafP\xa4\xe0\x80\xfb\xe9\xbd\xed\xc6\x0fVkO2\x17\xd8&lt;\x7f,K\xe6p\xcd\xdek\xb5Z\xedetJ\xe4E\x85\x87\xa35\x1b\n\xc1)(\xf6\xe7"\xf8\xb8\xfd\xf8\xf1\xeb\xb1`.]VC\xe8^\x00\x10\xcf\xa5\xd6R\xb9\xf4\xc7;nk\xabu\xfe/\xe1\xb5E\x13\xd4\x1a8Y\xb3\xdb\xac]\xbd\xb1\\\xf2\xa7G\x0f\x9e&lt;y\xf2\xe8] ](\x97\xd3\x1fs\xf6\x96\xc1\x9bW\xb6\xa7G\xaf&lt;\xbcz\x07\xb0\xe0|\x08\xdb\xc5w\x8f~{\xfbv\xe9\x97\x9f\xff\xf9\xc7o\xad\xee\x16\x84\xf5\xee\xe0\x9c\xa9,Fp\xad]\xb3Ym\xb6\xde\xeb\xb7\x7fYz\x8a\xea\xedo\xbf&gt;\x9a\x08\xf6\xcc\x07\xe7[\xc6&amp;\xdb\xb6\xfb&lt;\xf9\x9b\xbe\xaeo{\x82\xb1d\xd8y\xff\xc9\xafo\x9f~\xf8\xf0\xb4\xf8\xb7\xab\r\x1d\xad]\xa0V,\x85\xee$\xfd\x9bV3|M#O\xe38\r\x0bR\x10=0\xb9\x98\xf3E \x8ai\x8b\xe48\x96\xde\xcc\xc0x(\xc48\xbbZ6\x19\xcdi\xf4r4N.\x84\x9a\x1d\x17\xd7\\h\'e\x18\xdb:Q\x9aL\xd9b\xb1\xca\x96\t\xa2/v\xdf,\xa1y\xb3\'\xbe\x88\x16\x0er r\x10M\xb7\xf6\xc5\x99WI\x04_\xdcI\xe8\x8bp\xcfo\xb2\x7f\xc2\xe4\x17\x93\x17a\xf0\xf7\xe1y\x9e\xdf\xf7\xf9&gt;3\xa3Q\xf1\xb1\xde\xd4\xc6\xe9\x8af\xea\xa7\x8f\xf6\xa8k4\x16[\xac\xe6r\xdb;N\xfb\xe3\xd9\x8f\x1fg\xd7\x1d\xcb\x8d\x86\xcf\x18&amp;\xa9/\xbe\xf8\xcd\x8b:\xc9\xf9*6Y\x8eN?\x9b\x98x`_\xdf\xc9e\xdd\xb4\xc5\xe2\xd7\xd9\x10\xd6\xcf\xd0{f\xd0W\xa9\x94\xbe\xe6\xf1v\xe1t\xea\xbb\x8f\xd3\xb8\xc3\x15\xfb\xe6\x9b\xdfV\x9dcs\x89?~\xf5\x87\xbbw\xbe\xfdh\xaf\xf8|\xb2\xd1\x1f2/\xbdxT\xdf\r\x81|\x882\xbe\xf9\xe3\x9d\xef\xa1\xee\xf6\xb6\x16b\x11\xc0\xd2Z9\xdb\xc8\xc2\xf8\x7fW\xa6N{\xb9\x1c|\x95*\x19\xbc\xc8\x1d\x1d\x1d\x1d_|\xb70\xedqL&amp;\xb5C7\x9d\xab\x89O/\xffr\xf7\x9f\x7f}\xf3\xe6\x97m\xbc1,\xb2\x02\x96\x87n\xf3\x14D\x9d\x15;\x95\xc5\xde\xcfo\xfe\xfe\xee\xdd\xef\xef\xbf\xdc;q\xdd\xb0\xd0\x19?\xe7\x1by\xb8\xfa\xfe\xb4Y\xed\x08\x18\xb6\xaf\xca\xdd\xdd\x95\x9e\x88aX\xa7\xba8\xbe\xe0I\xeb\xb4\x96[\x9fE\xb7&gt;%6\xff\xf7\xfd\x9f\x7fw\xe7\xcb\xb7\xc7\xb8W\x169V\x98\x07\x97So\tlX\xb4\xc9\xb9\xe6\xdb\xfbw\xfft\xf7\xdd\x7f\x1e\xec%\xd6\xb4\xb7\xddd\xc6h\x1byx\x12\xdd\x96Y\xac\xb5\xbb+5U\x08\xd7\xd4i\x8ee\xb1@\xa0\xe4z8\x86\xa7\x8d\x16\xdar\x03\xef\'\xe6\x1e?\xff\xf2\xeb\xaf\xf6\xec\xdbIY\x16\xad\x83\x81\xb0\x8bf\x8ay\x81\x13J%1\xb9}&lt;\xfd\xb7\xaf\xbf\xfd\xf1\xf1j\xbf\xef\x1d\x8a\xc4\xdd\xb4U\x07X\r6\xdc\xaa\xd5\x00\xab\xb7\xa2FeU\x8d\\\x86\x0e\x91\xc1\x911\x8fKK\xd3\xb7,I|auu\xd6n\xb7W\xe4d\xa9T\xa2\xd9\x01\x17\x82\xc9\xff^}\x17cY\x9ea\x98by1:f\x8f\xda\xc7&lt;\xb6`$\x1e\x8f\x93~\xdd\xb2\xf7\x92\x9do\xed\x12L\xa8\xd5\xce\x9e\xaa\x80\xd5+\xfb\xd9\x8c\x1b\xda\xae\r\x14(h\xb9\x15\xbc\x1d)W\x93\x8b\xc9j\xb5\xaa\x85\xd0tD#\xc7\t\xad\xddz\xbd\xbe\xbb\x1b\x12\xd8R\xb9\xc8\xec\xefg\x8beX\x16\xc4\x14\x87\xd3\x186\xfa\xd6\xbc\x99\xfc|\x9drc\xadV\xedB\xa3Bi\xf1\x02\xcb\x1b\xf4n\xda\xb6\x06X\x99\xa0\x85\x8ed\xe3\xd9l\x16\xf6\xce\x16iQ\xe48\x8e\r\x83YE\\!L\x10\xc5\x08\xb1\x9fR\x16\xb5OQ\xf1\xbc\xdbM*X#%2oJ\x15\x05\xac\xc5\xab\x80\xb5\xd1\xe3\xbb\x1c\xaf\xd7\xbb\x83\x80\xe5\xf2\x07\x83\x19\xda\x1d7SW\xfbB\xd9\x88,\xc7B\xc5\xd7\x9f\xee"\xac@X\x90x\x02\xfc\x8e\xb2L&amp;\x03\\B\x06\x02a\xa8\xf9\x86\x18"L&amp;\xb7:X\x9a\x8d\x02\xd3\xee\x12\x87)"\xe3\x1bI\xeb\xac0\x8e\x91y3\xa5`\x19(s\x9c\x0c\x0b,\x1c\x89\xf9:Z\xbb-8\xb3\xfc\xbc\x19\xd90\xf0a\x87z\xbd\xc9`\xce\x93\xe1\xb0_\xc1\n\xe4\r\x06\x06\xae(\xab\x81u\xcc\xb7[\x86\x14\xc5\x88i\xdc5l\xf4\xfb\x03J\xb0\xf4\x07z\x88\x16\xec\x19\xc0~\xc5\xba\xa7$1\x8c\xb5\xf2\x04\xa5GT\xff:|u\x85\x85\xb1F\xce\xb6\xdc\x18\x0c\xd0y\xc00)\xa7B\xc9o\x1c\x8bX\rN\x97\xd4\xa9\xe0\x15\xdd\xb06C\x02\x15\xd8\xf8\xc3\xc3\x83\x14E0|(\x0c\xca\x8e\xcd?\xad\xdf\xbb\xa7`\x05B\x0c`\xbd:D\x9e\xf5\x15p\x99\xcc\xf9\x90\xdfh\x04,\xae\xd1\x10\xa4ZK\x90\n*\x08\xc4JA\xee\xb6\xda\x12\xcf\x17cxE\x9e\xd4\xd2y\xca\x80\x86\x8b\xc3C=\xd4\x16\xc3\xf0a#\x94|h\xf7i\xfd\xe9|K\x82\x14\x85\x18\xb8@\xbf\xf4\x0f\xb4\x80Ko\x80D\x1bm\xae\x11_$0\x18t\xdb\xed\xeeQoF\r\x81\x90\xbb\xed\xb3.O\xec\xc7\xf0Qy8H\xc6\r\xa6\xa5WhK\xa8g\x82 \xc8\x0c\xb2\xc5\xa1&lt;\xf8\xf7\x1a&amp;@\x1b\n1f\xc4\xad\\\x03W-\x99\xcc\xf3\xa0\xf2P\x98\x11\x02\x1b|\xe8\xb6\xbabS\xa3\x86\x9c\xc6\x8e\xba\x1f\x06&lt;UL\xa7\x95\xdb\xcb\xe6\xab-Q\xddPD\x9e`\x02\x80\x851\x06(o\x8a\x17@\xc2\xc8&lt;\x1a\x8aLKW\\\x08+\x1f\xb0"\xac2\xc5p\xe7g\xednI\x05}\x80N\xbdx\xd4=oHq\xcb2&gt;:9D\xc3|\xa8\x87-\x81\x8a2\x13\x0cA\xc4\xcb\x1c+1\x06\xa5\xc4)\x1e\xe3X\xd2L\xd4\r\x86G/ \xa6\xb0\x96\x10\x164\x9f\xcaZ\xba\x98\xa2\xb8\xcbA\xbbSPc\xb8\xd6\x9c\xfe\xd0\xc1\x1a\x97\x1cQ\xf4\x81\x81\xb8\xc22\xe9\x95\xa3\x0fXL\x96\x08\x87\xf9\x1a\xa1W&amp;\x0c\x13Q\xc3X\x9e2\x9b\xeb\x8f \x8f\n\x14\xd0\xc7!\x89\xae\xb4\xa7R&lt;`\x1a\x97\xdd\xb6\xd8T\xe5&gt;\xf8\xca1\x87\xb1\xdeF1\x1b\xf38\x9cC\x19\x90\x07\xd8\x12\xc0@\xb5\x08\x82\xc9\x16E\x89!\x98\x14\x8a\xd6\x01\xfc\'\xc4f\x08\x8aB\xf3\xab\x1ea!\xfa88\x08\x07\xee\x91\xf7\xb3\xf2\xe5\x00T\xebT\r_\xa3\x99iv\xb0\x16\xbb\\\x91+\x9e(`\x91nE @\xc0\r\nV\xb9\x04\x99\xe4\x99\xd4\x01\x08\x06\x001\x92\x08\x02\xa1`\xa1G.H\xe6\x01K\x97\xf6\x8cU\x92\xb6\x06\x87aBO\x9d\x87\x06\x9a\x8b\x92\x80\t\xdc\xe0\xd2\xbb\x86\x8f\x0ee\x02\x88\x0b\x02\x06\xcb\x0c\'\x91\xe1y\x82\x10\x1b\x1dh\xcf\xfb\x9d\x06K\x105\x89g\x08\x84\rXJH\xa1\xfb\x84m\xf8\xd8\xc3\xcb\x06\x08\x89 \xe4N\xd51\xcd\x9a\x95B\x87e\xc3\x12\xd2S\x07\xc8)M*y4\xa0\x86\x87\xf4\xb4V\xeb\x9c\x9c4\xc0\xe0$\xd7\xfa}\x0et\x97g(\xc8\xb1I\x7fU\x80\xf1&lt;I\x86\xc1\x9c\xaeq\x81\x90\x9f\x1b$\x9bj=a\x01\xc7\xd5\xc1\x02\x12_\x96q\xdc\x86n\x7f\x93nE\xe7A\xc1\x11\x96$\x89\x1d\x1e,\x168\x9a\x12\'\xf25\xa9F\xa0\xb3\xba\xa4W\n+\x0fT\xb4\x7fy\xcdk\x0b\xf0\xa1\x80\x00\xc7P\xb5\xc9g\xa3P\rC\xb4\xf8R\x1a\xf7\x19\xad\xda0\xea?&amp;eg\x03\xc2\x12\xc5\xd2\xfe\xc1A\n\xfa\xf3~I\x14AY)\xa4\rJe\xc1)$I\xa8\xf8e\xaf\xd7\x1a\x80%\xe5.\xd4{J6u\x91\x13ELb"\x0e\x8fCgD&amp;\x02i\xaa\x1e\xc2A\x11q\x86\x17\xe5d\x11\x9d\xc4\x83^6)\x8b\x81yH\xb1^\xc1B\xe2@\x86\xc8@P\x87{G,\x01)\x1c.6U|H\x06\x87\xb1\xcc\x82\x8d\x8a\xc4p|t\xd8\xea\xf7\xd3\x80\x952\x1d\xc0\xae\xf18S,MN\xde.\xf4\x0e\x0e\n\x85\xdcN,\x89\xee\xd9C\xaf\xbeJ"r\x18\x81\x8c\xd5\x85{\xd3e^\nG\x9a\xaa\xbe:\xa2\x99\xb9h\xf6z\xbdf\xf3\xed\xbac\xd2j\xb5\x82xA\xc5\xa7\xe2n7\xd4T\xb2\x82Gc\xdb\x85^\xe1\xf3\xcfw\x9e\xac;\x86K4\xefv\x9bS\xa8\xe2\x91\xab\td\xfc\xc6\xb4\xc7s\xdc\x84u\xa1\xf6\x9d$\xcd\xcc\xcc\xca\xcc\xd4\xd4\xbf\x9f;tV\xa3\x11\xfa5\x05~\x98\xa6#\x91j\xcc&gt;=\xbd\x00\xe3\xc4\xce\xce\xc2\x1c\xacq{\x0c\xc6\x0e0\xb0\x88\xcb\x80\xaci\xd8oK\x8f=?\xd5L]\xcb[\xb2\x1a\xf4s\xfa\xda\xe1\xd2\x19\x8d~:n\x8e\x17\x83\x16\xcb\r\x18\xfa\xc7\xe7\xb6\xfa\xf0\x89:\x1f\xf6\xfb\x89\xbd\xc4\xd6B%\x96\xacZ,n*e\x02O\x83\x82\x05X\xaf\xaf\xf3\x05.\xcd\xc6\xeb\xa8C7i\xb4Z\xdc\xf9Hr\xf8\xb3\x9b\x8b\xce\xe9\xadD\xa2\x7f\x827.mrC\x96\xd7NN\xfa\x00\xb6\xee\\\xbc\xa9uC@\xdd\x88J\xe7K\x8f\xfdp\xad\xaf`#,\x97Ng\x85\x1644\xea|\xf2d}zb/\xd1\xf7\x1a\x8b&lt;L\xd6`b#\xda\xd1\x85\xc4\xa7\xbd\xb9\xd9u\xa7C\x0b\xcd\xc0\x9d\xf1[u6\x1f&gt;\xf6\xfez\xb1~\x01,\x97k2H\xd3\x0eO\xf4\xf9\xe6\x83\xbd\xbd\xfej\xa5\x0c]\xb1N\x80\x95\xaf1|)\xe6\xd9\xda\xfb41\xbb\x89\xbbh\xb7[\xc1\x02\xf7\xb0\xf0~\xe6z\xb1\xec\x0e\x87\xcb\xa1\xd3\x06\xb5\xb8\xfd\xf1\xec\xb3\x97{[\xf6d\x99\xa9\xd5jm\xf8\xb4[\xa0\xb9p4\xed[\x89\x89q;\x0e\x138\x1d\xb4\x1am\x0e\xc0z{\xbdX\xaf=i\xc0r\r\r\xe9\xa2\x9b\xb3\xcf&amp;\xb6\xc6\xa3\xd5rY\x92\xc0\xa1\x9f\x9d\x9du\xbbg\x9d#\xe8A\xb9\x9d\xe9\xfb[\xf6h2B+9t\xe0k\xd7\x8e5\x86;\\&gt;\x1b`\x8d:\xa7\xe7\x1el\xee$\x93\x9d\xce\xd9\x87\x0fg\xf0{\xfe\xe1\xfc\xfc\xfcL\x96\xc5rn{v\xce\x1e\xbb\x11\x89d X\xae\xf4\x9a\xf7z\xb14\n\xd6\xa8\xcb6\x9c\x9ct:gg\xd7\x9f8+\r\x85\xe6\xc3\xaf\x7f\xfe\xcf\xcb\xf9\xc7\xb4q\x9eq\xbcw\xf5l\x1c],\x05\xd9\xd8\x8e\x10\xe7\x9d\xce\x1c\x0e\x16m\xb0\x98\xac\xa4\x06\x9ftN$\xdbJ|xb\xb6\x84\x13\xcb\xe2\x879\xbb\xf2e`\x825[TXV\xed`\x882@"\xa2\x01T\x02\x89@\rIX\x88R\x11:)\xda\x16"\x95fI\x86\x9a\xa5\xa1j\x95\xa5Y7\x85\x95m\xea\x08\xca\xd8\xf3:\xc9\xf6o\xd3\xe6\xf6\x00\xa7;\xf9\x0f\x7f\xf8&gt;\xcf=\xef\xf3\xdc\xdds\x9f\xa1\x9d\xcf&amp;\x17\xd3\xa9x`1D\xc3ihvX\xa3\x89\x84\xe4j\xb9\xecZ\xad\x83\xe9\x89\xc5b,\xcb.\xf8\xc3\xff\xfe+H\xf5\x97\x95OW\xa0\xd7ZYY\x01\xd9@\xb2\x9eE\x8b\x05\xc3\xa6\xe8r\x9dJ\xe5p\xb9%V\xab\n\xb0\xf4V\xad\xc3\xeb\x88\xc5\x942\xa58\xbe\xf0\xc9\'\x0b\xe3\x10P+\x9f\x82]+p\xad\xdc\x07\xcaw\xa7L&amp;\x9a\xa6\t\x9d\x8aQ\xd9\xf5\xee\xa8^Z\'\x8e\x01V\x14\xbc\xe8`D\xccd\xc2\x98\x85\x85\x85\xf1\xfb+\xc7\xaf\xfd\xfd\x85u\x1f\x9f&lt;\xber\xff\xfe$\xba)D\xfb\xd4*\x86Q\xe5\xdcRc\xbd6v\x12&lt;buh\x1d*\xd1d\n\xd5\xe3\xbf\x18\x1f\x1f_\x99\xfc\x1f\xd6D\xf7Tw7\x14\x86\xc7\xe8z\xa0\xc2u\x8c\x9aqh\x12n\x8d\xc4j}}R\x0f\xff{A\xae\x8aP\xa8\xde\xf7.\xd8\xe4\xe4\xd4\xd4\xe4"\xf0\x8d\xf7LM\x80]\xbb\xd6\xdd]_O\xfb|\xc8\x85\x0ccw\'4\x12c\xbd\x06X\x9ah4g\xb7\xdb\xb5\x04\xa8\xe5#\x08\x1f\rU\xfcb\x0f\xab\xe7\xfc\\\x1crXh\x02]f\x03\xad\xca\t\x9cA\xb7/4n\xb7Fr\xb5\xf2z\x8d\xc6m\x05,;\x03~\xf2\x95\x13\xbeI\x1f\xa1\xd6ZmaX\xb2\xb3z\x86\x0eML\x84\nR\xe1\x04\xae\xd61\xd0M\x03UTz\xac&amp;\xaf\x06\x1a3G\xce\x8b\xd3\x18Q\x8e\xe3\xb8\xcfG+#~\xfe\xe2\x93\'\x1d\xfa\x00r-}\x8c\x86\x0f\x80J\xadf\xb4\xaeD\xb4\xa9I\xf3\xff\xc0\xf2FQt\xe5T\xe8\x8b\xa1T%\xe8\xfaz,\x12\xbe\xf8\xe4"\x19\x03\xaaP\xfd\xcf\x8e\x11:\x1dA\xe0\xf0\xb1\xd6\x9aH4y\xa5\xc6\xaaZ\xceG\x9b\xbc\xe6\x9c\xdb\xa5e\xb4*$\x87\xae\xfc\xa7\xbe\xd0[o\x85\x16ay\xe6\xd9Bd\xedG\xebs\xb9\x0f#\xd4\x0c\x93\x8b&amp;4\xde\xa6&amp;\xab\xb4\x15\x84\xe2_I\x84\x05n\x84T\xaf\x15q\x0c\xd7\xe9t\xc7\x80d\xffD\x1f\xab\xb7\x0f_\xba4t\xe9\xe7\x80\x05\x81\x05\xb9\x142\xa9\xcb\x1d\xf5:\xbc9\x1b\'i\xbdUu;\xe9\xd6x\xbdf\x07p\xc1\xc9(bX9\x14\xd0\xfbC\xa1\x89\xa1\x91\xbb\x16\xcb\xd0\xc8\x10\xb4\xfcC!_\xb9\x9a\xc00Qk\x8f&amp;\xdc\x0bf\xbb\xdd\xc5\x91\xff\x90\x16+\xe5\xd64yU\x8c=\xea\xb2\xba\\Z%\xa6V\xfbB!\x9a\x9e\x00\x9e\x91\x91\x11\xf44\xec\xa5!\x1a/\xc71\x19P\xb9 \xb0\xcc\x0bnk\x82\xcc\xdc\x93\x12k\xdfm\x1b\xc2\xd2\xa9aE\xd1\xeb\xf5.mL\x14\t\x1a[4\r\x8f\x00\xd6\xa5\x91\xa1a\xf4S!\x13\x95\xca@\x81\xcae\x86\xf2\xde\x15\xceR\x92bU\xfd\xbe\x80\xa5R\xa3[K~X\xb5YX\xb2K\xfa_\xdc\x8e\x1d\xb9;\xdc7&lt;&lt;l\xb2(\xa1\xbc\xb0\xba\xfc\x89\xa8\x96a\x12a{\xf8o\xbc\xb4j\xfd\xd2\x85\xb0\xccj\xbc\xdc\xa1\'\xfd\x9c-\xce\xb2\x81\xfe4;}\x17l\xe4\xee\xdd&gt;\x8b\xc5\xd2\xd7\x07],\x1bG\xcfA\x80\x9a1kX\x0f\xb2\xf9O\x1e\x95\x12\xeb\xbc\x1e\xb0\x9a\x1cj\xc8Iv\x7f\x98\xe4\xb8T\x92e\x93\xa9\xfct_\xc1\xa6\xfb\xd3\xe9\xe9i\x80\x8a\xdb\xfc\xe1\xb0\x9e\x8d\xa1.Ro\x87\xd0\xcf\x8fI\x8f\xe5\xd5Av\x17s\xa4\x90q:\x05\x92#g&lt;)\xb0$\x98\x87\xf3\xa4\x926\x0fG\x92a\xde\x1fO\'\xc9\x8c\xc0\xbb\xb4^M"\xf9\xb5\xa4X\xfe\x82\x13u\xb0\xb4\xe0\x8cM\x08\xa2G\xcd\x9c\x14\xe5\xcc\xa0\x8d\x13v\x07:\xa8\x0c:\xa0\xb2B*ER\x14\xe7\xe1a\xa5jJ\xfcsYB\xac\x96_=\xc7\x82%\x8fPG\xf8\xe6]\xbbv5\xb6?\xb3\xe6\xf6\xeb\xd7\xdb\xd1\xc4\xc1@{sss0#8\xa9\x8e,\x97GXf\r?s[J\xac?\x16\xb0\x1c\x8c\x1a\x82^\xad\r7\x1f|\xa3\xa1\x01M\xce466\xee&gt;\xd5\xf8\x9b]h\xb2\xa7\x19\xb6\xbb\x82\xce \xc5\x9366\xcd\xf1V\x877J9OK7\x14\xa5\x18\xbb\xf7L-\x86\x815\x1a\x8f\xf9\x9f\x1cFsm55\rh\xc4\xad\xa1\xe1\xd4\xa9\x86\x9a\x9a\x9a7v\xee,kw\x06\x9d3\x9ex,\x90\xf6Cl-\xe8)\xe7y\xc9\x86\x01\xabZ\xee\xacB\x01\xaci23:\x84%\xba:\x0eW\xee\xacAS\xd55;kkjkk\xd1\xd8]qqe\xf1n\xa73Cz\xe2\x011\x90&amp;y[D\xef\xa7\xa8{G%\xe2R\x8c\xcd\x9e\x13\x12Q\xc0r0\x10\\\xc0\xc5\x90O*\xe55mm\xc5\xadry1l\x0c\xad\xc5hG\xbe\xdb\x99\x11\xc0\x811\xb1\'\xc0\x92\xbc\x87\xcb\n\xd4\xc0\xe8\xac4\x97\x92\x14\xcb\xefu=\x0e\'\xdcQ\xc0\x82b\x18\xea?\xb5*\x92=XYSS+\xdf\xb1\xc3 \x07*4\x9bX,/n\x14f\x04\x94\xb4b===,\x99\xe1\x84,\xd9\xd1|\xbd\xebs\t\x06W\x14\xfb\xe6\xbf\xdd\x1a\xcd&lt;H@e\x9e+\x04\x17\x04=\xa3\xd5w\x1c,+\x0c\x9f\xef0\xc0\xaf\xc1 /.{;\xb8\xbaJ\x86\xfd\x11hn\x01+F\n3\xe0\xd1\x81\xe6`\xe7\xe6\x1f^\xf9\xb0iU\xcb\xfc\xd2\xd3\xad\xec\x83\x07H\xad\xdc\x82\x19Q\xe1\xa2\xc8D\xfcT\xf3\xc12\xb9\xfcG;\x90b;\xe4e\xbb\xdb\x85T\x92\xe3\xc8H\xd2C\xfa\x81\x8b\rg2\x943\xd8&gt;\xe0\x1c\xddz\xfa\xe8Ur)\x00jy\xfd\xdb\xb5\x8d.\x1e\xb0\xa2Q\x8d\xd7lV\xa9\x0b-\x04\x94\xea\x1c\x97\t\xbe]Vv\xb8\xb2\x126?\x19\x10&lt;\x11\xad\x95#9\x1bGf)2\x1d\x88\xf3\xceQ*\x13\x1c\x80\xbf\xad\x8d5\xc4\xa5xU\xee\x1b;\xbd\xf7\xc4\xd5\x8f\xcfl\xcc\xf1\xfc\x03\x14\xf2^3\xc4VO\x0f\x8e:\x88\x9c\xd5\x9aL\x92\x1d\x1d\x1d\x17/\x0ed\xb9\x88-\xc2\xc6\x10*\t\xe7a\x1cN\xc2t2\x03\xa9"CQ|\xe6\xfa\xd6\xc6\x8d?\xffn\xf9\x15\xbd\xfe\xa0\xea\xe8\x9d\x0fg\xf7\xde\\\x1a\x1c\\\xbb\xc0\xf3\x10\xf2(o\x15\xb0\xc0\xd4*\x07\xaaR\xd9H$\x15\x89\xb3\x81\x80\x18cc*\xad\x0b\x96p\xc8\x0e\x81\xb80\x93O\x01VF\xa0\xb2a\xaaqkc\xf0\xc6\xd5\xb3\x07\x8e,\xff\xd0k\xf3\x8a\xd7\x14-\xa7\xbf\xec\xbc|\xe5\xc0\xfa\xd2`\xdd\x8d\xcd\x17X\xe8L$\x08\x02q\x99\x1d\x0e-#\x06\x94`\xfd%%\xca@ \x10C\x93ZhbJ\x16\xe0\x84d\xca\xe9\x0c\n\x19*\xcc\x0f4o\xad\r\x9eYZ\xbf\xf2\xc1\xe5\x0fn\xef\xfb!\xaeT\x00\xd4\x87\xa3\xc6\xce\xcf\xf7&gt;\xc7r\xfeW\xad\xc2\xa2HL\x12=\x8cC\xabbD\xa5L&amp;S\xca\x94\x05\x0b\x04\xd8\x14i\x8d\x05\xe0\xd8&amp;\xa4&lt;N\xa4\x16\xa9\xe7\xdb\x83\x9bk\x83{\x1e\xae\x1f\xb8r\xf9\x9d\xb9\xd9\xa3\xdf?\xc6\x14\xfbn\x7f\xf9\x8e\xb1\xa8m\xee\x9b\x13?^_\xbaU7\xf8t4\xfb\x02K\r\xed\xb4\x0f\t&amp;2\xd0\xd1\x8b\xb8\xec\x99\xf5\x17\xb8X\x8e\xcc\xb36\xbf\xd6\x92\x9f\xf1 ,\xa7\x00i\x1e\xb0n\x14\xb0N|\xd3\xd9v\xe8\xfd\xf3\xdf\xf7M\x16\x8a\xa3\xbf\xedl\xadn\xab5^\xb8r\xf6\xc0\xfc\xd5[uuks|\x18eS\xc0\x02\xb1|\xc8\x08\\\x04(\x0c\x93a\x88\xaa\xa2\xa4\x02\xc3p1B\xa6\xf2\xc9d\x98\x9b&gt;\xe9Iq\x90\x1d(\xbf\x8b\xa7F\xbb\x9e\xfe\xa9\xaeni\xbd\xf7\xc4\x95\x0b\xc6\xa2\xda\x02\xd8\xcb+\x86\xa4\xdan\xa8n+-EX\xbd\xf3\x8f\xbe\xaa\x03/f\xa0i\x80$of\x10VE\x05Mc2\xe8Q\xc1\x87\x18V\x01f1U@\xc7\x13\xb3\x91I[\xf2d\x8aL\x03\xd6*\x94_P(\xf2\x99\xc7\x9bk{\xean]\x9d\xef=\xb1\xf7\x8b\xedEE\xafWo?w\xe7e\xc1\x00\xea\xd7]\xb5\x86\xd6\xa2R\xc0\x9a\xfb\xa8w~\xfe\xe6\xc3\xba\xba3\x9b\x8f\x13n\x97&amp;\x07\x11\x0f\x91E\xd3\x80\xe5\x93\x89b\xc1\x85\x18\x02\x83J\x1e\xc3\x951\x8f\'nc\xfb\x93d\x1e\xb0f\xa8\x19\x0f\x14\xce\x02yn\xf3\xc6\x9e\xc1\xaf\x1e\xcd\xcf\xf7"\xac\xd2\xeam\xdbj\x0f\xa1\xf7E(^"}\x8e\xcdv\x15\xb5\x1a\x0cmFciQQ\xe7,`\xad\x83\x17\xf7l\\(\x14\x10\x0e\x15\xe4x\x02\xa3M&amp;\x13\r&gt;CP\xb2\x82Z\x15\x96\x128H{R\xf9xz:O\xe6aOp\xae\xa6\xfcaa\x86&lt;\x87|\xf8\xf0&amp;\xc2\xba\xb0\xbd\xd4X\xfa\xba\xa1\xb5\xba\xfa\xd4\xb9\xf3\xdf\xb9\xb0P\xb4\xdc\x99kk\xad6\xec\xa86\x1a\x8dm\xb5E\x87\xde;\xfb\xe6|\xc1\x8bk\x9bd\x14u\x18\xcf\xb1\n\\\x04\x8e&lt;\x08{\x08\xcbd\xa9\xa8(Is\xc9x\xba\x7f:\xce\xa5\xf3\x9c\xc7\x99Y\xf5\x08&lt;\xc9\xcd|\xf11`]]\xef\xed}\xf3\xa3.ci\x9b\xb1h\x9bA\x0e\xa5\xd0\xa1\xf7\x8f|\xa7l\xa1h9r\xf9P\xeb\xb6\xeaj\x83\xe1?\x84\x9cAh\xdbh\x1a\x86\x93:\xec*\xda\xd1@a\xd7\xdd\x82E\xe2\xa5\xea\xb6\x97\xc1(:,\x16Q\x08\x84\x1e:`\xbc\xec^\xa3\xd3R\xa3\xe60\xd1\xc1\x1a\xc1\xc6 \xd6\xf4\xa4$`c\xd0\x06t\x12\x81\x88\x04\xdb1\x1e";\xe0\xda\xb9\x8cq\xc0\x10R\xfb\xd2Bm\x17\x92\xc6\x97\t)\x1dBi\n\xfb\xfer\xda\xd9\xee\xec\xce\xfe\ri\xec8\xf6\x93\xf7{\xff\xf7\xfb~\x05,\x81J\xa1$\xc6\x11#\x91\x08\xd9\x8b\x87\x1f^~\xedca\x80\xf8\x02\xc7\xf9;\xf7\xef\xdc\x1f\x07\x16\xa1\xf2\xd7\x1a\xe8\x82\xf3\x0b+\xa8\xe1v*\x9e^\x9a\x9d\xfa\xc3\xce\xcb\xc7\x0f\x1f/\xcc\x16&gt;\xccA\xac\xe6^DU\x8bZ\x88x\x03/\x90\x90x^\xd1\x1b\xff\xff\x1d\x9f\xc8\xbb\xd3XF\x82\x96\x18\xc9\xaf\xa1BQ\x14\xcc\x05\xac\xbd\xb3v.z&gt;H\xfdm\x94\xa6\x04\xeb\x0e\xa9#L&gt;1\xfe\x11\xeb\x9f\xf7\xef\xcf\x04W\xe2\xc9Tz{=\x9eJ/\xad&lt;~\xb8\xb3\xf3\xf0\xcf\x0b\xa9\xf8\x15v\xf2q\xadbF6U\xdb\xf0-\xab\xd0\xc0\xa2xc\xa0\xfb\xde\xff\xc5\xfc\xfc\xf6m\xa9Tt(I\xb7\xb4\xe9\x04G\xbc\xc5\xc9\xb2f\xe3\xd9"o\xd0\x16O&gt;\xfc\xf8\xbb\xbf @}\xaeq\xbf\x8cw|\xae\x91^k8P\x07\xd7S\xa9\xd5\xa5\xf4\xfa\xea\xc2*Z\xd2\x13P=\xc4a\xd2\x19\xce\xcd\xe5ZG\x116\xb2\t\xc7\x13\xb5B\x8a4M\xf3\x92d\xe4\x8be\xc3\xc9&gt;\xf8\x85N\xf9\xd5\xb3W2%\xe7\xedR\xa1P, \xb3\xc0T\xb2z=\xbb\x17\x8blnV\x8eZ\x87\xd1\xa13\x8b\x8d\xf8\xe5\x1f\xc9\x18\xe8{\n\x86\x1a\'\xf1&gt;A\x9cu\x7f\x06TD&amp;\x1c-\xe2\xa9\xe4\xec\xd2\xd4\x93\x97O\x1eN\xa5\x96^\xc1\xef\xb9\xd3f\x04\xce\x8a\\\x94d\x86S\x08\x17=\xedc\x89\x1e\xa3ho\xff\xa7`\xc4\xea\x9c\xa2[\xf5\xbc\xa7kyG\xe2)E\xb3E\xd3\xad\x17\xab\x99\x88\xba\x19\xd9k\x9e\xe6\xdaW/\xfft\xeb\xd6\x97\x7f\xff=b\xe1\x8b\xeb\xedw\xcf\x8f\xd2\x89\xe08\x02"\x08\xac\x14\xb0\x96\xe2S+\xf1\xd4\xecc\x88\x85\xf9k\xe5\xaa\x1d\x8d\xb6\xcf\xf6|,\xf1\xa2g\x954\x90A.p\x19\xf9\x98\xcdH\x12\xf3\xe3\xb3\xff\xfawl\xb8\xea{\x9d\xe3\xb4b\xa3,+\x92\xdc\xf0\xc86\xb1\x9b\xee^\xc63\xf4\xc1\x05\xab\x12{\xbd&gt;\x1e:K\xb7\xe6q\xc2\x00\xd6\xdd\x89O\\\xfe\x9a\x18\x0f\xfaX+\xb3i\xcc4S8^O\xed\xbc\xdcy\xfcur\xc5\x1b\x1e\xcf\x9d\xd4\xf66#\xae\xebV/\x8a\xf5X\xa6n\x97\x0cF\xa1oNK\x8c\xe5cIJ\xb9\xf3\xe8\xe7\x85\xfc\xea\xdb\xa2c{\x96\x97\xef8\x0c\xcf30\x98\x94\x08\r./\x9b{\xa2\xc3P\xcc\xa0\xc3\x12\xdb\xd7N\x0e?\xbcJbJ_&amp;\xc3\xe9\x8dk\xac\xf1q?O\'\x82\x80\x9a\x87\xab0j\xc5Q\xc3\xe4\xc2T|\xe7q|&gt;\xe9\xf5_\xcf\x9d\x10c\x99f\xa6\xa7\x1b\x86#\x9a\xa6\x9b\xe9\r\x0cj\xfaf\x82*t&lt;N\x91\xf5\xb2\xa6\xed\xff\xec=o\x1el\x16\x18\xdd*\x15\x1c\xcfnX2S\xb0\x1d9\x900.\x87\xfd\xa6[\xf5\x18A\x90\xad\x98\xb9\x17\xa9\x1c\xd5\xda\xed\xabW\x18d\x96\x7f{\xf7\xc6\xe4\xb5Z\xe3&gt;V08\xf1\xf4\xe9\xfa\xe2\xfc,\xa6\xc2\xa9\x95t:\x9d\x9c\xbd=;\xbb\x13_]\xb5\xae^\xcf\x1d\xb7\x8e*l\xc54/t\x8e\x82&gt;\x91\xca^\xf3\xac{%\'nN\'\xf4\xbag\x94\xf2\x9dN\xde*\xff\xf0\xd9[\xcb\xfcz\xecQG\xe3)]S(Ea\x9c\xa2^\x1eh\xd8&amp;\xca\xa0u~z\x94\x11-N\xa0Bz\xd1TY\x16\xb6?\x1e^\xad\xde\xfd\xeb\xf2\xf2\xe4?&amp;\xaf\xb9\xc6\x83#k\x91\x02.\xa6\x93\xf1\x85\x85\x85Tre\x96\\e\x8a\x13\xaa~{.\xdajVT\x88%:\x1c%\xc8E\xd3d\xddZ\xfb\xb4v\xc5\xe1Tb\xe4\xf3\r1"6\x9cAAf\xbcg\x0f\xfe\xed\x00\xd8\x90yZ\xd6Q=\xd4\xd8\xa9{:I-\x9a\xb1\x87\xe7\xb57\x19\xd1\xc6\x86\xa6\xd0\xb0U\xd5$\\\xed\xbe\x95\xbe\xb1&lt;\xb9\xbe\x8e\x81\xca\xe7\xb9G\x86-\xc2\x18\\\x0fB\xae\xe4\xcaj2\x15\xbf}{i&gt;=\x1bO\xa6\xf7aw_+\xd6t]D\x16\xc7\xe9U8\xdf\xad\x1d\x1f\xb7/\xdf\x0b(\xa3\xde\x10c\xc52\xda7\xa2[\xd1:\x0f&gt;\xb5e\x87C\x80\x16\nL"!a\x14"fD\x04\x07\xf4\xcb\xf3\xf6Y&amp;\xe36\x0c\x8e\xa3(\xc6\xdb\r\x9bl\x96=\xaa\x9d\xf6\xed\x8d\xc9\xc9\xe0S2\xf9\x81g\xfc\xde\xc4\xf5\x00H&amp;T\x7f-\xa6\xe7\xe7\xbfI/\xae\x12\xaa~\xfb\xf5\xeb\xda\x9bJ\x985\xf7`,!\x10bJ\xb0\xd6\xe6^-:\x17\x1d^1\x90K\xd2\n\x05\x83\xe2y\xca(\x15tCk\x8c\x1c\x0c\n\xd2\x00\x00\x052IDAT\n\xf9h\xb7\x8c\xb6L+\x85\x86\xc3\x80V7\x90\xa2!:@3W-\x1c\t217\xaf\xa1a\x0b\x82\xb1\x1f3\xcd\xb0\xca\xbag\xb5K{\x83\x8c\x0cA\x02B\x8c&gt;\xe1\x0f\xa5\x8b\xe4\x8a)&amp;g\xe2|r3\x9dZya\x83\xea\x14\xc9\xa0\xb21\x98\xbc\x1c\x12\xe8@\xc8\xc9\xf8jE1)\xf5\xdf\x0b\xc8zJ\x91\xd0\xb6y\xd9\x16;\xf5\x86W\xda\x7fF\xb6d\xd6*\x94\r\x86\x97\xd0\x9c&lt;\xec\x07\x86\x0b\t\x94\x10\x10d\xa7\xdb&gt;\x186\xc5\x98\x8b\x1e\x06*\x81\xd2\xec\x8ck\xb2\xc4`\xcd\xde\x8bm\xff\xe5\'\x82\xa3\xff@\x81m\x00\xc3M\x8e\xee\x98\\^^\\O\x8f\xa8ZM\x93\x98=&amp;\xe6\xcb\xe4\xb9i\xce\xc2\xd3\x98oj\xe8\xdc\xd1\xf6\x07Th\x9a\x96\xa4D"\xc1#X;E\xcf\x83\xd5:8\x7f\xc7D\xb1^\xb4u\x8a\x974k`\xa0\xb9S\x01J1Jv\xb7\x7f\xb0u\xda\xcc\xb81\x1f+ \x08!\x12\xaeHD\x80\xc5:\xcf\xb7\x01v\x0f\x0433$ \x88\\\xdf,\xfb\xe7\x8c\x99{\x043\x9d\xde\xd8\xd8\xb7\xfb\xc3\xd6\xd9\x91iV*#*43N\xe0,\xd1u\xe1Q`\xcd\x9d\xf4\xdf\x87\xf8_\xfd&amp;A\xf1\xc0\xe2\xbc:\x90J$\xcf\x1b\xeaX\xbe\x91/\xd6\xeb\x03\x05S\x03G\xccM\x85\x8c\x92u\xd1\xac\r\xdf\x1d\xa0_db\xb1\x0b-$\x04\x02\x01\xd8\xc2\x00\x97\x19\x81`\x11u\xf7\xfb\xe7\xdb\x98\xfa0\xc8\xcc`\xca"\xe5$Z\x91\x9c\xc0\x9d\xe4\xe6\xc6\x8b}\xab\xdf\xaf\x1dE"l\x98u]1\xaf+\xbc\xc41\x18\xb5\xbcj\xc6u\x9b\xa7QT\x91\xb8&gt;\x84\xc1\x8e\x87\x8d\x12\xbc\x86\x8c\xb0\x8a\x8eV\xa8\xe7\x0bc\x0c\'\xeb\x8db\x99\xa2\x13\xbc\x84}"C\xa7\xb3\xb3Z\xeb\xfc\xe0`+:\xc2\xd2)X\x82,\xc1p\xea1\xa8\xb5\xa9\xaa\x9bj\xf6;(\xb6=\x83\x19\x0b\xfd\xf9z+\xfa\xea\xad\x11\xcc\xc5\r\xeb\xea\xb2\xd6|\x83\\\x08\xc3WU[\xa3\x88\x8b8\x86c\xac\xaa\x98q\xc9\xf8\x86!\xfa\xe4\xb2W\xe6\x02\x18\xce)\x94\x91*7JF\xa9\xd1(Y\x1dk\x0c\xa9`4l\xa4\'O\x85\x18m\xd0\xeb\xd6Z\xed\xf6\xe1\xe1\xd6\'\xac:\xb0\x02\xa3\xc53\xe5\xbc\xc8\xb2\xaa\xaa\x86U5\x0b\xc5\x9e\xaf\xcd\xac\xad\x91\xcb\xde#O\x05G\x17\xc0\x83\xdb\x1b\xfb\x96\xddmf*\x15&lt;6\x1c\x8bU--\x84\xcd=\x1d\x08q\x9c\xd1\xa8V\xabGd\xd8\x85^\'\xe7\xfd\xde@\xe6\x03\x02\\O\x07\xb8\xb2U\x905\xaf\x91\xef\x14\x81\x85P\xd7\xb1\xf7\xa8\x90\\\xeau[\xc3\xc3C&lt;&gt;\xb7\xb5\xb5\x15\x8d\xb6\x8e&gt;\xc3\xa2\x03|\xc8p\x8a"\xeboI\x96\xcd\xee\xee~\xf7\x1ch\xdb&gt;\x98\xffA\xae\x84oo\xbc\xb0{\xdd\xaa\xcbf\xd5\xac\x1a\x0e\xc7\xd0gd!@\x11.\x81t]\xb1Zm\xb6\xa2&gt;Vt\xeb\xfc\xb2k\x97\xd1G`i\x1a3\xa1\xe5\x95\xb5B\xbeS\x1f\x93\x0c\xc7\xd3\x14\x9a\x86\xa7\xbczw\x88\x83\x00\x8a&gt;\x97#b\x9d\xfc\x07\x16\xd1K\xe04\xaf(\xc6\x00\x15\x0e\x87\xb3YB\x06\xb4\xed\x9f\x168\xdfb\xe6p+\xf8.\xa0\xd8X\x15\xbf4~#\x8apA.\xfd\x82`\x9d\xe6\x08\x16&gt;\x1d\xbc\xebw\xbb\x16zR\x88pQ\x86U\xcc[\x05\xcf\x1e+Y%F\xa2\x02\x01\xdcS\xcdt\x0f\xb7r\xb9\\4\x07*\x82U\x03U\xe63,,\x8a\xd1\x9c|\x95T\'\xcc\x12\xba\x11\x1a\xe0\xf0\x0fkww7\x1b\xf6\xc5$+&amp;\xf6J2~\x9e\xa6\x85\x109\xb5\x08\x1cN\xc3b\xb5;D-\xa2D\x81\xadw\xef\xceO\xcf.&lt;#\xc4\xf9\\L\xa1\xd8)0\xcc\x18\xa4B\xa0\xa1\x1b{\xb0bsH\xb0PA`EGX\xe2\x85.|\xc4\x82\xf3I\x82\x85\x18\xc3\xa9\xfaz}\xd4,\xeb\x7f\xfai\xf9\xdf\x01T5?0B\xe4\xc7i\xc8Ez\x07M\x95\xebbF$\xaf\xe3cE\xb7\x0e\xde\x1d\x1c\x0e/\xbb\xa0\'aK\x91p\xd2(~\x8c\xe1\xc9\x1cJ1N=#\x8a\xcd\xfea\xce\x7f,\x11\x0bX\x085\xb1\xa8\x8d\xb0h\xf2\xdc~\x1d1\x8bk\x171RH\x13b\x85\xc9R\xc3l8|\xfd\x95\xff\xe1\xdf\xac;\x1aC\t\x08%\xc2\xc5\xfbe\xe4\xff\xd5s\x19\xb3 \x08Dq&lt;pi\xf1\x1b(\xd4\xe0\x1e\xd2\xe4A\x1f\xc1\x8fpk4\xba\x84\xe3\xedMA\xd0\xd2\x14\x81-\x11\xd1\x92S:\t\x07\x82\x1c\xdc\\\x8bH\x93\xd4"m\xfd\x9fV\xff\xc1\xed\xdd\xfb\xdd{\xe7\xff\xdd\x11\xd62\x83)"\xcf\nI\x80\x15E\xf2\xae\x9f[\xe1\xc0\x84\xac\x89K\x96\xdf\x83\xf1\xf7g\x96X_c\x16\xb3\xa2A\x17\xbdo\xb1\xbcR\x13\xd6Mt\xdb%\x19]\xb9\xfa-\x16\x1a\x9c\x15\xfbKw\xcc\xfeX\x7f8\x7f\xe8o\x84\xd5R\x81\x0b\xc1\x98\xc5\xc6\xc08]\xb1fqO\xd3\x16+\xf2\xd0Ep\xd5M\x1c\'gg\x8c\xcb\xf4\xd8p\xa7\x93\x1e79\x87s\xb1\xc3\x91a\x1b:WU\xa5J)\xcb\xaa\xc24[\xd8\xbe\x7f\x0cM\x08\x06mv\xe2$&lt;\xb5a\x94L\x93\x0b\xe0\xa2\x0f\xd9\xbb\x9f`j#L\xc1K\x10$s\xce\xbfQX\x80"M&lt;\xefP\xe7W\x93KJ\xa4\xf0\xa9\xdfR\xa9\x87\xde\xe3\xe7\xda\n\xce\x05E\x84\x1f}\xd7A$/\xdf\xc0\xa4\x00\x00\x00\x00IEND\xaeB`\x82'</t>
        </is>
      </c>
      <c r="M338" s="3" t="n">
        <v>45492.67644675926</v>
      </c>
    </row>
    <row r="339">
      <c r="A339" t="n">
        <v>946945</v>
      </c>
      <c r="B339" t="n">
        <v>5926</v>
      </c>
      <c r="C339" t="inlineStr">
        <is>
          <t>Pepê</t>
        </is>
      </c>
      <c r="D339" t="inlineStr">
        <is>
          <t>Pepê</t>
        </is>
      </c>
      <c r="E339" t="inlineStr">
        <is>
          <t>VOL</t>
        </is>
      </c>
      <c r="F339" t="inlineStr">
        <is>
          <t>VOL</t>
        </is>
      </c>
      <c r="G339" t="inlineStr">
        <is>
          <t>VOL/MC</t>
        </is>
      </c>
      <c r="H339" t="n">
        <v>183</v>
      </c>
      <c r="I339" t="n">
        <v>23</v>
      </c>
      <c r="J339" s="2" t="n">
        <v>35800</v>
      </c>
      <c r="K339" t="inlineStr">
        <is>
          <t>Right</t>
        </is>
      </c>
      <c r="L339" t="inlineStr">
        <is>
          <t>b'\x89PNG\r\n\x1a\n\x00\x00\x00\rIHDR\x00\x00\x00\x96\x00\x00\x00\x96\x08\x03\x00\x00\x00\x0b\xdf\x81\xd0\x00\x00\x00\x04gAMA\x00\x00\xb1\x8f\x0b\xfca\x05\x00\x00\x00\x01sRGB\x00\xae\xce\x1c\xe9\x00\x00\x03\x00PLTE\xff\xff\xff\x0c\x0f\x14\x1c\x18\x16\x15\x0f\x0c\x11\x10\r#\x1c\x18\x14\x13\x11\x1a\x14\x11\t\x0c\x12\x9cy`\x17\x11\x0e\x11\x0c\t\x1e\x1b\x18\x9c{d\x9au_\xfe\xfe\xfe\x0f\x11\x18"o\xa7%\x1f\x1cz[J\x1f\x18\x12\xb1\x80p\x9e\x80g\x18\x16\x16\xa2\x80j#r\xacwVF\x8ehV8.)\xa0}f* \x1b\xa0|a~`O\r\r\x0e($"\x85`P\x95fR\x0c\x0b\x07\xb1\xb3\xba@0(nTH\xa5u^\xac{eU&gt;3\xb7\x85u\xfa\xfa\xfaaI&gt;\xb6~f\xaau^\xa5qY\xbc\x8a{\xa5p`\xa6ue\xa5\xaf\xb8O&gt;8\x07\t\x0e\x98ya\xb0\xb7\xba_E9\xb0\x7fj\x8afM\x93nV"s\xa4"j\xa47)"A4/\x96sY\x0f\t\x06\xf6\xf5\xf6\x9ajQ0$\x1e\x8em[\x99x\\\xb3\xb6\xbd[A4\x1f\x1e\x1eR:/\x9eiW\x9fm]\x94o]\x8d`I\x92bM\x9fpW\xbe\x82j\xa0s\\\x83eS\x11\x15\x1e/(%\xaawhH:5\x87gU\x80^H!o\xa1nO&gt;H5*\x86`IkPC\x9dveH0%K7/\x95rc\x90kP\x8dbR\x96iZ\xa6{cdMC\xbb\x7ff\xa1\xab\xb5$y\xaeu]NrVC"w\xaa\xbb\x89s\xc3\x8buR5&amp;\xab\xb4\xc1\xb2{d\xc4\x8e{\xaa\x7fj\x99n`\xc0\x8f\x806"\x18}R&gt;\xadyl];+\x9amV\xf0\xef\xf0\xb7\x81neI7\xb7\xb5\xb9jH:\x1f#,\xbb\x84n\xc7\x92\x82\x80YNVB:\'\x1a\x12\x89kYbA2uOB\xa3lY\xb0\xbb\xc0\xafx`\x17\x1b"\xaa\xb8\xb9 j\x9c\xc1\x87p\x85YB\t\x06\x03@*!\x7fXD(-4\xe9\xe8\xea\xac\xa9\xac\x9c\x81n\xb2\x85o\xaa\xb0\xbaiO&lt;\x89md\xc6\x98\x8c\xa1\x9c\x9d\x8a[EZF&gt;pXO148gRI\xe5\xe0\xe2\x1f\x12\x0c\xa1w_/\x1d\x12A&amp;\x19NOTllp\xb3\x89x\xa6\x7fq|bZ\x9f\xa3\xac\xcd\xcb\xcd\xb5\xb8\xc599&lt;mv~o\x9d\xb6\xa1of\xba\xb6\xbf\x9bgc\xb1\xb4\xb3YWZ\x96\x92\x96\xa9\x85|sJ8%x\xb6\xab\xb9\xc8\x9f]a@FQ\x95\x9c\xa5\xac\x86r\xa6fg\x99`\\\x89\x88\x8c\xb7\x91\x84#s\x99\x9cus\xd4\xd4\xd7&amp;j\x8d\xc3\xc0\xc3.{\xa6\x8bVR2;G\xbb\xb1\xae\x96\xaa\xba\xc8\xb7\xb5Z\x8a\xa9\x8d\xac\xc2\xdd\xd8\xd9yx|\xcc\xc4\xc3&gt;AG\x8bwl{\x87\x93d`c\x9b\x84}LED\x94\x80rmB/K,\x1dG\x88\xab[akZKG\x8d^\\\xac\xa2\x9f{I9\x84\x7f~\x8etT\x9a\xb4\xbf\x9a`P^\x96\xb6=\x80\xa4\x89\x93\x9dp\x91\xaa\x9f\x8c\x87\xa4\xb6\xc2{\xa6\xc0Nes8t\x9a\xdb\xcc\xcb\xd2\x9f\x8eLUc\xb1\x96\x8f\x84OK[v\x89;m\x88\xbf\xa8\xa4\x81\xa3\xb4\x17&lt;S$Ut%J]Z\xe9\x89\n\x00\x00 \x00IDATx\xda\xcc\x98\xdfO\x1b\xd9\x1d\xc5\xa3\xf9u\xa5\x99\x91\xbc\x1a\x06M\x05\x91U&amp;\x1em\xf8\xe1\xb5\xcd\xae\xf2\x10\xb2\x12\xa9m*1\x90\x82A\xf2*(!u\xd2d\x83\xd4\x95A&amp;\x8b]\xc0\xdb`*\x0b"G\xc2\x86\xe0\xae\x16\xf0\x86\x80L ,\xb2\xd4(\x06\x1e\xfa\x02Z\xc4kh*CA\xaa\xbaH\xfb\xd2\xa7U_{\xae\x13\xf5\x1f\xa8M\xf6\xca3\x18\xe3\x87\x8f\xce9\xdfs\xefp\xee\xdc\xff\xb5&lt;\xb3\xf6woFgG\xed\xe7~&amp;\xcb\xbe\x7f\xbao\xb7xf\x976\xd2\xa7\x07;\x0b\xfb\xafG\xed\x96\x9f\x01\x96\'\x9d\xdf\x99\x9d\xdd\xdf9\xc8/\xea\xa6\xa9\xe7\xf2\xa7\xe9\x8d\xd7\xb3\xef\x1b\xcd\xbe\xb4\x99/\xfc1]X\xd4\x19\x8d\xd1\x04AS\xf4\xf3\xb9\xa3\xc2\xce\xab\xa5\xf7\xe9\xa7e6}\x90\xbf\x9a?bD\x860D\x94$\x96\x10\xc23\x1cg\xe6\xbf\xdb\x1b}_\x92\xd9g\xd3\x85|N\x96\x19Q\x14YzI\xb8\x13\x99\x97U\xc2\x98\xb9\xc2\xc2{!\xb3\x8c\xee-&lt;\x7f\xa23 "\x84^\x84B\x11"\x13\x91\xf02,5s\xab\xfb\xb3\x96\xb3Vjca5gj\x1a\xcb\x8a,\x81{2\xcf\x83\x8a\xa1t\x92$\x8a\x8cl\xca\xda\xe3\'\x85W\xa3g\xaa\xd4\xc6f&gt;g\nX4T\x0cx\x18Ff\x08\xcbRJj\xa6\xac(\xcac\xed\x83\x0f\x9el\x8e\x9e\xa5}\x85ES\xe3\x04\x86h`\x91\xa8k\x840\xbc"3\xe0\x928\x8eE\xf0\x19E\x168A\xcb}wF\\\x96\xa5\x85BN\x97\x19\x81+\x8aD\x10u\x88C\x15\xe3\x15\x9e\x95\x0c\xc3\xa8\x11dEVt\x00\xbb%!\x97\xf6\x9cM+l\xbe1MF\xd6e\x91\xd0\x88\x17#O\x14"\xca@$\xa0J\x19h\x08]\xe1U@\xb1\x0cc\xbe9\x0b.\xcbR\xfa\xb9\xdf\x84Ft\xe2\xe8\xec\x89"\xaf\xcb\x12\x92\xae\xf0\x8c[2R\xa9\x14g\x18\x0c\xbe\xc1I\xf0S\xd6u\xf9h\xa3\xec\xf3h\xdf8=\xd2\xad\xbcZd\xe2i\xc8%\xa2\xf2&lt;QU\x82\xcfRT)C\xe2\x04\xd9D\xf4\x08\xf4C\xf93\xe6\xeal\xb9\xa9\xf6VuF\xb1\xaa\x04}\xeefuEf\xdd\xa2\x9f\xe7u\xd5\x0f\xf1$\xb7\x1bq\xc7  w\x1a\nB\xd04\x84^0e}\xa1\xbc{\x91g\xe3`Q\x13\x81\x85\x94\x8b\x12\xf1\xeb\n\xeb&amp;\xbaJ\xce\xebWuBAq\xc3\x14h\x9c\xc1\xe1.\x14\xa98\xc40\xbfTV\xaa\xfdU\xf4\x02,\x13\xddn\x94\x13Qd\xe2v\x8b\x8a*\xea\xbc\xae+H&gt;*B\x84^\xf0R\xf13\xf0\x12x\x1a\n\xcd\xf4\xa7\xcb\x98.\xcf\xcb\x82\xdf\xd4\x18\x9eg\xdd\xb0\x0b\x9d\xa9\x10\xbc\x93TE \x12\xd1y\x89 r4Y\x88\xbc$0\x82`\xd0% `T\xae\xb2qY6\n~F` \x0e\x85a\xdd\x92\xc8C\xb5\x94\x9b\xf0\x88:\xab\x10\xde\xeaW\x18#%!\xf5\x003\x901\x13d\xf0P\x93\xfd\xfe\x05O\xd9\xfa\xea@\x17\x18UU\x88$\xa1\x91\xe0\x1eZ\xca\x9dJ\xa1\x06\xa4\x14R\xc5[\x15\xf8\x08\xa1\xa8o\xd0J\xe04E\x06\x1ft#\xba\xff\xe8oe\x92\xcb\x93^\xa4\x9b\nQE7\x0b\x1a7\n\x01@\xb0\xb2\xf8\x1bK\x1d\xc4 \xd03\x97\xa6q\xa6\xc9I\x86\xa00\xb8s\x1a\xdd8\xf5\xd5\xf2\x1c&amp;,{y\x13G\x03E\xa5\xc7=\x80\xb0\xf0R\xe4y\x15\x8b\xb8\xdf\x9a*\xb1x\xcb\xf2\x84`+\xe4\x101FW\xf0\x03\xbaiD\xd5\x17\xcbc\xa3}\xe1H3 \x8a,c\xfc\xa8&lt;\xcb\xcb\xcb\xd9\x95\xe9pxe%\x9c\xc5{\xdaZ\xaa\xc2\xb2\xaa\xa2\xaa0\x15\xdf\x14\x99\xc7\x8fi\x8d\x81\xcf\x84\xc5G{\xe5\xc0\x1a\xdd9\x12\x0c\x16X\xe8\x00\xc8\xc5.\xc7\xc3\xd3\x81\xb6\xd6\xfa\x81\xd6\xd6\x81@8\x1bn\x89\x8b\xaaU\x95D\xa8G\x8f\xa9\xa0!\xfa\x98I\xe8V)\x08\xf8\x9477\xcb\xd1\xa9\xb3\xab\xfe\x14v&gt;l4\xf18\xc4\x89\xc7\xb3\xd3m\xc3\x13\x0f\x1fnWU\xdd\x98\x98h\xado\xbb\x19\xcef\xe9_\x96UQ@\xbc4\x8d\xf7\xeb\x1a=\xf3\xa0\xe7\x90&lt;E)\x94\xe3\x84\xb3\x94\xafI!\xf2\xcb\xf1\x96l6\x1b^\xa1\xe6\r\x0f\x1fG"\xc9ddff\xa6j\xf2\xe1\xc0\xc9\nV8\x1c\x8e\xc7\x91~"j\x8c,@U\x15\x1b(\xafB.\xbdP\x86\x9d\xd1\xbe\x91\xc3\xd9\xc0\xad\xc6\xc3\x81\xe9\x93\xb6\x81\x81\x93\x13@m\'m^[G&amp;\x93I&amp;3?\x1cO\x0c\x0f\x0f\x0f\x0c\x0c\x04\x02\xd3-\x08\x1bm\x0c\x86N\x81\xce\xd3\x83\x8fJ\xe4\xb2`\xa5\xc7j\x0c\x89X\xb3+\x03\xc3\xc3\x14`\xf8\xf8\x87H\xc6\xebs\xb9\x1e\xb5\xff\xd8\xd9\xd1\xf1cg&amp;\x13\xc1\x9a|81\xd1\x16\xc0$\xc0\xd2\xec\xb2\xc4"\x8a\xf4h!\xaaD{^\x86\x8d\xd1\xb3\xf0X08\x12\x9f\x1e\x988\xde\xde~x\xbc\x1d\xe9\xb4y\xbd.W"\xe1L8\xc1\xe6\xf2\xb9\xf0\xa3\xbb\xb6{\xc4V}a\x06p\xadm\x81p|YE\xc5\xb2j\x1cX|Y\x8e]\xc0\xe2\x0c\x96X\xebolG"3\x91dG\xa7\xcfW\xebt&amp;\x12\xa1\xbe\xbe\xae\xa9\xae&gt;G(\xe4\xc0\xea\xear8\x80\xd9\x0ekg&amp;\'\x861\xa2\xf1\xb8\xb59\xbc\xcc\x81K\xdf\xf1\x94\x01kL\x10d\xeb\x87\xdf\x00)\xd3\x01\xa5F|\xb5\xd1`0\x18\x8bMM\r\xf6\x83\x0b\xab\xab\xf8\xa2W(\xe1j\xf7vv$\xb7\'\xa8\x9d\xd3\xd3q\xc9`e\xe6\xe8u\xc9;\xde\xferQP\xd5\x96\xdb\x933\xc9d\'\xf5\xefQ\xad\xa3\x7fp|\xbc\x1f\\\xfd\xc0\xa2,}\x8e&gt;z/\xb2A\xb9\x90\xb3\xbd3r\x8c\x01\r\x04\xc2\xcb\xf4\x94c\xfe\xcb^\xfaI|C0\x86\xadUI\xf8\xe7\xf5\xb6?J8\x82\xc0\x1a\x1c\x1c\x04\xd4[.G_\x17\xa5\xeb\xa2w\xc0\x06\xfb\xa7\x9a\xda;\x93\xc7\x03++\x81\xe9e\xb6\xa6\xc6`K\xdf\\(\x08\x19\x1e\xde\xffS\xa6\x83J\xe5J8b\x83\x10k\x1c`\xef\xb0\x8a8\x0e\x8a\x85Wt\n\x1f\xf6\x07\xeb\xda;3\x93\xc3\'\'\x81\xacX\x83#O\xae\xe4\xa1\xb7\xef/\xcaL\xcb\xcd[\xc0\xf2\xfa\xda]\x89h\xb0\x1fb\xfd\xf4\xd3[\xbd\xfa\xa7\xa6\xa6\xba(\x1c\x82O\xfds8b\xb1h,\x16k\xaa\xf5v\xf6\xceD\xb6\xbf\n\xa8\xc0r\x9b\x9b\x9e\x92\xf7\xd6\x13Ymn\xbb\xd5\x03\x0b\xd1\x05\xa1X\x11k|\xb0?\xf86\\\xc0\xa2\x8a\x85\x9c\xb41Bt,\x9b\xa2M\xd1h\xad\x0f\xc9\xcf$\xab\xea\xad\x02\xb0j\x9e\x97:\xf4\x9e\x9d1Fnn\xbb\xd8\x83`\xf9\xa8\x85\xc1h\x90\xca\xd4\x10\x05\xc2;\x03\x1do\xb1h\x99\x01.\xd4T\x17\n9]&gt;tE2\xd2\x1a\x86\\\x86a\x96\xfa\x11hvU\xd3\xe4\xe6\xfa\xa7\xbd6\x1f\x9a=\x11rP\x8fb\xc1`4\xea(j\xd3W4\x0f\xf5E\xcb\xd5\xe5t\xd6\xe1UG\x9b\xd6K\xe5\x8aLL\xf3\x9c\x91\xe2jJ\xdd\xf4{\x7f\xd5\x04\xb9\xa5\xfe\xe2\x05T;5\xd1\xd1\xe4\xf8:\x1a\rR4\\4\xeah\x04\x1a\xaa\x84\x13\\N\x17\xaa\xb6\x16\x97\xd3\xe7\x1b\x81Z\xc9\xed\x9b-\x1a\x8ek\xdc\xe2\xcb\xd2\x86~\x7fQ\x93\xd5\x96\xfa/z)\x16\xda=\x94\x00F\x14\xb9\x0e\x06i\xb0b\xb4\x1a\x8aY\x87vE\x0f\x9d\xb5\xdd\x94\xcd\xe7\x83\x8b\xc0\x1ah\xd1\x04\xc3]3VZ\x17-/\x9f\xe0\x81\xa1\xb9\xbe\xea\n\xdd\x08k\x13uu\x89\xa6\xa6\xca\x86\x86\x86`\x10\x93\x08\xbd\xa6\xbab1J\x06\xc5\xa2\x8e\xa6\xba\xba\xba\xcf\xbb\xbbkk?v\xd6&gt;\xf2\x8d\\I&amp;\'\xdb\x9ae\x8aU\xe2\xb3\xa0=\x8dg|\xfe\xfc\xe5\x8a+6\x8a\x85\xd8\xb8&gt;\x7f\xf0\xf5Zcc#\xad\xd4`q\x10c\xc5\xdcG\x1b\x82\r\xd1\xa6\xba\xa6\xcf&gt;\xb96r\xed\xda\xc7\xd8\x84\xbcw{\x93\x08\x97\x15\x0fk5\x8b\xafJ\x8a\xe59\x95\t\xa3\\\xbd\xd5S\xc4\xfa\xa4\x1bR&lt;\xa8\\\x1b\x1a\x1aj\x1c\xfa_\xa7R\xb6\xae)\x9066T\xfe\xa1\xb2\xf2\xc1\xb5{\xf7l\xa8^\xaf\xed\xee\x85\xe4\xcc\x8d\x80\xd5\xe4\x0c\xe1\xf9\xeb\x92fkt\xd5$\x8c\xf5\xf6\x8d\xa4m\xa4\xdd\xe5\x1b\xb1\xdd\xbb\xf6\xd9\x8b\xb5\xdd\xf9\xf9y\x90\xcd\xcf\x0f6\x82\xab\xb1\x9f\xf6z\xe3PcCc\xe3Z\xc3\xdaZ\xe5_\xbe\xbcw\xf7J\x87\xcd\x87\x93boOU[\x8bU\xa8\x11J\xfc\xbf\x1b\xcf\x81\xc9(-\xf5U\x1d\xb6\x11\xccVu\xf5\x97\xbf\xfd\xc5\xd6\xee\x7f\x805\xbf\x0b\xb8\xf1!t}\xd1\xce\xc1\xa1\xa1\xdd\xb5\xad\xdd\xdd\xdd\xad\xad\x17\xdf\xdf\xb9S}\x1d\\#\xde\x8eLo\xc5\xe5f\xab(h\x07\xa5\xdd\x15\xed;c\xb2\xd2\xfc\xd1\x05\xdb\xef&gt;\x1d\xf9\xd5\xdd\xea_\xdf\x99\x9b\xfb\xfb\xe1\xe1\xbf\x0f\x0f\xb7^\xbc\xa0\\ \x82\x9b\x80\x1a\x07\xd1\xe1\xd6\xe1?\xe6\xe6\xe6\xd6\xd7\xd7\x7f_QQ\xd1k\x1b\xe9\xcc\xcc\xf4|3\x1d\'\x9ayZ\xda\xdd\xc7\xb20&amp;\xf3\x1f&gt;\xbdk\xab\xfe\xf47\xd7+.^|v\xff\x9fX\xf9g\xeb\xebs\x7f\xde\xa2fB1dl\xa8am\xeb\xfb\xf5\xa7\xebsO/]z\xf6\xec\xd2\xb7\xf7\xbf\xbd\xfc\xd1WU\xd5Wzgz\xbe\xb8\x19\x175\xbd\xc4\x9b\xa2%=\xa6\xf1\xb7\x7f\t\xac\xeb\xffe\xcd|_\xda\xc8\xf38~\\\xcf\x96v\xdb\x08\x9b\x0e\x95\x89\xbf\xb8\x190\x93\xa4\xa9:C8L\x04+\x8d9\xb2\x99\xc9\x0f\x12:&amp;\xc4\x98\x18g\xa6\x07\x95t\xd0\x89\xe6G\xe3\x86\x1a5\t\xbbpbn\xd9P\x8bz\xd6\xe8\x91\xc8r\xe0\x83\xbd\xe4\xc1\x91\x07\xc5c\xf1\x81p\xdc\x1dw]\x85\xdd\xcb\x81O\xf6I\xa5\x0b}r\x9fI\xff\x85\xf9B\x1e\x18\x03\xdfW\xde\x9f\xf7\xf73\xef\xcf7\xfdO\xf4\xab&amp;\x93\xe9\xe1\xc3\xee\xc7\xbd\x13\x0f\xa7\x8cG\xd16\xd7\xca\xa2|\x00\x90\xda\xc9\x96\xd6\xd4=6\xb1v\xf7now\xf7\xc0\xa4\xc9\xe4\xb0\x07\xd5\xa1@@\xad?\xd8\xbf\xa5\xf4\xfd[\xe7\xe7\x7f\x00,5\x97\xe6r\xd3\xab\xa6\xc9\xc9\xc9\xee\xb1\xee\xc7\x9fvLt?\\\xd5n\x9dT_\xbd\xba\x02.8\x83\xd5Z\xf4hor\xacw\xa2\xb7\xb7\xb7\xa3wb\xec!|\xd4\xe1XFK!\xb5}i\xed\x86\xe2X\xdf}\xc4\xe2r\xd9\xa9\xc9\xb7o\xdf\xca%\xdc\xfb\xc143\xe30B\xc9d{\xbdZ\x88\x95\r1\x19\xebh\x0f\xc4\xdc\xd9\xdb\xdd{\xb2\xb3\xfaV\xfe\n3\xfa\xe5R\xa0\xdf\xbe\xb4\x7fC\xe9"\xfe\xe2\x9b?\xde\xee\x88\xa8\xb1\x90\xda8\xb3\xb3{\xf4\xaf\xef\xffS\xaf\xd7\xbf\x8e\xae\xaf\xfb\xd7m6gOu\x11\xb42@\xdf\x97(\xa7\xd3i\xf3\xf9m\xe1\xaef\xb3\xeb\xeb\xaf\xb7\x8ev\xf7vf\x06\x1ch\x00\xd4\xda\xbf\xf5\xa9\xd2\xde\xfa\xdb?\xefuDP\x1f\x86\x1a\xf7\xc0\xe5o\xda-+\xd6\xec\xe9\xeb\xe9\x13\x9a\x92T\x1e\x1e\x8e\x99\xa1\xb5\x9b\xcdB\xc5;&gt;\xde\'I\x929\xf6\x0c\x9a\xc5\x9b\xfao\xb6\x8e\x9e\xee8\xa6\xfb\xd5#Kwou(\xad\xd6\xeb\xbf~\xd91\xa0\xf5c\xc1,X\xbc^\xaf\xbey\xd3\xa5\xb2\x94\x12%\x8bS%Ua\x02\x02*\xe0\x020\xc1\x83\xcf\xce\xc2\xe3\x06\x0bq|Xj6k]Q_0\x95\xc5P\xfb\xd2\x8d\xeb\xb7\x95V\xeb\xab?}y{L\xeb\xcfe\x0b@\x05\x0e\xb2\xd9\xb6\xd4/\xf30\xf4\xe7\xb1p\x13\xa822\x94\xee\x0b\xc8~\xe9R\xe3&lt;\x1f\xcc\xe5\xd4j\x0c\xc3B\x9a\xdf\xde\xac\xa8,\xd9| `?\xb8q\xfd\x9e\xd2\xa3"&lt;}nwk}9\xd4Yk6\xc3\x18v\xb4\x07}h\xff\xe0\xf0B\xcc:\xcb@\xf5@\xa7\x93\xe3\x15d?k"u!\xda\x1d\x9bk\x07\x9bF\xa8z\xc02\xaa\x1a\xb7$J\xfd#k\xf7\xae\xffRi\xacG\x7f\xf9\xec\xb3\xee]\xbf-ZkV\xc3\xa1\\af\xa0\xf7\xdb\xeb\x1d\x9b3\xa2\x98\xc5\xa5\x17/\xe4\xa9\x90\x90\xf3\x9fn\xc8\xd5\x10\x0f\x0e\x1c\xa6\xd5\xfd\xb5\xdd\x81)\xc7\xb4\xdag\x1b\xbfyG\x83\x05\x8ck\xd7\x7fuCi\xac\xfb\x9f\xff\xbacB\xeb\x8f\xd6\xaaU\x89+\xe5\x0fw\xbe\xfd\xf3\xbfow\x8cMM\x1d\xa6B\x04D?(\xa1\x1cK\x87\x86&lt;\xae\xc6\xc5\xd2Adj\xean\xef\x0f\xa6\xbd\x81%\x11]\xbf\xd3\x15\x8e\xe3\xa1\x91\xb5k\x9f\xf4\xfe\xf4\xfa\x91\xb2\x81\xeb\xbb\xee\x8e\x89\xe9\xf50\xf8[(]\x1c^\xe8wL\xa6\xc9\x19\x87C\xccr^\x18+ \x17\xea\x08\x80*\xc2\xa4\x13\x9a\x13E\xd1\xaew\xac\xee\xac\x1a\xed\xe2\xa1X\x1a\x15\x84J\xda\xf2\xf2\xe0\xda\xb5\xa5\xa7[\xdf\x9f)(\xd8\xa3o\xfe\xf7\xf8\xee\x81\xd1\xa6\xea*\x97=\x81 \xea[\x87g\xf1\xd3\xe9\xe5\xe5\xe5DZ\xf6\x14\xa1\x93\x04\xa2H\x17\x8b4\xc4\x98\xb9\xbc\x98\xcag\x0b\xea\xad(t\xb6Rb\xc3Z\xe9\xf3\xc8X\x9f\xecG\x1a%.\xac\x1c\xd7\xfd\xb3\xe8\xde\xc0\xfe\xda\x13\x8dW\x10\xfa\xbc\xe3\xaa\x9e&amp;\xac\x9aJ\x13($,^\x0fA\xb4\xf3\xea I\xd3\xb2Z.W\xe2&lt;u\x9e\x08\x8cvU\xdfT!;\xa7\xad\x10\xe8\xc7]\xc1\xa5\xfd\x8b\x12A\x15\xdd\'\x8a\xfd\xa2\xf1\xba\x16\xd7\x8c\xac\x1dLk\xbc\x15\xa2\xafR\xb9\xd9\x03\rI\xea\x1b\xb5\x84B\xa3i/!\xcf8\x04I\x92E\x9a\xa6= \x97\xdb\xb5\x91h4J\x96\x9b\xd0U\x85\n\xe1I\xa7!\xa3Z\x82\x87K\x05U&amp;3\xb8\x8d\x9d)d\xaf\xcewL\x91\xccE\x96\xb4\xa3\x10\x96\x05XR\xb9\\\x96@\x88J\xc5\x03Z\x91\x04\xbcd&amp;Pk\xa8h\x95\xb9`m\xbb\x81\xd8[\x81O\x13i\xeb\xec\xec,zx\x88\xe9\x16\x162\x97\x1b\xef\x95\xca\x82\xffHf\x86{\xe6"\xa8\xd3\xe3\x15$sY^\xd0&gt;\t\xc2\xcb\x00\xa6\xc7K\xc0\xe4Xls\xc1\xe0Z\xb4\xe28\x0eX\x90c\xe5\xc8O\x10\x02\x05u\x9cu\x07D\xd1\x19\xbbZ\x98/\xfe|\xa2\xd4\x0c{6\xff\xfbX\xd3\'\xa2q\xf8\xf6\xa0\x94P\x11`\xe2\xaa\x80X^\xb9~:\x8a\x1c"\x19\xb9\x8a\xc5\xa2|\x1a\xc1\xf5n\xf7\xf6\xb6\x1bO\xc3\xf2\x10\x82\x8e\xf2Zg-\x81\x94\x18]\xb8Zx0\xd4:}\xa7\x14\xd6\xe0\xef^Tm\xa9\xc0h\x05\xb0\x10\xb3\xce\x9b\xf60L:\xcd\x80\xd5`W\x9dY\xa0\x00\x8b\xa2\xdad\x83:\x92\x96\xd5\x82\xe5v\xbbq\x86\xa0\xa0w\xa4g]\xa1\xe5\x94\xca\xf0,\xf6\xa0\xd8\xfaY!\xac\xfb\x1f\xc8\xf9\x07\x923\x9f\xe3\xbdB\xb3l@t\x84\xc7j\x05\'{\xbd2\x13\xd4\x13\x80d\xb5\xc0[\x0c=\x043"\rut\xbb?b\x91\x14kf\xc9\xf4l \x9b\xba\xf3lAQ\xacW\x97C\x0f\x86kA\x8c\xaf4\xab\x06\xc0b\t\x86\xf6\x80u\x04\xb3\xd9\x103\x13\x04KQ\x14\x0b\x03k\x91\x1c,\xd2\xe4&lt;B2\x0c-\x83\xb9\xdd&lt;C%\xcd\x08\x92\xf4\xe2\x81l^\x15[Y\xc8\xd0\xe7\xa7\xcax\xab\xb3\xf3\xc3v\xf1\xd9U\xf3e\x8e\x17\xca\x80eH\xb2\xb2&lt;\xa0C2c\x186\xd0n:\xc9\xb2IX$`\x91\x97\x97\xa4\xbc\x18\x86\xc1\xdd8N\x93m,\x84\x1a\r\xe4S\xa1\xc1g+\xb1\xcb\xf3\x13\xa5N\xe2\xd9\xe9\x17WW\xb5\xe5~\xc0\x92gf\xc4,K\xc3|\xdc\x91\xa5i\x12\xa8`k\x84\x95MO_\xd2\xb4\x1b\xa7\xbd@\xc6\xd3\x0c\xc9" /\xfc+\x1d\xc8\x8b\x05\xeb`&amp;\xb3\xddx\xafX\xdf\xfa1s\xb5\x12N\xa1q\xa9Z\x05.\x83Ab\xe5\xbaQ,\x94N\xd6\tA\x0c\xc3\xed\xf7Yr\x10\x84L\xcb\xc7\x90\x91\xf5\x04c\xc9\xbc\x88Y\xf2\x04R\xa9\xc2\xc6%\xcdnc\x8a\xfd\x10\xfb\xf7\x9aa\xe5E\xdc\xaeu\xea\xca\xf2\xfe2\x81\xc4",\x0b;\xb3\x06H\xf1\x86\xe1\xf6\xe8s\xb5\x92L\x9a3\x19\xd6\xe3J$\xb6]\xcc\xf1q\xb2\x8d,\xf78A\xd5\x9f\xca\xe6Z\xad\x8d\xa2;\xaa\xd8M\xe5\xeb\xbaa\xbe\xc8\xa5\xa65\x12\x1c\xc4\xe1Ey\xf4\x82W\x12\x8e\x1e\x89,\xb6\xff\x94\xb1^]-&amp;\xa1\x9a\x99\xa4\xce\xbd\r\\8\x93\x94\xafH\xe4\x9a\xeb\xa8pT-\x164\xadT\xcb\x8a\xd7\x15\x1b\xf8\xbf\xaaS\x97n&gt;o\xb4\tH\xb9\xad\x96L\x85P\x0cN\xeb\xccI\xdc\x15\x87\x19\x03\xc6\xd7\x95\x15\x84\xe2K\x8dm\x92t[\xf1\x8d\xc4)C\xb1I(l\x19\xb2X%\xecD\xc5\x02\x9fH5\xf0\xf8\x07\xa5\x12D\xe7\xf3:\xde\xda\x88\x07\xed\xb6\xb0$\xbb\xa8-\x18\x18\x1cg\x90\xe1\x0c\xe9:\xadA\xa1b\xb2.T\x9c\xe7\n\xadS\x1c\'Y\xbc\x95\xe0\x18\n\x81\x02\x9b\xe1\xb1Xq\xda\xe6.\n|C&lt;\xc7O\xde)v\x97\xf4\xbc\xce\xb5Z\x1a\xb5\xc3\xaf\xea\x02\xff\x82\x02\xc3\x8b\x86$\xc3\xf3f8e\x14\xc7\xf1\xc7\xed\x93\xc9\x1c\xc7\xe3\x9a\x1cZ\xe2\xa0YQ$\x97(\xf1$k\xc8\xc8X\x15\x95\xd3\x1f\xbcPc\xe7\xe7-\xbe\xae\xd8\xadn\xe7\xa3\x9f\xe2^W\xc0\x97\xef\x0fwIm,\xc30\xe2\xe5p\xb6\x8c \xd21\xffc\x8e;N\xb2^\x86\xa1\xc264\x18,`\x9a8E1\xe1P#\x04\xe70\x03\xce\xaa\xa45\x1a\xdfH\xc4\xc6\xb5\xdc\xb4\xf3\xbf\xca\xa5\xd3G\xefk\x8beU4\x85\xb6\xb1\xca@e\xa0B\xdb\x0c+Un:\xfd9\xad\x16\xcd\xc5\x010Y\x0bc\xc1\x94&gt;\x8bb\x1a&lt;\xcd\xf3|\xa2\x81S\x99\x0c$\r\xef\xa8\xc5\xd7\x0fXq\xcf\xfc\x90\xedL\xb90\xff\xfc}s\xb1\xda\xb4\x89/\x9d\xe10t\xd02R\xa6\xb8\x84\x8b\xe7Gg\x03\xa8\xd68\xb3\xb9)\xaa\xa3\x15\x96\nc\xd9\xc8fDo\x7f\xa9\x0e@ey\xaeqN\'3\x19\x1d5&gt;\x1b\xc2|\x8e\xc8z\xd8\xfc\x82\x88*g-P\xab\nX\xebv\xfd\x91\xcd)\xe8\xa0q#|\x02\xd5\xd8\xfc\x98/\x104\xae\x0elN\x8d\x04Q\x8e\xd7\xe4\x82\xf6\xc8\xe1ad\xca\xbe\x9c-\xe4\xd0B\x0e;O0 \x175&gt;n\xe9\xef\x17#\xeb*\xdd&lt;\x11V\x10\xeb\xf9{\x18\xe8\xbb\xd6\xf5S{~[\x85\xa0\x10C\xbc\x90W\xfbv\xb5\xd3s\xfdZ\xa3Q\x1f\xd1\x1b\xb3h\x8e\xe3\xd0,`mN9\xf4\xf9\xe5l07\x9d\x9fC\xf3%\nb\x90\x06\xac\xa5\x8d\\\xf8y\xcf\x10\xf1\x7fZ\xce\xef\xa5\x8d\x04\x0f\xe0n\xcc\x180\xb9\n\x99\x14ef.\x8c\x99\xca\xcc\xed\xd0\x81\xe5d\x0e\xe6\x14fv\xed\x08\xe3l\xbd]\x1a\xa6\x13\xc98f\xd2x\xf3\x90y\xf0\xc1\x9c\xad\x944\x0f\x89\x1a\xb8\x97\xbb\x94\xf6\x96HI6\xee\xb5\xddS\xa4\xe0\x86s\x1f\xfa\xa0\xb7("\x9e\\\xeb\x96\xb6p`z]\xf6EX\n\x15|\xb9\xefd\xe1\xee\x1fp\xbe\xf9!\xe6\xc5\x0f\xdf\xdf_\xfd~\xed;W\xac\xd5\x0fg/,\x1a\xc61\x89_\xfb\xd5\xf5\x8b\xb7\x8aKK\x82\xc0\xd9\x82`\x9a\x05\xb3\xa0.\xa1T\xf1\xe6\xcd\x9b\x18\x86\t*\x0ciB!\x99\xcf\x9b\xca\x0c\x9b\x9c\x9f\xbf\x04I\x0b\xa7\xe2\xa4YyD]\xbat\xe5\xda_\xce\x0f\xabg\xe4}\xdfG\x9f\xe7\xf0\x99\xcaq=&gt;}m\xf6b\xae\xc0\x96X\xab\xc6\xa9\xf3I,\x89&amp;0ju5\xf7\xd9g\x99\xe9\\\x0e\xecJ\x15\x13T\xb1\\\x00\xcd\x81\x9b\xfd\xfb.x&lt;\x85e\xb36\xb4\xf2W\xaf\xfcxe\xea\x1c\x7f\x05&gt;r\xb0:\xf8\xe1\x17\xb9\x999\xbd\x11\xa7\xc6gg3\xf3&lt;\xaf\x82\xe5\n\x18\x89OOM\xe5r\xd7o\xfd\x1a\x1a\x87\xedO\xb7\xa7s\xd3\xb9\x8d\x8d\xdct\xb1\\\x05,\xab6S\xfe\xfd`\x0eM\xd6\x19\xee\xd1#l\xf6\x8f\x1f}\xfe\xedy.\x98\xad\xbc\xff\xdbw\x7fH\xabsz\x8dA!\xd5g\xe6Y\x96cH*\x83g\xa6\x9b\xcd\xe6vsk\xeb\xe9\x8f \xdb\xdb\xdb\xd3\xdb\x99\xfdV\xab5\x9aH0\xace\xf0l\xf2\xc2_q,/\xd4\xac\x859s\xf5\x8b\xdf\xf6\x9d\xe7P\xdd\xd1\xb3rxvv\xd2\x90%\xbe\x96ML\xf5e\xe6\x15.\xef$\xd2\xb9q\xaaXl\xad\xb5\x00\xad\xf9\x14\x98\xb6\x9b\xcdV\x0b&gt;\xc2\xcae\x94t\xaa\x82\xaa(\xd8//$0E\xe5\xe9h\xe3\xd5\xc9w\xef\xcf\xce{ud\xe4\xf6\xca\x03B\x93Jut\xb4\x0f_\x12\xaaIt\xc8\xdd\xc3\xa8\xaf-\xbfx\xb5\xb3\xb3\xd3\\n\xc1sy\xe7\xdb\x9d\xe5\xe55\x86M\xc1\xbc\xef8\x9cP\xa0\xfa\xd2\x89\xaa\xca\xf2txse\xe5\xdd\xbd\x91\xf3_\xd1\xe8\xd9\xfd^#\xf8\x1a\x13\xff\x05\x9edl\x06-/\xa5*\xec\xdb\x07\x07\xdf\xec\x1d\x1c\x1e\x1d\x9c\xbd9;;&lt;\xb8\x7fxpp\xf0\xe0\xa4\xf4\xf0\xd1&lt;6\x81%\xf3\xd0\xffO\xba\xe1\xc9\x13c\xf7{:\xbcY\xc4[y\xac\x11z\xcdD\xd3i\x92\x11L\x88\xae\xca\x82\xb4ygoo}o\xfd\xd9\xfa\xd1\xde\xd1\xfa\xbb\xf5;{\x80u\xf2\xc2V\x05\x8c\x9aHV\xf3\xc9\t\nM\xb2\xaa\xc5k\xb1\xbd\x0e\x8f\xe4\xf6\xd7\x80UR\xaa\xa3\xe9D\x83\xcd;\xe8byIY{q\xf2\xea\xe4\xfd\xe1\xe1\xe1\x1d\xe0y\xf3\xfe\x15\xd8\xb0U/\x97\xcbE&lt;\x81\x16\xf2\xf9$\x89\x9a\x82\xca\x1aD\xf8\xc9\xaeGT=\x977\tM\xe7Ua1\xbd\xc6\xa9KU4\x9d9\xfdO\xf9\xf4t\x7f\xff\xb4\xd5\xdaq\xa5\xd5\xdao\xcb\xe9\xe9\xe96Na\x02\xab\x08(\xc3\x81\xae\xe8\xa8\xef\xb1g\x8b\xcd=\xdf&lt;\t\x13\xba\xca\x92\xa3\x8cU\x99\x11\xc8\xf4\xc66@=\xfd\x9fl\xfd\xfc\xd6\xda?\xdd\x87\n\xe9b\tJ\xd5V*\x86."c/\xbd[\xe7\x7f\xf6\x18\xb0X\x95Y\xab\x89s\x96@\xe2\x83\xd7?\xdd\xdfon\xdd\xdaz\xba\xb5\xe5\xbe\xdc/[\xcd\xed\xfd\xfdK\xd3x\x86\xc2\x14\x8bU\xa0d\xd2\x86.\x87Co\xbd\xdb\x9a\xbf\xf7\xf5\x98\xa6\x97Jv\xc3\x12E\x8b#\xf1\x8dAH\xe8M\x18p6\xb6\\MmA\xe2\xda\xd8h\xb6\xa6\xaf^\x9d\xc6\'1\x935\x0c\x85SRs4\x81\xf8\xbc\xdc\x02\x1f\xd9\x8c\xc5\x08\x9e/\x95\x08Q\xa2Y\xb3\x98\x1b\x9c]]\xdd\x00\xb8\xe6v;\x9b\xb6\x13js\x03zS\xe8\xe9\xdd\xa2XQ8\x95\xaeHr$@x\xb8\xcb\xdf\xb3\xf7$,\xeb\xa0/\x9a\x90\xf4\x92I\xe2S\xb30r\xc1\xec\xef\x1a\xef)\x94\xa0\r\x90\xeb\x83\x1b\xd7\xae\xe6\x8a\x05\x01\x94E\xb3j\xca\xd0\xa5(\xd2\xfb\xbd\x97\xbb\xe9\xe0\\\x9a$\xd1\x06!\xd2|\xc9F\xa9\x1c\xcc\\\x17WWw\x06AGn\x05j\xba\x85\x1a&amp;\x8d\xdc8\xd4A\xcb\xa0i+\x952x\x02\xb0\xfe\xee\xe5\x01\xcb\xbd\x97cQQ\xa3u\x9a\x96tC\xa8\xa3\xd0DO\xed\xa4\xe3\xf1x\xb1XD1\x0c\xc5P\n\x87\xf6f\x1c\xa7\x92P\xa8%\x9a6R\x96\x0e\x0e\xef\xeb}\xe9%\xd6\xc8\xf3P$\xaa\xd1\x12&lt;\x0c\x8b\xe5Ltq4\x9d\x86n\x01\xad\nUA\xe1\xcc\xa4\x03\xf3\x85K\xc5\x08F\x05\xa8h\xb1bID\x18\x89\xc4\x9e{y\xbery3\x16\x89D\x08\t\x0c)Y\x16[\xb2\xd7\x16\xd3i\xd0\x0e\xe9\xe4\x05\x85U\xecj\xf9.\x95\xc9\xe1T\x99\x83X\xa5E\x82\x16iZ\x06*D\xda\xf4\xf2\x1c\xe3\xf2}\x02\xe9\xec\\\x10EY\x06]XV\xc9f\xe2\xae!G\xe3&amp;\xab\xb2\x8a\xc2\x15\xca\x99L\xb1\x08s\x87(\x13\xb2L\x10Q\x91\x88\xf8B\x81(\xff\xc6K\xac\x9e\x03\t\xe9\xf4\x074M\x16u\x89h\x1b\xb2\x1e\x1fM\x8f.\xaf\x99\xec\x0c\xe4t\x0eFF\x14+\xa8l\xe5!MD5Q\x8c\xcaZ\xc4\xe7\x8b\x885/\xaf1:z\x8e^\xc7\x02~\xff\x18\xc4\xa3\x0e\x86\x14+)\x15F\r\xd3dL\xc1H\xa9,|\xb3\xe40\x9c\xa0\xa6\xe6\xdc\xbf\xa2\xbbO\r\t\xf8\x02\x0b\xf4\xf1A\x87\x97X\xeb\xc7\x0420\xe0\x0fD5\xc2\x15p \xc3R\x80Lp\'\x0e\xdb}\xd8\x8a\xa1\xd2\xa2,F\xc3\xe1\x18\xbc\xa2H$\x12xh4&lt;\xc5\xea\xd8\xad\xf3b\xc4?\xd0\x1d\x8ai\xe0\xf8\x84\x1c\x95i\xcbH\x19,W+\x95\x04\xbbQgl\x1e\xec\x07X2\x12\x0e\x87\x03a\x04\xb8\xa2\xa2\x91\xaf\x1fz\xaa\xadg\xf5RE\x0e\xb5O\x9fb\x9a\xa6!\x88,\xe9\xb4a\xe8&lt;\x0f\x81i3\r\xae\xa6\x8b\xb2AG]\x89\x04\xbac\xe1\xb0\x0cTJ\x95\xf1\x1aK\x00\xbf\t\x83\xbf\x04\x03\xa1\x18A@\x8dt\x97Ct]\x82\xa8\xb4\xed\x12\xaf\x134\xdf\xd6\xa2\x16\x0et\x06b\xee\x8e\x86!\xe4\x93^kk\x8d\x81\x94$\x07:?\tvu\x85\tB\x8bI\x04\xd4G\xde\xad\xdf\xb5\x1agY\x04\x01%P$\xb4h\xd4\xbd)\x08\x85\tI\x85q$Y?\xf2\x16+\xeb$\xab5I\x0b\xb8\xd7\x16]\x08\x12k\xfb\x98\x04&amp;\x04.\xbe\xc4K\xae\xc3!\x9a\x16\xf5uw\x83g-Di\x18\xdd\x92\x8e\x93\xf5\x1e+\xcf\x1d\xbf\x06\x13u\xf9\xdds\xceX\x1b\xcc\x82t.\xe9:\xaf\xd3\x90A\x91\xb0\x16\xf6u~\x12\x08\x85\xa3\x0b\x0f\xc1\x82y\x07\xc3&lt;\xc6\xda\xcdb\xa8c\x1f\x1fK2\xd2\xd5\xdb&gt;\xf4\xf3\x8d\x01\x17\x01\xa1\'\xfe\x1c\x9a\x1a\x12\x19\x0b\xb9\x97I\xbePxA\xa6K\xd5\xaa\x83N\xa0\x1ec\xbd\xcb\xc2\xcf`\x1avM\x97b\xbe^\x7f\xff\x00\x04\xe5\xd8\x18\xf8\xbd\x9b\xa6 \x02\x10$\xec\x0b\xf5\xf6\x07\x83\xc1\x08\x02\x99\x81Vm&amp;\x89ML\xde\xf5\x18\xeb\xa8\x8eN`\xa6\xc9q\xbc.\xba\xa7\xc0\xfd\xfe\xfe\xfe^\xe0\x8a\x85|!\xc8T!\xf7Z\xb2\xab\xcb\xdf\t\xee\x8e\x80\xae\xd8\x1a\x07\xca\xba;9\xe11\xd6avb\x92r\x1c\xd3\xb49^D\x02\xa0\xae~\xbf\xbf\xb7\xdf=\x14\xeb\xedj\x8b\x0b\xda\x15\x0c.\x80U\rV\x01\x13:\xce\xc4\xe4\x04\xea-\xd6\x01`\r\x91d6[\xb7k\xbc\xe4\x82\xb9\xd2\xff\x7f\xf9\xf3\x80{,\xd9\xfd\x95k\xc0\x9a-\xe4M\x14l8\xe4\xb1\xb6.\xbf\xc9N\x0e\xddH\x90(\x801%\x1e"/\x16j;~\xffo&gt;\xf8\xa0\x8d5\x10\xf4\x07\x83\x01Y\x14S,\'\x08\xa6\xeb\xef\x89!\xc0\xf26\x9d&gt;p\xb1\xf08I\xa2(f\xdb\x9c\x9b\xd5\xa3\x81\xee`W[e]\xee[\xd0=&lt;\x12+\x86\x92\xcf\x0bf\x16\xb0\xa86\xd6\x99\x97\xfd\xd6\xed\x13t\xe8\xc60`\xc5\xe3\xa4c7\xa0\x04\xd6j\x86\xb8\xf0Ugg\xfbH\xd8\xbdy\x0b\x04"2M\xa7`\xce\xcfW\x19\xc7AI\x1c\x1f\x1a\x9aD_\xacx\xd8p\xed.\x93.\x16E%\x16\x17\xb3&amp;\x03\xa5\x19\xa4T\xe3\xa1e@\x10$\xd2\x1d@4\xa8;"\x0f\xd3\xb4\xa2\x08I\x0c%\xe3\x14`\xfdn\x12c\x9e\x1f\x8d\xf4x\x95\xe3\xdf2\x13C\xc3\xc3?\x0c%\x12\x8b\xa3\xa8\x93e\xeav\x83i0v;\x8fI\xba\x05\x8d4\xefJ\xc9\xae\xdb\x82\xeb\xee$\x19\xc7\xf1\x1b7@[6\xff\xfa\x1f\xbb\x9e\x8c\x19#\xeb_K\x0c\xb8\xd6\xf0\x0f\xc3\xf8\xe2\xa2\xeb\xf7\x0c\xc3\x98u\xd0Y\x03\xdcL\x80\x1e\xd0\xedTm\x13@\xb3\xd0x\x99&amp;\x06\xb6N\x0c\x0f\x03\xd6\x9f\xee&amp;Y\xe9\xcb\x9f\xfe\xb9{\xee\xff\x1d\xa5\xe7\xde\xbf~\xfa\xb2\xe4L\x0e\r\x8f\x7f\xfc\xf1\xf8\xf8"\t\x0e\xe6\x98\x8c\xc3d\x19\x1b\xc8\x98:c\x16\nI\x88\x04\x88R0\xaf\xf9_V\xce.4\xad&lt;\r\xe3=\xbb\xa5\x1c/\xb4G\n\x89F\xc4\x84leaH\xef\x1c\x15\xa2\x82\x14\xf4\xd0\x0bg.r\x96I-\x99@R\xbah\xeb\xc5\xb9X\x18\x98\x12\xf7\xc0.\xd9\xe1\xa0\xd2el\xc4\x96\x0c+\xa5\xa0\xecX\xa3H\x12&amp;\xa2\x17\xc1\xa9\x15\x1bt\xd2\xe8f\x03\xba\x94$$\xb1\xf9\x80@B&gt;\xf6\xf9\x1f3\xcc\xb2\xec\xd7\xcc\xf6\xc5\xf8\x19\xcd\xef&lt;\xef\xf3&gt;\xff\xbf\xb98\xbf\xbc\x7f\xff\xda\xd0\xb0F#a\x8d&lt;\xfa\xe6\x0f\x1f|R9\xab\xe6\xde\xf3\x89&gt;\x06^f\x8e\xcfgn\xf4\x8c\x0c\xba\xecN\xbb\xdd\xbe\x81\xef\xac\x10\x0c\x9d|\x80\x10\xbb\x8f\xfat\xe2\xc9\x1d\xb2\xfc\xf5\xf6\xf6"B\xaf\xdd\xc7\xed0\xa0\x08\x15\xc1\x9a\x98\xf8\xa0rV:\xd8}\xf9\x1e\xcf\xc2s\xf5q\xaa]*\x9d\xfeu\xa2gd\xdc\xe1r\x02l\xc31\xe9p\x0c\x0f\rA\x9b\x9e^\x82\x82\xd0\xe8\xbd\xb8s\xad\xe7A\x0f\xb9\xd3\x0f\x1f\x12,\xa8\xf5\xd5\x17\x13\x13\x133\xe7\xc5\xd2\x91g\xea\xc5{\x02\x1bx\xfc\xc2\xb0t\xe0.\x9d\xfe\xfe\xc9\x97#\x83\x0e\x8b\x13e\'\x9dt9\x86\xfb\t\xcb\xd0\xd0$)\xc7\xe4\xd00\x9e\x00\xd7\xb5\xdb\xfd\xc3\x90\xca\x01\x1bv\x9a8\xf2\xd9\xc4\xc4o?&lt;-\x96\x8e\x93S\x85\xc5\xf9W\xef\xe1\x14&lt;\x8f\xa7\nK\xc1\xda\x81\xb7tz\xe3\xce\xed\x8f\xc6\x1d\x0e;\xb0\x14&amp;\xd4\x98\x8b\x08\x86\xb0\x98\x1cs\xe1;?\xe4\xeb\xef\xd7\xe0\x99\xde\xfe\xfe~\x87\xc5\xaeP\xd8-v;\xb8\x06\x07\xef\xfe\xee\xc9\x93o\x80U,\x15\xf4\x86\xc2\\\xf8/\xc9\xef\xfe\x1f\x97]\xbd\xf9r&gt;\x9e\xf0\xec\x8a\xb5\x83\x85\xe2\xf9\xaf{\x80e\xd9\xb0\xdb\x9d2\x99I\x8e2\xb9H/5\x0e\xc7\xd8\xd8\x98C\xe3R84\x1a\x97\xa6_3\xa8\xd1h\xecv\x85\x0c\\\xc0"\xe6\xba\xfb\xe8\xc9\x9d/&gt;9-\x86\x8e\x97\xf4z\xc3\xb2@q3\xcb\xfe\xc7?\xb5\x997\xdf$bB\xac\xc0\x8b\x04\xcbz\xf6\xb7k\xfdw5\x1b\xe3\xc0r\x9aL\xf2.RD2\x94B\xa1\xc0\xd5\xa8\xcb\xe2rY\x90\x9f\x16\x8b]&amp;\x93=\x97)\x9c\x04\x0b1\xff\xd1\xa3\x07w\xee\xccHX\xac\xde\xb0\x13\xbeB\x1b)!&gt;\xfd\xdd\xcd\x9fb)\x7f\xe2\x16\xc5py\x0f\x1f4\xe7\xb6\xbd\xbeR\xbcw\x049\xfay\x87\nX*\\T\xa3\xe8\xe7\xe8(\x1e\xe3\x1al\xbfq)\xec\x84R\xab\x95\x83\xcci\xb7HM\x1c\x1c\xf9\xf2\xc1\x8d\xf0\x99\xbbT\xdd%X\xb1n\xa3\xd1H\xd3\xcc\xcc\xfa\xab\x1f)\xd9\xc0\xe3\xa9x\x80\xa69\x8a\xcb\x1b\xa0V\xae\x1d\xf2Z\xcf\xef\x0fnL\xba,v\xd8\xca\xd9QK\xa5RiG\xe5r\xad\x16\xb7(9x\x142\x19.2&lt;\xd2\xe9\xbe\xe7\xc2$|\xf5\xd9\x87\xa7%k\xe9\x04XA`]\'\xdb\r\x8af\x84\xb9\xe4\x8f8\xcf\xd3\xc0\xb3\xe9x7M1\x0cE\x05*I\x9e\x17s\xf0\xbc\xf7,\xfe\xf5\xb8c\xf2s\x82E\x9c%Q\xa9T\x11-\xa1"\x80\xdaQ\x19\x14\x03\x94\\\xa6\xd5IX\xe8"\xbc\xf5\xb1fr\xe8\xf6\xa7\x953k\xb1\xba\x99\xd3\x9b\r\x8dpwgwF\xa1\x02+\xf3/\xfe\xb7\xe5r\xe0\xd9\xfcJ\x806b\xabI]\xe9f\xe0-&gt;\xc7\xe7\xf6\xcapW\xc25\xbe\x81\t\x1b3IT\x1d,\xd5h\x87\nX\xb2\x0b,\x9dL\xa7#\x8f:X\x83\x1f\xffB3x;~n\xb3n\xef\xe5R\xd9`0-\x90\xe3\x95vh\x0c*\x10K\xffw\xb0\xab\x0f_.\xce0\x94\xd1\xc8\\\xee\xbb\xc2tw3B:\xca\xe7\xd0\xc6-\x9f\xd7\xba\xfftccC\xa1\x18\x95\xb0T\xaa\xae\xefyT\xda.\xad\xe4&amp;4\x11c\x8a\xd2iu\x84\x8a\x84\x84e\x12\x82\xfd\xe9\xbc\xe4+\xef\xe5\xc4lV\xf4\xc4\x05\x86\xa2)\x8a\xa6\xfbp\r.\x8a\x83b\xff9d\x1f\xbeI.\n\x84\x8a\xa6i\x8a\xe3\xb8\x80Pi%\xf9\\*\xc5\xd7\x9aeoi\xbfN\xd4\xba\xe8\xe1\x85^Z9\xe4\xfa\x01\x0bJ\xe9.\xb0.\x82wc\xdc\xf1\xf5a\xc9Z\xce\xec\xa6\xcc\xa9\x94\x98L\xc7\xc3\x01\x0e\x1f\x0f\xc9\xc8\x15\xc31L8Q\x98\xfaw&amp;CJM\xcf\xdd\x8a\xcf\x0bF\xec\x81q\x18\x81p\xe5\xf0\xa8\xb1\x84ALA\xfcT\xad\xe9\xf3\x95\x12\xa3c&amp;L\xa2\\+QuE\x88d\xda.\xc2\x86\x92\xfd \x94N\x12\xcbN\x12\x15\x0b\xd5\xd7\xfb\xa5byk\x97\xcd\x8a8\xbe\x02\x1fM6\x12\xf1\xb0\xc0IX\xb8p\x1c\xc3\xad\xcc!0\xfeU\xc6\xc2R3\x01\x86K\xa4\x19#\xcd\xf4q\\\xf8\xa8\xdd\xaeV3\xbb\xbch\x86\xe9\xb3\xd9\xd4\xde\xb6\xb7|\xfc\xf4\xdb\xba\xd3)i\x15\xd1\xea\xbaT\x11\x15\x01\x94\xc6\x90p\x11c\x11\xa2N9\x9d2\x05\x06\xd12\xb9O\xb4\xe2S\xa2Yd\xa3\xe9\xc3$1k\xf4\xa4\x91&gt;\x14h\xdax\xf92%\t&amp;\xc4\xa0\xd8\x9b\x7f\xfa\x8f\xf4\xc0\xc3\x17S\xcb\xc2\xcf\xfb\xa8p\xa3b\xa49&amp;P9jW\xcb\xe5\xa2\xafY\xe3\xc5 \xe9\xa2\xdf\x9f;iZ\xcb\xc7\xe9oMN\x1d\xa0@\xa3\xbb\xd0\x8cD\x04\xe1"=|.{.5\x11\xf3\x08c)\xe4\xa6\xb1\xb1\xa7\xfb\xf0U&amp;\xf8\xda/\x8a\xa9h\xa3\xb2\x92\x8c\xf2&lt;&lt;\xb1\xdd\xac\xb6\x8f\xf6g\xba\xc9Dr\xa4\x84X8&lt;7\xf5\x0fI6\xf0,\x9b\x88\xa5\xd3\x1c\xcdT\xd2\x8b?\xbbN\t\x87\xed\xcc\xf6\x81M\xad\xf6.lm\xe6\x0c\x86\x9d\x06/\xb2\xd9T\xae\xb6U.\x1e\xa7\xd7\xee\xe9"\x91\x0e\x10h\xba\xe4d\xe6\xe4\x92\\\xe8\x1b1\x94N*\xb9\x89t\xb1^O\xec\x97J\xcd\xbd\x9c\x1fT&lt;\xdf\xa8\x08\x95\xa4\'\xca@\x89&lt;B\x00\x00\x05cIDAT\xef\xee\x95\x95\xc5P\xe9\xa0\x99\xc9\xec\x07\xaet\xd3\x18/)\x90\x18.\xee\xbfya\xa9W\x8b\xad&lt;\x97/\xec\xa4\xd3\x8dF+\xd6\x1d&gt;\xacn5\x8bn\xb7za\x81`E\r\x86F~\x87\x87-`\x8cL\x13\\\xab\x11`\xa9$.]\'\xa0d\x84\t?\n\xd9\x85\xc3\xf0\x14Y\xcd7\xc6\xea\xe9\xe3b\xb9\xba\t\xa8\\N\xe4\x1b+\x02]I\x1a\x0cA\xc3\x9ew\xc1\xe7s\x87B\xee\xed\xad\xccQ&gt;\x1c \x89q\xbd\x8fd\xff\xdc\xd4\xcb\xcef8\x8c\x81\x8b\xa7[\xe1\x95X\x00R\x1e\xb6\xdb\xdbe\x9fZM\xa8|\xea\xad%`\xa5\x85|\xc1\x9c\x12\x83\xa2?U\xdb\xda\x86^D-\xc2%\x97d!\x1cP\n\x0b\x10\tZ\xfc\xe8\x90\xa7Nb\xc1z\xfd\xe8\xf8\xa0\xb9\xb79;;k\xce\xe5\x82\x8b\x15\x8e\xe6\xf2I|"\xc1\xf2.\xa8\xd5J\xa5\xd5Z\x06Yc\xbf\x12\xe8&amp;\'\xef2R\xdc\xdc\xe2\xa5\x87\xaf\x12\xb1|b\xae\x95\x98\x9b\xb9\x85\x14\xe9\xfe\xd5a\xb5\xba\xed\xf3\xfa\xacJ\xf5\x82\xd7\x8b\xdb\xccf\x907\xb4\x18!^\x10\x83\x18IV\xe4k\x99\xa3\xe5\xf5\xd5\x88\xea\x9eJ\xab"\xfe&amp;A\xe5$f\'K\x0f\xc2\xc3$\x93|/\x1f\xd5vA*\xb4i3\x87\xb7\x8a|*\xba&lt;\x03\x9b0\xf9\xa4!\x1a\xe5%\xac\x05\xb52\x14R\xfa@\xd6\xdcj7Z\x15\x92\xb3\x97i.vi1\xccp\xe1xk%\x10\xa0\xfa\x18Z\xd8oWa\xa9\x05\xaf\xd2\xed\xc6\xdb|^e\xb9\xb6\xcb\xf3\x9e8\xcd\x05ZI\xd1\xec\x17w\xc5\x94\x7fwigy}\r3x\xafK\x1a;\x12O\x12\x12\xd9\xcd\x80\x90(\xe8\xd4\xca#k\xcbGD\xa9\xcd\xa0\xc8\x8aY6eH\xc78b\xa0\x95\xa4\xc7c0d\xd4j\x1f9l\xf4\xd1\xa6T+\xad\xc5b\xb9\xb9\xd7&gt;\xaa\x04\xf0+\xc6Ks\x01\xc4,\xa6\x00\x0f\xb8\xca~{k;D,\xa5\xb6\xd9\xac\x90\xd8\xaa\xb6Uw\xf9`t\'F\xd1hn2e\x0e\x8a\xa9\xac\x7f6\x98\xf3\xcc\xaf\xd7#\x7fVI}\x94\x9bHj\x9a\xa0\xd3\x18\x9a()\xa5\xd3F"k\xeb\xe9\xa3\xea\xc9f\x8e7\x9b\xcdz?\x9b-\xb4\xc2\x8c\x14\xd2\xc0Z2,e|j\x1f\x8a\xf4\x05\xa3\x85\xb2\x86B\xc5\xedj\xa6\x8dn2\x97@E\xf2\x96&amp;\x89\xb0\x07(+\xa6O\xad\xb6)\x95&gt;`\xb9m\xb6LV\xcf{\xd2\x01\xac\x14\x8cpX0g\xb3Y\x96EGXvvzum\r\x1e\x83\xcb\xe0r\'\xf1\xb7\\\xba\x00J\x05\xa8z"\xdd\xae\x05\xb3\xb3\xe4-z\xf3l\xb0\x91\x17\x18\xe3\x1f\xb1k X\x9e\xa5\xa5\x8cUi%X^/4P*\xc1hu\xbb\xa1\xd9A\xb5\xb6\xd3\xbaDV$\xb2Z\xce5N\xaae+\x01R\xe3u\x9b\xd2\xeb\xf3-\xa8C6\xef\xde,v\xb9\x87\x1c\xb0\x8c\x8c\x90_N\xeaY\xd6\xccf\xfd,\xcb\xfag\xa7\xa6\xdfI3\t\xb9\xa4\xb1#{C9\t\xfd\xc8\xda\xda\xfab\xc1\xc0\xb3\xe6\xa0\x99\xd5\xfb\xf5l\xb4\xd0\x8aa\xf1\xbf~\xdd\xd8\x87\x9d\x12z\xe8\xf1d\xdc6\xb7\x04\x85\xbf\x89y\xb4*\x95J\x1bzd\r\x1d\xd4\x0c\x06`q\xf8s\x8dBp3S$/\xa9\t&lt;\xa80\x83j\xa5\xcdZ&gt;\xd1{&lt;\x85\x15\x86\xc6\xbe\r\x99\x12&gt;\xdc\x89\x82\x885#\xaf\x83\xacy\xf6\xf5\xeb\xb7o\xa7\xdf\xbd\x83n\xf5\xfaST\xbd\xbe\xb6\xb6\xba\xba\xfan\xfa\xed\xd4,\xe9\x1c\x0eB\xcf\xea\xa3\xc9t^\xa0\xd0@#\xf9\x14`a\x10\tVH\x12\t\x1e\x83\xbf:`\x7f\xaf\xb1\x8cU\x13\x06\xe20n6\xc7f\xf4\x05\xee\r\x8ad\xb9\xcc}\x01\'\xdf\xe0\x84\x0e&gt;A\xf0\x01\xb4S\x08\xdc\xd0\xc1\xad\x8bP\xa5\xdc\xd2\xc1\xa1\x14J\xb1\xc1R\x8a[\x03\x1d\x82\x15:u\xea\xd0\xdfw\xda3\x9a`.\x97_\xbe\xff\x97\xef\x8e\xf2\\}\t+\x19\x94\xcd\xce\x8d\xbd\xab\xf7\xd6\xc2#\x98&lt;W!\xa1\xef]&gt;\xbfz\xe7\x0ee\xc2\x88]\x15r\xbai"\x18~\xc9\xee\xf8\xe5\xb6&amp;\x84\xaa\xaa&gt;\xe1\xbb\xbe\xfeT\xab^\x821&amp;\x13\x12\xe7/\xfc\xe2\x8d\xa9\xb9\x1b\xaf\xd7\xa2\xf4LX\xde\xad\xac\xb0R\xf9+\xd5\xfb(\xae!X\x8f\xdb\x1a,\xa6\xee\xe5\xcf\xda\xbb\xaa\xa5\xd8\x91\xe7D\xd5\xb3\xc3\xf4~\xf4\xf5\x8a\xe2\xbbi_\xa32,\xce\x98\xbc7k\x1523\x94R\\Yl\xc6\x83R\x04\xc3!92\x1e#\x92\xb6\xa8\xd4|\xa0\x15I\x1c!b!\x96?_a%B\x0b\xae\x9e\xb4\x80\x0b\xb3\x81\xf5\xb4\xad\x17\xae\xf3\xb0\xdc\x0c\xca\x83s\xae\xdd\x1f\xc5\xca\x8f\x92\xb1\xf1J2#\xe2\x03\xcd\xdd}\x8d\xd9UK&amp;\xb7\xcd\xc3\x025\n\x9cL+\x8a\x0b&gt;\x02,\n\xfeB\xa5\xecHDs\xeb%\x01\xde\x8f\x97\xb2\xb1\xf2\xfbW\xeb\x1f\xcbZ\xd5%\xed)\xefQ+\x1d&gt;\xae\x1cX%\xc10\xd9\xd1\xb1\xdd\x83\x1a+\x98\xc6\x02\xd2wto?j\xb0\x1a\xf9"\x11Q,\x02YQ\xde\xacg\xdc\xf5\xfb{\x86:\xc2\t\x12\xccH\xab"\xc2\x99`\xe8@~\x96\x03VUQ\xab\xeeIq\xe2\xd4ya\xe5\xbcY2\x14\x96\xb2Vr\xe5\xda\xcbZ\xae\xa3\xe7\x9f\x1f\xc0\xaa\xb7r`*\xaaKue?\x1a\rUh\xc24b\xc9\x1dZ\x89)\x12\xcb\xc3,\x98q\xfd\xfb[\xb7\xed9U3\xfa\x06\x13\x04k\xbc&amp;\x17\xce\xfb\xaa!\x7f\x92\xe3#E\xb9\xc4\xa5\x808\xa9E\x13\x97\x8eb\xac\xb2C\x08N\xfe\x01\x0b\xbe\xf2\xb6.\x8f\x14s\x00\x00\x00\x00IEND\xaeB`\x82'</t>
        </is>
      </c>
      <c r="M339" s="3" t="n">
        <v>45492.67717592593</v>
      </c>
    </row>
    <row r="340">
      <c r="A340" t="n">
        <v>948004</v>
      </c>
      <c r="B340" t="n">
        <v>1999</v>
      </c>
      <c r="C340" t="inlineStr">
        <is>
          <t>Ignacio Laquintana</t>
        </is>
      </c>
      <c r="D340" t="inlineStr">
        <is>
          <t>I. Laquintana</t>
        </is>
      </c>
      <c r="E340" t="inlineStr">
        <is>
          <t>PD</t>
        </is>
      </c>
      <c r="F340" t="inlineStr">
        <is>
          <t>ATA</t>
        </is>
      </c>
      <c r="G340" t="inlineStr">
        <is>
          <t>PD</t>
        </is>
      </c>
      <c r="H340" t="n">
        <v>177</v>
      </c>
      <c r="I340" t="n">
        <v>33</v>
      </c>
      <c r="J340" s="2" t="n">
        <v>36191</v>
      </c>
      <c r="K340" t="inlineStr">
        <is>
          <t>Right</t>
        </is>
      </c>
      <c r="L34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52a6e40-67dd-4c55-8c69-71104312e69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bqx-\x00\x00\x00&gt;tEXtComment\x00xr:d:DAEewil2SDw:3129,j:9030118292309124670,t:23082714\xb3\xea\x8f\xec\x00\x00\x00\tpHYs\x00\x00\x0e\xc4\x00\x00\x0e\xc4\x01\x95+\x0e\x1b\x00\x00\x03\x00PLTE\xff\xff\xff\xdc\xe7\xfc\xdb\xe0\xf7\x12\x0c\n\x0e\t\x08\xfe\xfe\xfe\x12\x07\x05\x0b\x06\x05\x08\x04\x03\x04\x01\x01\xe8\xbd\xa5\xda\xdf\xf7\xda\xe1\xfa\xdc\xe4\xf9\xfb\xfa\xfa\x17\x0f\r\xe5\xb8\xa0\xe4\xbb\xa4e&lt;,P/"_;.U2$kB0_8)\xe5\xb3\x9abC;\xec\xbc\xa4\x19\n\x05Z6\'\xe6\xc0\xab\xef=F \x0e\t\xec\xbf\xa7\x1d\x14\x12\xc3\xc9\xe4\xea6@\xf0\xc2\xb4\xc6\xcd\xe8iC8fHA\xe0\xb5\x9f\xd9\xdd\xf5\xe6\xba\xab^&gt;5f@1\xdd\xaf\x9c\xe7\xb7\xa7L+\x1e\xe8\xb0\x9f\xcf\xd5\xed\xef\xbc\xaa\xf6\xf3\xf4\xe9\xb8\x9e\xdf\xeb\xfd\xe4\xad\x99!\x1a\x19\xcd\xd2\xec\xcb\x99\x7f\xea\xb4\xa2\xf0\xbc\xb1\xd1\xd6\xef\x93bK\xda\xa3\x8f\xdc\xd6\xecoLB\xed\xc1\xad\x8dus3**\x86VC\xca\xd0\xe9\xdf\xe6\xf8\x8dZE\xbe\xc5\xdfpF3vK6|N&lt;\xe0\xa9\x95nF&lt;\xdc\xa8\x90e=4(\x12\n\xd3\xa5\x8b\xb4\x81i\xe3\xb0\xa3\x9beQY9.\xeb\xb8\xa3\xe4\xf0\xfd\xda\xae\x95\xc6\x94\x86\xc2\x8ft\xdc\xdc\xf1\xf1\xc1\xab\xc6\x94x\xd1\xa2\x87\xdc\xcd\xe4w[U\xcd\x9f\x83\xdf\xb0\x94I\'\x1c\xd0\x99\x87.\x16\x0f\xa3jX\x81R=T5*oA5\xa5sX\xf3\xc7\xbb4\x1a\x13=\x1e\x15vE8\xb5wf*\x1f\x1d\xae|d\xd1\x9e\x8e\xc0\x8f\x80\xea\xbd\xb0\xb8\xbf\xd9\xd6\xaa\x8fnPH\xe1\xb2\xc8&lt;1/\xd7\xda\xf2\xba\x8an\xd9\xa8\x99\xdd\xe1\xf3\xf0\xee\xef\xda\xba\xd2\xe4\xe6\xf5pUO\xc7\x94\x7fC!\x18\xd6\x9f\x89\xacv_\xb5\x86w4$ \xee\xb7\xab\xf4\xc0\xb8\xf3\xc6\xb1\xe5\xeb\xf9hMH\xca\x9a\x8c\xe5\xc7\xda\xd4\xa4\x95\xd5\x8e\xa5\xda\xc5\xdc\xdf\xdd\xde\x8c\\OxVJ\x85li\xec\xc1\xb5}c_N=9\x9clQ\xe1\xb8\xa7\xbd\x83n\xa1sd\xaf\xa8\xa7\xe2-;\xe3\xd3\xe4\xd8#5\x9c]M?("XEA\xbf\x89x\x97k^\xb0\xb7\xd0C99S)\x1fG1*+%%\xdc\xa6\xbf\xb5nc\xd3\xd9\xf1\x8d\x03\x16\xacj[\xe0x\x8f\x8aK?\xa0\x06\x1d\xba\xb4\xb3|\x03\x12\xcc\xcb\xe1\xe9\xe6\xe6\xd8\xd4\xd4Z-%\xe9^e\xdb\xb3\xa7\x80G;\xe7\x86\x99\xf1\xd2\xc5M \x18\xe4\xdd\xee\xe2\xc0\xb1\xdb\x99\xaf\xce\xc1\xd9\xbdxj\xe8\xe5\xef\xefq{\xe9\xd8\xe5\xb1\t"\x9e\x9b\x9c\xd6b|\xa4|p\xca\x1a-\xf3LS\x89dW\xc1\x89\xa1\xcd\xca\xca\xe7\x95\xa8\xc1ty\xcc\xa7\x9c\xd0\xaa\xc2\xa3\x88\x82\xe3\x9a\x82\x99NJ\xe9\xbd\xcf\xbe\x12(\xcf\x87\x8c\xc8\xc0\xbf\xf3\xe7\xe1\xa6\xac\xc3YTT\xa8VZzD3\xea\xa4\xb7\x90\x8e\x8e\xcfLg\xe8\xa8\x97KGH\x83\x7f\x7fpmm\xc2\x9e\xb4?\x03\x03a\\]\xd4\xae\xa6\xdb\x83k\xde\x99\x9e\xd2\xd3\xe6\xb1\x91\x8b\xc1\xc0\xd4\xc0\xb3\xca\xeb\xd7\xd8\xda\xcd\xc9\xc3\x9c\x8f\xcf\x88x\xe4\xc7\xbe\x82\x16"|44\xcc:Ei\t\x0f\xb6r\x87\xabcm\xe2DN\x901@\xab&amp;3\xef\xb3\xc39&lt;\x90\xb2\x00\x00 \x00IDATx\xda\xcc\x98\xdfK\x1bk\x1a\xc7\x0b3\xc9Ln2\x07\xad\xc9\xb6\xb1\xcc\x0e,\x8d\xc4\xa6.\xcd\xc2\x90\x8b\x885\x01Q\x8fv\xea\x0f\xa8\xb2\x16\x0f:\xa9\xb6\x93cj\x8424\x04j4\x81\x83"\xa8\xd5T\xcd\xc5I\x0cir\xb3\x14AK\xca\x82\x97!\x10\x02\xe2\x95 \x12\x88\x82\xbd\xf0\xa6\xff\xc0&gt;\xcf;\xb1\xff\xc0\x8e\xedy\x8d\x9a\xcc\x88\xf9\xf0\xfd&gt;\xcf\xf7y\xdf\xdc\xba\xf5\xff/\x03.\xb3\xd9l\xb8\xf5\x97Y\x06W$\xb2\x7fppPI\x16\x93\x07.\xc3_\x85,R\xbc\xb8\xb8\xb8&lt;=\xad\xe5\xc5\xe0i\xb1\xb2\x1a1\xa3t?[+\xc3\x9e\x97\xa6i\x8a\xa2)\x0e\x96\xb7vy\x9e&lt;\xd9\xdb\xdb7\xfcD",\xa8\x83\x1a\xc5\xb0\x00\xc60\x00&amp;\xc0\x12\xbd\t5{qR\xf9Id\x86UP%\x99\xbc\x10\x00\x88\xaes\x01\x98(\x88A1\xe8\xcd\xd6\xaa\xfb?\xa1\x03\x0c\xe6\xd5s5\x1f\x14E\x818\xc8\xd0\x0c\x0bX4\xc3\xc1\x15\x91\xac\xfcye\xd5\xf5\xa3\xc1"\'\xe7^\xa0\x00\x89P,\x96e\x18\x96p\xd14\xa7Q\t\x9c\x98\xbd,\xee\xffP(\xf3\xc1yV\xa0\x10\x82\x18\x08H\xda\x02\x17\x91+\x88*\n\x1cEy\xab?P0\x83\xf9\xe4R\xa4\xb4\x82b\x89^,\x14=k2\x99X\x0e:\x12J\x1f\xc0\x04\x0e\xb0\xa8\xfce2\xf2\x83\xd2\xc2\xe0:9\x150\x14\x10\x08\x17\xd1\x89#\\4\xc72 \x18%\x04E\xcc\x0b@T\xab\x07?D0\x83+\x99E\x83\xa8k(\xd4\x8b\xa5\x04\x01\xb0\xa0\xbch\x13C!\x17\xfe\t\x87\x7f#\x9e\x82`7O\xb5_\xcc\x8a\xf8\x9e\xc0b"\xa5\x0e\x95\x0e\xc9\xc5\t4\xba\x08\xcfM\xf0\x8da\x81-JA7p\xea\xf9\xaa\xf9\xa6\x8b\xbdr\xe1\x15\x05\x8a\xe8D\x13\xa90F)\xb2\xd0Ex\x89?\xf02M:\x13\xef\x8b\x17\x07\xe6\x9b5p\xaf\x86P,\x03(\x90\xe9\x14\x96\x15\n\xc3\x92LE,\x96F\xcd\xc8\x82[F4\x98\xa6\x85\x1b\xe52D\x92Y\x8a\x08\x01L\xf0\x85|,\x96\x12\x06\x17\x8b\x04\x80\xa4\x95\x18V;iPL\x0f(0\xe0\xba\xb1\x02s%U$a0\xd5i\xad\xdc\xb5\xe0\xa2\xb4\x90 X&amp;\xd4\x0cj\x9e"\xb0\xda\x1d\x86\x16.Wo\x0c\xabR\xa3\xb5\x04e\xea\xdf\xdaK\x8a!z\x01\xaf\x89\xc8\x85\xcfh\x0cVt\x98!r\xd1\xb4X\xbd\xa1~4D\xceE\xa6\xbe\x89\xa1\xb5n\xe3H\x04\xd0\xf5\xec\xc2e\xc2&amp;0\x1a\x19\x12_D(\x86&amp;X\xb4\x9a\xbc\x99\xfc2\xefe\x89a\xf5\xbe3\xd2F#\xa5e\xbd\xf1;\x15\x0bHF\x9b\r\xb94\xfbX2\x00\x10\x9d&gt;\xad\xdcDy\x19V/1\xbfA!#\xaad4\x12\x00\x8a\xc6\xdf\xa4\xe4\x89Tx\x8d\xe7\x81\x8b%\xe6a\x030u\xe3\xb9\x8b}\xf3\rP]\x880\x86Q+#\xb8HiT6Bw\xbd\x85`Y\xb8\xc6\xf3\x12\x0f\xd7I\x030d Q\xf5\x16\xf1\xde\x80\x8d\xae\xa2\x88v\x81=\x84\x84\xe2\x08\x01\xea\xa2\x8d!#\xa9#\xa3M\x92e\x19\xb8\xc0D\xa3\xd6\x01\x0cE\t\xb46\xa0\xb2{zs\x19*5l8|o#\xa0\xd8\xc0L\x1b/\xc9\xa8\x0bT\x19\xc1\xc5;6I\t\x04\x022O\x84dL$\xc2\xb4Q@\xd2\xe2\xb4\xa23\x97\xab*h\xff\x1f\xdf\xdb\x06"!\x96\xa2\xa0\\Z\xf5\x1b\xc9\x1d^\x89F\x03\xb2\xa4\xe9\x88X\xf5|%\x80\x0c\xcb\xe9\x9c\xf6(\x16z\x85\x05\x05"I&lt;E!\x83"\xf1\x9c\x8d\xe3\xb4\xe6\xc3;Jtb\x02.\x82\x93\xd25\x16Cv&lt;\x84\x8fe\x84s]O\x1e\xae\xaaHk\xdd\xc7\xf3\xb2\x12Px\x8a@\x800\xb0\xdd#efC\\\x19\xa8\x02\x01\x05\x17`\xb1\xdf\xb1\xb0II|\xd0\xf9\xaa\x9e)\xb1zJiX\xd0g\xd1\xe8D\x807\x92\xe2Vd&lt;\x82q6\xc4\x92\x00w\xe2\xf3\xe7\x8f\x13\x13m\xd1@\x00\xa90e\xd1&lt;-\xf7\xb5\x9fT\xb6\xa2\x9f\x8d\xe6d\x1e#\x1d\xa8$9`\xfdl\xfd\x08X\xa0\x9a"\x8b\x88%\xf0\x98\n\x81\xc0Dc\xc3\xd9\xf4tC#\x08&amp;k\xc9A\x14c\xb5M\x90\xb6;c\xc4\xaaK7\xaa\xd5S\x0e\xf6y(\x8a\xac\xb4Y\x9b\xcf,\xb2\r9\x02\n0\xc9\xa9\xa0\x0c\xc2\x81R\r\xbfw\xfd9\xf4\xa7\xef\xf3\x04T=/I\xd8\x1aF\x92\xa7\x84J\x9bK\x0cU;\xd0\xcb\xc5H\x15\x93\x14\xcc\xb2I\x81\xa8e\xba\xed\xec, \xf1J\xc3\x93&amp;\xc0\x92\xa7\xd6[S\xd1h[\xc3\xf4\x97\xae\xa1\x99\xed\xed\x99\xae\xb3\x06\xebG S$I\xe2\x8d\xe8#K\xe6z]-\xfd\xe4"mH\xc1y\x19\n(\xfa\xf1E\x97\xe5\xecKT\xe2\xa3\xbe5\xab\xcc\xcb\x8dk\xb1\xcc\xfd\'\xd6/C~\xff\xcc\xee\xe4\xe4\xe4\xee\xcc\xa2\xdf\xe3\xeb\x9d\xb6~\x0c(\xa4\x1d\xc96B\xab-\xc8\\\xe0;\xd5i\x8b\x13\xa9\n0s\xe00#@\xbd\x7f\xee\xf2\xf8&gt;\x9d5\xc9|t\xfa\xfe\x84\xa4L\x95C\xb3\xbb\xfe\xa1\xa1\xc5\xdd\xd0\xf6\xfcl{xevy$\xf6zg\xc7\xe3\xebkj\x8b\xca`\xe4\xf5\x18G0L7\xd6\xbb\xa7K\xd1\x1bN\xb2\x1cl\x90\xc5xP\x16\xa4\xa8u\xe8?\x9eOg\r\x8aMnL)Jc9\xf4\xb50;\x12\xda\x1dY\x99\x9d\x9c\r;\x9d\xe1\x95\x95Pi\'S^[\xef\x1b\x9e\x9a\x80\xb8\xe5\xb5\x9c\xd0\xb0 x!S\xf5q\xd1U\xf5\x02T0\x18\x8f\xc7\x15)\xda0\xb4\xbd=\xf4\xe9\xf7)^\x8a\x07\x94T\xc7\xce\xb7\xc3B\x18`\xc2Nx8\x07\x07\x9dG\xdfJ\xe57\xad\xb9\\\n\x17\xe4\x9ad\xd3\x0e\xb6\xa4\xb08&lt;\t\xd1\x97\xba|\x04\xb0_\xad!T0\x9e\xca\xa5\x94\x80\xc5?\xdf&gt;\xef_\xebPx9\x1e\xcf\xd9\xcb\xc7G\x85\xc2\xe1\xd6\xe0 &lt;\x06Q\xado\xb1\xf2\x9b\x84\xea\r\n \x94\x00c[\xe69\xdc\xf1\x93#\xa4\x91\xe3hx\xa2V\xf4(\xaeH\xb1&amp;z\xbdj0\x9e\x1b\x9e\x8a\x06\xac/\x17V\x96K\xe5\xf1l0\xaez\xd5Dz\x13\xb8\x1c\x87ss\x8e\x87\x0f\x1d\x83\xe1\xf0Qhg=\xad\xc6\xe3x\xd8\x87\xb9\xc9\x0b\xda.\x83\x1c\x90\x8c\x1c \x02\x96X\xd4\xa1\xb8\x0c`bP\xc3\xb2\xf74\xb75\xfb\x97c\xc7\x9d\xef7O\x13\xaa\x9aRs\xe9w\x9dWG[\x87\x1bs\x0f\xb7\x1c\x8e\xc1\x95\xd9\x91R\xd9\x9e\x8b\x07\x83\x98\xb3\x1cf\n\x8f\xcb\x88\xe7[\xd8\xab\xe1\'\x02\x10]\x17\x11]vZy\r+\xd1\xb1\xd6\xd3\xbd\x16+u\x96:7\xdf-\xa5a%\xd2K\x9b\xa5\xab\xa3\xc2\xe1\x9c\x03l\xdcr\xce\x86\x062\x1d\xad\xb9T\x1c=\x8f\xa7\xe07\xa8\x05\x0f\xb2A\x831\xaa\x1dD\xe8\xac\x0e\x11a0\x17\xbdy\xaf\x17\xde\xa7u&lt;\xf3rh \xb6\xf3\xbe\xb3\xf3\xfd\xfb\xceR\xa93S.gJ\xc7!pq\xce\xe1(\x14\x06W\xe6\x07\xfc\xbe\xbe\xd6)X\xc3w:\xd6\xd7\xdf\xdc\x81j\x84P\xe5\xf1\xe3\x1b\x0e\xf6\x1c\x0cNn\x86\xc9\xeb\x11\x11\xe6\xa4\xea\x05\xac\xb8z\'\x13\x1b\xdd\xde-\x95\x8e\xaf\xae\xae\xbe\x1d\x1d\x1d}\x0b\xbd\x1d\x88\x85F\x96W\x00k\xce\xb1\xe5\x0c\xbb\xb7\xfd]=\x0f\x1e&lt;\xe8\xeb\xf5yvJ;;\x995\x90\x0e\xb8\xb4\xc9i\xa3\xae\'\xa4.\xc5\xe5*\xaa\xf9&lt;\x08\xa6\xdaK\xee\x05w(\x86H_\xbf\x16\n\x85g\xcf\xdd\xa3c\xee\xa7a\xe7\x96ccc\xc3\xe1|\xbe\xbb\xe8\xe9\xb5&lt;\xe8\xee\xf1y\x16\xdf\xc2\x1ax9\xe4\xeb\x1bN)2\x18\xea\x8d\xc3H5\xd6\xcf\x91BU\x0f\xb5\x8a^\x11\xb0\xd4\\\xc7\xc0d\xfbr\x08\xa1\n[\x87\x87\x8e\xadgO\xdd\xa3\xa3c\xcf\x9f\xb58\xe66^m\xcc9\xdd\x03C/,\r\x16\xa0\xfa\xf0\x1a\xa0^\xbf\xfc\xe0\xf1\xf5\xdc\x1fN\xc5\xd5\\.\xa1\x8a\\}_h2q\xe7.=\xb0\xf2\xa2\x17\xc3`\xfdm{\xfb\xfc\x08\xe4\xd4\xd6\xd6!z\xf6|l\xf4\xf5\xe2\xf6\xd8\xd3\x96{\x1b\xaf\xfe\xfb\xea\xf1\xaf\xf3\x8b]\xd3\xd6\xdb\xdd\xe8`\x08\x1c\x1e\xf0\xbc\xe8\xed\xee\xb6\xdcnL\xe5\x12\x89t.\xce1\xf5m\xaaI\xd4G-\xc4R\xb3\x89\xf5\xdd\xfe\x85\xd02H\x05L\xceB!\xbc\xbc\xbb\xbd\xe8\x7f\xb9\xfd\x9b\x13\xb0^\xfdq\xf7\xd7\xd1\x0f=\xcdM\xb7{z\xbbbPw\xc70\x81z\xad\x8d\xcd\x0f\xac\x8dm\xb9\x04t\xadW \xa7F\x82U\xd4\r+\x9bM\x97\xe7\xdb\'G\xc2\x05\x87\xa3ea\xa5pt\xf5\xfe\x9d\xbd\xe3\x85\xc7?\xe3v\xde\x03\xaa\x7f\xff\xab\x7f\xd4\xd3\xd0\x04X\xbeR\xac\xb4\xb9\xa4\xe2Th\x8bF\x9b\xacM\x8dS\xe9\xb4=\xad\xe2\x07Pd&lt;\x9a\x04\x9d\xb0\x82\x80\x95Hg\xdc\xed\xcfW 5[\xdc\xee\xe5\xd2x\xa2\x96\x17\xf8\xdc\x93/~w\xcbc\xa0zD\xb0\x1a\x9b\x1a,k\xe5\xf5\xf1\xcb\xd3&lt;\xc4\x94 )J\xb4\xd9\xda4\xb5\xb4d\xb7g\xc5\xef.\x8aI]:\x91\xa8\x95\xb0\x03\xd6S\xa7\xe3\x9e\xa3}l\xd47|Y\xbb\xf4\x8a|z\xbd\xe1\xcb\xfc\xbd\r\xa0\xba\xfb\xcf\xfe1\xc0j\xb6t[&amp;\x96\x8a\x17P\xe16\x1e\xc2T\n4"\xd6\xbb%{"\xc8]\xcb\x95\xd7c(\x1a\xf6\xa0\x13\xd5l\xfaM\xe6\xb7\x05\x14\xeb\x97\xfe\xb1\xae\xd6\xcd\xe3\xa5\x1c\x8c\xea\xf1\x1d\x9fg\xf6\x1f\x7f&lt;\xbe\xfb\xe8\xef\x7f\xeb\x9fG\xb5,\xdd=}\x99\xab\xceD*\x1eHM\xa5DI\x99hn\x1e\xb6\x8f\xbfYJ\xc4\x05\xaa~6\xf3\xea\xb2\x11\xacdQ\xad\xf4\xbb\x1d\xf7\xc2\x8a\xe3\xde\xc3\x96\xfe\xedL\xe9\xea\xea\xb8\xb33\x93\xd9\x99\xd9]q&lt;~\xfc\x08\x1e\xbf\x84\xe7=PGV\x8b/S\x8a\xc52\xe5\xf5\x8e&gt;;\x84\x96\xf2?V\xcd\xee\xa5\xad&lt;\x0f\xe3\x03\x8b;\xb3\xbdp2\'9y\xe3H-\x84D\x92\xe3I8J\x8a\t\t\xc6\x06B^\xd4\x9d\xbc1[\xe2\x12&amp;\x99\xc4hMT\xc2\x86e\x8b\x90\x9at\xd2\xe0\xd0e\x8cI[\xed\x85hi(\x01\t\x85V\x14e\x06o\x86\x01Y\\T\xb0R{\xe1\xba0\xb5\x0ct\xd7\xc1\x8b2\xb0\xcf\xef\xe8\xfc\x05{~(\x06\xaf&gt;&lt;\xcfs\xbe/\xbf\x93i)M\xab\xf2hV7\xaec\xd3\x14\xb0\x9e\x89\x82\xf5\xe2\xdf\xd7\xa0\xd6Lt\xe1\x8e\xfd\x8b+\xedz\x0e\xe3\xd5\xda\xda\xdb\xb7\xff\xfc\xef\xb2\x7f~yrM\xcf\x83\xca\x91\xb5 [\xc0\xa2Y\xef\xec\x93\x89\x89\x1f\x17l\xb3N\xaf\x16\xff \xc7\x90\x8f\x12\xac\xdf\\|&amp;\xca\x96\xd1\xf5\xc3\xf5q`m?\x19\xb2w^q8\xda\xb3mmm\xe8\xcb\xf7?\x8f\xc7\'\xefw\x06\xc2\xea\x88\xc3\xa1q\x84\xed\xf3.\x82Ey\x9d\xb3O\x16&amp;&amp;\x12A\x97\xd7\x83\xbaE\xc9\x18:4\x13\xcd/\xdd\x18\xbf~\xf1N\xe1\x13q\x06\xae\xd6\xc7\x18 \x1e\xe4\xb6\x17\xee\x14|\xc0r8\xaa\x8e\xb66\xfd\xa3\x8e\x8e\xce\xce\x8e@\x98W\xab\xdb\x89\x8bW\xec\x99$\x11\x87\xf1\xb8\x82\x89\xe2\xc4\x8f\x13\x0b\x0fm\xb6m\x1b\xd8\xd8PH\x07\x17\xff\xfal\xfc\x9apI\xfe\xe9\x89(\xf7\x95-/_\xdfx\xfa`f{\xa1\xc7n\x0e\xab\xdb\xdb\x1d\xd5l\xb6Zm\xd3\xeb?\x93\x84\xc3|\x84\xe7\xdb\xd5j\x82\xe5wR\xb4\xd4(\x95\xbb\x12#\xc5\t\xff]\x1c\xffDq\xc4\xe6\x94\xcbd:\xb8\xf8\x94\xc8E\xc2%\x8eX\x1f\xb5\xbc8!\x0f\xe2\xf6B|\xc0\xdc\xad&amp;r9\xda\x80\x11\x0ew\x03J\xa3\x81\\a\xfcW\xef\x9bw\xb1\xb4\xd1h\xa4\\\x89b&amp;\x93\xf1\xfbI\xb7\xf6\x17mN7k\xd0\xe5\xf2\xf9\x07\xc0\xbaF\xe6\xc0\xd7"\xbd\xcek\xfd\xc7k`\xe5\x9e\xc4}\x17X&lt;!\xc1\xb1\xf0\x1a\xcd\xe8(\x1f\x0eC-\x8d\xdew\xd3&amp;g\xa4\xb1\x18\xe5\x0c\x02\xcb\x9f\xf1o\x11\xb8\xa2\xf3\x8d[\xce\xaa\xc0E\xc2u\x1d.\xfe\xeeD\xacu\x7f\xea\xe4\xe9RE\xc0\n\xf3V\x8d\x15\n]\x1e|\xd4D\xd4ju\xa4&lt;\x9a\xed\x1c\n\xbae\xb41\xc6$\x83+\x8d\xcc\xd6\xd6\xd6|&amp;\xd3(&amp;\x16\x93i\xadV\x05\x17\x97\xbe~6\x0e\xacO\xc6\x1f\x8bu9\xd2\xf2\xfc_K\x95\xcaB\xc1\xa7\xb4\x98\xac\x9a{\x1a+o\xe5K\xc2\x87\xac\xc6\xc1\x13+76\xaa\x9d7\x83\x1e\x96\xa2c\xb4\xc76"`e\x1a\x8d\x95\x95\xa0\x8d`\xe9H\xb8\xbe\x1e\xbf1\x0e,\xf1.!&gt;\xfa\xf6\xa7\xa7\xf9\xcaD\xc1g\xb2\x98\xad\xa3\xf7\x80C\xce=\r\xfe\x12\xe5 \xd9\xe8F\xf6\xbe\xdf\x95bY\x99Q\x9a\x9aE\xb8\x08\xd5\n\xce\xa2k=\x9d\xd2\xeaf\xf2\xd1(\x86\xa3\x1b\x9f~\xfc\xf1O\xe2\xdd\xbc\xc1\xc5|\xe5\xae\x1dX%\xcd=p]\x1eBE\x8aC;\x97\xcdv\xdcIx\x152\x19j\x04\xeb\x0c\xae\x90K\x92\xad\x95\xa3\x95\xc4bs\x1dj\xf5\xe6\xf2\xb5\x1av%4\xa0g?\x88\xf7:\xa3\xf5\xf1Re{\x19Xa\x1eX\x84\x0b\xbfHY\x89pq\xb7\xe3\x93\x1d\x9d\x85y\x17\xea\x03\xcd0R\x857\x98\xc8d\xb6\x1aD\xae\xc5\xfdf:\xc5\xf6\xe7\xf2\xd1\xda\xdc\xd2\x03\xec\xd9\xb7\x1e\x9c&lt;\x17\x87\xab\xa5uj\xeaU\xcd\xef\xef\xb1\xfb\xcc&amp;\xde\n,\x01\x8c\xf8X\xcabC,\x04\x87{\xefN.\'\xbc\xb1\xabWo\xd1\x0c\\t\x05\x1b\x04+\xb3\x92\xd8o\xae\xa7R\x83\xfd\x95Z\xad\xd6\x97\x0f\xc5\x8c\xc6\x98T\x1b},\xce%\xc4\xfb\xef\xd6\xd6\xfe\xf2e\x01e\xcbl"I\x17\xb0\xa0\x94\xd5\x9a\xadj\xac\xe6\xf9\xf3?\xdez\xf2\xa7\xa2\x8b\xba\xf5\xfb?\\52F#\xe4Zi\xa0&lt;4V\x16\x9b\x10+\xa5\xd5B\xab\xbe\xbeh\xc8(\x95\xd6\x19f\xb5"F\xe8\xbb6\xc2Je8\x12\xf1\xd9a\xa2\xa9\x04\x9a\x0b\x0b\xa1U)\xab\x19\xcd\xda\xb7\x9a\xeb\x0b\xdfL\x16\x9b\xab\xe4\x120&amp;\x9d\x8e\xd1\xf2\xd9DCx\x0eI\xb2@\xa5\x8b\x82\xea\xa4f \x1e\xc7b\x9b\x94(c`\xe4t\xaf;R.K\x08\xd6\xb1I\xc0\xc2\xc1\xdf\x12\x87!\xbej&gt;\xdb\x9a\xd4?\xba\xbdl\x93\xd3\xb1\xb1\xb1\xe9\xe9i#M9\x13D\xab\xc4"\xb0@\xd5\x9f#X}s:PMOo\xd6WwE\xd8\xf6\xa7\xd4\xa7\xa7&gt;u\xb9\x1c\x06\x96\xf9\xf8\x98\xe8U\xb2^$\xab\x84"\x7f/\xeb\xb3\xeb\xab\xfa\x00\xc2\x95\xa4\xc05fd\x14)g\xc2\x8fd-\xa2:\xa4\x06\xc9s\x08\xac\x93\xbe\xb9&lt;\xcd\xc4\x08V}\xee\xdb\xff\x1f\xeb\xb0\xfb\xf4\xcc\x0c\xb5\xba\xed\xf6\x013\x91\xabD\x8c$`\xa5,RV\xadf\xb1T?\xea\x1c\xf8\xfc\xce\x88\x97\x8e\xc5h\x05+O\'\x83B\xb2\x16\xc9c\xa8\xed\xef\xcd\xd5\xfa\x88Z9\xa9\xd4\x08\x0f\xeb\xf5\xd9\x97"`)O\xcf\xc2\xe5\x88ZB\xc2E\xd4\xe2\t\x95\xb5*t\xa1*_\xd2\xeb9\x8e\x0b\x14\n\xb7\xef/\x07=2\x8a\xa2RiO\xd2U$j\xb9\x9ai9&lt;\xd4\xe5\x05\xac\x9a.6&amp;e\xe8z\xbd^\xf9\x8f\x08X\x96\xd3=u$\xa2\x94\\d\x1e\x15\x95\xd8X%\xedP\x93\xe5,\x9c\x9e\xbb\xc2q\xcaB\xa1\xb3\xa3\x90\xb19\x93n\xb9;\xed\xf5\xa2]\x17\x85R\xcaj\xb59\xd4R\x92\xad\x9avx\x0c\x0b\x1aS\xdf\xec\x15\x01\xab\x8b?=\x06\xd5\x9e\xba\xd3N\xd2e\xb2X\x00f%\xb3\x03\xa8\x02\x01\xee\x8a\xa4;l1\x17P\xd5\n\xf3+\x0f\x83\xde\xb4\xc7\xebI{]\x0fG\x826\x885H\x02/\xd4\x87\xbe\xa8Lk\x9c\xae3\x8aUq\xb0\xca{\x96\xf2\xf1\xa9\xbd\xac\x04\xd61\xb0J\xe0\x12\xa84\xa0\np\xeda\x93\xf9\xd8\x1e?;;\xdbj$\x82\x0f\x83\xaed2\x9dJ\']\xc1\xa0\xeb\x8d\x9c\x1a\x14\xfa\xe1\x1c\xc1\xca\xb3\xdaa\x92=F\x1c\xac\xd1c&gt;\xbcwj\x06\xd6\x80`\xa2\xa9d\x81ZU\r\xb9kC\xda\xb3\x01\xfb\xe4\xc1\xc1\xc1Yc\x7f\x7f\x7f\x11\xc7\x95\xf4z\xdd\xf2\x94\xd7\xe5J\xa6Y\x99\x0cX9A\xad\xb9\x9cV\x1b\x92\xc6PO7+\xa2`E\xf8\xe3\xbd=SY9\xe0\x83\x87\xc0\x82\x8d\x98\x1a\xacY=\xa0\xaa\xdc\xed\x83\x9d\x9d\x9d\xad\x9d\x0f\xfb\xe7\xeb\xfb\xb3\xcd\xe6\xfa\x1b\xb7\xdb\xeb\x91Sn\x0f\xe0d2\x83N\xc0"\x99\xef\xd5\x0e\x0f3\xb1Mz\xb0^\x13\xa1@\xb4n\x94\xd5{{\xbe,\xd4"T\xc7f\x8b\x05\x13\x96\xc3Q\xe207\xe8\x03\xf1\x9d\x0fG\xc2i\x9e\x9f\xa3x*V\x15\xab\x8c\xdc\xe3VP,\xd9z.\xb0\xd0\xa8\x89Z\x86\x18M\xa3&gt;\xb0\xa1]\x11\x9ab\xcba\xb9{o\xaf\xb4\xa1\xe9(\x00\xcbL\xf4\xc2f\xc1\xf3\\\x80\x0b\xd8\xe3\x98^p\xf6\x8f\xf6\x7f=\xffu}\xff|\xb5&gt;M\xea&lt;\xebe\x15\n\x96R\x84\x0c*\x95\xee\xd2\xc5\xb9\x1c\xfat}s\xb3\xde\xaf\x12e&gt;\x15\xb0,\x1b\xa3\x12A-b"\xe6\x1b\xbe\x84\xbc\xc71\xb8\x1c\xed\xec\x10\x17w\x8e\xf0a\xe7C3\xbd:\xfd\xd5W\xb7\x18\x8f\x87b\x14\n&amp;\xa4\x12\xb0f\x08VM\x1522\xb4\xb1\xae\xc8EE\x99O\x0f#\xc02\xf1\x11\xe5ey\xb0\x98\x06\xc0\x05\x0f\x03\xf1\xad\xc6\xce\xc1;r\xfe\x8e\xd0\xbf{w\xb0s\xb4&gt;\xb8\x1a\x1b\x8b\xb1I\x0f\xe4R\x84d*\x81\x0b#\xf3\x1c\xe6\x1a\x9af\rRF\xd6\xbf+\xca`s\xd8\x1e\twG"\xedJ\xd2|`\xa0\xc5\x82\xb1\x8bGi\x97tv\xde\x16\xa0\xbe\xff\x9e`}s\x80\xdc\xa7\x07\xeb1\xa3\xc2\x9d\xf4\xc8\x81e\x80\x87\x08\x97NG\x9a\xe2L\x88\xa1e!\xa9\x94\xee}%\xca\x18x\xd8\x16);"\xe5H7\xb0\x94\xe0"z\x85\t\x97D\xa2\x0f\x98\xed\xf18\xaa\x03\x0c$\x93\xcc\xfe\x1bJa4\xd2,\x96|\x16\x13\xf4\x05\xd6\x0clD\xe5\x9a\x91\xb12\x08&amp;e\xfa\xc4x[\x80\n\xf1\x0bz\x0f\xd4\x8a\x08E\x1ej\x85\x11\xaf0GZ!\xa7\xfcr\xa0\xe7l\xbeA\x86\xe3\xe6z\xb3\t*\x05M+\xe4r\x8a\xa5\xc8c\x08*\xa8\x05\x1b\xa3s5\x83\x82\xd5\xb2\x10,*\xd2\xdb\xea\xd6\xf7\xd8\x03\xcb\xf8\x19(\xfc\xe6"\xb88\xee\x11\xc0\x02\xca\x81?\xf7\xcc\x17\x17\x9bop\x92.x\'G\xb7\x06\x13\x8bl\xc9T:CH\xa5C\xba\xa0V~X\xa1\xe8\xefW\xc8\xa2b}\x83\xb1\xe5P\x0f\x0b\xf9\xb2\xbaP\xb8\x0c\xbd\x04\xcf#\xf7\x99\xbeM\xe0\xfa\xa2p\xe7\xa6\x1f\x13_0\xb1RL\xd8\\N\x0f1\x90\x92S0Q\xa5\n\x85\x0c\x97X}9\x8a\xd2\xf6j+?\x8b\xb5\x8f\xb5tmD"j\x9e\xf7\x9dM\n\xa1\xe7,(\x13\x12\xc9\x85\x8bHX\x07f\xad\x9e\x9b\xf37\x87\x86\x86\xe6\'\x8a\t\xa7\xd7M\xc9X\x82E&lt;$\x95K\xc0z\xfe\xb8"g{\xb7\x7f\x16oKl\x99\xda\x00\x96\xa9\xf0v\xed"\xf4\xf0\xd0dVJ8\t\x19 \xf4\x9c^\x8f!\xb0\x80\x13\xef\x19\xfa\x9b\x7f\xc4\x95\x96Sr!\xf1\xf0\xcf\x80p\x91\xca\x15\xed{9\xf5j\xb7o\xf7\xb9\x98\xdfr\x06\x97C\xed\xfb\xee\xf0\x17;\xd2\xa5\xb4X\x02\x04K)!X\xa4Wc)3\xfb\x06|\x03\xf1\x9e\xe5\xf9\x89\x84+\x9d"T\x04k\x06PD-\xd5Lt\xf7\x05\xf6\xba\x17S\xe2~\xb3\xac\xa5\xeb\xf0\xf0}W\xeb\xfb\xfb\x85\xff\xf1r\xb61m^W\x1c/\x96\xfc\xc5\x18\xe47\x8cAX\xb2\xf2\xc1\x18\xb0!\x92\x01\xc9\x9d\xc0\x10\xa1\x1206\xb2\x81`\x1b\x81\x8b\xf1\xb0a*\x15f8\x0c\x08\x0en\x88&amp;\x81yOR\x93D\xa8\x19\xa0!\xb4\x8c\xd1\x04\xa2\xa4\rA\xb3`S\xb46\xda\xa2\x05\xa5Y\x15\xedK\xb2LY\x93T\xa1M\xa3d\xfb\x9f\xfb\x98l\x93\xf6\xd2u8\'\x11\x98o?\xfd\xcf\xff\x9es\xee}\xeec\x8b\x1b=\x11-\x08\xaa\xed\x87\\\xd9?&lt;\xf9=\x80e\xef/\xac\x02Vh\xee\xdd\xf6\xdarSE\x1b\xc3\xa25\xb8\x8bu\x8a\xeb7{}\x7f\x8b\xcf\xa7W,\x06\x1ex\x90F\xb4E@(\xde\xdc_\x83\x11\xe2$\x0b\xcc\x83UU\xc5\x9e\xd0\xe9!\x8c[\x98\x1c\xb4\x98hdi%\x8733\x19W\xce\xc8\x81\xb5\xf8] \xe6\'?\xf1c1\x02I\xc1\xd4\x82\xb1Nb\xee\xfa\x01=\x1f\xab\xd1\xe9\xc6\xfc\xa1\xb9\xa1\x0f0\x03\xcacE\xab\xa4dW\xae\xc1\x9b\xf1\xbc\xa6\xcb\x7f\x1c\xf6\x1c\xc30X\xa8\xa0,\x16\xd6\xe4\xbeR+[\xd7\xdf?\xe6q\x9c\xfey\xd1\x15PU\xcbd\x98JA5Bj\xa1\xf9\xbc}\xf6\x8dxb}\xf6e\x08\\\xc5\xc5\xa0r\x17V\x81\xeb\xc7\xe4,\xec\xc8j\xfa\xfd~\xbf\xa3\xeb\xdd\xda\xb2\x8ej\x04\xb4R\x97 \xcc\\\x12GN}\x18O\xac7&gt;\xf3\x87\x0c\x1e\x7f\xb1\x07\x93Wa\xa1\xae\xaa0\x17\xd5!\x1b\xebQ7\xe6\t;\x1cs\xa7[\xa7\xbcm\xd5\xdaju5v\x16\x84\x95V\xcd\n\xd7\xc8\xa9\xdb\xf1U\xab?\x14rx\xfc\x1e\x0f\x1c\x06\xdb\x17\xd6\xb0\xe8\xef\xf7\x87\xba@u\xbc\xb3u\xaaCMj\xa5a\'\r*5\xb4\x02V\xe6\xe0\x89O\xe3\xab\x96\xeeX\xa8+\xe4\xf1x\xfc\x16\x8b\xa5\x1f\xc1\xa0\xc6\x90\xbf\xb99\xa2B\x0e\xcd\x1c\x15\x12hVS2\x8152x\xe2I\\\xb1Vu\xc5M\xe0r@\xb1\xb1\xb1\xb1~\xba\xc4\x026\x7f8\xec\xe8\x9a;nk\x9d\x9a2\x99Y\x02)\x83\xf4\te\x02\xbdz\xf0\xf0\x81\xb5\xb8b\r\xccTY\xac\xa1\xb9\xae.\xe4\xccOd\x08?\\\xd5\xd5u\xfc\xb8\xed\xcc\x14aU\xab\xd5\xe4+h\xc5\xc4\x92\xd1\x99\xfc\xf4\x81\xc9\xb8zK\x7f\xcdm\xb14\x81\xaa\x0bf\n\x87\xc3cc\xbf\x05\x15\x07uf~j\xaa\x0cj\x99\xe9\xbf\xd9\xcc\xc4\xa2\x84fb\xb3\x1f_,L\x84\n\x85\xc2\xdddp\x90\\\x0e"s|\xe9\x00\x14]z\x00\xd5\xd4\xb4\xc9\xbc\x1b\xa4\x15\xf2\xc9\xcd\x0f7\xe3\xfb\x1e\x92\xfec\x05q\x05\x9a\x1d\x0e\xa4\x8e\xa8\xc0\x04\xa8\xf9\xf9"@\x95yM\x1d\x1d\xe66N-\xa2J\xd3Vc\x86\x189&lt;}v \xaeX\xc9\xc0\xca\xcf\xcfw\x07\x9a\xc2(\x9f\xc8b\x98\xd3j\xbe\x96\xa8L&amp;0\xd1?\x12\x0bnWW\xb3\xde\x03\xb5\xce\xea_\x07\x96\xc2]\xec\t\x87i\x012\xb7w\x9e\x99/*bX\x1d\x1d\x1dmm\x00\xa3\x0c\xc2\xef(\xa6u\xbe\xba\xcc\xc3\xd3\x1f\xbe\x06\xact\xe2\xb2X\xfd~\x0fQ\xcd\x1d\x07Vkm-\xc6\xe5\x18\x15\x9a\xa2,\x16u&gt;i\x9e\x8f\xb0\x92\xe3\x8d\x95\x9f\xae".\x85\xc5\xefov\x84B\xc8a\'\xc3\x9a*/\xbbBXZ\x89\x0c\xdb\xe9\x0c\x06\x95"\x95\xb6\xb4\x00k0\xeeX\xf9\xf9\xe9\x14\x02\x91\xae\x18=\xc8\x00,\xdb\xaeV\xa6\x8e6Ij\x06PRR|\x19uu\x80\xca\xcbki\xc9\xf3\xa1\xca\xc7\x19\x8b\xcfa\xa9T\xa5\x02Qa\xb1\xdfj\xb5\xa2\xe8\xcfu\x0ea&amp;\xf5vT\xc8S\x01\x82\x90\xfa`))\xfb\xdc\x82?\xd2~\xf2\x87\xd7\xa0V&gt;\xc3R\x1d\x12UY\xfa\xed\x96@\xb1=`5\x18\x9c6v\xffH\x8e\xcd\xabT*\xad\xcb\x91\xf9\x08\x0fTyt\xc3\xe6\xf5`\xa9T\x02\x95@ \xd0\xe8\xec:\x9d\xc5\xae\x11cKfo\n9\xfb:\xdb\xcb+%\x19\x19&gt;_]N\x9d4F%\xcd;\xf7\xa3\xf7\x07o\xc7\x1d\x8b&lt;\xafJ\x17\xe4\xe6\nr5\n\rB$\x16\x08\xc4b]\xa094g\x8bx\xe5\xd8\xf1\xc0WR&amp;\x16\xfd\x90\x02\xeb\xed\xd7\x80%JW\x1d:t\x08j\t\xde\xd4\x88D\x9a\x1a\x8dF,V*5\x1ap\x11\x96\x84\xa8|L(.\xce-\xbe\xff\xa7\xf8\x17\x08El)\x92d\xa0\x12\x91`\xd8\xf7+g\xec\xd6Pg\x91I+C\x12})y-X\x90\xb4&amp;\x99Z\xf1\xf6\x16Z\xb5\x9b\x99\x0b\xee*-U\x81K$\xd2\x89\xc4\xe2\x99l\xe5L\xbf\xdf9T^\xc1J\x04\x95\x06 \xa50\xff\x93\xb7\xe2\x8du\x92\x9a\x0fa\xa9\x18\x96X$B\x12g\x88j\xa6\xdf3\xd7ZFX&gt;\x1f\xe5.e\x17k\x11\xde\x8ao\xf3\xe1\x0f(\x81u\x88\xe3*-%\x7f\xe5\xd2\x9d\x96\x19\x80\x01\xebt\xc4\x04,VQ\xe9\xc9!j}\x06\xe8\x16\x17\xdf\x8fk\xab\xe6\'\xeb?\xd6(\x14"FUJb\t\xb2\xb1\x06Q\x1e4\x97g\xb2\xb3u\x9e\xd3\xb5\x84\x95AY$*\xeaAD\xb5\x986}s\x95\xbd\xe1\x1f\x8f\x9d5_\xbfy\xe3\xcf\xc5n\x9a \x98X\xf0\x97@\t2\xf1\x0cL\x0f\xc1\xec\x06[\x91I\xceP@\x95\x9a*\x91\x10X\xca\xb9E_\xe6\xf4\x81\xdb\xab\x93kk\x93\xf1xE19\xfa\xbb\xcf\x7fy\xcc\xad`U\x1e\x96\xa7\x8a\xaaD\x88\x89\xeb\xb2Fg\x9dC5\x95\x93\xe5A%\xa1\xb3$\t"cq\xb1N=\xfd\x9b\x13\xa7\xccm\xd5\xe6\x9b{\xfe\xb5\x07|}t\xe2\xc0\x07\x06\x8b\x82\x95S\x015F\x81\x88\xc0\xb2\xc5b\xb2\x97.\xe0\xb1\xb5\x96\x9b*\xb4\x94\xc5T\x89\xbc\xa2\xb2B.\x07V\xaa\xcf\xa75OO\x97\\\xba\x8f\xb8\xfa\xfc\xf1^r\xf1\x01\xb5~\xe4\xec\x94\xd3\xe2\x8e-\xc4t\x10\xe5\xa3:\xc0[\x084\x1f\xbb\xd5`k\xa5\xae(\x91\x01\x0bT\x88\n\xc6%Q\xabK\xa6Kr\xae\x12\xd7\xce7\xab{i\xf5\xd5\xcd\xa3\t\xbd7\xfb,\x16{\xcc\xf1\x82tA&gt;\xabZ\x04\x06o\xa1_7\xd2)\x92\xa9\x03rI$\x95&amp;\xaf\xd7[YIX2z*&lt;}8\xad\xee=`={\xe1\xd0\xef\xd9\xd1it\xd3\x98\x94\x90p\xe4/Mn\xa6\x16\x19\x9ej\x83\x1bPb4DT/\x9d=\xd0\xdc\xe8\xec\x8c\x94\xd3\xc1i\xaa\xbc\xd2[^\x8e\xfd\x06\x97G\x86\x85}\xbf\xef\x9d\xef\xdf\x7f\xb6\xf3\xe2A\xf2\x1e)\xe5ZO\x04U\xc1\x91\xb31,\x81\x80\x19^l\x01\x17Q\x91^\xf6@\x93\xc1\xd97\x14)\xa2#\xf0\xca\xb2\xa2"\xcc\x85^\xc2\xd2j\xb5\xec\x94D\x9dS\x97\xf7\xce\xfdg\x17v&gt;\xdf\x03{\xf1\xf5\xb3\xb7F\x8dBa\x02\xb0\n&gt;m~\x85\xa5R\xa14\x88\x14\x9cX\x02%\xcc\x15@\xa7v\xda\x86Z\xcb\x91;oQ$B\\L.\xb9VN\'\x12i\x98u\xde\xbb\xfa\xec\xc2\x85\x9d\xe7\xb7\xff\xbf\xefb \xa3\x8f\xf6\x04\xb3\x88\xaa\xa0\xa0`8\x18\xb6\x90@\x02\xc2\xe2\x1a\x0fS\x8b\xcd5\x9a\x80\xb5\ti\xb4\rE\xca\xbd\xde\xf2H{{$R[\x04.N.\x88\xa5%\xacg\x17\x88\xeb\xc57\xf7\xd6\xbe\xfb\xd9n\xb2&gt;\xea\xea\t\xba\x98TI\xc6\xd9\xd1[\x7f}`u+D\x02N-\x01gx\xc8\xc5\x96\xa2\xc6n%\xae\xbeN\xcc\xa8e\xb5C\x18\xa3iZ%\xb9\xb4\xc4\xa5M\xd3\xca|R\x12\x8bbgg\xfe\xd1w\xfaZ\rXJ\x7f\xd4\x18\xdc\x08\x1a\x8d\x13\x13\xc1\xe0\xad\x9e\xbbw\xef\x8eF\'\x1f\xb85L-V\xde\xa1V&gt;\xfe\x14+\x19U\x80\xb0\x9c6`\x15E\xda;\xe9\ne\x0c\x8b\xe3J\xcb\x91\xa5\xfc4F\x85x\xf1\xab;_\xac\xea\xff7\xc5\xf8\xc9\xc9\xfa\xe1\xe1$\xd7\xd2FO\xb0\x87\x8b[\xa3\xebG\x0b\xea\xd7\x9f\xea\x88\x83M\xcc\xe4-\x98\x8b\t\xc6\nD\xc0\xdal\xa0\xb99R\xdb\xfe\xea\xdd\x02n1jQ#0\x86\xa5\\:\x7f\x9e\x90\xce#\x80ug\xe1\xe2d4\xf9\xdb\x1b\x8a\x98\x86y\xbd=\xcb\x1f---\xb9\x1a\x12y\xbc\xa4\xb7\xdeb\xe6Z\x9f\xbdL#22\x08(\x9a\x01\xd1\xb7\xb9\xc1\x99\xd4jbIlom\xb7\xf59\xfb\x88\x8f\x99\x9e.\xeaB.\xd4\xd8K;\xc0:\xcfb\xe5\xf9\x1d\x8a\xee/.F\xbf\x95bp\xf9\xa6k\xa2!\xabwbc\xf9FO\xcfl\x03*\x830\x89\xad\xc3\xfa\x82\xcd\xe8\xf0\xda\x0c\xad=\xa5\x92U\x05\xa8\x0507\xc2\x1e\x80\xb5\x9a\x99Z\x9d\x9d\xa0jl\x8ca\x91\\\x15j\x12,#ug%\xc6\xb4\xb2\xf2\xf2\x93\x85\x05`-,,\x00\xec\xbf\x99\x8c\x92\x17u-\x8d\x8f\x07]K\xcb\x1b\xae#\xbcD\xa10I\x98 \x8cq\x1d\xdd\x1c\xae?\xfadFL\xedY\x89\xf5\xc7V\xa2\x9bQ\xd9\xad\xb4\x10\xe9\x89\x8f\x8dA\xedb\xb1\xdaUAz\xc9R\xbfZY\xd9\xa5Zyy\x8fa\x11\xd7B\xf7C\xfa\xb2\xa7\xff\x005\xf0xs\xd6\xd8\x00\x93/\x8d\xdf\x086$\x11\x13\x88\xf0\x83\x95\xad\xf5\xd1\xf5\xfazp]\xdb\xc5"\xbd8\xad,\x01Feht\xf69\x9dN\x03dkd\xfb\xc6\xdd\xda\x05.\xf9W/\xb7V8\xa8\xad\xad\xad\xe7\x8f\xba\x17v\xa9\xba\xbb\x0f&gt;\\\xd7\'\xff;G\rL\xba\\\xc8^\xaf1\xf8\xd1r\x8f11Q\xc8\x13\x12P\x92\x10\x1f!\x97\xf1\xd6zA=q\xadq\\Jq\xcc^\x94\xc2@\xa0\x89aQ\x18\xf0\xb1\x99\x9e\x94E\xb8\x9aJrUV^y\xb9\xbd\xc2\x02P[\xdb\x9ft\x03\x8bcbq\xf0\xe2\xc3\x7fQ\xc8\xc0\xb49\xfb01+1\xab\xd7\xd53\xbe\xbc1\xc1\xe3e%R\n\xb9\x00W\x96+8[\xc0\xb0\xea\xa3kO\x01\x86T\xc2\xf7L\xaf\x80\x85\x15\x87f\xc6ehn\np\x05\x0c\x85\x8b\xc8P\xf5+*\xbd\xbfxy}\x8b\x83\xdaF\xfc\xf1\x11\xb0bRu\x1f\xe4b\x9f1\xfa\xcf\x05\x03P\xb3.c/A=\x0c\x8e\xffzc\xa2\x81\'\xe4ee\xf1\x18\x8fP\xc8KL\xecu\x05{\x8cX\x8a\x1cW\xfd\xe4\xd3\x98`J\xb2\xbd\x9b[\x84\x08\x08\xd6\xdcd%\xe98,\n*^\x1dW~\xff\xf5\xf5\xed-\xa6\xd4\xf6\xf6\xf5\xeb_\xdf;x\xb0{\xa1\x9bK\xe0&gt;\x0ej\x1f~_4\xfe\xa3d\x03\xeb`B\xfc\x0c\x9eZ\x1e\x0f6\xf0x\x89Y`\xa1\x1cf\x91\xe1\xb3\x8c\xc1\xa5\x9e\x86\x84\xbfc\xd5G\xaf\xcd\\\x8ba\x89En\xceW\xa0\x82f\x80\xb2\xd3\xe8\xd5H\x85\xab}\xe8oU\x9b\xcfk\xdbv\x18\xc6\x1d\x1d\xe7h\xb4\x7f@}\x90\x1b\xa8\n\x81\xe9\x10P\x87A\xec \xad\xa7A\xbaC\xbb\x8aT\xac\x97\x9d7\xd6`\xcc4\x99\xb2\xc1 T\xc8=\xe4\x90\x83\xe5\xbbj\xf0\xc5\x0c\x0f\x81k\xcf\xf6\x105\xc6\xab\xe9\xdc\xf6d\xd2\x83\xa1\xadI\xb2\x1fP\x8a\xa1{\xde\xf7+\'\xed\xe3\xd8N\x1c\x07\x7fx\xde\xe7}\xbf\xaf\r\xf9\x19C\xf5\xf3o@U{\xfaG\xca\x04\xaa\xe0\x88\xb1\x84U\xe0Q\x94\rH!-\xce\x06\x86\x9cM\xa1\x92FT1P&lt;\x89\xca\x99%\xab\xb2\x08{\xb6\xd2\x89\x1c\xf0m\x9d\x81\r\xde\x9d\xfc\xfd0\x05\xa3\x89E\xe5\x03\xd7\xf6\xf66A\xdd\xa6\x7f\xe2\xa2\x9e\xbcv\xed[\xfa,\xe7\xaf7\xd5\xda\xa3S\xa8\xda\x9b\xa0\x0b{\xee\x9cR\x11\x10\xa8L\x13WE1\x17\xab\x81\xb1\xae\xd6\x0bN\xb1\xd3@\xa6l\xc0\x10\x10IB)\xd1\x8b\xaa\xd7)\x1a\xa2\x19yz\t\xaa\xbd\xf2}\x80Q\xc6\xb0\x98\x02\x0b\xa1\xbar\x0bNm\xde\xc6\x02\xcd;\x0e\x0b`\x0f\x1e,A\xf5\x94\x98j\x8fj\xb5\xda\x9bg]*\xd8\xd54U\xc2)@\xe9\xba\xb9\x81\xaf\rec!B&amp;\x950\xa6\x1a\x1d\xcf1T\x16\xa1\xd1\x8d\xb4N~y\x945\x95\x9b\x91\xf7\x08\xf4\xe2\x14\x03\xec\xfa^\x0f\x11\x03\x18\xec\xa2S\x87:\x10T\xf4A\t=\xb0\xb3ss\xe7&amp;\xe9\xf7\x16\xa8jlS\xad\x86\xef\x96q\x97stu\x15)\x85\x98\x00\xa5\xd3U#8Ei\xde\xff\xf1\xe3\x8cQl$c\xdf^\xc7p\x10XjV\xc0\xc9@\xabD\x0el\xe3\xec\xa7~\x95}\xbf\xbcWn\xb7{\xbd\xc1\x7f\x07\x07\xf4\xd9\xc3\xee-1\x18@E\x0b\xc5\xb9M\xaa\xea\xdd+\xb8\xf9\xf7U+\x07\x96\x1aAU\xab\xf9ju\x194a\x08\x13\x9dZe\n,@i\x05M\xd3t\xf3h&gt;\x9a?\xcf\xc4}@!\xe7R\x89\x99\x00D\xe1\x02\xcc\xba*y\x1d\x07\xf3\xd5\xa98\xce\xc2 \xd9\xb6S\x9c\xf9\xfet6\x8e\xe3\x19n^\x1f&lt;&lt;@\x15\xef\xde\xa4\x7fT\xbcq\xe9|\x1a74\xc1\xad{\xdb?\xbdj\r\xf3DEL\xd5|\xbe\x9aO\xa2&amp;\xd5Ia\x9bp\xcbT:[\x05\xa0\x02k1I\x0e\xff\x1c\xcd3\xf1\xb4\xbd\x8eAU\x02\x11\xa6D\x89\x88\x18m]*E\x8d\x00\xc7u\'\x08\x82N\'"\x15\x89g&lt;{7\xf5}?\x1c\x9c\x9c\x0c\x06\'_\xfe\x80\xcc\xa3bWvo\\\xba|\x01o\xb6\xb9\x0b\xb6w\t*\xc7T\xcc\x04-\x1b\x9e\xa6\xa7-\xc7B\x908TT\xbc\x14J\xeb\x06\x87I\xa7k*\x99\x10NeU\xdb\xb6\xe1\x8a\xe7U\xc8\x12|\x0f9t\\{\xbe\xb3R\x18\x86~\xd1\x0f\r\xa3\xed\x96\xf7\xb0PP\xd2\xca\xd3~\xfc\xdb\xe3{wwv\xbe&amp;\xb3\xbe\xbf\xb8\xbf\x7f\xe1\xfc\xe6\x8d/\x9e\xf4\t\x8a\xa8\xaaL\x95\xcb\xe5\xfa3G\xd77\x94\xd5,8\xb3\x8a\xca\xa7\x17\x88Ko\xc2\xaa\xa0\xabi\xe6FF\x92\x88\x8b\xbc\x02\t\x89\x16?Z\xb2:\r\x0c1Y\x16\xbfT\xe5l\xc9p|\xbc\x05\xb2hV\x88\xa0Y\xedi\x1cO{U\x9e\x02\xca\x00\x00\x02\xddIDAT\xbf\xbe\xfc\xe7+\xae\xe1g\xfb\xfb\x17/~\xf4\xc9\x8b\'\xcc\x94\xafVS\xa3\x005\x8c\xbd&amp;\xc5\xf9\x14+m@2\x8aBEN\xe9d\xd5\xc4\xa8\x174\xd3\xcc\x881\x95v!\xae6\xcb\xa8\x04\xb1/[Xk\xa8\xc2,DLZ\xe3\x8e\x14\x92\xadp\xdc\x8f\xd1\x00\x18\x17\xcf\x1f\x7f\xb7\xbby\xee\xf2/\x9f\xbe`\x9fr\xefQ\xd1\xf7\xb9a#\x9aL\x8e\x8f\x8e\xd2\x16l\xf2\xa8"\xb3V\x91*\xd49UA\xa5^\x07\x96\xaeg\xd2\x17]\r\x07\x9aXp\x0e[\xa0\xbf&amp;c\x81X\xc3\xa4W\xc9J\'\xc4\x04\x01\xe8\x1a\xfc"8\xd9\xf5\x1b\xadqhaI\xb4\xae\xef\xdd\x7f\xf9\xaa\x05\r\x87\xcc\xc4Tyr*GV\xb5\xc6S\xdf\x9b\x8c\xde\x8eF\xf39\xce\xc3;\xa0#.1\x14\xd8\xa9B\x9dS5)\x15\xeau\x06\xcbd\xd5\x95W\x94v\x8a;\xb6@\x9c\x8d\x8et\xea\x0c\x1e6\x1c\x03\xedZRe\x94\x95\xa1,\xbb\xd8\xef\x17\xdb\x96%\xd3\x03[\xd6\xb4\x95[\x89\x03NP\xd5\x14\n\x9d\xae\x16\x9a\xdd\xae7\x99\x8f\xde\xbe\x1d\x1d\x1f\x93k\x8a\xc8\x96&amp;zPXU\xc2\x94\x82\xc0En1Y)5\x0b\xd5\xc2$\x8bp`\xcb+.\xbc\xb4m\xbb\x12cC\xb4\x85Y\xc6\xac\xdf\xf0]\x99E\xcf)\x0e\xcf\xb0R0\xf6\xaa\x855\t/V\xe0\x1c\x99\xcd\xe61\x91\xcd\x99L\xe1B\xf2/\xc8\xaahQ\xaa\x0b\xaf0\xbf2t4s\xa8\xc5]\xd6\xf0\x1aI\xec\xd3\n\x9frma\x95\x87)\xae\x8c\x87d\xac\x16\xb8\x93\xa40n\xc5\xe1\x1am\xf9Tiy\xcb*\xa2|\xf9\xdc\x87\x8e\xc1\xa9x\xe6\x83\ni1M\x8d\xa2l\x9aJ\x97\xc8F(\xe8Q\x93\x042j\xc0g\x98\x1eZ\xaa\x85\xc0\xa2\xda\xf1\xa1C\xf5\xeb$Id\xc8\xbc1\xcb\x1c%b\xe2/\xf8%\xcb.\x9e\xec\xda\x15\xc4\xaa\xbd&amp;\x0b&amp;\xd2\x16\xb0\x86i\x94V\x861TEP\xe9D\xc5X\xdc\x82d\xda( \xb6I\xb7\t\xab0\x16\x98\x11?\x08edI\x0cPl3\xaajDI\x12T`\x07q\xc1.\xb8\xc1\x96\x10\x16.Y\xbc\x0br\xd1\xac\xc5\xa453\x04\x0f\x11S\xe0\x08k(\x86\x810k\xd9\x8a\xf1F\xce)\x11\x15\xb0t\x8c%\x9d\xa7\'\xc8\xb8vMd\x8d\x95\x1c\x1e&amp;\xc1{\xea@\x19\xdb^\x05^\xc5T8L\x8a\xc6*A\xf4j\x96p\xcb\x15\xc2\xe0\xc0\x8d\x11\x1d\xb6\x10\x18\xdbu\xd9i&lt;\x0ff#[\xa2\tI\xcbe\xab?\xc3Q\x80\xe3\x9f\xda*\x9dLzz"\x9b\xe2x\xd6\xa8j"U^\xd7KUI\x95i\xf7\xca\x90E7\xfe\xb81\x0b1\x87&gt;\xd0\xd6u\x0c\xa6\xf6 \xf4\xe9\x823\x07O\x8b\xfb\xb3\x904h\xb7\xdb\xf4w=\xdcO\xfb\xef)\x1eO\x07\xbd\xc1\xa0\x8dC\xdd\xfdPh\x1d\xd7\xa6n\xb3U\xfe\xd1\x88\x1a\xaf}\xbc\xba\xe5b\xce\xd0\xd5*\xf3\xe5\x7fs\x14\x89\xf0\x0e\xc5\x18b\x00\x00\x00\x00IEND\xaeB`\x82'</t>
        </is>
      </c>
      <c r="M340" s="3" t="n">
        <v>45492.67873842592</v>
      </c>
    </row>
    <row r="341">
      <c r="A341" t="n">
        <v>949687</v>
      </c>
      <c r="B341" t="n">
        <v>1954</v>
      </c>
      <c r="C341" t="inlineStr">
        <is>
          <t>Álvaro Barreal</t>
        </is>
      </c>
      <c r="D341" t="inlineStr">
        <is>
          <t>Á. Barreal</t>
        </is>
      </c>
      <c r="E341" t="inlineStr">
        <is>
          <t>ME</t>
        </is>
      </c>
      <c r="F341" t="inlineStr">
        <is>
          <t>MC</t>
        </is>
      </c>
      <c r="G341" t="inlineStr">
        <is>
          <t>ME</t>
        </is>
      </c>
      <c r="H341" t="n">
        <v>172</v>
      </c>
      <c r="I341" t="n">
        <v>21</v>
      </c>
      <c r="J341" s="2" t="n">
        <v>36754</v>
      </c>
      <c r="K341" t="inlineStr">
        <is>
          <t>Left</t>
        </is>
      </c>
      <c r="L341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70566ff-7919-479c-b026-efaafc8cf56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a7\x9c\x95\x00\x00\x02\xfdPLTE\xff\xff\xff\x00(\xa7\x00,\xae\x00)\xa4\x01\x01\x02\x00*\xab\x05\x07\x08\xfd\xfd\xfe\x03\x04\x05\x00,\xa7\x08\x0b\x0c\x000\xaf\x001\xb2\x9ff_\x00I\xd3\x0e\x0c\x0c\x00.\xab\x0b\x07\x06\x00/\xb4\xba\x84x\xfa\xfb\xfc\x00!\x9b\x00B\xcd\xde\x93\x92\x01"\x9f\x00,\xb1\x15\x10\x0f\x00\x1f\x95\xa4md\xb4\x7ft\x00&amp;\xa1\xaatj\xb9\x8b\x7f\xce\x81~\x00$\xa4\x003\xb7\xbd\x91\x88\xd8\x95\x96\x00@\xc9\xf5\xf7\xf8\xad{p\xc5\x87\x82\x15\x15\x16\xb5oj\xa4qk\xaf~x\xdd\x8f\x8d\xc7\x80{\x9bbY\xb4xi\xdc\x86\x83\xb4\x84y\xdb\x81~\x8bTK\x00L\xd6\x0c\x11\x12\xbdVM\xb3\x87\x7f\x00E\xd0\xdc|x\xc5sp\x95]T\xdd\x8a\x89\x9dK?\xadif\xba\x80p\xc9bZ\xcajb\x9dkf\x1d\x18\x18\xa8OB\x00&lt;\xc4\xd0xv\x82PJ\x9fYV\xbce]\x009\xc0\xd7\x90\x8e\xb4b]\xaaPN\xc7ki\xc7yv\xa0NH\xacjZ^?=\xbc\x85\x83\xbf{u\x16\n\x08\xa6ys\xdf\x97\x97\x90RP\xd5\x84\x81\xc6\x90\x8bi1"\xa9b_B.-\xcesm\xef\xf1\xf3\x93c`\xce\x8e\x8c\xc1\x80}\xd2\x88\x86\xd9vq\xbele\xc2^T\xc5\x92\x83\xb7fg\x00O\xdb\xc0dd\xab[V\xc6VR\xbcrn\xb8\xd5\xe2\xafqa[%\x18\xb3\x8f\x88\xd7\x8c\x89\xa3_T\xc3\x8d~&lt;\x1f\x1c\xd0\x97\x91\xc0\x9f\x94\x8b_[\xc9\xa9\xa1\xcc\x86\x84+\x19\x16\xcb\x8c\x85$\x10\x0c7\x16\x0fL\x1c\x11tMK\x00T\xdf\xbfkl\xbb[W\xc1\x88x\xd2lj\x00\x18\x8fvA8\xd6}y\xb2[W\x8aKC\x96NG}JB\xaesr\xb4UM\xb8\x98\x8e\x96ZK\xa3XL\x008\xbb\xbb~}\xb6KC\xb8wt\xc1\x98\x8djFB\x82XT\xd4\\X\x160\xa3\xd1ea\xe5\xeb\xef\xa8D7\xc9\x96\x90\x89C8\xc2\xa5\x9bX5.\xc5KJ\x05&amp;\xaa\xb4la\xcf\xaf\xa5\xd3\x9e\x97\xa5jZ\x94H;Ww\xbfL,#\x9aRP\xc1\xda\xe5\x93jfg93\xdd\xe5\xecw=,\x8cZRs[Y\x9b\xb6\xd0\xc3__\x03M\xcd\xa5\x87\x83%E\xaf\x18 #\x82;1\xb5\x9e\x987()$"!\xc8\x9f\x95\xd7\xdb\xdc\x154\xad\xa6\xc4\xd5\xdd\x9c\x9e}.\x1f\xceQM*&gt;\x9d\xa9BCj\x86\xc1\xe0jh\x98:2\xb1\xcd\xd97DIJ77\xd7\xd0\xcd89;\xb7\xc4\xc7\xa4#\x1e\xc5\xce\xd0PAACPV\x1e(7\x89\xa0\xc1{\x84\x8a`MN\xdd\xa4\xa6\xc5\xba\xb5P\\^\xd0\xe0\xeaFa\xad\xa7\x97\x94\x84ge\xb8\xaa\xa6Ag\xbe\x94wt\xd2\xc3\xc0\xea\xe4\xe4\xad53\x8d\x9a\x9d\xb0\xba\xbd\xa0\xab\xae\xb5\xc6\xe0Ybi\xcfM_\xd9eu\t\x16brz}w\x94\xc4\xd7t\x80\x80\xa1\xcfDK\x8f\x04H\xc11P\xb4\x8e\xaa\xd0_nsb`\x96\x8f\x82\x95\x8b!\x1d6O\xa5\x04\x1c\x84\xb96&lt;\xa4\xbd\xdegy\xa8\x08s\xabt\x00\x00 \x00IDATx\xda\xcc\x98QH[Y\x1e\xc6\xfb 7\x97\x0b\xc3\xe5B@\xb8t\x1e\x84\t\xd9\xde\xddqf%r\x1d\xe2\x98\xdd\xa4Wb%5u\x9df4\xcd\x98\xd4&amp;\x95b\x0b\x1bR\xb2,\x93I"-b\xd4V(uh\x07\xed\x06_v$a\xd4\x19\xca\x90`\x10FX\xb6D"i\xc4\x87&lt;\x0c\xecC"&gt;\xf8(\xec\xdb~\xffs\xa3\xed\xbe_\xdb\xf9c\xe3\xd5&lt;\xe4\xd7\xef\xfb\xcew\xce\xf1\xc2\x05\x03\xc6Dc6\x99\xadf|\xbf\xf0\x9b\x18\x80X\xadf\xebF\xb5\xba]]1\xe3\xd1t\xc1\xf4\x1b`2YW\x9a\x87{\xcd\xe3r\xb9VkT\xab{\x1bV\xab\xf5\xbdj\x06\xdf\xcc\xd6\xed\xea\xe1A\xadR\xd9/pm\xbc\xa0\x94\x8f\x8e\x0e\xf6\x9a\x84\xf6\xbe\xc8H\xa8\xd0\xde\xe1I\xa5\xa0\xc8"\xc7s\x1c\xc7\xf3&lt;\xa7*\x85r\xfd\xe8\xa4\xd1h\x86\xde\x8b\x99\xcc\xbd\xea\xd1\xbe"p\x02\x808\xf6\x8f^\x80V(\xecW*\x07\xd6\x0b\xef\x16\x8cV\x9d9Tm\x1e\xd4\xcb\x8a\x00\x10\x81i\xc5\xe0x6\xf8AUK\xc7\x870\xf3\x1dZ\x89\xe5\x16\xdan\x9c\x94\xe1\x1e\xf4ic2\t\x02\xb0\xda\xce\x86`\xb5\xfd\xf2\xc9\xe1\x06\xad\xccw\x93\xf3\xed\xc3\xc3\x06\xdc\x139A$\x18]\x1e\xd2\x8dg&lt;\x0c\x0b\xbc$\xd9\xfe\xd1\xde\xc6\xbb\x08\x19\x12U=\xd9/\x10\x04\x90Z\xd6\xd1\x03\'0\xa8\x96\x91\xc2\xa9\x82j\xed`/d&gt;w+M\xd6\xbdzA\x85ND\xc4\x9d*D0\x82J\x91o\xa5\xab\x8d?KY\xa1\xc6V\xe5\xf9R\x85\x1ae\x85\xac\x93\xf4\x98\xb3@1\xc38B\xe5[\xbf\xe1[\x89#@N\xdd/7\xaa\xa1\xf3\xec1\x93\xb9YFKQr$QTU\xa1\xd5VL\x19A\x06\xaf\xa0\n\x82\xae\x15\x1eU2\x96\xe3Ue\xbf\xde\x0c\x85\xcc\xe7\x17\xac\x95\x03M\x93%\xc0\x88":T\xd0;\xab\xe5\x9b\xa0\x90\x8exU\x05\x1d\x0bo\xea\xcb\x12\xe1?\xda\xab\x9a\xcf\xad\xd5\xad\xcd\xb2&amp;\x8b\x12\x07\xa9D\x89E\x88\x85\x9e\x08\xa0\x8d(\xe3\x07|W\x14\xa1\x8dg-\xf6\xa60*\x07\x1b\xe7\xe2"N-\xd6\x95\xc3ZI\x13%RJ\x91%\x16i\xe6#\xadI\x15X\x92\x04*\x05o\x93y$\xd2\x19\x17_8/\xac\x95j\xe3\xa8\x04\x0b\x15E\x96EQ\xd0a\x04\xbd\xe1\xd9\x83 H\x12\xd6#{\x9fg=\xfbF.^\xad\xed\x9d\xcb\xee\x8df\xa8\xa9J\tXH\xb6\x04#9\xd6\x08\xd4M\x82(\xb2n\x10D\x19\x81\x97eY#4\x95{[-N=\xa9\xaeXM\xc6{\xb8}R\x10\x15E\x12\x15\x16#\x89\x96 \x11\xa9*%M\xe2\x109\xd0\xc2JE\xc7R\xb4B\x81\xb2\x7f\x16/\xa5R?\\1\x9e\x8ba\xe9\x95\t\x89x=\xd3&lt;\'\xf1\x9c\xa2!Nx!\xefDN\x945l\x96\x9a\\\x02\x96R\x10\xde\xda(\x0b\xb5\xa6\xc1z\x99\xac\x1b\x8d}|"+H\xfe\xb4\x17\xc8\x1c($+X\x06\xb4\x104\x85T\x94\x18$d\x85\xa5\x85\x02\xd7\xf6V\xbe\x0c\x97k\xe5\xb0\xcc\xb5\x89"\xebod\x89U\xa6\xaa\x02BD\x96\x14Y\xe0@\xe1\xd34\r\xe2\xf1\xf0T\x12e"\xe68E}\xa3\x16W\xa8\xef\x19{\x9e0\x85\x0e\xf6Q\xec\xac7!\x0e\xed}\xf8\xdf\xab\xa2\xae\r5\x83$\'%\t\xdeQq\x88R\x1b\xcf\xfa\x83\x07\xdf\xff\xc9e4\xd6\xca\x89*h\n5\x95(j\x8a\xa0\xa8\xf8H\xe4H\xc2\x80\n\x92\x11\x82/\x81\xf1I&lt;\xfdVb\xd5u\xfap\x8ae\xec\xa6m\xb2\x1eV\xc4RIe\x02 L\x9a\x86\x9a \xaf|&gt;`\xe1\x9f\x08\x99|\xbed&lt;\x9eJ$\x93\xc9T*\x95\xa4\xf1\xd1\xb4\xb0x4\x7f\xa1\xb1\xbda2r\xdf\xa9\xd6\x95RA\xdfOx\x11\xfd\x04\xb7\xa0\x83\x8f}0}|2\x11O\xa4\xe2\xe9h4\x9d\x8e\x06\x02\x9b\x81@4J\xcf)p\xfaZj\x91\xeb\xc7\xc6F\xde\xdc(\xc9da\xeb@\xcc\xfbd\xc2I$\x980\x89d*\x9d\xce\x11O\x14H\xc5\x05\xc7\x9a\xc3\xb1V\xdc\t\xec\xb4\xe0\x92\xd2\x99\x8b\xb5mC\xb1\xb6\xeb\xb0\xed,\xbb\xbc\x94\xd4\x81R\xa4F\nP\xe0\x01Q`s\xe7\x95\xa3\x7f\xee\xea\xc3\xc9\x87\x8b\xfd\x8e\xb5l6[\x84n\x81h\xeaL\xaf\xfd\xa6\xd9\xc8\xbc\x1f`\xd3\xa1\x96b\x07\xbc6\x98G,iF\x04\x91v\x8a\xd9b\x11\x10\x8e\xc5\x87N\x97\xd3\xe5r9\'{\x96\xfa\x87@\xb66\x0f\xb4@\xdawz\xef\x10\x8fCF\x16|\xbd\x84u\xaf#\xf1\x8c\x8apvv\x8a;\x90\xe7\xc9\x93\'\xc3O\x9e\xfcen\xd0\xe5\nF"33\x91\x99e\xa7\xb3\x07\xb3\xf4/\x87c8\xbf\x90\xcdn\xbe\xe1*o\x1bv\xdd\xa0e\x88s\x0c\xa7\x1f\xdb%\x1f\x89\x14\xdd\xf9\xef\x8b\x9e\x9e\xc5\xc5I\xd7\xe0\xe0\xd5\xb9\xb9Ao\xf0\x9a;c\xb7\xdb#\xff\x8eD"\xcb\xcb\xce{\xf7\xf0n\xff\xd0\x10\x90\xd7\x16\xe6\xa3)I\x97\xba\xad\xd00.\\+\xc7\x9a\x82&gt;\x97Eh%%\xd3Q@\xbdX\x82\x1c\xf7\xeeM:\x97].\xef5\x7f\x97-\x93!*;#\x9b\x99Y\xfe\xceI\\\xc34\x0b\xf9\xf9M\xc4^\xdf\xab\x14\xdc\xb5\r\x8b\xd61\xd5\x81\xa8QO\xa5\xd3;p\xee\xc5\xd2\x12c\x9a\x816v\xb7\xdbo\xc3\xd8mv;{\x8dd\xe0\xe5\xf2\xf2\xcb\x97\x0f\x87\x86\x87\x18\xd8l4\x9e\x94\xd8.\xaa\x1c\x98\x0c\x8c\x16\x0e+\x9cD\x1d\x85@\xbdz\xf5\xe2\x05\xc4\x9at:\x97\xdd\x99\x8c\r:\xf9\xbbb]}}]\xfa\xd8\x18b$\x12t\xbd\x9c\x9a\x1b\xc2\x0c\x0f\xe7\x1f\xad\xe7P\xfe\x12\x1df\x8f\x8dR\xcbd\xae\x96\x15\x94\x96\x08\xaa4)\xa5SM:]\xeep\x0c@]]\xb1X\xac\xb3\xb3\xbd\xb3\x8f\r~\xee\xeb\xf2\xfb\xfd\x1dA\xef\x83\x16W~~v5\x9e\xc4f\x80SQ\xdd\xa8\xdd\x07\x15_+\x95DP%\xd3\x01F\xb5\xd4\xa2\xf2\xc7,\x9e\x98\xa7\x13\xe3i\xc7\x10Z\'\xb0\xfa\xf0\xda\xe9\t\xbb\xbd\xde\x07/\x1f\xce\x81,?\x06\xb9\xe2\tp\x89\xc2\x91a\xc5e\xae\xd2\xc5\x02R\x056\x8bk/\x1c\xa0",W0\x13\xb6X\xfeiiog`\xed\xa3\xa3\xed\xed\xa3\xbad\xb1X\x9f\xc7\xe2\xe9\xe8\xed\xf5z_\xce\x81kxa\x80\xb0p\x0f\x90\xc5z\xc80\x13\xf7\xca\xd8\x99}\x89h`3\xbb\xa6[\xd8\xe3d\x16z&lt;\x16K;\xbehFG-\x8c\x8a\xf2\xe5\xef\xea\x8b\x85;\xaeA\xae)\xd4\x07\\\x1cx\xb6:\x8e\xc3\x85FX&amp;\xc3\xb0*\xb2\x9cL\xe4r\xd1\xcd\xec\xdb\x1ev\xf8\xbfa\xa9\xa2\x19\xb5@*\xf8\x08*,F\x1b\xb2\x95q\x03\xcb{\xfb\xce\xd4\xe0\xd0\x02\\\\\x85\\%p\xd5V\x0c\xba\xfe0\xb5\x08+\x1a\x98\xcd\xeaTX\x86\xae\xe5`\xc4\xcf\x06\x89\x87q\x1er\x10T\xd4\x10\x99L$\xe3\xcf\x04\xbd\xde)\xef\x14\xe6\xee\xf0\xc2B\xf7H.\x1e\xdf*\x95\xe4\xf2\xb6Q\xb72S\xb5\xac\xf9|\tl~\x9bk\xfd\xcc\xc2I\x98\xb8\xbc\x1cA9\xd8\xfc\xe8Q\xd4\x96\x1e\xf4\xbe.\xb4\xa9\x9d\x8a\xcb\x9dq\x07\xbd.\x80M\r\x0e\x02+?6\x9b\x1b\xdf\xda\xda*\x19\xa9V\xb3\x02\xb5Rq\xc2r\xf4\xf7\x13\x16L\xfcn&amp;c\x03\x90\xdd\x96\x01\x88\xdd\xc6z\x01ZEPYv\xbc\xe3\x06\x96\xf7\x81\xf7\xf6\xe0\xd4\x9d\xabW\xf2\xf9\x85\xf9u\x86\xa5\x1d\x85\x8c\xc2"\xb5p\xcc\x03Vq\rT\x8b\x94,\xa7k\x06b\xf9\xa9&lt;\t\x0b(x\xea\xb2u\xb1\xed\x87e\xab\xc3\xdd{\xad\x17\xd9\xba}\xe7\xea\xfd+W\xf2c\x03#\x8c\xcb\xc8\xc8\xef\xcbZ"N&amp;B\xac\xfe\xc5\xc9\x9eI\x1c^\x82A\xa2\x82Dz\xa9\xeb\x92\x91h\xa4\x1aau\\\xeb\xed\xbd}\x1bTw\xef\xdf\x07V\xf7\xc0*q\xd5\xad\x06b\xd1\xa18\x95\x0edu\x0f{\x98Z\xee\x8c?FeJ\xcdn#(;KX\x1f-\xccX8\x8c\x82\xe8\xa5\xc4\x0f^\xbd{\x05\x93\xef\x1e\x98\xde\x1d\x1f\xdf:6\xec\\c\xda\xaea!B-\xa2\x82Zl!\xce\x04\xdd\x11\x1b\x8a\x0b\xcd\x8e\xca"\xcd\xc0\xd4\xd7\xd7\x89\x96\xb0\xd0LL\\\x02\x16Z\x1eTy2q\xac\xfb\xd1\x08\xb0N\x8c\xdb\xaa7\xear\x02\x0b\xb1\xc8\xa8\xfaY\xb6\x80\x15\xc4\xe6\xe3a]\x8a\x82\x07Pg\xabUG\x19\xd6\xdfn|\xfd\xc9\xb5\x07\x83s\xc3\x8e\xe1\x85\xb1\xfc)V\xc5P\xac#D+\xc7\x96a\x0b\xeb!s\xd1\xef\xb1\xfcb\xa1\x16Ee\xe9Dl\x18\x96\xe5\x1f7n\xdc\xf8\xe2\xf1WW\xb2\xc5\xd9\xf9\xb1&lt;\xb2\xd5M\xa1\xdf=6\x12+\x91\xc8\xadf[X\xfd\x8b\x8b\x8bK\x8b/\x83\xeep\xd8C\x9f\xcf\xb0N\x95\x02\x94g"&lt;1\xf1\xd1g?\x7f\xf9\xf3\x97\xff\xf9\xf5\xf9\xf4\xb3\xf5\x00\xb8 \x16\xad\xc5\xf1\xca\x81qg\xf9\xd0Ai&lt;\x17\x00\x16q\xe1\xc5\xe1\x18\xba\xfb\xfb/&gt;\xbaqcbb\xc2\x82CD\xac\x9d\x02\xc6\xc8,\x9ep\xf8\xe9\xe3\xcb?={\x8d|\xef\xee\xbe^\x1d\x19\x19Y\x9f\x9d}466Oj\xed\x1a\x89enl\x9da\xb1{\xd6\xec\xfc\xe7\x7f\xff\x95\xcd\x0f\x97\x1f\x7fx+\x1c\xa6#\x04\x81y\xc2\x1d\x9f&lt;\xbd\xfc\xd3\xeb8]!\x93\xbe\xc4\xf8\xeb\x91\xd5g\x03\x8f\x1e\xcdv3\xb5v\xc7+\r\x03\xff"\xd8\xdc\x1d\xcf\xad3,\x87#\x8b\x9b\xdf\xfa\xfa\xc8\xc8xI\xd3\x12[[\xbb\xcf\xa6o&gt;\xbe\xf45\xe3B\xd0/]\xff\xf8\xe2\xf4*.\x8f\xf1\xdc\xea\xea\xc8\xf4\xf4\xf3\xe7\xcf\x7f\xfc\x11\\\x03\xb0\x91L\x1c?4\x10k\xef\xb5\x8e\xd5?\xecX\xa3\x0b\xe9jn&lt;N\x7f\x05\xc1}:\x95[_\x1f\xf8\xc3\xb7\xdfX\x90}\x0f\xd6\xdf\xc7\x1f\x0c\xaco\xce&gt;\xea\xfe\xe0\xe2_\x7f\xf7\xe1\xd3[\xb7\x9e&gt;\xbe\xf8\xd5\xd8&lt;\xb4\xd2\xb1*M\x93\x81\xc5Uoa\xc1\xc3b\x11)\x99\x9e}\xf6\xfc\x87\x9b\x9f\xde\xfcq`~\xbe\x1b_\x17oY~aX\x97&gt;\xfet\xec\xf3\x0f\xbe\xbf\xf8\xfdW\x7f\xfa\xe3\x9f\xaf_\xbf\xfe\xed\xffX5\xdf\x976\xf2&lt;\x8e\xf7Y\x1e\xe5\x91\x05\x9f\xb8\xd8\x81\x15wn\xd4\xc4^\x03\x91N\x9a\\\xa6+c\x86L~]\x07\xabv\x1a5:\xe9\x90\x1f\xd8M\xb6n\xcc\xa5\xdd\x92i\xd0$5k0\xe9\x1ar\xd6m\x88V*\x96\xb6\x84\x82l[\xb0\x12\x0c\xbb\xe9\xe5\xbaPu\xa1W\xaa\xd9+wG\xb9G\x07\x82\x0f\xee\xf3\x8dw\x7fA\xe7\x8b\x8aH`^}\x7f~|?\xefO\'K\xf0&lt;\xdf\xe8[\x03\xa8\xcd\xbf\xfa\xab\x8cX\x7f\xfe\x0f\xc4dz\x15\xc50\x99Lzy\x03\x91u]\x19\x1a\xbar\xab\xdb\xe1\x98p8\xee;&amp;\xb2\xe6\xcd\x8bf\xf3\xca\xe8|\xabR\xd9b\x08&amp;\xe6Z\xfa\xcf+[[\xd5k&amp;\xde\xf0\x7f.\r\xa8\xf5\xcb\x0b\xf9\x82\xa8h\x7fs\xf9\x1e\xc2\x02o\x05\x06\xda\xcb\x16\x05\x0e\xc7\xf1\xa6V\xe5\\bi5811A\xf8U\xe6\xb6s\xa7\xcdx\xb6C\xa9T\xa6\x93-\xb3\xeb;P\x89;75\xb77\xd6\x0cp\x94\xe8V\x04\xac\x8f\xe8\xa6\x96M\xaf\x0f?\xff\x0f\x0bA\xc1\x11\xba\x1d\xca\xf7\x7f\xbby\xf3\xc9\xba2\xb9\x9av8\x08?I\x9f&gt;;N\x93\x86\x96\x16\xa5n-hZx\xf5\x8fW\xcf~}\xf6\xa7\x07\xdfO/\x05\t\x83\x81\x0f\x9a\x1e#\xac\xdf\x86\x87\x0f\x0eN\xca6\xda\xec&lt;x0\xbdj\xb7\xf7\xc6Y\x06\x9dt\xe2\xf6\x1f\x7f~\xfd\xe5\x8f\xafv\xfa\x92\xdet\x90-\x12\x02\x85&lt;k\x89oii\t\x9a\x96\xfa&gt;||\xfd\xecw?}\xf9\xd3\xe5\x1bW\x13s&lt;\xc8\xc5\x9a\x06\x06\xbe\xbfv\xed\xed~\xa7\xa9c_\x1e.\x85b\xf8\t\xc2\xd2\xdb\xd3,#0LQ\xff\xf2!\xf4\x87_\x9f\xbd\xde\xf9\xf8\xdb\xb4&gt;^\x14\x98"\x03sa\xde\xa7\xf5\xf2\xfc\x84C?\xf0\xfe\xbb\xb7\xd0\xbb\xae]~\xb2\xf0\xf0\xeaK;$c\x91\xf5\xae\r\xdc\xbcvI\xb7T\xab\x97;\x0e\xe4H0\xc5I\x85\xe2\r`\xe9\xed\xbd\x16\xc0\x12\x84\xf4\xc6\xa5o_\xef\xdc\xb8~\xfd\xc6\xbd\xf7\x9d:{\x86\xe4\x18\xc6\xe8\xdb\xca\xe5\n\x19\x8b7\xd8\xda\xca\x1bXq\xbe\xe7\xfc\xfa\xd3\xa7\xfd\x865(\x91\xa2\xe0\x17`\x90\x80RLZRR\xeap\xb5*\x83\\\'\xf7;z\xaao\xef]CX)F(\x16\xbd\xfa\x8d\xab\x97\x12k\x03\xa1\xd0\xfal\x14"*p\r\xac\xc2\xd6\xd6V\xa6l\xf1z\x95J\xde\xcb\x92*\x15&gt;\x84\xcfC{`Y\x8f\'z\x8c5\xcd\x8b,\xbbxh\xff\xf4(*\x14U\xbeR\xab\xe8\x1e\xddxt\x8c%\xc0\\\x97L\xea-lT\xe5"I\xd2\x03\x13\x15\xcb\xb8\x8dn-\xc2*\x94\xc1\xdc\x9b\xa0E\xb0b4\x1a\xf5\xc3\xb7(z\xc0h\x08L\x1c\xb04\xb7\xf9"/e\x0e\xcb2$\x97\xe2\x9b\xc3J\xa6\xbe\xa8\x7f\xf0\x08\xee\x9e\x14\xcc\xca\x94\x15\xd0\xe2\xac\x10%aXG\x99\xe6`\x8c\xc7X\xb9\xdcV\xd9\x0erA.\xcdf9\x17\x1c\x8e\x83Y\x10f\xd4\xa8\'\x1e\x04\xac&gt;\x93\x814\x16j\x99\xbdO\xc5R(N\xf6\x1c\x1ej\x8dnf\xfa\x91\xdd\x9eJ1\xd6X\xce\xe8\x04\x1c\x10\xcaf\xb3\xc1c9A\xa0\x8cF\xa3O[\xc8mo\xe7\xb4v\x90KbA,R\x15\x0e\xc3$\x08\x13j\xc9S\xf2\xb0\r\xb5\xfa\xd4C\x83&gt;m-\xb3,\x03\xd6\xe7\xb5\x9aV\xcb\x08\x9ai\xe8Z\x92\xdb\x98\xdf\xca\xd3\xb4\n\xc3Ta&lt;&lt;\x1a\xc1m\x02\xe8g\xa4(\xb7\xd6\x07X\xdbF\xb4\xa2II\x1e\x0f\xc0\x80\xa96\xfa|\xbe\x82\xaf\xe4\xf1\xc4\xbd^\x93\xee\xf1\x82i\x0c\xf3ejZ9\x82\xb8R\xab\x1b\xb5)&amp;\xb8\x94\xb4[`\x8a\xcf\xe7c4\x8d\x85\xc1\xda\x80\x8b \x05\xca9\xe8\x04\x1bD\xb9%\x845N\xa1\xd5Q\\\x02\xa4\x12\x10\xf9P\xba\x15\xb4\x80\x08\xfe\x07\xb0\x1e\x1b\xac4U\xabIU\x19\x1a\xc4\xf3z-\xb7e\x8c\x07\x13\x80\x05jQV\'\xedt:c\xf9X,\x86\x16$`\x9fa\xae\xa7\x18\t:\x04D1e\xf1B\xcb\x05,*\x0f\xc5\tep\xac\x96\xd0\xc0\xea3q$]\xaf\xf9\x0f&gt;\x9dJ\xb1[\xafm\x15\xf2T:\t\xf7a\xca]\x02\xacX\xde\x983\xe6s\xb9\x9c16&gt;C\xcf\xa0}\x03\xc5\xa0\x94\x07\xac\x82\xc5\xcb\x8a~\x1b\x06\xae:\x96G\x9f\xc9\xf9\x00\x0b\n\x12\xb0B}\x15\xa9\x94O\xd5\x9e\x7f\xbaWT(\xf635wa\xcb\xe8H ,\xc9M\xa1\xc7\x19}Pu\xb9|l\xfc\xeci\xf3\xc5\xb6\x00\xed\xa4\xa4F\xcaoo\xff\xd3\x02\xb7&amp;\xa1\x8a\x98\x03\x83g\x1a\xeb]P\x15\xdcb\x940\x98\xd4!\x8dE[\xf0I\xe5\xaa\x0cb\x9d\xa8J\xb5\xd4V\x8e\xb2\xbcL\xa6\x01\x8b\xa1\x9c4\x1dkh\x95\x07\x87\xdf\xb5\xb9k\x1e\xb3YK\xe0is\r\xacq\xc9b\xb7{\t\xbf-\x1c\xe8jn\xf8\xda\x19\xda\x06\xfd\x8b0(\xd5\xa1P&lt;\x95)\x94\xb2r\xc4\xf0\xc4\xb0\xadV\xcf\xe7|\xf5\xc3\xa4)\xed\x95\x18\x92\xc6\xe8\x18\xd2i\x1c\xec\xea\xc5\xdd6\x94\xf6\xee\x82V\xeb\xcb\x83\xb3\xde\x1e?c\xb5\xe8+eo\xd0\x9er\x0ev\x1d\x8f\xf7\xe0\xaf\xa3\xc4\xacA9\xb20"Z\xeaG\xd2T\xbb,7\xe2\xf2Q=\x06\x05\xd5\x8b\xb0\x18\x81TA\xde\xcc \x07\xdd\xbc\xb9\xbb{\xce\x9a\xf2\xc6\xddPsZ\xdf8\xf8\xfc\xd3\xe7\xdah\x8b\x1en\xa0`rc1v\xe6\xdcE\xf8\xc8&amp;\xc8\tX\x1d\x80\xa5\x8eWj\x19\xb1*\xcf\xfcp\xc0fb\x85\x82\x8f\xd1\xcd\x99\x00\xcbf\xc30,\xd0\xbc\xb9\x89\x9e8H\xe9\xf5D7\x83z\x81\xef,\x04\xb4\xeb\xe2.\xc6\xa6\xbd\xf18A\xacm\x94c3\r\xae\xb6\xd1\x06\xd6\xf9\x91\xc7\xa6\xca\xe1\xa2D\x1c\xc8\x83\xd5&gt;\x95\xcaC\xa9{\x94ssA\x16\xa9\x85\x81o\xdd\x85\xb3y\x86Z\\%\xf0p\xb4\x80\xfe\xef 6\xd3e\x1e\x0b\x8c\xd9`H\x16Y\xbf\x9f\xd0U\xca\xd6\x99\x00ZG\x84\xb9\xecl\x03+Q\xb1\x88\x8b\xf3\xc32M[/\xe2\xbe\xa3\xa3\x02\xd5\xaa\x99\x0b:\x04\x12\xd4\x1al\xdbDT\xe7\xe8T\xa5hsba&amp;\x93\xb1H\xa8\x1aHRD\xeb\x19^\x8c\xfaE"XIY\xb1\x80y4\x8c\xcf\x03\x15`-\xcc\xa5\xc5rmJ\xae\x99y\xf8B\xb9P\xab\xf9\x08\xcd\x80\x0e\xc6c\xce\x86\r\x9a!\x86\x9b\xcd3T\xafW\xe5t\xd2\x98\x8a]}\xb9\xb1d\x8f\xb3~\xd1\x94X\xda\xd80\xa1\xf9!\x9a5\xf4J6,\x1c\xc6/t\xce6\xd4\n\x11\xac\xbeV\xde\x97\xcdb\xec\x97\xb5\x99Z=\xa5\xd1\x98xp\x13\xa0\x17\xda&gt;4\x8f\xd1\x92\x05\xf2\x1f\xb8h[\x11\xba\xedZ2\xa1T\'\x12\x03\x03j^\x14A\xaf\xac\xcb\x9f\x12l\xaa\x06\x15\x88u&gt;\x14"\xfc\xe9\n\x7f \x9b\xc38\x10\xeb\x92U\x8a\'5\xba\xa0\x81@\\\x83\x01\xb39\x809S\x02Z\xae\x91h\x17\xe9\x87\xc3\xaf\r$\x12I\x9dZ\x89\xb0D"\xcb\xe1~\x86\xb4\xb9\xe6;g\xfb\xfb\x01k$\xe4\xb7\x89\xa6\xa7\xf2\xbd8\xa2X^\xacg\x04\xb2\xa8\xd1\xa9\rD\x11\xb8T\x18Z\xf7QR\x18S\x910\xee\x01\x83\x9f\xe4\\\x1c\xe1\xb5\xaf\xc1lj2\x89\x84\xc8\xc2?\xc0u\x0b&gt;\xca}\xf6\x19\x88\x85\xb0F8\x92a\xa7\xe4\xa3Br-\n\xb4M7\xd7\xc0\x82\xfcRa\x83\x18&amp;\x90\x11\x95_da\xba\x8f\x926&lt;\x82\xbbT\xae?p\xb8\xcb\x0f\x06\x8c0\x80\xddi%T0:\xbb\x9a~\xdf\xd9\xdf\xd1\xb1&gt;2\x12b=\x12;%\xe7KoS\xbdq\xd2\xe9Tkt\xf7\'\x88b\xd1\xcf\x01\x17\x86\x91*\x9c+\xb2\x10\'\xd2\x89\x8d\x05\xda\x02\x91\xa1\xd1\xa1\xc96\xf3(\xce\xf9\xfd"x\xc3\x16\x03\x17\x89\x0c\xe1\xf8)\x84\x05b\x8d\xc0\xc4#.\xcb\x87\x05r\xcd\x96\xac\x1e*\rQt\x10(\x8cH\xae1\x1b\xee\xca\x16\t4\x86\x8e\xae\xa0\xd5HW[3Z\xc4M\x8e\x86]\\\x16$\xeb\xf8\xa2)29y\xb7\x81\x85Rk\xfd\x02\xfc\xfd\x85\x9c\xef\x96\r\xe3n\xa9\xa4\x954sJH\x99F\x14\xc3c\x01\xd5\xd7M\xdd\x8d\xdf\xc2\x18\xf6o8\xffB_\x18m\xf5\xc4\xe3q\x11\xaa\xef\x8b\x9e\xcf\'W&amp;\xef\x0e]\xe8A)?\x12\ne\xe7\xb3{2\xbed\xa38\xd1~\xb7Tr\x970\xb5Fm0\x1c\x8b\x15\x81Fy\xe5T\x13\x97\xcdF\xa5r\xbd^&gt;:\xaa\xd7\x8f\xe0G\xb9\\\xaeT\x966.=\x9c^%N\xdd]AX\xa0\x16\xc2\x1ay\xff\xd5\x0f\xd5v\x193\x0b\xee\xeb}\xd2i\x0bc|\x9f\xee&gt;\x88\x95\xe5nEF\xcd+\x93C\xa7\x9a\xba\xd3\x95\xc3\xc3\xe4\xaa\xfa;/\xdb\xd3R.\x07[M\x1do\xcf?}\xfb\xf1\xc7\xebW\xf9\xaf#\x93\r\xac\x0b\x9d\x9d\r\xacw\xc3\xb2\xbfw\xdd\xbe\xcc\x91b\\\xb7\xf0\x18\xa2\xd8\x9dm\xc2#\xa3\xe8\x91w\xaeto|\xfbp}\xef\xdd\xde\x8b\xbd\xfd\x17\xd5\x1f\x96\xf7\xab{{\x7fy\xf7\xf7\x0fo^\xbf4\xdc\xb9\x13\t\xac\xac\xdc\x1dB\xfd\xb4\x1f*q}\xef\x84\xfc\xef\\\xb7W\xa7\xbe\x99\xaa\xbe\xebS\xf3\x90ZM8&gt;\x04X+\xcf\xafDLW\x9f\xfc\x97\x96\xb3\ri+\xcd\xe2\xf8fB\xb9\x88\x13)M\xc2X\x9axmk77\xdb\xa4I\x08\n\x19\x9a\xc1\xb0)\xb3\x0e[\xe8\x90D\xd2i\xach\xe2\x87\xae]\x1ak\xb5\x12$\xcc\xa4\xb3n\x0b\xddH\xd3\x06\x9b \x12\xb0\x96\x11\x8b/M\x9c\xc4i\x8b\xad\xb3XYG\xfb\xc1mV$\xbe\x17\x16\xa7\xcd\xba\x8e\x16\x96\xba\x1d\xf6\x7f\xae\xb63_vw^z\x0f\x08\x8d \xfd\xf1?\xff\xe7\x9c\xf3\xdc\xfb&lt;\xf9\xdb\xcc\xdd\xe5\xfb3\x93\x93\x93\xcb\xcb\xf8\x99\xf9{*\x95\xba\xf3\xf0\xb4\xe3\xfa\xf00\xac\x05*\xa5\xb6U\xd3\x07\xacI!\x8ex2t\xbfbr^\xff\xfbRxK\xed\xe7\xb1&gt;\x8b\xc5\xdc\x9f\xff\xe5\xce\xdd\x0f43\x0b\x0b\xcb3Pmfa)U\xfa\xf0\xc6\x8d\xd3\xe5\xeaX,6L)\x0c+\xb5Nk_\x9fo\xe9\x890\xc7\x9a\x19\xb4\xa1\x94\x19r\x11\xd6\x16\xd7p\xcc\xbf\xf7\xd77n\xfc\xfb\xe1\xc9\xfa\xd4\xc2\xc2\x95\x85\xbb\xa9\xfa\xdf\xddx\xfa\xf4\xe9\xe93m\x0e\x17\xb8\x08K\x8a\x1cB,_\xaaJ\xa8\xd3\xd6\x8cj\xc1\xa7\x97\xd03J\xb5?\xd6D\xeej\xf2\xa3\xff&lt;\xa5\xf8\xc3\xa7\x9e\xb6"\xcf\xe7\xf8\xd7\xb1c\x9f\x9e\t\x87\x91g\xb5k\xd8\xa5\x0e+[[!V\x9foA\xb83\xe0\xccd\x9fYr\xb2\xb4\xcd\xe2\xf1\xbb\xdd&lt;WM\xb3N\x87\xcd\xd7\xb3g\xcfx\xb8g(^\x87\x0f\x87\xc3\x0e\x8f\xda\xe1(w\r\x17I\xdbh\xa6\x81X\xc2X\xeb\xd5\xd3\xddT\\/Q\xb0\x06\xa5\x07\xad\x06\\\xf4\x82@\xf7!\xe6\x9b\x9a\xf7\xfe\xf9\x8c\x02eU\xe7q &lt;\x8e\xb0:v\xdd\xc4\xb1\x1a\x85\xa4\xba\xba\xcf7\xa7\x12\xf0,?3\x83,J$\xa5\x86r\x1d\xcf\xe5\x87Z\x1e\x9dn\xaf\x8e\xaa&lt;\xe2\x8f\xc7\x0e\x13\x94)\x1c\xf6\x84\xc3\xaeX\x91\x96UX%z\xb4\xe9\xf9I!\xcf\xf13O\x96 \x17\xf2x\xd0\x82\xd5\xe8r\x03\x0br\xe9&lt;\xe5\xe5\xe5\x98o\xda0\xb4kM&amp;\x87#\xdc\x16F"\xd5.G+uC\xec\x10\xa3\x0b\x82\xde\xadad3\xbe8Mz\xa5\xacR}\xca\xef\xf7\xa3\x1f\xee\xd5}X^.\x05\x92Ube\xb5\xda0\xa8\xb4\xa4\x96C]\xa4\xd5X%\x12_4\x1a\x9d\xbf/\xf05\x91\xaa\xa52\xe2B\x1e\xa5\xeaf\x8c\xea&lt;\x16fcL\x07\xadV\x8d\x12^W;\x00\x85\x00\x1e?\xfdE\x03\x89\xe8\xfc\x13a\xa9\x18\xd9\\\x10\\f\xf8\xfe\xa0T\xa7k\xd1a\x97\x8d,6\xfb1\x06z\xcaQ8\xfc\xd8\xea\xa8\xc1\xa6\x86jN\xa2\xf2%\x02\x01RKP\xac_\xc8\xee\x16\x07\x03Q\xe8\xa5 \xdf#\xf6\xee\xfd\xcd\xdef\xb7\xdb]\xd3\x0c\xe9t\xeef7\x08\xd5n7\n\x84\x91z\x8e/1=\x1d\xf8\xc87)l\x12\x19\xd9B\xa88\x12\x80`0\xbeA\xdd\xa8k\xf1\xfbkN\xd4\xb8\xcf\x1d=w\xee\xdc{\x87\x8e\x1eu\xf3\xf1\x99\x0b\xcb\xd1\x89!+\x9a\x98\xb6G\x8a\xcd\xbee\x81/m\xc9fB\xa1\x80=\x12\x88\xc6\xf5zI\x9b\x1a\xd3\xba\xfb(\xf6A5[o\xac\x8f\x1f8p\xb4\xa6\xd9\xcd\x8f3\xce&gt;\xac\xc0i\xbb=Rf\xd6\xc7g\x84\xc5b\x98\xe5\x10\xe4\xea\xef\'0\xb3\xa4\xcd\xd3\xa2\xc6d|\xe0\xc4\x89\xe3_\x1e\'0L\xcd\xcd\xcdMM&lt;U"\x11\x88lQ\x01K%0\xd6\xa4\xf9\xea\xd5\xe2`?\xfd\x7fq\xb3\x82\xda\xa3\xbb\xe9h\x8d\x1b\xdb\xecw\xde9p\xe8\xd0\x97\x070\xda\xc7\x8a\xc2\xceyP\xd9\xedv\xf2\xa1^_\xbc 4\xd6}\xfd\xd5\x86\xab\xa12\xd2!\x10\xf5Y[\xb1\xeaP\xee\xf9\x97\xe9d\xb1\x03M\xae\x98\xab\xc8\x04\xaai^*\xaa\xbe\x12s\xf1\x9c\xc0\xf7\xc8\x98\'\xd6\xab\r\xe0*\xbe\xd4\xdfI\x99\xacV\xb4\x85=\xeaf\x1d=`\xe2\x9f25\xd3&lt;\xba\x94\x80\xd5I*\xf4*\xab\x02X\xa9*\x81\xd5z\xe2\xbcj\xb3544\x84\x82\x91\xfeNRL\xc2\xb6\xb2\x07\xe9]\xca\x19z\x10p\xf8L[\x9b\x06RMO\xd9\x03e\xd1j\x89B\xc3c\t5\x04~W\xe6\x9d\x7f\x8a7\xd8\xbam\r\xa1\xe2 \x14\x83$&gt;\x9fO\xaf8yR\x82Q\x0c\x9b\xe9\x93\xd5&gt;0M!\x7fQ_\xb5U\xa1\xd0h\x08\xcbw_\xd8[\x8aLU*8\x11\xb1\xd9n\xda^\x81\x81,\x12\x89\x04(\xa2\x81\xb2@ 2\x81\xa0\xf5P]\x8d\x04\xb2,\x8fU\xf6\xaf\x97\x03B\xd6\x08`E\xca&amp;\xe27o\xde\x04Y\x03\x8a\x05\x1d*\xbdWy\xfe|e\xe5\xc4\xd4\x14\x80*\xef\xdd\xab\xb4\x97Q\xdb\xac\x96H4\x1a\x96ey\xacG\xd9\xc5\x97\x1d2\xc1\xee\x9b2\xaa9\xbb9\x1a\xa8\x03\xd7\xcd:\xf2XC\xa8\xecR\xe7\xad\xf3\xaf\xa3\xb2\xb3\xbf\x0c-\x80\xa8\xacV\xf65V\xff\x17\xd9\xf6\x1e\xaf`\x99\x94\xa9\xe6:C\xfa\x88\xc2`0\x10\x97\xad\x9b\xc2\\F\xd9\xbcu\xf6\xec\xd9\x8a\xdbA\xb4q\x85\x15\xc3\x1f\xadA\xc2R\xf0X\xc1\xce#Y\xf1\xc6s\x95@\x17teUs\x9d\xc5\xf1\xcai\r\x07.\x1e\xcbVG\xd1-\xd1\x9bC!\xb3^aPr\x9c\x06(\x84\xa5a\x9d\xaf\xd4\n^\xea&lt;\xb2\x99;\xd43(\x84\xc5\x18Fu\x7f\xa93\x10\x99JL\xf9,\x06C]\x1d\x1d\xce\xa8\x83r\x1cg\xc1g\x8bEZ(5*\x81EY$\xb58R\xab\x9b\xc7\xbat6\x9b\xb33\xf7\xc1\xe2\xcb7\xbd3c\x18\xd9@\xfa\x1b{\xff\xc4D \xf1(\xe1d\xc1e\xb3\xf1XJ\xa5T\xda\xd2x\n\xe1**T\xb2\xa4\x16\xea\x85B\x03,\x03\xdb\xdd\xad\xe7\xb1*\x1e\xcbsv\xe6\x88\x93k\x03o\xd2bp\x85je6\xfb\xab\xfe\xcbA{\xdc&gt;\x95\x98N@%\x1bq\x01\xcb"m&lt;\xe5\x8a\r\xc7b\xd7\xd1\xa59:&lt;BX,\xc7Q\x12\xbb\xf5\xf1m,Q\xce\xce=\xb9\xc9\x1e\xef\x1b\xb3\x18]}\xedM\xbf\xd8\xfc\xe2\x93\xdb\x97C\r\xdd\xf6D\xe2\xabD4\n\xb9\x1a\xba\xeb({\xe0\x02\x16\xf6\xd9E\xc6V\xc5\x07zR\x0b5\x8b\x92X\x07,sq0x\xa9"\x9b/\x06\x96&lt;\x99\\L\xaf\xbc\xa1\xcb\x9d\x0c\x93\x19\x1bm\x97g?\xfe3\x8fE\xf6Z\x9a\x9e\x02\x17y\xde\x80\x1cJ\x0b]\xd8i\xc7\xae\x17j\xe9\xfc\x0f\x99\x0bP\x9c\x81\x97k\x0b\xab3[ \xce\xc9)\xd8\xb3\x9eL\xbe\xf86\xfdF2\xc9T\xbd\x9c\xdd\x83\xc8\x9e\xbdMX\xb6:\xc5\xf4\xfc|\x823Xx\xd3\x93\xd7\xa5$\x17\r\x0fZ\'\xeb\xd4(\xd0vJYN\xa9\xe4\xb6+D0\x18\xbc\x95\x15\xbf\xc2\x1a\xcb\x8c\xa4G:~.\x18#\xcb\xac\x0em\x12\xd6\xe3\x8am,\x83u~\xba\xba\xb1\xa5\xc5\x02\xb9JI-\x90\xb546:\x8cZ-\xc7ma\x11\x15\xb0\x14P\x8b\xf7\xfc\xbd\x8bb\xb1H\x94_\x90L\xe6\xf5x\x07\x06\x06\xd3\xe3?\xef\x9b\x19d\x03+\x8b\xd7\xf6\x00K\x0e\xac;\xdbX\x16kB\xd9\x08\x10p\xd5\x91\xe5\xa5R\xca\xa4T\xc9i\x9dN\xc2\xb2j8\xa5\x11\x1fI.\xd4\xb4\xe2\xb2\xc8c\xb98G\x9c#\xcfI&amp;K\xd6_\x8c\xadtd\xd2\xe9\x91\x8c\xea\'{\x9f\xe9\xf8vh}}\x13Pr$\xf15\x96\xa5\x05P\x8d\x8d-\x16\x94/\xbeBH\xa5\x1ei\x98\xb08\r\xa6\x19\x05\xa7\x94naQm5\xc7\xa3\x91\xac\x88B\xfev^^R~1\x7f\x08`\xbd\x83\xe9A/\x9dUg~B\x13TU\xf5\xac\xaf\xafC+D\xf6\x93\xdb\xdf\xc7B\xa1".8[I`\x16$\x8d#\xb1\x10,&gt;\xf3\xb5\x95\xe5\x8b\x98/&gt;uq\x07\x8f\xb5^\x92\x97\x9c\x9d\x1d\x95\x8b\x0060\xb0\x92N\x0ff\x08\x8c\xf9q\xae\xaa\xaa\xea\xf0.&amp;\x81ET\xf9\xd9\x8f\xbf\x87\x05*\xff\xa9S-Dc\x94\x16\x9a\n\x91B\xa5\x96\x02d\x1c\xa5\x90r\xca\xf2\x0fm$}\xbe\xafD9"\xd1\x0e\x918Y\x92\xb7&gt;\xd8;26\x9a\xdf\x85^\x94\x19\x80d\xe9\x95\x8e\x1fS\xc9P\xd6U\x03\x83\xb3\xa3\xd7\x80\x85\x14\xca\xf3\x0b6\x8fT\x04\xb7\xb0\x0c\x96\xf2\xad\xba\x0e\xb9,Ji!\xa2\xc8QXh2\xd5\xd7\x9b`{\'\xc7S\xd1Jd\xb12\xad}\x89=\xbbI\xad}o\x97\x94\xe4-\x8e{\xbd\xbd\xe3\xab/\xda\xbb\x1e,\xaeyI\xb2\xd5\xc1\xcc\x0f\xfe:\x0bPU\xf5\xf6\xb4\xcb/\xe6&amp;\x93\xc9\x02\x12\xab@\xfe\xb8\xe22\xbd\xef4\x18\xb6\xe5",r;\xa0\xf8\xa8\x07U\xbd\tj\xe1W&lt;\x16\x85\xd3\xb9\xd4\xf7\xcd\xee\\\xca\xe1\xbe\xf7kK\xde]|\xbe\xe2\x05\x987=\xdb\xde\xd5\xb51\xf62\xd3\x91\x19y&gt;\xd8\xfbC\xee\xa932\x99L\x95Y\x1b\xcao\x7f1;\x04\xac\xdc=\xf9\x08Q\xb6\xb38\x14\xda.\xec\x96ms\xb5\x90Z@\xba~\x9d\x07+D\xe9\xe2x,#\x9fT\xa3\x11Y\xfd\xba}\xd7NQ\x97H\xf4V\x1e\xb0\xc4\xf2\x8d\xb1A\x1el\xb0g\xa8\x0b\x92\xad\xaed:z\xc7G\xbc\x1d\xb2\xff\x0f%\xcb&lt;_l\x97\xcf\xa6\xc7\xbd=\xef\xe6\x95\xfc\x16b\xe5\x17\x88\xe5\x8fBz}7\xcbSY\xf8\xf6\xdcHrI\xa5E\xa7\x08\xac\xe8\n\xb8L(]\x94C#\xb0\x8cF\x13"\xb54\xba+w\x07Y\xebZmm\xc9\xfb\xf2\xfc}\xfb\x86\x16\xd7\xc6\xbd|.!\xd9n|Z\xc9 \x06\xfe\xd7\x0e\x89\xbe\x1cJ\xd5\xbb\xba\xf1 \x7f4\xdd\xdb;\x9eYK\x96\x94 \x8bP\xab`\xc7f\xa0[\xc2r&lt;\x15\xd6"\xcf\x05\xd3\x1b\x0b\x1d\x8dE\xdba",\xe5\x16\x96\x11V\xbbR_\x9f\xfa:w\xd7[;(\xf2.\xd4\xe6\xe5\xe6S]\xdd\xf7`cl\xa4\xf7;\xc96z\xd6\x90\xcd\xff\xfe\xaa\x83\xbe#\xaacel\xa3\xbd}tl\x9c\xfend\x15X\xb5\xfby,\x91\xf8\xaf\xdd|\xa1$\x96\xadi\x86\xb0\x94\xd2\x96ms\xc1\xf4Z\x1e\x8b\x82\x16\xc0\x95\xbbW\xea\xff\xd1\xbe\x9f\xb0\xde\xda\xb1\xff\xc2\x85\xda_\x16\x80\xea?m\x9c1h#I\x16\x86\xdd\xd5\x14GSE\xd3\xf4\x9c\x8an\xc44\xa6\xcaT\xe6\xe004Lg\x17uR\xe9\xc1\x05\x97l\xb8tb\x10\x0c\x08\x87J\x9c\n:p \x96C \x1c\x08\x0c\x0bg\xc6\x02\x81\x91\x031\xe0|.9\x9b\x9d\xcdf\x833\'\xd6\xd8\xcc\xb2\xc3\xfd\xafZ\x9a\x19\xe6\xaeF\xd6\xd8=r\xf9\xeb\xff\xfd\xff{%\x07\x13E\x11\x9f1D\x91\x14\xc3O\xb8[\xcd\xf2\xd5\xe2\xfd\xc3\xf1\x0f\xff\x9f\x8b\xfeO\x9f\x1f&gt;\xccW\x93\xf5\xdd\xc3\xed\xc5\xed-\xeee\xd2C|\x9a8$s\xe9|\xf2\x0fTh\xff\x80\xa2\xb7\xc5z\xfd\xe2\xcf\x7f\xa2j\xe1\xca_^\xd0\xf89&lt;:\xc4\xd7\x00\xf4T\xcb\xe5\xf3\xda\x10\x16c\xcc\x8eF\xa5\x0c\x03\xc2\x82t\x82Q\x14o:\xb2\xb7w\x8b\xd5*_\xcc\x7f\xff\xf1\x7f\x9c\xff\x07\xaa\x9f\x87\xfa8\xbf\xbc\xb88\xbe\xbd}\x9cO2\x1d\x16\xb6)G.+\x80\x15\xe4\xeb\x9f\x8f^\x91\xbd\tl\xffu\xe7.\x1cO_\xbe\xec\x14"(\xc8\xb4O\xcd\xe2\xcaS\xddo@\x95c19\x1a\x8dj \xc1e\xddb\x9c\xa2x\x89\xbb\xbf\xf8\xd7\xc5\xcd\xe3\xdb\xf7@{\xffx\xf1\xadR{\xf0\xf9\x1cB\xc1\xe7\xc7\xb7x\xd9\xddDc\x90\x85\x85(\x9bQ\x93x.\xce6W\xfb\x07\xe3a\xc7\xb5\xeb\x11\xd47\x0f=\x19\xa8^uTWW\x87\x83\xe5\xf2\xa7\xe5\x93\x04U\n0nGM#A\x15m\xa9x"\x04\xa2\x00\x97=\xde\x90d\x17\xc77\xff\x99/V\x8bo\xad\x0e\x9fO\xd6\x9f\x1e\x01\x85\x7f\xffu\x85\xd1\x9aD\xc0\x8aB7jF\x95\xd6\x85\xd6\x01\x8f6W\xc0\x1a\x0e\xc7\x03\xea\xa1\xdf\xff\xed\xec\xe0\xf5\xfe\xfe\x11\xd2w\xf8\x12:Q\xf4\x06\x070:\xb0\x88j\xfc\xb42\xa9_\xb9i\x9a\xc6\x15QB&lt;x\x8a\xf0\xcc\x18\x1e\x9c\xc3\xf1\xef\x1f\x80F\x15\xbay\x9c\x7f]\xbf?~\xf7\xe1\xedb\xf2\x91$\xf5\xccdK\xbfpJ\n\x93\n\xfa\xb7\x1a\x01\x02\x17\xdb\x0c\x86\xc3)q\r\xa8[\x9d\xa17\xecS\xee\xa8G\xbd \xa9\x06\xe31\xe5op\xbf\xfc\xe9~GeL\xae\x9aFa\xb6f\x01\xdf\x92\xb1m)\x13_NX\x1ei\x84\xd3\x8e\xbf\x12\n\x96Z\xc0\xe6\x977\x97\xa4\xd3l\xc6\xa3\xafWhJ\xb8U\xd0P\xd3\x01\xe3\x9b\xfb\xe9\x94\xb8\xc6\xe3\x83\xb3\xe1ug\xb4WT\xc0W/:\xaa%qA\xac\xab\xcd\xca\xc8&lt;\'\xaa\xd4 7\xad\xee\xf5@V\xc0\\\xc9\xae\x92QG\xc9\x93 HV&gt;\x9c\x9f\xa1~\xfc}\xbe \xa1H\xa7D\xe3\xad@\xe2i\x82/\\\xf0\xc5\xc8\xe2\xdbi\x84\x08\xf6\xf1\xfe\xa4\xe3:8\xbb\xc6\xf2\\G\xd4?1\xb3\x07c\xd2\x92\xb0\x06\xff^S\xf1\xb6X\x98;um9\xb0NOO=\x99\x87B(#\xbf/&gt;\x83\xd7(\x9c\xbbs\xde\xe5\xfc\xe3\xdd\xbb\x1bT\xf5W\x04\x0f~\xa2?\x9f\x81\xc2\x90\x07E\xbfO~5\xa4\xfb\x0c\xd1\xce\xd7\xcf\xd3\x13\xe2:;\xbb\x9e^_\x0f\xb7\xc9&lt;\xa2\x99=\x1e\x0f\xa1%\xcc\xf5\xf3f\x92\xa6\x922\x08*\x93\xaa\xa6\xce\xd2\xda\xb1\x0cX\xf4\xe8\x85\x01Qm5\xa3\x03\x06.\x08\x91\xf3Y\xf7\xbb\xa1\xcb\xf9\x1d\x84\xbaD\xee\n\x12\x8a\xcc\xf4u\xfdB\x1c\xc0q\x7f\xa7j4R\xe8=\xcc\'(\x9f&lt;-\xcf\xa1\tjx}B\x804\x10\xa9\xa5\x0e\x10\x07\x10O\xc7\x7f\xfde\xcd\xbcTB"\x8a0X\xa5\xb2~\xcf\xd4u\xdd\xca\x10\x83\xbf\x7f\x8aj\xc2\xa9\xc8\x10\x15\x11T\x84\xc5\x84\x90\x82Z\xfa\x87-\xd4\xa2&gt;)hZ\x00\x00\x04\x1cIDAT \xa1\x92\xe8\x1b\xaa(\t\xe9\xd6\xfa\xa7=\xd8\xab\x91,\x17\xcc/\x91\x90`\x08$\xa8\xc0u\xfdw\x9a\xd4\xe33\xc8\x07\xaa\x93\xf3)Ie|\te\n.\xa8\xe58\x0eG\xbaVJUU\x1bdd2,\n\x80\x8f%a\x85\x01\xb5\x0c\xb1\xf7\xdd\xc5\xc3\'\xb2\xf9\xdbE\x96\x85[\'\x05a\xf8\xc5WI\xd4#\xbd\x8b^d\x8ckF\x06w\xb3\xc5\x12l\xb2y\x86\x89\xa6\'\xe7\xe7\xe7\x046&lt;C-\xc19\x9c\x9e\x9f/\x9f&amp;\xb9o\n\x92\xa0&lt;\x95\x96A\xaf(2\xa9Tmle]`\x9c,\xa0\xd9\xd6f\x9e\xcaWQ\xc8\xbdw\x9f`)\xd8\x1cP\xa4\xa2\x97\x92\x80H4z]W&gt;\xcd\x8b\xc0\xb9\xd6\xa4q\xbb\x93\x8a\xb0&lt;\xd8\x92\xa8v`\x1e\xea\xe4d\xf9i=\x83\xab\xbavE\x7f\x1b)\x02\x9d\x17\x98\x86E\xe1\x94\x0bx])\x97Z\x97\xf9b\x9e\xf6\x02\x9f\xa4`\x8b%\xf6\x1en\xc8R\xbd\x8cJG\xa6\xa3\xe5\xa1|\xb7\xea\x11\x13\x1c\x10\x84\x85q\xce\xe8\xd3\x82m\x175B\xb2\xc1,\x04X\x87E`S0\x9d\xdc\x03*\xef\xa8\xf2\x9dd2\xe1y\xa25~n\xc1\x9523\xa7\xacj\x9d\xa3R\xe2\x94\x93\xcd\xda\x94Z\x8f\xdea\xbd\xeb\x84"c\x07\xbb\xb5\xed\xa1aW\xfb~!kZ\x8e\x05\x11\\\x1a\xfa\xbe\xdc\xa1\xd1\x0ey\x1e\xad\x9f\xee\xbdZ~M\x9f\x9f\x00%\xa9v \x93y\xd7\xdf\xd3\xbam\x1d2\xa6!\x886\xcaZ\xab\xfc\xb2.\xcf\x0c\xd4\xd3y]Y\x93\xa3yhFX\x13\xfa\xbd@\xb2\xc3\n#_Dr\x17A\xf52\xbcL\xd6\xb4\x89\xb5u&amp;ZD\xbb_\xe0$\xc0} w\xca\xb1\xd9\xe4\xe9\xb9+\xe5\xf2\x9f\x9b\tA!|x\xceAM\x82qS\x95\xd6 \x80\tM\t\x1d8\xb5\x85\x82\xf7+[W\x0e\x97\xb9m\xe2\xca\xf5~\xfb\r\x11`{\xe1\xe7.@(\xde\xe9\xe4-x\n\x19)\x8a\xa0\xc5my*e1ciVg\xdfr\xa1\x949\x9b@\xb2%\x84\x9a\xe0\xa2@Zsz\xe4R \x86yn\x9c\x8a\xab\xba5\xb0#\xa9\x15\xe4FU\x1e+\x95\xae,+U\xe7\x1a\xad1l!\x9e\xe6\xad\x9b\x05{&gt;l\t\xb5*\x1f\x84N.\xe0h\x84\xaf\x08\x8d\x8a\xe3\xaa\xdbA)\t\xa6^w\x07~\x90\x11\xd1N/\xf4\xcc\xd9d\r\xa1\xc4\xae\xc49}\xe4$\x197\xd6\xd88.\x95j\x93\x1c\xad\xa9\x08\xea\xb4\xad\xfc\xb6)\x89T6Ml[\x81\xb7V\x1a\x06VjT\xa6{\xd4\x14\x92n\xd2\x10UAoNz\xa7}^\xe0E\xa2\x8ei\xa9\xba\xc6\x1e\x95E\x88\x8a,\xc4\x8b\x85\x91t\xd4\x84\xed\x13\xb6\xe5c\\\xcfx\x0e/\x89\xcf\xa8\xb8\x0e\xb50\x8e%l\x15\x97\xb8?\x14\t\x81\x84\xb1\x9d\xdf\x91JX\xbb\x18\xa7\x8a\x06\xc7\x00kX\x80\xf3I\xaap\x84\x1a\x01\x0b\xcd\x8c\xb0\x82\xc8\x1f\xac4\xcb\xb5\xefS\x05w@z\x83\x0f4\x18\xda\xb3\x05TA\xf4\xd2\xe2\xe6\x98\x1f\xfb\xbb\x15\xa2\x11K\xef(\xf1\xc5s$\x1c\x8f$z\x83P\x84\x85=\xe2Zr\xea\x02\x81\xc4m\x06\xa2*\xb1p\x90\x03US\x96\x14\x00g\xabfT\xc6\xf0\x16\xe5)\xa1\t\x03C!\x10V\xa0T\xfd\x1eom\x15\xfb\xad,\xf3\xaa\xa9\x045,"\xda\xb1\xb4\xce\xd6\x06\xe3&gt;\xc1&lt;CAq(\xd0LvK0?&gt;\xf0\t\xe7\x92%\xe8\xa3\xf8TX\x8fE\xab\x96\xa4I\x96\xb5\x95M\xb26\x86\xb3b05\xaaF\xf9\x10+\xbc\x10\xc7\x0cKX^-\x14Pk\x12\xc8\xe0\xce\x13\xe3\x90&gt;\xe2"\xad[K\xfb\xb9"\xc3A)\x08Z\xb8\xd5$uUs4\xa1\x08P!\x1aO\xe0IH*\xd2J$\x82\x17\x19\xb3emZ\xe3%t\xbe\x84\x9e\xad\x16\xb0n\xd6\x0b\xa9!8R\x11\x925U\x9a\xf55\xa8j\xbaPvjy*\xbc\xdd\x9a\x99:\xb6\x12^@\xbd\xcb\xd8q\xb3\xb3\xfb\x9b\xb8z\xa3\x045&gt;fd]\xc5J\x1a\xab\\\x92P6t\xd1\xd7\xdeEDE]L\xc0w\x11\xc7\x1b\xfb\xb6\x1c\xc5\xad\xd7J\n\x92%\xae[/\x9a\x15\xf8.\xdcz\xed\xf7\x8e\x15\xb2\x0e\xd3i\x06\xc3y\xb1b\x94\xf5\xbf\xd1\xf9,\xd6\x870\xe5\xaf\x00\x00\x00\x00IEND\xaeB`\x82'</t>
        </is>
      </c>
      <c r="M341" s="3" t="n">
        <v>45492.67821759259</v>
      </c>
    </row>
    <row r="342">
      <c r="A342" t="n">
        <v>950454</v>
      </c>
      <c r="B342" t="n">
        <v>1957</v>
      </c>
      <c r="C342" t="inlineStr">
        <is>
          <t>Hugo Souza</t>
        </is>
      </c>
      <c r="D342" t="inlineStr">
        <is>
          <t>Hugo</t>
        </is>
      </c>
      <c r="E342" t="inlineStr">
        <is>
          <t>GOL</t>
        </is>
      </c>
      <c r="F342" t="inlineStr">
        <is>
          <t>GOL</t>
        </is>
      </c>
      <c r="G342" t="inlineStr">
        <is>
          <t>GOL</t>
        </is>
      </c>
      <c r="H342" t="n">
        <v>199</v>
      </c>
      <c r="I342" t="n">
        <v>1</v>
      </c>
      <c r="J342" s="2" t="n">
        <v>36190</v>
      </c>
      <c r="K342" t="inlineStr">
        <is>
          <t>Right</t>
        </is>
      </c>
      <c r="L34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b416e62-a869-48dd-9538-97411ebc11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\x96#\xc2\x00\x00\x02\xfdPLTE\xff\xff\xff"\x1f\'\x84Q7!\x1d$\xff\xe1V\xff\xe2Q\'#)\xfe\xfd\xfd\x1e\x1b#\xff\xff\xfe\xff\xe3`*%+.\'+\x17\x15 \x1b\x18\x1f\x80N5\xff\xe0F&amp; &amp;\xff\xe2\\1+/\xfe\xb6\x01\xff\xe1LfE;wJ5\x1a\x18#mG&gt;d?8{M5;14\x82W?]&lt;5\x13\x13\x1e_B:}RC\x88V&gt;@68\xff\xc7\x05N??{I/G88\xff\xdf?|N:jB-\xff\xe3evN:\xff\xd42\xff\xd2*V96\xff\xc2\x01\xff\xe9}\xff\xe6l\xff\xbd\x025(+B23\x81UH9-/{OG\xff\xdaCcNI\x90\\GyLAoD.\xfd\xb2\x01\xff\xd68\xff\xe7t\xff\xdbH6/3\xfb\xf9\xf9~S&lt;\x8c`FSBArJ4sIA\x82O&lt;\xf8\xf5\xf5\x87T:\xff\xddO\x82ZN\xff\xee\x9c\xfe\xe3X\xfe\xca\x10K40d=*\x8b\\NWGEG0-qZRsNAY?;P:70"\x1ejTM\x86XJ\xff\xd8=sF0@-+\x8eX2\x8cX@fGAybY\x88\\B\x1d\x16\x16\xff\xed\x91tF&lt;R61\xa1lT\xff\xf1\xad\x94Z/R3%\x8f_U\'\x1b\x1a^GC\x8etf\x8aT4\xfe\xd0 \xff\xf0\xa5\x14\x10\x11\\8&amp;vNH\xfe\xc4\x15kB9~RM\xfe\xba\x01\xfe\xde3\x99nr\xfd\xbd\x0emN@\x9bjP\x9dfU\xff\xdf9\x82la\xfe\xcb%\x9e^I\x94_K\xff\xf2\xb6\xfb\xad\x00\x8cYEzWHZ71\xfe\xc8\x1d\x88[S\xff\xfd\xf5uSE\xfe\xcd\x17\xfe\xde\x1f\x97fL\xed\xe8\xe7mF6\x8am^\xf5\xf1\xf1\x95WDH-!\x8f\\&gt;\xe9\xe3\xe1\x94bG\xff\xf6\xc9vC(\xff\xf4\xc4\xfe\xc1\x0b\x98c5\xff\xeb\x88G=&gt;\xfe\xdd*\xfd\xb9\x08\x90hR\xad\x8f|\x91d\\\r\x10\x1c\x9e\x85w\xa4\x7fm\xa6va\xff\xf4\xbd\xa0rW?&amp;\x1c\xa7\x8au\xff\xf8\xd9\xb4\x99\x87\x97~o\xf1\xec\xeb[LM\x9awe7&amp;$\xd1\xd7\xe7\xff\xfc\xed\x86][\x89Q@\x8ffe\xcd\xb8\xac\x96aR\x96n]\xd9\xca\xc6\xe3\xd7\xd3hXT\x9fuy\x92\x81\x82\xa6dP\xff\xfa\xe3mKG\xb1\xa4\xa4xZS\xbd\xa8\x9f\xff\xf7\xcf\xaa\x93\x87\xa1k`\x81op\xc1\xb0\xab\x84dV\x84R.\xd0\xc7\xc9\xa6{\x80\x95gl\xdb\xd3\xd4\xc2\xc5\xd6\x8d]e\xc9\xbb\xbb\xb1\x9e\x96\xe8\xdf\xdb\xafkY\x9c\x89\x87\xe3\xdc\xdb\xa4i\x90\xd3\xc3\xbcxge\xbe\xb1\xbe\xdd\xbf;\x8cOV\x89xxl^a\xbf\x984\xbe\xa4\x8f\xa0\x93\x93\xcb\xa75\xaf\xac\xc0\xa1\x99\xab\xd8\xe1\xf2\xde\xd1\xcb\xfd\xda\x11\xb9\x94q\xa1t2\xfa\xd7\x06k6\x1b\xa0n&gt;\xb6wk\xc3\x9a\x80\xf2\xd8E\xae\x865\xeb\xcdF\xec\xce5\xa8\x82\x9c\xca\xac\x92\xd2\xb0D\xf6\xdcT\xbe\x97\xa9\xe0\xd1\xb5EGVc\x9e\x1b\xbe\x00\x00 \x00IDATx\xda\xbc\x971\x8b\xe2\xdc\x1a\xc77\x08\x89C\xe2\x80\xa4\xb18`\x11\x0e\xe7\x0b(\x81SF8\x85\xf0v\xe1\xb0\xc3).l&gt;@Nu?@\xbamn\x11ba)\xdc0\xf1\x16!Q;\x19\x15aG\x91Q\x06\x06T\x14}a\x16\xb7\x19\xa6\x9aj\x8b\x0b\xf7q\x96\x0b\xb7\xb8\xd5;3{\x1a\xa30s~\xfe\x9f\xff\xf3\x7f\x1e?}z\xef\xa35\xc2\xcdb\xbb\r\xdb\xbd\xde\xb6\x17\xb6.\xb4O\xbf\xedh\xff\xef\xae\x0b\xad\xd1\xd4.4-|:\x0c\x0f\xa3\xf6~|\xd8\xb4\xc7\xa3FC\xfbm`\x8dV\xf3\xd7e\x8d\xd6\x7fo\xd5\x80(\\\x8f\x9bZs\xfbtJ\x16\xf3\xe9\xdd\xddn\x13\xf6\xda\xcdF\xb3\xf5{\xb8..\xb4v\x088pZ\xed\xb0\xfd\xfa\x04\xa24\xdb\xe3\xf9r\x1f\x8e6\x89\x17\xc5\x01s\xbf\xdf\x86\xcd\xb3V\xcd^\xe3\xb7p\x01C\xa3\xd1\xec5\xe1&lt;\xdc\xfe\xf8q\xff\xb0o5\xc6\xcb\xf6(\x97yv\xd8,V\x94G\\\xf0\xc9\xe3\xb8\xd1l\x86\xdbv\xefi\x0cz}8\x99\xd6\x1e\xb5{\xcd\xf6a}{{\xbf&lt;\xba\xfd\xc9q\xba\xee\x8d\x92\xd1!\x8bd\x16\xe7q\xe0\xba\x18S\x17O\xc3\xdex&lt;\xdc\xed\xd6\xf3\xf9S\xa3\xd1\n{\x1fK\xd6\\\xceGa\xf84\x97\x9c\x1e\xe7\xc9\xa4\x0f\xe5\xda\xfc{&lt;\xff\x99e\xd1 K\xe5)\x15\xb6\xe9t\x905\x05\xcf/\xe6\x8bd9\xde\xb7\x1f\x1e\xfe\\\xde\x7fd-\xc1+\xf3\xf9\xee\xc7r8\x04$\xfc8\xcc\x92\xddw\xf7\xf8\xb8\xcb\xba\x11\xff\x12\xa5\xe9\xea\x14G\x9e\xcf}dO\x8e\x94\xf2$^,\xc3\xed\xf2v\r\x95\xfe0*\xb0oSk\x8c6\\\xc4\xa7\xect\xe2\x1do\xb1X\x0e\xa7\xfd\xfe1\x10\xb3\x19\xfd,\xa3\xe8\xeb\xa0\xdb}~~\x91\xa4^\'5\x12,\xa0)\xe7\x87\xdb\x87\xd6G\xe6\x84\xb6\xffs\x19&gt;\x0c\x87\xf9,\xc92\x99p\xb0\x90\xd5\x9f\xdc-\xe6\xc3\rg\x16\x99u\x077\xd1?\xa2\xd3s\xf7e \xae\x88\xcfp\x00U&lt;\xcd\xe7\xa3\xe6\xb9[?,\x19\xb4\xder\xb1\xdc\x05\x81\xe4\\\xa4\x99\x0c\xbc\xe4\x88\x10K\xee\xa6w}\xce\x90\x18tW4\xbay\xfe\xf9\xf2\xfc|\x13\t\xdf\xa7\x11\x9f\xe5A\x9c\x1co{\xd0\xba\x90\xb5\x17\x1f\x13\x0c\xad^8?\xe5\x18\x0b\xe13\xca\x85\x0c\xe2\xbcc\xd1#\xae\xbb\x089\x96L#L\xbe\r\x9e\x9f\x01l0\xa3L$\xa9d\xc2\xa7X\xec\xd6\xdb\xf1\xa8\r\x19\xfc!-\xd8^N\x7f\x0c\x87\x19gA\x12pb\x13\xcf\xf3p\xdd!\x1d\x86\xb1^\xd6\xeb\xde\x8c \x1c\xc5/\xcf7\xffzy\x9eq/\xf0x2\x11\x10aA\xe0\xcd\xc7\xcb\xa7m\xbb\xf9\x11-\xd8\xdan0\xbb\x93\xb9\x84\x1b#\x8f\xd9n\xe0Q!\xb9U\'\x04\xdb\x85\n\x0eh\xc7@&lt;\x95\xab\xd9\xd7\xd5\xea\x1be\xac^\xa7\xd8\x17i.\xe3H&gt;\xde-6\xc9\xfa\xdd-\x06c\xb0\xd9&lt;\xf4q\xdfb\x8c`\xc2(\xae\x11\xcah\x9c\xc5\x81\x8f]9Q.\xddE\xe2\x96\x15\xe4\x13\xfa\xea\xab\xab:\xf4"g\xbe?\x93A\xce%\xb6WY&lt;l\xc2\x7fi\xbc\xe7\x18\x0ca+hl\xef0"}L\xfa\xc8\xae\xdb\xc4\xe5l\x12\xc84\t&lt;\xb1\xf0j\x0e\xcf\x03\xa6\xaa\xae\xcf\xa0n&gt;\xf3\xbf\xf8\x94^\tF\xae\xfa\x1czR\x90\xcf\xab\x9b\x14\xc2n9\x0e\xdf\xad~\x17\x90X\x87\xc5\xa67\xday\x8c\xf9\xacf\xd9\x0e\xaa{i\xce\xea\x16\xa5\x9e\xf4\xdc&gt;e\x88\xbb\xa6\x85\xdcL\xb8\x14Y\x84\xcan\xfc3K\xa8Q\xb31&amp;\xc2&amp;|\xb6\x1at\xd3\xf8&amp;\x1b\xf7\xdes\xbd\xbah\'\xbb\xed&lt;O\x93\x95L\xb9\xe7\xdaA\x92x\xac^\xd3\x11N\x7fz\xd8\xa5B\xe4\x9eY\xc6\xdefb\x1a\xaaS\x17i\x12\xc7\xf1O\xafV\xb3\x89e\x1a\xe5\xbaX\xadV\x7f\xefv\xe3C\xbb\xf9N\xf6\xd2\x1e\xf6\xb0\xe1\xb5\x17\xf9f!\xf3\xb8\x9b\xc4y*\xbd@B\x17"\xdb\xb4\xe9\xcf\x8c\x12\xa3F\xb3\x8c\x1b*v\xa1\x90\xe528?\x92\x11\xa4\xa9\x9c\xb8\x8c\xd8\xa8VF\xe4\xeb\xe0\x8fU\xf4\xcfH&amp;\xebw\xca\x89\xc6z\xddk?\xb5\xc7\x0b\xcf\x83t\xe4\xd4\x8dR\x19\t\x82\xa1\xd7\x88i\xbb\xc9\xc4\x86\xaa\xe5\xc3\x84)\xe5\x8e%P\xb9x\xa9\x12\xd1M\xe5\xdf\x08D\x03\x17\xd0\xae&gt;\xf3\xbch\x10ua0\xad\xfe\xe8\xceC\xed\x1drU\xfb\xd4;\xfc\xb8\x9d\x0fG\x1bH"\x97\x0b\xe2\xe6\xb9\'\\\x97SJ-]7\x18\xba\xac1\x91\x1e]K-\xea\xa6\xa5\xaa\x85\xa2\x81=\x18N\xf5:\xa3\xd2\x93y~J`\x80\xe6\x00\x15u_\xe2\x9b\xd5\xe0\xe9\x1d\xca\x08\x9b\xe7\xfe\xe9\x91\xc7\xa7X\xf2\xc0CD\xcc\x92\x94\xe3\x0e\x81\xad\n|n\xa8*\xd2\xad \x10\x02\x9et\xd3\xd4\xf5\xf3\x0b\xc22\x913l\xe8\xae\x94A\x94\x0e\xd3&lt;\x91\xd1j\x15\x8bo)x.\x1b\xee\xdf\xbe\xe3h\x8d\xde\xe8\xe9\x90e\xdd\x1cZ\xce2q\x04\xa3\xd0\xb5\x08\xeb\x90\x0e\xb6\xccr\xa5Zu\x82\xef\x13\x0b)\x95J\xd1\xc4 \x162\x0c\xcb\xe7|\x16\xf9\xb6\x01X\xdd8K&lt;\x08\x0b\xef\xe6\xe64\xf8\xf6\xe5\x8b\x8c\xe3|\x1a\xbe\x03\xd6~\x03\x1bB\xe4\xad`\xba\xd5,*#\xee\x13\x07Y\xa6i\xa2N\xc7\xa9\\_\x1b\xd81\x91\xa5\x94J\x15\xc4\x85\xa3 \xbdlb\x8f\xd2\x19\xb5\x1d\x8b\xa7i\x1eK\x81:\xcc\xcf\xd34\x9a}\xf6#~\x13\xdd\xb5\xdf\x8e\xd5Z?N\xfb&gt;8\x17\xd7\xeb.\x1c\xc1\xa0\xe3-b9P3\x8c\x8b\xd5j\xb5h\x9a\x96\x03\x0f\x15\x93uLE5\x952\x12\x18\x19\xba\x81\x1c\xe2\x05\x14\xfe\xb4\x0c_\x02\x8b\xd9MW|\xf6\xfdH.zo3\xbd\x06\xdb[o*\xa4\x00\x8d\x98K\xac\t\x87\xbd\xca,\xe8\x9d\xbe\xdbq\x94\xa2b\x9a\x85j\xa9\xa4#]U*\xa5\xeauEQ\xf4\x82\n\xc2\xe9\x96\xe5(\xba\xa1\x16\x1ddX\xb8c\x15\x80\x8b\xb8W&lt;\x1e@\xa3D\x9b\xad\xf66\xb77\xef\xdba\xb8\x83\x8c\x82/M\xfa\x13\nqn\x19\x85\xcb\x8e\xd7g\xa6\x0en\xaa(\x80\xa5 G\x05(\xc0*U*\xbaR\xd0+\xd5\x12HV\x82\x17xE.1\x94\xa2nX.\xf5}\xf8M\x04\x91\x11\xec/\xde6\t[\xf7\xb7\x8f;O@2\x80\xcd\xad\ts\x10\xe9\x18\xe5\xb2\xc5\xc0[\xaaR,A\x05K\x15\xd3Q\x8bg\xacW\xae"hX\xba\x86\x87j\xf5\xfa\xbaZQ\x8dN@\rC/*\x0e\xcb%\xec`&lt;\x12\x8c\xae\xdf8\xaf\xb5\xfd\x9d\x97\x04\xc2\x15\x14#SE\xb6n8\x8e\xaa;\x96e\x98\x8e\xae\x16\xab\xe7\xfb\x15S\x07\xaa\xf3y\x85\xac\x14+\xf0\xf1\xf9\x9c\x8b\xaa\x9a\x1d\xd7u\x8cr\xe9R\xc79\x04\x7f\x9dF\xd0&lt;\xbbC\xeb-\xd1\xa5i\xe1\xf4\x98{.\xb2m\xd3\x00\x7f\x18j\x19\xd2\xb2\x0cl@\x06\x95\x03\x97C%\x15EUJ\xd5\xca/\xae\xff\xc1\xba\xbe\xae\xe8\x80o\xbd:\xaf\xa8\x9a\xe4\xbcs`\xc6\xe3&lt;\xc9\x0e\xe1[F\x90\xd6\xb8?bB\x90Ml\xc0\x01\x0f\xab\x85BA5\x1c\xc3\xe9@\xef\x01\x08\x14\x12\nW\xa9\x94\xae\xcfB\x81Z\xa0^\xf1\xb5\x80\xafz\x9d\xb9L\xbd\xa0\xa8*\xe8\x86,{\x12t\x0c&amp;\xb3S\x1e$\xa3\xc6\x1b\x0cv?\x9dL\\\xe2X\x0c\xb2\xe9,\x16\x80\xa9`\x15\x13\x12\xcb&lt;G\x02\xd8\xab\x04:\x9dc\xa2t\xc6\x01\xd1*E\x88z\xe5\x97f\xd5\x82\xa2@\x8f\x16\xe0\xbd\x02\x9f\x9a\x96\x0b\xae\xc4\\\xcef\xc1\xf2\xaf\xffnl4n\xfbn\x9f\xd9\xb6\xebq\x8a1R\xc1\xdd\x8a\x0e\t\xa1\x98\xce\xaf\x1a\xc2\xed\xc5_X\xa0\x13\x88vfT\x10\xa9\xdb5\xc38\xb3V\x8a\x85\xe2\xe5eA\x05\xc5\xc0\x82P~\xec\x82\xfaWTD\xf9_\xdf$\x9a\xfb)&amp;`o\x1c\xa4\x83\x15w-\xc7\xd1\x8b\x05\x04\x91\xa9\x9b\x86\xa9^\x9eo\xfd\x0fkV\xf8\xd2F\x9e\x86/\x0c$Yf\x0c\x0c\x819\'L\xc7\xc9\x86\x10\x84\xc2|\x99dB\xcd}\x89W/\n\xf3a\x1a\xd3\x99\xe9\xca\r\x9d\xdd#s\x1f\xba\xb9\x0fw!\x01I\xcbR\xa1\x11\x11\xaa\xa7\xe0~\x0b\x88\xdcB9\xba\xa6\x01\xcd\xd6\xad\n\xa6P\xb4\xa4\x86Zh9\x05\x05\xe1\xfe\x89r\xcfo\xe2\xfe\x01\x17\xfbV\xc7\xa21y\xf2\xbc\xcf\xefy\x9f\xd7\t\x0eS}0\xf8\x84]xZK\xca2\x89\xcc\x0c\x05\x8b\xf0\xf9\xa8\xd0\x10\xf8\xa3|\x0c=\x1c\n\xa2\x97H\x8e\xb7\x9c\xd2?\xdf\xfc:\xf0`\x0ct\x91\x92\xc3L\xe9-\x02\xe87\xa0_\xf0S!*+@(4\x1df\xd1\xbf\xa0W\x00Dy\xc0H\xa3|&gt;\xc62%S\xd6\x91\x111\x90\x82@\x05\xb6\xa8 ~e(\xe4\x0bR\xfe,\xc9\x8co\xff}t\xb26`\x1b\x03\xe3\x9di5\x1c\xfb\x86\xd8\x83\xd0\x10h\x06^\x19\x0c\xd2\xd9\xbe\xee\x83\x00\xc3\xb2\x14\xd4C\xba7&lt;BN$"&gt;\xc3\x14L\xc7\xe1"\xb2\xae\xc2\xaeFFBCC \x89\n\x92\xe3\n:\x83\x18\x11\xf1\xd2\xdf\x9e\xbf\xf9\xf8\xe6?\'S_\rf\xf2\x1f\xe2B,v\xab\xd4@\xae\n\xfb\xfd\xc0\x00n0_\x82\xc1\x10\x00\x85X\x86&amp;\xdf\xa3\x89\x9b\x0e\x0f\xfb\x11\x90]Q\xd6\xf5y\x8eGE,[\xa1)h\x0e\xb8\x82~\x08\x8c|\xf8@\x17\xba\x88t\xf8s\xe7\xd3\xe6@3(0\xd5;:\xdf\x8d\xc70o\xb34\x8b7K\x85\xa0_\xf2\xcc!\xbc\x00\x85l\xac\xa8\n\xd01\xaa\x12\x84-)\xba,\xcb\x00\x14\x89Tre#\xc7\x83.\x9ba\x87C!r"\x18\x9f\xd7d\x10\xea\xa3\xc2\x89\x89o\xefN\\n\x0e\xb82\x06\x96:\xe7\xd3\x13h\x1f|\xc1\x87\xb6\xe1H\x11X,\xe1*\x14\x84\xaf*v\xc1V\xd8{6T\xa4\xa8\x96\xc9\xe7\xf8\\\xb9\x9c#\xd7t\xba\x9cC\x1b\xdd\x82\x82\xf7C\x18\xa6!3\xcf\xd3 =\x0c\x8b\xe6\xb7w\xf7\xd7\x02\x03\xa6\x88\xf1\x95^g\xbf\x99\r_=\xb5\xd7\x04\x8ab\tY!\xa8\x8a\xb1\x0b:p\xb5tSvM\xa7\\\xaeV\xab\x9aV%\x882\xe4\xc2s":\x8a\x07(\xf8u\x1f\xe3\'\xd3)\xe4\xa3\xfb\xbe:1\xb1{4\xf0\x06\x84\xbc\xdcA\xf2\x85E\x07=,A\xca\xc7zd\x813\x9a\xb1uW\xd7\x0b\xad\x96\xcc\x1f\x1cT\xb5-T\xfb\xfd\xfb\xad\x85j\xb5\\\xee\xc3\x8aD"\xa2\x8b\xc7\xd8\xb4\x8fe|\xd0\xd8H\x1f\x16\x83y$4\xf7_\r\xea[\x81\xb5\x93S\x81A&gt;g=X\xd0\x15{%{\x08\xca.\xb8\xb2\xec\xba\x85\x82\x94\x03Q[\xef\x81j\xf6\xf8\xb8\xbd\xa5\xa5\xd2(\x03\xa2\xe78."\xce\xbb\xb2k34\xa6y\x08\xea\x87\n`\xad\x00\x96\x8d_|\xe8\xae\r4\x7f\x90\xb6\x0e\xa7\x05d\xd0F\xd8\xf3j\xb4\x8efX\x8a%\xf6\xa0\x14t\xdd\x15%\xbc\xac\xc8\x19i\xc0\x02S\xc7\xb3\xb3\xb3\xc7\xef\x17\x80+\x9a\x86\xe6y\x0fYD\x14%9\x19&amp;o\x0cM$\x8c\xa3\xff$\x83\xecv:\x1f{\x83\xc8+0\xb5\xd29\xc5\xce\x90\x9dfB\xc1+Xa\x16\xe5\xa7\x19Uw]9B\xf8\xe0\x8c2ia\xfb}\xdb\x83E\xe8JU\xd3D\xfa&lt;\xef\xf0|\x8d`\x13U\xaf\xf7\x1e,\xe8\xc0k\xe3E\xb7\xd7\x19,\xd2\xe3\x08w\xe0X\xe4)\xfb\xa8\xe0\xd4$H(\xfd\x0eJ\x9c\xc7\x07`-x\xca\x9a%\xd5\xdeX\xd0\xb4\x14Q~\xd9\xe8W\xcd\xa8\xf1\x16\x83\xc3\x12\x1c\xf2\x84@c\xb7\x0c\'\xe2%\xac?\x83\x8ak\xf3\x12\xc9\xc1\xc7\xc2m\x88;`\xe6@[h 0\x89\x92$q5\xc3(\xa7\xab\x1az\xf8\x1b\xaa\xd9\xe3\x8d\x07\x0f\x16\xbc\xd2\xb4z}\xb1_F\xcdB\x98\x85GxO\x82\x08\x96\x9d\xfea\xbf;\xe0QD\x08\xec\\4\x1b\x80\x82\xa7\x84\xcc}\x9e\xe2YU\x97%\xaf\x9c\xdabJ\xcb{(\xdam\xaf\x85\x1e]\xa8\rR\x0f\x16~\xc3\x85/\x1e\xae\xd0\x88\xd7\xc3\xb0 d\xe3\xbb\x1f\x076\xae\x95\x93\x8f\xa7\xbb\r?\xba\xe8\xa3\x89q\xe1\x18Q\x14\xa3\x8b\x12\xc7y\\-\xd6\x81\n\x00v\xda\xb3{\xc7\xb3{{\x04\x15\xb9\x1e{\xb8\x1e&lt;\xd0\xea\x8bh\xa2\x87\xab^\xb3\xb0\x07\x91\xa3\x08\xc1\xc7\xa6\xb19\xc5\xf6\xd7\x06\x8a\x10\x81\xa5n\xe7\xf2\xf20\xde\xb8\xc8\xfa\xae&amp;\x0e:\xe9W\x01\n\xa3X\xe2\x9cZ]\xd3\x16\x00k\xc7\x83\xb4\xf7\xee\xdd\xde\x1e.\xb8B`0V4\xd1\xa8\xe1\xb15\x03\xb04\xcd\x11\x18j\x88\xd8\xb0\x9f\x89\xed6//\xa7\xe3\xfbg\x03,\xd7\xb0\xd2\xc3\xcb\x8b\xc3\xf3\xc3\xff\xf6N\xc3\xbe\xa0g\xa2@\xc6\x148\x8e\xaf9W/\x97\x82sB\xf0\xc05\xfb\xce+\x02nv\xebu\xd91M\xc9\x91$+\xa1\'L\x8fVm1\x81\x1d\rg\xd9\x8f\xac\xc6\xc4\xf7\xd7\x8e.\x9a\xcd\xcb\xff?\xda\x04\x02\x9f\xba\xbd\xeeYwm\xa5wq\x05+\x14\x1a\xa2\x14\x17\xa8j\x84,\xd2J\x93T\xe9\xe0\xf5V\xbb\xdd\'j\x8f\x80\xba\x15\x9f\xc0\x06.\x08B\xd2\xab\x84\xe9\x00W\xdd\x14hb1\x88GT\xb8y4&gt;\xd5;?&lt;\x9b\x1a,o\x91\xfb\x84\x9fN\xb34\xc92\x14P\x8dP\xb6\x08T\x80e&amp;\x12\x88\xc6*^4\x99\xb0J\xdf\xdc\xba\xdb\xf60\xcd\xb6_\x97L\x0b?B\xba\xa0\x19&amp;\xac\xda\xc0\xa5[\x0e\xe8*\xc5\x182\xe1\xf1]V\xd8\xef\xad\x8c\x8f/\r\xb8\xfdxw2\x03g\x8d0\x8c\xc6OA^#\x7fam\t\xa8j\x92%\x08\xaa\xd2/\x15\xf1\xc1\xb2J[\x1b\xc7\x9e\xd8\xcb\xa6^($md\xf9\xb0\x90\xb0\x90\x08%\xd3\xb2$"\xaeD\xd8\x0b\x1e\x18\xd5\xcd\xfd\xcb\x0e\xb9\x8fw\x8de1\xd0mbYifI\x13\xb1\xbc\x17$\xd8\xa3\xa4\xab*A\x05\x95\xd0,{O\x01\x1f\xe6b\x9d\xd8\xc4\x86\xc6K\x04UKQI\xf3\x0c\x9c\xd5\xbcV\xafq\x8b\x9a\x06\x8f\x00\xe5pg&amp;v\xda=9\xb9\xde\r\xb3\xc0\xf8Ys\xf7\x02[\x059\x8a#!F\'\xb0\\;i\x11UY\tAa\x14\xa6e\xeb\x96\xc5\x97\xb5\xad\x8d\xad\x05\x8d\x93,\xbd\xa0\xb4\x94\xa4U\xc2y\x85\xac\xb4\xfc\xfa\xba\x06\xb6\xea\x13*\x19\xd4\x84\xad\xf3\xcd\xeb\xfe=p\xe5\xec\xfc\xe2b\x82$\xe6 I&amp;\x8c\xceAY\xba\xc5\x11\xeb\x06\x00\xb2y\xdd\xbb\xd7*\xe82g\xa40\x83\xb4jM\x92\x0bv\xcbN\x94\x0e\xca\xe5\x03G\x92E#\x95_\xdfY\x7f\x9b\xaf\x9bY\x8a\xac\xc0LV8|u]XS\xddnw\x97\xc1\xd6J\x16\xab\x91`\x1f\x16\x07\x8fD\'\xd1\xbaRi\xc2\xb2[\xc0\x05XUmcCK\xe5$\xd7&amp;d\x96\x1c\xe7\xe0\x00\xc6%r\xd1\xd4\xeduT\xbd$\x10\xd3\xc2\x86\xa96&gt;\\\xf7\xaf\x94\xd0\xfc\xd4\xc7X\x98%\x86:\xf2w\x9fbqF\xcdsm3iC\xcfN\xa9d\x9a\xba\xddj\xe9R.\x9aZXH\xa5\x0chK\xb6\xac\x84-4p\x160\xcdAcj\x1d|\xd5KIDZFM\xc6\x12\xc9\xcb\xa5\xeb\xde\x8b\x85\xb8\x0eq\x161\xd1\xb0\xae\xb2\xaaL\\\xd4\xe3\xca6%,7\xb1,\x11\xbcl\xc38x&gt;\x17\xcddrbAr\n\xf1\x06\x93\xfd\xec\x1f\xf2\xd16\xf2X4:\xb3\xfeb\x07G\x91eT5qk\xf7|\xb7s\xf4j\xe9Z\x7f?\r\x04\xd6\xce\x9b\x08]\xd8s\x14v\x88-\x985\x82\xca\xe0\xd1B\xbd\xc5\xb0\xcc\xe7\xcft\xe3s\xd2\x94\x0b\xf3\xc8\xc8\x95b\xb1\x18\x99\xd7][i6\x15\x06+\xa3\xaa\xb4Z.o\x18Q\xc0z[K\xb0IK\\\xfc\xb9\xd3\xeb\xae-m\x9e\\\xeb\x96z \x80=\xa3\x81\xe4`//\xbb\n\xa3\x9b\x06\x1a\x08y\x89\xfa\xbd\xef\xbfW\x19\xc4\x01\xfa\xf3E\xbc\xe0\xba\xf3\x11\x11\xb0\xf8"\xf2\xaa\xe8\x12\xbfr\x0e\x1c\xa8\xde\x10]1\xc2gfv^\xac/Z\x8a\xccE_\xfc\xebW\xcf\x0e7\xaf\xd9\xc6\x95^\xef\\Pi\xf1\xce\xf2\xcd\x88\xaeK\x8bZ\x1d\xf9A\x94\x0b\x05\x133\xcf*\x1d8P\x97\x080\x00\x95\xc9\x80-Q\xacp\x92,\xf1\x08\xad3\xa9\xb4\xc1q\x95\n\xefu\xb1\x1e\x89\x14\xa37\xd6\x7f\x99\xfa\xdd\x97\xb89\x8cw\xf6\xe90\xab.\xff\xe3\xce\x1fG\xef\xb8\xf0k\x83\x93\xc4y\x84S\x1e\x19\x1e\x1f\x18\xcb\x91\x8aHPMnoG3\x80%\xca\x92\x89]6\xe2\xc5y&gt;g\xe4\x8ch*\xbf\xf3L\x1b\xbd1\xf7\xe4\xce\x9d\xe7_\xe8\x9e\x0f`\x9d\xaa\xd6\xe8\xf2\xef\xbf\xbe\xf1\xa7\x88\x03\xb2\xc0\x16\xe7E.\x8cj\x1c:Y\x8c\x90\xaaL\xae\xae\xae\xde\xdf.\xe2\x7f\x11 "\xfb\x18\xbe\x18\xe9()x\xc4\xb3\xf5\xef~\xfc\xeb\xd8\x9f\xff\xb0\xf1\xeaK\xc1Z\xfa\xf0\x8369:9\xf7\xf5\xe8\xf2"!\x0b\xc1\xf4\xe0\xc0\xe1\xb0\xb7b\xd10\xa5J.S\x01Y\xab\x8f\x1f?^]\xdd.V\x8a\xd1b%\x97\xf6*\x95\x9a\xc9\xcf\xa4p\x05\xac\x87\xb7\x9f&gt;}\xbc=\x9a\xff\xe5K\xdd\x17\x0e\xac\xf4~\x1a\xdd\xde\xbe?z\xd3\xd0RP\x0bF]\xb5\x0c&gt;\xf0\x8fsx\xbcv\xa6\x02a\xad&gt;\x060\xc0*\x16\'\'3\xb9b.\x13\x9d\x99\xc9\x8f\xcd\xbd\x9c\x1b{2v\xfb\xf6\xd3g\xcf~\x9c\x1b\xc3\xcf\'\x9f\xaf\x04\xbe\xfaB|\xad\xfd4\xfa\xe4\xc9\xfd\x9b7S\xebu\x1c\xf7\x99\xfc\xcb\x97\xf9T\x9a\xec\\\xb9\xf4\xccL\xaaXA\x15\xb7W\xfb\xb0\x96+\xcb\xc5L4\x9d\xc9\xe523\xf9\xb9G\x8f\x1e=|Jj\xe7\xd9\xc3\xb11&lt;`\xf2\x7f\xbc\x9bah\x1b\xe7\x19\xc7\x83K\x11\x861\x93/\x12\xd2\xed\x84O\xd0\x8e\xd3\x0eL\x8b}9\xa6\xd3\'K\x9c\xe4\xe1Bt\x08\xdb\xda!\xd5\xe64Y\xa0S&gt;46\x12\x98J\x03kh\xc2\x19("V\xa3nd\x1f\x94\x805;)\xc1r\xabY\xb6Y\x1c\x93nN?\xcc\x93\x8b\x9d&amp;\xf3\xd4\xd0a\'d\x1f\x126\xbc-\x81\xfd\xdf\x93S6\xd8G\xc9\x0f\xb2,\x83\xb0~\xfe\xff\x9f\xf7y\x9f\xe7\xee\xf5\xc2eC\xbb\x0eD\xec-\xb3\x99t\xd6Y\x90\xcb\xfc/h\x95|X=\x03\xb0\xa4\xc0+I\x01\xfa\xc09\xc8\x89\xe4\x9a\xaf\xb1&amp;/\x02\xbe\xf1(\xa3xgt1\x1a\x05Xj\xb1\x12\xb5\x8dG7gkk{\xedr\xb1\xfb\xea\xb27\r,{\xb9\xac0t6S\x87\x06\xe9\xba&amp;\xcb\xf2\x9c\xa6)\x8cH\x8c\x1b\'b\x91\xf4\xaay\xbd\xb5,\xe4\xcc\xc8\x99z\xbd\x9eOG\x11\xa9Tt\xb1\xb2\xd8\xd5\xb3\xb9\xbf\xef\xd06\xdav\x8a\xe5\xea\xb2\x9c\xaeg)\xae\\V\x19\xdaM\xb0\xb6[1\xb3}C \xf9\x0e\x0bg\xf1\x99\xfb\x9b\xe0bA\xa9\xa4\xb7\x01N\xf0\xa3:V\x94`\x8d\xd7f7+im\xbd\x8dX\xf5J:\x93\xa5S)\xda\x05\xac\x14\xa8*\x0bh\xdfg\xd6\x86\x01\x85|\xf7B\xaa\xfd\xfd\xe7:\x16&lt;\x8c$\xc4z\xa5\xb2\x9d\xfe\x16+\x15\xadT\x16\xf3\x10s{\xbb\xde.\xac3\x04k;]YS\xcb:\x16\x8c\x01\x15f\x8a\x19\xd9\x93\xb3\x12(h\x05\xb1\x9e_\'X\xa8\x12\x191b\x89h-\xae\x96X\xa9\x14\xb0\xa0\xd9\xfc|:\xddN,\xac\xf2\xedz\xb6\x85\x95Z\x8c\x12\xb5*7\xf8\xc4\xa45a\x11\x1d\x99\xd9\xcdMP\xbd|\t\xb9\xf4`\xc4D.!\x83\xe9$\xb3t\xb5R\xf9\xe8\xbc\xc94\xbf\xfd\xb4m&amp;^\xfe\x1dVX\r\xf5\xa7\xac\xbah5\xbf\x18%\xc9\xa5\t\xd6\xf3V\xd1\x93H\xf0\x99Y\xddB\x82E\xf4\xca\xd4"\xa2\xc7\x923\xcb\'&amp;\x12,\xa4V&gt;\xef\r\xfa\xd8\xcc\xc2^\x9b\nDw\xf7\xd0\x1fj\xb5`0\x98\xcd\xba\xdd.\x9av\xe4\xf3\x19\xac2\xc6\xea\xb7\xa0\xc1B\xd3\x90\xb3Dj\xc4D"V6\xe2\x9b\xca%@\x9b\xb3\x08\xa8\xa5\x99|*\x9fj-\xc4|\xf0\x975o&amp;\xd3\xb6r\n\x17\xbfP\xb2\x8e\x9a\xdd\xe6p\x97h\xdaesd\x1c\x8e,\xd3G\xa8\x10\x89\xd8\xd2R\xd1B\x96\xe2\xe6\xec\xbch\x8d\x15c93\xe4JX=\nyc\xa6\x042x\x18\xfd\x91}|3=\x9f~\xd4&gt;*\xc3\xc6\x1a\xfe\xce\x1e\xca\x96\xcd\xd3.\x17k\x1b\xb7\xd9XB\x85J\x8en\xc62\x19+\x16s\x11l6\x02^\xc6rV\xb3G\x14\xa6=\x16\x0b\xa3d\xd5\xacj\x03W\xb4\xb2X\xf2f\xa2\xcf7\xe7\xaf\xdfn\xe3\xa1\xb7\xa1O\xb2\x99\xbc\xa3\xe7m[^\xa5\\\x94\x8bf98hF+e6\xa3a@\xe7W\\\xf2\xf7Y{\xfb\xce\x9f\x9f\x84\xa5Fpy&lt;f\xab\x19\xcd\x03\xad\xaa\xee\x12I-\xd5\x16\xdd\xdf\x9f\xad\xac\xb7\xf1,^\xb7ac\xc1\xe1p\x8cS=%7\xb0(\x17Z\xc2Q\xfd\xca(\x12+\x17Cs:\xe9G\x90[\x06\xe4\x074\x85 \xf3\x18-\x9e\x11\x0e+W\xdf\xa8S\xb4\xad\x14\xcdGW\xdbz\x14\xcf0\xb8\xbe=n\xf3\xda\xba\xd4\x92\x89\xa2$I\x9a&lt;\x8ff\x0b\xe2\x10ur`\x9b$H\x88\x1c\xa8\xd0\xab\xe6\xfa\xacV\xf3\xb4\xc58\xc2\xb1\'X\xf9\xf1\x8f\xc6\xa3\x95\xd56\x1f?5\x0c\xad\xe6\xc7\x1d%\x1b\x9d\xa7L\x9c\xd3i\xf7\x0f\x8c\x85\x10\xa8[\xc8/d\x98\xc7\xb3\xb5\x85\xde\x1d\x81\r\\\x10&lt;V\x00\x1b\'z\xcd\x1cG\xbbKj\tX\xa5h\xea\xf9j\xdb\x0f\xc5\x1a\xae|\x13\xdd\xdc,\xa9yZ2\x01\xab\xbf?\x10\x08\x85\xfa\x90\xdbb\xc4\x9c \x1d\xce\xdc\x8d\x9d\x99\x9d9A\'\xe3\xe7\x86\'\xfc\xe7\x06FG\x8d\xbaZ*I\xae\xca\xf3\x17O\x07;p\xc6\xf3\xf6\xea\x8b\x17\xff\\]pK\x92]*\x04\xce\xc6\xe3\xfeQ\xa3\xd9\xd2\n#f\xe8\xe9{I\xcc\xf7\xe4\xae\x1d2K\x10z\xfb1V~\x8bUy\xb4\xb1q\xbb3gb\x07\xaf\xdc\x1e\x1a\xfa\xa6\xcc\x01\x8b\x0b\x84\xe3\x01\xff\xa4?\x14\xf2\x93\x0c\xc7\x88AF\xb0\xad\x89\xde^rO\xc5J.D\xf7\x86\xce~g,\xc1\xbaZX7\xf7\x0c\x86\x8e\x1c\x87%\x87\x041\x06\xad\xae\xb9\x9cN\x89\xf1\x87\xfb\xc7\xfc\xd5x&lt;\xbe\x94\xf3\xdc\xdfMN\'\x93\xbbw\xee\xec~\xf6\xf5\x9d\xdf\xee&gt;\xb8\xef\xb9g$\xc4g\xe3cf\xecUH\xf9r\xaa\x8d\xb5\xfd\xff\xc6\xa3\n-9%\xda\x1c\x1f\x18\x19!3l\xdf\xee\x1f\x1b_\x1e\xbf&lt;8&gt;Xyrp\xb0\xb2r\xf0\xb2\x81\xd7w\x1e\xf7\xc7\xfb\x815B\xb0T\xac\xc4\xcf;z\\\xde`X_ps\xc0R\xc6\x06F\xe4\x9f\x8fU\xe3\x8f\x0f\x0f\x1a+\x8d\x15&lt;\x9e\x0c\xae\xac&lt;Yi\xbdn\x1c}/0p\xee\xec\xf9\x11\x1a\xe5\x94`\xadvT\xab3\x86\xaf\x96\xb1\x16%\x97\xc2X\xcd\x8a&amp;\xf4\xf9\x1f\x1f6\x00B\xe2\x89\x1e:\x1a\xb0\xde\x1a\xfdp\xac\x7fL$b\xa9j\xbe\xb2\xde\xe1\xff`\xb9\xbc\\RY\t\xeb\x8b+0\x9a\xe6\xc9M\xdc9:l\x1c\x11\xc1\x08\xd3\x13\x1d\xb0\xd18\xfas/\xcf\x9b\xfb\x8c\x0cIx`-t\x1a\xeb\xca\xb2\xdbMc\xfb\xa1iN\xc4\x88a\xb6LO\xdf\xbb\x7f\xff\xc1\x11\xe0\x1a\x07\r|\x1d\x1e\xfe\xf5\xfe\x83\x0bF^S\xb8D\xa1\x85\xe5N\x9d\x02\x96\xaa\xda\\&amp;\x8a\xa5\x19\x91\xe1\x95a\xec\xca\x91\xc8g_\x1f\x1d\x1e\x1e\x1e!\x0e\x8fg\x9a\xc9H\xc2\xc2k\xb2"\x16\n\x9cn"\xb06:\x8c5\xb4@\xbbm4%\x99X\x91ax^\xe6#BDL6g\x8e\x0f\x1b\x84\xecx\xa7\xd9l*\xa2\x80i\x8d\xe7^c\x95\xcb\xcb{\xdd\x9d\xcd\xf9\xa1\x9b=\xe8\x04\xd9\xa0DI\x1c\xb9\xea!\x0bh\xb9\x9a\xcd\xdd\x9d\x87\x0f\x8f\x8f\x1f&gt;\xdc\x05\x95\xc03\xd0\n\xf3#\x87\xfe\x81Vi\xb5\xec^\xbe\xdaa\xac\xc1O\xd0\r\xbaXSP\xb2;A%0\x8a \xf0\xcd\xdd\x99\x87\'\xd1l&amp;\x05F\x06\x15\x0f,\xd1\x05.`\xa9\x9d\xc7\xfa\xdc\x15\xa4h\xca\x14D\xadg1\xd0\x8b"\xcf\xf3\xcd\xe6\xce\t\xd5\x0e\xa8\x04Y\xe3O\xb0\xd0@\xd0$\xeb\x17.w\x16\xcb0\xf8\x05\x1dtR=&amp;\xc9iwB.\x9e\xf1x\x18&gt;\x99l\xee"vvvw\x9b\xc9\xa4"3\xbcN\xc5\xb98\xec\x89\xaaJ\xd37ow\x1ak\x95\x0e\xda\xedD-\xbb\xdd\xaegW!\x81N\xd4C\x1a\x1a\xfd\xf2\xa0\x80V\x87QH\xc2s\x08\xb8\xe8\xa6]\xea\xf5+\x9d6\xf1K\xda\x04"\nj\xf9|\x05r\xa5\x8fI\xe4r\xa41\xb5\xe21J\x9a\x89\x82\xa8`\x1d\x1a\x13-,\x95\xe6\x805\xd4a\xb5\x0c\xeb2\x15\xb4\xfb\xec\x84\r\\\x1c\xe6\x1d\xc6l\xed\xd3{yt\xf3\x93\xe8W\x05^\xd6d\xc6\\\x90t\xb1h\x18\xe9&gt;\r,\x97\x04 \'\xe4\x9a\x8aY\x0b\x1cQF\xf0\x18\xfb\xf4\xfb\xfd\x98,\x04^\x915\x85aP\xb5\x08\x17\xcdI\xf0\xf1\x14\xb0\x14\x97\xc9\xe9\xf3M\xd9\x9d\xbeX\xd1o\x95H=\x97\x87\x87\x85-\xa4\xd6\xdc\x9cvCC\xd4\x95\x11\xb1`\xd1\xb10\x8e\x10\xac+\x9d\xc6z*\xb3&amp;\xc855\xe5\xb3\x17\x03\xd5\x98]/R\xfa\xd1\x07\rL\xe4\x96\xbeV\xd7\x14r\x99\x9c\xe4\xbc\xe4,\x9c\x0e\xd6\x9f\xca,\xd7\xe2\x9a*\x06\x02\xc5\x98\x85\'X\x84h\xae%\x96\xac\xd5e\xfeC\xeb\xf9I;\xa8\xech\xb0\tV\xa7\x0b\x84a\x83`\x99\x82\xbe\xa9X\xac\x18\x88\x07\xaa\xfe^\x86`i\xe4\xa0\xc60\xc4\x92\xa1\x1e\x16\xc1d(V T-\xac\x9b\x97O\x07\x8b\xc8U\xac\x06\xe2\xe1p5d\x15\t\x96n\xe2\xda\x8d9\x9e\x17\xcc\xbd\x93\xfe\xa5j\xacP\xd0\xa9\xd8S\xc1\xfa\xaa\xccR&amp;\x93\xa9`\'\x1e\x06\xc2\x98\x80B\xbd\x1e~8\xa9\x9fw\x9b\xd3\xa6\'&amp;0m\xfb\x97H\xda\xe9\x0b\xf6\x94\xb0\xf6\xd6X\x16XR\xc1\x17\x03V\x9cp\xf9G{/LL\\\x18\xfd\xe1\xd6\xd6\x8f/\x8c\x91q{)\x10\xaf\xc6|\x08P\x11\xacN\xef\x89g^c\x81k*T\xad\x02+\xfcF\xa0_?\xf00\xf0\xd6\xf7\xf1t.\x84\x8c\x8bCC\x82\xa5{\xe8R\xdc\x0bW;\xafV\x0f\\\xa4\x88\\\xfe\x10&amp;Ep\x85\xe3\xf17\x90\xfc\xfd\xfd\x81j@76\x1c\x0e,\x15c(!\x92\x89`\xd1\xee\xca\xabK\x1d\xde\xaa\x9f\xa6z(\xca\xc4Q\x11\xc9\x1e\x0b\xe9I\xaf\xc7w\t\\&lt;L~\xbcx1\x1c&gt;\xa1BA\x85\x87\xb4{\xf1\xd9\xabN\x8e\xaf\xddC\xaf^\xe4\xbb\x80\xa5\xcb\x95+V\xe3\x84\xeb""|\xb1\xf5\xfd"y\x0eW\x8b1`\x15\x88XP\xcb\xa6.V\x9e\xfd\xeang\xfe\xfb\xb5\xfbL\xf7\xa5[\xafR)\x82E\x9d$}(\xf0\x1a\xeb\xbf\x02\x16\xeaT\xb0\xb0\x85E\xbbS\x95\xd2\xb3\x9f\xfc\xbe\xfd\x82u#\x0c\xb7\xde{\xf7\xef\xaeR\xa9\xab\x87\xd8\xa8c\x15Q$`\xdd\xffR\xc5\x03EX8e/\x98L,\xa1\xf2\xd2jjQU\xff\xf5\xceo&gt;5\x90\xdf\xd3F\xa8K\x9f\xde\xbd\xf5\xb3w\xde\xfc\xc7\xb5\xb7?\xba\xd6\xd5\xd3\xd5\x05,\xb47\xa4\xd2/-\x05\xc2\xc4\xb9\x13\x0bI\xc1 \x89\xa5\x8bE\xa8\xbc^\x17=\x0e,\xf6o\xff~\xf7\xbd\x8f\xef~\xda\x9e\xdc\xc7\x1fg\x00\xd3\xc7\x1f|\xf0\xeb\x1f\xbc\xf9\xd3\xbf\xbc\x1f|\xffZ\x17\xe4\xea\xa1t,\xc2U\\\xd2\xf3&gt;\xfe:N\xa8,\xbaX^\xd6\xeb\xed\xfa\x0f\xabf\xf0\x9aH\x9eGq\x91*B\xd7E),\xfa\x10vaE\xc4tQ\x85U\x9e\n\'\xa9*h\x98\r\x16\xa5\xcc\xdc\x9a-QX\x84\xad\xf4E\x8bAP\x02#v\xdb\xa1%\x98e\xa1\x916\x1a1GY&lt;\x86\x85&gt;\xe6\xe2\xc9\x7f\xc1C \x97\x90tC\xa7\x03\xbd\x97}\xdf_\xd93\x033,\xb33\xfb#\x89\xc1\x90\xea\x8f\xef\xbd\xef\xfb\xfd*ma\xf8\xf7\xbf\xfd\xf5i\xe5\x13/h\xae?\xbf\xf8?\xe8\x858-\x16\xe3\x9e?\xd54\x99\xcb\xb4\xd7+`\xd5\x99\x8b\xec|\xfa\x1d\x81A\xb1gl!\xff\xcf\x9e\xfds\xa3U(\xd6\xceNt\xbf\x90\x1c\xbe\xfd0|\xbaz\x88s\xb2\xaeM\xc7\x17\xc7\xbf7\xfc\x8f\x8eGS}\xea\xf7\\\xcb\xd2E\xa9\xf3#\x16\xa5\xebk\xda]\xbe\xa3EV\xfe\xb0\xa8\x1a\xbey\xb2\x8b\xbc\xef\xd0\xffxB\xac\x02a\xc5*\x0f\x19^\x94uK\xab\xf9\xe3\xc5\xc5\xef\xe1:&gt;\x86{\xba\xe5\xba\xa2h\t\\\xbc=[W\xd2\xc0Z\xc5\x98\x8b_\xef~\xe1bVn\xa0Xa\xed\x96\xcb\x8f\xb7\x89*\xba\x1f\x8dB\xad3`\x9d}\xcc\xc49A\xd6=O\xd45\xffb\xeb\xf8\xb7\r&amp;\x8b\xf9r&lt;\xef\xb9\x9a\xa08\xba\xc8g\xda\xed\x87[`UV\xabP\xae\xf2O\xb8\x00\xc6\xd6\xf3\xe7\xaf\xbf\xd9-\xa3?~\xa0\x02\x17\xb0\xce\xb6o\x81\xc5\x83K\xe9\x9a\x9e\x10\xe0\xc2\x97[\xbf!\xe9[\x17\x8b\xd1h&lt;\x1f\x8f\xc7\xae\xe3\xf5m\x99\x932\x9d\xb6y\x9f&gt;8;\xa8\xaf\xc2\x8e(\x97\x7f\x04ch\xcf_\xbf\xfe\xe3\x93\'\xe5\xc7\xe9m\xfcx\x07P\xfb\x18\xdaB\xa1\xce\xb0\xee\xe3\x99\xb8\xc4\x89\x829P\x1cm\xaaM\x83\x05\xe4z\xf4?I\xf6\xe8b\x01\xa1\xc6\xc4\xe5\x07\xb2\xdaOy\x02\x1f\x07V\xfb*}p\x00\xacU\x8cUjy\x97\xc0hKF\xc4\xd9_\x9c\xff\xf1\x18?\xd8&amp;\xe8\xd8&gt;\x83"\xaa\na\xad\xae3F\x1c\\E)\xce\x17\x1dC\xa8\xf5\x96\x97\x08\xc9%\x1b\x80_\xc7\xb6u&lt;rk\xee|\xb1\x18\xf5\x82\x9a\xa0\x96J\n\x8fh\x11\xd6z\x05,r1ME\x0f\xa82\xee\xcc\xc0\x84\xc7\x9d\xaf\xfe\xfc\xd5\x9f\x92GI\x1a\x88\x9d\xd86\xe5/Fy\xaf\'+g\xc0\xaa\xac\xa1V\\\xe29I\xca4J\x9e5u\xfd\xf1\xa8\xd7\x9b\x8f\x97\x8b_S\x19\xb0\x8f\xf5\x94%kA\x0f\xc1\x12\x94RJ\x91\x0c\x91L\xec\xb4\x1f\xce\x0e\x18W,M\\e\xb6`\xe4\xeenz{\xff_\xd5\xfc\xbbwy`mo\xc3\xc5\x9d\xd8&gt;\xb8 W\xbd\x02\xac\xb3\xb3\xdbOq,\x87\xe7\xa5N)\xdb\x10-mZs\xf1\xe1\x83lyqy\xfc\xdf\xc9\x18\xd3b9\x1a\xf9\x9ac8\x16~S\xb6\xbb*\xaf4\x1d\x88Or\xdd#[\x84\x15K\xd3\xa1\x8b\xfeB\x02\xaeS|\xdd\xde\xcf\xbf}\xf1\xfd\xbbj\x01\xc4`&amp;\'\xa1[\xb4P\x87\x87\x07\xc0\xba\xffHbI\xbcd6[}I\xd05\xcd\xe2Dk\x1a@\xb2\xf1hyy\xf9\xcb\xed\xcf6+\xdad\xc88\xd7\xad\xd5,c0Pm]\x961\xd3R3g\x88\xbc\x14\x07\xd65\xc3\xa2\x8e\x08\xf7\xeb\xddp\x9d\x96\xd3\xd1\xfc\x8b\x17\xdfo\xa8\x10\xfa\xedX4\xc4\x02\x15a}\x8eg2\x84\xe5MZM\xa3X\x94-\xcbV=G\x9e\x92\\\xa3\xc5\xb2\xb7\xf8\x85\xf0C$\xb6\xa0\xd4h\xee\xbb5\x94\xban\x0c\xb2)\xc5k\xa8\xa2&amp;ws-E\xe0\x10\xfa\xf6\x8c\xb9X\xa9\xd7\xa3a\xe8\xa9$v\x99Z\xe9X\xe1\xcd\x8b7Q\xa2*\xe3\x93rET\xc0: \xae\xdbu\x86EK\xea\'\x9a\x86$\x15\x05\x9dS\xd5\x86j:\xb2\xe6\x06H\xd9x\xf4\xb3\xdd\x92\x9c\x0b\x990\x7f\x18\xbe\x1e\x81Y\xa2\x99\x9a\xf4\xcf\xcf\x15\x8e\xef\xb6r\xad\xbeXdXp\x91q\x85M\xcf\xa6q\xf7\xc9)\xc0\xca\xb1$a\x81\xe8\x94L\x8c\xb11$\xb1*\x15P\x1d\xc0C\x88\xc5\xf3\xf6a\xd3\xa3o\x8a\\CU\x14UU\x0c\xd1\xaa\xc1\xc9\x11\x82\xf3\x93\x13\xd9\xa3-0]\\0\xa9\x16\xcb\xe5\x92:\xa1G\\\x9a\xec\x98\x93D\xa2\x1f\x97\xba{{\xad\xdc\xa1#p\x12z~v\xbdQ\x8bm\xd81\x9c\xeb\xc3hA\xae\xc2\x9b\xb7o\n\x0c\x8a\x89U\x08\xb1B\xae\x83\xabL&amp;cc\x0e\xcdC/\xde\xe9\xa0X\xd5\xec@1ME1\rN\xaf\xf5|\xbf\xe7\x07\xbd\x11E\x9f\xd0X\x95/P @\xbb\xdcP\xcd!W\xe0\x92\x8f\xea\x04\x82\x1b\xe7\xaf\xf6\x12\xe4\xa2\xc8\xc7;\xb3\x93\x87\xdb\na\xd5\xe9x\x83\xbe\xfc\xc3S\x9a\xc7S|\x9c\xa6\x0b\xc9h:\xbd\xa1J&amp;\x93\x05\x02#,P\x9d\xad3\x1djS^Q\xa8\x96;\x9dx?\x97\x1a\xa8\x84ez\x8e\x16\xb8\x01\x02\xed\x06\xac\xcb\x8e#[\x14\xa6\xf1\x18\xcd\x895\x9f\xc3bz\xe8a\xf9\xbe_\xd39\x03\xed\xd7\xdf\xdbK$Z\xad\xbe\x00\xb92\xb3\x9b\x93k`U6X\xd8\xef\x92\xb8\x0fb(\xa7\xe1bT\xd1\xa3\xfc\xb0\x9a,D\xeb\xd1\x8dZ\xf7\x1f;\xed\x0c\xc4\xe2\xe3\xbc\x04\xdd\xa0\x97\xd2,5\x0c\xc73=\xd3\xb4u]\xab\x05\xb4\x103\x1c\xc9"Pj\x04mjS4\x08\x8d_\xe0\xcf\x97cT\x1cr\x0f\x1f\xf1\\M\xb3\x9b\xb9\\+1\xe9w9\x01\xe9j\xdf\xdc&lt;\xdc\xd6+\xa1\x8b\x08\xf4&gt;T\xd9GO1\xaa\xf7\xef\xdf3\xac\x18\xbd%\x01X\xd1\x1f\xd4:[\xc7\xdb\x1d\xeaR\x9e\xe70\x8e\xe8\x1a\xa0ex\xdd2L,\xce\xf6\x1c}\xea\x06L1\x7f\xbe\x88,\x19\x15\x0c\xb34,K\xb6j~P\xf3\xfd\xf9\xd8\x0f\x02\x9f\x96\xab\x89\x1eZ\x85\x87\x97%\x00\x00\x07\x15IDAT^5\xbb\x13\xb5\x88J\xed\x9c\xdc\xdd\\\x93\x87\x0c\x8b\xc4"\xb7\x10\xb2/j\x81*\xca\xde(1\xac\x166X\xc8\xe2\x15\xba\xa5\x83\x8d\x9a\x03\x17\xf6\x1e\x8c\x0f\x8fn\x95\x04g\xa0"\\\xb0\xd2\xd3\xa7P\x81\xe9\xd5\x1bGp\xc2\x0bsda\xa1\xa34M\xb0\x1d&lt;L\xa7no&gt;\x0f0\x8f\xba\xc096\x17\xef\x9f\xb7&amp;\xb6\x08\x0ffww\'W\x95\xd5\x17\xb5\x92GGI\xb0\x11A,\x0cU4Y\xcd\xbf|\xf92_\xa5l\xd5W\x10kX\xb9\xfd\x94\t\xc5\xc2\x8a\xc7y\xde\xb1\r\x1bu\xcf\xf3\xddl\xa9\xe19H&gt;\xa7\xa1\x94\xe0\x0e\xd4\x08z\x11\x1a\xba0\xde\x96\xae\xebVM3 \x0c\xa6\xd6F\xbf\xa3\xe0\x05\x01]*\x8b\xa2\xa3\xa6Z\xadD\x17\x17\x952\'ww\xb3\xab\xd5\xaa\xfe\x85\xea\xe8/G\xc9M\xbec!\x14\xbdS$\xff\xb2\x1a&gt;W\x1f\x0e+\x07\xebx\x98,\x8e\xe7\x1c\xa5\xd1\x9fLR\xa9T\xc3\x11\x04c\x92M\xe1\x1f\xf4&lt;\x83\xdc\x12,d)@|"\xa0\xea\xe1\x90\x00R\x0bPnMP\x1a\xb6X\xca\x96lK\xd3\x1d\xe2\xe3tG\xed6\x06\xa5T.\x9184H\xfb\xf6\xcd\xdd\xcd\xec\xba\x12\x0bM\xac\x1e\xe5\xf3G\xd5ju\xc8"^\xa8\xe6\xdfbm\xd4J\x16\x90xh\x85\x82g\x16\x161\xcaf\xff\x1c\xf3\x93M\x11\x97\xac\xab\xd9l\xca\xf3`\xa1\xa1O\xa7\x02\x9a\x02\x82\x05=7\x02(l\x7f\x01a\xa1lk\xba\xe8\xd8\x16\xb0\x14A.6J\xa5\xd4 #u\'9D\x1eZ\xed\xed\xf5mz\xbd\x19\xd8x7[\xdf\xb2m8IX\x8c\x8bx\x86\xc3!A\xe5\x87\xf4\\2Y\x1dV\xeb\x85a\xfd\xec\xf3\xbf\xe3\xed6K\x94\xd2\xc4\xab\x03V.\x95*\r\x06\x82SJ\xa5\x14\x8c\xbbi\x1a\x8e,\xd8\x86#\xea\x18\xb2\xc0\x8d\xf4\x96\x8b\xc5&lt;\xa0\xcd\x06CX\xd3a\x99\xa6\x19\r\x05#\xd7\xc7+jHF\xa9\x85\xcb\xec\xd1\xc2\x9e\xa1t\xb9"\x0e\x00\'7\xc8\xd7\xc3\x15\t\x06y\xf2/\xbf%e\x92\xc4\x95\x07\x18\x10\xbfH\x08\x11\x0b\x95\xfbu\x11M\x95\x91\x8a\xa2\xe0\x1d\xe2Z\x0c\x0b\xde\rTQi\x0c\x1a\xa2\xce\xa1\xbb&lt;\xc3f\xcb\x9a\xe2\xa8\xefF\xb0G\xd2\xceL\xcd\xe0\xbb\x16\xb2^\xb3\x1c\xd3\xd1u\xbe\xdf\xca\xe5J\xb6Y\xca\xa2\x1c\x08\xeb\xd5\xde!6\x8bC\xa5\xc8\x81kvBF\xae\xef+\xd1\xfd\xe4\x11\x1c\x834\x05\x0c%9\t+\t\x0b\x0b\x9eV\x93\xc3\x0f\xd7\x1f\x89\x8a\xb4\x12\x9c&amp;\x90\xce\'D\x05\xf3\x06\x9c\xad\xaa\xaa\xa3{\xb6\xa3\x1av\x88\xa5k\xb2\x00\xae\x08\x8d\x1b\xa0j\xa8~PY\x08\xb9\x81\xb8k\xb2\n\xdbr\xcd&gt;~{\xc3u\xd88\x1f\xcc\xba\xe7\xe7^\xb1\xc8Q\xd7\xdf\xdc\xdc\x9ct\xd6W\x1f\x86P\xe6\xdb|x\xf6\xa3\x8d\x99R^ 2\x04\rPW\x9f\x8at \x8a\xf3\xa2 \x88\xdd\xc4\xa4\xd4,\r\x90\n\\\xb7d\xc8\xb4S\xeb\xf0\xd0r&lt;\xdb\xe0\x1c\xc7\x11j\xba#\xca\x96\x16\xf1\xa9\xb3p\x87\x84x\xc1A\xab&amp;\x18\xa6cY\xa2\x9a\xa58\x11Y7\x9b\xcd\xe5\x12\xb9\xdc\xa0\xdd&lt;,\xc1I\xc4\x1e&gt;b\xcb\x9e\x9d\x9c\x9c\xb4\xdb\x1f\xd7\xd7W\x1f\xde\xe6\x8f\xf6c\xe9Mk\xe1\x0b\x0e\x84I\xdc\xec\xdc^}\xfeT\xa4\nF3\x80J0\'\xfdRs\xa0\xb6\xd5\t\x89e\xeaFi`\x9a"\xb84\xdd\xe3\x0cM\xe7t\x19\xf7\xa2"Nb\x91@\xd3e\xf4\xab\x8b\xd6\x04\'\'\x1b\x8aaY\xc5n\x96\x8a\x9dv\x9cf\x9f\x12?\x99\xe4\x9a\x8a\xba\xf7\xea?5W1\x8e\xdb0\x10t!5\xaa\x0cA\xfa\x81\n\x03\x06\tY\xaa\xd8\x98f/@\xfa\x00\xdb4\xe9\xd8\x108\x83E\xc0\xc2\x05\x0b\xfa\x01\x81\n\xf1A\xf9\xc2\x15\x01\xd2\x04\xa9\x0eW\xe4\x9a\xccR\x97-l\xcb\xb0\xad\xf1\xce\xec\xec\xf0\xf1\xb8^m;\x93%RR\xdd\xa1\xe9\xb7\xf7\xbf?\xff|\xfdA\x1e\x9f\xeb\xfb\x8f\xaf@\xf4\xfa\xfe\xf1\x01\xe2`u0\x06Bu46\xb8q\xdd\x8c%\x0ey\xd5b\xa2\xe6\x96\xa19g5\x15\xear\x9b\x8as\rq\xc3\xa7\x0eC1\xc1\xc8\xbe|\x19\x84\xa8\x95V\x9a\xb3\xe12\x9b\xee\x13\x16R\r\xd9\xa8\xe5\x0e\xbfh\x08\xd6#\xb1\x13N\t\xb8\x17\xed\x0fBv\xa7\x94\xf2\xf1\xf6\xfe\xfa\x8b\xea\'\xea\xd7\xeb\xfb\xdb\x07\x01\x01o5\xacn\xae\xe9BI\x19\x97\xb4\xac\x16\x1c@\xb6\xc7\xd3\xd2-F\x96q\x9e*\x11\xe7Y\x17H,\x006\x90\xaf\x1f4\xb9\xfe\xe5\x82aP\x83\xe4\x8c\x9b\x16\x0c.]O$"\xd4H\xe1}\xf2J\x07\xb6\xa5D\xa8\x1e\xf1~\xfc\x86\x1c\x80\xd5\x86\xb0J\x95\xad\xbb\xc6\xfd\xe1i\xa8\x99\x8a\xc0\x10\x9a\x1aB\x9cIU\xd5,\xac\xe7\x89\xe6f\x01\x07\xe3*Y\x07\x1e\'\xae\xccY\xeb6\xe2\x8f^\x00\xab\xa8?a\x19S`\xef\x88hX=\xe8e\x89z\x98\xe2\xb2d\\\xa3k|y\x14\xdc2\xe19\x8f\xb9W\x8f\x15\xac\xa1MX\x1b\xb4\xdd\x08\xdd~\x7fl%0A\xa4\x11kt \x04st\x95;U\x15\xd2\x04g18)\x8d\x80\xb5J\xb9\x8e\xbd\x9f\xd4\x12\xa22\xa20\x85R\x95R\x138\xa4\xaa\x0e\x8b\x18n\x83\xc2\xd1\x06\x87\xdd\x08\x8f\x9b\x04=\xc2\xd4\xfb\xd1J\x97\x82e\x94&lt;\x1c7kF\xe5 &amp;\xd0f\x82\xfe\x8f)/_RuK/\xe8\n\x11\x16\xc4b\xf6\xe8&amp;DdUMa\xe5\xe8\xd5#\x9a\x95B\x92\xd3\xda\xa1cL\t\xaeydC\t\x83\xd0\x9aP\xe1\xd3\xd3\xa4\xf4\x81\xa1k\xc5\xd2{\xc9\x05\x1c\x17c\xdb\xe5\xc2\x13T\x90\x1a\x1f\x82r\x9eY\xed\xae\xd4\xad\xf4\xa4\xbaswu&gt;\xc7\x81\x99PPD\'\xa6\x08_&gt;\x1d}\xa3\x93\xc4\\\xe5\xbf\x8e\xc7\x1a\xdfv\xd0\xc7b\x8dM\x84J(\xdb\x8ck(\xa5\x17\xb73o[6\r\x97BAY\x05a\x82\xc7\x1e0\x9f\xb5\xe9\xfd\xecW\x02\xd4\xd3\xe4~\x02\x83\x1e\xd7\xc6z)\x9c\xf4.$\x82\xb5\xa3zn\xf6A?\xce\xd41\xab\xabm\xf3\xa0U\xf5\x8cP\x8dx\x97\t\xccoeFj\xe5\x13}\xda\x9a\xa7\x85\xb8@\xa4\xc6)\xa3\xe1\xdeN:\x80\xbf(\xa0\xe7[!\x04\x19\xaa\x00z\xd0u8\xc3\xe4:P\x8b\xa8\x07@\xfd\xd8\xd3\xf0\x02\x1b?j\x1d\xc6&amp;q\x1d\x9c\xc8;\xe3\xfaH\xd9\x10\x9e\xcfH&gt;\x01`)\xdc)\x07\xef3\x07X\xd4\xaa|\xe4\xdaa\xe2 w\xae\x8b\xbc\x9a\x9b\xab\x85\x03\xc7\xbc\xc2\x9c(=`J\x1d\x02c\xbe\xebb\xc9ORSv\x96\x92S&amp;\xe8\xd6\xf5PUl\xec8\xb3/\xd9y\xfb\x1d\xd7j\x8c(\xf9\x02\x93\x08\xde9\xb4\x8c\x96\xc6\xb5\xe1\xbbS\xfd\xce\xe2\'\\v{n\x1b\xfc"K\x9e\x08D\xec$P\xf3\xde\xbdbB\x9fi3\xd3\x92\xb8o\xf6\n\x06\xaf\xf6T\xf2\xd4\x8c&gt;xE\xfe\x05Z\xda\x12\x1a\xa3\xca\x98\xfauu\xe3aV\xae\xe9\x17\xed_2.\x9a?\x98\xa7\x9fJ\x19\xe9\xc2\x9e\xf0u\xcf\xf6\x05\xeb\xf3\xa1z{\xeeF\x81?\x9e\xf8\xb6m{\x12&gt;Iz\xce\x92\'\x95\xe1\x15\xd6\xbau\xd9\xfc\xf6Uo\x1d\xc9\n\xeb~\x96\xc4\xa9\x16\xde\x12+\xd0\xca\xf9V\xb5\xc6|br\xa8\x97\xf0\x0f5\x86\xe1\x13\xa4l\x90=\x00\x00\x00\x00IEND\xaeB`\x82'</t>
        </is>
      </c>
      <c r="M342" s="3" t="n">
        <v>45492.67619212963</v>
      </c>
    </row>
    <row r="343">
      <c r="A343" t="n">
        <v>950545</v>
      </c>
      <c r="B343" t="n">
        <v>1999</v>
      </c>
      <c r="C343" t="inlineStr">
        <is>
          <t>Eric Ramires</t>
        </is>
      </c>
      <c r="D343" t="inlineStr">
        <is>
          <t>Eric Ramires</t>
        </is>
      </c>
      <c r="E343" t="inlineStr">
        <is>
          <t>VOL</t>
        </is>
      </c>
      <c r="F343" t="inlineStr">
        <is>
          <t>VOL</t>
        </is>
      </c>
      <c r="G343" t="inlineStr">
        <is>
          <t>VOL/MC</t>
        </is>
      </c>
      <c r="H343" t="n">
        <v>172</v>
      </c>
      <c r="I343" t="n">
        <v>7</v>
      </c>
      <c r="J343" s="2" t="n">
        <v>36747</v>
      </c>
      <c r="K343" t="inlineStr">
        <is>
          <t>Right</t>
        </is>
      </c>
      <c r="L343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52835b-934f-45db-88a7-c70707a125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60T\x14\x00\x00\x03\x00PLTE\xff\xff\xff\x03\x03\x03/\x19\x13\xd9\xe0\xf7\x07\x05\x06\x0e\x0c\x0e\xfd\xfd\xfd\xff\xfe\xff\x01\x01\x01\n\t\n*\x16\x0fO)\x1c\xdc\xe1\xf8\xbe\x84f\xda\xde\xf59\'%3" .\x14\n\x17\x15\x171\x17\r\x12\x11\x134\x1c\x15!\x0c\x04;\x1e\x14\xdd\xe4\xf8\xfa\xf9\xfa\xd6\xdd\xf7$\r\x03&amp;\x10\x07\xd7\xdc\xf3\xcc\xd4\xed\xbf\x8bz\xc4\x8e}9\x1b\x11=.-\xb5}^3\x1f\x1a5\x19\x0f\xacqVJ&amp;\x18? \x15\xc6\x92\x82\xa4iP%\x12\x0c\xc0\xc8\xe3\x1c\x1a\x1c-\x1e\x1a\x13\x07\x06\xbd\xc4\xdf\xa1fM\xc8\xd0\xeb\xb7|e\xb9\x80bD$\x1a\xadub\xa8o\\C65\xb7\xbf\xda\xde\xe5\xfb+\x19\x15\x80L7\xd3\xda\xf3\x1c\x0f\x0eU.\x1dc5#\xa1kY\x88N6E&lt;=\xb9\x81m\xb7~k\xa8oT\xf6\xf5\xf5\xa7jU\x9dgT\x1b\x08\x04\xb2\xb9\xd3\xc5\xcc\xe7\xb9\x83v\xacs]D!\x14H)"\x8eYF\xbc\x84o\xe2\xed\xfc\x95[C\xb1xd\xd1\xd6\xef\x89T=\xb5xa=#\x1d\x9a_F\xc1\x87j+\x0f\x064\'&amp;\xc0\x87t\x9ecKwD1\\2!\x7fQ@l;\'\x96dR\x91U&gt;c\x03\x08\x92^K\xef&lt;G\xf1\xef\xf1QJL\x99aL(&amp;(\xd9\xe2\xfa\xc3\x8bo\xc8\xcf\xe7"\x15\x14#!"~F0\xb2s]m?.\xb1{j\xdd\xc5\xdat@,W0%\xdf\xe9\xfb\x84VH\xc4\xca\xe3:67\xd9\xd4\xeb\'\x1a\x19\xb0xZ\xd5\xc3\xd9\xe0\xdd\xf1\xa6sa2/0\xcc\x96\x87\xc5\x8by\x98hYWQS\xdd\xce\xe3\xd4\xbb\xd1\xd9\xd9\xee\xeb\xe8\xeawRI\xe75@HDE^6+u\x04\x0e_?6\xe2\xe3\xf5\xab\xb3\xcciD:\xe0\xbd\xd0\x88\\Pe:*I1+\xca\x92}\xdf/&lt;\xa9dK\xa2\xaa\xc2yL?\xb5lRzXT\xdf\xd6\xeaS6/\xd9\xd7\xd9sI9\xa9\xa7\xaarLE\xd8\x97\xa5\xdd\xb3\xc7\xc7\x90q\xb3\xb1\xb2\x99\xa0\xb6\xd4\xd2\xe7\xd5\xcb\xe1\x95\x06\x19\xdf\xde\xe0\x91\\S\xd1\xa0\x90uoq\xc6\x19,\xba\x9c\x95\x9cVC\xdcy\x8bQBB\xa2_E\xa7\x07\x1d\xdf\xa1\xaf\x86\x04\x13\xd6%4\x89f]\xe9\xd2\xdf\xd2\x9b\xad\xbb\xb5\xbb\xde\xaa\xba[-\x1f\xb7\x0e$\xf3JS}y{\xd1\xce\xd0\xe7\xe1\xe4\xa8vk\xe3\x95\xa5\xe9\xea\xf4\xbb\x9f\xb4\xc3\xb3\xc8\xbds^kfh\xbf\xc0\xd3\x9fle\x96\x96\xa0\x88\x83\x85\xdc\x84\x96\xab\x80u\xa0\x9e\xa0\xd6\xb6\xa6a\\^\xd1\xbc\xba\xc2w\x82\xc4\xa7\xa1\xcb\xc6\xc7\xc3ft\xca\xc6\xdb\xec\xb5\xc4\xe2\xc6\xb5\xb9\x91\xa4J\x07\x07\xd3\xaf\xc5\xcc\x8e\x9b\xc1\xc0\xc1\x93\x8e\x8f^KH\xb1y\x88\xd2\xa6\xb9v57\xd7i|\xe9s}\x9czt\xdePY\xea\x89\x97\xee\xc6\xd4\xbd\x84\x8f7\x13\t\xdd\xce\xca\xf1\xab\xb9\x86BD\xca\x84\x86\xc8&lt;A\xa5W]\xc6}k\xa9\x8f\x85\xeb\xd7\xc8\xa74;r""\xedZb[!\x1d\x9f\x15"\x8b#+\x04\xe5\x88L\x00\x00 \x00IDATx\xda\xcc\x98\xd1O\x1a{\x16\xc7\x85\x0c\x8c\x83\xd9\xa8#\xd6\x90\x98\xa0mE\xc5\x0c\x86\xb8\x82\tF\xab\x82\xc0MD0\x1a\x94]\xa4U\x89\x01&amp;\x1bG\xdbh\x0c\xb1IG\xcb\x83\x06Cb*\xa6q\x8d\xc8}\xe0\x85+\xc9M}11\x9b\xa0\xf7\x89TS\xaf\x0f\xbe\xea&gt;\xed?\xb1\xe7\xfc\x86\xf6\xf6\xde\xbb\x8fc\xbb\xa7u\x04}\xe8\xa7\xdf\xef9\xdf\xdf\xf9QQ!S\xd1t\xc5\xffS\xd1\x12\x8f\xce\xe9\xac\xa8P\xab+h5\xfd\xfd\x89t:\x9aV\xeb\xd4\xce\x8bL&gt;w\x97\xc9\x9co\xd2\xba\xfc\x85N\xfd}\xa9\xd4\x9b\xb93g$s}\x97+%\x0b\x85h"qs\x9f\xb9\xb8\xbe\xcf\x9eEP\xc1\xef\xe4*MG\xce\x12\xc9\xec}BL&amp;\x04\xad r\x9c\xc0\xf1\x89b"\xc9\xc7s\xe8\xe47\xb7\x93\xc6\xd2]\xe4\xb3QA\x88\x8a\x1c\xcb\n\x1c\xabR\xb1\x1c\xab\xd5\n\xbc h\xd9B\x84\xae\xd0en#\xdf\xd8&lt;g&gt;\xaf;/\x96\xa2\x9c\x96\x15\xb4ZV\xa5\xd5\xaaT\x0c|g\x18V\xab\x82\xd7C\xe7\xb4.S\xbc\xc9\xd0\xdf\x94*\x92K\x94n\xef\xe3&lt;\x0f\x1a\xa9\x10\x8b\x01 x\xc1\xc0\x93\x94\x90un^\x89|\xd6\xf9eP\x1f\x9ej\xf3\xf62\xc1\xf3\xd1(\xcf\x0b\xac\x8ab\xb4 \x15\xc3P\x14\xaa\x84l\xa8\x9c\xf6&amp;{%jU7\x9b4\r\xba~\x03.u\xe4\xae\x90\xe4y\xe8\'\x8e\xe3\x10H\x85P@E1\x12\x1c\x14C1B\x9c\x03\xb8\xe4\x85:_,n&gt;\xbc^\xb4.W\x8aC\x83C\x11U\xcaX\x94B\x81X\n\x8aR\xa0\x97\x84\r\xde\x8b\xd9\xdc\r\x17\xbf}\xf8\x89T\xeb\xb2I\x9e\xc3\x91\x93\xb0\x184QE\xb0P%E\xa5\x82!f2\n\xf8\x89\x82\x15y\x15\x13\xcf:\x1f4*0\x14\x9c\x9b\x97\xa8\x15\xa0\x00\x17jB\xe4\x02\x91(\x05Z\tX\xa8\x1aX\xaa@.\n\xa8\x196\x99\x8b\\\\&lt;\\\xf0;o\xefr\xf7\xc5\x04\x8f\x06\x82P,+Y\x85b\x01\x10\xe0 ^\xa5\xa4\x9aBQY\t\x88\xf0\x96Q\xb1\xf1b\xf1\xd2\xf9`X\x9b\xc5\xe4\x90(\x08\x02\x11\x8b\x0c \x12P\xe4K\x85&amp;\x92\x9eg\xa4\t@\xdd\xe0Q\x89"2\xacPz\xb8d\x8d\\\xf2\x02\x8c\x1f\xe9v-\xf3\x99\x8a\x91\xb0\xc0D"\x13E\x94\xa3(l2\x06%\xab$\xbe\x02\xd6\x03\x05\x98\xday\xcd\xb3e(l*\x92\xa1\x14\xc3H\x12Q\x84\x8d\xbc\xc0\xae\xaa\xac\xc4\xdf\xa0ZR\xd7\xddDh\xdd\xe6C\x04\x18\x9c&amp;%\x9cA\x8eh\x85@\xa4\xb5I{S\x12\x1b\x19H\xa2\x0fi}\x9c\x032\x08\x0c\x05j\xa9\xf3W\xe7\xb2\x0f$\xfc_s\x05\x91$hy\x00\x19\t\x8b\x14i&amp;\xaa\xdc\xe8HE:\x8b\x92D\xc3\x1f3C\xb9\xfcU\xfcNv\xb9t\x99\xeb\xa8(H\xb9\xceHy\xceHBHF\x92@\xf8\x8cU\xa9\x90\x14+\xbf\xc1yd\xe3QA&lt;\xcf\xe4e\x16\xcby~\x05\xe1\x0e\x06"U\xb9\xa4S\x19\xd3\xb3&lt;\x84d\xf4\xfeT\x149\x02\xa0\xd1\xf8\xc2MV\xe6\x9d!_$b\xb1\xe5\x7f\x1e8\xfa\xfa\xd6\x16\x16\x16\xc8\x17&lt;\xfa\xfa\x88\xb3\xd4W\x92\xfd\x86%9\xaa`\xd8\xa1;\xa7Z\xd6#\xe7\x0c\xb5\x02\x0f\xd1@\x8c\xd2\x855SM\x8d\xc9\xf6\x14\x1eO\xa7\xd2i\xafw\xaa^\xd3\x01p\x9d\x9d\x9d$\xeb\xbf\xc2\x92\x92\x15\x1bL5t\x95\xdd\xa4\xe5\xc4\xca\x89$\xb1\xb4$\x0cX`\x9a\x9a\xaa\xf6z\xd3\x87\xdb\xa9\xd4\xce\x11\xd4\xce\xeeJ\x95wjJ\xa9A2\xe6\xcfnJ\xb3\xa9e\x93\xe7\xb2beyV:s`\xd89S\xf5\x94\xf7p{g\x7f\xc67\x1f\x83\x9a\xf7\xf9{{\x9f\xbf\xdc\xdd^Y\xe9\xf7N);\x00\xec\x7fu\x19v\x18\x7f\x19\x91\x13\xcbyI\xb0\xc8\x9e\xb7P\x93&gt;L\xed\xaf\xae\xce\xc7Bfs\xc8l\x0c\x05\xc6\xc3\xfe\xc1\xde\xde\x97\xbb\xbb@V\xe5\xed&amp;d\xe4\xf8Q\xfc\x81\x8bIf\xd4\xb2\xaau\x8d\x8b\x1fY\x91\xd7\xaa\x0fwf\xe6c\xf3\x01\x80z\x0f\\\xc6/\\\xcb/g\x9f\xbdXY\xa9j\xedn\x003Q\xb2\xdfk\x06\x8d/\x9e\xc9\x8b\x95\x159\xc9\xc4\xbe\xea\xed\xfd\xd59\x10\xcah4\xbew\x19A.s p2\x1e\x1e\x1c\\|\xbe\xbc\x0c\\/^TUu\xb7!\x18\xb4\x19\xa5\xf8}\xf3\x0bYy\xb1\xee\xe2d#e\xd9\xea\xd4\xbe/\xe66\x1b].#~\x01\x98\xd9|r\xf2s\x18\xb9\x00\x0c\xb8\xfe\xd5\xdf\xdf:\xda\xd6P\xaf\xd4t\xfc\x81KA\x89\xd9\xf3\xbcN\xceI,c\xd5 \x15(5lp\xb9\\\x06\x83\xe1\x9f\xc3`\xe4\xfb\x93\x93\x00\xe1Z\x9e\x9d\x9d}\x06X(WC}\x9d\x06\xc0\x90\xec\x0b\x16\xc3\x8a\xf1\xc4\x9dl\x82\x91\xde\x82\x88gM\xa9\xa3\xd59\xb7\xcbe\xf5,--M.a\x19@6\x10,@\xb0\xd0\xc6g/\xa0\xbb\xda\xda\xc0G\xe0\xd2@\xd2v*\xbeJ\t\x85\xb6\xa0\x93\x13\x0bn:\xecB\xfa\xc7\x99\xb9\x81\x01\xab\xc7c\xe9rtA9\xba&amp;\'\x91\xcce\x0c W/\xeaE\xb0FQ.\xa5Rc\xb3}\xcd\x85&gt;\xf2Yu\x85\xbcX\x9c)\xb5:\xef\xb6Z\xad\x96\t\x87\xdd&gt;6===6f\xef\x9a\\\xf2\x00\x16\x8c\xe3 \xb6\xd72\xbaX\xd5:\xda\x00X\xf5\xf5J\x9b\r\x15\xeb\xfc\r\x8b\xbd\x92/\xb9p\x03\x04*!\xbd\xf5S\xcc\xfd\xc6:1\xe1\x00\xa6\x8d\x8d\xa6\r\x00\x03\xd5&amp;\r.3\x84\x844\x8d W?q\x11\xb1\x90k\xcd\xb6\xd0G}9 E\x19\xb7\x1b\xb5\xf3\x1e\xb0\x84\xc7\xa9\xd5\xb7n\xab\xc5\xf3\xcaa\xd77\x91\xda\xd0#\xd7\xe4\x92\xc1\x1c\xee\xf5\x87\xc1D\x9cE\xc4B\x13[\x10\x0b\xb8lkk\x9d\x9f\xb3\x95\xd2^EdL\xf9\xa2\xc0\t|\xcf\x8f\xef\xde\x0e\x80\x85\xe0_S{\x13\xfe\x85\x02#\x01\xcc\xe3\x1e\x0cc\xa6\x12.\xc0j\x05\xac\xe6\xe6z%\xe12\xad\xf5I\xfb3p1E\xd9\xb0h:R\xe2\x04ALm\xfd\xe4\x1e\x18\xf0\xbc\x02*}S;\x16&lt;\xf5zTl\xd2j\x0e\xa1\x8d\x98]\x04k\x14\\\x04,%\xc12-\xa8\xc8\x14\xc2\x83\xc9\xca7\x88t&amp;\n\x1e\xf6\xec@8\x0cX\'\xec\xd3`!\xa1j__\x072=\xf4X\xd7\xebach\x1c\x0e!8\x82&gt;c5\x83\\\xa4\xbdL Wy}\xa5\x86\xe4[\xe8i\xfa6\xcer\xc1\xc3}\xdf\xdc\x80\xd5\xe2\x18\xf9B\x85`\xed\xed\xc4I\xe0\x02\xbd\xc6}\xbde\x13G\x1b\x9a\xc1\xc6\x16\xa5\x12\xb1`QTI\xf7l\xf6\xd2)_\xc7\xab\xcfx\x16\x1b~&gt;\x06X@Un\xf8\xf6\xb2\x93\x1b\x88\xe51\x0c\x03\x96\x1f6\x1c\x0c.\xe8-\x10\xab\xa5\xa5\x19\xd5Z\x83b\x19\x82%\xe7\xe7$j:\xc7s\xa6\xc3#\xdf\xbc{\xe0\xcd\xab\x11\xbd\xc4\xa5\x97\xc0\xf0\x95^?\xe6X2\x80\x8b1\x1fl^\xb3pX\xe3("WsK\x1df\x84I\x00\xb9p\xe3\x8a\xca\xb8\xd9\xd04\xc4Vuj\xc6\x17\x1bp\x11,(I/\xfc\x8e\xef\xa6\xa7\x1d\x93\x1ep1&amp;\xc9E\x82\x0b]l\xa9\xab\xabS*\xd7\xd6j\x84\x05\x16o\xb8L\xfcNN\xac,/\xa4wf|\xd0\xf0\x16\x825]Vloo\xaf\xbd\x89`\xd9!\xbc\x86\x8d\x88\xb5&lt;\xbb\xdb\x8f\xbb\rP54\xd7\xd5\x02\x96\xc9\x14\x0c\n\x1c.\xdc\x94\xf6R\xbeK\x06\x9aXsx\xe4\x8f\x19\xade,\x94\x0b;ko]\xc2\x1a\xb3;\xb0\xb9\x10kq\x16\xb1`\x15l&amp;j\xd5\xd6j\x94\xa6\xa0(\xd6p,\xde\x03d\ry:\'\x06S\xbd\xe1\x90\xcb\xe8\xb68\xec\xc05\xa2\xdfh\xc2x\x00*\xc4\x9a\xb6\x8f9&amp;&lt;\x06W(\xe0C\x13w_\xf4\xc3R\x0f\xfd\xde\xd0R\x0b\x85X\xc1 \xcf\xe1\xa7N\x89\xbc\x8c&amp;\xaasb\xf5\x8e\x7f\xdc\xec2\xbb_\xd9G\x10\x0bK/\xe5C;P9\xec\x0e\x8b\x07{\xde\xef\x97\xb8V\xbc W=\x8a\x05j\x05\x1f\xc7\x87\x92q\x81e\x18\xb6\x18\x91u\x12\xc5\xf4\x91/\xf4\xdehv\x11\xacO\x1fOOO\x0f\x0eNO\xff\xf3\x89t\xda\x98\xddn\x9f \xc1\xe5\xf7\xcf\x1c\xbd\xdc\xee\xef\xee\x96\x16\xc1\xda\xc6\xc6Z\xcd\xd3\xea\xc7C7\x85\x84(\xa8(\xeeZ\xc6\xa5\x19r+~\xb8?\x1f8\x81]\x19\xd2t\xe4\x97\x83\x7f\x7f\x18\xea\x89\xf7\x0c\x1d\xeel\x9d\xbeye\x87\xf5\xc6a\x9f0\xe0r\x03T\xdb\xe9)[\xc7\xc2BG\x87\xc6\xa6\xack\x04\xb5j\xaa\x1f\'K\xc5R\x92\xd72\xb2\xee\xf2j\xfa\x0e\xb0|\xe3?\x9f\x98]\xb0i}&lt;H}\xf8p\x98\x86:Lmm\xbd{\x0b\\\xa0\x96\x056\xc1\xf1\xf1\xde\x97\xdb\xde)8\x02\xf1\x03\x93\xce&gt;\r)\xc0\x8a\x16\xae\nI\xe8.Y\xb1h8\x13\xd3\x88\x150Z-\x96\x8f\xef\x0e\xb6\x0eN\xdf\xce\xbd\x9b\x81\xdb\xf4\xcc\x0c,\x86\x13\xc0\xd5\xe51\xc2Q\xed\x7f\xbe\xbd\xe2m0\xc1u\x8c\x82??t\xd8L6\x8d\xad&amp;\xd8C\xb0D\x8e\xe1s\xb2bm\xde@o\x81\x18f\xabe\xe0\xdd\xe9/\x9f0\x1e\xc6^\x07\xfc\x83~\xbf\xcf\x170&lt;\x01\x0b\xcd\xf0\x8e$|7\t\xd1:M\xe3\xa3G\x8f:\xd6LOk\x10\xabT,D\xa1\xb9d\xc5\xaaPG\n\xe9\xa3\xd5\xf1\xc0x\xcc\xed\x9e{k\x19i_?&gt;&gt;^\x9f\x9e\x0c\x0c.\x0e\x86\x03!\xc3\x93\'\xc3\xc6@x\xf19\xee\xf1\xa3m\xa3\xadU\xfdp,\xb6\xb5\xd46\xfe\xd0g\x0bV\x07\x83C\xd1\x9b\x02\xa8\xc5ke\xbe\xbe:\xaf\x00\xcb\x17\x08\x050\xe7\xbb\xfe\xb2w\xfc\xeb\xaf\xc7\xeb\xff\xe82\x86\x17\x17\x17\x07\xc7\x87\x9f\xbc6\x18\x03\x83\xb0:\xb4\xc263\xfa\xac\x17\nd\x1b\xad\xfb{\xe3\xa3\x8e\xea\x9e\xc7\xf1d2Q*%EA\x1b\x97\xf3\x93\x11\xbcU\xe3\r?\xe4r\x0f{&amp;\'\xff\xfa\xb7=\xd0\xaai\xcc\x13\xf2\xe1\x1dl1\xfc\xde\xf0\xe4\xbf\xb4\x9a\xefKb\xf9\x1e\xc7\x17Y\x14&lt;\x84\x9e+*\xe1\x81F\xc7_y\xd8\x06\x11\x7f\x80R\x9aiGA\xd3HJ\xef\xf1GfH9,sSI$\n\x9a\xb4\x07E!\x885\x88F\xd3\xce\xc2&gt;\x99\n\xa5X\x08\x86`vz\xd22\x0c\xad\xdb6\x0fz4]\x06zp\x1b\xf62\xb5,\x03\xf7\xf3\xb5\xf9\x13\xce\xfd\xd2\x83\x1e\xbex\xfb\xf9\xbe?\xef\xcf\xe7{t\xc6\xd0L\xdf\x90\x14\xa7oT\x99\xa4+\x05\xd2e\xc6UR\x1c\x97\x10r\x93If\xb7\xaf\xfd\xfe;R\x8bY,\x0e\xfb\xfd\x15`i)\xa7\xd2\xbb\xb0\xd0\xf1\xfd?u\x0e\x87!aAn\xde7&gt;\xdb\x7f\xa8\xec\x88\xe8R\xb3*\x9c\x96\xd0\xd2\xf1Z&lt;\x1f\x8f[2\xe3@\x89|\x8b%3\x99L\xf6\x83\xe5e\xfb\xd3\xc7\xff\xb03\x8a\xf5\r\xe7\xe5\x16\xc22\x1a\x16`\x92VF\x93\xb6\xec\xdd\xf5\xea\xb6\x1e\x02\x95Xe\xed\xaf&gt;\x1c\x1e6LN\x0cI\xdcn\x898Wz\xb1Z\xc9\x97s\x08\n\x0eA\xf2\x01\xcb\xb46=\x8d\xb0\xd6^2\x8a\xc5^\xd9\x87\x00\xa1u\x82\x95k\xb4\x96\x9dJ\xb1R\x96\xcd\xf7\xbaI\x1c\x17c\x99I\xe7C]\xc0e\xb1JEn\xb7H\xbc\xfdbuk\xebj3\xa8 Dn\x11\xc9%\t3\xcf\x04\xd6\xbb\xb667\xf7\xf4\xbb\xe57L\xbe\x19p\xd8S\x1f\x10\x96r\x01R\x82\x7f\xa7\x94\xf3\xa9\xb9\x90\xcf{\x85z5V\xcekA@(\xad\xe3\x1bP\x0b\x0f\xfa|W\xbfN\xff\xebQ\xfb\x00&amp;\x97 \xe5\xed\x9f\xd1n\x9f{\xfax\xbf\x93\xc9\x9b\xc8\xe1\x0c\xfeT\xae\xf9SN\xe5\x823\xe5\x8f[\xd0\xf2oggcc}}#\x13OD\x0f\x0f\xab\xd4H\x1bK$\x90\xeaKGGW=\xa4\xc8}\x0fF\x90"2\xdc\xc6\x9a\x03\xb9^\xbfz\xb5\xc2T\xdeb\xbfl4\xde\xbc_\xad\xf9C\x1a\xa7S\x1bJ\xa6\x9c\x0f;\x06\x02^\xca\x1f\xb3\x1e\x1fO\xf8S@U\x8dN\xce\x8c\x8bi\x89H\xb0Y\xae\xecV\xe2\xd0\xadU78\xc15\xf7\xba\xe1\xa74\xb7\xb5\x02\xaa\xf9\xc7\xe1\xb9}\x86\x96\xba\xec\x95\xbb\xdd\xca\xf5\xf5\x8b8\xf8V\x14\xed\xd94N\xaf\xce\xe1u\x01\xd5\xb856\x9a\x84VY\xad6Gc\xd6!\x05.\xa1\xf5\xeb\xb5x\xad\x16\xdb8V\xb5\x93\xa9HD\x10\x84Y\xd6\xc62\x85A\xbd\x1e;3m\x91\xddy\x0e\xb3t1_\x8b\x8f\x86\xd0JR\xa3q.x\xbd\xb6\xe4\xa8%\x93\xb1\x8c\x8e\x8c\x8c4\x9bU\xc0\xea\x8fY1\xb5\x14\xbf\x11c\xb9\xdcz\xae\x0f\x1bR\x08h\x1a\'h\x82\x864/\xb3\xafAe\x99\xf8\xbd\xee\'&lt;\xdekF\xf2){\xf0\xee8\xfe\xd6\xb6\x1b\x07,\xa5\xd3\x89\xb6H^\x1bes\xa5\x92\xfe\x94\x8b\xa2\x00\t\xc4:l\xf6\xcf\x80\xaf\xab\xa5\xa8\xf3`\x18ZB\x0c\xc1\x7f0-\x82d\x02\x01\xaf}\x11\xed2\xfe\x93y3y\xc5\xc8\x93:{\xb0\xa1:\x8e\'\x93\xf1\xb8?\xaa\xf4\x1a\x02Y\x07\xe4c\xb0\t\retD"\x91\x8e::\x08\x0b"\x8d\x1a|\x0cu\xc4\xe3\x1c\xdc\x85L\xcc2\xbb\x01\x9e\xaa\x10p\xf9\xe0[\xf6\xb95\xfbS\xfe\xbc[\xb4\xfd\x0bCX_\xfe\xeeo\xc2\x18?:\xe2\xcc\xa2\xc4\xdc\x05SNzL\x17)\x14\n\x1e\x8f\x8e\x02*\x90krf"\xa7\x87\x99B\xa1Pc\xe3\xd6\x89\x89X\x0c\xdd\xd7\x89&gt;\x95X\xc1\xe5\xca\xed\xd3\xcbv\x93}N\xc67\x8b\xe8 #\xc5\x05X\x7f\xcf4\xebZ\x84E\x01Vww!20\x10y\xf6\xec\x81\xc7h[\xf4j\x0e\xef\xe5\x9a\x9c\xd9\xc0\xd4b=J5C\xc7\x13\xd0\xc1\x11\xd5,4F\xb5\x90\xcb\xed1\x01\x96]&amp;\xe3\x99\xf9\x04-|\xc7\x10\xd6\xc7\xfe\xeai}\xb26\x1ar\x06\xd0\\\x01\xc3!\xcc&lt;]\x06\xbf\xc5OQ\xd1\xc3j\xbdZ\xaf7\'-\x13\x98Z\xed\xcb\xe5\xf48\xae\xb6Z&amp;GQ\xfa\x8a\xb5\xb1X\x80\xb5&lt;m\xb7\x87\xc3r9\xcf\x8cK_3\xb1\x86\xe8\x1cl\x80X\x80\x05%O\x05\x06\x1e\x00\x11\xca\x0f\x8e\xa8e\xa2\xe6J\xa7)p\xad\xd3ST\\\xb3\xc7\xfa `a\n\t\xae\xca\x8c\xde\xef\x063p=\x01\x8b+\x83\x96h\xe7\xf7\x90\xb8\\&amp;\x95\xbe\xebdD\xad\x8b\xfef\xfa\xb4\xda\x0f\xcd\x87\xcavu\xef\xb5\x13` \x14\xb3\xc6\x8a\xc6\xb1\xdb\xdb\xd3\xfa\xf0\xde\xd2\x18X\xc4\xcc8\xe6\xeb\xcb\xe5T\n\t!\xee\xcbX\xd0\xb2\x0ba\xe9\xc5r\x96Y6\xbd\xbcf\x9a\'\t\x1a\xdf\x0c\x06\x7f`\xa4\xe4;\xcf\x9b\x80U\x8f\x8e&amp;\xb5\xca\x81g\xf7\xb9\xd4;2k\xcd\x14=\x8e\xb1\xc8\xf7\xb7\xb7K\xad=\x07Ei\xfa\x01A\xaf\x82\xe0@\x88p5\xb6\x11\xf7\x7f\xcd\xd0A\xb9\xbc\'\xbc6\xbd\x16&amp;E4-\x91\x07\x0f\x9e3\xd2\xae\xd9oN\x00\xebT\xe9Oj\xd2\xc3PU{K]\x81\x91\x19k&amp;\xe1\xe9.\xe8t\xa7\xa7\xa7\x1d\xdd\x85t3\x14\xed\xb7\x82\x19@\x8c\x87\x0cO\x8b\xf5\xd8\x86\xc523\x8b\xf2j0\x08i\x1e\x82\r\x8f\x90@,\xc4\xf9\xfb\xccl\xb8\xe0W4\x9e\xd6\xeb\xe9\xa4\x9fJ;\nP\xef\x0f\x06\\\x96\x89\x8c\xcbQXZ*x\x93#\xa1(\xa5l\xceX\xfag\xfb\xa4\x02\xc81(\xdd\xd07Czl=3;a\x85h\x0f\xd3kX\xb6\xb6|\xc5\xe3B\xfc\xa2i\x19SS\x06\xe7SW\xe4\xb4&gt;\x06X\xcat\xc7p$\xe20\xfac\x99\x94\xa3\x00X\xcf\x06v3\xeb\xeb\xb1Q\xc8\xf1\xb3V5\xe9~\xf4\xed\xb7\xd0\xf7$4-\x1d\xc2\xb0\xdc:\x9a8\xa4rH\xf3`\x10\xd3|\x81\x00a]\xbda(\xda\xb0W\x1a\x85[\xa4\x96V\xa3\x1c\xd3\xe9\x02\xdeD-\xb3\xeb\x007\x05\xe5\n\x8ebm\x03&lt;\x1d\xd3o\x8a\xdd\xe8\x15\xbb\x1d\xb2$\xb4B\xad\xc2\xf4*\xb8\x97j\x01\xa8\x85\xb0\x96\xf9B\x84\x853\xf7\\\xd0\xd9\x8a\xdc\xd6\xeb\t\x7f*\xaaQ*\xbdF[&gt;\x96\xcf\x0e#\x93/D\x86\x1d\x8b\xc5\xcaj\xc9\xa7 H7\x9aX\x11\x95\x1b\x8aK \x1dR\xe9\xa5zL%\x16\xb0x2\x13\xb8\xfc4O\x08\xbd\x9bf\xfd\xc4\xd4&amp;\x89\xc3&gt;\x1f\x00\xcbL\xf8GBZ\xf44\x96\xac\xc5m\x0e\xc7@$2\xe0\xc8\x06\x16mo!A\xe7\xf4R.I\x92"\x11\x82\x02,\t\x0ey\x10S+\xc0\xf5\x01\xcb\xd4\xc6\x92\xb1$\x84D\xc2cpy\xfa)[m\x1e\xba\x00\x0b\xc2\x96\xd2\x95\x8f\x17\rF\xafcX\x170@\xfb99;{\xbb\x9b\xaf\xed\xacc&gt;\xbdZ\x8cvG\x04\xdcE\t-P\xf7a\n\x054#\x16\x8f\xd7\xae-\x19WD\x12\xc4\xd5s\xe6\xb6\x81o\xce(m4\xe1\x0f\x85 o)]q\xff\xa21ap\xe8\xbch5\xe8\xf1\xfc\x1b\xb0*[;9\x9f\xcf\xa7\x0f\xa2\xb5$M\x12\x12\x91\x08\x17\xe7rRZ,f\x99\xf9a\xd9W\xb5Xr\xee&gt;s_\x1cp:\x1b.\r\x95\xf0\'\xa1\xb8\x9c\xcaT&lt;\x19p\x15\xb3\xd9\x00\x92\xea\xfa\xec\xfa\xfa\xfahk\xb5\\\x02\xa6 z\xe3\xe1Bx\x17\xc1!\x14XNJ(\xd4\xc2\x1e~\x0f\xcf\x0ec"\x9f\xc5\r\xf2\xe4\x1f\xa6\x18S\x8b\xc39O$\xa8d%\x95\x8aj\x9dJW\xd2eH$\xb2\x03\x8b.\x10\xa9}\xca\xa5\xd2\xb6/\x08=\x86K\xf6\x92Oz\x9f\xf4\xf6\xa2\xb2\x17\xf8r\n\x89P,\x94#,H\x10\xa4\x99\'\xe3\x1f\xfc\xd2\xc9\xe0\xa6\xf9\xbch\xa4\xe2\xf1T4\xaa\xf5\xa6\x8d\x89\xe2b\xa2x\x92\xdd\xad\xbd(\x97\xb6\xb7s\xeb\xe8\x1c\x7f\xf92tC\xd3\x08\xc7\xedF\x8f\xe7n7\tX\x84P\rTr\xd9\xc1\xf4\xfe\x0f2V\x98\xc7{7\xc5\xe4\xde\xadeH\x87V\x8f\x12\xe8\x91:m@X\xf9\xa3\xca\x0b\x90\x08[\xff\xf8\xf1\xcf\xcf\x9f\xb3\xd9\xcf\xcd\xe6\x9f\x1f\xbf\xa8\xa4\x10\x91\xbf\x8eb\x8fDA\x9f\x80+\x14\xdfc-\x7fx~\x85\xf3\xc3\x07\xcc.\x92.\xd2\xd5|\xe3\xa2\xa8\xb5QN\xaf\xc1\xe6\xb2U\xca\xe8g\x93\x1e\xc7N\xba=?\xfe\xfc\xf3\xe5\xe5\x8f\xff\xed^\xea\xf2\x7f,\xfb\xb6\xb7q\xe2\x9e\x8b\x0c\xea\x01K\xce\xe7\x9b\xe5\xa6\x83\xe5\xdfV^+\xc4\xa6\xfd\x97\x0cN\xd5\x9co&gt;\xfd\xe7\xecb\xea\xd3\xdb\x14\xe5\x04,#\xccA\xe5M\xa1\xc8-\xadt\xb7./\xff\x82\xbf\xbfZ{\x97\x97\xad\xb3\x93\xeb\xd5\xad\x92\x90%\x02\xbf\x7f\xd4+\xf4\xe9\x85\x02\x96\x9c\x07\xa5\x05X?u\xbe\xbf\n^\xbdb\xf6;\xcf\xce\x95\x95A\xce\xd4YJ\xe34\x1a\x90[\xe5w^\x94}\xc4\xe6\x1d\xa2j\x9f\xcb\xd6\xa7\xcbVw\xa3q}T\n\xca\xe7\xa1\xb4H\x16\x8c\xfd\x90\x97\x01\x0b\x9a\xe2\xc1\xaf\xcf9\x83\xef\x7f{\xc5\xf4g\x9el\xa8\x89\xceFJ\xebt*\x91\\\xf9|\xf1\xe4\xed\xeaV\xe3\xe2\xa2uq\tl\x97\xadF\xab\xb5wvwwT\xda\x86|\x05y\x14\x17\x82\x8d!\xac\xb0\x9c/3\x1d\xbc\x9e\x02\x9b\x19\xfc\xff|\xb3x\x9eHi\xa0\xb8\xbcFW\xbe\xb2\xe8\xe9\xee\xf2\xfc\xf1\x87\xa7\xe0Y*,\xed=\x1bvt?X\xf4\xc7WK\x18\xfa\xf6\x075\xe5\xe0&amp;\xfa\xa6\x8b\xc5\xe7\xff\x8f\x97s\x8di2\xcd\xe2\xb8\x81\xa5\x8d\xe5V\x06\xcb\xb5D\xa1\x05\x19\xd8\x80\xa4\xa5EP\xa4J\xad]\x16\x90B\x07\x9c\x82\x02S!\x8c\xa1!+ e\xa3\xd0F\x91["r\x93I  \n\xb2xa\x0c+\t\x04\x02\x93\xac \xbb;\xe2m\xbd\x8ck\x82\xce\x8c\x831\xebx!\xc4\xc4\x0f\xbb\xff\xf3\xbcuw\xb2\x99lff}=\x14\x08\xdf~\xf9\x9f\xf3\x9e\xe7\x9c\xf79\x07\xb1\'\xb2\xe9-\x1aQ\x17\xf01\xaa+\x14\\\xa8\xcb\xa0k\x9f4\xb5\xb9z\x04\xe53\xb0\x96\x97\x97\x1f-\xdf]\xbe\x8bb0\xd5\xb8\xb2\xf7\xd5\xab\xa5\xa5\xaa\xaa\x9d\xbe\xa2H\x917|\xb8\xcbI\x94 \x8f"\xac\xa3\xd3\xfcM\xa7\x0b\x9b^Wg\xec\xd3\xa8q\xf4\x14\xd7\x01\x0b\\\xcb\x8f\xf0\x1c\x0e&gt;Z\xbe\x7f\xff\xfe\xdd\xfb++\x7f\x04W\x15\xd1H\xa5\xde\xb1H\xb0\t\xa2\x04\xa2\x8a\xdbv\xfb2\x7f\xc3\xd6(S{\xaa3\xccz\x8dFo\xd6h\xd7\xae\xfb\xf0\xf0\xbau\x8f\x06gff\xc6\xa1\xd8\xf7w\xe7VVF^-\x1d\x8b\xf5\x95HPMH\x80E\xf7\xae\x0ck\xecb?\x7f\xa3\xd6BA\xffdOu\xa7Y\xaf\x07V\xc5nvE\xf6\xe1\xe1\xcf\x07\x07\x1f}\x7f\x97\x1d\xd8#\xaf\xca\xab\xd6\xe3\xb4\x91\x8b\xa4\x91\x92]\xbb\xe4"\xc2\xca\x0b\x89\x8b\x1b\xbb\xde$\xe4\x11\xab\xe4\xf5@O\xe1\x88\xd9\xac7\x9bU\x06\xba\x13&gt;\x0cG\xae]\x9b:\xb7\x00\xa6jH\xe5\x1a\xcbfEP\xd2;\xc9\x81u(\x8a\xf3\xe1\xa7\xef\xf0\x80\xfe\xd1z\xb0w\xa0\xa7zd\x04\x82\xd9\xb5\x86#G\xe8v\xacB\xa5\xa1r\xab\x9d\x06\xf0\xc2\x83\xb9\xd1\x87Hi\xa4\x93DBw\xd4(j\x805v\x8bO,\x04\xfd\xd3f\xe2\xaa\xab3kT\x15(\x9b\r\x86d\xa3\xa6\xb8\x87\xc6(\xa9\x06\x94\x84\x86\x12\x16BK$r\xa2\xf9\x07q\x9e\'S\xeb\x0f:^\xf7\x1e\x04w&amp;\x07z\x9a;\xcduz\xbdF\x95\x0c,\x14\x83\x9a\xe2\xc2S\xe5\'h$\x90.\x11\xe9\xbe\'\xd2\x8b\xb0\xe8)t`\x1d\xfd\x9a\xd7\xed\x15\xa1\xb0\xe4\xe9\xc0\xc0\x00\xc2K\x037\x1a\xd6\x1e1$kUj}1\x8dx\x96\x9fH*\x00[8\xbd\xcf\x82Z\x10\rZ\xe5\xa1\xebA\xc8\x1f\xbd,\xe0\x17K\xf7\xbay`\xa0\x19nTC-\xb80Y\x8b#R\xadRG\xec\xc9(\xcc?P~\x8c\xcd\xdfIhV\x84Q\x85pX\xb7\xfb\xf9\xdd\xc1C\xf9\xdc\x0b\xb9\x9a;\xeb\xecv{E\xb2\x16]\xa3Q\xa52j+\xa0\x19\xbb=/\xd8\xb2\x93=\x8cr\'\'9\xa8`]\x9e!]\xb7\xfb\xf9\xdd\xa9A\x9d:\xd9\xec\xe0J3*\x14\n\x94\xf4*VS\xe8\x8b32\xb2\xd9d\x06\x8eB\xf9[\xb1\xc8\x10\\_\xf2\x8d%x\x81n\x15X\xbd\x93v\x95Q\xa1\xd5\x82\x0bf\xd7\xeb\xf7\xedc\xe3HI[\xd6\xc7\xca!\x96&lt;\x8a\xf3!\x19\xb0.\xf0\xad\xd6\x0b\r\xb8\x9a{\x9b{\xeb\xe6\xb4\xc9\x06\xadV[\x91\x9a\\\xa1\x8e\x89\x89\xa1\xe1\xe6\xec\x03I\xae\xe1\xe1\xbe\xbe\xa0\x12S\xbc\x93\xa1\xd7\x8f\xbb8\xcb3\xd6\xaa\x17v\xd4\xa6\x0e.v\xa5\x9f\x9a\x9alT\xef\xd8\xa1\xd6\xa85\xfb\xb2\xf3\x0bbq\xea\xec\x92\x93Tyb\xa2\x12G\x89CB\xfe\xd4\xc4\xb7Z\xb375\xf6\xba\xce\xea^\xbaF\x9fK]\x9b\x9aLX\x1a2\x0e+&lt;\xd4w\x17\xa7\x95\x83*A\xec\x19w\xbd\x89\xe7\'Q\xa0\x1b\xd5\xd8U(\xb8(\xc0&amp;\xe7n\xd2\xf0\x08Bk_qq\xb1YS\xbc\xa9|Kx\xb07\x1boC\xf9\'\x17\x83J$\x8a\xca\x8b\xe3\xf5Ht\xbcw\xd6\xdb9\xae\xf6\xf6o\x9b\'\x17@6Gy\xfeTOuua\xf91W_\x14\xcce\x1f\x94\x1d\x12\xcba\xa0\x92F\xa2\xc3\xf8F\xc7;\xd6=\xc2\xaaP\xd5u\x16\xb6\x9f\xec:\xde\xdc9i\x1e)l\xa7\x0e\xf6\xf8\xf1\xe3UT\'\x97\x95}\x90XvH\x8e\xa7Q\x1e\x85R\x02\xcdt\xdc5\x9d\x90\x7f,\x95\xd1\xa8E&lt;\x99\xab\x8f{\xd2D?\xb5\x8c\xa8\xdf\xbb\xba\xba\xa8\x1e-KtY\xb3&amp;\xf1P\x02\xe5.\x11\xa8\x80\x95\xb7\xed\x96\xff{\xc0R\x1b\x93\xf1\x0cjU\xe6S]y\x88\xed\x10\x16\xd8eQbyT\xc2!P\xadfS,TGH\x03\xf1\x05\xb5\xd0K\xaf\xe2\x19\xcb\xff\x1ej\x1a\xada\xb7\xc1\xa0\xa8)n?\xe9)\xa6\x95\x9a\xb2Dfl\xad\xc6e5\x1aj\x91\x08\xe5\xbc4\xd0\'0\xd0\x87a\xf1\xbdf*@W\xb6\x83FO\x8fXL\xca\x1a}\xf5\xc0\xc9\x9dr\xb6\xe6\x13\xed\x12\xcdV\xee\\\\\xa2\xa3\x13###\xa5&gt;\x81R\xa2\x02\x96xl\x9a\xef5S\x9c&gt;\x0b;\xd4\xfb\x15\x06\xcb\x11\x8b\xc1=\xb9\xc2nF\xdf\xef)FHE\'F\xaf^\xfd\xabh\x975\x89\x89&gt;\xf4\x9e\x12L0\x1f\xa9(\xea\xbd`M\xcd\xedP\xa7\xe5$\x1bv[,&amp;\x8b\xc5\xa00jN\x9d&lt;\xb9SL\xef\xb6\xd8+\x118\x93A1.\x88%\x8a\xf2\xfc\xf4\xfd`\xa5\xed\xcfQ\xb8\x1b,\x9f}64d1\x99\x0c\xf6\xeaBz\x19\x18\xec%\x92\xfe\x86\x99\x0f\xf3\x1e\'Wd\x82\xdcslZ\xf8^\xb0r\x80\xe5n\x19b\\C&amp;\xaen&gt;Q\xb0\xde\xd7K\xca\xc1\xf8\xb0\x0f\x99\x14\xed&gt;a\xf1L%\xf4\xbf\xb3\xa0\xde\x9f\xe3\xe0\xe2\xc0\xdcea\xdb\xf5\xc5\xd9\xf9\'\\C\xbd\xbd\x02\xf1\x00\x12\x8e\x83\x8aB\xcbs\xdbi\xbe\xcb-\xdd\xb3\xef\x16\xd4D\xa5p7!\xb4\x00e\xb1\xecV\xd6\xa4E\xc4d\xe1@D\x83\xc1\xf2\x82C*`E\x92Z8\x13\xe9_"\xac\x12\xf2\xa5\x95\xee\xe5\x83\xe9\x05\xbb\x11\\J\x86\x05\xc3/\x93\tz\xc5d\xe4W\xc5\xd2\xb8O.\xc0\xa4R\xee\'\xc3\n\t\xb9=\xdd\xff\xd5W\x17\xfc\xf9\xd1\x0c\x1e|\xf6\xb2\xfeZ\x9dZE7\xe8&amp;\xc22\x99\xdca&amp;w\xa5\xacf{\xf1\xa6$\xf4=\xde\xde^\xb9\xb9\xb9\xec.\x0cd\x08-9\xca\xd3\x90mc;]\x07Fg\xfd\xf9\x08}\xa1n\xb6\xd2\xf6\xfb/;\xedi9\n\xa6\x16tr\xe7L&amp;\xab\x89\xc8\xfa]\x12M2\x07\x93b4\x1c\x080/o\'\t\xca\x9b\x90\x10\xb1(077\xbd\xf7\x8e\xe0]sA\xaa\xa9\x8e&gt;\xbf\xcc\xb6o;Q\xc5\xe7\xe4\xfc\xd5\xfd\x87TJYX\x0c\x8d\x1c\xd0@Fphh(}\xb3\t]\x11Z\r\xc8%\x16\xd1}\xcb\xe2\xd2h\x93@\xf0\xee\xd0\xe8\xbf\xaf\x94LuL\xc5\xc7[\x87\xc7\xa0V\x1a\xf4R\xbaC08\x90\xd0\x94\xc0\xda\xb3w\xeb\x81\x13\x8e\xcd#\xaa\xe7\xd1^\x83J\x94\xe0Dr\x89E\x91&gt;R\x9f\xdc\xc57\x0b/J\xfc\x89\xec\xddt\x87\x80\xaa\xac\xf7(-\xf5\xb3\x9e\x06\x96:\x8d2\x97R&amp;\xa3\xb8b\x92\x91ZY{7\x95S\xe3\x93\x1e\x1e\x1e\x9e\xceq\xd1\xb6\x16ayz&amp;\xd0\x85K\xeebQ\xd1\xd2\xe3;S\xb3%\xff_\xa1#dI\xc1_7?\xf5\xe0L_&lt;\xb3\xe9\xde\x11{\x1ayQ\xa1Tr\x1e$\xbd(\xe4\xf7d!uq\xd35\xe9\xeb\xd7\x87S\xf4{\xa3\xe5\x970,\x11\x8e\xc9\xc0\xe7\xc0**z\xf3j\xe4\xf1\xd7\xd4s\x08\x7f\xa1\xe7\x08\xc9\x7f\xbeu\xdev\xe6\xc6x\x9f[|\xbc\xed\xa0\xcd\xd6\xf0\xb4\x0e\xfd\xaaB\x81\xcc%S2\xb2!:\x82\x90R#\xf6\xec\xdd\xc4\xdc\x08suM\xf7u\x8c\x7f\xd3\x85\x01\xcer\x16[E\x0e{\xd3{\xfa*\xc0~Q\x90Q&lt;\xcd\xb7\xb6\xfa\xb5N\x8d\xdf\x98\xe9+\xf5\xf3\xab\xef\xe8\xa8\xac?xk\x01X\xd4P+\x8c\x10\x0c`\xa6!2&lt;\x8c\xdbc\xb2\xb6\x92^4\x91\xe4\x1a\xeb\xcbF\x16I-\xd4\xf4r\xaaS\x99X\x0c\xad\xe5\xe2\xb5k\xc3W/\x94\xfc\xec\x84\xc1\\\xd7\n(\xe7\xc637\xaeT6\xf6\xd56ttLy\xd8Z[\xffr\x13\xcd\xbdJ\x85\xcc\x05C|)\xdd)\xd9S\xea\n\x8b\xf88;\xff\x93\x020\xb1\r\xc5`\x92\x0bX\x12|\xe4"\xa9\xcf[\xb1ZZ\x8a\x96\xae\x0f\x83k8\xa5\xffg\x05\x19\x1e&lt;\x1d\te\x8d\x8f\xf7h\xb8\xf1\xe4J\xed\xb9\xda\xca\xca\x86\xca\xbeLki\x90[\xe3\xe8\\E\xce~UZ\x18\x92W\x8e\x8c\xb9\x91E\xbd\xac\x06Q\x9f\x9d\x9fT\xb0eKA\x01"\x9f\xb0\xd8&amp;\x06\xbd\xbeA\x07\x14\xf8\xd6\x85---\x93`\xc2g\xb8\xfb\xea\xd9y\x7f\x81\xf0\'y\x13LM\xb36\x0f\xab5\xde/\xa8v\xf0\xd2\x93\x7f\x9cy\xf8\xb0\xb6\xb14\xa0\xd4\x9a\x99i;\x18\x9fyn4U\x9bc4\xd2\xde$\xb4\xe2\x02LI)","k\xeb\x81$6"\xeb\xc8_\x1c\x16\xbd \xf4\xfa\x8fV--K\xdftwsX\xddm)\x7f\x87/\x7fB*\xf3/y\xf6r\xbc\xa3\xaf\xd5\x16\xe4\\?\xfe\xe4\xd2LG\xfd\xc1\xb3\x8dn\xf1\xce\x845\xdf\xeag\xcd\xb4^\x1eMuW\xd2\x9a\xdd~\xd9~\x02\xab!4%7\xd7|\x80vL\x0b\n\xd8\xeb\xb7P\x96\xee\tK\xe2\xe4\xb5\xf8\x96\xa9e\xa2er\xb8{x\x98Q\x81\xab-\xe5*\xc8\x84\xff#\x1b\x90\xf3\x9a\xa6\x1e\xbc\xbc2&gt;s\xa6\xa1\xb6\xf6\xbbK\x97\xc6\xeb\x83\xdc\xdc\x026\x07\x94\xc6\xe3g|\xa6\xd5\x96\t\xf3\xbb&lt;\xba\x1bYAV\x93\x83\xd0\xc2\xb1\x13VSC\xaa\xe1\xfcAl%%\x15$\xb1\xa9\x0c\x96\xe7\x91#B%t\xd5\xb2\xc8!\x11\xd5\xc4\xabk\x10\x8b\x98\xda\xe8;\x85\xec\xea\xd9&amp;\x9d\xe0G\x1eM\x10!\x19\x94\xccV\xc2\xfa\x1a\x0f\xd6W6&lt;\xbc\xf1d\xb0\xd2\xe6\x11\xe4VJXn\xce\x01AnV\x1b\xc3\xca\xb4\xf6\xdf[\xc7eQN\xa50\xc2b\xb1\xb5\x95\xd6\x13?I\xfa\x82\x96\xa2B9\x83\x0b\xbd\x9e/\xfe\x9bib\xe2\x9f\x8f\xdb\xda\xda\x18W\x1bY\xcaF\x18#\x9b\xd7\xfdw\x8d\x81&lt;\xae\x9b\x9f\xefk8S{.\x08\x14\x9b?j\x18\xbcDP\x1e\x1e\x01\xce\xf8\xdb\xb9\xd4\xd99\xe0\xa3\xc6\xbe\xfa\xd6L\xce\xfa?G\xe7CdL\xae\xeda\x0ck;\xce\x1f\xda\xcae\x9b\x80\xe9\xdc\xb6V0m\xb7=/\x02\r\xc74q\xfe\xfcJ7\x87\x05\xa2\x94\x8d)\xc0\xda\x00#0\x84\xd9\xfc\x0f\x9fLJP\xf3\x1e\x07+\x1b:\xea\x836\x07\x04\x040\xa8\x8eF\x8f \x0f7\x10\x05l\xde\xec\\Z\xeaQ\xdb\xd0Pi\xcb\xb4rX\xb3\x0f\xfev\xf8\x88\x85\x9d:\xa4W\x8d\x8c;\x7f&gt;\xce\xcaf\x13\x81_\xb0\xa31\x9d\xd0\xc0\xb6\xd82q~\xc2\xc1\x04\xaa?\x83\x07X\xddo\x85\xda\xb8a\xe3\x86_\xff\xf6_M\x9cA\x88\x1ag\x18\x86\x85\x81\x9e\xa6s\xedt`\xa4\x10\xe8a\xf1\xb0\x99\x86\x96\x08CC\x0e{\xa9$\xd0$shN%\x14\xf6b\x06Z\xb0\xc80d\x0c=\x8c\x13\x842A\x02\xd2\x83\x84\xe2\x04f6\x84\r\x0b+\xa21+)\xae\x06\x0f\x96\x92MU\xc4=\xac(\xae\xd2\x10\tl\xd2\xb4\xef\xf7\x8f\t\xf9btvW\xf6\x7f\xe6{\xdf\xef\xfd\x7f!d\x1d\x97\xebgi2\xc3\xcd%B\x01%\x8a\xa6\x95\r40\xa9*\xc6o\xd2\xcc\x9b\xb2 \xab\x9c$%%*N\xb4FV\x90I\xa7WX\xd5\xf9\xad\'\xcf?\xbb\xfa\xeeTs\x8av \xda\x80\x00v\xf9\x87\xf3\x84u\x91\xc2\x1ep\x9f\\\xfc\x15,\x0chkkwk\xebdH}!,\xbc\x80$F\xbd\x8a\xc5\x12\x8a\x1e\xc3\x17\xf8\xeb\xef\x7f\xc4\xfe\x93 \xd7\xe5y\'\xb0\x02\x80\x00J\rj;]\xaf(\xcb\xb8$\x9e\x90JNe}\x156[q\xfd1\xbfu\xe9\xd2\xfdgP\x92\xf6\x1d\x16\x11\x90\x94\xb8\xd6\xd6N\x7f\xc7\xb0(S\x11\xac\xff\xbe~\xbb\xbb\x1bb\xedR\x9d\x1c\xdd\x0e\xb1~\x0b{\x05\x92\x18\xa1%\x14EO\xc4\xd8W\x86\xc3\xd2?\x99\x94m+p8\x1e\xad\xd2\x02\x8c_\xbd(\x80\xca\x91\xe1\xa7$k\x96\xeag\xb3\x0e\xb3X2\xce\xb8\xaa\xd5[\xd5\xea|\xd0|\x19~&amp;c\xd6\xa7n\xdd\xd8\x00\x17\xb0\x90\xf4_?&gt;w\xe7\xda\xeb\xff\xde\xee\xed\xedn\xad\x98\xf6\x88\x8a\xf5\x88\xb0B*\x00%\xc0\x82n\xa1\xa2\tp\xad\x9fm\xb7\x9f\xdc\xfa4\xc2\x9b\x96er(Z\x1e\x99n\x0bT\xb2\xc0\x89IP\xc9\xf8\xb65\xca\xfa\xb2\xe9k*\xde#\xc6\xd3.2\x045\x18\xcc\xe7\xff&lt;{\x00\xb2\x8f)\xbdP_~\xbeA\xff\xc8\x1fX\x8f\xbf?w\xed\xe7\xf3\'\xdb\xdb\xdb{\xbba\xedQ\x9d,`r\x86\xb5r:\xf4\x03\x90\x113b\t\xbcF\xa3J\xa7\xddZ\x1c\x1d\x1d\xb5\xefF\x82\x80NR\x1cT\xb3\xa0_^\xe6\xc0D\xc6\x02D\x9c\x17$\xc9\x1e\x97\xc6\xd9\xech4\x1ee\x11f\xd8\x86\x06\xe5\x17/\xe6\xd5\xfd}\xf2\xbf{\xf7\xaf_\xee]\xa7H=u\x05\x1an \xc3N#S\xef\x80i\xb9\xacT\xb6\xd1\xac\x90\x88\x08\x97\x8b\xce:\x9b=\xc6FL\xa4Z"\xaa\x80)A\\zgqp\xb4\x18\xb6;\xeb\xeb\x11[`\xfeQ\xcd:\xe9\xc7A\xbd\xb0\x04\x9e\x8b#E\x83\xd2\xe1\x98p\x02\x8b\x98\xec\xc0\xca{\xd8\x03X|\x91\xd3\xf6\x07\xd3\xe6\x83o\xd1\xa6\x0b\x17\xa8W7\xce\x9c\xf9\xfc\xf2\xf9\x1f\xc1\x94+T\x08\x85\x80\x88i{{\xd9k\x81\x84\x89\xc8\xe4\x8b\x85V\x02\x96\x16U\x14x\xde\xe8\xb7z\xbdq\xdf`\xb2F\xc8@*K*\x9c\x14d\xd9q\xa4\xd0\xe6\x12\x17wqp\xa8\xd5\xe1\x7f\xc2Fi\x12\xb44\x8bB\x12R\x12U\\t\xe7\xc7\xc7\xd5\xfb\xcf\x1e\xde\\[\xdb\xd8\xd8\xb8\xf2\xc5\xd5{\xd7\x9f.\x97\xcbB\xaeP\xa8T*\xdb\xab\xc2e\xa5w\xd8\xa6|Z1\x11\xd1\xee\x83\xbc/\x00\x00\x03\x9bIDAT\xbbR4\r`\xba\xd1&gt;\xc0{\xa0\xa4\xae\xc0c\x11\x89Se5@\xab\xf2\x10OV5\xd3\xf7}\xd31Q\xb6\x9dJ\xd5\xebf\\\xe4d\x99Cr\xa8\xaa\x1f\xf4Mf=\x02K\xa7\xc5L\xeax:w\xd3i\xe7\xef\x87\x7f\xde\xfc\xea\xa7\xa7\xaf^M\xdf467s\xa0"\xac\xb0pY\x98Mjm\xa6\xdc\x07L\tx\n\x8f\x84\x12UeM\xcf\x1e\xf6\x0e\xda\xe4\xaf(\x89jDH\xbf|\x17\xdb\x1fO\x99.8\x8e\xef\x07A@\xbbP`\x16\xbd\x92\x1dwyQ\x14i$d3\x084\x19\x01+q\x18J&lt;\x1co\xe78\xcf\xf3\xd4;\xf7\xc9\xf3W\xb3\xd9\xac\xb1\x82\xa2n\x15\x18\x1b=\xcf\xba\xe5\xf1\xb85\x1c\xfe\xfe\xe863U\xc8f\xc4\x80e\xe8\xba\xaeDegt\xd0\xab\xf9\xe8Z\x14\x92\x82\xcb\x888\xb2]\x86~h\x01\x16\x84\xdda~Ys\x1cG\x16D\xd7+\xa5\xb0&amp;;\xc4\xf3\xe8\x99i\xa2g4\xb4\x9c\x18\xe7x\xd9\xacO\x9bU\x1ew#\x00&lt;\x9di66\x0b\x9b\x9b\x84\xf5\xbe\x80\x94\xcb\xcd\xba\x9e\x1f\xd5c\x18\xb2\xb0\x86\xad\xd67L\xc9\xb3\xebF\x82\xa0\xa2\x9a6\x9a\x1c\x8c4\x95\xd4dh\x8a\x12\x11\xd0\xaazF\xe4\xb1\x18\xad p2\x1c\x86kI\xe0S\xa5\x14\x1f\x17\xe3h\x16^x\x11\x048P0\xaat:\xc9\xd9\xcd\xe9\x8b"\xef\x02P\xa0\xe9\xd5\xca\xc0\xcam\xe6\x88+|fEPZT\x0f\'\xcd\x88\xf5\xfb\xed\xf6\xf0\xe8h\xf8\xa8\xd3!.h\xa8\x83d&lt;9\xb4|\x1d\xb6\xa2\x87N\x15!!\\\xf8\'\xc9\tX\x10+\xc0C\x02O\xd7\xa92)\x94\x8c\x03\x89\xe3y&gt;\xceS\t\x1c\x8f7%a\xab\xeet\x90\x11a2\xe2E\xef\xfc&amp;\x14d@\xefk6\x9bb\x1b#?\xc3\xc6\n+\xd8\xc60:\xad\xe1b8l!\x08:\xebP\x11\xb6*\x05\x9a\x1eb\xe1)\xa1\x1bFdZ.\xa2\x1d\xe1/\xe7Xha\xdb\xc1\xa6#\xa4Ju\n\t\x86%\x86\xfe\xe2\xe9\x0f\xc0\x04\xb9\xe8\xed\xec\xccq7"\xe4\x05\xb3\xe0f\xec\xe3\xc6J\xc5\xb0\x1ao\xa6\xc7u\xcb\xa4)[!\xd1\x94\xe9\xc0Bv\x1a\x9dG\xc3\xc5\x82\xc8b\x06\xd9\xca\xf2\x03\x0b1\x94\xb5(\x1b\xfb\xa8\x08nY\xc4\xb1=\xbcgt\x82\xb2\x94R\xde\xeb\xd63\xf0P&lt;\x1dj(2\x15\x81\xcd#pe\xd3\x9b\xec\xe43T\x02)O\x17\xc5n\xa3\x91cX\x8d\xcd\x0615\xbd\x94\xa9\x92\x81C\xa2\xa8B\xf1\x94`&gt;\x07XB\xef\xb7[\xd4\xb2Zo\xd6\xadQ\x95j\xef\xea\xb0V\x8b\xb8\xd4\x0cZ[\xe4\x98o8,\x84\xc4\x18\x83*N\x96\xa2\x8e$y^\xa6\xc3a*\x9f\xf5\xbc\x91g\xfb\xe5\xc9\xa4\xec\xa1\xf2\xf8\x90\x86\xb2\xa9\xd0\xad\x02a1\xa6\x01~\xc2&amp;k\xc5\x14\x16\x88\x90\x9fd\xb4\x84\x8eo+z\xbf\x85\xb0\xc2&amp;\x92\xc5g\xbdb\xd1D0\xf9\xa6\x89\xc6\x8d"\xe8\x81\xc8l\r\x07a\'\x04UR\xe0\xac\xc3\x1d\xcf\xa5\xf1\xc3\x8f\x04\x1cz\xbcz\xb9T*5\x9b\xe5r\xbd^\xf7\xec\xda\xa4\x99\nl\xdb\xb7\xf1\xbb\x8aN\x91zU,\x1e7\n\x95\x1c15\x07\xd5*\x96q\xd8P\xbd/\x1a3\x9d\xb2\n\xd3g\x18\x0c\xcbh/z/G\xa6,A\x1ePPO\xc8@*\xde\x1b\xc1\xd8\x11\x16\xf9\x84\xcd:\x8c\xa2e\x11\xae\xe4vI0\xed\xfc\x18@%\x1c\xef\xe9\x86L\xc7\xc9d\x9c\xf2\xa4\xec\xb0\xd6\xca4\x83&lt;\x92\xc4\x05Ys\xb6\x9c1\xa6\x8cP\xf5\xf2\xa6\xa3\xa9\xda\x87L\xd8$h\x14aqhI*\x1a\x18\xc9\x83Z\xdf\xc1\xe6!\xc14I\xf2\x88\x84t\x924]\x93\xff\x07!\xbe\x0e\x80\xef/\x1b\x8a\x00\x00\x00\x00IEND\xaeB`\x82'</t>
        </is>
      </c>
      <c r="M343" s="3" t="n">
        <v>45492.67636574074</v>
      </c>
    </row>
    <row r="344">
      <c r="A344" t="n">
        <v>953736</v>
      </c>
      <c r="B344" t="n">
        <v>49202</v>
      </c>
      <c r="C344" t="inlineStr">
        <is>
          <t>Matheus Alexandre</t>
        </is>
      </c>
      <c r="D344" t="inlineStr">
        <is>
          <t>M. Alexandre</t>
        </is>
      </c>
      <c r="E344" t="inlineStr">
        <is>
          <t>LD</t>
        </is>
      </c>
      <c r="F344" t="inlineStr">
        <is>
          <t>LAT</t>
        </is>
      </c>
      <c r="G344" t="inlineStr">
        <is>
          <t>LD</t>
        </is>
      </c>
      <c r="H344" t="n">
        <v>188</v>
      </c>
      <c r="I344" t="n">
        <v>2</v>
      </c>
      <c r="J344" s="2" t="n">
        <v>36256</v>
      </c>
      <c r="K344" t="inlineStr">
        <is>
          <t>Right</t>
        </is>
      </c>
      <c r="L34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45f8b5d7-d6d7-487a-bafe-1461387ae1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1\xd7x\x0f\x00\x00\x00&gt;tEXtComment\x00xr:d:DAEewil2SDw:3197,j:2859061571337059036,t:23090301\x03\xa6\xfc\x13\x00\x00\x00\tpHYs\x00\x00\x0e\xc4\x00\x00\x0e\xc4\x01\x95+\x0e\x1b\x00\x00\x03\x00PLTE\xff\xff\xff!!"\xfe\xef=\xfb\xec&lt;\xff\xf4E\x1a\x19\x19\xfe\xefA\xfe\xfe\xfe\x1e\x1d\x1e\xfe\xf1C\xfd\xed?\xff\xf3@\xff\xf1&gt;\xfb\xea9\xfe\xec;\xfe\xf2H\xfc\xea=\xff\xf6C"\x95a\xfd\xeeF\xa8qJ\xa5pF\x1f\x90\\\x9fkB\x99f&gt;\xb0wI#\x9ae\xb5{K~T&lt;\xaavM\x98iF\xa3lC%$\'rP9\xfe\xf6HyS8\x94c;\xa3mJ\x9eoU\xa5rO\xb7\x7fO\x9ehG\xb0wR\x15\x14\x15\xabtG\x86X@\'\xa0j\x90b@\x87U3\xb4\x8dt\xb9\x80X\x9emG\x89\\&lt;\xf9\xe9;~N/\x8d[?\x92^:\x96cBwS&gt;\xfb\xfb\xfc\x99lR\x9fqL\x1e\x80Q\x87Y7\xb0zX`C9\xfe\xf5M\x9eh&gt;\xfb\xebB\xba\x84]\xaatTwL2\x80S5\xb1{M\x8d^G\xaesL\xb6\x87h\xa2t[jH0\xb4\x7fWiI&lt;\x95hN\x1cwJ\x1e\x88W\xf8\xebJ\x86^C\x8d`9\x8ba@\x8dZ6\xbe\x88bfB1\x8edJ\x7fY=pD-\xf2\xe9T\x92^AcF&gt;\xa8oC\xb5{U\x84V:\xbb\x8dmzN&gt;G72\xbd\x87Y\xabyQ\xf6\xf7\xf8\xa3uUrO-}YG\xaazZ\x80OE\xfb\xf1Q\xb4\x81`\xfa\xe75oI7lMB\xb9\x95\x80\xf6\xeeP\x9bbBvQGtI&gt;\\B1%\x8aZ\\8(\x86VJ\xc0\x8c^\x93dIU?;\xac\x7fe\x92hDQ:1\xf0\xe6GbA&amp;\xd6\xc9_\x91eQ7\'!+),,"\x1f\xe6\xdbW\xde\xcfQ\xf0\xf0\xf1\xbb\x84S\xf8\xf0]\x9amL\xc4\x90g\x86`K\xe6\xd8D*\xa7p\xbb\x9f\x8f\xed\xe3X\xad\x85p\xda\xdb\xdf3\xa2l\xeb\xea\xeb\x1blB/\x97c\xe7\xe4P\xe1\xd5b\xd4\xc7O\xe3\xe2\xe5\xd9\xcb@\x87\x7f\x8b\xa2xbB.$\x98\x88\x86\xb4\xadh\xcd\xd6E\xdb\xdfI\xc8\xbf_B&lt;I;0-\xc6\xc7\xcb\xd8\xcfr\xb5\xb2\xbbgfh\xd0\xd4\xd9\xbf\xb1=roy\xb8\xa5\xa0\xd1\xdeY\x92\x92\x92\xcc\xbe&gt;\xef\xe0:\xa1\xb1\xb2S0"\xca\x96sp\xb2a10;IHWB\xa5f~Y0\x87or\x9d\x91Ce\x9eG\xaf\xc5O\xc1\xb5T\x96\xc0[\xb8{k\xef\xe4b\x96oY\xcb\xc6y\xac\x90\x84\x9f\x9ft\xe8\xe0s\xba\xbf\xc6\xa2\x99\xa1\xc4\xd6d\xb6\xacS\xae\xa0C\xbd\xb5q2mD\xc7\xb0\xa2\xd3\xce\xcf\x8adUUUd3~QmXX\xc9\xb9\xaf\x81\xb1S\xa2\xb4&gt;Z\xaeg\x1dK4\x82]Y\xc3\xd2Q\xd0\xa8\x90\x85\x81xG\x9eXXOM\xb2\xad\x7f7^;f\\1FT4\xc8\x8b|\xab\x9f[\x89~OUa=\xe6\xe3\xc8qm&lt;D\x8cI\x92\x90hc\xa1}\x8f\xbat\xe5\xde\xa0\xdd\xbb\xa8z\xab\x9fd\xa3\x94\xad\xc2n\xc1\x82u\xc7\xa0\x85D\x9ay\x82w"\x85\x9b0\x8e\xb5\x8c\xb7\xc7\xa46\x83m\\xM\xfa\xf7\xaa\xdc\x00\x00 \x00IDATx\xda\xcc\x99\xdfO\x1a\xdb\x16\xc7;\x0fd\xe6\x0f\xb8Mm\x0e\x873D:j=\x84\xa2\xa6*`,1\xd4v\x0e(&lt;\x00\xc2\xd8\x94V\x1d*\x19\x0c)\xe4(\x01\x19\x9c4\xfcHl(\x89\xc1\xf8d\x94\xbe\x80Q\x83ib\x13H\xfahL\xf4\xc9\x1e\xd2\xbe\xdc\x9c\x13\xff\x89&gt;\xde\xb56\xf4\xfe\x03\xb7c\xef*l6\x1b\x9a\xf9\xf8\xfd\xae\xb5fo\xbdu\xeb\x7f\r\x9a\xa6\xe1\xd9\x99\x90\xf9\xad\xff\x83\xa0i\xeb\xa6\x95\xb6\xee\x1co\x1f\x1f\x1c^\xee]\x1e\xecZ\xbbx?\x15\x8a^&gt;l\\\x1e\x1c6j\xadV\xad\xd0d\x0b\xcd\xf6\xe9\xee\x0eA\xfb\x99J\x1d\x1f~\xa8\x15\n\xb5&amp;\xc3\xb0,\xcb\xb0\x14K\x15\x9a\xadV\xabq\xba\xbd\xfc\xb3\xc0@\x91\xedV\xb3Y\x00\x16\x96\xc1\x07L(\x1c\x18\x00l]\xfe\x1c0\xda\xba{\xfa\xa1\xc1\x12\x16\x06\x02\x07\xb6\x00o\nd\x01Dk\\,\xd37/\xd5A\xab@DB\x95XB\xa6\xa1\n@T(\x10\xcd`l^.\xdfxV\x1d\xb4\xd0.\x8a"T(\x12(\x84\xaf\x1d\xe9p\x89\xa1\x9a\xa77\xaa\x17Mo\x9e\x82V\x14\xa3a\xf0\xd9\x11\x0cG\x14\t\xdf\x14H\x96Ql\xeb\xf8\x06\xf3\x0b\n\xb0\xd1d;b\xb1$\xabX"\x18\xf1\x91\xc5\xdc\xa7:\xee\xb2\xec\xd1\xb1\xf5\xa6\xc0\xd0@\xb6\xab\x12\xe8\xd2\x84$\x07\xd5\x10k\x90p\xc1\xa0A\x19Q\xb5B\xad\xb1m\xa5o\xc6\xc1\xed6\x8bW\x86k\x93\xca\xa3(\xcd \x12R\x1a$\x85\xa7fPCu\x1c\xc5f\xd1&gt;\xbe\t\xae\xffRu\xae\xcd2L\x17\x91\x19\x1cd\xf0\x1d&amp;\xbb\x86"S\n5e\xdb7\xd1(h\xfaC\'\x8b\x80DC\xaa\x0e\xa1`\x18\x04N\x10NC\x1a*\x82\x11\x97q\xac\xed\xed\xaa\xce\x05\x9d\xfd\xbb\x0e\xdf\xe1\x06\xd18xE\xdf:\xcbX\x06\xb8\xd8\x05g\xf7T\xd7ks\x0f\xc5\xa0\xba\xd7\x04$\r\xd3\xc1"\x95\xd9\xe5a\xbaS\x86\xe4&gt;4\xb0\x0b\xab\xda\xcd\xbdI\x9c\x01\xcb4\x9d\x87\xa6Sw\x0c\xd3\x91\x8d!K\x1dl\xcd\xf7O\xa9\xc6\xa6\xbarm\xb7\xbb\xdeu\x99\x061\xd0S\xb26\x88\x96\x92\x95\xefH\x83$\xe7\xd8\xe6\xa9\x9a\xe5H[\xf7XM\xa7\xf4\xd0\x9fb\x91!\x0c\x85"\xa9\x82b\x11d*v\xc1\xc8\x17\x18\n\xe9\x11\xbbv\xa1"\x17\xbd\xd3\xa6\xd0?D(\xe6\xab\x8aR\xcd\x17\x8bU9\x1e\x12\xe5k\x88/\xd7\xa2\xa8\xc8\xb8\x88_\xc8\xe7\xf3U\xb1^$~3\xec\xd1\x8ezX\xd6\x8b&amp;\xf9\xe9\x8by\xc5n\xd7[\xd6\xca\x92eI+\xb8*\xe7\xe7[\'\'\xe7\xe7\'[\xfbggg\xb9\xb2\xf6u0\x99\x0c\xba-\x16\x8b\xb4d\xcf\xa3\x93\xb0\x01\xdbVO\xac\x83\x16\xbaF\xe5e\x8bW\xc8y&lt;\x1e\x1b\xc7q\xaeJ%\xb1\xb5u\xf2\x15\xe2\xead\xeb\xbc\x92\xddw\x95t\x19\x08\xc1\x86\xdf\xe0CU\xfc?L\xf3P-\x17\xe9\xe5\x06\xd6\x17%\x86\xca6\x08\xb8h)\x92\xcd\x82T\x89\x93\x93+\xa4\xba\xda\xda\xdaJ\x98+\x15\x97\x8b\xb3\x01\xb1\x8b\xc3\xc8y\x15\xbc\x01Pm\xb5z*\xbd]\xc3,\x16W\xcb\x1e\xa0\xca\t\x82\x87s\x01\xd5\x16\xc6\x15\x06\xa12\x03\xd7~\xd6\x15q\x01\x1c\x87\x83-\x97,\xe2\xfd\xf3T-\xacc&lt;J\x88RN\xc8\x80T\xbc\x90)q\x91}\xc0J$\xd0\xc5\xab\xafW03\x9b\x11,\x0bN\xba\\\x11\xc4\xe2\xce\xe0\'Ppg\xf6A=\xb5\x18&amp;o\x17\x04\xc8+\xc1\xcb\xe7@3n\xbfbN$\xce\xcd\t\x14l\x8b`\x99;X\xfbD-\x08\x9b\xc7v\x16\x87\xdd!\xb3\xa7\x16\xd6\xe7&amp;\xc5\xd6W\x05/\x80\t~\x9e\x17&lt;60\x11\xe5\x01.\x04\xdb\xea@U\xcc\x90\xf7\xc8\xc5a\x8ey\x00_\x12\x0b\x8cfO\x9d\x1b\x10}\xeb\x90e\x0b\xa2T\xf6z\xbd\x99\x0c\xcf\xf3\x19H\xeb\xfd\xfdl\xa5RqV\x08\x17I,\xb3\xd9\xe9\xccf\xb3\xae(\xc9-\xdb\x99\xc7\x93\xb3\x95\x95:\xa5i\xa8S\x8a\xb4\xf5\x92-\xd4\xe5rY\x9a/\x0b\xbcW\xf0\x94J`\x90k\x1f\x8a\x115K|\x03\x0b+N\x80rV\xb2QWG+hc \x97M\xb0\xd7\x8b\x9a#u\xb6\x11\xf4\xf2\x07\xc0\xb2#\x96\x17\x1c\xcc`W\xf2\x9cAr\x91Ht\xcb\xd0i\xae,\x82ZQLx\x1b\xe6\x95-\x97\xb3\xe5\xd6\x94:\xd3V\x0bk\xafP\xaf\xdb\xa5\xb2Qk\xe4\x05\xe0\x02\x13] \x15*e\xee\xaa\x85Zad\xa3\xd1\x08\xe1\x82\xf6\x90\xf3\xe4\x04I\x11\x8bmuv\x11\xf4f\xa3.\x02\x96\xa4\xd5\x1a\xbd\x98Z\xd0\xb6\x00+\x8brU\x16\x17\x91\xcb\xbcH\x98\x9c\xb1,PE\xb0\x0c9.\x03\xf5QN\x87\xc4zK\x9d~J\xef\x1c\xd5E\xd1-i{\xb5\xf3\xf3F&gt;\x93\x81\xc4B,\xd4\xcbl\x06\xaeE\xa0\x8a\x91\xc8&gt;\x8a"\x14\xd7\xc7\x958\x0f\x18^N\xc7\x15\xb1\xb6\xadN\x87\xd8i\x03V\x1cn\xc0\xday\xadq\x14\xf4\xf2\xd8\xa2NL+\xec\x11\xceE\x08b \x8c\xb1h\xf41\xa8e\xc3\x7f\x80\xc5\xf3\xe95YQ\r\xab\x85jY\xb4Z\x8b\xd6h\x1c1b\x9f\xe0\xb2\x80\x81`\x80\xb4H\xc0\xc8\x10\x8bE\x1f\x81`x\'\xe7\xa0\x95\x08|\xdamWj\xc7\xb4JM^T\x14\xd8\xaeh-\xbd\xc0\x05\xf9\x95\x01\x17\xa3Y\x14\x08\xfc\xeb \xe1&lt;@\xac\x8cb1Fl\xb6\x0cQ\xcb\xed\x96\xd5\xc2:\xae\xc9\xb2\x8cji1\xe9\xbd\xa6\x8c\xae\x14\x89\xc6\x80*\x80\x12\x05`\xe2\x88\xc5p\xfe.\x10\x00\xaeG\x9db\xe4\xf9\xe7\xbcQ\xbb\xb6fW\x0b\xeb\x02\xb0\xecn\xd8\xf8i\xb5\xf3F\xbfIW\xea\x8bDg\x9d\xcew\x08\x02$\x8e\xd8\xcb\xa1\x98\xc3\x11x\x07\x0b\xf8\x0e\xc0\x1e?\x8e\x10\xb5F\x17\x96\xd6B\xea`\xd1\x04\xcbM\xd4\xc2\x16?\xd1\xd7\xd7\x17\x9d\x9d\x1dr\x04\x00d\x1d8\x86\x86^\x0eA\x04\x88Z\x10\x0e\xc7\xecl,\xeb\xe2r\xbc\xd1\xb8\xb2\xb2\x14\x97?\xabs\x16;\xac\x81Xq\x8b\xde"\xe5\xb8H\x14\xe2\x15\\7\x06\xd7\x0f\xaf\xaf\xaf\x03V\x18\xa9\x80\xd2\xd1\x81\x8a\x81`X\x94\x1c?j\\B\xac\x035~y\x03X\xa2\x1c\x8ac\x83(\xdb"Q\xd2\xc3\x11\x0e|s\x84\x1d\x810\xbc\x00Yx=\x80d\x01\'6T\x17\xde0\xb3.\xc8\xf8\x85\xf4RHTe\xdb\x8cX\xf6P\\o!b\t\x16(y%\x19r\xc7\xcb6 \x0bC ^`}=\xec\xc0\xdeP^u\x87@\xdaUi\xdfs&amp;\x18\xd3\xc6\xf4JHV\x19\xab\x9c\x13\xf4\xe4(\x86\x87\xae\xbah\x97"\xa8\x18H\x04\x86\xbe[w\xccrB\x19\x9az\x1d?S\xa43\xb7]J\xa7\xf9\x95\xd5\x90|aU\xcdD\x14\xa0l\x11\xe1\x0c\x88\xe7\xc0zU\x14\xc5\xa4\xdb\xff\x8a\xb8\x07h\x98c\x8fJ^}2\xa9\xc0G\x80|&amp;\xd8\xab"p\xad,\x85\xd4\xca\xadSQ&amp;\xbeHJ5\x99t\xeb%\xbd~fF\xdf;\xe2\xf7\x9b~}\xda\x0f`C\xb3\xe1\xf5p\xb8\xff\xd5\xc4\x86\xc9\xdf\xab\xd7\xcf{\xbd\xf3\x1b\x91\x89\ro\x10\xa8V\x96\xec\xa1\xcf\xaaaA\xce\xafJ\xf1\x94^\xd8\x98\xc0\x18\xde0\x19\x0c\x06\xdd\xd4\xed\xdf\xef\xbe\x1cz\xfb\xb6\xff\xed\xdb\xa1\xfe_~\xbf}g\xca\xe03\xe9&amp;&amp;\xfa\xf0;\x91&gt;\x1d\x0f\\k\xf6/\xdb\xea\xf4\xadC8\xc9#\x96e\xc1\xbf\xa1\xbb3&lt;&lt;\x0c\xd7\x1d\xde\xf0\xf9|s\x86\xa9\x17w\xfb!\xc2o_\xde}1\xd5c0\xf4\xe8&amp;\xa0\xd7F\xfb\xee\xdd\x19\xbe\xf7\xdb\x9f\x994\x9f\x8e\xcb_vUj\xa7MQ\x8e\xaf\xaeJF\xdf\xf8\xb8\xc10&gt;&lt;Q*\xe9J~\xaf\xc97996\xf5\xaf\xa7\xc8\xd5\xff\xf4E\xcf\x18|\xe6\x07k7\x90kx\xbc\xe7\xce\xc08\xc8\xe5V&gt;m\xaauO\xec`y}\x06\xc3\x98i\xc3\xe4\xd5\x07\x933n\xcb\xfc\xbcoddl\xea\xf6\xdd_\x80\xeav\x8f\x010_C\xc6W\x15\xbd\xe4\xdd(\xe9zz\x86\xc1\xc5\x15\xb7\xfc^\x85B\xc4\xbf\xc4\xed\xb6\xa1\x14!\xe3\xfd&gt;\xdf\xc8\xc2\xf4L\xaaZ\xd4\x0cj\xc4\xa3d\xb2W\xfb\xe4\xc9\xdc\xd8\xd4\xaf\xf7\xff\xf8\xad\xc706\xa9\x9dI\xfe\xfb\x1a\x7f\x81"*\xf6\x19\xa3\xc9\xd03\xf0&lt;-\xb9\xe5\x93\x1f\xff\xd7&lt;\x9a\xde\xd9\xdd\xdc9B\xb5$\xe3\xc8\xe4\xe4\x93\x19\xe8[G\xf5k\xea\xe8\xe8\xeb\'9\xf8\xfa\xd9\xf4\xf4\xc3\x91H\xf4\xde\xd8\xdc\xdc\x83\xe9\x99`\xfc\xe4\xe8\x9am\x14\xde\xcb\xc5jp\xde\xa7\x03,\xc8\xadCzy\xf3\x07\x1f\x15\xe9\x9d\xf3\xca\xc9\xe1\xb5\x82X\x0b\x93\x93\xbd\xc1T5\x9f\x97\xebu\xaap\xfdOH\xac\xa6\xde\xbcy\xf6\xf0\xb9\xd9\xdcgx\xf0\xf0\xe1\x93\xd4\xc7j\\.2\xf9|(\xa9\xa4^\xf7\x8e\xe8t\xe3\xe9\x95\xb8\xfc\xe9p\xef\x9f\xcf?T/\xda\xfaU\x12\xf6\xffJ\x02\x96$\x19\x17@\xac`2\x08m+\xa9(J\xea\xe3\xc7d\x10\xb0\x9e\x0c,~{\xf4\x1b`\x19{gR)%\x95\x8c\x97\xcb\x1e\xd8&lt;x\xfd\xba&gt;\x0f\xa8e\x87\xacL\xbf\xb7\xfeX\xac\x93\xd4\x12\xaf\xd3\'\xed\xd0\xe3\xfd\xa3#\x93\xc6\xf9^P\xa1\xa43y{g\xde\xa4 \x9eMO\xdeK\xfc\xed\xbc?\x06jM\x07\x83\xc1^\xa3`\x8bDJ\xe3\xba\x81\x8cnxb \x93^]\xf3p\xfc\xd2\xa7\x1fzVD\xac\xe9\x85\x81\x05;d\xbc`\xf2\xf9\xfd\xf0\x18\x99\x1c\xcd\x98\xbcZ\xc8\xa4T*8\xfd\xf0\xc1\x9f\x7f|\xfb{\xf1\xfe\xd4\xdc\xdc\xdc\xc2\xf4\xb3gK\xa3\xc2\x7fx5\x83\x9fD\xf2,\x8e\xf7\x8d\x7f\xa0*`\xba\xaa\x08\xc1\xb2\xb6*]\xc1P\x15\x8b\xa2%\x161\x16\x8c\xac\x80\x07@\x11\x02R\xcb4\xadR\xe9\x14I\x81\x81q\x9bM\x07\xb3\x89\x134\xd9\xf4\xc6S\xa7]off\xb3\x9e\xf0\xd2\x9e:\xa6\x93\x99\xd3j\xd2s1\xeee3\xf7&gt;\xcc\x1c\xf7\xfbcv\xfe\x03\xf0\xa9h\xbc\xd4\'\xef\xbd\xdf{\xef\xfb\xab\xd7\xefs}\xd4T\x85\x1b*\x82\xd8k\xf7vD\xb9;\xd9\xd3\x08\x9d_\x94\x93!\xcdi\xed\x9d\xacs\\\x1f6\xc4\'\xa7\x87T+XN\'\xac\xf9\xf9Y\xbf\xf1\xf0\xf0\xa7\xda6\xce\xddr\xc5J"\xa1\x86(\xf3;\x82\x80\xea\xa6\xec\xcc\xf5\xda\x03S\xd4F\x93\x0e\xe2yQ\xb6T\x8dA\x0c\xd7\x87\n\xe7\xe3\x10\x99\x18\xcd\xf3\xbc\xaeZ(\x0e\xdaF\xc4\xf5\xbfz\xf8\xf7U8\xb5\xecc\x85\x18\x17\xd2\x15\xb6\xd1h\xb0\xc2\x0e\xc0\x84\xd8\xce\xdc\x96\xbdN\x89\x95\xd1\x8f\x13\xad\x11\x9e\x97\xe7\xa3$\x1eo\xb5\xf7\xee\x16wb^0\xa1\xf5\xb0,\x05\x00\xb5\xe2\xba\x95\x08\xda\xcf\xe6\xc3\x97_WR~Wh\x1a\xa6\xc0\x89\xacdH 32F\xc3\x14\xe6\x06\xbd\x03\xbf\xebv\xcf\'|\xfdp\xde\x9d\x9f//0\xad\xbd\xad\xa1 (4\xc5\xd2,\x8cR8\x8esa\x11\xdfv\xf8\xea\xcb\x97\x87\xe3p\xca\x15\x8dL\xa6\xc9\x8b|C\xaa\xd50\xebg\x0c\xa3!\xe0,\xaeF"\xee\xc2\x84\xb1\x9e_\xd6+\x91\x85\xc4^\xab}2D\x7f\xa6i\x8abS)\x8aVD\x98O\x8f\xf8\xa8\xf0\xf1\x18\xeb8L\xb9\x82\x01\xcd#\x08\xa64\x96\x1c\x86i@b\x0fz\xbd\xf9\x08\xe5~\x9al\xdd\xf2\\\x9ch\x1b\xf3\xa1\xd5V\xeb\x04\x99\xac\xd0&lt;EQ&lt;O\xe3\x07Xn$\xa4d6\x8f\xaf\x1e\xbe&lt;\\\x1d\x7f\x13\xa6D\xc3\xa8\x19\x86\xc0\x12o\xd5j\x92\x94\x91Ls\xd0\x1bT\x963\xcd\xc9bAQ\xdf\x97\xcb\xf31\xae\xd5\xda\xeb\xfb\xbc\xbc\x9f\xa6R\xc4Y\x94\xe0\xe7E\x84\xd0+\xad\xfc\x8eu\xbc\x19\xe6M\xa4\x15p\x10B\x82\xd50XA\x18\xd8\x8b|\xc4\x15\xff6a\xac\xd3\xeb\xd1\xa1%\xac\xb7\xaa\xed\x1cJ\x80(\x12,\x96b\x85\xb1\xb7\\\xa96\xc6z\xf8\xf5\xea\xea\xeax\xd3hH0\x03\x01\x04W\xc6\xc0\xdf\xfc\xb0g\xcf5\xe6\xcb\xf3\x97\x13\xc6:z;\xfa+\xd3\xe0Z\xd5V)\xe4s]\x1eX\xe4\xd9\x12\xb0\x14\x91"I\x04.\xf8\xea\xea\n\x12\x91\xb8\xca\xa8\x8d\xe5kx\x059\xcf\xf2\x15\xbb-|U\x1e\xd5\x7f\xf2L\xb8)^:\x87\xa3X\xa8U\xcdF\x0b\xb3:\xcf\xa7R\x06\x9e\xfd\x95\x84\x14\x8b)\xa9\x99\xa75)\x0c\r{|u\xfc\xa2V\x0b\xa7j8~D6Bs\xaf\xa0B\xa0\x90\xb6\xdb\xa62:\xecL\\e\xfc4`\xba\xceA+^\rX\xb3&gt;?E\xfb\xe1\xad\xb1\xc3\x1a\r&gt;53\x93J\xd5\xe0,|?\x9d\x99y\x9a\n\x13\x81\x06\xf5\x9f\x81\x1bk\x86\xc9\xbb\xbd\x8e\xbd\xe8\x8c\xba\xf7\x93V\x19\x9e\xdb\xb3Wr7\x07M\xdab\xf2!$\xbd\x9f"q$Y\xfd\xca\xa4\xe9\xfc\xac\x9f\n\xbf\xf8\xf6\xc5\xb7\x7f\x98\xf1F\xb6\xa5\xcd\xcdo\xe0\xabZ\x18\x9e\xcbdLQ\xac\xd8\x1d{\xb5[&gt;\x988\xd6\x93\xa3O\xcd\x98\xc3\xb4\xe2\xf1jT\x8d\xf8\xbc\xb4\x9fB\xca\xa7\x90@\xe1\xcd\xd7K\xba\x9e_\xda\xa0gff\xb6#\xf3\xc9\x85\r~\x13r1S#a\xc6YL\xb9\xae\xd6\x01\xd6\xbad\xdcM\xfc\xd2\xe6\xe8m\xbf\xc0\x94\xb2\xf1x&lt;\xc0\xa8\xd0\r^\nU\x1e\xde\n\x87W\x9a\xe5\xee\xa8[\xb6\\\x81\x127\x16\xcao\xf0\x17b\x98\x91XD\xb8\x86O\xca\xef\xc2Y=\xb9\xa04\xce&amp;-~&lt;\xa7g\xb9\\.\x88 \x92(B\xdc\xf8HEm\x90\xf6\x92ib\xc0z\xb3\xab\xba\x94\xc4\x1f\xa8D\xcd\xba\x19r\xab$\xb1$\xfdR\xa9\xede\xb5\xd3i\xf7\xb6r\xb9\xc5\xc9c\xbd\xfc\xb4\xb5U(\xb6\xaa\xd5j\xb6\xae\x82\xcb\x87\xc2\xc0\x93B\xde0\x9a\x96\xb3\xdf\xc5x\xaa+\x1a\x93\x80\x9a.p\xc6\n\n\x03Bh\n\xa9\xedm\x7f\xa4\xde\xb1m[\xde\xdaZ\xfc4iM\xe6\xf1\xbc\xfbt\xd2\xbe~\x0f\xaaj6i\xa9K\xbaW\xf4\xf2l\x83\xdc\xce\xcc\xc9\xfb_\x7f=\xea\x16\x99\xa4\x83hv\xf7\x9d\x90\xf9je\xe5EXJ\xa19\xf9\xfd\xae\\\xaf\xdb\xf6\xf9\xf9\xc1\xdc\xdb\xdb\xc9k2\xcf\xd1\xc5\xc5\xe9??\xc7\xb3\xadl\x00\x02L\xd39E\xc0\xe0\xb2\x13#wJ\xd9h\xc0)\x971&gt;\x17\xeb\x10\x8f\xc5\x1c\xb9\\\nK,\xc5\x8b^\xb7\xc2\x80\xea\xfe\xe2\xf4\xf6\xef\xa7SxG6\xde&amp;=\xba\xae\xb6\xb2N=\x11L\xaa\x15\x9d\x13\x1a\xb1\xfe\xc9^ \xbb7 \xef\x9b\x0e\xea\xe9\xe8\xc9`qm\xee.\x90\x8dGo\x9aF\x83E\'wu\xcdbl\xfb\xfa\xdd\xef[\xb3\xd3\x00{\xfec\xb5\xdar\x82N\x10q\xec\x0fc\xeb\xa5\xc0\xbe\x93\x1b\xac\xdd\x0c\xee`[\x83\x9b\xbb\x9b\x9b\x9b\xb5\xb3\xb5\xc5\xbdx&lt;\xba\xbe\xc3\xfa\xe1+M\x93e\xbb}&gt;\xd5\xbdJ\xcf\x0fh?\x81@0\x18\x04\x16\xb7\x15\x88\xefG\x07[\x04\xe9\xfe\xa4\xee8\xf5Ng\xef\xfe\xeenu\x95\xdb\x19F\xf7[\x8b\x82\x02\xaa\rp\xd9\xed\xcb\xa9.\xbdy\xde!\xb9\x80\xc5\x04\x19`\xe5\xf6\xd3\xb9\xfej\x00&lt;\xb0N\xb1n\x97\xcbN\xa7SO$\x98P\x0c)W\x11E]\xd36TM\xae\xdf\xdfNw\x17\xef\xe55\xb0\xea\x0cS\xb2\xe4\x83\xfe\x01jQ\x90\xe81T\xcbA\x0f5\x93\x14\x02\xbb\xe3\x94\xbb\xc5`.\xd6\xc0tQ\x89D4Y\xb3\xdb\xd7\xa7\xd3]\xfd\xf1\x9c#\xb9\xa2\x0cc1L\x81\xeb\x0f\x0b\xc5\xc3\xc3Q\xf6\xee\xec\xe3/?\xff\xfc\xcb\xc7\x8f\x1f\xf1\xb36\xa8w\xffq8\n\x0c\xd1\xc3u\x82\xa5\xf5l\xfbr\xba\x0b\\\x1e\xcf%*\x17\x82h%\x99\xdcz\x9f+\xa4\xff\xb2\x9f\xed\xcd\x11*p\x8d\xd9\xcen\x06\xab\x0c\xc3\xac\ntL\xacT*zE\x93\xdb\xf7\xb7Sv\x96\xe7\xa2\x1a\xcf\x92 \x96J9h\xe6\xe1V\xa1\xb0\xba\xba&gt;\xf7\xfa\xe3o\xf6\xc7\x8f\xaf\xd7\xd6v Y!]\x1b\x82\xa8\xc3**3\xf5\x18b\xa8\xff\x1cG\xfb!o:K!\x1d\x8f\x1fB\\\x8b\xbci"\x91\\Q\x9c\x8b\t\xac@\xd14\n-\xcb\xf2\x1c\xa1B\xc2w\xce\xa7\xbb\xecF\x8e\xe2\xf7\xf18\x89b\x89A\xef\x83\x8c\x1d\x86\xfa\x9c\xa2\x08\x9c\xae%I\xd5\xc8\xfb\xbc\ni\xe2DD\xf2\x84\xaaR\xb1\xed\xf6w\xd3^\r\xf4\x9c\xfe\x8b`\x11g\x95\xd4\x10\xb8\xa0\xeb9\xce\xb7\xbc\xb1\x90H\x14\xd3I+\xa2+&lt;-\x11&amp;J\x10\x0f\x0e@\xa5\xd5\xdb\xed\xdb\xa9c\xbd|\x8fI\xd0!\xaf\xc9J\x05pq&gt;\xce\xcb+~\xbf\x17\xcf\xd7t\xdd\x15y\x81%\xce\xa2 m9\x8dP\xc9\x9d\xf6\xfd\xd4\x17&lt;\xd1~\xfe&lt;\x8eb\xc9b0[\x85B\xba\xc8\x8f)\xd0\x95y^\x10\x04\x96m4h\xda\xef\xa5)E\xd7T\r\xce\x02\xd6\xe9\xd4\xb1&lt;\xdfU\xf7\xa13\x82\x0c\x13,\xe5a\xb3&gt;\xaf\x9fg\x89\xc6\x16\x04^\xa0\xa0\xf1\x1b\r\x08\x10L\xaf\xc0\x82\xd9\x9dN\xe7\xfah\xfak\xba?`\x9e\xdf\xef\x90\xfeSR\xf3j(4\xbb\xec\xe7\x89\xe8\xd7\xc9\x86\x9b\xab\xc4\x04\xd3\xa4y\xde\xeb\xc5\x7f\xb4\x8a,\xd7\x1d\xa6~}4u*\xcf\xc5\xe7j|?\xeb\xa0]\x97,U\xc59\x149\x9e\xb8\x8a\xbc\x8d\xc5oS\xd81yE\xf1z\x15\x0e\xd9f\xd7\xd1\xa9\xecG\xf0\x16\nW\x11\x06\xaehIFr\xa1\xa6\x82\xc74\rr3c\x98\xa6\xd9D\r\xf3\xfa\x15\x85\xb4i\x06]\x1d\x0e;\x7f\x04\xacw\x9f\xd3\xc54\xb8\x02\xc1hI\x0b\x85PMc\xe6\x18K\xc2\x17\xa0\x9aMSPHPuM\x0e:Q\x19\xd3\xd6\xf9\xf4W\xc0=\xa7\xdf\xa7\xc7F\xdc\x85\xd4\n\x85*"2\xdd\x94\xc0e\x92O\x93T|`\xa140\x18qd\xd9\xaa\xff\xf8\x08X/\xaf\x8b\xc5t\xd9!\\\xa4\xa2\x92\x1a\xc1\xf3\xc4[\x06\xa1"[\x06\x02\xb9\x8bs+Vp&lt;-\xcaV\xfb1\xb0\x9e_\x17\xd3\xe9r\xa2\x9cN\x93\xc4QU\xd4\x08\xd2\x13\x89\x9f\x04\x13XM\x81\\\xe2\xf8t5\x88S\xc1\xc8\x18\x99\x1f\xc3[O\x9e\xbf\x87\xb3\xca\x89Dz7\x9d\x0e\x96\x96\x96H\xe9\x02V*\x05\xa9J\x01\x8e\xa5\x96\xbd^_\xdeb\xe0+F\xd5\xd4G\xc2\xf2\x00\xcbI\xc0\xd2\xe9\xff\xa6w?\x00+\xa2#\xbb(*%=#\x97^,\xedU|\xa1R`LU\xc0 o=\x16V\xd1I$\x93\x89\xdd\xf4\x9b\xf4\xeenr)\x0f\xe5\x1fC\xbf\xa1\x9fmS\xd43J\xf1y\xb9\xfc\x87 yY\x8d\xbc\xd3\xb4%\xeb1N\xe2\x93\'$\x88\x89\x85dr!\x01\xae4\x1c\x860.\xff\xdf\xb6\xb7\x97gg\xf3\x1fvaA\xab\x10"\xe3\x96j\xd9\xff9z\x9c\xdcr\x80eYIp\xc1\x08\xd8\xeco\x96\x9f\xcd/}\x18C\xed\x06K\xd0\xb7\x1c\x19!\xfe\xc7\xcb\xd9\xc04\x99\xdfq\xdc\xd3\xa6\xac=\xcbS[\xfaFi{\x85\x12\xd1\x95\x96\xd8\x02m\xcd\xda\\\xe9\x05+\x89\x92\xbeHs\xf6\xeau\xe4\x1c\x84K\x9a\xb2\xe0\xce.qQ$N@\x96\xb4!\x14)\xc8r;\xdd\xa6\'^\x18r!\xc1\x13F\x889\x0c\x17\xcdm8^b\xc2\x86\x97S\xf4\xc0\x00\x89\xaf\xd9\xf7\xf7T\xb3\x98l\xcb\xdd\xa6\xfe\xda4\r\x90\xf2y\xbe\xdf\xef\xff\xf7\x7f\xfe\xcfK\xab_\xc7\xe4\x93\x8e&lt;\xa9\xe50W\x97cy\x7ft\xd7\xd1\xbaKu\x97\x9e\x17\xcb\xb4\x8b\xb4R\xab\xad\xe6\x9cC\xfbJs*\xbfx=j\xd5\xa7\xb1\x8a\x8av\xbcw4\xad\xd7\x8bU\x8fY\x9c\xf6\x0e\xf7U\x05\x8d\xfbr\xea_\x1bVyZ-G\t\xb5\xafw\xc1U\xaf\xd5\xd6\xd5\x95\x97\xe7]\xca\x0b\xa2\xb5\xa3mX\xadr\xeb\xa1\xbd\x08}\x0ef\x83W\xbf\xbfEX\xbb\xe8\xcc4\x1dL*\xa23\x87u\xef!\xf9\xda\x0f\x83\xda\xf2\xbc\xc2\xbd\x87\x8c\xe6`\x8e\xa3t\x0f\xc2nR\xef\xf4\xfb\xabr\xb4y\xd5y7N\xbd\xfa{a\xb7\xff\x96\xbaV\xc9\x0e\x87\xc3\x81\xd1\x88\xc6ZW\x02F\xbf\xbf\xd0\xbc\xcf\xfa\x13\xec\xda\x1buF\x0bf\xca-&amp;\xa3\x1fZ\xfd\xdcVj\xc9\xf9\xc5\xa7\xad\xb5\xaf\xf8\xce\xbb\x0c\x16\x0b\x1e\x16\x15\x81\xab\x84\xad\x1d\x0e\x8bUm\xd2\xe4\xe7\xd7l6\x99\xd4:\xb9\xd5\n\xac\xc3A\xa0\x06\x83\xa5\xa5fm\xe5\x8d\xcf\xce\x7f\xf6\xe9+\x0cXFFk\xc7\x17\x1f\x01\xab\xa4\xa8\xdaA\x99\'\xaa\xa2\xc0\x1e\x8bZm\ng\xd5l\xad\xd9\x9c\x8f=@\xb9\\g\xde\xe9\xaf\xdak+4Z,\x96\x9c\xca\x8f\xea\xdf\xde\x7f\xfc\x8d\xbfv\xbc*\xc52\xb6_=\xff\x07\xec\xc8\x03\xa5\xa4\xc8Q\x94\xe6\x82V\x169V\xd1\x12\xbd\xdb\xad\xca\xd2`?\x1eXV\xf5^\xb3\xdff\xdc\xb7\xcf\xb2G\xab\xfd\xa0\xb2\xbe\xfe\xfd\xfd?&gt;\xdfW\xfb*n\x05\xa7{K\x7f\xfd\xa3?\xbe\xaf-g5r8\xaa\xc1E\xef\xe8\xc0\xb3)?\xacp\xab42\x8d$_\xae\x93\x97\xd1\xbcX\x18\xb4\x1e\xb0Z\xccyXVk?(\xaf?6\xf7`\xf5jGkmk\xedK&gt;\xa9\xd8\xba2w\xfc\xc8\x91J-K\x852\x9bY\xae\xa2\x80N.\x97c\xe6\xd1\x87eX\x06\xe5\xcb\xca\xf0\x90\xc9\x8c\xfeC\xf2\x03V\x9d\xa5\xb4\xf0C[N\xde\x8e\x1d\x9f\xcfuu\xc5\x9e\xae&gt;\xfe\xf2o\x8b/\xeb\xd0 \x1d\xf7\xac\xed[\xb5\xcf\xed?\x08\xac\xbc\x1d%H&lt;&lt;\x0cP\xbe\x8a\x80e\x95A\'MX"\xd9,\x91Hd\xa0\x92\x97\x19\xfd\xc6-\xa0\xb5\xea\xccA\x9b-\x88~BX\xd2X,6u\xb7\xfb~g\xed\xcb\xf0r{mmk\xdf\xcaS\x0fa\xfd\xaa\x12[^B\xe30\x10(\xb5X\x02\xa0\xc2\\-\x93\xc8\xca\xca$*,d\t\x0b\xab1\x93\xd1\x08\x01\x89\x0bX\xda\xc2Bc\xf5\xc7\x0b]]\xa2XL$\xba\xde\xeb\xeb\xbe\xbfH\xd7\xdb\xfc\x7fd\xb5\x8bW\xbe\\zjG\x9d&lt;v\xe4m\x88\x85\xa8\x83+\x80a\x16 ,D^\x0e\x894\x92,\xf8\x18\xa6\xb5+Y)\xdb\x82\x9f\xc9\xe5\x96&lt;\x9b\xad\xde_Z\xb5\xeb\xb8\xc7`\x10I\xa5"\xe9\xbd3.\x97o|\x82\xc8\xfew\xcd\x10\xa9\xfb\xe3\x8f&lt;\xde\x98\xd7k\xb7{\xdeb\xb1\xe0\x1d\xc4\x82V:\x1d\xe4\xa2h\x95\xc1C\x89^\xa5\xd7K\xa8\xb0S\x98\xa5\xd1\x00\x0f\x12\x1a\x83Amepg\xf0\xf37b\x86l\x11\xd5\xbd\x94\xcb\xe5*\x06\xd9\xda`\x1f\xebf\xc6\x0fFZ\x97\xd1\xba8\xe1k|\xe8\xc5V\x82\xcb;\xf7qZ-h\x15`O\xfd\xe8 \x97\x0e\xff_\x13\x0e\x87\xb3\x14z}\x16\xc0\xb2\xc0\x95\xaf\xa1B\xe4\xaa\xb0\x12\xb1\xe5\xf8\xeb\x8e\xcdu%\xd3X#&gt;\xbeP \x14\x8a\x1bG\x92\x0fV\x07\xe9\x1b$~\xc8\x11{\xfc\xf1\xf6\xda\xce\xfb\x13\xe3\xc5B\xdf#DB\xe4\xf5zcs\xc7\x81U\r\xe3\x02\x01\x1d\x89\x85\x16\x85we2\x89&amp;\xac\xd7W(\xe8|g\x85&gt;\xad\x97\x84\x14\x93\xc8t\x8e*\xb3\xcdf\xfb\xe5qO2\xadVlF\xcc\x17fnp\x89O\xcf\'\x12\x86\xc7\xe7\x96W\xd06\xbeg\xd0\xd8\xb6\xd7\xb9x\x7f\xdc\xe7\x12F\x85\xbc\x81{\x06C\xb6T\xea\x8dy\xdez\xdb\x96\xc7R\x81Iw@\xbdENt\xe8\rY@R*\x14\xe8\xa8\x88\x17\x08+T\x15d%]U\xa9\x03\x96\x96\xc4\x82Z\xc8\xd6\xbd\xd3\xfcL\xa1P\xe8bf\x0c\x89Dbxh6\xf9`\xe9\xc9b\xe7\xf7\xcaY\xc6\xf6\xd6\xbe\xfb\x13!\x97\x0b\x1f\x10\x15\xf0\x1bG\x12\xb4\xa9^{l\xee`\xde\xa5K\x8e\xc0\x9e\x80\x8e\xa4\xda\x82L\xeb\xe8\xa0M\x85[\xa9\xa4\xa7{\xab;\x1c\xae 3U\x15*:\xcaE\xb1w\xf8\xfd\x14\xf8\x84A\x04,\xe9H#,\xcc\xcc\xa4\xcfL$f\x97\xc1\xb6&lt;\xd9}nm\xf0l\xe7\x7fmgt\x0e\xa5\xb5cpe\xad]\xec\x12b\xc3\x04\xd1\xa8 2\x93$.`\x9d&lt;B\x89\xc7\xe0\xd3\xd1\xe8\xa3L\xb3\x9d\x14X\x05J\xba\x92\xd2\xad\x08\xeb\x15\n\xa8\x85\x17\x15V\x1d\x1aM\x99|\xcfa\xf5\xbb\x10\x8b6L\xea\xed\x1au\t\xf1\xa1\x02\xfe\xc5\xe9\xe1dbl\x02N\x0eO\xae\xcd\'\x93\x89\xd5\xb3\x1d\xad\xff\xe9;T\xc0T{\xea\xeb\'K]\xcb\xe3b&gt;\x9f\xcf\xe5\xf23\x05Q\x81\xf8\xccH"IXv\xfb7\xc1j3\x1bv\xea\xe5D\x06*\x19\xe6\xc3\x82m\xcf\xae\xf0$$=\xa5L\x8f\x92\x98\xac\xf2\xc3\x87M\xeaob\x86$\xb5\x07\xaft$\xb5!\x13\xe5\xda\xe0J\xa5\xfao\xa6"\xa3CC\xb3\xb3\xc3\xc9\xe4\xf0\xec\xd0\xf2\xd2\xea\xe0\xa9\xed\xfffB\x07T\xe7\xd9\xc1\x7f,\x0f\x1b\x0c\xb3c\x93)\x1f\x9f\xbb~=a\t}3]\xd4u\xec\x1e\xfbu\xad#\x90\xa6"\xa9L&amp;\x98T\x86\xbc\xbb\xe9\xba\xd3\x13\x05J\x08\x05\xc5\xd8\xd2\xc3KIU\x95\xb1\xca\xa4\xb95\x950$\x11N\xa9\x94\xc4\x82\x85\x99|\xbe\x98\xcbcP\xceH\xa4!\x94\xea\x9f\xeco\x0b\x9d\x19\x9dO"f\xa7^&lt;\xebH\xdf\xb3rjpu\xe9\xdc\xe4\xf4\xbc\x01\x11\x1f\x9e&gt;\xed\xe3q7\x12\x97P\x1c\x1f\xc9&amp;\x17=\x9e\xd8\x82c\x0f\xeb \xdb\x97\xe8\x85\xe4\n+\x94\xe4\xa1R\xa9G\xea\xdd\n\x12\n|\n\xbd\xc4\xaf\xf5\x9bT\xfe)\x03%\x0bT\xa2\x91\xc64V&amp;\x97\xcb\xe5\xf1\x00\xc6\xe1prss\x9d\xb9\x00d|\xa9\xfe\xd1\xd1+\xcb+\x1d/\x1c\xf4\xe8\xfc\xfa\xc9\xe3\x07\x86\xe1\xa1\xb1\xc9\xc9\xb1\xa1\xa1\xb1\x9b\xa9\x06\x86\xb7\x91\xcb\xcd\x14\xa0\x98\x99.p\xc5 \xd7\xd4\x1d\xc2*CS\'&amp;\x8dI\xc6\xd2\x11\x97\xd2]\x80\'\x92OB\x01\xadF\x81\xd5\xacZUSu\x1dP4\x92\xa5\xa2\xf9\x9b\xaeb\xa1\x10\xe9\xe0\xaf\xe7\x8a\x81\xc5\xe1l\xe2\xb0`\x1c\xc2b\x98\\\'\xa4\x9b^\xfeW;\xa8\xed\x1b||emz\xbe\xab+9&lt;}3\x14\x89\xd0_\xf1\x08\x0b\xcd/*\xe0\x91\\\x06\xc8u\xd2;u\x0bc\xcf\x84\xe6$\xc7RZB\xebi\xea\xa5z\xe2J+\xa6d\xb3\x85^Q\xa3R\xe9U\xee\xc3\x0b\xa2\x04\r\x18\xb2p\xac\x11T4\x0e\xf9\x1b\xc9B\x18\x88\x87\xd3\xb9iS\xee\xf3r2\x9c\x86\xfe\xe7\xe6\xb5\x9e]y\x90\x9c\x85N\xfdp9\x15j "\x12\x99\xb7\x91GrE\xa3\\\xf1\x85yJ\xad\xdd\xe3\x91N\xdd\x95\xc9$*\x15\xbb\xc0G+\x90\x84\xd9b\xb9X*\xea_\xf4t\x03\x0bZ-\xc4\x0c\xcf\xa8\xb2\x87R\xc5\xc5\xc2L\xbe\xcb\xe7\x0b\xb57\xb7\xb4\xf4\xb6\xf4455\x9d;\xd7=\x1eI3\xb1x\x1c\x0e\x93\x86\xeaX\xbc\x02\xd7\x86\xa6\xc7n\x9e\tA%\xe8\xc4c\x88\xe9M\x1e\xb4\xe5\xe0\r_\x90\xc9\xbb\xf8\x08\x01\xc9F\xea=\xa2\xa9\xbb&amp;\xd5V\xbd^E\x8d\x93\xb2\xad\'\xd3\x14n\xe5\xb3""\xb6v\xd7\xd4\xa8\x82\xa02\xa4;V\xf6\xf0iWT\xe8\xba\x18\xefE\xb5\xc4S\xa1\xc6P(\xd4\xde\xde\xdc\xdd\xf4IS\x1b\xe2EX\x9cM\xe4*%\xea\xea\xca\xe3\xb5\xd1\xfe\xe6PC\x84\x89\x00HL\xe3\x83\x87(2\x18"\xed\xb4Q=\x03\x03q\x17\x97\xe9\x1d\xa1\x81 \xf5z\xec\xe0\xda\\\xf3S\x15\xe5Z\xf1\xacX\x07\x9fc)Tl\xb3\xd8\xbd{\xf7f\xed\x827;\x1bR\xe1\x91=&lt;\xea\x8b\x16\xc7\x07\x06z\xe3==m\xd8\xdc\x86\x9e\x10\xab\x91\xd8\xd7~\xf9Z\x84\x03\xa8g\xc5Y\xd77\xb8\xb4\x84t\x87"\x8cX\xcc\x02\x91}xi\x00\x12Dni\xea\x19\xe8i\xfa\xf3\xe5[\x97C\\\x17ld\x87\xa3\xdd+\x8a\xdd\xf9\r\x94\x00\x95\x8aM\x11!\xa5\xa1X\x17\xd9&amp;\xb6m\xdb;\xbb\xd5\x07\x170\xc9\x93R\x88{r\xac\xd1u\xf1\xc2\x85\xb8\x8f\x89\xdf\xfdK\xb7\x93\xe7\xec\xf9\xeeZ\x1b,\xe3F\xf9\xce\x9e\xdb\x13\xb9\x14|\x14\x8b\xf5`\rQ\x123\xacg\x0c\rW&lt;\x9d\x91\xc6xKs{(\xd4\xd0\xd0\x16qr\x99H(&gt;p\xeb\xdb6W\xe3\x0cZ*qyc\xd9\xb1;U\xaa\x9a,\x15\xd9\x050\xc0\x9c`\xd3N\xadK\xa9P\x16\xd0%R\xef\xd4\x14\x1d\\\xb0\x03\x08s&lt;\xe0\x92\xd3q_\xef\xe5^\x1f\xc34&gt;\xfc\xfb\xf9\xdb\xcd\xb9\xbd\xdf\xfd\xe9w\xd7\xdaxbA\x94\xc9\x8d\xdf\x9e $\x0e!\xbc\t\x13GS$\x12\x1bo"\xa2\xdf\x84\x9a[\x9a\xbb\xbf\x9ap:\x99\xd0W\xd7\xda\xc4|dM\xdcp\xe1\xf6\xb8\xd8u\xf1Q\x97\xd4\x9b\xcd\xa6W\x14\xbb~\xcb\xbaYU\xe1.x6\x00O\xa0\n\xd2T\nP\xfdl\xdbnu\xc9\xc1\xeb\xe0\x91B]/r5\x13\xbf\xd8\xfb\xb0\xb78*h|\xf8\xed\xe5\x1b\xe7o\x9f\xbb|\x8d\xe5b\x04\xebs\x9d\xbf\xff$\x1d\xae\\\x86\xd5k\x1d\xeb\x1ce\x9bCX\x0c\xc7\xf9\xcf\xaa\xcd&amp;\xb4m4\x8d\xe3A2\x02K\x96\xad\x89\x98,\x93a\x0b\xcd\xf60\x0cK\n3\xabe.\xf5\x80\x11$=\x05\x12\xd1\xc32\xa3\xc3\xee!\x03s\x10&gt;\xf8PC.\xeb\xea"Q\x11\\\x0c!\xb1\x8c\x17\xaaX\x07S&lt;$6\xbb\x85\xb2N&lt;\x18\xe3@\xec\xe4\xd2\xa5)\x04w=\rIhs\x9f\xcb\xec\xffy\xe5\xa4\xdd\xc7_IlK\xbf\xf7\xff|\xbe&amp;6]\xb7\xe4Y\xc3\x7f_\x95R\xc6p4:\xf2b\xa0\x12\xd5\xf2;_\xd5\xb5"\xb8\xd23\xd3\x91\x1d?\\\xb8\xf5\xe5\x97\xe4\xc1\xcf\x89\xe9\xf1\xea*\x91\xfd\x15\xbfB\xaa\xa5\xaf\xff\xf6\xe3\xd91\x80\xa8a\xad\xcc\xcc\xbf\xd8o\xb5Z\xbf\x0e\xd5\xac\xa6\x0f\xdb\xb9\xe2\xc5\xb3g}\xdf\x0b\x9f\x82\xcb\xc8*r)8H\xc5&amp;\xb9HFXqV\xd6\xc0\x85\xfb\x9c[)Y\x19\xab\xf9\xee\xd9\xa8\xddm\x04\xfd\xdd\xdd\x9e\'\nxQ\xf1\x9d\xa3b\xa8l\x9d\xbcYY\xceO\xcfN\xd3\xe8\xf4\xf2\xec\xd1\xb7?|q\x9f\tE_Z\xc1\x95\xd4\xfa\xfc\xab\xd5\xa5{\x0f\x16\x89\x8al9\x9d\x9e\xdex~\n\xaa\xea\xa3J\xb6e4\xdf\x0e]\xb7\xfd\xdfg?\x1d\xf9\x9d\xab\xd1?F\x1d3e\x86uC\xa7\xfe+\n\x9f0\xb0\xa9\xa8:Q= O\x1a\x8d\xa67\x97\xb2*\x9d\xa3\xb7\xbb\xa3\xfe\xa0\x1b\xee\xee&gt;\xedYx"\xd5h{\x98t5Mo\xee\xad,\xaf\x10\x17|\x99&gt;\xfb\xe7\xe2\x0f\x08\xee\xd5\xc7\xf45\xb2\xb5\xb5\xf5\xb5\xd5%\x0c\x11_\xdc\xbf\xfb\xe7\xc5\xdbg\x9b\xcb\x04\x85\xfb\xd9\x17?\x17\xb5V6KXZ\xf5\xd7\xb0\xdal\xba\xc3\xff\xfc4\x1a\xfb\xf6\xc5hta{v\xdd\x83\xd3\xd4\x94j\xa8)\xc2\x92\xa6\xe2q5\xae\n\x02\xae\x82\x9a\xb2\xc2\x8e\x97\x99\xcb\xf8\xc1\x81\xd7\x1e\xed\x8e\x82\xae\x0f\xb9\x9e\xd6-A-\xb7\xdd\xb8\xa8+\x9a\xd6*T\xf7\xf2(\x11\xb3L\xb0\xf4/\x7f_\xfc\xf4\xfeW\xabPj\xed_\xebk\xeb\xab\x80\xc2t\xfa\xcd\xc2\xed\xb7\xbfl.\x93m.\xafl \xd3\xb7k\xb5b\xb1\x86|.4\x9b\xa6\xa1\x1b\xb9r\xfb\xea\xaa\xbf\x83\x9a\xe5;\x07u\xdfC$\xa9p\n\x0c~\x8cIS\xc0\x11D\\(\xc42\xb9v=\x13W\x9d\xf18\xec\x0c\x00\xb4;\x0e{\x8c\xcb3\x87\x9dR\xb9\\\xae\xd5j\xdb\xdb\xdb\xfb\xc453\xcb\xcaQ\xfe\xf8\xe1\xb7\x9f~\x06\xb0\xb5\xf5\xf5\xf5\xb5\xc7K\xf7\xff\xf8;\x8c\xc9$\x15\xa3\xda\xdcLO\xbf\xde/\x14\x8a\xdb\xccN\xde\x9e\x9cn\x9f\xd2O;\xdb;d\xb5B\xc6r\xec\xaeg\x96LK\x8d\x0crI\x11\x96\x90\xcc&amp;x%\x9b\xcd\x16.lEv\xce\xed\x92\xe9\xec\x1c\xf6\xfb\xe3\xfe\xe1\xce~?\x08\xc2\xc3A\xb8ScV.\xc0Z\'\xef\xd3\x14`\x8c\xeb\xe5%\x9a\xf1g\xf4\x85\xa8\xc7K\xbf\xa7\x0f \xb0\xe9\x98H\xb5\xb9\xb9\xb9\xf2\xe2\xe7\x9a\x01\xdf\xe3\xe0YH\xddl7\xca\x06\xedz\xd0~\xa8Sg\xac\x92\xed\x9b\x96\x89\xfe\x93\x03\x12\xe9\xa5\xcc\x91\x139\xc4\x96\xc4e1\xb0+\xd8\xbdu\x02O-\xba\x86\xaa\x1aTNM\x0f\x95+gy~\xc7\xcf\x9994I\xc4\xa4\xc2+\x8a\xa6W\xf7\x90^\xe4H\xd4\x8a\xf4o\x17\xf4o\xd7\xf7n\xdd\xb9\xfb\xe0\xce\x9d\xbb\xdf&lt;\xf8\xc3\xd9\xc4\x7f\x9b\xcb[\xcfO\tJ\xcb20MnU\x1b\x8dj\xd1 \x02\xc4\xaba:6\xdaa&lt;\x9es}\x87\xd4"\xbf)\xfc\x9c\x14\x9b\x12\x12\xc8\xbf\x04\x97\x15%B-\x05=OUE\x81\xf5D\x89\xe5\x02D\xb6M\xdcU\n\xf46\x8c\x95\x14a\xa8\xac\xef\x19\x17\t\xb6\xf2\xf2\xb7{_\xdfZ\xfc\xfe\xd1_~\\X\xfc\xd3w\x97\xc7\x1fIU\xd6#\xaaH-E\xd6[\xcdF\xa3\x89\x86X\xa4\xa6f;\xe8.h/)\xc3\x88\xa8t\xa8\xa5\xcd\xc1\x89q\xd4\xd4\x98\x94\xe0D\x16p\x86\xdf\xeb\x1d\xb0\x97\xb2\xfc\x8c\xa5r\x80*\xa1W\xba\xb6[\xc0\xdb\xc8\x14\x0c\xe2\xd8\xa3m\xef\x81+r$&lt;\xf9\xee\xbb\x05\xf6\xe1\xee\xed\xcbc \xa5Y\xacC*\x133\x9f&amp;c."\xb54^\xe6E]/\x14\xab\xcdJ\xa5Bm\x04s\x83\x901,\x96\x84\xa0\x13\xf1\xb2]Ij\x00\x00\x03\xfbIDAT\xac(f%)\x81L\x8cI\xb0\x04\xaa\x86\nV\xc3\xb1{\xf5\x83.\xda6\x0c\x1a\xdbn\xc9\xa2\x11\xc20\r\x14\x10\x81\x81)\xbc,\xf3\xbc\n\xc1\xae\xb9\xf2+\xe9\xe3\xcb\x85\xef\x1f=\xbc)U@\x83T\x06\xa4\xe5e,C\x06\x9b\xacW\x9d",g\xe42\xb09\xba\xcdY\x86\xe7v1F\x94\xcd\xa2%*\x0cK\x8b3,@\xc1_8\xa5\xa2\x93^\xa6\x8f\x01\xc8\xb6}\x0cB`\x82r\xf0#\x8a?\xeb\x9a7\\\xbc\x86\xed\'\x04\xcb_\xeb\x05\xc5\x8e//_\xe6g\xa2\xb2\x9eN\xe7_\x1f\x02\n\xd2*x5\x8f\x80T\xc4B;h\xfb\xc3v\xd8i\x98\x99\xa6\xdd\t;\x07\x8dn\xa5\xe3\x87GG\xe3`P\x1f\x9a\xe4\x08\x1dU\x88\xb0\x10\xf1\x89\x04\xc3\x12e\x06\x0b\xb2\x92C\x1a\x9bX\x14\x1b K\xae\xe7\x95\x1c\xcf5U\x0c\xf6\x9c\xc8\x89\xb4y\x94q\x84x\xe1$\xe2\x02Y&gt;\x9d\xdfb\xb3\xde\n\xb3\xad\xe7h\n\xbcH/\xe5\xc1\x851\x99\x17\x8b\x8d\xc1\xa01l\x07\x83\xa1S\x1e\x06\xe7\xfd\xab\xdey=\xac\x87\xbd\xf3q\xbf\x1f\x84C;\xc5v\xa5\xa2\x0e \x14\x88T"\x01\xb6$\'\x83\xd5P\r\x98\x95ScV\xc1*w\x9d\xae\xdb\xed\xd8v\xd0\x1b\x8f\x83\xfa \xcc\x08\x1c\x86U\x90%i[\xac\xe1\xac\xc6\xe9{\xccQ\xb3\xf3\xd3y@E\x13(t\xa3\x19\xc6T\x99L"nI\\\xa11\xaf\x8b\x86A\xf5\xa5X\xb4ZU\xbb\xe2W\xec\x8a\x1d\xda\xa5\x8a\xeb\xfb\xae\xeb8EU\x8c\xc4%\xb5\xd0\x85\x05\x9cI\x109\x80V\x1bn\xc3\x1f\x84~\xa7\x921\x07\x07\xe7`9?\x18\xd4\x83\xa3`\xdc?\xea\xa1\x03\xd0 \rYy\xe2B\x14\xe3\xacj\xed\xd5\xd6\x0c6\x0f\xf34\xadC\xb4-\xb4\xca\xd9\'\xaf\x0fs:?\xb1$\xbb"\xf392\xd4\x05\xca&amp;)\x05O\xc4\x10]\x98\xe3\x91P\xac\x8e"\xb4(\x9b\x14E\x90\xe2ST\xe3i3\x98\x14\xb1\x19l\x9c\x9f\x87\xe1\xd5Q\xd0\x1bz\x15\xc0\xf4\x82p\x10v|\xbfRBH\x9a9\x14@\x81\x85W\x92\x9dM\xe6\x01\xa6\xa8\xe6\xfe\x9b\xfc\xd6\xc6\x13\xda\xda\xcc\x13\xd9\xd6\x93\x8dW;\x06\xa8(/\x14\x9em\t\xc5k\xaa\x04EL\\\x90\xa2\x89%&gt;\x17\x8dX`\xd2\x91\xe6(\x9c\x88\rY\xc1s(\xa7\x84%\xd2\xaeKk\r\x87\x83Ag\xd0\xb1\x1b\xaeUu\x1c\'W\x00K\x0e\xed \x16m6\x12q\x16\\"y\x86&lt;\x84B\xa4\xf0\xbaQ{\xf5\xe2\t\xe3"\xaa\xf9\r4\x1b\x9dJ\x14\x8b)\x9e\xd5\x14\xb6rv\x8b\'\xa4\x04e\x19\x98$6\xb6\xc4\xe6\x08\x8b\x82\x9aR)IA\x8b\xf9j\x8a\xd6\x02,\x95\xf6\xceZ\x0b\xbe\xa7\xd8\xd2DA\xa2\xd5\x10\x0b3AJ`\x99\xa4\x15\xc7\xb8D\xe6\x1fY\xa1\x91B\xe7s\xa7\xaf7\x88\x8a\xf4B\xb3QY\t%\xb1n,\xd2\x8aK0c\xc9\x1f\x8b\xb1;&amp;\x17\xb0p@\x8aw\xca%\x19\xb9?\x85\x1ca\xbbI\x86\xa5\xd3\x02u]\x15Y\x14 \x0e\x90\r\xec0x\xa0\t\x88\xadY\xe4n\xce\xa6(\x0c@\xd7\x11a\x91T\xcfO\x0b\x0c\x8a\xfc\x1b\x95\x06\xb2\t\x14\x97\x10\xa2\xbd\xb4\xc4\x8c\xe6P)\x92K\xa0LeP\x8a,\xa2@N%\x91\x91 \xd3\x93\xe8\r\x1a\xa5\xbdN\x94\x88\xb5\x9b\xf5\x91P\x82@\xe9*\xb0\xd2\xc5q\xbcx}&gt;\x8dq\xf1\x9a\x9e\xdb\x7f\x03\xaa\xd7\xfb\xe6\x04\x8a\x0c9\xc4\x98\xe8\xc2\xa8\xd8\xf1\xe0\x01V)\'R1.\x81\x13tE\x9f\x88%\xc7S\xca\x14U\n\xba$e\xea\xa72=\x01\xbfr\xd7&amp;Lt\'\xb5\xe8g\xf6G\xe6\xc4\x08\x8d\xa9\x05\x02\xdd\xd8y\xb5\xb7_\xfe\x08\xea&amp;\x13\x93\xd1\x07?\x1f\xbc(M\xd4\x92\x88\t\xe3\xc2\')4\xc3H,\xc2\xd2S*\xc3b(25S:\x01\xca\x91\x92dj%?\x84\x03\x0bw\x16\xf0\x00\xe5\xc4\x0fr\xf1\xba\xc6\xd0\xd0!\x8c\xd6\x04(\xfb\x7f`\xec\xf3\x06Q\xfc8\xbaH-\xeay\xc0J\xd1\x03a\x89\xfcD\xab,%\xe5\xff\x00\x19\xf9K\x04\xcd\xe0\xdd\xca\x00\x00\x00\x00IEND\xaeB`\x82'</t>
        </is>
      </c>
      <c r="M344" s="3" t="n">
        <v>45492.67810185185</v>
      </c>
    </row>
    <row r="345">
      <c r="A345" t="n">
        <v>959006</v>
      </c>
      <c r="B345" t="n">
        <v>1957</v>
      </c>
      <c r="C345" t="inlineStr">
        <is>
          <t>Caetano</t>
        </is>
      </c>
      <c r="D345" t="inlineStr">
        <is>
          <t>Caetano</t>
        </is>
      </c>
      <c r="E345" t="inlineStr">
        <is>
          <t>ZAG</t>
        </is>
      </c>
      <c r="F345" t="inlineStr">
        <is>
          <t>ZAG</t>
        </is>
      </c>
      <c r="G345" t="inlineStr">
        <is>
          <t>ZAG</t>
        </is>
      </c>
      <c r="H345" t="n">
        <v>182</v>
      </c>
      <c r="I345" t="n">
        <v>4</v>
      </c>
      <c r="J345" s="2" t="n">
        <v>36334</v>
      </c>
      <c r="K345" t="inlineStr">
        <is>
          <t>Left</t>
        </is>
      </c>
      <c r="L34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7c39ee9-0c94-4549-aa0b-eb3511b00c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f\x8d\xa8\xed\x00\x00\x03\x00PLTE\xff\xff\xff\t\x06\x04\x03\x02\x01\x0b\x08\x05\x07\x04\x02\x11\r\t\x0c\n\x07\xfe\xfd\xfd\xf6\xf5\xf3\xf8\xf4\xf1\xf4\xf3\xf3\xf9\xf5\xf2\x18\x12\x0e\x15\x0f\x0b\x1c\x16\x11\xe1\xdf\xdf\xe5\xe3\xe3\xe3\xe1\xe1\xf6\xf6\xf5\xbazX\xf1\xf0\xf0\xfb\xfb\xfa\xc1\x81]\xc4\x85a\xe8\xe6\xe5\x0c\x0b\n\xe9\xe7\xe7\xf8\xf7\xf3\xec\xe8\xe6\x9ca@\xed\xeb\xec\x10\n\x07\x92W9\xc3\x83^\xb5uS\xbc|Y\xa1eD\xe6\xe4\xe4\x8eU8\x9dbD\xaerS!\x1a\x15\xef\xed\xee\x95[=\xb7xU\x87Q3\xc8\x86f\xf5\xf2\xf0\xabkK\x8bS6\xa8gK\x9dfH\x98fK\x99bE\xde\xdc\xdd\xbf~]\xef\xeb\xe8\x84N1\xbd\x80\\\xeb\xe9\xe9\xbbwU\xff\xff\xfe\x93bF\x97_A)\x1e\x16\xc0\x84`\xd2\x8dj\xbb~]\xf8\xf7\xf6\x99^=\xb2sQ\xbfvVyJ2#\x18\x11\x8bW:\xea\xe7\xe8\xa3mQ\x86S8\x10\x0f\x0e\xcd\x8ah\xc4|[\xa8mP\xf0\xec\xea\x82J-~K2\xb3uV\x9djM\xbf~Z\xbez]\xcf\xca\xc7\xbfzW\xa4eF\x8eP3vE-\xbdsP\xafkNyN9\x90\\?.#\x1a\xa1gI\xb4xZ\xa2hM\x9aW:\x8e^E\xf9\xf8\xf8\xd7\xd3\xd0\xc4\x81c\xdc\xda\xda\xe4\xe2\xe1\xaapR\xda\xd7\xd5rG2\x88K/\xd6\x91n\xa2`B\xb8rZ\xa8kI\xb4lJ\xbbw\\\x89N4jD28!\x16\xb9oN\xc9\x88m\xaenQ% \x1c\xaefE\xaabA\xb8rRrK9pB*\xbd\x81aS2"K/!\x9e[&gt;\x8aZB\xe0\xdb\xd9\xd3\xce\xcc\x95S5\xc8\x7f\\k=\'A"\x14\xa8`G\xc1~a\x85XB\x94^C^:(\xaboN~O6\xb4pVe=*\xcd\x86c*\x17\r\xcb\x82b\\0\x1c`A2{A\'\xe9\xe4\xe2U8*2(\x1e|E/\x93bMe5\x1f\xcb\xc5\xc23\x1a\x0f72, \x13\x0c\x82S=\xa7hF|S?\x1a\r\x07\xcd\x8es\xadeJ\xe0\x99r\xb2mTC)\x1d\x9a\\D\xb3pO\xbcrW\x82E*\xc9}b\xc3xV\xafoL\xa3qV\xd9\x95r\xc4y]J(\x18\xa8~l\xb3hH\xd0\x85j9)\x1eu&lt;&amp;\xact\\\xd9\xc4\xba\xcb\x7fi\xc4\xa9\x9e\xf2\xee\xeb\xb7|^,\'$\xe4\x9ey\xea\xa7\x82\xb7kP\xe5\xd7\xd1RLF\xd3\x89ah*\x13mhd\xcd\xb3\xa8\xbf\xbc\xba\xd9\x8ff\xb0\x8ay\xbe\x94\x82\xbd\x82l\xa1[:\xe8\xdf\xda\xa5\x9f\x9c\x91\x8a\x85wql\x8eN=\x84G7\xa1tap7\x1f\xd9\xb1\x9cZVQ\x99\x95\x90\x9anY\xcc\x83\\\xbbk_\xd5\xbb\xae\xb3eU\xd4\x8bo\xaf\xab\xa7\xbd\x9d\x8f\xd7\x91xFB&lt;\x96RD\x85ZM\x83\x7f{\x96gTT&amp;\x15\xcf\xa7\x94\xc3rg\xdd\xcb\xc3\xa0]Od_[\xb4\xb2\xaf\xc8\x9c\x85\xa4bTA;6\xf1\xe6\xe2\xc1\x8fw\xa6Y=\xab\x94\x8atTH\x94ul\xa2\x80u\xc52\xd2O\x00\x00 \x00IDATx\xda\xec\x98_LSi\x1a\xc6=\x9c\x7f\x13s\xceA\xbb4\xeb1\x91C6.z$\xcb"F\x8c\x11\xd7\xc6a\x025\xa1\x90\x80\t \x7f\xb4\xe3\xb0PYD6\x88\x88\x85\x86\xb0dU:d\x88#\xd8\x98\xc1\x08\x87\xc9T3#\x1a\x13C\x8c\xce\xcd\xf6\xa6\xa6\xe9\x85\xa6\xf4bB\xe3\r\x91\xa4\xf1\x06\x12\x92\xbd\xd9\xe7\xfdN\x9dL\xf6\x96\xa2{\xb1_l{8\xb1=\xbf&gt;\xef\xf3&gt;\xefw\xbam\xdb\xff\xd7\'Z\xf2\xff\x0c\x88,\xff\xf7\xb1\xfc\xa9\x95\x91\xd9\xda&amp;w\xe4\xed\xba\xd0\xdd]v\xa1\xbb,\xf7B\xd91G\x87\xfc)Ub\xcb\xd1\xd5\xdd\x18O\xa4c\xd1\xe8r,\x89\x15K\xa6\xd6\x1b\x0f8:\x9c\xceO\xc0v\\v:vtwv\xce\xae\xa7b\xcb\xd1Uk\xc6e\x9a\xae\x99\x17/f\xbc33V4\x99Xo\xec\xcasT|\\2Yv:\xb7w&amp;\xd2KK\xc9\xe5\xd5\r\xcb\x0b\x14\xaf\xcb\x0b2\xb7\xdb\xe5r\xbb\xc1\xb7\xba\x96\\Zi\xdcy\xc0)\x1f\xffx\x06\x97?;\xd6\xb5\x82\xaa\xadE-\x10\xcd\x10\x16\t\xe5VDQ1g\xf0\xaah\xfe\x88\x15M\'fwU\xc8\x1f\x05\xaa\xc2\xe1\x84V]\xb3\xa9\xa8\xb5jY^\x13\xf2x]\xa6\x8b\xd5\xcf-J\x92$jnMQUQ\xd5\xbc\xabkK+\x17&gt;\x86\xfb\x9dy\xb9]\x15N\xa7\xa3qi\xd9\xb2^\xb8hyg\xbc\xa6\x06_\xb9\xdc.S\xa4\xa5*\xc0\xc2\x8b\xaaj\x91\xd5h2\x9e\xb7\xe5\\\xb2\xa3\xac\xb1{{\xc7\xf6\xfc\x955r\x94\xd7\xae\x9eKS4MC\xe1\xf0\x8f\xf4\x92\x0c\x9d\xe7\r\x1c\x11\xa1\x19M\xe4ou\x8e\xc9;\xe2\xb3\x9d\x07\xb6\xff\xb1si\xc3fr\xd1\x8b[s\xbbQ6EQ5\x95\xe7\xb0x,*\'[\x1e+uL\xdeR.\xf9\xcf\xb3\x89x\xe7\x8e\xfc\xceD\xd4oR \x98&amp;\xbaO\xd3L\x97\x1bV\xd2T*\x1c\x91\xe8 2$Cd\x7f\xe9\x9eHz\xa7s\x0b\xc1\xe4\x8a\xee\xf5T|\xc7?w\xc6\xd7\xe0&amp;E1\xfdxQ=\x9a\xcb\xad\xa1\x03\x15Q\x12M\xaf\xe5\x85pTI\xe8\x85\x93\xc4\xe5\x11\xfd\xb1Y\xc7\x16q!\x18\x9c\xf9\xf1\x95d:\x1e_I[\xa2\xa2\x91oL\xb0\xb0gUQ\r^RM\xaf\x97N\xa1\x92\x02\'\x89L-&lt;tQ[\x8e;\x9c[\x15\xa0\x8e\xebK1\xcb\x8a!\xd4\xfd\xbc\x07(\x00SyI!I4ZL\x1b\x89\x13\x04\x01\x0f\x88\xa5(\x06=\x91\x92\xe0\xca\xdb\x02\xbd\x08j\xfb\x85T2f\xf9\xad\x88?\xa2p\x12\xd4\x90\xe0k\x9e9ICn\xcdx\xdd*\xce\xf0\x10\x8a\'\xe3\xf3\xaa\xa6\x18@\xd2\x88[UVS\xb9\xd9\xd7K\xeep\xec\xba\x1eO%\xa3~\x9d\xcc\xcd\x0bB\x8e@\x8b\xe3\xc0!i\xac!]\xf0&lt;Q\xd1Y\xe8\xc5\xab\xaad\xa8\x9a\x89\xf4PD\xd8?\x12ktf\x1f\xeb@\xe3\xcaz,\xa2\xa2$\xaa\xa9\xe6\xfc\xba\x84\x9c\x1c^1)V)\xdbE\x83\xc3\t\x81E\x84$q\x1c%&gt;\xd4r\xa1?\x90\x1e\xcb\xb3\xd9\x9e\xdc\xd8-\xac\xa7\x92\x11|6\xe2@\xd3s~\xb38d)\xb9\x1f^\xa7#\nQ\x95:\x91c\xf6\xd2h\x0c\x01\xda\x84\x94\xdaZYV\xfd\x05\xbf\x1f\x98]Z\x8e\xe0;+\xf8|] \x99\xa8Z\x84\x85\x8eC\xb1\x18\x0b"#\xe27\xdd\x14\xf5\xcc]&lt;\xceK\x06\xaf\xbaAM\x95\xf4/\xed\xca\xa2^\xf0{\xc7\xf5\xf4\xaa\x89\xd1\x02=T\x8eQQ\x8f\xf1$\x16\xcfS\xe7\xe5\x80R\xf2h\xa6\xdf\xaf\xc1\xf8&lt;\xcf2\x825\x80 in\x1aN\xd0M\xb1\x12y\xce\xeci\xd5\xe1\xc8]\xb2LQB\x88+*\xcf\xdcC\xf5QpH\xf6&amp;\xd5\x04\xde\x80V~\xa22X#\x12\x15\xc7\xd1\x17\x80Xd0\xfc\x7f\xcd\x1f\x8d;\xe4\xacU\xf0\xb3\xdcD\x143\x86BA\xe4q9\xf4\xbb\x82\x83\xdf,\xce0\xd4y8\xc8\xc5\xb08\xce\x0e/\xd6\x13\x06\x11\xa1\x19Tr\xa5\xb9\xd6\x99\x1d{\xc9\xf2\xf6c\x17V\x96-SQ\x91T\xa2\xc4\xa8@GW$\x9d\xf0\xb7a\x18aZxU1\x9021/d\xa8T\xda|\x19\x12\x15\x1d+\x92\xe8\xc8\n\x97,\x97\xc5\x13k\x11\xba\x1a\xc2\x11\x01`\x8f\x16\xba"\x8f2\t\xc6\xfc\xf4\xdc@0\x18\x1c\x98\x9b\x9b\x9e\x9b\x9ew\xbbh&amp;\x1a\x8c\x8b\x95VUA\x8b\xf7\xf0\xc0#kfI.Y&gt;\x96\x8am\xf8i\xb0P\xeb\xa3\xc9\x04;\xaer\x90L\xb8\xe2t0t{||d\xe4\xf6\xfdP(\xf4~\x11x\xf3a\x8cG2=d\x14)ayP\n\x12"\x0f\xe6\xc4\xd8.\xcb\x92\xb5f\xa3\xe8nI\xa7M\x01&gt;\x9b\xcf\xa4\xa8@\t\x15\x9e^\x1c\xaf?\xd8\x7f\xb0\xa0\xb0\xff\xe8\xd1\'\xf7\xee\x8e\xdf\x0f\xbd\x0f\xce\xcd\x1b,N\r\xd1 \xd9p$\xb0\xc9Mo\x10U+\x95\x9f\r\xbddywR\x15\xb1\xdb\xa4\x89\xc3\xab"\xf7!\xdf\x91\x96\xa0\x1a\xe9\xff\xa2\xb7\xb7w\xef\x9e\xf6\x1bX\xfduD\xf6&gt;8-\xb2!\x94i\x07\x8e&amp;\x15\x87\xefEr+\xe8\xc6\x8e\xac\xdc\x10\xeeNk"|N&lt;\x98\xcc\xb6\x93\x99\xd7\x89\xea\xe0\x9e3\xa5\xa5%%\xa5\xbdc\xedcc\xed\x05\xcd=O\xee\xbd\xbc\xbf8\x17\xe6\x85\x0c\xbd`\x17]\xe0\xa9\x924\x83"\xe9]\xd9P\xcb\xb9;\xe5\x17\xc9\xde\xc8N\xd2,\x83ET\xc1\xfb\xcd\xbd\x0f\x7f\xfc\xf6\xdb?,\xb4\r\r\xf7\xd2\x1a\xbb\x01\xb0\xbb\xbf\x84\x82\xd3\xcc\xf66\x95`\x0fJJVMW\xb4\xd5x\x16\xee\x86\xc8\xf3~\xc5\x10\xd87&amp;\xf3f\xa2\x81\x13\xe1\xf6\xba\xb1\x87\x81\xcb\r\r\x97\x03\xe5}\xcf\x87\x86\x87\x1f&gt;\xfcz\xac\xbd\xbd\xb9\xa7\xee.\x13\x8c\x15\xd2\xa6"qs0\xba5\x04\x85?\xd9\xb5yw\x1d\x97s\x93~\x85\xa9\xc4\n\x91\xa9\x0c\x92!\x18\xba\xdb^\x12h\xf0\xf9|\x13\x13\x13\x95W\xfb\x86\xda\xfa\xfa\x86\x86\xbe\xee}\xd3~\xa3\xf9\xc9/\xef\x89\xcbv\x18\x9b\xe8\x12\x97\xc3B\x02\x1b\xa3\x8d\xf5,d\xbd\xbc3\xe6\x17\xc5\x0f\x1b\xa9_c\x1dT-\x85g\x02\x13\xc5\xc5\x83\xc5\xc5\xc5\xbe\xda\xd6\xabW\x03\xe5\xe5\x01\xd0\r\x0f\x03\xac\xe7eh.lpv\xe0S\x06\xa3\x1d\xb1\x05\xa3;\x0f\xc5Jwo~d\xcb\xb9\xcb\xd8\x13\xd0\xc7g\xaeA\xd3\xce\x08\x0f\x84\xee\x15\xf6\xb6=&amp;\xac\x07\x0f\x06}\x13M\xe5\x81\xc7M\r\x19.x\xac\xe7.qQ@\xf0@\xa1\xf8\xe2iC\xcbI\x86\x12I_\xdf\xbc\xbb\x9c\xb3\x1b\n\xa8\xec\xad\x8a\xbd\'\xe6\x8d\xf0\xdchK\x7f\xfb\xc3\xab\x95\x13\x83\xa0z0X\xeck\xb8\xfc\xb8\xf22\xe4\n\xa0\x90C\xc3\xff~\x93\xd1\x8bbU\xa2\xb7\t\xb4\xc5\xa6\x8c\x15\x153\xb6y,\xd9\xb9b\x11\x16+"\x8bo\x9a\x81\x14X\x05c\xcf[\x9f\x92V\x8ck\xa2\xa1\xa9\xa1\xa1\x01\x9a\xf5\xc1\xfdC\xa8c\xf3\x93\x97\xa1\xe0&lt;3\xbe\x1d\x15x7g\xef=\xb2`.\xb9#\xe5W3=E;;C\x0cc\x0c\x06\xc7\x8f\x16\x8c=\\\x08T\xfa\x06\x1f\x90^\x90\xeb\x08\xa0\x9a*\xcb\xaf\x92\xef\x87I\xaef\xd6\x90\xf3\xf6\x80\xa4m?\x1b\xa7\xbc\xeeQ"\xa9M\xff0!W,\xf9U;\x15\xd8\xec\x15\xe7\xe7\x82\x8b\xa1\xf1\xfa\xa2=\xa5\x0b\x81\xf2\xcaZ_1[\xbf\xf7\xd5\x82\xaa\xbc\x1cX\xcf\x87\xb1\xde\xbcaA\xf12\x04\xb0p\x98\xfd4\xa1\x93\x15x]\xd7=Zr\xd3\xf7\xff\xb2#\xedg\t\xcf\xe4\xc2\xfex`r\xa4\xa5\xa5\xfa\xd1\xde\xd26\x86U\\SS\xc3\xb8j\x89\xaa5\xb0\xc0Z\x11T7\x90\xacuO\xee\xbe\xc40\xc2\x98$\xcf\x93`\xba\xc7\x83\xbb\xb4\xb5\x1d\x9b\xc6"\xb527\x15\xc8\x05\xd5\xfd\x8f\x91\xfa\xea\xc2GgJK\x08\xeb\xe9\x9d\x9a\x93l\xd5L\xdd\xac\xad\xa5"\x96\x7f\x88\x08\xc2\xea\xe9y\x02\xc5\xee\x87F\x17iL\xb2\xb1\r.\xd5\x93\x05,\xb2|f@s\xba\xe2\x9e\x9bl\xa9&gt;\x07\xaaR\xa8\xd5\xfa\xb4v\xaa\xe6\xe4\xa5K\x97\xc0555\xf5\xf6&amp;\xd0j)X\x19Vs3\xb8\xea\xa0\xd8\xbd\x91\xdb\x93\x8b\xd3a\x89-`)\x9e\xe5\xcd\xdf\x03\xc9\xb3\x1b\xaaN\x03Q\xa0\xfb\n\xf7\xc0d\xfd\xa9G{\t\x0b\x86\x7fz\xd3\xc6\x02W\xcd\xabW\xaf\x18\xd8\xd3Vr\x17E=a\xf5\xf4c[\xd122&gt;\xf9\xd3t\xd8\x90\xf8\x0c\xd6j\xe3\xa6\xf3T\xbe\xbe\xa1\xe8\x1c\x0b.lM\xe6\x83\x93\xf5E\xfbP\xc2\x92\x92\x85\xf2\xa6\xda\x9bS\'O&gt;{\xf6\x8cqQ%\xdf\xbe\xbd\t\xb9\x90\x10\xd8Q\xdc(h\xee\'\xae\xba\xfa\x96\x96\x96\xf1\xd1\x01\xf8K"\xc3\xc3]\x91\x95\xcdcu\xae\x9a\x1e4\xb7D7\xa4\x989\xb7o\x15\xed+mk+i\x0b\x94\xd7\xde\x99\x82V\x0c\xeb\x92m0\xaa\xe4\xd3Vt\xe3P\xef\x9e/\x8a\n\n\x01\xd6\x7f\xb4\xae\xaa\xaa\xea\xe2\xed\x9f\xa6U\xa2",\xddZ\xcf\x02VT\xf3`\x0fGY\xc8\x8b\xd3\xa3\x17O\x1d\xfe\xb2\xa4\xad\xad\xed\xc7\xbf7\xf8\xd0\x86\x97\xde\xd9b\xd9\xc6\xaf\xb9\x832V\xb6\xf6\xf5\xb5\x9d\xd9w\xa2\x08\\\x07\xb1m\xad\xaf\xaa:[uet@\x113XY)b\xee\xb2\x02,\x9duR8x\xbb\xfa\xc4\xa1/K\xae]\xdb\x7f\xfa\xf2\x11\x1f\r\xc4w\xef\xdeQ\tkj\xd8\xd3\x1dj\xc8\xf2\x85\x85\xb6\xd2}\x8fN\x14\x15\x16\x9e:x\xb4\x0eX\xb7nUM\xa2\x8a\xa2\r\xa6[\xf1\xcd\xcf\xea\xfc\x98B\x1fF\xfe\x92\xdc\xdf}\x7f\xee0\xb0\xf6\x9f&gt;\x7f\xfe_\x9f\x7f&gt;\xe1\xfb0{\x8a}&gt;{+\xe1kh\n\\\xbbVZz\xe8\xf0\x89o\xce\x9d\xaa\xae\xae\xfeS=\xc3:{e\xd1\x9d\xc1\xd2\xf5,xk[^\x1aE\xb4\xb1\x8c\xb9+\xe7\xbe9|\xe8\xab\xbf\x9d&gt;\xbf\xff\xe7\x9fA\xf6\xfa\xf5\xeb\xc1\xd7\xafi\xcbud\x02Dx\x1c\xf9\xdd\xe9\xaf\xfe\xf2\xd7\xef\xcfb\xfd\xf0\xc3\xd9\x8b\x17At\x8b\xb0n]\x1c\x9dV\xe8\xd70]\x97&lt;\xfe\xc4\xe6\xb7\x10\x8e\x04a\xd1-\x82d\x0c\xfc\x87U\xf3\xffIk?\xe3\xf8]\x96\xcd{\x17o\x7fq\xadi6\xb3\x03u\xd0\x06\xeb\xa5\xe2I\xaf\x89\x85\xc6V\x8e\x12\xa9p\xa5\xd6(\x1e@\nl\xdd\x9a\xa3\xf8\x85/\xf5*\x10\x90\x0c\x14\x01-\x8ap\x9d:+\xbaJU\x10#\x8a_jo\x8atz7nn\xb7\xbb\xb6\xb4\x89\xe9\x9aui\xda\xe56\xf7\x87\xa6\xeb\xb2\xe7\xd0?a\xe7\xe1G\x7f\xe0\x95\xf7\xe7\xf9&lt;\xcf\xfb\xfd\x11\xb3\x07E\x955\xc7\xb7k&amp;\xa1^\xbe|9\xf9b\xf2%\xf0u\x81G\x1dlh/o\x18\xec\xeaV\xda\xe5z\xaf\x8d,\xeb\xf8\xb8\xd5\xea%\xe4\xd0\xf2\xf2a\xb9w:\xf7\xe3\xa3\xefg\x17\x15X\x87\xffp\xe3hV\xae\xa3?\xfaxa\xce\xc3EU55\x93sf\xb9\xd9\x1c\x08\xc0\xf7z\xcd\xeeI\x95\xf8\xf8e\xc0*7\x15\x15\x1dW\n\x80\xcaj[X0\x18\x0c\x03\x0bPV\x1f\x01Xr\xb9~s&amp;\xfb\xda\x0bu\xf7{\n|\xe0o\xbf"/5\xa8\x7f\xa1z\xdc\xce\xe5\x96\xd6\xab\xdc\xfa@\x80d\xca*\xa2\x97\x874\xa5\xe2\x8b]\x83\x83\xb0xV\x9ax\xc3U\x04a\xe9\xd7\x13\x84^\xef\x1b\xb7-\x0c\x0c\xacy\t3`\x11\xb6j2\xcd\x92y\x93\x82\x9b\xf8\xc1\x07?\xf9\xdb\xe7Y\xb5.\xe4\x9e\rh\xb8\x93\xa5\xa5n \n\xe8\xdf\xbdx\x01\xcdc\xb1\x10\xc3!\xbbB\xc9\xcf\x1b\x1c4\xc16\xacd\xc0\xf4\x94\x94\t&lt;J\x15\x87\xc3\x13\x12 \xdc\x1ay\x90$\xd6h\xee{\xac\xa3O(\x08\x1999\xbfyr!\xebG\x0e\xb5\x044\xd0R$\x95~n\xf2\xd1\xf6\xf6v\r*(\x93H&amp;$:V\xd3J\xa3\x08\xef\x01S\x1a\xb4X\xaa$\x92a\x81\xa7\x14e\xf2x\x82a\x02$\x83s4\xbf\xc7\xfa\x059\x98/|EE\xb2\xce\xf9\xe9\xb7\x9fg\xb1N\xb4\x04\xec\xdcI\xbbo\xdc\xab\x97kj\xae\xd6\xd4s\xedU\xfdS\xfd`)N\xea\x90Y\xec\xe0\x00\xbf\x1f\xcdLM\xf5\xf7{\xc7\xbc\x01\xbd\x9e\xa8\n\t\x04\x02a\x15\xb4\x9aWo6\xebmgs!c\xfc\xf8\x07G\xef~K\xc5sx\xce\xf9\xefo@w\xe5f\xb14\x9a9\x9f^\xee\xe6r&lt;\xf6\x909`\x85\xd6y5f\x91\x9c,\x93j\xb1\xbd\xf4AOtjl\n\x8c\x8cu|\xf3_-g\r6\xafe\x98\xe4\xf2\x01\x16\xa9V\xb6\xe7\x7f\x98\xfb\xe4/\xe7)y\x86\xf8\xdd\x9f.@g\x9d8\xf1\xfb\x80[\xa3\xb1\xdb\xed\\%*l\xf6\xd9Zn\xdc\x9d\x99YX[\xf3IN\xe9t\xdaX:\xbd\x87K\x01kl\xcd\xf6\xee]\xcb\xdd\xea\x99\x99\xeaQ\x83\xd5"\x14V\x11\x16\xc2l&amp;\xac\xd3\xd53\xb9`o\xd7\xfe\xfb\xeb\xc3\x94`\xfd\xf2\xef\x87\xc8\x97\xd1\x13\x06o\xc8\xae\xe1\xa2h=Z\xe5]0lV\x1f:qh&amp;\xa0_\x1b\x03,i\xefA8\x99\x8e\xdd\xcf\x90X\xe3\xef\xde\x8do\xc2\x800\x8c\xce\x8c\xc2n\x17J\x9a\t3l\xc5\xe9\xd1\xd1\xd1?\x8e\xbe\x92&lt;\xfa\xf3\'T\xfc\xb38\xe7\xcd\x7f|\xd3\x87\x00k3\x10\x02*\xb8a\x92\xb1\x81i\xc3\xf8B\xcb\xa6a \xa0\xf7\x12B\x9d\xb4\x0f\xdfK\xee\x86\x0fz\xea\xa6\xa0\xb9\x08\xb7\xe6\xc5\x9c\xde\xe7\xf3y\xadk\x03\xaf,Ud\xc9\x89q\xc3\xb4\xc10=6\x81&lt;\xf8\xfa\r\x15\xbd\xf5\xd1\xedk\xf3:\xdb\xd9\x96\xb3\x9b\x01\xb7\x87\xa3\x84{\xdf&lt;\xe5#\xe4s/`D47OH\x84\xa7t\xeaNgzw7\xbc\xd7\xe9\xd8\x02\xac\xe6\x90}\xb2\xd4\xe3!\x97b\x95\xa5\x1f\xca\xd2\x0c\x03\xd5;0`\xb3N\x05\xa5\x8e\xd6\xf5/(\xc0:|\xef\x9b\xdeN\x13\x0b\x8emAo\xf7\x80V0\x9a\x84\xa8\x18\xe6\xc3\xb6J\xf1\x10\xa6\x03\x83\xa1\xee\x89\xed\x85\x01+\x8d\xf5\xd5e2[\x80*)\xd3\xe9te\xa4\x03\x84\x82\x99\x01Xz\xe8BK\x1dx\xd6\xe0:\x15j\x9d\x7f\xfa\xd6\xe1jhX\xf4-\xd8\xccvT\xc9\x04\x1b\x85\xb0\x16\x99Je\xe1"\xe3\xe1\x04\xc4\xd8\xbe\xbe^\xfc \x9d\xdc\xdd\x85\xe6\xd2J\xeb\xb6\x82\xadR]\xd9Dp\xab\xbf\x9f\x9c\x16\x16HJ\xcd\x805g\xb6Z\xabN2X\x8chf\xfd\xb33\x14`=~\xfbv&gt;B+WXmr\x05\xa7\xa9\xb0\xa0\x12\x8a\x85 R\xa9N\x87,\xba\\=\xbd=\xb8so5I\x1e"\xaeE\xa4\xd1h\xabC\r\xac\xea\x07`\x02[a\xdcV\xc1\xdc\x1f\x1e\x9e\x93\xfb|\xa7\x90J\x04\x89\xee\xaf\x7fI\x8dZ\xf3\x91\xf8\xa5\xc6!\xc2\xeb\xe6*g\x9b\n\n\xb4Z-S\xab\x85ov\xcd\xcbR\xa9\xce\x84\x11&lt;}8\x8bel\xaa\x84\xdc\xda\xaa\xee\xd3\xba\\\xf3.W\x1fxz\x84!,\x93\x94\tC\xa1\x10A\x08x\x05:\x12\xeb3\n^\xb8\x0e\x7f\xf7\x8fT\xc3NC9_@h8\x1d\x1d\x85\xda&amp;\xd9\x12\x9dn2\xa5\xa0"\x91x&lt;\x95\xc0\x0e\xf6\xdaH\xac\xe4\x1e&gt;\xafU3\xa4\x0e\xb5\xd65\x0f\xe5z\x0blMp\xea\xa4\x1f\x0c\xb9\xe5\xc3\x8a\x82J\xa4\xb2u\xff\xd1\xa7T`\xddkOa"\xcc\xc4W\x08\xd1\x8e\x95\x15\xf6,\x1d"\x8fS\x14\x8f\xc7c\xf1\xe5\x9d+\x98\xd1(\xf2W\xac\x86\x930 \xd21\x99V-\x95\x82\x8a\x00\x1c\x89\xa4\x12\x9d\t\x99\xac\xa4\x90\xa7\x80-\xe4v\x87B\x8a\xb2(\xab\x12\xd9\x7f\xf4s*\xde\x03\xff\xfaM*.\x12-\xb1Q\x05g\x88O\xa7\xe7\xd1F\xfc\x90q\xfc\xcb\xcb\xfe\x9d\x8d\x8de\x0c\xc7c#m\xab\xe1\xf7-\xcff\xb2\x18:\x87+\x85\xc5\xe3\xcb\xcbq K\xc9\xd8%\x85(p\xd9\x81\xebT&amp;\xd3\x8a\xb0\xa2\xeb\x9fR\x83\x15\xf7\xc7Rj\xb5\xd2\xc3\x19\xa2\x977\xd2\xc8\xe0\xb5\xf1\xbev\xfc\xcbq\xdc\x88U\x00\x16p%\xd3N6\xb3\x90\xadu\xf4-\x81\x8e;;\xcb1,bZZa+\x99\xa0\x97\x1d\xb8\x9a\xf7\xf7\xb7\xa2\x0c\xc6\xd7\x9f\x9c\xa1\x00\xeb\xde\xcd\r?\xde+\x952Q\x15\xbf\xe8\x92\x936\x02\x11g\xe3\x19\xd4\xc6\xce2T$2\x12\x0e\xaf\xae&amp;I\xac\x03\x19\xb3D\xd48\xeb\xd0F@\xc8\x9de\x11\x84\xec\xa5\x95!%\x8a\xa2\n\xd8\xa5\xee\x89\xfd\xfd\xfdL\x90\xf1\xcf\x0f\xff\xff\x8b\x08j=\xdf\xc0\x12o\xd5%b\x8e\x8a\x9fG\xcb\xcf\x87\x84_\xf1\xac\r\x92\x18\x89\x15\x8f\x97\xfb\xc3I\xc0Z\xdd}\x9cl\xf3/5\xc9D"\xbcO\xea\xea\xda\x81\xbfB\xf6\x8f\x99\x96\x86\xc4d\x0e\xe2j4\x9a\x93\x19\xe0\xdao\xbds\x9e\n\xac7\xbb\xfeT\x8f\xab\xfd\xe69\x95\xea\xe21\x1a-\xbf\xb8\x96\xa4Z}N\xaa\x15\xc7"\xa7\xe1\x00\x01\xeby2\xb9Z\xe17\x95\xc8\xca\xcb\xcb]\xad\xad\xc0EBc\x18\xc6\xef\x16+I,\xae\x86\xcb\xc8\xec\xbfz\xb5\x1f\xbdC\x89\xb1y\xb3\xebL\xf4^\xbfv\x93&amp;\xae\x07\xac#\xb4\xe2Z\xf2\x04\xdb\x9e?\xcbRu\x15\xaff_Gj\xdb\xc8T\x9d\xd7\xddM\xa7\xd3\x9b\x82A\xa9+\x02T1\x0c\'\xd5RqP\x12\x0b=\x95\xc5z@\t\xd6\x07o\x1e\x1f\x00V\xf1\xb5\xfc\xe3\xf5W\xf3.\x1d\x01\xb5j76\xb2\xad\x15\xc7\x8c\x11\xd1\x15\xff\x15\x99\xac\x01\xf2kq~\xfe\x91\xbcn&amp;\xc2*\x94n\x05\xeb\x1c\xf3\x11\x90\n7\xca\xd8C\xe2\x0e\x0e\xca%\xb1\xea\xa0\xb52Q\xf4\xce\x87T\xa8\xf5\xe5\xe3t\xac7\x11\xaf-\xbeX/\xa6\x03\x17\xad\xd8\xef\xf7o\xf8\xe1\x12\xc6\xf0\x94\xc8/\x8a\xb8\xa2Q\x96\xf8\xf8\xb9sEE\x17K\x90\x89L&amp;\x18\x0c\xc2\x02\xea\x9b7\x9apc\'\x9b\xcd\xee\xe8Pr\x00\x8b\xcb\x0c\xee\x07Y\x88T@\x89Zg\x00+\x1ds\x1e4\xd2.\x96\xaa\x86\xe8yy\xc7hWD"\x11\xd978\xec\x9deQJ\x1d\xd5\xbd.\xe1\xd4\x88U*\x9e\x0eV\xf4\x16@\xc1\xa4W\xf7\xf5v\x1a\x8d\t\xf6\xec\xacR\xc9\xe1@\xc7s\x99u\xc1\xca!V\xd4\xfe\x94\x92\xdf\xc0}\xf4\xb8\xd1\xb9\x17N\xe3=\xfc\xd2R1\x9f^\x94w\x84&amp;\x12\xc1\x01EL\x9d\t\xdc\xe9tb)\xd9\xad\xeb]\x97\xaf*Y\'\xebH\xa8\x89\xbaV)\xa2\xbe\xdf\xa7V\xf7tv&amp;z\x0b\x99\x1c&amp;\x8az\x00\x8b\xe7@:\x94\xba\xbaG\xf7(1\xcd?{z:V\x1b\x86=\xbcR_\xaa\xea\x06\xac\xd3\xa7E\x8d\x98\x11\xc3\x8c\t8C\xbf3\x161\xb5\xb7\xb7w]\xeenb\x91b5O\x90TY\x0f\x01\\\x89\xd9B&amp;\xca\x83\xb9\xa5\xd1(\x1cHA!K\xbax\x87\x1a\xcf|\xf8\xbb\x9b\x15\x15m\xc0\xd5(&amp;\xb1\xe8E\xc7\x8e\xc1"L\xe08\xb9\r\x01+\xde~\xfd\x16\xbb\xbb\xbb\x9b]R\xb2\xc8\x98h\x9e \x9d!\x82 \x00\x86h\x13\x89^&amp;\xe4E\x94\x07X\x88\x03\x1c\x91Z\xbdN\x89X\xe4\xe0\xfa\xf7j\xb8\xa2"\xbd\xe7\xe4\xd7+\x87\xf8|z^#n\x84\x0f\x8eA\x8b\xc1\xd6\xc6nu\xab\x16_\xabJ\xc8Z\x04\xbb:\xd1l!\xb3\x10\x03\x01\x8a\x9e\xce\xde\x82\x02\x1e\x8f\xc7Up\xb9\x02G\x01\x82Tn\xdf\xa6\xe8W\x9f9\xbf\xba\xbd\x1aN\x8f\x8c\xecU\x9c\xab\xaf\xef\x80m\x9dW\x8eC\xbb\x03\x15\xb6d*o\xc4\xae\x97\xa8&lt;\x02\xcfk\x97\xabD&amp;s=x\xf8?^\xce6\xa6\xc9\xf5\x8c\xe3|+\xba\x0f[,\xc5e\xb3K\xa1\x1dm\x84J_\xd7SF[\x18\xd0i\xd3\x06;i)\xf4(\xd4\xd2\xf1\xb2U\xc7\x8b\r\x9c\x12\'oCr\x10Z\xb1\x9c\xa3LFe9\xc0fJ\xcfY&amp;\xc9\xc8\x08X\xf9b\x96\xb0\x00c\'@\xc8\x98\x90\x83\x81\x10\x94Dr\x9c\x1e\xf7\xbf\x9e\x9a}\\\xb23\x1e/h\xe0\x03\x1f~\xf9_\xd7\xfd\xbf\xaf\xfb~\xae\x87\xa1\xa1\xeent\xcd\x08\x13\xbf\xe0\x97W\xae2X\x06\xbd\xfe\xaby\xf1\xa8\xf3W\xd38\xf6\x1c\xd6\x88\xc6{k\xb5\xb5\x855?\xaa\xed5{\xac\xc0\xca\xce&amp;C\xba\xf0\xc7\xd2+\xb2\xb2\xb2O\x8d2\xb1\'\x1a&lt;\x08\xd5G"\x91\xd0\xe6\xbf\xb6\x97\x97Wn-SK\xdaz\xda$\xa8\x03\x96!=\xdd\xa0V\x85\xb7\x96\xe6\x16g_\xced\x1e\xda\x9c\r\x87\xb3\xb4W[\xfb\xe7\xda\xc2\xd9\t`\xa1\xb8JK/ ~|\xcd)r:e\xa9\xf5\x11T|\xfd\x13\x8a\xcd\x1eP-/G\xa3\xe9\xa6[8\x85\x15I\xf9W\xae\x8a\xc4\x0c\xd6\xfa\\~\xe2\xd2\xe3/\xab\x0eo\x9eX\x87\xedz\xedim\xed\xefc\xf3\x90+5#\xbb\xb4\x149\xbc\xf0\x81S\x90\xeeV\x84\x1c\x0e_}\xe4`\x7f\x7f{\x7f\xbfg{ee\xe8\xd7CC+++E\xe7q.\xb3\xc8\xa1\x96H\x9d\x86\x95\xa8Z}\xceL\x8c\xeb\x0eq\xca\x19\\_\xce\xac\xad=\xce\x9c\x83\\p.\xc8\x85\xaa\xbf"2\x88=\xd6H\x99"J\x12\xad0\x01\xdfB0\xf3\x107.\xbb\x0c\x06\xd9\x07WE\x06\xb9AiW\xcd/\x11\xd2a\x8f^\xeb8\x89\xf9\x1c\xce\xf3I\xc2JMe\xf4\xba&amp;K7\xe1\xac\xb5\xb22\xb22\xb2\xb3\xbc\xbb\xbe\xbd}0\xbd\xbf\xbdz\xb0\xbd?t\xef\xc6\xef&gt;\xbe\xa9w\x8b\x1a\xae]q\xa2gV\x03k\xeb\x11\x1b\xd3\xe0\xba\x04\x8e\x0e56o\xb6J\x8c\x0cViv\xf6\x83\xa8\x89\x0e\x8f;o\xd6\xdflM\xc66\x16\x16\xf7\xd6^,\xac-\xcc\xbf\xdciloo\x8db3|pM\xc6\x17\x1b\xd2\x95\xc0\x8aU%\xb0\x12\x84\xf5\x93-\xb3\xd9+\xc9\xa0\xa2\x07\x97Q\xe1Q\x977\xee|\x15\x8b\xc56\xe6ff\xd6^ll\xac\xedm\xbc\x98_\xd8-/_\x8e*\x9ae\xb2\x07\x0fD|q\x81\x01X\xeb\x1b\xacM\xea\xeat\xbc\xd8\x04\xe4\xb2a1f\x0b\x8b\xc1e\xb45\x87wV\xe7\xe7\x17\xf6b33s/\xd6\xd6\xf6&amp;\'\'\xc2\x07\xdb\xcb\xdbQ\x91\xcc\x88\xe6aT,\xe6\x1b\xc4J\xbb}\xb2:\x81\xb5\xe0p6V\xcd^/\xb822\xb2\x8b\x85\xd9\xb4=\x86\x0e\xf6\x0f\x0e\xa6\x17\'\xb7\xf6\x16\x16_\xbe\\\xa4%ITb\x85\xb1\xb9\xa1\x01\x1b\xa2\x98\xcf\x07\x15*\x9eM\xac\xea\xc98\x166l\xa1PH=a\xaf/\xb4\xb9\xf9\xe4\xd9\xc3\x87\xcf\x9el\xc6\xbd\x0bbE\xa3\xeef\x89\x0cT"\x91\x98\xafd\xb0N$\xb0\xc8\xf5\x1ej\xde\xea\xa5\xc5\x98\xc1\xe5\x16S\xa3Z\xe8\xaf\xf1m&gt;\xf1?}\xfa\xf0\x19\x05Yj4*\x16+\x9a\xfb\x14N1\x1f_\x94B\x95\xea\xd5#\xf6\xa8t\x1c\xde\xd6:\x15}j*\xdcK\x18o\xa0\xfd~\x7fo\xfd\x13\x86\x89\x14\xdb\xec\xa9\x13\x8b\xdd\n\xabU\xe1\x86R\xfc\x02\xbe\xd2\r\xaa\xdd\xadD6\xd5\xe2\xcd\xadC.\xf2\x08\xec\xd8B\x8d0\xa5\xf0T\xe1\xa9S\xfe\x1aG\xfd&amp;\xa2~\xf3~OO]\x1d\xa0\xd0\xe58\x9dTX\x065zS`\xb1\xe5\x0fo\xb1fV\xed\x0c\x97Q"\xc9@\xe3\x95L\x8f\xf5{kz{\x1d\xb4SG\x14\xce:\xb1\x13\xbdW\x9f\x0cPTW\x06,C\x9c/\xb0#\xf2\xd8\xc4\xe2&lt;\x9eT\xd9\xcd0\t\x84\rU\xaf\xa9\xa99N\xb3\x19&gt;_\xa8\x99\x1e\xd8!B6#\xeaJ$r\x13\x96Z\xcdP\x85w\x87\xd9|\xf3A\xc791o\'\xb9\xbc\x84\x85\xd5X\x9c\x9c\x9cR\x93\xac\xc1v\x1d\x8aD\x9a\xcb\x9a#!\xa2\x92A,\xa8%\xa6P"\x85*\xfd:\x8b\xb6\xc5\xdc\xef\xc6\xd6\x89\x8b\xb0\xbc6\xa1\xa6\xb8\xb8\xb8\xf4\xecY\x8d\x10]\x04Zg\x84\xcd\x16a\xda\xe7Q\xc2R\xab\xdfRU\xae?f\x17\x8b7\x03\xac\t+\xccK\xe2\x95pS\x92q\xda(-\xd5P\x16\t\x0cZ\x85 \x9a\x8c\xe6\x05\xdd\x84\xa5$,}\xa5ku\x89U,\x1d\xef\xf1\xaa]e&amp;\xb9\xa6%\x12\xee\xf1\x94\x94\xdb\x1f\x9e-uP\x16\x11\xc0j\xf6\xa0uf\xc6\x18\xdd\xea`P\xcdP\xe9]\x9d\xabwu\xac\xbeN\xc6\xb9;iG\x16\xe1]\xd3^\xefl.\xd6!\xb8\x1c\x8e^_=\x13!kg\'\x98\xca\xcaF\x9dbu\xd0\xa5\xc2\xdf\xaa\xf4.\x97k\xf2\x04\xbbX:\xf8\xbc\x19\\\x13\xdei\xaf\xd9\xd6\x06\x97/\xfc\xcb??\xbc]\xd3\xebp0\\\x11u\x10Z\x95\x959EJCe\xa5\nN\n*\x13\xb0\xd8}\t)\xe1\xd1\x82\xc7\xea!\xae\x89\t\xd5DEn!\x9d\xd4&gt;\xfa\xe86\xedA\xf5\x9f\x01\xab\xac\xec~\xcf\xfd2\x99[]\xd9\xc9`\xe9\x83tC\xc9\xb6Z\xc0r{\xbd\xd0\x8b\xb0T\xf6\x8aS\x85\xf1\xc1\x1f\xbf\x1f\x9b\xb6\xcf\xf7Y\x08T\xc0R(\x83\x81\x91J=\xa3\x95\xe0\x9d`my$F\xaf\xd9\x0c\xb9\xd6\xc3\x95\x13m\xe0\xa2\xf9\x0c\xbf\x9f\xf2\xd8\xeb\x8b\x94\xdd\xbf\xdf#\x83X\x9dc#DEO~Li\xa6\xc3\xb8\xc5\xfd\xaf\x91\xb9\xa5\x94\xd8$^+e1\x1c\x08O\xb7\xb5\xe52c\x8b5\xb0.`A-\x85S\xe14T\x8e\xb5\x04\xf4X\x84\xc8aZ\x9a\x89\xf5\x92O8\x12\xf3Hl6\x80\x81kwll\x17t\xd3\x8b~\x7f\x9b\r\xcb\xd07k\x0b\xc9\xea\xd0\xd7\x18F\xca[\xca\x03t\xa7ep\x99\xe4\xf2w\x90\xc4\xfc9\x0fm;\x19\xe0\xa2y\x88\xb1@`\'\xbc&gt;]!QX\xe1Z\x11\xaf\xd5\x1d\x0cV\xd2\x03\xe3\xc6\xb1\x11WP\x8f\x0c\xca\xe5R\xb9\x89}\xac\r\xb3\x84z\xc0\x0c\x9b\xd7\xac\xaal\x19\x18\x1chl\x19\x0b\x87U*\xa5\xd5\xea\xf1(U\xfa\xce\xce\xb1\xf2\xc6\xc1\x8e\x81r\x8b+\xe8\xb2h\xa5R\xb9TjYe\xdb \xf2g\xe2X\xe0\xb2zTc\x83SS\x1d\x83\x03-P\rn\xa0\x0cw\x06\x02c@\xed\x18\xef\xe8\x1f1\xc1\xb0\xb4ZpI-\x16\xb6]&gt;\xa1\xea?X\xc8\xa3}\xecf\xd3\x99\x9c\xdf\x8c\x13Y \x10V\xa1\xd0\x015&gt;\xd5\xd4\xd4\xd1h\xa1q\x03-\xc3e\xb1\xac\xb3\xbb\'&amp;$\xf0f\xcctg#\x04\x98Mb\x1ei\x19\xbcx&amp;\xe7L\xceT\x07\x14\x8b\x0b5u1\'\xe7\xe2\xf8\xcd[R\x8bI\xaa=w\xee\x1c\xc95\xb2{\x89},Ij6\x9d{\x84\x156oe\xa0\xb1c|*\xe7\x0c\xc0 Y;t\xc2\xefgr\xc6o\xb6\x16i-\x0c\x15\x83e\t\x0fs\xde\rV\xb1F\xa3\xe1J\xac\xe1@\xcb\xcd\xc1\x8e\xa6\x9c\xdf^$\x1e\xc4\'\x9f|\xdc\xd4\xde}\xba\xa8\x08\xe9#\xaas\xbf@\x1a-\x95\xac6\xcdLmMH\xb8\xd9\xe0\x02\x96\xc3&amp;\xb1\x9a\xf5\x81\xf2\x96\xc6\xf6\xf1\x1bM@\x02\x16\xa0\xfaOC!\xad4\x8e\xa5\x85\\\x16Kg\x8cm,\x18\x04U&lt;W\xe8\xd0\xe4\xa1\xbc`\xf9f\xbbz\xe4r\x7f\xfb8\r:4\xfd\xa9\xff|\x914\x1e\xc4E\xdf\xc0\n\xbcJd\xd9 \xe6\xecF4\xf18\xbcB.!\x17\x86_\x81\x1a\xf3\x04-\xa7\xbb\xef\xb4\xb7\xdf\xb9\x87\xa2\x02\x91\x1c\x01\xc1\xa4$\x97V*\xb7X\xde\xdce\xd7\xb8`\xa7\x84%,\xce\xd28P]`".\x89\xd7\xa36i\x87\xce\x9f\x7f\xcb\x94\x86\xfd\x196\xaa=\xf7\x07*y\xb9e$\xf0E\x12\x9b\\\x9cL\xec\x89\x94Da\x16\xa3\x16l\xa2\x82\x89i\xafG\x9c\x9e.\x10\x08\xd2\x98\x10\xb8\x80\xa5\x8dk\x85\xb0\x94\xbf~\xc5\xa2^\xba\xaa\xe7\xab\r\xb0S\x18\x97P\x93\xa2q\x08}\xd0kv\x96&gt;\xb3\xb3^\x1c\r\xd5\x06C:\x13\x02`\xd1"d\xa8\x80\xd5\xd8\xf8\xf9\xcfy\xac\xbd\xf6\xbd4\xaf\xb26\xc3N!\x98\x86\xc2\xc7e\xb8f\xf3\xda\xda\xda*\xfa\x1a\xdc\xca\xf85&lt;a\xa5\x11\xcf\xfb\xf24\xfa\xc5r\xebr\xff\xc0\xdfOV\xf18l\xbc`]u,\x16\x06\xd6\xa7\xa9\xf4\xa0\x0c\x16\x81\xd6\x0fT\x15\x80\x02Vn\x9e\x11\\\xcc\xa9\x95\x14\x130dH\'\xa8\xa4\xc0\xea\xbe\xf3\xfa\xaf\xd7\xef&amp;\x1d;\xe4\x17\x869\x1c^~R\xd2\x82Zi5\x1a\x19,\x14}o/L\x82\xe1b\xe4\xe2\x82\xabaT\xc4\\\xd5\xc4\x13\x99\xf6&gt;\xe4\xa2U\t\xac{\x03\xff\x18.\xe9\xba\xf4\x9d\xc3\xfc\xd7\x15:(u\xf4\xe4\xf7\x1e\xcd\xab\xdd\xde8\x15\xadFM\xb2F\x93\x97WQ\xc1\xa8\xd5\xa6\xe1\xa6\x02\xab\xaf\xaf\xafA$\xe2\x93Z\x02\x9a\xc4\x91\x93f\xf2[\x97[\xbb\xfb?\x1f.\x19\x1e.\xb9\x9e\x94\xcf\xe3\xf0\x0e\xe3_\xb7@\xa9c\x99I\'\tK\x19\xc7\xc29\x9f. 4y\xc2\xbc\xbc\xb8T\xf8\xc9M5\xf6\xf51X\xfc\x82\xf4\xf4\xf8\x88\x10\x93E`\x9d&amp;\xac\x12\xc4pI\xf5\xa5\xeb\xdf\xff\xc1u$\xf4\xff\xd3\x8d\xc3\xab\xcaO\xcc\xccLJJ:\x99\xb9\xe0\xf6x\xe9Q\xa7\xb0\xb88Y\xf3\x16\x8b\x90\xe8\x83f\'\xd5f\x94H\x18\xac\x02&gt;3\xba$\x88[\x86\x14X\xad\x8d\xc0\xea\x8a\x93A5$\xf4g\xdfN\xaa\xfa\x9a\xa2\xe9\x00\xf5\x8d#\x99\x14\xe0:\xb2\xe0\x89c\x81\x8a\x02Y\x14\xe6\xb5\xe5\xe6\xb6e\xe5\x91Z\xd4\x1c\x1a%}\xa3"&gt;\x13\x7f+\xf8)ce\x02\xc2:\xdf\xda\xf2\xaa\xab\xebyWWI\x17\x03\xc7\x80U_\xff\xd6\x0f\x13\xbf\xc6\xea\x04\xd4w\x01\x85\xef\xa3\x88\xa4c[VzF\x16\xc7\xca\x02W.\x04#\xae\xdc,\x8a&lt;!a58\xe3X\xcc\xa8W\xdca\t\xab\xfb\xf5\x17\xd5]\xf8Bt!\x18\xd1\x00V\xfd\xcd\xa3&lt;\xce\xffF\xc6\xe1T%\x1e\xa1HD\x10\xd6\xd1\xb9i\xd8V\x06s\xb3\x95r&lt;%%\x85\x14\xcb\xcb\xfaw\xe5\xe6\xef\xda\xc6\x1d\x86\xf1n=\xe9\x06\xe9d\xd9&gt;tg\x11Y\xbe\xba\x08\xb5gp\xa2(\x92K\x10RL\xa9\xc8"\x12\x841\xa1\x14\xd26&amp;WM\xd92\x15\x0fu\xfe\x08M\x19\xaa\xd0)\x8b\x97N&amp;\xea\xa2\xc5P\x1bg)\x85@\xa0\x1eJ1\x1e&lt;\x98\x90\xf4y\xde\xf7{\x92\x9c\xb4%}}?t\xb2\xe1&gt;&lt;\xcf\xf3\xbe\xdf\x93\x8d\xa9\x17\xbej\xb5b\xf9c\xa8%\xbfbf-(\x16;\x11X\xaf7\x88\xb4\xd5\x8b\xc1\xc4\xd0G[=\'\x9f\xbc\xf7?&amp;-GB\x980X\x19\xc5\x1a\x1d~\'\xcf\xcc\xc59`\xa1\nsW\xbb\x90i\x1b;%+\x96\xd7\xd7\xc9\xb5\xb9\xb4\xb49\xa0h\x1a{\xacC\x9f\xdf\xf9\xfe9\x80z\xa3\xdeN\x0f\xb5%\xbb\xe2m\xf5*\x8eO\xc9&gt;{?\xfb2"\x95-be2t1\xe9\x9f\xdc\xbeM\xb1h`A\xb0\xc0\xd5\xbd\xda\xd8n\xd6\xd4\xc6\xf2\xe2\xfa\xee\xca`sss\xc01\x81BObD|r\xeb\xce\xeb\r\xa0\xec\xdc\x97\xea\xf5\xee\x8fK\x10\xd1\x9c\x9d\xf7\x18\xb5\x06\xca\xb6\x89\xe5y\x19\x94%\xe9:\xfd\x85X3]\xfag\xb8\x98\xb3\x06\xab\x06\x1bg\xca\xc0z0\x18\x0cVb,\x99\x127o=\xf9\x837GU*\x13\xa4\x8a)\xbc\x8d\xefE\xfe\xf0?\xc9&gt;\x9c\xb5\x8c{6\xc1&lt;\xafE,K\xe5\xba\xcb\x87\xc0\xee\x1c\x88\xe6\xe7\x81\x06\xaa\xaeP\xd1S\xd88S~\xba\x0b\xac\x07+b\xa2\xb8\x08\xae/~|%L)\x16\xc0*\x06\t\x17x\xc3\x89p\x90o\xf7\xfd\xf0_\xc00\x12Z\xc9P\x91l\xc1\xb2\x04\x8bre\x93\xd9\xd1\xc1L\xb3\x08\x13\x19xh\x05,\x8c\xfb\xc2\xbcr)\xd6\xca\x03\x14\xff\xb6\xa2s\x02\\_\xfd\xf0\xe6\x11\xef\x9br\x1c\x87X\x95\x14\xc8p\x10(T\x14\xa5\xa3(:\x8a\x8eRG}?\xfb\xf6\x7f\xf6\xb3Qgg[F\xaa\t\x96\x95\xd1R\x1b\xcf\x9bM\x06\x1c\\4\xb1P \xd7\x9c\x801\xf43\x8b0q\x17\xa5s\xe2\xc6\xc2\xf2\xc2\x95\xeb\xdf\xbe\xd9\x88RB\x15\x81Ke\x82H\x0ew\x14\xa8\xd2\xe9\xa0\xdf\x8fds\xfdl\xebb\xe7\xcd\xb6&lt;\xcc\xf3\t\x92b\xd9\x1ell\x19\x17\xc3\xe1\xde\xf9\xf6\x9chc\xb0D/L\xb0\x86D\x8b\x99\xdf]\\\x84\x93K\xcb\x98\xf5\xcbK\xab\xcb\xab\x97\x7f\xddH;"\n\xef\xef\xd0D\xc1J;N:-DA\xdfu\xfbq\xf9\xbe?=\xa3Z\x16\x98B\xe9\xbd\xc4\x05,[\xd2efWvxz\x06*\xc9\x92\x0c\x89ypu\xb5\x0f\x9b\xc4z\x8a\t\x82\xe0\x0f\x96\x17n\\_XZZ]}q\xdcs#G\x99@\x05\xb9\x98,\x15\x8aPA\xe0\xban\xce\x9f\xae\tT\x060\x02e\xab\x83\x1cW\xe6l\xc7\xe9\xd2\xe1\x95\x1d\x9d&lt;l\x14\n\x12.\x81\xe3T-\xcc\xd5\x9a5]\x18\xcb\xc5byqw\x80PA\xad\xe5\xcb?\xef\xa7\xdai2\x05\xac\xb4C\xb9$Z\xb4\x10\x97B\xe5\xb6IS\xe5^\xc5\x16\xb7^\x1c(\x1dT\xff\x805i\xc6l\x98\xec\xbf&lt;\x9bop\xed\x11\xcd\xc4J\xa0\xd58\xbc\x8aE\xae\xe3k\xeb+\x9b7.}t\xe9\xfa\x95\xdf\x8e7\xdc\x9c\x00\xe1\xde\xd8#I}\xaab\x1a\x91z\t\x96\x88\x04$\xecU\xc5"\x14\x08BC\xa3D&lt;x\x9em\xb0\xac\x0c\xb9\xbc1\xd8p\xf4\xfby\x03`\xc0\xe2\xff\x98\x8ab\xc8V\xb3\xa6Kewc\xfa\x07\xdb\x00\x00\x02\x97IDAT\rb]\xbav\xed\xe6\x8bW\x8fS9\x14o,\xa7 rRtN\x83o\x14#\xb2\xef\xbbT\xabZ\xed\x80\xaa#T\x99\xd0\xf4\x9e\xe5\xd9r\xf4,y\x950X\t+\xb4D.\xcfLUTu\xb4\x7fv\xb8}\xb5\xa0\\\x05y\xa0\x80Xp\x93\xcd\xb9\xf6t\xf3\x9bkO\xfe\x14(\xf2\xe4\xf4\xe4\x06\x12}\x80\xc89\xa5\x07\'\n\x8c\\\x14\x8aXC\x95\n\x0er5\xf64\xe3\xe3\xb4C-X\x1a\x8e\xb1\xbcL\x1c|JV\x1d\xed\x9d\x1c&lt;$\x16\x87=\xe4b\xeau\xf4w\xd7\xbe\xfc\xfa\xaf\xd7\xcf7R\xb9vn\xaa\xa0\x15p\x1c\xd1\'\xad\xf9\x97\x11\x11c\x89X\xaa\xd6\xbdL(\xb1\xb2lH\x84\x83\xda\xa8P\x9eg\x92Fd0!\xf8\xb1\x8f\xd2\x93%\x7f\xb4\xb7\x7fr\xf6\xd3\xa7\xf3\xb4\x0e\xcf5\x98\xb3\xc4jl\x1f\x1e&lt;{\xbc\x13\xe4\xdaq)\x95\x1b\x98Q\xa5L\x82\xc6\xf6\x8c\xa6\xd3E\xb2\xce\x07I\xde\xd2b\xb6\xa8\x17fT\x9c)qR\xdf%\xaf\xa5C\xb55\x91\x8b`\xd9l\xa7\x0f\xb4\xb3\xf3C|\xd6\xc0\xe7\xc5\xbb\xcd\xc3\x87\xe7g\'\xfb\xa7;\xedz\x8eT\xf5z\xbe^oS4@\x05\xe9\x94i?\x19\x0c.\xfb\x80\xb9\xd2~\xb8\x80\x05\x14\x01SM\x10,\x10\x89\x9b\x1e\xa0\xc8hNx\xf1\x16V\x96X\xa5R)\x9bm\xef\x9c\xbe|v|\xc0:\xde\xdf;\x1d\xf5\xf3\xa5\xbc\x88T\xd7c]\xbct\xd3\x91\xa3Ti\xd3\x7fA`"\x87\xf9\x90\xd3\xf9\x80hu\x88\xa5\x06Y\xb1(b\xa5`\x11\xd2\x93\xa5\xc7\xa3\x9c\x89x\x11\x9aRK\xe4"Y\xa9T\x0f\x9c\xa3#\xdc\xb6\xef\xe7q\x95\xaf\xe7\xf3y\xea\x04\xa5\xea\xb1\x8b\xb00\xa5\xc3=M\x1fE$\x939\x17?\x85\x9f\xd5F\xec\xa8Z\x9e\xb6\x9fh&amp;"Q?;A\x125R-\xc6\x96\xb4b\xb9\xacd(TS`R|\x9d\xbfPu\xad6\xbbP-4\x1eN\xb0(\x96R\xf9\xc24\xa4Z\x1a,\x1b,6\xd5Re\x04\xcb\x92\xd4s\x95D\'\x02\x85G\x0c0\xb3f\x87c#\xa7\xb9X\xf9\xd2\xbb`9\x06\x9cy\xd75\x87&amp;2\xf1\xf4\x10\xc4\xb9:\xb9\xa6\xb1&lt;\x8aC\xcf\x12\xd3\x86I\xc4-q\x92\x0b%\xf5\x83X\xf8\xa0\x11\xcad\x15\xbd\xa6\xa8\xb8\x95\x04NIJ\xb2\xeb\x85d\x1e\x06\xb2\xe3T-\xae8\xecCp\xb9@\x12,\x9a\x98\xd7\xb8\x0f\x05KC\xe5\xe9\xd0\xd2\x9c\x99\x91`\xbaS\xd4J\xc8\x16\x8aJ\xe3g\xd58]\xd9\xb1d\xf9\x89T\xa5\x89XH\xbb\x8c\x83@\xc6C\xca1W\x01\'?\xb0\xd0\xa8u\xca\x95\x17\xad\x04\xebo\x88\xec\xbcV\xcd\xce52\x00\x00\x00\x00IEND\xaeB`\x82'</t>
        </is>
      </c>
      <c r="M345" s="3" t="n">
        <v>45492.6768287037</v>
      </c>
    </row>
    <row r="346">
      <c r="A346" t="n">
        <v>963990</v>
      </c>
      <c r="B346" t="n">
        <v>1967</v>
      </c>
      <c r="C346" t="inlineStr">
        <is>
          <t>Kaique Rocha</t>
        </is>
      </c>
      <c r="D346" t="inlineStr">
        <is>
          <t>Kaique Rocha</t>
        </is>
      </c>
      <c r="E346" t="inlineStr">
        <is>
          <t>ZAG</t>
        </is>
      </c>
      <c r="F346" t="inlineStr">
        <is>
          <t>ZAG</t>
        </is>
      </c>
      <c r="G346" t="inlineStr">
        <is>
          <t>ZAG</t>
        </is>
      </c>
      <c r="H346" t="n">
        <v>195</v>
      </c>
      <c r="I346" t="n">
        <v>4</v>
      </c>
      <c r="J346" s="2" t="n">
        <v>36949</v>
      </c>
      <c r="K346" t="inlineStr">
        <is>
          <t>Right</t>
        </is>
      </c>
      <c r="L34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2071d7-d55b-4a9a-8540-671c5303c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7M6\x00\x00\x03\x00PLTE\xff\xff\xff\x17\x15\x19\xfe\x1d6\xfd\x15,\x10\x0f\x13\xfd\x1f8\x0b\n\x0e\xff\xfe\xfe\x08\x07\n\r\x0c\x10\xfd\x180\x13\x11\x15\xfe$&gt;\xfe\'B\xfd\x10( \x1c!\x1b\x19\x1d\xfe!;\xea\xaa\x9d\xf7\x0b"\xfe\x1b3\xf9\x0f%\x04\x04\x07\xbelW\xe8\xa4\x97\xc7xa\xfe*F\xc3pY\xb4_J\xe9\x08\x1d(%+\xbbdM\xf3\x0b!\xed\r"$!&amp;\xb6eN\xd7\x02\x13\xfd6S\xcf\x84l\xfb\xfa\xfb\xee\x07\x1d\xf2\x10%\x13\x12\x19\xa9YD+)1\xfe0M\x9bM5\xca\x7ff\xf8\x13*\xe3\x97\x81\xaeX&lt;3\')\x12\x07\n\xc7t[\xe3\n\x1e\xcc\x84r\xadaL\xc1hQ\xd2\x89r\x9eN&lt;\xbckP\xe5\x9b\x88\xaeZF\xa6Q5\xdd\x03\x15=9@\xc2u]\x95[L\xb2_BW+%\xe4\x04\x18\xb6p]\x92G/\x92K82,3\xc5}l\xde\x8bo&gt;+*\xce\x02\x10\xb3iU\xc0c&gt;\xbbeT\xd7\x90z\xe3\x90|+\x1e \xc1yf\xdc\x85g\xc5oT\xe8\x9e\x90e?9\x85C3\xa2XA\xf8\xf5\xf5\xa5S=c5+1/9\xf6\x05\x1a\xa8eW\x1e\x14\x16\xf4\xef\xf0\x9cH-Z83oB9n8-\xd1\x96\x85\xe1\x9e\x91\xec\xe9\xe9\xba^M\xdb\n\x1d\xd3\x88y\x8cRBF68\xdb}aI.+\xd5{Y\x8aXM\x81QE:17\xeb\xad\xa4\x1e\x0c\x0e\xb4xj\xbdrb\xfd\x0b#\xa5`M\xc4eB\xd3tR)\x17\x17\xaal^yE8\x9dcT:\x1f\x1e\xce}k^A?OJR\xacQ&gt;z9(\xda\x8f\x84w&gt;1\xf1\xa6\xa1\xc5\x88vP52vLC\x90b[\x99WC\xd9\x9a\x8d\xba_:I!\x1d\x88J9DAI\xd1\x8e|\xc8kG\xd3~c\x95R?\x9e]K\xcemM\xf1\xab\xa9\xe3\x8bu\x82&lt;+\xb8cDpjs\xb6XD\xbd\x80o\xcdy^\xe2\xdf\xe0\x8aA,\xf6\x1b3lHC\x99\x93\x9b\xc9\x8d~\xd4\xd2\xd4\xc9lY\x81J;R&gt;@`&amp;\x1c\xd9\x80p6\x16\x14\xd3r^\xb2\x02\t\x8f9%\x9dh^lRS\xe1\x95\x8cp/$\xb2U3f\\e\x9doj\xa8}z\xa3\x9c\xa6\x80z\x83\xb6\xb2\xb6aJL\xaf\xa8\xac\x15\x17\'\xf1\x9d\x95\x96tv\xba\x82w\x8bkk\xbf\x03\x0c\xf0)?}ce\xe1\x80n\xcbud\xed\x92\x8b\xdb\xc8\xc5\xe6\xd2\xd3\xf1HY\xc0df\xec\x01\x10ZT\\\x8c\x86\x8f\xa8si\xa8NN\xb0XY\xa1&gt;1\x9b\x82\x88\xbfhF\xacD:\x1d\x1f1\xdeW_\xd1\xa4\xa1\xfb\x05\x1c\xe8\x16*wUQ\xceCJ\xf1\xda\xdc\xc3\xc2\xc5\x83&amp;$03J\xf3\xb3\xb2\xe8;F\x81]Y\xddGP\xac\x90\x94\xd1\xb7\xb6\xe3\x81\x7f\xb7\x87\x84\xc4\x95\x90\xbe=D\xc0\x15 \xcb]O\xbeZ]\xea\xbd\xc0\xbdIO\xea\x97\xa0\xe2mv\xe0\x8d\x97\xd0bi\xd5v}\xc7z\x80q\x1b\x18\xe1qc\xeb`h\xd2"1\xdc,9\xa1\x17%\xb9,,\x00\x9e\x0c\x96\x00\x00 \x00IDATx\xda\xc4\x98\xddO\x1b\xd9\x19\xc6\x19i4\x9e\xd1\xb98G\xb9`\x1dm5\x17\x13i-\xcd\x8e\x88\x9c\xd9\xa8i\x04BS\x82\x80\x11V,p\xc0\x10\x16k\r$\xc0E\xf84\xbbR\xc1\xcd\xa6k\xa5Q!\xc5\xc5\x81&amp;bm5D\x01+\xa9z\x93-d\xb1\x83\x94D\xca\xad\xd9\x8b\xfa.\x127\xbda\xff\x88&gt;\xef\x0c\xbb\x7f@5$G\x89\xf9\x94\xf8\xe9y\x9e\xf3\xbc\xef\xb8\xa1\xe1\xff&gt;\xa1\x86P(24\xb9U&gt;::*\x97\xcb[#\x91H$\x14j\xf8\xa8\'Dg\xa4\\\xdd\xaf\xd4r\x85B.\x97\xab\x95\xb6\xab\xd5#\xb0\x85&gt;"\x9a\xc7tP\xc9Y\x067e\x93I\xa6,\xcb\\\xb7\x9c\xbd\xcaAy\x88d\xfc8P\x91\xc9j\xa5\x90\xe2\xb2\x10\xcc\x94p\x04\xd34Ue\x920R\xb9\xc3\xf2\xd0\xc7\x90,\x14\x1a\xda:(\x81If\xa6\t\x1cMU\x14Y\x925\xa6h\xcc4\x0c\xc9\xcaU\xf6I\xb2\x0f\xaf\xd4\x9e%d\x99T\x92U\x9c\xc6FE\xd1dE\x96\xf1A\x18\xa6\xc4\xadTn{\xeb\x83\xc6\x1f\x99\xaa\x96R\x92,\t\t\x81\xd2\x88\x04\xeei\xb2\xa6\x81\x8c)\n,e\x82s\xc3-\x1d\r}8\'C\xa1\xc9mGHB\x08\x89\xc9&amp;\x82\x0e*\xd9\xff\'\x93\x95\x1a\xb0`%3\\\x12\xec\x03q\xc1\xc0r%e2\x04]S\x14\xc9d2#"M\x13\x1c\x97QU`*\x90\xf0\x1dU\xe3n\xc6\xd9\xabNF&gt;\x04Wd\xe8h\xcf\x00\x85\xa2\xe0\xd6\xd1G\x99|D\xc04a\x9aBQ\x99\x89\x80\xc9\xe0R\x80h\xe8\xba\x83Ky\xea\x82!V\x079\xa1\xc8B\x82\x1a\x8c\xc9\n\xba\x01p\xb205\x06\x0b)Y\x80\x82\x9b8H\x1b\xe3\xb6a\xed\x1dL\x9er\xf4\xd1\x0b\xfb\x05YUL.i\x9a\xe4\xfb\x87\xdb\xa8\x81\x8e\tp\xa1\'\x84@M\xc8\xa8/\xe8\x05\xa3\r\xd7\xe0)/\xfa\xa7\x895T-H\x8d\xaa\x02\x87\xe8\x05\xaf\xe8+\x85\xc2n\x12\x94F=\xc1up1\x96\x16\x86\xd0\x1d\xc7r\x1cW\xb7N\xb7+B\x91\xa3\x02#&amp;\xf4A\xa3\n\x14E=a$\xd3&lt;&gt;\xfc\xcc\xb6\x19\xb3m\x83[\x8e\x95\xc1\xb0t2)Kwk\xd5\x91\xd0\xa9Q\x95k\xa6\xaa\x99Z\xa3W\x9f\x90\x84\xfcS\x89\x06`\x86\xa4j(,xj\x1b\xb2\x9e\xb1\r\xbd\x901R\x8e\xce\xb9\xae\x1b:w\xd0\x15\xa7\x15\xf7C\x1d\x1d*\x93D\x84 y\x17\x92\xa2\x84o\xe2\x16\xa0\xad\x84$s\xae\x89\xb4d[\xba\xed\x14\\C\xd0e\x90\x8c\x14\x1c\xadL\x9e\x8e\x8f\xa1\x83\x82\x90\xa9\xa9P\xeb\x8cs\xc1\xa0Y\xa3J\xa21Sp!\x19\xa8vt\xac!kB\xd2]\xcbur\x85\x8c\x8ev\x93\x15\xd3\xb2$\xd9=8\r\xacP\xa8\x9c3$\x93C\x18h\xa4\xd1\xc6\xa04\x02Ld8\x18%\xcb\xb5,\x91B\xbcuK0\xf8\x96\xc1\x02\xe6 \xef\xf0\x16\xbfm\xa2kE\xad|\x1aX#\x87\x96$L\x89\x92\x85\x9ck\x8dd%j^\xe4r)\n\x8f\x95r\x85\x95\xd2-\xcb\xe2&lt;\x05\xa0T\xa1\xe6\xe8\xf8\\g\x8dh0\x99\xa6\xf7v\xf0\xb1\x0f\x85\x8er\x12\x93\xe8\xaeQ+x\xfe\xe1\x13=U\xc0es!\xa2\xa4\x1b\xf8/\x0c]2\r\\\xbd\x14\x97\xdc\x8c\x01\x0b\x19\xc2\xa80\x1a\xdeF\xad\xba\x15\t\\\xac\xed\x14R\x8e\x9aRT\x89\xa9\x1e\x16*\xd5@\x80,\x8e\\{\xa3\x1bp\xcc\x10\x8a\xc0\xce#t\x89\xc1pbGw0\xa6I\xdc\xcd\xd5\xb6\'\x83\x9e\x85[5\xe4\xd9T\xe9\xefPmzGcF\xc1\xa1e\x10\xd3G\xa0\x07,\xcb\x90h\x7f\xe6BS$]\xc2\x8a\x83\xdfo\xf4\xfaVf\xbaS\xcb\x95\xca\x81\xf7{\xcar\xc4\x89y\x8d\x1e\x1d\x8e\x89\x18Y\x86\xc9\xf0\x81\x1b\x06\xae\x9f\xaesZ\xebq[U\x92V\xf6vD\xc8\x85B9\x15\xac\x91\n\xfc\xe2\x8a\xe2%\x9d\x94Ri\x00I\xdc\xa0\x94\x1bx\xb20P\xae \xb3,]x{\x8d\x97@oD\xc9\xe0\xc2\xb0\xb4\x9cB!`,j\x07^H\xc94m\x98\xe6;\xa8\xd2\x06\xcfp\x03\x11p\xd4\x12\xe6\xb4\x8c\xc0[\x08&gt;v\x8a/0\x15\xd3it\x16\x08\xb1V@=\xa1\xe3~\x96\xb6\x02\xed\xaeP\xa4\xea\xe8\x05\xc3\xb3P9\t\x16e\x067\xccH\xe1\xe8\x94m\x05\xca\x19\x9c\xf3l6\x9bH\xd83S\xb1X"\x9d\xe04\x8e\xb0\xf9\xc8\xb2k\xa5\x9c\xbdr\xb0\x95\x1a9\x84*X\xb2N\x1c\xf4KK\xc6\xa5\x07E\x02b)\x8dh\x00(\xc5c\xcb\xdf=]yzce~nn\xfe\xe9\xc0\xf2L\x0c\x84\x89\xafe.\x14I\xa4\xac\xdcQ\xb0X#%\xdd1\xf0\x08\xc1\x94\x13($\x89\'l{fl``\xb8}y\xe6N6\x8b\xad!\xcd\xedW/\xbf\xb9v\xfe\xda\xb5\xb3\xbf?{\xb6\xe3\xea\xd5\xb6\x95\x81\xb11\xfc4-\x84\xa6\x02\xdc\tt\x00\xe1\xa9\xa2\xe4d\x0cIQ\xd5\x93X1\x96\x88=\x7f\xba2\xf7U\x07 ::\xfe\xd86\xbf\xf2\xf4\xbb\xe5X\xec\xf9\xbb7=\xdd}}}\xb3\xde\xb9\xd8|\xa9\xed\xd6\xed\x9b\xc3\xcb\xffJ{{\xa3\x08\x1ak\xabTpm\xcc\xb7\x13\xa9\x10\x9d\x81\xf9\xb9o;\xce\xf7u\xd3\xe9\xb9|\xf9/\xff\xf8\xe6\xe5\x7f\xdf\xbfx\xf7z\x07T\xd3\xd3`ZZZz\xb4^\xbfr\xbd\xabk\xed\xde\xf0\x9d4rh\x06\x8c\xd5\x10\xaa\xd6\n:\xcdfJ\xb6\x96\x8e\x8d\xad\x80\xa9\xb9\xff\xf1\x06\x84\xf1\xb8zz\x1e&lt;\xd8y\xf3\xd3\xcb\xd7\x10\xab\xbb\x1b\\\x80ZZ__\x8c\xe7/4\xb56\r\xae\x8de\xb1\xf93\x1e4\xd6~.\x97\xf1\xca\x14AO\xc7\x06\x9e=\xbc\xda\xd1\xdf\xffhivv\x1a\\\x9b\xbd\xbd\xd1?\xafNL\xac\xee\xbc9\x1e\x8f\xf6\xf6l\x02\xcc\x13k\x11X\xbb\xad\xadM\x9d]7lAi\xccl\x07\x9a\xf8P5\x97\x99\xf2\xca\x14\xb9\xbas\xe3V\xdb\xa5s\xcd\xf5\xfa\xfa#\xc2\xea\xde\x8cF[\xa2-\x13g\xc2\xe13g\xc2\x13--\xd1h\xb4w\xb3oz\xf6W\xac\xd6\xce\xa6\xc1\x98!\x0cnd\xb6#\x81f\xab\\\x8b\xd9\xc2{\x86P\xd3\xcb\xf3m\x0f/\x15\x8b\xf5\xf8"\xe4\x02V/\x98&amp;&amp;\xc28 #.\x9c^\x18\t\xac8\xb0vw[G;\x9f\x8c\xd9(\x13=s8\x14\xf0M\x9c\x9aJH\xe4\xa2\x96\x18~\xb6v\xbd\x08\xacz|\xfd\xd1\x12\xb0\xa2-\x90\xe9\x8c\'\x16^\x93\x1eVt\x13&gt;&gt;\xa2l\xe5\tk\xb4\xf3^\x8cs\x0c\xcd\xd2d\xb0u\xba=5\x83\x9b\x08\x17\xa5\xe5g\x83]W\x8a\xc5|=\xeecm\xb6\xf8@t\x16\x00\xe7c\xc1\xc6Y_.p\x01kp\x19TAc\xd1\xf0\xb1]\xdd\xc4\xfe\xcbo\xfcu\xad\x89\xb0\xf2\xf1E\xc2\xea\xeem\t{\xa9\x02\xd4\x82\xa7\x16\xa2\xd6\xe2\xa7\xeb\xd1b&gt;\xff\x0b\xd6\x18VX\x98\x18\xe8;\x12\xd8MS\t\x0ca&lt;qeo\xff\xfdIS\xb1^\xcc\x17!\x16\xc2\xd5\xbd\xd92\xe1\xab\xb5\x80\x13\xfe\x15\xab\x9b\xb0\xd6\xe3y\x92\xcb\xc3\xb2\xb9n\x05\x8f\xe5b\xb7\xc3\x93\x17\x8b\xadu5\xb5\xe6\xeb\xc5x\xbc\xbe\xb8\x8e\x86\xa0l%}\x1b\xa1V\xd8\xbb\x888\xe8\x88\x8d\xd9%\x84+\xeeg~p,\xc1u7s\x18\n\x18\xcb\xc1X\xc3\x92\x92\x1e[{\x02\xacb&gt;^\'\x13\t\xab\xd7\x97k\x81\xc8\x92I\x9f\x8a\xd4\x02\x16\x85~w\x17r=\x19\x1cN\xd0\xfb\xbd\xdbA\xef[\x05!\x99\x92\xacd\xc7\x06\x9f\x8c\xb6^\xa0dy\x91\x07Vw4\x19&gt;\xe3\xfb\x18\xf6\xb0Z|\x13=\xb5\xfc\xd0\x13\x96m\xbb\xae\xb3\x1d\xf0b\xb3\x95\xe3\xf4$\xa1\xa4\xdb\xef}\xdf\xd9\xba\x9b\xcf\xd3\x1f\xa4\xe2\xea\xf3\x1a\xe2\x17\x13\xbd\xc8\x9fDk\x83\xb2\x05\xfa"\xb0:\x9f\r\xc7\xdcL\xc6\xd9\x0f\x16\x0b\xc5\xc5\xbd7\x00\xd9\x0c\xb0Fw!\x16a!\\\xd3\xd3\xd3\x9bQ?\\\x0b\xc4\x95\x8c\xf6\x92\x85\x18\xd8\x1bT\xf3\xeb\x84\xd5:\xdau{8f\x07\x8f\x15\xc1.\x8f\x07z\xa6\xc837\xef~\xdfya7\x0f\xaa8E~\x1a\xcdE\xbeQK,x.n\xf6z\xe3\xa7\xdb3\xd1\x1f\xd7\xa3k\xb7\x87g\\,\xf3\x01c5\x8c\x1c\xea\xd8\x87MM\xbbs\xf3\xee]\xc2\x8a\xfbb\xcd\xa2\xb8z[\x92I\xdcF\xbf\xea\xc3\xc9\xa8\xf7e\x145\x0f.\x9cz\xfcB\xd3\xda\xfc\xc0\xd8T.\x174Vhh\x9b\xb0\xf0\xf4\x90m\'\xac8\x99\xb8\x8e\x9b\xe8iuR\x10^\xb8&lt;4\x9c\x1f&lt;\x1f\x1f\xd3\xceU\xbf\xd2zkn\xee}\r\xe7 p,\xd7\xa0\x87\xe6/\xb2\xed\xff\xbe\xdby\x05J\xd5\xd7!\xd6\x06M\xead8\x19\xa6.\xf5\xc3\xe5sQ\xab\xf6\xf4|\xb6\xf1\xf8\xf1\xc5\xfe\xe6+_\xde\x9a\xbb\xff\xba\xb4\xb7\xb7w\nXz"\x9df_g\xff\xf6O\xa8\x95_\\\xef\xbf\x88-\xb0\x9b\xf6\x07\xc2X89\xe1$\xcd\xa1pr"9\xb1:\xdes\xf9O\xe7\xcf~\xfaI\xf3o\xae\xdf\xba\xff\xf6?\x95J\xa9T\r\x1ak?c\xdb\t\x9eNg\xdb\x87\x81U\xfc]\x7f\xff\xe3\xf3\x9f=\xe8\xe9\xc1\xfa\x17\x9e@\xb0|\xaa\x93E"&lt;\xf1\x03\xb6\xc2\xf1\xf1\x1d\xec\xd2_\xfd\xe1\xdc9`\xbd&gt;\r\xac\x86\xa1\x03\xc7\x05W6}g\xd8\xc3j\xee\xff\xf4\xdaow\xc6\xc7\xc7WW\x01\xe6\xef[\xbe\x81I|\xb1\xba:\xbes|\xfc\xe3\xcb\xb7o\xdf\xbdx\xf1j\xe5\xe1\xe7m\xc0:\xacT*\x81\xabu\xe081\xdb\xce&amp;\xda\t\xeb\xf3s\x9ft|{\xff\xe5\x8f\xc7\xc7\xc7?\xff\xec\xa1\xadNxtab\x1a\x7f\xb0\xf3\xd3\xfd\xf7\xaf\x9eg\xfeG\xab\xf9\xfd\xa4\x95mq|&amp;i.\x0f\xf3\xd0I_\xd0@$\x19\x13}\xa0\xe1\xc6\xd3\x18\xa0\x02\xa6\x05\x03\x8a\x86\xe2\x11\x05\x11&amp;\xc7\x0e\xe0-\x01\xb18#\x04- T\xc1_x\xfdQ~j\x91\x1a\xec\x80\x9e\x9e\x08X\x95\x8eFk\xc2\x0f\x9b\xc9\xe8\x1dm\x13\x133s\xd3\x18m\x9b\x98\x9b\xfb\xe6\xd3\xdd\xc7\xf9\x17\xce]\t9\x0f&lt;\xecO\xbek\xed}\xd6w\xed\xd3\xd0\xd0\x80O&amp;\xcaz\x928\xd6\xd2\xd2\xc1\x01\xc1&gt;\xf1\xab\xca?\x9f.w7\xddiiR\xab\xd5^\x11]\x82\xc4\xbb\xb7\xb6\xdc\xee\xee\xe5t\xfa\xf4l\xe3\xd0\xf2\xb2\xcb\xe3\xc9\x80\xccq\xb9\x93]\xa3\x96\t\xb7\xa6\xfb\xc72|fYV\xf6\xed\xcd\xafo\x0c\x8e_c-\x11\x8e\x05,\x19\xce5\xd8\xa3P+\xbc\xf56\xbe\xa2\xe5\xe6\xed\xb2\xdb\r\xa0\x89\xfa\xee\xce\x8fc\xf1\xf1\t\xcblW\x17\xae\x96\xc7\x83S\x8d\xb9\xdd\xc0Q\xf7\xb8\xd3\xb9\\z\xf9N\xe7\xd7M\xa0\xe2\xb3\xd9\xec\xd2\xcfD\xcfO_\xbc\xf9\xed\xe9\xf2r\xb7F\xad\xd08|\xc9\x9e\x96oZn7\x80,\xdd\x01\xd1\x04\xbc\xf5xjt\xb6\x0b\x14\xd8d\xf3]\xb1\xdd\xac\x1d7\x1b\x8d\xc6\xa0e\xe1\xe5\xcb\xb7\x96C\xb3\xa2\xa7)}|\x0c\xb0\xb2/\x88\x9e\x06&gt;:X\x07\xc7\xe12\xc0R$\x93S\x9d\x9d\x83\xee\xf4\x19\x08so\xd2\xe1\xd5j\x1d\xbd|\x0b\xb3y\x12\x88\xd5\xec/\x95\xf8\x02&gt;%\xf8\xf1\x9d\xa9\x14\x82 Ba\xca\xac\x8d\xef\x02\xac\xa5_\x1e\x12}\x87\r\xb0@l]c\xd5=\xe9\x89O\x80\x82\xb2XR\xfc^G{{{}\xc0\x17\x94\xdc\xaf\xf0LN6W\xc48\xca\xfa\x9a\xc0\xdc\xb0\xce\xdd\x8d\x0fn\xea\xd4\xdei\xbe\xd3\xdc\xbb{\xbc\x9d=\xd8\xee \x18\x8b\xf40\x0bN\xe9\xe7\xebn\xadB\xebP+\xcc)\xbb\xd3\xac\xedi\x1a|roY\xa3\xd3\xe9\xdaE\x0c:\'\xd6\xea\xc9\x18b\xcf\x04\xf5\x8c\x80\xc3\xeb\xc8=\xff\xael\xe6\xc6\xcd\xdb-\x83S:\xa3\xd1\xbcw\x9e=X\xdf~qq\xb2O\xe4\xbc\x19\x98\x0cp\x1a\xe2X:m\xd2\xc8w\xf2\x1du\x83\x9d7\xfe\xf6\xfd\xf7\xf7\x0e\x0e\xc6\xa7\xcd\xde\xe1\xc5zA\xdb\xe3F\x18\r=`\x88\x94|c\xfb\xde/\x07-\xb7g\xfa\x06\xd7\xbb;\x07W\xe6\x02&gt;\xe7y6\xa7\xd8X\x88\xbef]\x107n&amp;\x81\xfe\x14\x9c\xd2o\xd6\xb7\x00\x96\x91\xef\x0b\xe8^u\xb6\xdc{\xd2733\xb8\xf4\xe7\xb11`\x9c\x13-\xaa\xde\x03\x1fd\n\xfdS\xc4\x80\xea\x8d\xce\xcf\x17\xd9\xb1\'}\xaf\xdc\xc7gS\xaf\xd6DJ\x81\xedx)7\xf7\xfa\xc1\x83\xe8\xd1&amp;a\xb7,\xa4\xca\x8e\xca\x17K\xb8\\\x00\xcbk\x0c\xd4\xcf\xad\xbc\xea\xd3\xecu\xf7}\xd37\xb6}\xb2\x19\\lW\tD"A\xe8q+\xc0b\xd4B\xa2\x00\xcbf?\xcf\xb9\xc7\x14{\x87&gt;\xdd\xca\x1c\xc4~O\xdf\xcc\xe6jC\x97\xd1\xa3\xa3\xdf\xdf\x11\x84\xd5\xb1\xff\xe5\xcb\xc9\xc5\xf6\xc1\xd6\x16\xae\xd6\xb4R\xc9X\\\x9b\xaasL\x9c\x8e-o\x9dm\xdaY\xbf"5\x9cy\x86\x08\x02r\x99\x06\x1e0\x18\x10\x95%\xa5\xf2\x90\x8d\x8d\xdd\rgP\xc0\x18\x16E\x9f\xb1y\x1b\xd9]A[\xf9\x0f\x1f.)\xfb\x84`\x91*\xf7\x9d\xaf\xfb\xd9dKJ=\xb5\xec\xd6z\x19\x1c\x0e\xb5fqx\x91\xe1\xe3OLl\xd8\x7f\'\x93\xad\x12\xce\xe3\xf9\x1aQm4dBM\xfd\xb5\x8c(VM\xd5\xffj\xb5.\xbc\xb5H\xa8z:C5O\xa3\xf1R\xd9c\x96\x90\x1c\xd5_\xa1\xc4\xa8Ez\xf8yu\xf5C\xe8*4/Z\xe9qk\x93JNu\x9b\xe0\x07\xb0\xf5\xca\xc9V\xa1\xccU\x90\xea\xa3m\xcd1HU[\x0b\x850\xd4\xf4\xac\x96\x01\rDb\xfa(Uo-\x94R\xa4T\x95\x8a\x9d\xd0S\xe9\xa9\xa5c\x1f\x1d\x1b\xb8\xbc\xf2\x10R[$\xd2\xa3\xc3\x0fG\xff^e\xfbc\xac\xb5\x1e\x85v\x9a\xc7y\xff~^\x00\xa9TT)\x99,\x95\xea\xf54\xac\n\xee\x7f\rA\xb5C\xa1|$\x1f\x1a\xaa\x19b7\xc2\x91\x18m\x08\x04\x8f74\xa4O$\xd8T\xba\xf3\xfcx\x9a&gt;0\x90\xc8O&gt;$\x06\xeb\x8f\x05\xec\xf2huu\xe8\xbe\xc4[\xe7\x8eO\xd3\xa9\x02Zu\x8c\x06\rA&lt;j9\x99\x13\x1ah\x95\xcbM\x0f\xae\xb1\x12\x00\x07\x8b\xaa\xe8l\xb4X,F\xfcX\x82\xcdN\x14\x12\x18\x96\xa0Q\xe9\xfc\xf3\xe3\xf6r\xd3\xc0%vB\x88\xe1\x07X\xe2|&gt;\x1a\xa5\x1d1\xe8su[\xf1\xa4\x92Nm\xab\xaeN\x14\n.\x97\xcb\x1f\xc3LU%\xe1*S\x7f\x14\x02IL\xa0\x91&lt;\xa6W\xd1\xa5\xae\xe2\xce\xceN\x11\x8e\xe4A\xa08\x1e\x8eu^\xa3\xafh\x0c%\x08\xaax\xd2\x1f\xaeH\xf1\xb2\xbf\x91\xbd\xba8\xacI\xc7\x1d\x0ce9\xbb-\x81\xa1 \xaeL(\xbc\x13\x0e\xef\xc0(;\nAtj\xc2\x94\xcfcl\xba\x92G\xfe\xb4s\x1d\x9f@\xa0h\x01`\xf1\x82\xc7\xe7\xb2\x8af8o%\xe8|\xa8|\xf4\x12\xc7jme\xcd\x01\xac\xb4#\xa0\xa4\xb2\x13\x98\tE\x81\x12\xb0|$\x1c\x0e\x17\x01\x16\x04\xa9\xe8\xe5m\x8f\xf3yS\x82\xaaTQ\x0b\xc5\xbf\xb8\x8aE\xf8\x13Z\xa0\x80$\x067\xcf=\xc0\xda\x16G\t\xda\x88\xa4G_\xf2\xc5D\x7f\xa4U2\xb7V\x97N{\x01\x96\xb4\xda\x8f~\xfa\x04\x17\x8b##\x00\x0bd\xcbE\x83 H@\x03\xb4\x00K\xcaR\nb\x11\xc0\x05\xfe\x1d\xd9)f&lt;\xccR)\xcb\x16\xdc=\x9e,\xe1\xc2p\xd7\xa3\xaf\x08Q\x8b\xd4qr\x15\xc1\x12p\xa3\xf5_s+\xd7j\xb1\xc8\x05\x97\x01P\xc9\xff\x8b/&lt;\xc2\x85#\xfe\xf7\x10\x1d\xe2\x90\xd9X&gt;b\xba\x94\x96\xd3\xe91\xae\x1c\xc7\n\x87G\xe4\x19\x8f\xa1@\x06X\x1b\x9b\x93#\xc5H\xfe\xa4\x83\xa87\xcf;\xe6U\xc8\xcf\x85\x99bde+\xed\xa8\xf7\xd9\xacb\x83\'S\xdc\xc1W\xbd\x16\x04\xf6\x0b h\x9e\x0c\xb0`y$\x11eQ!N\x15`\xba\xc6\xc2\xb9\\V\x04\xc7\x8a\xecDL\xd8\tQS]\xd2\xc3\x13\xd3\xe5]9\xdc&lt;i\x19\x8e\xa7\x1d\xd3\x00\x8b\t\x1awPV\x1f\xc3\xf8\xda#%U\x14\x15\x8f\xd6\xd6V\xce\xf6\xcb\xc3r\xbf\x9eWN+wU\xc9\x01\xd5\xc7\x8f\x7f\xc9%C\x9c\xc1\x8d\xcf\x91\x08\x86\xdd\'\x0c\x0b\xb4\xa6_h1.\xcc\xbd\xc5\\T\xe4p,\x19\x10\xeb\x1f%\xf8\xaa \xc2\xe1\x92\xbb&lt;\x1e\xb9\xba\xba\x8dJi\xbc\xf5\x9f\x12\x94\xc2\xa2Q\xc8\x14\x14\xdf\xa48V\t\x8eew\xf27\xce]\x03\xec\xc2\xdbm\xe2\xb0H/\x0e9U0\xb7\xc4%\xd2\xe6\xc6\xdb\x8d\x88\x8ci\x00X?]c\x019\xb8\xd5CdW\x85\x8b\xcc"\xa3\xdc\xb0\x1c\x05\xcfR\xab\xc4\xef/\xa0\xf2\x9f&gt;\x86K\x80ZL\x99=\x05\xbc\x0f\xc7_*\xdc\xdc\'n|\n\x9a@;8\x1aa\x97R\x9b;u\\c5gJn\xe1b\xdc\x92s\xab`\xa9Rf0\xc8$AV\xa9!\xd3,\xb3\x19\xf9A\xa7-\xd6\xda\xc6F3\xb7p\xb1p\xac\r\x80%\x86\x99\xf6\xcf\x04\x8e\xc0\x81\\\x9b\x05\x0c\xc3\\\x88.}\xe60\xda\x84\xcc\n\xd4#\x07r\x85K2\x91\x08\x0c\x93\xeb\x11\x84\x9f\xd4\xe9\x1cA\xab\xcb\xcaW\xaf\xd4\xad\xac\xd5`\xad~\x9a\xde\x90\x01\xbe\xdfc\xc0\xb1\xf6v\xdf\x8c\x1a\xc4\x96\x0bB\xafW:\xb6\x91\x02\x99BQ\xae,\xe7\xb4\xc9\xa0P|\x17T\x17&gt;2\xf5\xa0\xfe\xc6\xc6\xc6B\xfd\xf0\xda\x9aWW7U\x97\x04\xddt\x9d\xb7\xdd\xbb\xa87\x99Zc\xaar\x90l\xcf,\x13\xecD\xd0|\xe5\xec\xe2\x85/\x04\xdf\x17\xfc\x9c\xa2\x0b\x99~\xda\xf0\xf2\xf3q\x07\x1f\xb12gA\xd1\x03!\n\xecXkk\xde\xaf\xaf\t(m\x08_[\x07B\xed0\x06\x82,ru\xcc\xef\xbf\xaf\x94\x182\x9eY\x83X\x88\xa4\xf6\xf6\xd6\xed\x15\xa3\xfb\x95D\x0f!\xf0\x92\x12\x07\xc7~;M\xfa\x10\x89\x98i\xf0Lf\x0c\xd6\xf2j\xbf\xdfo\xc2\x12\x14\n\x828\xf9\xbd\n\xb5Z\xa3\xe8\xed\x05&amp;\x84o\xb3\xd9$\xf7\x85\x01\xe1,\x9eC\x805\x91[\xb7\xfd\x9dX\xb1\xae\xdd\xfe&amp;"\xb3\nmc3\xe9\xa4/\x88\x08\xc5@/\x83\x95%\xaep\xc5\xda\xc8\x12\x89\xcdi&gt;\x8d\xc7\xe3\x9a\xd3\xd31M\\\xa1\x18\xd3(\xb4ZE\xdc\x8c\xd8\x83`30e\x12g\xeal}+\xb8\xb0O\xf4\xe7\x9ex\xd5\x0b\xc5\x12\x9f\xa6\xc1\xed\xf0\x05\x82\x88\xd5e0\x88Y\xb2Q\xabPb\xe3\xf7j\xe3n\xb7F3&gt;\xde{x8a\xee\xd5\x02\x9b\xad\x05lM\x9a\xf8\x86\xd3\xc640\xad\x88\xd3\x9c~:3qQ\xf9\x7f\xf8&amp;\xe9\x9d\x85LVj\xca\xba\xb5\xbe@\x00T\xbd\xc1%\xb1.\xa4\xcc\xbd\xff\xa3\xe5\xfcc\xd2\xbc\xf38~&amp;\xa6h\xfc\x83%\xcdb\xcc\xeel\xa6\x17u\xab\xc1Flqj\xceT$(\x84\x91\x19\xfc\x03li\xc1\xc2Cl\xcb\x13\x02\x0c&lt;\x12~\x1d\x8d%\xfc2\x0f%\x81,\xb8\x10=\xab\x13\xcf\xac\x18R\xd9I\x13!1+\x1cwC\xda4u\xd3\xae\xc9\xacV\xed\xa9\xf5\xd7\x127\xef\xf3\xc5m\xf7\xf7\xb6&gt;\x9f \x81\xc4?^y\x7f\xde\xdf\xcf\xf7\xf3}\x9e\xcf\x83\x0b\x84\x91k\xccL\x03\x9f{\xd3\xe7\xbby\xf3\x1f\xd0F_\x87\xbd\x99\xa9dY\xe9q7\xc8\xc5e[\xd4.\xdb\xc5[\x0f\xc8\x98\xa8\xa4T\xafI*\xcf\n9Z\xa1\xd2\xa3\xf4\xf3\xbb\xc11\xfa\xa5Q\x9bP\x881\xf9\xfc\x8fJ\xcf\x7f\xf9\xe5\xc1\xc1\xc1\xcb\x83\xfd\xcf2\x9fm]\xbf\x9e\xfb#\x80\xb9xt\x9b\xa5\xbf\xa9\xdb\xc4\xd4\x8c\xda\xde\xf4\xcc\xc8\xff\xaf\x82\xaf\x99z\xe4Z\x8e\xd3\xacT*\r\xdd\x7fk3-\xa9\xc0\xe0 \xd3G(\xb6\xb62\x99\xfd\x83\x83Lf+\xb3\x95\xcb\xe5\x16\x9a\xbd\x9d\xb0\x06\x84\xcc\xfe&amp;\xaeE3\xea\x0c_\xfcg\x1fIS\x8b\xbdk\xb1\x15N\x05]\xe6\xd2h\x02mUe\x16\x9bmE\xc3\x0cx&lt;\x0b\'\x91\xcb\x01\xd9\tSnaA\x14\x8dzM\xd9\x88\xa4\xac\x89\xcb\x14\xdap\xfc\x0eYX\x08l\xf6\x0eU\xc0\x1bu\xc9\x99mU\xdd\x96\x15\xb7{\xc2\x1e\x0c\xa2k6\xcd\xcd\x80\xa5\xef\xdf\xda\xea\xcf\xec\x00S\xeeQPL`\x92P\xc8\xd1]U\xc5V\xcb\x9c8yj\xe5\xd7\xe3\x7f*\xa8&lt;\xe1\xa8L\xdd_\xd5\xad\x8feM\x9e(A|\xff}\xe7\x86bl\xf1\xf6b:u{0\xb5v{\x11";7\xef\xcdq\x1d\x0e\x07\xa3\x8baq\x01\xd6\xad[w{\xc9\x1b!\x1e\xbe_[\xc1s\xdad.vU\x93#\x91p\x84$v\xb1\xcb\x1dK\xa5\xd6\xd2k\xdb}}\x1fo\xf7\xa5\xb7\xd3\xa9t\xea\xc1jn\'\x13r8|]]\xfdL\x97\xcc\x86\xdf\xb9?[M\x1a\xd5\x1f\xfa&gt;\xbdXNW9UB\x0bC\xa1\x18K$\x12\xdcLnnu#5\x9eJ\xa7S\xc3}\xa9\xf4p:=&lt;&gt;\x9eZ\xdf\xda\xb9\xde\x1fr\x84\x14\xb7\x19\x165\x18&gt;|\xe7\xfe8\x85L,\xbc\x16a9\xd5!\xc5 p\xe9\xb9\x99\x9d\x9dLbqmm\x1cD\x1aN\xa5\x86\xd3\xa0\xdc\xe1\xfe\xf2\xe6N\x0e\xb0\x18]\xbe\x10\xd4,\'\xae%\xd1\xf1\x08k\x1e\xd7rx&lt;\x95j4\x92P\x0c\x0e*\x12\xfa\xfe\xdc\xce\xe6\xe6\x7f\xb72\x1b\xab\xab\xa9\xd4\xec\xea\xdaZ,\xf3\xf4\xc5\x8b\xe5\'\x0b&amp;v\xc8\xd7\xa5pd5\xc2p\x18\xd7\xde\xfa\xa2\x9aT,\x15\x07a\xf1d\xea\x19\x07\xd2Ko2\xe567\x97\x01d9s\xb8\xb1\xb1~\x98\x81\xcf/\x96w\x16\x0c&amp;6W\xa1`\xe8\x99\x1a\x1b\x8fwQ{\x7f\x9c\xcc\xa1\xf9\xbe\xa4J\xcb\xa1[\x01L\xa8\xd6\xa3\xbb+!\x93D\xb2\xf0\x04q=\x85\xd8\xdf\xdd\x85\xf7&lt;\x95D\xa2w(\xc6Bl\xa5\xc6\xa6\xe2q\xae|\xdaG.\x16\x81k\xe9V\xabU%sYBcc \x97D\x92\xcbs=\xdd}\xb8\xf7r\xef\x93\x97\xc0\xb5\xb3\x90\x93X$\xa11E"\xc4f\xba\xc0Y\xda;_\xf5\x92\x8b\xc5\xe2q8\x02\x84%T\x9bB\t$\x97EbXX\xd8Y~\xfatw\x0fbw\x7f\x7f\x7f+g\xb2\x04\xd8\x8e1\x94b\xa6\\\xe6\xa4sn=&amp;Y\xadI\x82^K5ZyN\xa1\xdab\xca"\xb9,L\x89\x84\x9f\xdb\xda\x87\x1d\xf1\xf0\xf0\xf6\xc1\xc1~\x86\r\x070$\x96#\xcbd*a\xe7\xa9\xbd\x12\x7f&lt;L.V\x94e-\xa7J\x8dV\x82e\xb60#\xc8&gt;&amp;&amp;Sbb\xc3vxx\x12\xfalD\xad\xb4\x80\xb3\x14\xa1\xacZ\xa3\x14\xe2\xdaZ\xedh\x92L\xcbW\xf7%\xb1IB@\xa5\n\xa6\x08\x95X\xa3A\xb6w\xb0-J5\xd3\x121\x99L\x91\x88\xdb\xed^Qk4\x1a?;\x04Xz\xb7\xc6\xe5\xb2i9WpW\xf2[\x12\xb1(\xc3\xf3\xd1(\xcbX@\x15X\t\x15\xcb\xacdF\xf4c\x8en\xe0\x9a\x98\x90\x8f\nma\x1e*\xb5,\xb9R\xc2\xeev@~A,\xb9\x0c\xd7^\xd1\x86]\xc9Y\x12\x1f^\xa1\x0c\xaf`\xd1\xa8\xb5\xb0\x80j\x9c"X\xf6\t\xc0\xe2V\xd5uC\xe3&lt;!\x97\xa9xF\xa3\x91\'\x13\xcb\x99\xecn\x06\xc3\xe7\xf3\x85\xdcj\x97\x0cU\x07\\&gt;\xe1\x9e%\xcfY\x14\xca\xf8\xd2\xc0@\x94\xd0\x15\x97\x18\x8dV\x96\x18\xd30M\xdc\xba\xba:6\xf2\xb8\xc6\xe5\x9c\x82\xb3\x05S\xaf\xe72\x18M&gt;\xdf\x98C\xafv\t\x81\xaa\xbc\xd6i\xf7\xba\x1f\x90\x98\xc3\xeao\xa7\x07\x06\x06\xc4\xc6\xa2S%\xd2)+!6kL!n]UU\x1d\x17\x8eE\xfa\xc8\x92;\x96M\x0c\x0e\xfa\xa0o\xf0AS\x13A3\xb2\xe5\x15\x15t\xd0\xd5\xbdJ^\xe1\xa2T\xcf\x8e\x0e\x04\x83\x03DCQq\x83N7\xc5B\t\xd3w7A0\xb8!Gb&amp;\xbb\x11[O\x8cA\xfe|\x0e\xbd&gt;\xab\x91\xa9\xe8\xe5oU\xd0UX\xd0\xab\x9e#\xafBTW?\x00\xac\x91\xa0x\xaa\xb8\xa8X\xa73ZU*\x97\xc5b\xe26u5UqC\x89\xf5Xl}&amp;6\x93M\xe8\x1d\x8e\x10,J\x1b\x8f\x8ef\xc2\t,(\xeaDX\xe4%\xf1\x8b\xd1\xe0\xc8\xc8\x08\xc62\x9ejh\xd0\xa1\x19t\xa7F\x1d\xd1\x87\x18Uu\xfal,67\x17K\xce\xcfggb\xb1\x88\xc5\xbd\x02\x07\x1f\xc1[\x05\xd2)\x96]4\xd2\xa9\x9c#\xaf\xdf\xaa\xcecut\x88\xec,c\x03p\xe9tR\xab\xcc\xb5\xe2\x8e\xcc$\xf4nw\xec\xf1\xdc\xfc\\rzin&gt;\x99\x1c]Z\x89;\xe9\x82\x82\x82\x92&lt;UG\xa7\x7ff\x9cD\xb5\xee\xca\x83#\xd7h\x9d^\x8c@\\\r\rR\x81\xd5f[Zr\xcd$\x97\xe6\xe7\xe6\x92\xf1\xe9\xf9\xf8t2\xbe4\x1d\x9eF\x19,(\xcck\xd5\xd9q\x8d\xe6w?\xb8D\x9e\xb7\x00\xab\xe3Z+\xad\xd3\x8c\xb1\xa6tEE \x98\x94\xce\x8b\x87\x9dKq\xdbJr:\x1e\xc6\xe3\xf1\xf84&gt;\x1d\x0e\xdb\xe8FiA1\xac\n\xbb\xd7\xef\xa7\xd1h\x9dj\xf2\x8e\x18\x94Kw\xe5#\x1d\xad\xad\x97\xfd\xde\t;p\xe5\x05\xd3\tp:/\xcc\xc3A(\xe8Bq\x1c\xfe\xe2&lt;\x9c.\x95\x16\x16\x02\x15\xe6\xf5{\x9a[[i4\xf5*YX\x14\xc02\xdf\xbb\xd6Z_\xdf\xe3\xf1O`?sI\x05\x02*\x9d\x8e\xe3\xd0\x1b\xe3\xe5t\x8e@\xa0\x05\xafKK\x8aK\xa4V\x166\xa1\x0c\xf4\\nmm\xa6)Q\xe1\xfa%\xde\xdc\xddj\n\xa5\xba\xb7\xef+9\xc2jo\xef\xf1x\xcd\x18\x81\xb8\x8a@/\xa9\x94j\xe4\xd1\xe9Z\x9cG\xa5\xd2\xa5T\xc0D\xcf\xca\x0b\x10\x95?`8[_\x0fj\xf9c\xc3\xbd\xbd\x97~\x8a7\xd3\xd7\xe7\x91\x9em/n\xc4\xe6\xed\xf7\xae\xd5\xb7\x0f\r5\x06\x94J\xb3\x18q\x81\xc1\xf2k\xd2(\x90\nx\x82\x12\xa9@ZPR\xf2\xfe\xfb\x85\r:\x02v\'e\xc0`\xf8K;\xe2\xeat\xaf\x1f\xbc|\xf8\xf05\xc4\xde\xeb\xedKo\xe4\x9e"\xa5w{\xf7\xbb\xa3\x1f\x9f\x0b\xa7\x11\xd6\xd0\xd0\x99\xcaFC\xc0kG\\H\xb0"\xd0L*\x05\xfb\xe7\xb3Z\x84\x1e\xb4n0\x12,\x0c\x13\x05\x0c\x8d\x95\x95\xed\xed\x08K\xa3~r\xf4\xcd9\x14\xef\xdd\xf8\xe1\x93\xdf\xaf\x17Xj-s\xfc\xe1\xab{v\xb1L8\x00XgZZ*+\xf9\x06?p\xb1\xa6\xf2\x82!\xc9N!\xd5\n\x1bN\xbe\xe9\xa0\xc1\xc0\xec^\x8f\xa1\x91\xdfR9\x84\xb0:\xbc.\x97\xf7\xd1\xd1\xbbW\xbf\xfe\xfa\xafWk\xfe\xf5\x8c\xf2;x\xf2\xaf\xea\xde\xbd\'\xcf\x7f\xec\x80\xc5\'f\xb1\xa2\xe0\xad\xa1\x0f\xde)-mi\x0c\xf8E\x98\x98EL\xe5\x9d_\xf4K \xe5\xa6\x08b\x12Q\x05\x1a\xf9l\xf8\xd7!\x84%2C\x88\x1e\x1d\xdf\xa89}\xf5\xf4\xdf_\xff\xd64\xfe\xec\xf2g\xdb\xebG\xc7^\x8f\xc7\xdf\x11\x8cNN"\xac\xf6\x0f\xce\xb7\xb5\x95\xb6\x18&lt;^;p\x01\x98Qw\xb2&amp;\xf3\xf5B\x87Z1\xb0\xd5\x80\xc8\xdf\xd3\xc8\x7f\xa7\xad\xed|\xe9\x99v\x84\x05\xd5^$\xf2\xfai\xc7\xaf\xfe\xfc\xde\xb9\x17\xcf~\xcb\x82&lt;Az\x96\xfaxo\x7f\xf9\xe8\xd5\xbb\x9b\x86\xc6\xb3=\xb4\x8e`\x1e\xab\x1e\xd4*+k\xeb\xe7\x03\x97\x08\xc0&amp;\'Y\x04a\xcd\x07A\x10\xe8\x1a\xb8\x18\xb3\x0f@q\xf7\x9c\xad,m++\xfb\t+\x88\xd9i4\xd8\x85\x02=\x9e\xe3o\xde\xbe\xb0\x97\xff\xf5\x0f\xca\xaf\x85\xba\x94^\xccl\x1e\x1f]\xb8q\xe1O\xff~{\x99\x0f\xc6\xbdL\x1b\x89\x9e`\xb5\x9c/+cp\xfb\xf9\x8d="hs\x06\xa2Q1\x86\x891\xb9Y\x83bb\xc2l\xf6\x8aDh\x1c\xa8\xb2\xad\x0c\x9a\xc424\xe3\tXQ\x8cv\xf9rs\xb3\xa1\xd1\xb0y\xeet\xcd\x0f\xbb\xaf\xd3\xbd\xbf\x06,/\xd4\xf6\xc1\xe6\xab\xcf?\xff\xb0\xa6\xa6\xe64X\xe1;6\x18\xa4\xbd\xbecr\xf29*\x10H\x83:\x06\xa3\xfb\x7f\x8c\x9c_h\x1b\xd9\x15\xc6\xcd\x88!0\x8c\x86\xce\xce\x88Y\xcd\x8c\x90\xc48Z\r\x83m\xb1 \xeb\xcf\x88\x89Q]9BEFK\x8d`\x85@\xa1y\xaa\xe4}\xb7\xf6\xa1\xa5\x06ei\x1e\x12\n&amp;\xbb,^T\x13Aq\t\xc4y\xc8\xf3B\xb1\xc0\x10\xe3\x87b\xea866\xa1\xc6P\x1agw\xb3\xd96\x9b8\xedw\xee\xd8\x9b\xd2\xbf{\xe3\xc8!\x92n~\xf3\x9d\xef~\xe7HIde\xcb\x00\xb8F\xeb\x17\xbf\xc3`\x8f\x17\x19?\xbf\xf2\xc9\x0f?\xf8\xa0L\xcb5\xb5\x89\x04f\x8b\xb4\x11\x9d~\xd7\xbd|\xfb\xda\xfd2\xce$\n\x9b=\x95\x14E\x89\xef\x1f\x81\xec{\xbe\xcd\xcb&gt;o\xe5\xf0\xd1\x17\x7f__[[[/u\x95\x90$u\xbb\xc3z\xb1^\xc8}6\xce\xb0.Mk\x06d\xc8/\xcd\xcfY^\xa3|\x19\x8e\xa17\x04o\\\xf9=\xd6of\xae|r\x03H.\xc4\x8a\x163\xf9|bb\xe5;\xac\xf7\xa7qq\xb33O\x07RW\nH!\xc5~\xf5\xe4o\x0f\xbe\xc7\x87Y0\xa8\x07\xcf\x0f\xd6\xd7\x88j\xad\x1a\x0fH\x81\x80 u\x07\xbb\x13\xe1t\xfd\x8f\xe7X\x85"a\xe5\xe7\xe7\xc3\x96\xe7\x96/\x97}q\xb2\xd7o\xde\xbcy}&amp;\xdbp?v\x9b\xe3\xe3M\xd3\x98`Xa`9p\xc0\xf2\xfde\xafP(\xcc\x14\x8f\x02\x12\xb6\xc5Ju\xaa\'O\x9e\x1f\xfe\x9f\x0c\xbb\xe0\xe7\xe6i\x951\xad\xadWG\xe3B@\x10T\xb0\x1d%\x12++u\xf7\x0c+z\x8e\x95(\x9aN\xc3\xc5|\xe0\xbae\xd7\xab\xdc|\xfb\xed%\xab\xe96n\xb8\xee\xd5qG\x9b\xc8\xcc\xe71\xe7\xa7s\xd1i\x0f\xe6\xba}\xed\x9a[\xa8\x1bE\x88\x15\x10T\xda\xd9.MU\xd7O\xbezD`\x17\xfeg\x98\x7fs\xba_];\xa7\x9a\x8a\x08*\x96 I\xfc\xb7\xf9\xc4\xadz\xf3\xce\x0b_-*b\xe2\xbd\xf7\xe6\xf3\x13\x86\xd7 \x1f\xbb`\xdb)\xde|\xeb\xadL\xcfm\x12\x96\xdb4\x8b\t\xcc\xf8\x89\xc5\xb0Q\xb0L\xa7\xe9\x96o//\x97M\xa3\x98\x1eJ\x92\xc0q\xaa p\xf1Ri\xb4J`\x7fy\xf0_?a\xe6\xc2;\x87\x9f\xee\x9e\xeew \x15j\xb8^\xad\x8e\x96J\x91\x14\xcfa\x07\x92\xeb\xc7\xf97XQ\r\t\x91\x98\x7fo)\x9f\x08kN\xd3\xc1W\xd3\x1d\xdf\xee/~\xf4\x91\xe6\x8e7\x9dF\xa3\xd9\x9b\xd6\xc2TB\xd4PcX\xcd\xf1\xf2\xfb\xcbeO+\x1eC,\x95\xe39U\x1d\xd8\xb1Hi\x8a\x81=yt\xf8\x1f\xcd\x8fD\xf8\xf2\xe5\xfe\xbe\xdd\x01\xd4:\x83\x9a*E\x92\xc9\x94,\xf3&lt;Gr\xbd\x04\x96{\xe7\xc5=\xc2\xfa\xac`@\xad&lt;\xc9\x95(\xce:\r\xc7\xf3\xc0u\xb5\xb7\xba\xb1\xe1\xdd\x1b\xf7\xb2\x8e\xe3xQrV\x82j\xa8E\xadi\x0f\xb5\x86^\xe5\xec\xccS\x1en\xe5x^\xe69;\x96,\x95\xc0\xc5\xc0\xbe\xa0R^\xf8\xf7\xfa\xfdjs?\x0e\xa9@Dk\x14X\xc9X,\xc6\x8b\xb2,\xab\xb0\xe8\xf0\xdb\x89z\x19X\x97i\xb0\xb1\xea&gt;\x16\xc0\xc2\x1aQ\x98\xa6\xe3^\xbd\xd464\xf7^3\x9b\xf5\x1c\xcf,\x84\x17\t\nT5Pe\x89\xebc\x1c\x8b\xdc\x10\xd2\xab&lt;6\x15\xf9\x90\x12\xb3\xed$\x04#\xc5\xaa\'\x07\xcf\xfe\x05\x0cAu\xf8\xf5p\x08W1\xa8\xd1R&lt;\x19\x8f\xc7#\xc9\x96\xd2\x12\x82\xa2(stt\x8eV\n\x97Y\r\t\x8b\xe4\xca\xcf\x13V\xa6\xa2\x81\xc33\xb3\xce\xf6\xf6N\xbf\xbf}\xd5\x9b\x9d\xf5\xbci\xcb\xc0\xab\xda\x04\xfd\xcb\xf4B\xd4\x9c6M\xcf\x01W\xb9a\x1d\t\xe4,Y\xc4\x12B\xa9\x80\xa4$}.\x92\xec\xe4\xe0\xf9O\xff\xc9bH\xcfO7\x87\xe2+r9\xd6\xd4\xd4d$bc\x00\t)\xa1n\x88\x07\x17\x8f\x8c\xe8\n\xc7\x85\xdb\x0c\xab\xe7c\x85}\xb9\xf2\x95b\xcd\xb2L\xd32\xbdmZ=\x93\xb0L\rr\x82j#\xad\x01\x8b\xee\x85\xa6\x8d\x1b\x1f\x1e\x0cp\x81\x1c\xa4\n\x069J\t\x08F\\\x00cd\'\x7f}c1\xb8\xea\xeb!\'\x0f\xd6\xabSt\x7fi\x12T\xb4\x926]MJ\x04\x17\x17\xe8\xeeu\x07\x07\xcb\xf7\x1f\xb3\xe1\xd4\xb2\n\x08\xfa\x15\x9c4\xbc\xaa\xcf\x84\xb5Y,\xa0\xf5\x18UM\x9b\xcd\x9a\x10\xab\xb28\xb1\x12N\x1b\xb5\x1a\xb0\x88\x1bu\xfc\xf0\xabA\x97\xfcNT"d\x0b)\n|\x02\xb0\xef\xc8:\xc7\xcf\xceb\xec\xc2\xe1\xb3\xa3\x81\xc0\xa9v\'\x12\x99\x04\x12\xa0\x92\x91d\xfc\x1c,\xa4\xea\xba\x08w\xed\xed\x85\xf6\xb7\xaf1\xb1L\xab\xc0\xb0n%(\x022\x8b\xc5\xd9\x99\x19maA\x8b\xf6{\x9eU\xd3\xd0+-\xd6\x07`,\xa2j\x83*\xca\xc0\xfa\xc3n\x17%\xe4A\xc5\xa7\xd0=B\xb4$\xfc|\xa3Yg\xf8\xf2KV\xc9?\xbd\x1c\x0e\x04!%\x0c\xec\xb8\x8f\x05[\xc5\x93x\\\x1c\x17\xa2@hQ\x0f\xa2\x8c\xdd\xbd\x96r\xba}\x9bM\xf2\x84e\xa4Wn\xa1N\xf9\x0cE\x00\xa8\xe6*\x950\xc60\xfcba\x06l\xd461f\x18\xb5v\x94\x16\xeale\xdbC\xa5\xcb\xfc\x1e\xd4e\xb8U\x82\xb7\xb0\x04\x017\x12\x91E\xe8\\\x0e\x06\xc3??xgdw\x88^*\x00\x00\x06\xb8IDAT\xe4h\x90\x1a \xdb\xe4\x01QE\xce\xb8\x921%\x14\xa2\xf6\x10\xc2\xd3\x88\x8b\x93\xba\xad-\xe5\xd5\xf68\xb0L*\xa2\x01\xae\t\xb25\xfd\x7f\x8b\x05\xa2\xaa,V*s\xf4}a\x16\\4\xd1\xa4\x8d\x1c\x88r\xb8\x88\\\xcd\x9a\xad\x1d\x85Z\xdd\x80\xc0\x8b\xa2\xae#\xe3\xb11\xd2\x8bG\xfe \xc2\xc0&amp;)\xb1\x08\xc0\x06\xa2:\xd8|\xf6\xb3\x11^H\xf1\xbc\xc0\x89\xfb\x1d\x0c1\xe4+R+f+&gt;\x17]\x8d\xa0\xc3\n(\xe3\xd6V\xec\xb4\xd9|\xb7\x8f\x8aD\t\x8b\xb80\xb7\x90H\xe1J%\x93\xc9\x80\xabr=S\x99\x81\xb7\xb44a\xa1\x82\xd1\\4\xa7\x19Za6GT\x10\x0bZ\x05\xd5\x00%\x97\x18\xd4ul\xcd\xce:\xb5\x12VI[\x17\xf9\xc1\xf0\xe5\x08\xaf"\xc89^\xde\'\xa8I\x82\xb2\xb1\xc8\x8dt\x10S\x08d\x95\xa7\xe7\xa2\x8c[[\xf1\x03\x07X\xb5h\x14\xfd\'M\\T\xa8\x9ce\xd5\x8a\x95\xcc\xd2|&amp;s\xfd\xb7\x99\xccB\xd6\xf1pTq\xb7\xc6\n\x08*\xcc\xb2\xa0\xda\xeb\xe2"\xb1\x17N\x90\xca3&amp;}\x8c\x81!\x1b9!\x10\xf2\xb1D\x9c1n0\xc2\x9da\xd9L&amp;\xfb\x1cJ!\xb9\x10\x11\xd8HVe&lt;\x99\x0f\xa0\x8c[\xf6A\x7f\x1aP\xb9:\xa9\x05.`iQ\xd33\xa3\x06\xfd\r\xfa\xd2R\x06y\xe1\xf4LR\xd3\xd0\xe0w\xc8e\x18\x18eW\x8fR\xa4\x15\xaa\x02\xa3\xaa\xb8\r\xbe\x81\x12y\xeao\xa1\x183\xbe-\xcb\xc49\xc2qgX\x04\x15\xb3\xfd\xe5c\xb1\xf9C\x85^\x82\xac\x8bA\x9e\xec\xb5\x15?j[P \xa7\xd5\xeb\xf5t=\x1d.\xa2\x86\xed^\xaf\xd7\xcfm \xd6\x177\x8c\xb6\xd7tPD\x86ET9\xa387\xf7\xcdP!_\t*\x82\x94\x02\xc2\xaf\x1e\xca)\xa2\xb9\xa9d\xacV\xcc\xcf\n\x9b\x1a@P\x1cA\x951%\xf0\xfc\xfey\r\xa9\x8a8\x83v\x0cd)r#\xfc(\xc8\x94^\xd2\x1e\xe3zJX\xb9\x1c\xb8\xea\x06Y\xc8\x88z\xbd\xdeN\xaf\xdf\xc6o\xb6\xfb\x84\x88\xf0"\xach\x1bT\xf5\xe2\\xw\x18\xc2\x99\xc6F|P\x17!\x01I\x04G\xc9\xccT\x82\x9f_\x8a\x1fb1tap\x8d\xf8g\x81\x1bt\x10\xb3\x1d\xb6(N\x99t\xb0\x97\xc0\xb0p\x86\xb1\xcb\x19Wrx\x8c*\x12\x17\xd4"\x87!\x05&lt;\xa7\xb7\x83\xf5\x04\xb7\x97@\xd5\xce\x19F\x1d\xf9\xde\x07Vznc7\xa8\x10\x15\x07\x93\xea2d "\xfc\xe9T%\xb2\xbar\xbeB\xb1\xd6h\x95\x17\xe94\x00\x0b\xe7TP\t\xabS\xed\x9c\x91\xb13\x89\xe0J\x05T\x06\x85\x90A\xd3\x16y\xa4jk\xab58z\xaa\x19$\x16\x8a\x98\x86,9\xea/\xc4uig\xa7\xd7\xf3L\xf8)\x8d\xfb!\x9dY3\x8aw7\xc5.3;j7&amp;\xd2w\xff\xf0\xb1\x99\x0b\xfd\x87\x19Y\x92X\xb6\x9e\xdcy\xcd\xd3\t\xe0\xe1-\x80A-d\xc6$\x8b\x08\x04\x05[4\xda\xc4\xe8\xb1\x14w\xd2\x1e\xb8`\n\x9c\xc7\xbdV+5&lt;^-\xd6W\xd3i\x16\x99\x1a%\xb9i\xfa\xf5\xf3\xbc\xb6U\xcb\xe1&lt;\xac2\xd8\x99\xf0\xee\xa6\x88\xee\xcc:\x8e&gt;\x16TU\xa4`\x90i\xe5\xa7U\xc8\x8f\xfa\x00\xcb\xd4\x93_?|,\x06}\xcb\xf3&gt;\x16\xc6\x18*.y+\xb2OF\xeb\xa0?\xa2d\xc9V\xab\x85\xcbA\xc8s".X\x86\xea{{Rp\xf3.}\x18\x05\x92\x0bG\x91uc\xb3\xdd\xee\xf7\xdb^\xd6\xac\x81\n\x9d&lt;\xbd\x1a5\xb3\xda\xea\xe6\x98\x0c\xa7\xfb!\x15\x949\x99\xd9\x9c\\\xc3\xf9\xf1\xde\x95\xfc\x85\xc9 \xfe\xfa\x97\x0f\x1f&gt;\x1e\xea\xf4H\xf2\x16\xadT2\xe6\xc7\'\xd0\xe9\xed\x0b;\x16OF\xb6\xb6\x00\x86\x85&amp;Ip\x02\xf6\x13\xb17\x06\nI\xbe\xb8\xbb\x11\xa61\x01\xbd\xa7\x86\xc1\x05S\x03\xa8\xfa\xc0b\x11\x0f\\\xc3\xcaj\xbb\xa0\xf2[\xb3&gt;6\x16\xa4y\xc6?{\xcc\x1a\xd4\xab\xe9\x07\xc9\x81v=\xf9\xfa\'\x9f\x9fc\xe9#&lt;\xab\xa2\x8f\x05\xadQp\x95\xb5\x03*:\xbeZ\x8882\x1a\xa9F\\*u\x7f\x90\t\xfc\x18\x04\xc30\x98\x98(\xcef\xbd^\xb3\x89\x19\x15S\xea\x1f\x1c\xf8\x89F\xc0\xc5\xa2\x99\xdb\xbd\xa8\x93@,\xa3\xc6tYf\x81\xc0,\x95\n\xd9\x08)\xea\x82%\xd6\xa2K\xa5\xea\x8b\x1f|\x8e\xf5\xa3!\x05\x87~\xae\x96\x1d)E\xe26\x91\xa9\x94b"\x85\x1cU7\x90\xa2@\xa3q\x82\x04\xc3lO\xddC\xa7\xa9B\xd4/n\xde\xa5\xb7\xe4\'038\xf42\x03/6\x1a\r\'\xab\x81*\xbf\x94_=\xde\xbc\x08\x8e !\x8d\xfd\xa3j+Vm#\x88\x82\x87\xc45B\xe7 \x840\t(\x9c\xb1\xb7\x88\xed3W\x9d\xc1E\xb8\xca)\x02\t1Ie\x8c\xdc\xc5\x01\x7f\x81\n\x17V\n\x95n\xd2\xa5=HalR\xa4W\x13a\x02\xfb\x01*\xd4\xe8H\xe3\xdaMt\x8e\xc9\xcc\xec\xcav\x86\x15\x08N\xd2\xce\xbe{o\xde\xbc\x03)V:\x0f\xeeV\x1c/\xbc\x1f&lt;\x16W\xbe\xf6\xf3\xcf\xe5\xbapz\xab\x1b\x1e\xd0V\x03\x99\x1c \xca\x0ff\x86\xb2\xd7\xa2"\x90V\x9dwt\x05A&amp;\xad\xc3\x0e\x9bY\xa4\x8d\xc0\xcd\xd8\xea\xeb\x1e\xdc\xde\x07N\x87[[\xa4\xb6\xf1\xf2\x1d\x0c"\xc6\xa2\xb95&amp;\xf1\x94\xf0F\x9b4p\xc6\x07\xd7\'K*|\xf7\xa4F\xeb\xa3\'w\xa1\x04B\xbd\xa7Ut\xfd\x07\xf3cQ#\xc8\x88&amp;\xc2\xb3\x8ac\xf2j\xd7Cf\x08\xf72X\xc6\xde\\\xc0\xdd\xbc~\x85\x80\x1d\x1c\xecC\x1cV\x97\x9f\xc2\x1d^U\xb8\x96\xdc#\xaaq\xb4#+\x86IP\xa4\xe0\xd0\xdf R\'\x8e\x920\x1b\xf3\x00\x01\xaa\x00\xae\xbf\xd1\xb9\xf7\xd4\x94\xd5&lt;\xcbv\xbd\xa6\x12+\xb1\xcc\x17p\x88~[k6]\xb6\x18\xc1\xce/vv`i`\xf9\xde\xd2X\xc0\xe5_U\xd6]C\x9c\xb0\xa2\xd0\x0f`d\xb5\xdb\xf5\xe9\xe4\xb8\xe5\xf9\xdd\xe9h\x81\t\xf0q\xcc\x0e\x10\xf4\xdb*28\xbd4\x85&lt;t\xb3\xfcX\x82\x8f\xe5\x9d\x0e\xe2\xf4\xa2#z\xe0\xd5\x87\xc1\xacEjh\xc9#b{\xdf\xbel\x0f\x06\xdb|\r\xe6\x0bR\x9eW\xd3\x85\xaaH\xd5n\xe9\xe6\x94\xac\xce\x99g\xb3\xf7\x0bB\x0e\x9fI+\nP\xa5\xa0\xd5Jd0B\xf8T~s\nzS\xa9\x17\x8bP\xa2\xcaR\x96\x1e\x83\x18\xcb\xd1\xd7W\xa2\xbdm5&lt;\xfb\xf4cxtv4\xbcy\xe0$Vl75\x9a\xbe\x86{\xee\x80\xac\xe0\xf8\x020Q\xa6\xb3\xe7\x93\xc9&amp;\xd1\xeb\xf5\xca^Y\x96\xe7cN\xf2A\xa3\xde\xef\xb7\xeb\x91k\xe9\x11U\x89?\x90\xa6EX\x14\x85\xce\x07%\xa3\xc5U\x7f\xf8}m;\x1c\x83\xa8\x8a"\xe6\x93:\xb1\xd5/\xfe\xf9\xf5\xda\x9a\xe4\x11)c\x9e\x85\x1c\xa1\xa5RKzt@\xf5\xe1\x8b\xce\xa45\x9e\x81N\xf9\x1f\xce\xff\xc2\xe5,\xfd\x03\xa3\xe5\xd3\xf7q\xf8\xb3_\x00\x00\x00\x00IEND\xaeB`\x82'</t>
        </is>
      </c>
      <c r="M346" s="3" t="n">
        <v>45492.67813657408</v>
      </c>
    </row>
    <row r="347">
      <c r="A347" t="n">
        <v>964127</v>
      </c>
      <c r="B347" t="n">
        <v>1999</v>
      </c>
      <c r="C347" t="inlineStr">
        <is>
          <t>Jadsom</t>
        </is>
      </c>
      <c r="D347" t="inlineStr">
        <is>
          <t>Jadsom</t>
        </is>
      </c>
      <c r="E347" t="inlineStr">
        <is>
          <t>VOL</t>
        </is>
      </c>
      <c r="F347" t="inlineStr">
        <is>
          <t>VOL</t>
        </is>
      </c>
      <c r="G347" t="inlineStr">
        <is>
          <t>VOL/MC</t>
        </is>
      </c>
      <c r="H347" t="n">
        <v>176</v>
      </c>
      <c r="I347" t="n">
        <v>5</v>
      </c>
      <c r="J347" s="2" t="n">
        <v>37030</v>
      </c>
      <c r="K347" t="inlineStr">
        <is>
          <t>Right</t>
        </is>
      </c>
      <c r="L34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da15ba0-b42e-47e4-9328-13093df1a0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9\xf6\x13\xfb\x00\x00\x00&gt;tEXtComment\x00xr:d:DAEewil2SDw:3129,j:9030118292309124670,t:23082714\xb3\xea\x8f\xec\x00\x00\x00\tpHYs\x00\x00\x0e\xc4\x00\x00\x0e\xc4\x01\x95+\x0e\x1b\x00\x00\x03\x00PLTE\xff\xff\xff\x12\x0b\n\x1d\x16\x16\x19\x12\x12\x0e\x08\x08\xfd\xfd\xfd!\x1a\x1a\xff\xfe\xff\x04\x02\x01\t\x05\x04\x15\x0f\x0e`?5\xbf\x85k\x9ecM\xc9\x90v\xd9\xe0\xf8\xc3\x88n%\x1e\x1e\xd3\x98|\xd4\x9b\x80\xe6\xb2\xa2\xc9\xcf\xe9\xdc\xa8\x8fS4+\xd5\xda\xf3\xdc\xa3\x8fQ/$X7-\xc5\xcc\xe6&gt;\x1b\x12\xbc\x80g\xcc\xd4\xed\xd9\x9f\x84?"\x19V2%\xc6\x8cq\xcd\x9a\x7fJ)\x1e\xda\xe3\xfa\x97^HrD6\xd8\xdc\xf6I,$\xfa\xfa\xfa\xe0\xac\x95\xcf\x94y[;2\xdd\xa8\x94\xd7\xa4\x8a\xd0\xd7\xf0\xdd\xe0\xf8eF=\xb7}fE\x1f\x15\xe3\xae\x9e\xdf\xac\x9az]V\xe6\xb5\xa7^:+\xd4\x9b\x87D&amp;\x1e\xe2\xb1\x9b\xd1\x98\x83\xbf\xc6\xe0M,!7\x1a\x11nRK\xc9\x93{\xb5w_\xd9\xde\xf2\xa7iQI#\x19\xb7\x82p\xce\x94\x7fmNDl@0\xaerW\xe4,:d&gt;.iIA\xbc\xc3\xdd\xc3\xc9\xe2\xd8\xa1\x8d\\3)\xdc\xa2\x88\xcc\xd1\xea\xd2\x9f\x85\x82M:tWP\xe5\xea\xf9\xd5\x9d\x8b\xae\x7flfA7\xd8\x99\x81\xdc\xe2\xf3l\x03\x0c\x86TC\xb7\xbe\xd8xJ;\x8dZI\xc5\x8av\xbd\x87q\xd7\xa5\x95\xf7\xf6\xf6b5%\xdf\xeb\xfb\xadxeP$\x1b\xe4\xe5\xf5\xde&amp;6\xed\xec\xed\x91V? \r\x08M1)\xf4\xf1\xf1|G2\xa5tc0\x15\x0eg9-\xe5\xac\x9aV+\x1e(\x17\x12\xbe\x8cx\xe0\xb1\xa24 \x1a\xd3\xde\xf5\xa5mY*$$\xe3\xa5\x91\xaer^\xd4\xd7\xee\xb0\xb7\xd1\xd2\xa0\x8f\xd8\x87\x9b_\x03\t\x9fhU\xd2\xca\xe28)%\x89P9\xa1zh\xe0\xb5\xcb\xea3?\xa9\xb0\xc9\xce\x8cr\\. \xd8\xaa\xc2\xcd\x99\x88\xd1\x9f\xb6\xd7\xd1\xe9\xe9\xba\xad\x91bT\x7fd_\xde\xce\xe3\xdf\xdb\xdb|OA\xa3\xa8\xbe\xca\x8c}|\x02\x101,,\\B=\xd6\xba\xd2)\x0e\x07\xc6\x94\x82\x99k]\xdc\xda\xef\xde\xc7\xdc\xd1\x95\xacB/*\xd2\xd5\xe9\xe4\xe3\xe5\xdc\x9a\x8am;(v@,\xc4}s\xc6\xbf\xd6\xd1\xb4\xc9\xe1\xd8\xe7\xdd\xa0\xb8\xd2\xc2\xda\xdd\xbf\xd5dLH\xaa\xa0\xa1\x99\x9e\xb3&lt;88\xd5 1\xdf\x94\xa9\x8drj\xbb\xb7\xb7\xc5\x96\xad\xd5w\x91O95\xa9XSqnn\x90\x93\xa7VSR\xc6\x87\xa0\x80|~\xd7\xd4\xd4\xb4\xaa\xa9\x92\x03\x15\xbf\x11&amp;HCC\xd5\x8ez\xcb\x17+\xe5hu\xf0\xe5\xe3\xb9eq\xc7If\x8138\xde\x94\x82\xef\xf1\xf8\xc5\x9d\x90\xc7\xa6\xbf\xe7\xad\xbf\xc9o\x88\x8e\x8c\x95\xd0\xcc\xcd\xbc\xb5\xc8\xe8BM\xa4\x06\x1b\xc6\xc3\xc6\xef\xbd\xb7\xcd\x80h\xd0\x7f\x84\x8a\x87\x88\x9b\x97\x98\xe9\x83\x91l+/\xed\xd9\xd5\xa9\x81w\xd3e~\xb2\x8f\x83\xd1\xae\xa4\xb3\n!fbb\xc3t_\xd6\xb8\xb4\x96JG\x8cCE\xf1s|\xecV_\xec\xc3\xce\x9b\x86\x87;\x06\x05\x85\x10\x1d\xd5Yb\xb1Xgd\x1f"\x9cMT\xba\x7f\x94\xf0\x9b\xa6L\n\x0c\xe1\xc9\xc3\xdf3&gt;\xa5(0\xcc=IJ\xff\xc3c\x00\x00 \x00IDATx\xda\xcc\x98\xcfOZ\xe9\x1a\xc7=\x078\xa7 \x12\x8e\xd3H\xd0\x0cQi\xa3\x01\x81\x85VZ\xa1\xa4\xd6\xa6\xd5\xd1\xb4\x895c\xe3\x8f\xc4(\x8a\xf1&amp;\x14PkQ"5ib\xe8,\x9c\xb8`"i0#\x0b\xc2\xcc,5$CB\x08A\x13\xba\xedB\x17\xe6F\x17\xcd\xbd\xf1\xaf\xb8\xdf\xe7=\xda\xdb;\x99\xdd=v\xe6\x01\xc4\x92\x9a\xf3\xe1\xfb|\x9f\xef\xfb\xbe\xa7\xa6\xe6\xff.\xb1FDi4\x1az\xe1\x87X\xf3w(p\x80\xc7\x1e\t\xb2\x8a\xd8A&amp;\xfe\r\xa0\xa0\x8f]\x1399\xaf\x94*\x15\xbcN\x83\xf8\xe0\xaf\x86\xaa\xd1\xd8\x03\x91\x9d\xc2\xd1q\xa9\x9cO\xc7\xe3qI\xca\x97\x0ev\x02\x9a\xbf\x12I\x14\xed\x91\xc3\xf3\xb3\xb3\xcaE5\x9d\x06\x95$\xa8PR\xfa\xe2 \xa7\x11Y}m$\x91\xba\x17\x08\x9e\x9e\x97\xf2\xe94\x80xA\x92$\x81\xa77^%T\xcfs\x11\xbb\x9d\xfc\xffu\xd1p\xc1@\xf0\xf0\xa8R\x8d\x13\x8d\xa0\xe2U:^\x92\xe2&lt;O\x88\xa0\xcb\x97\xce\x0b\xa7;\x91\x00\x1b\xcd\x1a\xf1\xeb\xf9&lt;W8\xbb\xc8\xa3i:\x1d/@\x1f\xea\x9f\x00\xa2x:.\x08\xbc\x0e\x9f\xe6\xab\x17\xc7G\x87;AY\xb4\xafC\x15\xc8\x1dW\xd3$\x0b\xe3\xe2U&lt;)&amp;\xc1\xf1\xd4D\x1d\xa7V\xab9\x1d0\xf3\xe5\x8bJ!(Kv\xfdT\xf6\xe0i\xa5J\xddB\xf1\x90\x062\x11O&lt;\x0e\xdd8\xb5\xf6\x06J{C\xabf\xbcq\xf8,\x18\xf8\n\\b\xe0\xa4DP&lt;ON\x17xj\x1f\x98`u`pZF\xc5J\xcd\xc1s*!\x7fQ:B+\xed\xd7\x0b&amp;F\netK\xc5q*6{\xd4@A"\xa3\xa3\x91:5a]\xa1i\xa9\x95\x04\x9d?&gt;$\xf7_g2\x04\ne\xd2\x08\xb3GF\'\x89\xc8Q\x94\rq\xe1R\xab/\x14\xd3r\xb0?ZY:\xc9\xd9\xaf3\x19"\x85*\x99\x1cq\x80.\xb2\xa0\x8a\xc7i\xf28\\\xff\xd2W\xffS\xb0\x18\xb8T\xe9\xd2APs]!&amp;j\x82\xe7y\xfa\xf6\xbc\x0cE\xed\x93\xc8\xe8\x18\xc8?c\xfa\xcc\xa5S\xc5\xcb\xa7\x01\xfb\xf5\x18_c\xcf\x9d\xa5ujJN\xd6=\x81\xe6O\x10\x18\x14\xf7\xe7Ph(\xb88\x98,}\x8c\xdd\x85x-ZE\xce\xe3\x1c\xba\xc5K,\xa5@$1\xa5\x10\x12\x7f\x80\xd2\xfe\x17\nXj5\xcc\xcf\x97\x0b\xb9\xc0\xb5`\xd9\x0f\xcb*\xf2\x10q\xe8T\x12-&lt;D\x05\xbd\xb8/m~\x85E@\xc4DX\x90,^:\xbc\x8e\x9d\x85\xa8\xc9Ux5\xc7\xa9\xf98-0\xe4u\xc2\x82\xc1H+-)\xf3\x87\xf6\xc92\xc9`j\x9d\xaa\nw)/\x97&amp;P\xc8\xd3E8\x96\x08\xac((\x04\x1e\xb6\xd22ok\xaf\xea3\x15\xa7\xa5\xef\xc14\x83\xbb\x0e\xae\xc1\\\xa2f\xe7B\x9e8|q\x9aAA^{\xe0+\xba6\x8a\xd6G&lt;C\xf0?#T\xb3w\xea\xa0\x16\xbfq\x9cP\xd9\xb1+\xdf\xc5\xc0A\x1a\x17\xe5\xb4,\xbb)Q\x19\x1cO@\xa1h4\x1a\x8b\xc6P-x\xc4\xa2Q\x15}\xfa\x05\x96\xacr\xb9\x10Q&lt;"4\xb9\x92D\x0b1}s\x18X\xc5&amp;P\x15BEca\xa7\xb3\t\x0f\xa7\xb3v\xa2\xb6\xd6i\ngcQZ\x1f9\xdd\x15\x96V\x07,U\xfa&lt;\xa8x\xa0\x06N\xab\xbc,\x95\x8e\xda\xa8\xe2\xa3\xd1P\xe8\xe7\xe5\x96\x07=\xd3S\xc9L&amp;\x99\x9c\x99\x99\x9a\x9aAM\xa5R\x9d&amp;o"&amp;ay\xe2\xb4l\x91\xbc\xa1\xc5\x1fq:\xa9\xb4\xa3\xb4Z\xf6\xe0A\x9aM\x9c\x9a\x19H\xc8\x16kkk\'\xdaS3\x99\x85\xfe\xfe\xd9\xd5\xd9\xfe\xfe\xa5\xa5\xf5\xcdu\xd4\xe6f\xdbLj\xa2)\xec\x85d*N\x0e\x7f-\xde ^\xf5(\xa2Q:\xb3\xd0C6f:\x84V4\xfb]r\t8(\xa3\xc1qk\xe0\xd6@\x9f\xc1?\xdb\xf5\x08544\xf4\xb8\x0e`\xed=\xe1\x96X\xf4jQ\x92SU\xaa\xe4\x94\x95K\xd4\x14\xf2\xbc\x8e\r\x15\xf6\x0eQSj\xa9\xdf\xe0p\xd4O\xd6\xe3G\xfd7(\xdf\xc0\x80\xc1\xaa\xb7X\x18X\xdd\xe3\xba\xba\xb6\xd1A\x13\x04\x0b\xa1\xe5\xda\xab\xbc\xe7\xca\x87\x8ab\x89b\xe48\xcd:\xa2\xd5\x11U\x92\xa0\x1c\x1f\xea\'=\x93\x93\x1e\x82\xfa\xc67\xe9s\x18\xacF\xbd\x05\x92\r=~\x0c\xae\x97\x8b\xafZ\xbd\xbd,.\xe4\xbd\x0e\xb0\xf2\x05E\xd7\x1f\x91\xcd![E\x10\x07\xce\xcc,\x84\x9a\xc4\xb3y\xa4\xb9yd\xa4\xd93\xe6\xf1x|\x03\x86\xad-\x08Fr\x11\xd7\xcb\xc5\xc1\xf9F\xefr\x88cA/\x07n\xfaHI,Q#\x9e\x94y\x95\x1c\xe3\xa1\xa6\x85&gt;\x10M\x12\x94\xb9\xa1\xc1&lt;l\xc6sxx\xcc3`0\x18\xb6\x8c\xfa\xaeK\x7f\xbd\x1c\xfd\xedU\xeb\xed\x96\xe5\x10\x85\xad\xbc\xebQ\xf3g\x11E\xb1\x02\x07y\xac}\xc4\x15j\\bT\xcd\xcd\xe67o\\\x1d\x1d.V\xa0\x82\xbb\xe0{\xbf\xd1r\xc9\xd5\xf6\x0e]\xbc\xed\x05\x17[\x7f\xe4\xadW%\xa8\xec\xf6\xef,M\xe7?\xb5:\xd4\xba\xe9G\x07!\x94\xd9\xb5\xb2\xe2\xbe\xdf}\xff\xbe\xdb\xedv\r\x0f\x03\x0bm4\xf8\x8d\xcc\xf7\x97X\xcf\x1boC\xaf\xa8\x8ee*a\x95\x82\xa2\xd2\xd6\xe2\xa5h\xb4eb\xc9\x8a\xd9\x9bD\xfb:\xbao\xde\xbcy\xef\xde\xcd\xb5\xb5n\xb7k\x0er\xc9zY\xf5z\xf8k\x03!\xf1\xae\xfd\xd5\xf3\xd6\x07\x0fn#\'\xe4E\x12X\x179%\xb1\xec\x85*\x8e\xce\t\xdbD\xb2\xcb@T\xcd\xa0r\x03\xeb\xde\xda\xbd{kkkn\x97\xcb,c\xbd\xc74\x1a\xc9\xf6\xe4-\xc2j\x04\x17r\x82\xd3~N\x08E\xad\x95\xe6\xf9D\xf1\xd9\xba\xc5JA5b\x1ey\xb3r\xbf\xfb&amp;\x83\x82\\n\xf7\xdc\x9c\xec.4\xd1\xc8Rb\x08X\x832\x96\xcd\xc6\xb8\xd8\x01MI\xac\x1a1x\x16\xe7\x85\xec\xeeL\x97q\xcb\xf1a\xb2\xfe\x17\xb3\xb9CV\x8b\x89Ej\xb9\xcc\xc3,#\xe0-\xd9\\u\xef\x10\x10\x84e\xa3\x8a\x85\xe4\x8dD\xf9DI\xac\x9d\x92$\xc5\xb2\xcf2z\xeb\xd6\x96\xc31\xf9\x8b\x19\x1c\xf0\xd6\x15\x15a\xcd\x99I/\xcc"\xa8,\x8f\x86\xe4\xdc\x9a\x7fnbr\xd9(\xbf\x80\xa5\xcd\x9f\xda\x15l\xe2a\x19X\xa6\xa9%\xc2\xdar\xc0\xf0.Y\xad5\xf2;Q!\xbbPc&gt;x\x9e\xe4\x92\xb1~\x9d\x9fomldzyc!\xda\x0fi\xd3\x05e\xb1\x04!\xd6\x99A\x0f\xb7\xb6&gt;8\x90\x0eo:\xdc+\xdd\xdd\xdd\x14\x0e\x1d\xd4\xc0\xe1\xb11\xcf\xe5,RD&lt;b\xf9\xc0\xb0\x00&amp;w\x91-]\xc2\x81\x82X\xf6\x93\xb2 y\xbf[\xb70\xacz\xc2b!\x8a0m07\x90P\xb4\xfa\xd0\x02\x04\xb9(Qa-`\r\xbe\x9aom\x85\xbd\x08\xab%\x1a\xa2P\xe5\xcf\xed\x8a\xe6\x83\x103\xa5\x18\x16\xa3r1\x1cV\xc3\xf4\x92\xb1|&gt;\xc2\xea\xeb\xf3\x13\xd6\xcbw\x8b\xed\xc0\xfa\xb1\x95\xb9\x9ev_\xb4h\xab\xce\x02\n\xde\xa49\xc8K\t\xd3\xf4\xa6\x1e\xc6"\xac\x06\xa8\xd4\xd0 +\xe6b\x8b\xa2\xe7J-\xd6F}\xd7\xc6\xe3\xb6\xd1\xc5vx\xbe\x15Xa\x94-F\x1b|\xb5\xea"\xa8d&gt;\xa4\xe3Y`Y \xd6\xd6\xe4\xc8HC\x03\xb0:V:\xdcd-h\x85,\xf5\xf9&lt;\x9e\xb11\x19\x0c]\x04\xd6\xbb\xd1\xc5\xc1\xa7=\xcf\t\xcb\x06\xaeD\x94\x0e(\xaarN\xb9\xd3E\xb0\x12O0\xac\x7f\x82\xab\x19{\x19`\xb9:VV\xc8\xf3\x1d\xb2\xe1Qo\xe7\xc8\xf8\xdb\xdb\xbe\xf7\xb3]\x1b\x9bmS\xa3\xd3\x83O\xc1\xd5d\n\x87M8vH\x02\xb8t\xd5\x1d\x05\xb1\xce\xd2\x89l\xb8}\x93\xd2\x94vY\xc3f`\xb91\x89\x94\x0eH\xf8\xb7\xc3Hy\xbc\xe6\xde\xa2\xb6\xb7\xf7\x80U\xd7655\xdd\x0e\xb9\x9aL\xa8\xa2\xa9\x98\x8d\xe1\x08\xa7S\xe7w\x14;\xfcP\x13\x13\t`\xa1\x89\x8ez\x9f\x87\\\x0e\xaa\xb559K\xe7\xa8\xde\xe2!s\x01ku\x01j\xe1 \x94j\x07V#\xb429w\x8b1:Z\xea\x14\xc4\x92\xd5\xb2=\x83\xe5\x1d\xf5\x0e\xdf\x18\t\xe3fL\xffv3"\x99\x87\xe1\x01joou|i3\x99\x9c\x82^\x90\x8b\xa9\xb5\xbb_\x8c\xd1\xed\x1d4QA,x+\x11\x9e^\x07\x96\xc3\xe1\x1b\xf6\xac\xae\xee}D\xfd\xeb\xd3\xa7O?\x8c\xf7\xefmo\xbfeEp\x90\xaa\x7fa)\x83S\xe3Ljz\x1aj9\x9bLN\x88\xb5_L\xd0\x9dLe\xd5\xaa\xa4\x19\x16\xa5\xe9\x80oo&lt;\x93\xcc\xfc\xfe\xd3\xdd\xbb\x0fw\x9d\xbb\x9d\xd3\x99\xfe\xd5=\x90\x8d\x11\x1cA-%S\x9d8Y\x9b\xe4\xd5\xb0\xb1\t\x85\xff\xf6p7\xc1n\xd6)\xeb\xad\x04\xb0R\x1b\xc6-\xab\xd5?\x0e-\xee\xbexV,\x16\xe9Cg{ri|v\xb5o\x00\xcd\xdb\x1e\xc0\x0c.$\xa7\x9d\xd9D4\xc4n\x03,\xc7\xbc\x18C`\xed\xee\xeff\xe9&gt;\x1d_\xcd)\x88u\x9c\xce&amp;LS\x8f\xb0\x97\xb2.$g\x92?\xdd}\xd1Y\x0c\'b\xb1l\xd3Djfs\xbdk\xd6\xdf\xf7\xde\xef\xf7\xcfZ66\x93\xa9\x1e[\x8c\xeeV\xe0\x1c\x1d\x8dym\xde\x96\x16[q\xb7s\x9fuQ\x10\x14\xcc-1r\x9e\xcff\x9dm\x16\xa3\xde\xda\xb5\x99\xcc\xfc@\x9eJ\xbe\xe8ljm|\xfe\xaa}\xb4\xed\xf1\x86\xc5\xc8\xa0\x1e\xad\xb7!\xac\x1a\xb1K\x0e\xd1i\'\x14\xc3\xd6\x01\xff\x88\x85\t\x0br\xf1\x82\xa0d\xca\x07\x0e\xaa\xd9\xec\xc4\xbaEo4.,\xf4\xaf~\xdc\xfe\xf8qu&lt;\x93z\xfa\xfa\xc9\x9d\x7f\xcc\xff\xf6\xb2n\xa8K\xef7\x18\x8c\xa0Z\x9c\x7f}\xbb\xa5\xb7w\xf9g\xba\xb5\xe455\x99\xbc\xbd\xcb\xd1h\x16M|\xb8_\x8c\x0b\x82TR\x12\xabP\xcd\x86\x9f\rY\xb0\x1f\xee\xdf\xc3\xc8\xed\xf5\xc3_\xd3\xad\x0f\x9e\xdc\xf9\xf6\xce\xeb_G\xeb\x86,\xd6[\xdf\x7fo\xddh[\xfc\xf1\xc9\xb7`B\xf5\xb6\xd8L=\xb5O{\x1a[z\x97c\x89\xe2\xfe\xfe\x8b\x87\xc5\x84 \xc4\x95\xc4\xb2\x9f\x96\xb3\xe1\xef6\xf4F\xab\x9f\xc6\xed?\xb4\x9b\xdfK\x9bi\x16\xc7\xb7]\xdc\xc0$\x91L\r\tIx\xc5D_\x12bL\x02\xf9\x1d\xdf\x84\xfc\x10\x13\x8d(\x18IB4\x10\xf2\xa3\x96\x08\xd5\xa8\xd1V%\x8d \x84\xf6\xc6\x12\xb02"+\xb5\x17\xd2trg)(4s\xd1\n+(\x95\xde\xf4b\xea\xee\xa0\xdd)\xe3\xda\x0b\x07\xda\xbd\xe8\xc5~\x9f7\xb3\xf3\x0f$=\x88\xb4w\x1f\xce9\xcfy\xbe\xdf\xf3\xbc.\xe4\xe3\x1bq\x8fv\xe9\xee\xdd\x9c\x9b`)\x07\x04]"\x8d\xbey\xe0\xc1-\x13\x98\xa6\xd8\x05\x93\xda\xa5P\xc8\xecP5\x8c\xfc&gt;\x03,\x0f\xdb\\\xdf\xbf\x9an\xdc\x02\x02z\x0bX\x03\x82v\xaf3\xbaR\xf2+g6\xfa_.\xdd\xbbw\x1d\xddcz8\xa3\xec\xedio\xd1YD\xcd\x03\xe1;\xee\x1a\x94{\xe9\xfe\xfd\xbbKKn9C\xd3\x0cd\xcd\xd6.\x82\x8c\x88{\xbf\x8c7\x0e\x0b\xea\xf4\xfe\xce\xd02\xa8\xba\xa3\xa1\xb4r&amp;ag\xb6^bdO\xc9\xb7\x82\x0f\x93~\x9e\xa0\xabM\xe4\x90\xac\x0e\xcc Y\x80\xca\xb9w^\xbcxA\xbc.\xd2\t2`y\x90.\x16\xabQ\xea\x14nlz\xfc\xe9O;;\x06\xa3\xd7\x19r:\xbdFeX\xc5\x8d\\\xbd\xdaA\xa5\x0c\xd6D8\xd3\xd7\xd2\xd7\x02\tV^\xed\xfd\xd1\x84\xae\xcaQ9\xe6\xb7\xdf^\xdc\xfb\xee\x1a\xec* )\x86\x01\x16b\x17E\xfc\xfbAgc\xbe\xdf\xe8&lt;\xffx\xf3\xe3\xeb_vv\x12\xc6\x8e\x90&gt;\x14\xeaho\xc5\xe5\xf2\xe1\xf9\xf3+\xcfV\xe4\xc9\x13\xfe\xf2fw\xa8\x85,$b\xa7\xfcg\xa4\xb5rrF\xbbw\xf5\x8f\xef\xaeM]#\xdb@4?\xa3~\xb9\xeb\xf1D\x08\x16\x0cYgg\x03\xf6\xcdM\xe77\x0fO6\xdf~\x90\xa9\x13\xad\x1dzhR\x90E\x9d~\xbf\xff\xd7_?\x00\x8a\x9fO\x97\xa2mm\xb1\xb6r\xf9\xb0U\xf9\xcc\xe4\xce\xe5r\xcc\xa0\xca\xbag\xdd\xc1\x84\xb8\x8f\x016\x05L\xb5Xk`\xb1\xae\xff\xf4\xf4\xf6\xbb\xfdw\xf5\xaf*\xa7\x17+\x17\x87#7Z\x93\xd9~^\x8b^\xa4\xd1\x88\xc8\xee\xa8oS`\xcc\xe4\xf9Je\xafqse\xb8;\x16\x8b\x9d\xc4V/&amp;o\xd1\x18\x0f9yP\x95\xd8\xd80d_j_2r4\x9a\\\xced\xc5[\x04\xebo\xd7_\xfd\xfc\xaf\xddld\xbf^.\xceQ_\xb5\xda\x13\x1bi\xebJ&amp;\x05-z\x8dC\x83 z\xd4\xd9\x0e\x97j\xac\xa4\xfa\xa2\xc3\x12d\xeb\xf0\xe4\xf0\x14\xf3\xc1%\x97Sn\xb7tP\xc5\xda\x0b)-G0\x0c\x9a^\xcc\xf5D&lt;;\x7f\xfd\xde\xb3KQ\x8cx\xfdu\x9d\xcf\x19\x9c\xa3T\xb5\xa7rc\xa4PX\x98mo\x11i\x1c$X0\xd6R\x94\x9c\xa5\xa8\xa40\x02\xac\xc3\xc3JoxN\xaa&amp;X\xae\xc1D\x18B\xfe\xd6\x9d\t\x9av\xc1\xbf\xd2\xael\rk\xea\xee\x92\x9b\xa2iz\xac\xde\xa5`\xd3y\xe5b\xf3pddd~{\xf4O,\xb3\xc5l\xd1\xb1j\x19\x8apXS\x18\x89\x9d8\xcb\'\x95\xde\x07\x01Y\x96\xa1\xdcr:\x98 \x0b\xfa\x07*\x18\xc59\xc8y\xa9T,\xdb\xf2X#8\xbb\x94\x89\x163\xd4\xc4\xd5t}\xdfl4\x9do^\x1c\x9e\x144\xfa\x82w\xb4\x99\xf4\x96\xc3!\x14\x12\x11o&amp;.\x1fv\xccb\x9e/\xb4\xc5\xca\xe5B\xb9\xd2;\xa9\xe2\x8a\x199%w)TI&gt;\x02r&gt;\x1c&amp;\xc2Y!\xd3\x1a"\xc0\x02\x95\x8f\x961\x94o\xaf\xce\xe7\x8c\xa6#\xe7)\xb0\xd64#\xcd\xc6\xe6\x8e6`\tm\xc0"\xbb6\xd6^X\x84B\xcdH,&amp;)\xcc\x03K\x99\x18\x93\xa1\x8a&gt;\xe9-\x15\xd4N\x11?8\x14I\xc2e\xe7\x0eY\xd7#Y\xb7\x89\xf6\x99dj\xca\xb4wT\x1f\x16\xe7\xa8|z\x02,\xc7H;\xb00 X,a-cpd\xf8\x87.\x1a+\x17\xe6\xcde\xc12?\xae\xe2f\x199\xad\x98\x9b\x89+\xf3\xf9\xfcr\x1e`\xc90\xb0\xb8c\x1e\xab5"\xa3|.\x13%\xce\xd6\x8f\xf5\x97\xa3\xe8j\xf9\xa40?rC\x00\x95\x80"\nI\xd8@\x03$\x925\xa1Y\x02*\x94\xb2\x9c\xea\xe1\xd7\xaa\xc8(\x02\xe1\xf0$\xbf7?\x90\xef\xedU\x02+0\xc8\x1d\x8aX\xadV\xad\xdcEST\x90`\xd5\xfb&amp;5m;\x91\x9c\x14$\xab\x17=\xadl\x11\t\xd5\xa2\xcdf\x03\x92\x8d,)\x17\xe7\xcb\xb1\xf2&lt;\xfe\x1fM\xfd\x91-J\x0e\xac\x07\x93\xca\xde^v;O\\,w\xac?\x02\xae-9\xed\xa3(m\x96m\xf9z\xa7\xbc\x0e\xfd|r:\xd0\xc3\xf3"[\x16!\xa9\xa2mm\x8d\xdd\x04\x02L\xa8\xe9.K\xcc\xef\xdf\xdb\xa2\x95e\\\x96\x06t\x0e\xb0f\xe2\x93J&gt;\xa1\x82\xe5\x87\x89\xad\xd5\xd0\xba\xc5@\x9f\x99\x80u\xe7y\xdd\xeb\xf9\xe9\xf7\xc0Z\xbd\xb8\xe0\xb5\x93\xde\xb28\x1c\x8b\x8b\xa0Z\xb3\xfdAe\x96t\xc3\xcb\xda\xd6\x16\xbb+\xf9p`l\x08M\xcfH\xd1[\x93\x93,\xd6\xe4\x83D 0\xc65\x00\x0b\xfa\x9fv\x03K\xac\xa6\xb4\xfb\xf5^\x8b\x9c\xce\xf3B\xf9\xe4\xf4\xf4\xb4\xab\x19X\x1a\x8bC\xe8p\x10,\x02F\x1a\xdf2\\(\x0cG1\xc16{\x92sA\x19\x17AK\xe7\x12$[dDL\x92\xce\x1a\xacaY\x87\xd4n\xca\xe7\x93\xfa\xa8\xf5\xfa\xdf\x159G\x16\x82\x15\x8b\xa6\xd0\xf2\xb5q*\xb4\xd5\xb0\xc8\x0eB\'\x91l\xfaS\xa5R\xc5\xc8W\x05\xb3j\xb1\xcc\xe0Q\xbb\x80\xa5T\x16\x8b\xff\xc7\xb2\x13\xac\xf5uk\xbf\x98\xc2\xe0r\xf9d\x07\xf5?\xb1p\xc6m\x12`\x15,\x0b\x02/\x8b%D\xb6\xde\x13,!\x99\\\x92\xbe\xfc\x8f\xc1\xb1\'\xe9e\xfeFP\xbdDl\x85\x81\xa1\x83\xaax\xb2\x96-v\x99\xa4\x05\xd6\xfa\xfazdH\x8c\x8e\xf7\xdd\x99Xo\xc4\xabb\xd3W]\xe1\xf0\xb4\xb0\xb6-h\xc6I\xd4`\xa0\xae\xd5\xb0@e6\xeb\x04\x9f\xbeL\xb86\x8a\xf1\xc0\x1c\xf3\x18\xd6\xf0\xb1\x1cGQ:\x17F\xb6@E\x86\xd6 \x97\xcc\x07\x82e\xc0\xd4\x82\'\xe1&gt;\x1f\xaf\x1f\x8b\x83*\xe2$\xc6\x84%\x1e\xb9\x14u\x1a\xb6\xb5\xde\xaf\xd9\x16\x91+\xb3\xd0\xb2Y\xadf\xfc\xfe\xe5\xf8\xc3\t\n\x8ay*\xe7\x86\x92q\x01\x8b_,*k5\xe4\x92\xf9@\xb0\xb4\x14\xc2\xa4\x88\xbck\x84&gt;\xe5L\xdb\xca\x92\xb6\x98\xc4\xcb\x13\x90y\n,\x1b{\x14q)\x92!_\xd8\xac\x94n\xae\xa4\x8a\x89\x84*\x08u\x85\x90\xe3(\xc6A\x85\xab\'\x9eP\xa9\xc6\xb8\\C?i-\x8f:GQ\xbf\xfb\xc4{\ry\x19\xe6t~\x9d\xc7\x9d7\xef\xe4\xf1\xbc!\x91F\xa2\xabu&lt;{\xfd\x90i\xaf\x1b\x86G\xf3f\x8a~\xff\xa3A\x9f\x9bX\n\xa9]\x15\xe7\xe7I\r\x815\xf6\'\xd6\xae\xdc\x8d"\xfa\xb6\x0e\x1a\xf2\xed\x08\xa7\xe9\xdc,\xd1\x08mQ\x1e\xaf\x1dX\xc3:\xb3\x8d\x1c\xc3E\xd2Y\x84\xea\xe6J\xb4\xd4\x91\xca\xe4\xb7\xb73\xe1 MK\x15A\xfb \xb0\x8a\xfcGh-\x82e0\x0c\xe1 b&gt;0&amp;\x99\xcc\xe4\xf3\xfc\xdc\xa0\xe5\xc8\xd1"\xa6\xbb\xb0\x9b\xd7*\x08\x89DQ\x9dc\x91}T\xc1\x08c\xb5\xcd\xca\xb6\xd7\x9b\xce\x14\x8b\xdb}\x99\xf8\\Pa\xb7\x0f\x06\x02\xaa8:\x9eMV`\x0c\\h-v\x9a\xd2\x06\x83\xcf\xb5\xd7\xa0\xe5\x08g|\x8d&lt;i\x86\xd2\xad\x82\x0e\x08y2\xe81J\xc9\x00\xb3\x88\xc8F+\x93\xf1\xcf*\'\xf9\xa9t&amp;\x19P\x88e\xf6\xc1\xc1\x80*\x81\t\x91\x8co\x10,\x83\xc1\xc0&amp;+\x829;6$\x1e\xdao\xd0c\x14\x9a+*A\xf5\xd2\xad&lt;\xaf^\xaf\xc3\x8c\xb08PB\x87\x0e\xa9r\xa6Gg\x1f\xe5\xfd\x19\xfed1\x952&gt;R)\\0\xf9A\xc2\x15\x86\x06$\xeb\xc0Z\rA\xe5\xe1f\xb3\xb8\x03\xf6\x1a\xb6\x84\x80)\x1b\x16\xe9\xbb\xd3FA\x97\x1egQD4\xea0YJ\xaet,\xcc\xceff\xd3\xce\xcdJ~9\xd5WYN\xaa\x82\xb0\x15\xb4\x8cMX"Q\xbbx\x86&lt;\x11d+\xd2/vIe\xb2\xa1\x83\x86\xbd\xaep\xc6\xbf\xde\x8cvo\x1a\x8d\xbc\xe6\x10\x94 1?\x1a=\xd9\x97n\x8f\xfaGG\xb7K}\x156.\xaa\x97\x97a\x95\x02\x82\x8bV\xd8I\xdf\x07\x02\xec\xc5\xd3\xcf^\x88\x11\x83\xd4\x15\x94i\xd7\x7fh\xdc\xab0g\xfc\xfc?o\xdf\xbe]H\x13,\xe2a5\xa2\xd0v\x89,\x94\x17J%ge\xb9Z\xad\x1e\x1fW\xdf\xbc\xf9\xf1\xd9\xb3\xb9\xa0\x8b\x91/\xc9\xd5R\x05z\xccN\xe42\x8c+\xa0"\xc0\x92\x06\xb5\x9e\x83\xc6\xbd\xf9\x90o(\xa7\x8f\x8e\xce\xb7\xd3\xcd\xf0\xfb$D\xfa\x12Ys\x8f\x82\x8a\x85B\xfc\xf7\xcd\xd9\xd9\x97\xe0\xc3\x89\t\x1fC\xdc!\x9d\x95\xc9\xec$\xb8\xa8!\xec\x85\xc7z\xb5g\x18[?\xb8\xdd\xd8O\x92\x9a\x9a8\xd3\x1fyd\xbb\xd6V\xc3*-\x8c\xfa\xd3\xdb\xa9\xe5\xe4\xe5\xe5\xa7O\x97\xf8u\xf6e\x02\xe13\xc1\xaf\xb2\x0b\xd3\xac\x98,\x99\xb9\xc0\x02W$\xb2\xf7\xfa\xe9\xfe\xf3\xd7\xd3\x8d\xff\xdc\xad\xf3k\xba\xfdF\x08`\xc0\x12\xadl\x93\xf5\xfb\x93\xa4\xea\xecM-\xbeLP\xbf\xc3\xe9\xe3JD\t\xc9{+D\x8eLAjH\xb0\xac\xd6\xab\xdb\x9c\xceo\xf1=,\x04\xe1\x02\xb0X.\x91N\xef5\xf2\xc3\xaa\xb9/g\x9f\xaa\x9f?\x7ffKH\xd2e\xcaM\xe1\xbaf\xd4Y\x17\xec\xb4\xcc.\xd3\x92\x8e\'T\xeb\xfb\x9d\x9co\xf2\'@\x9c\xa6\xa3\xb7\x82\xae\x96PG\x071f!`%\x1f=\xba\xac\x1e\xff\x93\xc4\xbf\x8f\x8f\x8f?W?\xbd9\x9b\x00\xd7ct\xbcT\xa1\x80i\x05\xd5P\x7f?q={?|\xab\x0f\xc0\xd1\\\xad\xed-HW\xc7\xffx9\xd7\x98(\xd3+\x8e\xf7\x8b\xe1\xc3\x0c\xef\x90\x99\xb43\x82\xb0#sA \x838\xbc\xa4\r\x12@\x07\x9cA\x8c\xc0b\xb100\x082\x0b3\x10\xc8\x02%d\x1aH\xc0\x1d4\x0e1\xe0\x10\x19V\x08 \x97j\x15\xb9\x15\x13imC\xb2\n\x89Yj\xd8\xa5JuCW\xd7\xea&amp;\xde!^[\xb6\xff\xf3\xbc\\\xd2M\xdblw\x99\x1efP\xbf\xfd\xf2?\xe7\xf9?\xe7y\xdf\xe7\x88\xe3u\xa4\xda\xca\x9b\x1c\x1d\x83\x83\x0b\x0b\xce\xdf8\x9d\x0b\x7f^X\x98\x99\x81f5\xd1\xd8\xad\x89*&amp;&amp; &amp;""*u\x05\xebE\x99\xb7\xee\xcbo\n\xff;:T\xb5\xda\xa0&amp;\x9bP\x1b\xb8\xe4\xe4\x0e\n\'\xa8\x16f\x06\x07g^&gt;\xb9w\xaf\xc4h\x8c\rKH\xa8!o\x88\x10\x89\xba\xf6"(\x89\x1bj\x0c\xdf&gt;\xf9\x7f&amp;V\x81K\x8d\xf2\x82fq\xf4"?9y\xa1\xa3ca\x90\xe5\xf0\xf1\x8d{\xcd5\t\t\t\x1a\x8d&amp;x?sRJ!\xa8\xe0\xf2w\xbc8]\x00\x8b\xf0\xe3\xd4+\x91\x19\xf9&gt;a\xc5%w\x0c\xf2\xf5\x7f|\xfd\x1a\x1e\xb1\xad:#\xc3?A\x83\x9f`xi\x80(u\xef\xee\xdd\xe0\xa2\xcd\xe7\x96\xf7n\xf1c\xcfv\x80\xcb`\x10\xb02#\xb3\xe3\x0c\xf8\x97\xa9\xfe\xe8az4\x83\xe3su\x8c\xdc_\xa3\xc1*\xcc\xd8\x1f\x13,\x17\x91V\xa0\xc2R\x9ch\xf7\xde\x90\x08\x1a\xc2\x07\xbcX\xe5(T\xab\xcf\x08`j\x1dg\xe5\xeb\xe8=+\x02-\x9f(\xc0\x1fIL`\x05\xef/\x8fH]\xe3\xf2^\xc5\xd3i\xa3\xfd\x81]\xecg\xb5\x1aH\xb0\xb8\xb8Lu\xb2\xce\xc0Y\xed\xbe\x87?\x86P\xf4\x80-&amp;\x98r\x88\x065#\xd8_\x8e$\n\\0\xd4\xf1\n/bmj\x7fP\xc5\x8b\xfdT\x9c\xc1a\x10\xca\x1e|\\P\xbd\xef\xa1\x82\xea\xe0\xe0\x8c\xea\xea\x18\xe0\x10\x16\xfc\xdd\x9fJk\xaf W\xea^\xafc\xd9\x83\x08\x8bcX\'\xe3\x88\xcc\x8fGq\xe1\xe4\x95\xb2\xad\x12\xc5\x05\xbd`\xa5\xf4\xd6&lt;\n&lt;\x90\x8b\xbe^W\xcbe\xb7\x07\x01\xcbp\x86\xbd;\xd8\x19\x19\x99\x99\x8d\xb5\xd8a\xaa\xaf\xa3\xe3\xea\xa1\xcam\xfb\xe9\xba\x0f\xb8\x02\xb0\xed\xa4\xa2a\x06\xd5o\xbd\x8c\x85\xdar\x81KL\\\xc0\xfa(;\x1b\xbe\xca.\xb4\xec\xec(,\xb4\xf2\xf5u!\x87\xb6\xed\x0f\xa6\x10\xc4\x8a\x82u\x91y\xed\xbe\xe6M\xac\x1f1,\x94\x97\x8a\xa3,R\x87\x83\xa35\x0eA\x1fd\'\x83\xcb\x94\x88l\x16\xa4\xd0\xfd\x95`\x12ko\x14zw&amp;\xd8\xeekE\xdeV\xcbl\xb7\x0be\x1f\x07\xaa\xedD\xf5\xab\x9ff\'\x17\x0e\x0e\x02\xab\xce\xb7\xbc \x05\xeb\x11b\xe5\xa0\xaa@\xd5\x05\xaa\xa8\xa8\xbd^\xc5\x82o\xb9&amp;\xcc\xe0\xb2\x07\x01\xcc@\x8d\xfdvv\x9d%\xae0\x88\x0f*4\t\xa5\x0f\xcf\xa2\x86&amp;5*G\x14A\x9buTWT\xea5o\xd7\xd6\x84\xcb\n.s\x90\xd8\xea\xa0-{;]\x15\xc9\xee\x08J\xac\xe7\x1d&amp;zz\x9aB{t\x04\xe5NDT\x11]\xa9]\xe8P\xbd\x89\x85\xf3\xf5g\xe6\x89\t\xab\tr\xd9y\xb8\xaa\xfa$\xca+\xfb\xe4\xce\x9d\x1d&amp;\x9e\xb7\x16\xf2u!\x07\xa1\x15:\x07\x1c\x0e\xc1D\x173D]\xa2\x88\xff\x07\x16\xb2\xc8\x11\x17:y\x87\xe1\xcc\xc9\xccL\xba\x04\xeb0Y\xad\x0e\xab=\xe48\xbd\x1a\x88\x11\xa8\x02\x02\xd05w1\xc5DQ\xe3\xde\xc6\xb2O\xb88?\xbe\n\xc7V\xb3\xd5\xe1p\x9c\x81\xd1\x17ZM\xbc\xc9\x84\xa3\xf5!\xd4{\x80\xa0\x15\x83\x82Z\x11\x01r\xba5\xe2]\xdf\xaaxh6\xbb\\\x0e\x83\x18XUf3MaP\xf0\xbc\xdd^_w\x8a. ED\xe4 Dtk+\x83\xb0\xe8\x02\x9e\xdc\xcbX\x9b*\x1e\xba\x90E\x87\x8c\x83\\u\xd0\x8b\x02:\x99i&lt;d\xe5a\x96@\x95\x11\x80=\x12\x8a\xc9\xc3\xc2\x12\xd0J\x88\xbe\xac\xf0\xda\xb40\xa8\xe6\x06].W\x9bK\x9d\x8c4\x1e\xed\xed\xad\xaarU\xb9\xf0\xc1\xc9\xec\x14=\x9f\x01QJN\x0e6lt\x10\x19\xd8\x7f\xe4\x1f\xe2\\\x16FXm\x8f\x8a\xbc53\xe9S\xf1\xf6\x9b\xc7\xc0h\x9b\xe0\xa4\x1c\xed\xcfGO\x9d\xea\xed\xa5\x11\x1f\x04\xbb\xad\x85\xc8\xa9F\x87\n\xaa`\xba\x9f\x1b\x16\x8b\x08C/\x11\x95Q\xf0\xd0[\\E_&lt;[\xbeQev\xb5\xb5YeR\x9dJl\xaf\xf3=\xcc\xe6\x8d\x0e\xb16\xb0@\x80bT\x195\xfe\xe8R\xe9\xd4\x1f\x88\x03\x87\\\x94S\xf3\xee\xc9\xa3pop\xf9\xf8|\xf5\xf4\x1fy\xd5(\xf4\x896\x93,W&amp;\xe5hk\xf6\xa5\x0b\x93\x05\x05\x1f\x17\xd0\x136\x04a57\xd7\x94\x94h\x8c\xd1\x81\x81\xbbv\x05n\x8d\xd5\x10\x96\xf1]\xde\xebGE\xdeh\x9c+\xde\xfeei1\x03X\xae\x89\xfb;\x95\xb9\xb9$\x18\x9f\xb8\xaf\x8e\xba\x19\xc6S\\\x9c! \x19\x8d\xd1\x8ci\x97\x80E\xb5\x15\xbb\xd8\xb8\xf4\xf8\xf7\x9fn4\x17\x0e\xeaH\xe1bOq/o2\xf7\x9ae\x07\x94J\x12\x8c\r\xf6\xec\x03XJuqsM\r\x03\x8a&amp;&amp;\x01\x8aa\xb1\x95\xf8\xeb\x9ewyK7\xde|\xb5\xd1\x13\x8aE\xcf\xef~\xd3\xd8\xd3S\\g\xb6\x8a\xcd&amp;\xe9\x01\x04\xb8t\x9cJ\xe5\x17\xb4oOH\xf9\xc1\xca\xf3\x00\x13\xb8\x02W\xb1\x02w\x05\x06\xa2\x87\x86\xc3\xca\x7f\xb9\xd8\xd8\xd9\xb9\xf4\xfa\xcdPY\xf8F&gt;w\xfb\xe2\xe9\xdd\x99\xc0\x9e\xc5m\xf5f?\xce\xea\x90)\x89K)\x93&amp;\'\xeb\xb0(ij\xac\x9c\xdd\xf8n^\xc9 \xbd\xae\xa0_[\xa35L\xad\x80]\x8b\x8dy\x9dyy\xaf\x9e\x8c_%g\xf5\xd9 \xaag\xcf\xe6\xc6\xb7\xf64\xfb\xf2h\x999\x1d\xa3\xfa\xc9fe\xaeNg0pH$\x8a\x1f\\\x17\xaa\x8bYi\t\xa9\x04^\xb4\xd1\x88S\xe3*\x16\xa2\xb11\xf5\xe6\x9ds4\x9a\xeb\xb3\x016\xfa\xfc\xe9\xb3\xb7\xcf\xe7c\x17+\xeb\x83\xfc8`\xc9\x0eD2\xb9\x94\xb9R\x8eFh\xf8D\xe2:x\xe1|5\x95|\x89\x06?\x8cnk\xf4V:\xcc\xaea56\x12\xd7\xe9\xdf\xdd*\x0b\xff\xa13\xe9&gt;\xe1\xb3\x9f\xbe}\xfavl\xf8\xce\x1fJ\xca\xeb\xc5*\x1dg\xb2\xaa\x954=\xa6T\xca\x90GX+\x1b\xd0\xa2y\x82\x0b(0\x94&gt;\x85\xb0 \x99\\(.y\xe0\x1aV\xe3/nNN^\x82d?\xe8!\x1c\xa8J=s\xcf\xe7\x9aJ\xcf\xb65\x87$\x9a\xfcTV\x97\xd9 \xcdU2,\x99L*\xd3\xe9T~\xc2\xc5\xfd\x83\x17.\xa4\x9c\x87Q4\x13\x1b=\xb0$*\xc2\n\x90\x07\xbe\xcb[\xc5\xba\xf7\xc9\xe4\xcd\x9b\x93\x97\xe6\xdb+\xbe7\x18\xa0f\xb3\xf4}\x9e\xa6\x11\x8f\xcd\xf2e\x8e\xaf\xddd\x85q\x99\xad\x9cT\xb9\xc2%\x95Ju4hW\xcf\xca\xfe \x04;_L\xc1\xfc\x02XP\x0b\xbbc\xd8\xbb5\xb1\x1a#\xfe:9)\x80]-+\xfa&gt;\xff\x15\xc9\xa6\xa2\xd9,Ki\x96~x\xe4r\xbf^k\x9b\xff\x99/\xba?l\xd6\xd4\x01B&amp;\xa6\x16\xb8\xb0\x18\x85a\x15\x81\x0b`\xe7\x85dR}\x19\x8dX\x8a\x01\x9au\xb1\x1a\xdb\x90D\x16\x97N\xcf\xdfj\xff_\r\x83\x84*M\xd2\x87&amp;Y\xc6._\xee\xd7j%\xb6\x86\x17\xa7\xaa\\B/c5H\x85)N\n6/\xc9\xef[\xe7\x02\x19eRX\x95\x1a\x8d\xff\x87\x9a5\xb1\xe0\x11\x9f\x08L,N3\xb2\xef|,\xf2\x81P\x96\xa4\xac,Ihh_\xd3\x95\xcb\x1e\x8b^\xab\xd7Z\xee\xdcG\x03q\xdfl2;@E\xe9\x83RR\xa9\x9a\\\x95\rh1\xae\xe3\x95\x95L1\xca#\xb84(\xae\xd8hx)\xb0H\xb1\xbc\x1b7/\xadCQ\x9c8\x91?\\\xf6\x1d\xf6K\x9fM\xe1H\x9eB"\xd1\x97Z\x92&lt;#wG\x86\xb5,\xb2,\xe3\xbd\xc8\xa0\xd9\xe4HF\ne$\x17\xb0dR\xf5\xeax)\xd9=\xb8\x88\x8c\x811\xb7\x80_\x80\x8a\x11\xe5u"\xdaV\x91.\tL\x88\xd3\'\xe6/22\x9f\xff\x0eUjQ\xf4\x85J\x90\xb8\xbe~\xe7\x95\xa6&gt;\xbdD\xa2\xb5im6\xdb\xc5\x178\xbe:\x1cj!y\xa4\x98\x8e\x14\xd3q+\xbb#\xc9Eq\x9c\xd5\xfe\n\x96\xd1\x98\xd7\xd9\xb9\n\xd5\xb9\xf4\x02@\x0c\xeb\xc4*\xd5\x89#\xf4\x93\x9f~n\xf6?\x92Q\xf6J\xf5\xc3cc\x1e}\xa8\xa4V1\xeat\x8e%A6\xe4\xd0f\xd3j=\x03H\xa1:\x8e\xd9\x15\x85\x9a2\xa8&amp;\xaaU,\xdf\x90\x10\xba\xfeP\xce&lt;\x8c\x96c\x82\xb1$o\xa9S`\x9a\x9a\x9aZz\xcdp\xd6\x88\x18\x13"\x9f"\xfel\xe9l\xf8\xbf!\x83RYH\xdc\xd8HK\x7fRmhCk\xb7\xd3\xe9\xd1C+\xa8\x85\x1c\x96\x8e\xcd5\xb9\x1f\x18\x00\xa5TB"\x1d\x98@FZ\xd1\xe0\x18a\xb1a\xdc=kV\xc1\xca\xfe\xd5\xd2\x14\x88\xf2:\x97\xa6(\x96\xc7\x85\xac\x11\xd5\x11\xc6#\xfc"\xaa\xb4\xb4\xb4\xf8cH\xe6\xb7\xfaE\x06%\x91\xb4\x0e\x8d4\xb5JBkw\xb4\xb68/{j%z\x89\x96\xb0\xf4\xc3Ms\xfd\xe7\x86\x87&gt;\xcad\x16/\xa4\x10P\xb4+\xd2\xac$+.!\x84\x9d\xbb\x92\xd9\xc4\xab\xa5\xdbS\x82R\xb7\x11\xcb3\xf3\xa4\xce\x1a\x13\xa3\xc9_\x8d\xb4\xf8\xf8\xf8\xb4\x1f\x9f=WQ\xf4/\xe9+\xb3\xa0\x9a\xba!U\x83"T\xb1\xe3\xd8\x80\xb3\xa5U\xd1pl\xc8\xedv\x8f\xe03\xd74\\Zj\xb3\xdcz\xa8&lt;\x10\x99I\\J\xe6Y\x1c\x15\x16\x0b\xda\x83\x12\xf7%R2\x19\x16\xf9\xc4\x8d\xe5\xdbSS\x0c\xeak\x8a\x99\xf9|!ikL$\xd1\xcaW\xf8{|Z\xfa\xd0\xc0\xbaPE\xb36\x8b\xa2\xb5\xbb\xc5\xdd\xdd\x10\x1a\xaaP\xbc7t\xe5J\xcbh\xb7\xdb\xdd\xb2\x12M\x1e\x8b\r\xdej+\xbd\xfa\x10G|t52\xf2x\x1d\xa3\x12\x0b\x11\xc4\xf3\xbc\x98\xacu\x8fo\xb9\xe0\x14\xcb\xd3\xd3\x84EP\xd3\x88?}\x9e\x96\xcf\x80\xd6\xa1 P\xba\xf0MOO\xc3\x1fi\x17?\x7f\xf3rf\x8d\tB(\x8e\r\r\xb8\xbb!\xd0\x8e\x1d\xef\x8d\x0e\xfc\xed\xca\x80{\xa4\xa9\xbb\xbf\xafO\xa1hh\xe8\xc3r\xd4\xda\xfa\x80e\xcbj\x7f\xf4\xc1\xe6\xcd\x91B&amp;\x99Z\x85\xab\\~*\x15G\x1b$\xb2He\xffx\xf9\xfa\xf4\xd7\xb7I\xa9\xe9\xe9\xeb\xd7A\xe5\x8e\x8f\x17\xca\xe8\xc8:Sz\xfa\x16|\xb6\xd0\'}K|\xda\xfc\x9b\x97/\xdf\xcc\xaf\xba\x14J\xaa\xdb\xed\x1ch\xb98:zq\xf4\xe7\xa3n\xa7s\xa4\xbb\xb5\xa1U\xb1\xa3\xb6\x16\x96Z[\x1b\n\xbf\xb0x&lt;z`\xd9\xb2\xfe\xd9\xb4\xd9\xbc\xb6\x8dEQ\xdc\x7f@\xa6\n-\x0e.\x98\xa8P0\x18\xa642\x81.J\x92E\xf2J\x0b\r\xc4\xa5*\xa4\x0b\xc3\x80[\x08\xd8\xb3\xcd\xcaP\xcc\x08\xb4\xb0\x19\x84\xb5Pa\x16ZHF\xb3\xa8$K\x9b\x08,fa\x06\n\x165e\x1c3\xf5b\x06\xbc0\x85\x16\x9a,\xbcH\x19\xd39\xf7\xd9i{1O\x8a\x9c\xc4?\x9d{\xdey/\x1f\xfe\xfd\xef\xf7\xcf\x9fo&lt;^\xdb\xd8\xb8\x86e\x1a\x1b\xb0\x9b\xcf\x88\x88~\xe9\xb5\x8b}\xe1\xca\x1e\xbd9\xfe\x87\x1f\xfe\xf8r\xd2\x7fM\x8e"\xa8\x93~\x7f\xd0\x82\x18\x84\xb3\x10\n&gt;\x02U\x96W\x9a\x06\x9c\xbb\xdd7\x80*\xee\xa4xJY\x98t\xadXi\x0f=3\x08L\xd7S\xe2\x96N\x9d$\xe1$\x0eU\xcb\xd4u\xdb\xb6(\xbc\xc0U\x81`\xf4W\xc5\x8d\x1bW\xb1\xdb"[=+\x97\xcb7\xcb\xbb\x0f\x9e&lt;\xbeqk\x15X\xf7\x1e\xde\x9b\x11\x15\x19\nLT\x83v\x16j\x1c\xfct\xc0\x074\xacHR\xa5Q\xd9\xb4L\x87b\xd1\xbd\x18\x8c\x86Y\\H\xfd\xec\xdb\xa1aj\x9d\x96f\xaa(\x1d\x16o\xc7\x8aY\xab\xd5A\x05\xa0\xbaD\x87\x8c\x1e\x04\xa1jaB\x1eq\xbd\x8e^~|\xfa|mm\rX\xeb\x9b\xeb++\xf7W\xcb\xe5+\xbb\x0f\xb6\xefn\xac=\xbe\xbaJ3\xf2\xc3l^\xed\x93\x9f\xfa\xfd~\x95\xa8f-\x95\xa8v\x96\xf6\xe6B\x15I\'"\x12EQN\x17\xdf\x8d\x06=W\x14\xf1q\xaaa\xdba\xd8j{*)"I\xb2\x16\x8f\xda\xa6\xce2\x19\x96\xc9S\xfb$\\\xccd\x02\xcfT\xeb\x19!Ok\x10\xc7::\xff\xfc\xdf{p]\xfbu}\x0fX\xab\x10j{\xfb\t\xbd\'\xf6\xfa\xd5\x95\xbd\xbd\x0f\xb3q\xb3\x8a\xbe\xbd\x86PU\xd4\xc9|\xa6\xc92y\x9b\xfc\xc4\xa7\xdee\xfb\xd2i\x19H\x845|3h\xa9\xa2\x8cS9eXV\xa3\xa3\x19\xd0\x05\xaf/\x9aJ\xacx:t\x922p\x93 \x94\x18o\x9f\xa7\xa9\xd0\x0c\x97)\xc0\x04R\xcc?=G\'\xef&lt;zre}o\x13;i\x08\xf5\xf4\xd1\xed\xad\xad\xad\xe3\xeb\xb7V\xd6?\x9c\x8d\xf7\xab\x84\xd5?\xa9\xee\xa3\xaa\xf3\xd8s\xe4,\x19|gY\x1chY\xa2\xec\x10\xd5`0\x14\x1dQ\x04\x86\x9c*\xd8\xc8)\x0b\xba\xe4\x1d\xc7iMcD\x95D\nI$\x96\xc0\nX\x83TMsj\xdc\xc9\x8d\xaa\x0b\x00\x00\x03\xaeIDATjy*\xe4k\xc5\xc7n\xf5\xe8\x08`\xbf\xc0\xe0{\x9b\xab\xbb\xdbO\xa1\xd41\xfdg\xe5\xc6\xb5\x7f \xd5\x9c7\x8eC\xcd\xf7\xf7\xc7J \x8ad\xeaouI%\xcbx\x88R:\xdb\x1eLM\xc9\x01\x1f\xc725S\x87\xa9\xc9\xde\x812\x8dl\xb4O\x92\xea\x9cK\x00W\xbeT\xf05Mg\x9cf\x81&amp;\xe4\x98\xad5X\x8ez\x89p-\xef=$\xacG\xb7\xef\x1c\x03k\xeb\xc5\xdb\xe4\xac\xd9$\xad\xaa\x1c\xaa\x89\xc7Y\xa4\xd7aj\xde\xb4%\x14\xc4\x92ey\xc1%\x82#\xe8\x0e\xa6^\xc6!\xb1\x00 \xa6\xd0\xb2\xc5\x94s\xbcx\xaaY\x05\xbct\x8dLF\x8e\x02B\xa1di\x1d\xbf\xc0j\x8cVF|j-\xcf\x1c\x13Kf.W\xe26\xb3\xcc\xbf\xeeo\xae\x94\x81\xf5\xe31\xea\xed\xa7\xb31AQq\xa8fs\x9c\x9c:r\x9a\x07\x00\x8f(&gt;p\x97/\xcd\x0e/\xb9\xbd\xc1\xc8\xac;u``p\xe4T\x9e\xa8\xc0\xa0"?\x1bL`\xd4:\xba&amp;I\x8bF\xd6\xbd\x8eQ\x00DN`B.o\xe9\x8e\xeau:\xa1n\xe8\xbaa\xa8\x86a\xf8\xbe\xddz\xf5\xea\xb7\x07w\xd1\xc4\x17\x93\x04L\xe4\xa5\x05V\x93j\x9ch\xc8\xc2w\xae{@&lt;\x8b\x00%\xac\x85Vi\xf9\x92*\x80zt\x9e\xe6\x01A\r\x04"\xa4\x8a\x0c\xcc&gt;F\x9dC\xbb(\xd9\xa9\x99\x8e\xd6\xb6K\xd8C\x94,K\rL\xb3\xd1\xe8(q\x1c\xb5\xa2(R"\x85Wt~\x9aL&gt;"_\xaf\xbfM`t\xce\xb4\xcf\x8d\xce\xa1\xce\x928RF\xa8^w8|Gt\xcbYHM]\n\xe7!\x18\x82lvi\xb4\xf4\x02K\x12\xeb\x90j\xaa1\xe1\xd2\xd5\xd8`\xe5\x19\x81e\x82V;d\xac\xae\x87Z\xa7\x13\xb5\x95\xa8s\x1aE\xa7\r*\xb3\xb1\xac\xf3\xd3\xc9\xe4\xbc\xe4\xbf\xfc\xf3#QU\xbf\xf6\x0fTp\xd5\xa4\x11\x9a\xa6\xe9iC\xac\xf7=T\x97j\x08:\xd7\xddq\x0fv\xc8j\xeap\x8a\xb8\xa2\x13\xaa"\xa4u\xdd\x14\xab;\xba7\x9a)\xb6E\x1a\xe5\xf3,o1V*\x95\x84\x1c2t8R&lt;,\xd7\x90$\xeah\xa1m\x1bF\x18Z\xa5\x12m\xc1\n\x02\xedY\x05\x815\x92O\rL\xd8\xa3\x8a?Y\x8aELs\xb2z3\xe9\x18\xac\x86\xfb\x16%\x0cH\xf1\xc0\xf5\x86\xddn\x8f\xd7\xc5\xc5\x05\t\xe8f\x87\x83/\xa36\xc7m\xb7{\xbd8\x8eG\xa37)h\xa2M\xa7\x1d\x1d\xe6F\x18P\xa2\xd7h7\xaa\x87\xb8Me:\xc2r\x8d\x05@\x0b\r\x8bZi\x856Q\t\xb9\xe5\xde\xb0`\xa9Q2\ta\x84\x1an\'\xe2X\xf3E\xfb\xe6\xf3\xf1\xd9$\xb42\xb8mL/\n\xa3\xcbJg]\x0f\xd5\xea.\x94\xeb\x0efJ\xfb\xb2\xa0)t\xed\xf6R\x19\xbd\x9d(\x88u\xb4\x10\xdd\xb2t\xe8\x18\x98\xd8\xc6\xa0\xe2\x7f\x1b|=\xd2\xf1\\\xbe\xc4Pv\xe8CH\x96/`\n`u\x07\xa6\x92D\x06\xd6\x02\xdcH\x8dE\xe3\xea\xc97W\xa1\x7fH\x1e\xa6\xab\xba\xe3\xf0\xf9C\xf9\xcd\xb1\xc4\xf4\xf2$\xad\x16]\xc4\x95\xa7.\x0b\x93\xb0N\xf3\xb0x\x90\xd2\xa3\xd9\xc4\xc88\x8cY\x98Z\xe8\x12\x06\x1bv\xb0\xe9\x87\x8b\x90QS\x897C\xc9j\x99A\xa6P\x00]\x89\x95hj\x96\x98\x19\'\x1dK\xa0\xec(`\xa6Fc\x84\xfa\xd7\xf9\xd7\xf1k\xb8O5P\x01D\x0f\x02\xa1!}\x19W\x94X\xe9\x16\x05\x03]v\x16\x91TG\xc0\x15\x0f\x0eR\xf6d\xe2c\xff^\xf9\xae\n\x95\xc3\xc3J\xa5\x11\x19\x18\x0fq\x8a\x03\x1d\x0f}\x83\x1f\xf8\xc0\xcb\xff&lt;9?\xfcV\x8dd\x96$\xc9\'^\x9f}\xfe\xad|\x9b\xe4\xfd\xbe\xd8we\xe1\xde\x15\xa3\x82\x1d\x0c\xce\xf1\x1c\xbe\x00\xa3\xe5\xc8\xce\xff\x8e\xb0:\xff\x94\xee\xa9\xc9\x00\x00\x00\x00IEND\xaeB`\x82'</t>
        </is>
      </c>
      <c r="M347" s="3" t="n">
        <v>45492.67833333334</v>
      </c>
    </row>
    <row r="348">
      <c r="A348" t="n">
        <v>973293</v>
      </c>
      <c r="B348" t="n">
        <v>1974</v>
      </c>
      <c r="C348" t="inlineStr">
        <is>
          <t>Hugo Moura</t>
        </is>
      </c>
      <c r="D348" t="inlineStr">
        <is>
          <t>Hugo Moura</t>
        </is>
      </c>
      <c r="E348" t="inlineStr">
        <is>
          <t>VOL</t>
        </is>
      </c>
      <c r="F348" t="inlineStr">
        <is>
          <t>VOL</t>
        </is>
      </c>
      <c r="G348" t="inlineStr">
        <is>
          <t>VOL/MC</t>
        </is>
      </c>
      <c r="H348" t="n">
        <v>177</v>
      </c>
      <c r="I348" t="n">
        <v>25</v>
      </c>
      <c r="J348" s="2" t="n">
        <v>35797</v>
      </c>
      <c r="K348" t="inlineStr">
        <is>
          <t>Right</t>
        </is>
      </c>
      <c r="L34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20d21e-c0da-4c28-b249-153b6168f6f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c&amp;\x06\x9f\x00\x00\x03\x00PLTE\xff\xff\xff\x01\x01\x00\xef\xf0\xf4\x0c\t\x08\xf1\xf1\xf6\x05\x03\x02\xf6\xf7\xfa\xf5\xf6\xf9\xf4\xf4\xf8\xf2\xf3\xf7\t\x0c\x10\x0b\x0e\x13\x07\n\x0e\xc5\x96\x88\xfe\xfe\xfe\x06\x06\x06\xc9\x9b\x8e\x10\x14\x1a\x11\x0e\r\x17\x12\x11\n\x06\x04\xeb\xec\xf1\xc9\x99\x8b\xe8\xe9\xef\xaf~p\xc9\x97\x88\x06\x08\x0b\xc5\x8c|\x19\x1d%\x14\x18\x1f\xf8\xf8\xfb\xa1m^\xe0\xa9\x9d\xe5\xe7\xed\xc0\x87w\xdc\xdf\xe4\xc2\x93\x84\xc9\x9e\x93\r\x10\x15\xcd\x96\x86\xbc\x8b}\xe2\xe5\xeb\x1e\x16\x15\xaauf\xdc\xa8\x9a\xbb\x82r\xdf\xe2\xe8\xed\xee\xf3\xd2\x9a\x8e\xbd\x85v\xa6qb\xf7\xf7\xf9\xc5\x98\x8c\x1e"*\xacxi\xc0\x8e\x7f\xbb\x8e\x85\xd6\x9c\x8f\xa1rc\xcd\x98\x8b\xc0\x90\x82\x17\x0e\r\xdb\xa1\x95\xcd\xa0\x96\xae{l\xdc\xa5\x98\xc1\x94\x89\xb2\x80r\xcf\xa6\x9b\xb3{m\x9bi[\xcd\x8f\x82\xa9zn\xc8\x8f~\xb7\x80p\xd1\x94\x86\xfd\xfc\xfb\xd4\x99\x89\xd8\x9f\x93\x9bm`\xc5\x88z\xc9\x93\x86\xe0\xe5\xe3\x93j_\xb7\x87z\xca\x92\x81\xa5vi\xbd\x93\x89\xb3\x83w\xe6\xb1\xa9\x12\t\x08\xd1\x95\x8b\xa2gZ\xc5\x9a\x92\xac\x81y\xd4\xaa\xa1\xd9\xa3\x99\xc6\x90\x84\x8ebS%)2\xf9\xfa\xfc\xd4\xa1\x95\xe8\xea\xe9\xd4\xd7\xda\xc5\x8d\x89\xc0\x96\x8d\xc3\x87\x86\xcf\x9e\x90\xc1\x88|\xd3\x9b\x95\xe1\xac\xa1\xe5\xad\xa5\xd7\xdb\xdf\xb2vj\xcb\x8f\x87\xc1\x80\x7f|UL\xd2\x97\x91\x96eV\xa7~v\xac{r\xcb\x92\x8c\xdd\xa6\xa2\xc1\x7fuM30\x88a\\\xd8\x9d\x99\xb5\x8b\x80\x85\\P\xde\xa4\x9bcC&gt;3 \x1e+\x18\x16[?8#\x1c\x1b\xcf\xd0\xd5\x99og\xb7zw}WU\xf4\xf5\xf4\xe7\xa7\xa3\xb6qo\xba{n\xcc\x87\x80\xe8\xb4\xaf\x83JC\xb2oe\xa2xr\'\x12\r\xd6\x91\x8d\xcf\x95\x91\xd8\xaf\xa7\xed\xee\xee&lt;%$\xc8\xa0\x99\xd2\x8b\x87\xbb\x82\x80\xc6\xaa\xa0\xea\xac\xa9sON\x89QJD-+\xabnm\xa0uk\xf1\xea\xe8T84\xb0\x87~Z.(\xdb\x96\x92kKC26:|MI\xc3\xc1\xc5\x8eda\x9c^S\'$!\x99\x99\x99\xe2\x9e\x9b \x10\rb50sOA\x91XU\x98Y[\xcc\x8d\x97\xa6fe\x82\x85\x85p?6&lt;@F\xc7\x95\x94Q\'!\xc8\xca\xcf\x86WU\xc4s\x85\x9d\xa1\xa9\xe2\xce\xcd\xc6{\x8c\xd3z\x90..0\xd5\xb8\xb6\xa9rw\xd6\xa3\x9e\xb9\xb8\xbe\x9cdYwz\x81\xa0ln\x7f&gt;8uEC\x92WL\xablb\x93ffH$ lmm\xea\xe1\xe0\xf8\xf2\xef\xca\x86\x90=\x1c\x17\xe0\xab\xab^beiDC\x8c\x8f\x93\xdd\xda\xda\x1b\n\x07\xe7\xd9\xd8\xa8\xa6\xa4\x9asn\xb0\xb4\xb6\xcf\xa6\xa8\xca\x80zk6.\xb4\x7f\x80VWQ\xdd\xbf\xbaQV_\xd7\xc6\xc5\xec\xb9\xb6\xbfi|\xada\\\xd6\x8d\x9e\xdb\x9a\xa6\x94JE\xa2[c\xd3\x86\x98IMS\xc9\xb3\xad\xc4up\xb2atJGD\xb1\xab\xb1\xc1\x8b\x8e\xa2SM\xb5\x98\x9b\xb7r~mc^\x93}\x84\xae\x91\x89\x8eku\xc7\xe7\x90A\x00\x00 \x00IDATx\xda\xc4\x99oLSY\x1a\xc6\xa97\xfd\xb8\xed\xe6\xdef\xe2L\x93)\xa9\x9b`.m\xd2\x96M\x95:E\xba\xd8\xba-\x7f\x8a (-"6\xfc\x99\xd9A\x08\xa6\x83\x8aEkK+\x81\t\xd1\x81U1\x93 YY\xc2?\xdb0\xec\x07\x14\xe4\x13\xbb\x88\x8e\x08l\x02\x06\xd9\xca\xc6e\x92\xfd8\x93\xe0fc2\xfb\xbc\xa70:\xfbi\x93\xbd\xe8\x9b\xcb\xed\xed\xed%\xe7\xc7\xf3\xbc\xe79\x07HI\xf9?K\xa1\xf8\xdf\xef\xbe\xa3\xda\x1a\\\xf1q\xcd\x95\x07#\x0fj\x8b\x8a\x8aj:P\x19\x19y\xec\xf6\xfb\x03\xcb\xbb\xf9\xfc\xc1z"\xbe44\x13\x9b\xb9\xbf\xb1\xb1\xb14\x81Z\x8d\'\x1e\xd4T\xbdG\xa4\x91\xc4\xc4\xb3\xa1\xa8(\xf2\xbc \xf0\x02\xcf\xf3V\xc1j\x15\x041\xb6\xf9(1\xf2&lt;\xe3=\xf8\xb7\xab61\xb11\x14\x8b\nI$F%\xb0/A\xb0\xf2"\xc4{\x1d\xaf\xcd{\xd7T5\x89\x8d\x18\xcf\xf1&lt;G(\xbc\x10\x15\xf1\x8ak\x02\x14EA\xa4W!\xb6\x91\xa8\xad\xa9y\x97\x9a\xd5\xac\xce|$W*\x81\xc5\xbf\xc1JJ\x85++\xc8X\xc56\x1e\xc5\xd7\x8b\xde\x8df\x8a\x8e\xda\xc4\xb3\x18\xa7Tr\x1c\x0e\x9e\xd1\x88\x04E\x90x#\n\xb8\x0b\xcd\xc0\x06\x01g6VGv\xbd\x0b\xaa=\xab\x9b10ma1.\xde\xca\xce\xbc\x92\xde\x89QN.Wr\x8c\x15O\x01,^\xb3\xd3i\xa1\xd85\xb2\x14S\xca\x94JF\xc5^\xac\xd4R&lt;\x9dY{qBL\x00\x96&lt;\xf9\xb9\x1c\x97\xe2f\xa2c\'\xb9\x14)UW&amp;\x86\x04\x86#\xa7\xe2H-\x81\x19\x16\x8d\xc5bH\n\xdc\xb0\x8a\xbc\x8a\x13x\xb9\x0cDJ\x19\xce\xf2\xe8\xf7#;*U\xc6\xc3\r\x0c\xa7\xdc\x1eO\xc9%M\xa4\xb0\x12\xa3(\x81\x87\x90h1\x0e\x06\xaadx\x84\xa3\xb3\xec\xa3\xe8\xd2\x9e\x1d\xc4\xeaX\xbfO*\xc9\x98\x04\xc4\xa6L\xfa\xa4T\xa9T\x9c\x07\xf31*\xf2\x04k\xa5\x89\xc8A.p\xd1\xd32~&amp;\x9e\xb1c6v$\x86 \x0e\'W\xb2\xd6a\xc7\x9b\x02\x18rA\xb4*\xc1\xc2\xd3dT%\x7f\x00V\xca\xd8\xb3\xda\x1dsp}\x88\x02\x81S\xa9\x08H\x96\x94K\x9e\xd4\x8a\x8a\x9c\xb3b\xeemi){\xab\xe4\xfcP\xbcj\x87\xda\xbdv\x83\xe6\x96j[\x07\xe6\x1e\xfbB\x97\x83\x07)*$U"\x0e\xd5\xcf\xb0dJ\xe1Y\xd1N\xb8\xa8H\xd95!\xa0\x95T\x14\x9a\x0cL\xb95\x1f!\x13\xe5\x16\x980\x1b\xc5d\x8f\x93`?\xc3\x92\xcbf\xd6w\x06\xeb\xe1\x8cl+=!\xd9\xb6\x81\x84\xc7\xf2\x02\xe6r\xd6\xd8\x8cH-\xfe_\x0e&amp;\x8b{V\xb3#\x895\x81\xec\xdeJ,P\xa9\x98Y\xc9\xec\x92+\x91\xec\x98\x84\x1e,\x8d\x1c\xa6$\xf7\x93\x83\xf2\xb7\xe4\x1azP\x95\xa1\x90\x1c\xeb\xf9\xa6LN\x8d\x8e!\x80\xa4b&gt;&amp;#\x95\xa6`4\x86\xd4\xb2z@\xa4\xc2i\x0b\x18\xfe\xbe%\xdc\xfd+Uy\n\xa9\xa9\xf2\xe2\x82\x9c\x8d&amp;\x933*N\x95\xe4\xc2\x15\x87\xbc\x8a\xb2\xa4\xc2t\x94\xd3\x9c\xc4m\x8fG\xa5Z\xeb\xee\xee^\xf3lsm\x16\xed\x80\x87W6\xf9m\xd3&lt;\x94\xed\x18\x96\xd4@\xbbs\x1e8( L\xad\xa4\xd4\xdaX\xf7\x18\xcek\xddck\xdd\xcb\x8bSSS\xcbc[\x96\x0e\x8dHoaU\\\xa0@\x82u&lt;\xef\xe1\xb1\xe6y\xac\\\x92\x8bb\x14\xe5\xc1A\xeat\xb7.w\xaf\x8d\x8d\xd1U\xf7\xf2\xc07/\xef\xdd\x9bj\xf50\'\x85\xd5\x0c\xc9=\xbc\xb9\xa4\xa4\xce\xa2\x86f.\xa9\x08cK/\x8f\xd5#\x86\xc3a\x861000E\xb5\xb8\xbc\xbc8\xf0\xf2\xde\xb7\xd7\xe6\xe7o\xbf\\\xc6\xf7`%]\xaa\x91\\\xad\xa2\r\x16\xdc\xf2$\x12\x93\x855\x0es\xd3\xb3\xd6\xda\x17X\\\xfc\xe6\xda\xdd\xf2\xed\xba;?\x8f7w\xef\xd2\x9d\xf9\x97\xadc$\xd8\xcc\xab*\xe9\xb1\x94\xaadx\xcb=\xe4\r\xccA\r,\xa2\x85P\xd0\xe9\xde\xb7\xf3\xe5\x9dZ\xe3\x85\x0b\x17\xd4%%jmg\xa7\x1e\xe5\xb276&gt;5\x95\xdf\x1eX\xb6\xd2b%u\xd0\x13\xd6v$\xacM]\x9b\xbf{w\xce\xd4h~\xfa\xb4\xfc\xf6\xcb\x01\xea\x1fxU\xfeUg\xa1\xf3\x08\xca[]]m8\xa2.\xd4j\xb5F\xadQ\xdfi7\x99\xca\xaf\rt#\xf4d\xb1u\xa9\xb1\x9eo\xca)\x13T\x9e\xee\xa9\xdbMss\xe5&amp;\x17F\xecdrt\xea!Q\xe1\xe1\xc3\x87\xcf\xa4\x19\x0c\x86\xcc\xeaJ]e\xb5\xc1[\xa2\x06\x19\xb8\xf0D\xba\xc91\xbe\x88\xf9(\x17&amp;:\xa4\xce\x87\x19D\x81u\xac\x15\r\xd44W&gt;\xa7i\xd4\x03Kot\x1e&gt;\x9c\x9b\x9b\xcbN\xb9^0\x15\x14dU\xea\x18V\x9a\xd3\xa9Vk\xb5\x17\x88\xdcl\xf2\x85z\xac\xd8w,\xdd\x94T.E\xca\xba\x88\x18\xe8^\xbc7\x1c\xf45\x95k4f\x97\xf1\x82Q\xab%\x8d\x92H\xf9\x86\xcc\xcc\x82\xac\xac\xac\xcaJ\xc2*0\x1cH\x83\\N\xb5\xd6h\xd4\xbb\x1a\xedfM0\x12\x06\xd7f\xad\x94X\x8a\x94\x8e\t\xfc\xae5\x16\x0e\x01\xaa\xa9Ic2\xbb\xb4uujHu\x06H\xf9\xf9\xb9^\x86d\xd3\xe9l6\x1bC\x83\x9bi\xa8\x12j1\xbd\xddnOw\xf8\xfbZ\xad\xf2\xe8\xba\xb4X\xbb\x96\x90\x04\xad\x01\x7f\xb0\xc91\xa71\xa5\xdb\x8d\x80:s\xe6\x8c\xd7\xeb\xcd\xf7\xe6\xff&gt;?33\xcbF\xa5\xbb\xac\xb3\x11^%\xa4cd%\xea:j/\xc8\x05\x1bE\x15\x9f\x90\x16\xeb\xe63l[zH,\x07\xb42\xdb\x8d\xfbN\xa5\xa5\x9d\xf1\x1a\xbc^\x03\x98\x92T\x90J\xa7KM\xd5\xd9R\xe1buAA5\xc3\x02\x17\xb0\xb2Mn\x7f\xa0\x95\xe7\xe3\n\xa9\xf3\xc1\xda\xda\xef\x87\x85\x0eMzz\xa3\xabn\xdf\xa9\x03\x06/z\x8a\x98\nl\xe4\x1f9x\x99\xb0t\xa9\xba\xac\x82L&amp;\xd6\x81\x12\xf4\xbd\xdahGwY|\x83="\xf7h\x97\x84ra\xbf|_%@\xacb\x87\xc3aJO7\xbb\xf6\x9d\xfa\xd0\xf0\xb9\x01}\x95\x99\x99OR\x01%\x95\x95\xae\x1etY\xb8K\x9d\xc5\xd4\xc2|\xb47fg\x97\x16\xfb\x03a\xee\xfb\xe7\x92b\x8d\xc4\xe4c\x81q\x9f\xc5\r\x0f\x81e$\xb1\x0e\xa49\x0f\xe7\xe6\xe72\x07S\t\x8b\xc8\xe8\x05Za\x1a\x10\x14i\xa5.4v"#\xcc\x96`\xa4\xcf:tE\xd2\x84X\x8f\xa9\xe0a\xb1\xc5\xc1\xb0\xa8\xb5\x8e|x\xc4\xa9v\x96\xe4&amp;\xdb]\x97\xca:\x9e\xaa&gt;\xd5\x96U\x90\x9f\x9b\xf6\x13V\x9d\xb1\xd3e\xcf\xce\xb6\x04\x07\x03b\xec\xa1\xa4=\xff*j\rG\x82Mn\xc2\xc2D\xd4\xd7!\x94hL\xc2*`@\xc9\x99\xa8\xb3\xb1\xa6/\x80\x87%%\xa0\xc2CX\x84\xf4.\x97}7\xb0"a\xf1\x95\x94XyqQ\xec\xc3&lt;th\xd0[H-=b\x0b\xc3i\x0bK\xf2\xd1Z\x04\xf3\xa6R\xeba#z\x8b\xa8\xd4%N\'\x92\x0b\x91jw\x95\xfa\x06C}\xd1x\x9e\x84\\y\xabbk\xdf \xb0\x1css$\x96\x91\x86\xc2Y\x9dFb\xbdi,[j}}C\x19lDwA-\x92\xd4\xc9\xd6l\x97=\'\xbb\xd8\x1f\n\x84\x97j$\xc5\x8a\x85\xfb\xc7\xb7\xd4Bk\x19\x8dI,\'\xc5;\xb1\xa0RS\xe9(C5P{e\xe6B\xaeB\xe6"\x1eue\x9b\xcdn\x7f\xa8\xbfG\xc2\xbd\x8d"\xe5\xe3\x89p_d&lt;\xd8\xa4A\x11\x96\x9e\xb0\x8c\xda\xba4\x03\x16\x1d[}CC\x03a\xa1\x1a\xae\xa2\xca\xae6\xd4\xc3G/\x8b\x07\xa7\x13Z\xb9\xf4\xf6\xf4t\xb7\x7f0\xd2\xf7ZJ\xac\x8c\x89\x9e\x00\xb0\x1c\x1aM9\xb0r \x14\xf4B\xa4\x1a\xaa+/\xdb.70\x85\x18W\xd9UVe\xf5\xf5\xcd\x95\xd5\x05\x864\x9a\x16\xda\xe4\x86\xd0\xec\x0e\xf6\x0eF^\xef\x91\x14\xab/\x10\xf1\xfb\xdc\x1a7\xd42\xe7\xb8\xd0[\x80\xfa\xf0\xf3\xd3\xd5\xcd\xa8\x952f\xdd\x97_64\x00\xeb\x9fW\xaf\xdeX\xb9q\xa3\xb9yv\xb6\xfa\x83O\xeahM\xd4S\xd3gk|\x90\xeb\xb5\x94\x1b\xd4\xaax\x00X\xc5n2\xd1b\xde}|\xef\xbe}\xbf\xfa\xe0\x97\x07\x0f\xcd\xce6\xdf \xae\x95\x15\xc2\x02T\x19\xbd99{\xf2\xe4\xdf\x0f\xdd\x9a\x9c&lt;v\xa9\xa2\xb44\xc7\xb5;\x872"\xdbBXK\x92b%\x02\x81\x90\x1f\x1eZP\xa5\xe7\x8e\x1f?[\xb1\xff\xb3\xcfN\xdc\xbaubrr\xf2\xe0\xc1\x83\xc0[Yi@c\xad\x9c\xfe\xd7\xe4\xe4\x1f\xbb\xda\x16\x16~\\x\xd1\xf5\xe2E[KK\xb1\xa54\x1b\xa6\xeb\xedX~\x06#\x13Rn\x04\xf3^E\xfa\x07\xb1\xa9\x01\x16\x8e\xb6\xb6\xe2\x96\xd1\x17]]]/~l\xe9\xedm\x1f}\\\xf1\xf5\xef\xce\x9f\xbe\xd8\\vu\xa5\xf9\xfa\xb9\x8a\xc7\xd3O"}\xe1\x9e\xbe\x08&gt;k\xf7\xfb\xa7\xa7\xfd&gt;3\xf6\xb2\xaet\x9f\x7f&lt;\x12\x97\xf2o\xbb\x8a\x91\x10\xc3rX,n\xf7h{\xb0\xbd\xbd\xa5e\xb4=\xd4\xdf\x17nm\xed\xe9\x1fly|n\xff\xf9/.\xd6\xaf4\xcf\x9e\xaf\xf8\xcb\x02\xb0z\xe8~\xa8\xb7\xb7\xd7\xef\xf7\x0f\xfb}\xa5\xdbX\xa1xF\x9eD\xff&lt;Pd\xe4\xa5\\\xe9\xed\x0f\x01\xabI\x83\xc5:\xe8o\x9fno\xef\xed\r\xf5\xf4\xf4\x84\xc3=\x8b\x81P\xfbB\xd7\xd7\xbf\xb8~\xfdbs\xf3\xe9O\xff\xf1\xdb\xb6\xe2?\xdd\x1e\x1e\xf6\x8f\xbe8[q\xb6mat\xda?\xed\xb3\xe4\xec=\xea2\x05\xc7\xc7C\x89\xbf}\xf7\xdd\x1dI\xa8\xfe\xfa\xc3\x9f\xef&lt;\x07\x96\x9fv\xa6\x16w\x13\xb4j\xef\x1d\xec\x1d]\x80b\xd3\xc3\xe3O\x9e\x0cO\x17\x97\x1e\xdf\xfb\xe9\xf9\xd3\xcd\x95_\xec;~\xce\xe4\xc0\xafk\xd9G\x7f}\xeb\xd0\xad\x13\xfb+\xfe\xd0V\xec\x0b\x16\xe7\xec\xddkL\x0f\x8e\x0f\x0e\xfe\xfbXg\xe1I)\xb8\xee\x1c\xfa\xaa\xfc\xd2\x0f\xaf\xfb#\xe3M\x0eKi\xa9;8\xec\x87\\\xa3]\x97\x8e\xfdf\xff\'G\xb3\xd35\xbe\xff\xb0j\xb6?i\xa5i\x18\xeff\xb2\x1fm&amp;3\x89\xc1\xf0\x01c\xdcH\x96\x92\x00\xdd`}\x19\x86.\x03GA\x14S\xea\xea@[!1a\x015\x9cS(z\x14\xc5\x1d\x9bb8\x1c9\x19l\x1aX\xcb\xd0v\xa0!\xa5K\x11$F\xe2\xc4N_B\x04\xa9Smc2\xee\xa6\xd8\x985t\xb4Y\xb3Y\xd3\xd9\xcd\xde\xc7\xd9\xff`\xcf\x9d@ !\xe1\x97\xeb\xb9\x9e\xfb\xb9\xaf\x07\xc2\xe1\xb4\xa2Gf\x9e\xeb\x07,\xb6\xd0\xc6\xc9\'\xf4"\x9eS;\xf1\x87K\x97~?\xf1\xad\xf3N\x97\xb1Y\xdb\xd8\xd8(\x06\xac\x05\x07N\xe2\xbe=\x06z\xd6\x8e\x96"\x12\x93S\xd3\xd3\x0b\x8a\x9e\xb6\xb6\xb6\x1bFp\xf1\x83\xbf]&gt;w\xee\xdc\xc4eg[\x8f"\xaf\xc8\x87\xfd\xeb\x1c\xb9uph\xb8\xb6\xc9 \x14%\xd6\xc3\xfexq{jj\xea\xf6\xf8\r\xa7V+\x93\xf5r\xeb[\xeb[\xa5\x93\xf7\x17\xfc\x14\x82P\x15&amp;\xb0\xee\xf6&amp;|\xb6\xf0\xee\xd4\xbd\x05\x85\x98\xc5r\xb6\xdd\xb9\xd1u\xe7\xce\xb5o\xaf]\x00\xcb\x8fMo\x17\xe3\xfe\xb0\x7f)\xac\x17[\xfb\xa1w5\xb1Yy\xbf\xbf\x10\xdd\xf8\xe6\xd6\'\x0f\x1f~\xf9\xd5\xadi#K\xabm\xad\xa9\xae\xaao\x94\x1b\xef/\xe85\x88\xe6\x08_e\xc0Z\x9b\x7f&lt;\xa6|z\xff}\xc0jc\xf5\xf6\xf6\xca@\xb2\xb6\xae\xf8\xd8\x9f\x1e}\xf6\xe9GO\x9e\xdc\x03o\xa5rE\x85Ms\x1eZ\xbd\x84-N\xfb\x0b\xbb\x1bcc\xbf\xfd\xd5\xf5\xeb\x1f\xfd\xf3\x9b\xafr~\x91\xb6\xcab\xa9\xae\xe7*\x1d\x0b\x93|D\xa3)\xdb\x99\xf0\xd6\xe6\xa5\xe3\x92\x8d\xca/L/p\xda\xe8\xfe\xce\x95\xf5p\xc2\xd1\xaf\x1f\xddz\xf2\xc9\xa7\xbf~x\xfd\x87\x7f\x17\x97r\x1bE\x87\x8d\xdd\x0f\xe3\xc3\xf9v^&gt;\x11\xde\x8d\xfe\xfc\xf3\xa3/?\xfb\xfa\xd6\xccx\xbcPX\x17q[,\x1f\xd77*\x15\x0b\x8av\x04\xc7I\t#\x96?\xc1\xb2)\xa6\x168\xf4\xb1\xc3\xed\xe5)\xc2\xbb\xb9\\j\xe6\x87[?\xfe\xf8h\xec/\x7f\x9d\x89\xa6\x96\xfci\x1b*\xa9\x1d\xees#\xb6\x12\x95).\xc5o\xa7R\xdb3\x0f\x9eyB\x90z\x94\xdc\x8b\r\x96\x9aF%g\x92\xd7~Q\xe3#;w\x98\xf0\xd6o\x8e+&gt;\xb9\x9c5\xb9\xc0\xe1\xb1\xb4\xadU\x8d2N\xde\xe1\x109\x9d\xd7V\x96v\xe3/\xae]~\xb1\xb4\x14\x0e\'\xe4\r\x12\xf7P\x9f[\xe5\xa3\x94\x91\xcczx=\x93u\x86\xce\x99L#\xdd\xdd\xd5\x96\x01(\x1a\xcb!\xedFH&lt;\x18\xdc\xeb`\x00k\xf9\xa0\xe2\x13\xcae\x17\xe2\x80\xc5\xad\xa96hA\xb2P\xa3i\xc4\x14\xf2xB\xf0\x88\xc0F\\\xd7\xcbQ\tL8n\x15N\xd9l\xd9lB_\xf2\x98,\x03\x83\x82\x16\xb4\xbbe\xa0\x1ffiK\xa3R\xe4P6\xa8\x00\xab&lt;\xb4\xf9\xffc\xbd4\x1d\x1c\xfb\xac|y\xd7$\x87\'\xe5\xd6\xd4T\x19ZG\x0cV\xab\xa1e\xd0.\x10\xa0V+\xe6\x04m\x12%\x1b\xd9\xe9\x1e\x1ev\xab4&gt;\x8a\xb2Q\xa5\n%\xc7\x0c#:\xd40b\x19\x1c\x1c\x188s\xc5R\xaf\x14)\xf8\x06\x81\x9a,\x1f\x8d2\x82U8\xc6M\\Y\x97\x91\xd3C\xabU]ch\x04J\x1f^\xa7\xd1h\xacV\xb6\xd5\xa3O$\xf4&lt;\x82\x0c\xb8\xfb\x86cAR\xe3\xf3\xe1&gt;\x00+\xd9l6_\x1d:\x00\x99\xe3\x0c\xe85\xd0*\x13\x89l\x14"\x89\x01\xd6]\x06\xb0F\x0e*\xa8\xa9\x94h6*~\xc1\xb2X\x04--\x08$\x07\xc0"\x11D\x83\xdb\xf4z\x9e\xcdG\xc6\xbc\xb34\x16\xa2\xf1\xe1\x1aM\x9d\x8d\x02\xd5\xea\x10\x01$\x90\xa1\x9bC_\x9c\x19\xa8g\x89xT\xa5\x1c\x93\x04\x18P\x0b\x1a\xc4\x15\n\xc7\x88\x83\xc2:\x9c=,nU\xf5\xc7\xf4%\xa4@\x87"H;\xa9\xa1\xcb*/\xd9\xe4&gt;,\x90\x9c\xdf\x9fO\x06H\x12\xd6\x11\x87Q\x19\xd4lW\xd17q\xb4\\\x96\x01K\xbdT$\xd6\xe0e2\x90\x0c\xbef`\x88\xe8\xd8\xc30*qP\xf0+\x1c]m\xda\xd6\xfa*\xd8X\x83\x02\x95NE_\xb9!(\xdanU\xca\xf9&gt;\x9c\x8c%\xe7\xa1\x92A\x04\xd1\xb1\x11\x9d]\xa7\xd35I\xdct\x04\x12t\x9e\xe9\xaf\xb1X\xd8R\x0e\xcbe\'\xcbd2\xb6\xc7\xc4\x04\xb1\xb3L\x1d@%8F\xc0\xd2r\xeb\xab-\x02\xdd/\xf7l\x12x\xea\xd4Y\x95J\x0f\x9f\x0c\xc4\x92\xde\xf9yo2\x16D ;\xba\xdd\x92~\xb7\xbb\x16"Q-DY\xc1\x80\xa5\xa5\x01\xb0z_\xbf^&lt;:\x8a\xb9V\x99\x98l\xee~~\\(\xa4#Z0\x17O\xc6\xeam\xacj\xd0\xd1\x8e\x81\x1a\xf2z\x87\xdc\xa8\xc7\xe6\xf1`\xc1\x18`yi\xac@P%hj\xb2\xdb\x01\xad\x16\x8e\xa3Z\xe0\x12\xa8\x05-\x17\xeb\xa4\nm\xdf\xfeb\xe5(\xf0\xfc%\x13X\x9bW\x8eww3\xcb\x1f\xb7\x19\x1d"\x96X\xc65\xb4t\xc2\xea@8\x84\xa43?l\'\x08\x0f\xe11\x83X\'X4\x17T\x90\x84C\x06\xb6&amp;d\xb3\xbe!:\xfa7\xb4\x0b\xc5\x8e\x89\xd9Q\xe2\xb8\x1c\xbb\xb2\xc9\x04V\xc7S\xaa\x90+\x84\xbep\x1a\x1d\x1c\xb1T\xa6\xed\x1ep\xd7\xd6z\x87i\'\xcd{\xed\xd9C\xc0"\xb0\x80\x8b\xe6:YE\x80\n\x06I\xa2\x02\xba\x8c\xce\xee\xef\xef\xf7\xd5v\xaa/\xb6\xb3\xf9&lt;\xc7\xc4(V\xc1%\xc1\x9b\xcc\x8c\xcd{fj7\x9a\xf8\xbc\x17\xb0xb\x96\xb0\x1b\xc2D\xdf&lt;`y\xbd^W\xd6\x9f!\xe8"] \x96\x97\xde\x8b\xb1\x13*\x92\xac\x1c\x1c\x13#\xa34\xd6\x90D\r1V\xc9s\xb4\xe18*\xb1\x97\xf7\x98\t\x19\xabf\x8c8.\xd8&amp;\x8c\xf4\x1d3K\x88\x0e\x82\x08}4U\xd2\x85\x85\xc3\x99,\x11\x89D&lt;\xe8\xeby\xa0Z\x9d?\xa1\n\x92A;\xaa/\x1c\x10A\xe0\x02\xd7\x03V\x9d\x92\xa7\xc8Wt\xc3\xf6r\x99\x11\xc7\x83\xe7\xb9\x84\t;8\xe85\x1a\x15"\xb1\x94o\x98\xeb\x07\xcbxi\x1b\xa1D&amp;\x9f\xc9\x1cf\xfc\xa0Y \x99L\xce\xcf\xbaP\x8c\xc8\x12\xd8\x88k\xd4EsQ\xe8\xd0\xec\xf0\xf9&amp;U;\xe4W\x1eG\xac\x9a\xdd\x0f\x1c\x05_2\x83\xd5\xb1\\\xc1\xe6\xb0R\xef\x05\xc0\xe2\x89\xe5V\xd4\x05\xe31\xb4\x00h\x9dX$\x9b=&lt;\xf4G\xa3\xc5\x8c\x07z\x84\xcbn\xf2D2\xe1C\x0c\xa8\\\xb4^~J\x05\x1fT\xab\xd8B%`q!w\xc7\xca\xcf7\x99\xc1:\xf5\x94\xf2\xcc\r\x9a\xb4]\xd0!xb\xb1\x92\xad\x83\xaf\x92\xc4\x828&gt;2\x17\x8aD\x9e=[\x1b_I\xbfX\x8b\x10\x1e\x8c\x9e(0\xb3\xd9&lt;7877\x82\x9a@/\x9f\xae\xb3\x13\xb0\xf8J\xa1\x98\xd3X[;\x1fc`\xac\xf9_\xbd\x0c\x11(j\x16\xd2\x8d\x0bJ^\x876u6\x05\xca\x84/\x08\xea\xbc\x05\xaa\x17\xe333+\xe3\xe9L6\x1b\xf1\x84&lt;\xce\xb5\xb5\xb5\x90\t\xd8\xcc\xa8\xa1\xe4Oh\xd4Mj\x95F(\xac\x936w\xc3\x0e\x8e\r\xee0\x14\xabOw\xbc\xf1`e\xcc\xdac\xec\x12\xf3D"\xa9\x10\xd1\tte\x8a@u\xba\x11\xd3\xdb\xcbk3\xb7\xa7\xc6\xc6\xc6\xee\xc5#!\xa8\xb7\xe3SS\xdb\xb7_&lt;\xf3\xc06\x80q,\x0fY\xa7I\x8d\xd4\t\xd9Vys\xcbpm2\xf0\xfc\xee)\xa6j\xc7\x8c\x975\xa8\xf8\x04\x8b\xc3\x03,\x95\x86\xa2H\x14\xc3\xcc \xd5\xca\xf6\xf4\xd8\xc6\xadW\xaf\xb6\x81#\x9b.\xde{\xb516\xbd2\xfe`\xfcj:\xdb\xect\x86\xd75j5"\xe4_d\xdbD\x887\x99\x0c\xdc\xdcd\x0c\xeb\xee\xf2Q\x99\xc49\xc6f\xa9X\xa4\x07,\x15B\x94\xac\xe0\xeegk+\xf1\xf8\xd4\xc6F4\x9a\x8b\x16\xd3\x11\x0f\x91\xf1\x17S\xf06\x15\x0f\xa7\x8b\xa9\x14D\xfe\x1bi?\xaeV\xab\xf8\x80\xa5\x14\x1d\xc5\xa0\xd7\xae2\xf7\x07\xc6\xb3o\x8e\xf0\xa3\x8a\xe2\x02G*\xe5\xe9E\x80\xa5)\x95\x9c]++W\x8b\xdb\xf1t&lt;\x95Z\x8a\xa7#\xe6`00\xb7\xb5\xb5\x18\xca\x14\x8b\xe9\xc3l$\x9d\xcaEs\xb9\xdb+~\x8a\xc6\xf2\xb5\xb7\xf3\xc5!2\x18\x98eN\xacS\x1d;&amp;\xa2\x92\xfd\xc7\x7f\x14R\x96\x18\x16Q\xa5FJ\x8a\xab\xa9hj*U\xccz\xc0\xf4\x91\x0f[\x8b\xef\xdf\xbd\xfb\t\xea\xf5O\x8b\x1f"\xd8\x96\xd9\x8ce\x96vs\xaf6\x8a\xfe\x84\xeaD-\x84\x7fnu\xef\xe6\xea&amp;\x93\xbfbt\xec\xbcY\xfe\xfb\xd9?sh,Q\x9d\xba\t\xc9\x87\x97h\x91V\xb2\x1e\xf3\xbf@\xa2\xc5w\xef\xde\x7f\xff\xfd\xfb\xf7\xefO\xd0\x16\x17\x17\x1fc\xd0V\xb3\xf1\xdc\xabh!\x81\x00V\x9d\n\xe1\xffn\xb3\xe3,\xb3\x7fA=}\x9a\xbe\x96z\xda\xc3\x93J9"\xa1\xba\x13O\xa4\x1d\xe9t&gt;\x12\xc9F&gt;|\x08=\xdeZ\xdc\xda\xdaz\xfc\xddw\x00\xf6\x0e\x98\xe0\xe5\x07\x02\xa8\xb2\x99\xa5\xff\xd2n\xb61ifY\x1c7\x8c\t\xfaA\xd2d\xd7\x021\x19\xca\x8b\xe1m\xa4J\r\xa0\x0f:\x14\xd6\n\xad\x82 \x02-B`2\xbc*\x1d[e\x80\x0eH}\xab\x8c~\xd9\t\tQcc)\xca\xc4\x8c&amp;\x8d]u2q\xac\xdbNj\xcd\x98\xec\x98\xed\xcb\xc4mZc\xe2&amp;\x13\xd3\x8d\xcd\xc4\xd68\xb1\xdds\x1f\x9d\xfd&gt;\xdb&gt;\x07%\xfa\xed\x97\xff\xf9\xdf{\xeey\x9es\xbf\xbe\xfd\xd5O`EV\x03`\x15\x132\x16K\xc9yf\x11+$\x0cFI}uCM\rO\xc5\x98\x9b\x9d\xbd1;\xb7\xf3\xed\xeeo\x10KK\xdb\xdb\xdbK\xf7\x00ni{ww\x17*\x124\xd4\xff\xb81\xfbSm\xc5\xb9"VS}m\xc9u\x82\xa6u\x1f\xc9\x18\nI\xf3\x19\xe8T+\xb8\\\xae\xb3l\xf6\xf6\xd7\xdf\x7f\xb3\xb6\xba\xb5\xbc\xb5\xb97\xbf\xb9\xb99\xbfy\xff\xfe\xe6\xc8\xfd\xcd\x85\x91\x85\xfd\xfd\xb7\xd1\xefoHj.\x954T\x9f&gt;\x07b\xc1\xdeu\x9f\x18\xaa\x9c\xba\x11\xf1%\x85\xb8Y\xdcZ\x81^7U8Z\xbfz\x92&gt;x\xfe\xba\x7f\xea\x17\xf7\xdd\xa7\xe3C\xe3\xcf\xdcC\xa4\x87\xcf\xa8\xa2~\xb6\xa7\xdf\xf3\xf7\xf5\xaf\xda1=\xab\xb5\xbe\xab\xfa\\YQ}}\x83\xf4.AX9\xbf\x9a\x145\xc2fFM\xed\xe9\xf3\xe7?r|\xe4\xf0\xdf\x18\xbb\xb5\xb2\xc8nk+dRI$\x12\xf5$)w\xc8\rXm\x8bS+\xcb;\xed\xd0\xdfZ\xcfU\x9f\xd06\xb14\xf5\xf5_p\xc6\x89\xc2zf\x17\xd6\x08\x19\x0c\xf1\x17\x15\x9f\xfd\xf5\xa2\xc3\x11p=\xde]&gt;\xf8\xd7\xca\xf3\x156\x9bM-\xa4\x8a\xf8L\xa6gq\xf1\xf5\xc1\xc1\xdb\xb7\xbb\xbb\xed\x81\x00\xb4c\x15\xa7\xbb*\x90\xb5\xce\x95\xd8\x08\x1b\x04?e\x16\xd7\xd4\x88\x19\xcd\x97j\xbb\xce_th\x83\x81\x88\x7fiwnm\xe0\xed\xfe\xfe\xeb\xa9\xa9\xa9\x95\xd7\xe8w\x7fygggw\xdb\x1f\x00,\xadV\xdbU\xcde5p\xeb\x9bj\xae\xe7\xe4\x10\x97E\x89J\xc1`\x08[\xb5\x9f!\xacT\xc4\xdb\xbe\x8d\xd6\xdd\xee\xee\xf6\x12\xacB\x88\xed\xa3h\x0f\x02V\xc0\xe18}B\xaba\x15q\xb9,!qX\x94\xbb\xc9J\x95\n\xd2\xa8\xe2\xc2I\xb0\x13a\xf9\x7f\xc3y~\x80M\x0b\x0f\xd8V\xd1\x1e\xf18\xe0\n\xa4\xac\x01\x97\xe3\xe2\t.\x0br\xd8\xa4\xd2\x11\xa8\xd6\xd3\xe4\x19\xb5\x85\x06\x8b\xb1\xa4\xe2D\x97#\x10\x8cx\xbd\xfe\xf6{\xf7\xe6_\xfc\xe7\xc5!\xd4\x8b\x9f\x7f~\t\x94\xa9\xce\x07.h\xac#)\xc7\tmC\x19\x88Uf"\x10\x8b\xf20\x04\xa7\x08\x95\x84\xd1,,\xd2:\x10\x96\xdf\xef\xdd\xf3CA|y\xa8\xd5\x0fP\x19_\xbc\x9c\x0f&lt;x\xd0\x19\xb0Z\x83\x91\xa0C[[\xc2\xd24\x15\xa9++\tT\xeb\xa1\xfds]\xa5\x02\xf6.F\r\xa6\r@\x12\x01ka\x01\xca\r*=(y\xf7\x1e\xa3\xb2x\xe5\xca\x03\xad\xb5\x16+M\xb9\xae\x94\x96\x954h\x9aT\x19\x93\x980,\ne&lt;~\xa6\xb1\xb1R"d@\x1a1W)\x16\xf1\xcb\x01+\x95B\\\xedKp\x8a\xf7\xce\xcfC\xad\x86\x06Ck\xbd\xcc-u9\\N\xa0\xd2\xb0\xd4\x19\x05\x81\x96\xcfydf\xe8\x80\x0b\xce\xa8\x0cIki\x00Cjy#\xa9\x85\x00\x08\xe6\x1f\xf5\xef\xed\xed-,\x04:!\xf0i\x96R\x97K\xcfbi4&lt;ZF\xad\x12\x12\xa8\xd6\xa0M\\\xd9x\xc8%VI1,\xe2\xf4B@\x97\x13\xf1\x8e.Ck\xb1\xba\xbc\xe5\x8f\x1cb!.W\x8b\xb4U\xa3\x91Z2\x19K\x89\x84@\xb5\x06\xaf\x9bL \x97\xae\x12\xe4\x12[\x9c\xfa\xcb\xceH$\x92\n\xa6.\xfb\xdb\xbf\x9c\xbbs\xe7\xc6\xdc\xce\xcd\xf6\xe0\x95+\x0eGg5\xc2j\xd1\xf3\xa4\x1a\xb91\x99\xb1\xf0J\x08\xdcN)u\xbf\x9a\x84\xff\xe3R\xb4\xea\x9d\xfe\xcb)k0\x18\x84n\xe3\xcb\xd9\xd9\xb9\xd9\x9d\x9d\x9b\xd0PC\x17\xd9\xa9\r\x94Z1\xba\x9c\'\x95JC\x1baikY\xcdu\xe2\xee\xae\xd4\xddW\x0b\x8f\xb8\x18:\x93J\xeat:\x01\xcaj\xbd\xec\x84\xfe\xbay\xae\xf9\xdb\x9b\xa3\xc1Tg\x97\xa3\xcb\x91\xc2J1:\x87\x07X\x96\x8d$\x0f\xc7"\xeerT\xdd/j\xe8\xab38\x97Ng\xb2\xc8\x9d\xdeH0\x10\xb4F@\xaev\xd4\x1a\x8ez\x03\x11(9]\x9d\x114\xb3$\x05,H\xa1\xd1Y\xc4*;\xfb\x97:\x02\xab\x8fZ,\x91\xa83\t\xc0B\\F\xb4\x10\x81\x0b\xcc\xe5\xf7om\xc1\x9e\xef\xfd8\xd0\xf9\xa03\xe55\xca8\xc79F\x9e\x9c\x17\xcaX\xa4\xce\xa2\x06\x16\xa1X\xcf\xc2b\xa1\x84\x86\xb8\x1au:]B\x8d\xde+zSp\x92\x80~zkK9\xba\x85\xef\x11{\xd9\xd0FV&amp;3\x1ae&lt;{2\xc4s:\xd1\xf3\xad\x91:"\xb7y\xa1D\xa8\x08\xab3\x8dx$\x12\xc9\x90\xdd.[\xd8\x1b\xddZN\xdaC\xf6d\xd2\xbe\xbc\xbc\xb5\x95\\\x8bMo\xc4\xb3\xd9x\xdc\x1e\n\x19\xc1\x80z\xbd\xf3\xec\xb1G\xc4\xa95\x9e\x15+\x14\xea#\xaeDcl` 6=\x9d\xb0\x03\xcc\xear\x12\x1a\xff\xb5\xc4\xeajrcz`rl`#\x14\xcf\x02U\\N\xd7;\x9dt\xe7\xd9r\xe2\xb0r\xc6\xe3b\x85\x8a\xa6\xa0\x85\xd5\x89i\x00\x8a\x8dM\xf4M\x02Blmum:vgl},6\xbd6=\xb6\xde=1\xd1\x1d\xb3#*#\x87N\xd7\xeb\xe9\x98\xe6\xaco\x9c8\xb5\x1e\x99\xc5\x12\x9a\n\xbd\x1c6\x01W,6\x99\x86\x88Nt\x0f\xc4\x06\x00f}}\x1d\xc8\xd6\xa3\xe9t\xcfp\xf74@\xd9\x8dr\x0c\xa3\xd3\xb1\x16}\xd1Y\xdf\x10aT9\x8fF\x84B\xc4\x15V\x83\xed\x81\xab\xa3;\xda\xdb\xdb\xd33\x9c\x9e\x98\x98\x88F\'\xe0\x13\x8d\x0e\xf7\xf6^\x13\xf4t\'B\xc9\x90\x85\xa7\xc70\xac\xb4\x05\xd3 \xac:\x02\xab\x0fz H\xb3X@.X\x8e\xb1\xabc\x13\xbd3U\x02\x84\x06p\xf8\x0f\xfc_U%H\x83\xb7\x90Xt\xc0j)\xd5\xc3J\x94y\x0c\xa4S\xc4\x90\xd5\xb9\xf7M\x12\x05z:\xff;WG\xdf\xb0\x008\xd0\r\xc5\x19\xc1\xcc\xcc\xb5k\x82\xaa\x0b\x17.\x08\x86\xfb\x1a\x93v{V\nb\xb5\xb4\x94\xa2q\xf0\x12\xfb\n\xdb\xf3\xd4=H\x00\xd5\xa7C\x8b\x07\x95\x12\x85BAS\x19Uj\xb0W\xa2\xf1\xead\xba\xa7\x17\xb0f\x04\x02tS\xa4\xeaOU\x1f|pA\xd0\x13\x8d\x85\xec\xd9,\x8f\x03foi\xc1\xb8MME\xad\xa6\x83)f\xbe\xdb\xf0\xfeSY7$z&gt;\x00X4\x08\x15\xf2W\x06\xfc\xd5\xd1\x97\xee\x11@\xeaz{f\xaaf\x10\xd3\x9f\xd1\xf8\x03P\xc5\xe3q\xb9\xdcI\xc7\\-\x18&gt;\xa6nZ\xbfE\xcd\'\x0f\x19\x0c$\xca{\xa6bz~\xec\xd3)~\xc7\xa2\x85M\x88k`=:\x9c\x1e\x16\x00\xd6\x05tc\xa4\xaa\':\x19K\xda\xb3q\x99L\xce\x91\xeb\xc1\xef\xa0\x16\x1a\x05W\xfd\xed\x80\x94\x9bG\xce7\xb0\xdfg&amp;)\x83n&amp;s\xeaU\xfa\x08\x0b"LCr%\x12\xb1\xc9\x89(\x1a\x99\x02\xe3\xf7\xf6\xa6\xfb\x06pW\xa1a\x179\xc7\x89!\xc7s\xf5\xfa&amp;\xa8\xda\x95o\xa8\xf9\xf9d2\x99d0\xbc\x9f\x1b\xfd\x94:\x92\xdb\xcd\xe73\xf9\xcf\xd3}\x95j\x9c\t\x0c\x16\xa6\x85\xc3\xead2\xb3\xd1x\xb5cl\xbd/\xda7\xd9\xd11\x90\x08\xa1\xf4\x99!@-X\x87t:\x17\xc3\xb1\xa4&lt;\xda\x1bv^~\x1e\x99\x9c\x07\x99d\xbf;\x18e\xd0\xe0a\x8bDL&amp;\xdf\xf3c\xf4\x13\x93\xfaH,\xb5:LS\xd9C\xc9d(\xb9\x81\xb6\x8aXBm1\xf2\xccJ\xa5\xd2l\xf6\xf9|\xc0\x05)\xa4s\xb9z\xfc\x9e\x81S\xceSe\xfb\xf3\x90Z\xc0E\x12\x19\x0c\xef\x98I\xb2\xbb\xad\xbf\x8dO\xa52\xf9\xa2\x95\xbe\xdbg*M\x90D\x15\xc2\x92\x84\xc34\x8b=\xac\x062\xe0\xda\xb0\xc7e\xca\x82r\x9b\xad\xb8\xd8\x87\xb8@\xad\x02\x0cCWl\x80\x8a\xae\xe7\xe0Xd\x1c\x8b\x9c\x97O-\xe4{\xde\x89\xebS&gt;\xdb\xd3\xc6\xc4\xa9\xd8\xb7\x86\xbf;\xa33\xa1\t \xc0\x92\xa8\x91^\x88+\x19\x82\xcc\x81\xc7\xcd\xe5\x10&gt;\x9f\xcd\x87S\x99\x0b\x8e\x1d\xa3\xe3P\x08\x0b\xa9e\x07\xac&lt;\x1c+\x97Y\x98+z\x87\xbb\xfc\x94\x0f\xddl\xbeGDe"*\xcf?\x9f|\xf7\x89\xcedRX, \x97\x02\x8d&amp;\x85U\x16\xa3\x05\x87\x8a\x9b} T\xb1\xad\xdcg3\x9b\x95\x80\xa5&lt;~\x1c\x15i.\x17\\O\xd7\x17\x80\xb7\xb2\x1er\xde\xa1Z\xb9\xd4\xc2\xbcB\x8f{\xf0\xff\x03\xab\x1b\x1cb\x83\xad\x10\x16\x1f\xb0\xfa\xff\xdd\xfb\r\x8eES!.|\x9b\x00;\xc9\xe3\x96l\x16\x89e+\xfe\xb8\xd8f+\xb7\xf9|`0\xe5q\xfa\xe1\xd9\x01\xb8\xe0/\x8e\x94\xa7z\xf34/\x8f\x8c&gt;d\x12\xf5d\xfeI&amp;\xdb\xe3&amp;}\xf8\xc7\xa1H\xee\xb66\xf0:\xdb#\x02*\xc0Z|\xf5\xe4*4\xfb&amp;D\x03\x82A\x18\x8dF\x1eO\xae\xe4\xe0G&gt;\x99\xadx\xa4\x18\xcc\x05\xd6R\x82\xcb\xca\x0b\xe8(0\xfc\x1ba\x19\xdfx\x0e-O&amp;\x9f\xa4\x92rI$R\xa1\xa1\xcd0\xf4\x87\xae\x07RN\r\x19\xda&lt;@\xc5f\xf7{D|\x84%\xea\x7fu\xfbs\x84\xa5@"! \xe8 \xd0\x17\xa7\xa0@)\x8b\x83^J\x1b$\x11\xbc\xaeT\xca\x0b\x8e\xa8\xa0T\xd3\x9dtz\x01G*5\xfe\xb7\x91\xf3ymc\xbf\xa2\xb8\x18\x86\xf9%\xa9\x96\x16\xe3i\x84FEH\x16\xd1ff!\x89\x84V`PM\xc9\xe2m\x92\x86\xa6\x9b&lt;C\xa5g7x\xa3\xff\xa0K-\xb2\xec\xc2\xc6\xe0UC\x17\xaa\x17\xde\x1a\x81@\x06\x9b\x18/\xed\x8d\xb1\t8\x9b\xc8[{\x11\x08\xe5\xb5\xe7\xdc;#\'\xf4\xc7{_\xc7cYv4\x9f9\xf7\xdc\xf3\xbd#B\xbe\\\'E$\x96a8\x8ei\x12l\xc3\xf8\xee\xe7g\'\x8c^#T-\x9an\x92\x8a\xe6\xfa\xe7?~\xf5;\xdc[`\x82x\xf9\xf8I7\x9f\xaf\xd7!\xc2\x13\xea\xd5.\x10\x07&lt;&lt;@(\x90*\xd6\xf3\xdfl-\xf3\xdf\xe0u\x9ft_\xeeU%\xb5p\xf0\x03\x13\x89\xef\xb8\x90\xcc\x0cj\x88W\xfbg)\x95@E\xc4\xaaM\x87\xd5f\x95\x9e\x8f\xfe\xf5\xa7_\x83\nX\xa0\xaa\xe7a\xe9G\xcf\xbb\xa2X\xb7\xde.\x14\xda\xb0\xd4\x9fIXh\xe7{\x0b\xb0\xe5\xe5\xe5\x82b\xfd\xe5\xdeHj(X.\xa8d\xb9\xc6\x0b\x90\xbd\xfd\xc5O*5T(1T-\x1a\xa5X\xcd\x83\xdf\x0b\xd6\xb3?\x92\n\xfd/\xe7\xe3\x8ds\x17\\\xc4i\xbfi\xd3T=2\x81*Ql\xf9\x11u\xad\xbf\xba\xb5M-\xa2\xeb\xfb\xa6\xe9\xb8\x86\x99p\xb9\xe6\x06\xff\x0f\x9c\xff\xe32Dz\rF\x1fnn\x8e6\x87\x11\x1d\x85^\xacr\x01\xf2\xf4\xaf\xfc\xa7\xd6\x7f\xf8\xe5\xcb\'r\xdeep=\xca\x83\xab\x8b\x95\xcf\x83\x8b:\xc1\xee\xbd\x84\x89z\xe2\x90g\xb9{\xdd\xbd\r\xdbQ,4"h\xe2\xd8L\x17\x00\x83&amp;4\xfb\x1f\x89\xf1\x1d\xa0"&amp;:\xb4\x19n\x8eF\x00\x8b\xa2a$j\xe1P\xfb\xf1o\xcf\x90\xa6\xbf}\xf9\x98%L\xb8P\x9f\'\xddz\x1d*\xb5\x0b+\xe0\x02\x1f\n\xb7L\x9e\x82T\xf0\xf9s^\xc3\xab\xd7\xb7\xa0\xa2\xb9\x1c\xdb\xaf\x82\xc4\x07\x95K\xa9\x92Z\x9a~\xf5E\xad\xb63\xf8oP\xc3(0\\3\xf6}\x1fl\xd1p\xa4\x82\x81\t\xdf\x06A|\xfa\xfd3\xa1z\xdc\xcd\x8bc\x00\xc7:\xa2\x86=2JY\xdbD!\x90,&gt;\x03\xcb\xe7\xdboN\x0c\x15\x0bN\x0f\x02#\x8e\r\x10\xe1q\xf2)G\x17d\xc3\x9do%\xa3\xd1\x9b&gt;~\xe6\x92\x8b A\x10\r\xc9\xd5\x0cd\xe1\xf2^|\xc1|\x0e*\xc8CIX\x1c5\x0e\xe4( \xe3W\x08\x96\xf0\x91h\xc1V(\xec]X2?\xa0\x11\xcd\xaaQq(\x93\xe0\xd8_/7\x0e\x18\xb2\xad\xafr\xaaV\xabR\xa4\xc0G\xd7\x1a~\xc0\xba\x05L\x06&lt;#\x0b\xd7g\xde\xfe\xf8=\x87\xce.8\x96\x13\xd3\xe4\x93\xb2\x01kuU\xc0\xd2\xb5\xba\xb5\xb5\xac"\xae\xac\xec]\xe3\x9c\x8ae\x057\xb3\x91a\t\xd6\x82G\xf5r\x01+!\xab\xc5{\xbb\xb3Q\x1bJ \xb0\x05\xab\xc8`\x80U\x85\xa9:\x9d\x9d\xd6b,\xc0\x9a\x8e\x7f\x8f\xd4\xac\xbf\xaa\x0bI^\xb0\xa8U[\xcf\xbd\xfa\r\xd7\xea\xea\x16\xac\x97P\x1d9\x96Jc9\x83\xe9]\xff\xee`\x88\x9d1\xc1R"\xa5\xe4c3nf@\xf4\x02\xcdW\x03\x82\xd4\r\x1aEMl\xf0\x8e\x19W\xc99\xbb\xebLN\x15\x8af\x88\xf6\xfe\xfe\xf4U\x8f\xf6n\xe7\x15\x8b\xe6\xaa\x8b("\x17\xba\xb1\xc0\x94(l\xe1\xb1\x16peu\xed\xd6\x15*\xc7\xb6p\xe6Y\xa7\\\xee\\\x9e\x06\x03[\xaa(\xde\xb2\xad\x8a\xac\x96\xcd832\x8c\x83&amp;|\xc3\x13\xab\xc8n\xccR\xc2\xf9~\x15T\xe3b\xb1&lt;\x93\x02\xaa\x19\xae\xbf&lt;\xed\xbd\x91\x90J\xb4\xca/\xe7\x91\x95\xf0|\x9b\xe6\xc2V\xcd}\x1aT[["\x1cP\xd7\xf6nM\xcbV*\xcb\x1e\x0c/\xcb\xc0*O\x0eO#\x8b\x91\xdfjY\x16\xa0\x06\x83A\xc5\xe2\xaf\tVD/K\xb0\x91\x06\xb6\x169\x8d\x98O\xfa\xcd\xd9\xa4\x18\x16\xc3\xc3\xa6\xa9X|\xe9\xeb=\x9d`\xc8U\xef\xaa\xb7\xba\xd8s\x9ev{o\xf0\x81=\xe8U\x0f0+[\xf8\x10(P\x19\x15[\xd3\x01\x00\xee\xacO\xb5\xcaayr9\xab9\x95\x8a\xa5X\x95T.\x92ehe\n\x85\xfdIT\xd2\x96\xc3+\x00tx\x05\xad\xb0\xee\xa6\xa6\x91R\xd9\xd6\xc5\xfd\xee\xee\xae\x8cV\xd4%\xaf\x19Z\'\xd8S\xce\xf0\xbd\x1e\xb1We)\xd5\x91I\x19l\x81\xb2+\x9bs\x88\x15\x86!^7\xec\xcf\xafFn\x85L\x92g-&lt;\x90_\xb43\xbe\xaf\xed\xc7\x1c\xc1~\x80\x06\x9d\xde\xcc\x0ef\xb3\xab\xc3\xc3\xb3y\xa7Q,6\x8aa\xe7\xc0\x7f\xc0\xb2\x01\x1b\x05\x1c\x00\x00\x05(IDATmp\xad\x81\xac\xf0\x1a\x9b`\x1b\xa5\xd3lW,\xfcI\xa8\xd6\xb8p\xfc\x08\xaa\x16OEQ\xacJp\xd5\x07R\x03/\x1c\x86\xe0\xeb\xcf\xcfnj\x0e44b\xd8\xc6\xb5,\xb5Z\x86P\xcdH6\xbdf\xb4ysu~79\xeep\x95\xcb\xc5l\x96XY\xc85\xc2\xd6\xaa\xfe\xe4Eo\x9c\x80ju\x17\xf3\x1e\\F\x88\x15\xf4\x00o-8E\x10+\x81Z\xc7\xe7\xfd\xd1\xdb\n\x81Z\xd4\nj\xddLB\xb9\xd4\xb0\x9c\x9c\xa53\x995c\x06xL\xef8\xd4\xb5ee\xa4j\xd5\xd1\xfe\xfe\xcd\xec\xf0r\xd2\x0f\x8bY/W\xca\xe5r^\xb6\x91\xf5&lt;/\xcb\x0bk\x94\xaf\x02\xe9\xc3\x94k\xe7\x16\\k\xbb08\x16\x1am\r]\x87\xe2\xc9z\xd0j}}m\xef\xe4\xc2\x16*]\xf6`4/S\xa4N\xbf\xdf\xeft\xf0\xa7\xd3\x9f\x1cN\xabI\xa3;\xa6o\xd8\xf4\xfe \x83\xf25G\x9f/\xc7\xf0a1K\x9cF#\x8b\xe5\xf1\x90+\x95rY\xea]\x9c\x9c\xba\x0b,:\xd7&lt;\xfa\xf8\xfa\xf5\x1a\x1d\x86\xb5J\x00*&amp;\x90\n\xb5\xce\xb5\xf7\xf1\xf6\x1dm\x93r\xb5*\xb5\xf3\x0e\xa1H\x05\xa60&lt;\xbe;\xdb\x8f\x0cn@\x9a]hB\xa7E\xachtz\x05\x0f\x89B\xa8Y#\'@\x04\x83T\x04\xc3\x11\\\xf3\xa9\x93\xbaK\xf4\xb2QH-V\n\xb1&amp;\x1e\xd7\xfa%P\'\xd7\xa6\x9axAu\xd6\x17*\xa9^X\xec\xcf\x0f\xa6\xcd\x98\xa9%X\xd4\x8bd8A\xe6l&gt;\x0e\x1b\x84\xc8\x95 \x94\x97\x93\xfa\xa1\x80\xb4\x15\xac\xe9Q1\xfc\xa0x9r\x93]LZ\xa5Uq\xae\xef\xf7PI\xf1\xf5\xfa\xf6\xf66\xc0\xde\xbfG\xef\xfd\xb0\xf6\x03\xbf\xdd\xbe\xfft\xb4#-\x9fV\xb0e)\x15\xb0\xd0\x89\xc5l\x19Q\xcfNs\xd2f\xc2\x10\xcd\xd8\xa4\xc52E\xad\x1a\xb1\x00\x90\x93/\x14\xac\x11J\x17\x83,+\xa0\xe1\xf9\xe6\xc3\xe6*h\x96q}{\xf2q\x97\xc6^W\xae\xf5\xf5\xf7\xef\xc1\xc6\xefNn?\xa4P\t\x98]\x89H\xc5\xfe\xe3\x8bz\xfd\xc3Ql`\x1e\xe4H\xef\xea\xc5\x9a\x1c\xa4\xe1\x16\xc4\xa9\x07\xfbx\xb0y\xcaUJ\x8a\xc8f\x81^\xb80\x94\x10\xe4^x&gt;r\xb4\x88\x8b}\xdfr6&gt;\x1c\xdd\x9el\x7f\x14,YR\xbe\xedOG\x17F%\x95J\xb1l+:\xec\'\x89E\xe7\x8eg\x11G\x02\x03\xa1d\xa4C+C]w\xec\x8c\xba\'\'\x8b\\h=q\x95X\xbdQ,K\xc8\xb0\xa2\xc5p\xbe\xff\x80\x95\x90Y\x03\xcb\xd8\xb8\xf8\x00\xb8O\x9fN\xb0\xb6O&gt;\x1d\x1d}\xb8\xd8\xb1\x07_#1\x1e\xc4WZ=\xb4wxw\x83I\x85w\x18&amp;\x92\xc1L\xde\x02\x90j\xb0\xe5\xe3L\xb6\xb4\x84\x1a\xd1Qb\xa3F#\xab\xeeR\xd7S\xb3\xb0\xe8\xb1\xb0x4\xf9\xec\xdb\xffA\x86\x86\xaeT\x1cc\xe7\x1d\xd6\xc5\xbbw;.;Iqxl}EU\xee\xb0|\x80*\xcf\xf7}\xce\x82&gt;G\x15\xec)\xae\xc9\n\xca\x08\xc1\x915\x0e2h\xb6\xa5\x12\xf4Q\xbd\x94-iD\x15O\xc0\xf0[x\x18N\xae"\xdbM\x86\x10\xf7\xa1\x988\xf5@X\x06\xba\xdf&gt;\xac\x166b\xf9\x95M\xf1\x15C\x109\xda\xbf&lt;\xf5e\xd0\xc4\xdcl\xe3N\x03fwl\x1dl\xe0,\x07\x8e\xcb4R.\xb1\x17\xb1T&lt;0-\xf1\xa1*F\x7f\xa1\x0b\xc2\xfe\xd9\xc8M\xc1\x1e\x86\xcb\x96\x9c\x1f\x87$\xca-\xcd\x04;ej\xb9\xfb\x97\x9dP\xec\xce\xc4\x1a_\xeect\xc2\x0e\xcc\x81\xd31y\x9b\xe6\xba:%\xb2\x84\xa0B\x11\xb3^iiI\x14\x126Z\x8d:\x95\xb4#=\xe6\x83F*\xaf4\xec\xcco\x9a\xb6\xf35\x98\x9c\x97\xe7\'\xdb\x02K\xd9\xd43\x15\xe3t\xae\x19:\x1e\x8f\x8f;\xfd\xf3}\xce\x97\xbc\xef1\xb0\x0fR,f\x16\x84b~a\x9e\x12,F\xd3\x12\xfc\xe5IJ\xd0VR\xc8\xa4\x15JRZ&lt;[\xc4\x1e\xc9\n\x94\xc7g\xfb\x81\xe5|+\x98#\xba\xb4\x12\xact\x10n\xd9\xf2\xa3A\x84Q\x92a\x05\xae2\x05\x9f\x02Jfp\xfcU\x96P&amp;?3\xb9\xcf0(\x96\x91\x81\x0e\xe4bd\x89\\\x88\xd4\x92$\x05B?\xcb\xb8Hl\xe7\xa1)\xa1\x17\x03zr5\rl\xbdGH\x83\x90\xb9\xaf\xb75v+\x19\x84\xe5n\x02\x93\xbb9=\x9b\x8c\x8f\xe9+\xceH\xe1\xf8jH9t\x17$\x91\x04\x82\x99\xbe\xf1e\xca\xa4\xe7g\x8ajh\xe1\xf2\x18`\xb9$W\xb5\x82R\xd8\x9c\x90q\x0f*JDs\xb2\xacZb\xd2E\x94)\xc9\xc3g\xfavCm6\xef\x1f\x8f\xc7\xb0V\x87I:9\x88x\xeaxqG\x8dD0\x16\xc9\xc5\xc7\xbe\x8f\xe9*C\xc34&lt;\xf5\x90\x97\x84\x97\xc4\x96\x143\xa7\x8eK\x1bB\xb6G\xb6fyr6\x1b\xf9\xba\x95-\xd0h\xd9\x074&lt;\xd1rj\x9f\xcf\'\xb0\x14w\xe6c\xb8\xaa?\x99E&gt;\x13\x94w\xd4zw \xb3pBe\xcb,\n\xb28\x93kp\xfei\xe84\x03I&lt;\x19\x1a\x1a\x8d\xc6\xa2\xa4\xb9t\xe7\xf6$U\xc5`0\xcax~6\x9b6\r\xc7M\xd1\xect\xc2H\xbe\xb8\xf1hv9.c4\xd1\xa9\x01_\xeffM\x88\xa1\n\x89Vi\xae+\x97\xbeY\xc2\xf7q\xfe\r\x05J[\xaf[C\\\\\x00\x00\x00\x00IEND\xaeB`\x82'</t>
        </is>
      </c>
      <c r="M348" s="3" t="n">
        <v>45492.67673611111</v>
      </c>
    </row>
    <row r="349">
      <c r="A349" t="n">
        <v>973737</v>
      </c>
      <c r="B349" t="n">
        <v>1977</v>
      </c>
      <c r="C349" t="inlineStr">
        <is>
          <t>Bruno Fuchs</t>
        </is>
      </c>
      <c r="D349" t="inlineStr">
        <is>
          <t>Bruno Fuchs</t>
        </is>
      </c>
      <c r="E349" t="inlineStr">
        <is>
          <t>ZAG</t>
        </is>
      </c>
      <c r="F349" t="inlineStr">
        <is>
          <t>ZAG</t>
        </is>
      </c>
      <c r="G349" t="inlineStr">
        <is>
          <t>ZAG</t>
        </is>
      </c>
      <c r="H349" t="n">
        <v>190</v>
      </c>
      <c r="I349" t="n">
        <v>3</v>
      </c>
      <c r="J349" s="2" t="n">
        <v>36250</v>
      </c>
      <c r="K349" t="inlineStr">
        <is>
          <t>Right</t>
        </is>
      </c>
      <c r="L349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32ee68a-f982-490f-bdd4-1878f9fd94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3\x12&gt;\xea\x00\x00\x03\x00PLTE\xff\xff\xff\x0c\x11\x1b\x15\x1e+\xfa\xfa\xfb\x0f\x17"\x0e\x14\x1f\xfc\xfc\xfc\xfe\xfe\xfe\xfd\xfd\xfd\x11\x1a&amp;\x17".\x07\n\x11\xe5\xbe\xb7\xe8\xba\xb4\x13\x1e*\xf7\xfa\xfc\t\r\x15\xf4\xd4\xcc\xdf\x9b\x92\xde\xaa\xa6E2*\xe3\xbb\xb3\xed\xb2\xaa\xed\xb3\xaf\xfa\xf8\xf80\x1f\x19\xd3\x97\x8e\xfa\xfc\xfd\xf6\xf4\xf6\xe6\xb2\xad\xf3\xce\xc6\xed\xce\xc9\xdd\xa9\xa0\xd6\x9c\x92\xf1\xb7\xafcLB\xe0\xb4\xab\xec\xb8\xb0&gt;) M90\xde\xb8\xb1\xe8\xb1\xa7\xd9\xaf\xa5\xef\xb9\xb4\xe4\xb6\xaf\xf6\xd0\xc8\xe2\xaf\xab\xe9\xc3\xbb\xd7\xa9\xa0\xe8\xb5\xad*\x1b\x15\xea\xbf\xb6\xce\x9c\x93\xef\xf6\xfbQ&lt;3UA8\xe3\xaa\xa0\xef\xc1\xb9?.\'\xcb\x9a\x8e\xdd\xa4\x9a\xe3\xa0\x96\xd5\x8e\x89\xed\xbb\xb7\xf5\xbf\xbc\xf1\xd4\xd0\xff\xfe\xfe\xe2\xa5\x9d7$\x1c\xf4\xd7\xd3\xed\xc9\xc4aF:\xda\xa0\x96\xda\x98\x8f\xe8\xb5\xb2M4*\xe6\xc7\xc3\xd9\xb3\xab\xf5\xd5\xd0\xf3\xf8\xfd\xf3\xbc\xb7\xea\xc5\xc0\xd2\xa1\x96\xee\xc6\xbd[C8jF8\xe6\xac\xaa\xe7\xab\xa4\xe1\x9e\x9a$\x17\x12\xef\xd1\xceG72\xdd\xaf\xa9\xe3\xc1\xbe\xf2\xd1\xca\xf3\xca\xc5\xc4\x94\x89E-#\xec\xec\xee\xcf\xa3\x9b\xe3\xaf\xa4\xc6\x90\x85\xdf\xdc\xde\xd4\x86\x81\xc6\x98\x8eZG?\xeb\xf3\xfca?2\xd7\xa5\x9d\xe9\xe5\xe7\xf1\xf1\xf3\xda\x93\x8d\xf2\xc7\xc0\xbe\x8f\x84\xd1\xaa\xa4W&gt;3\xe9\xca\xc7\xaa\x86\x80\x94xu\xd9\xb5\xb3W8-lM@\xe6\xa4\x9b\xc3\xca\xd2\xc8\x86\x80\xb3\x90\x8a\xb5\x89\x82\xf6\xc3\xc1\xe3\xa7\xa4\xcd\x94\x88\xde\xba\xb6\x80UF\xee\xab\xaa\xd9\xa0\x9d\xeb\xbc\xbey]T\x9ci[N0$3\'$\xe1\xa0\xa3kSI\xe2\xea\xf1\xe6\xee\xf7\xac~s\xf8\xdb\xd5\xce\x8c\x85\xf0\xbf\xc1\xbb\xc1\xc9\xf9\xc9\xc5\xe3\xba\xbc\xf5\xb5\xb9\xa8wg\xd6\xde\xe6\x90^N\x87ZKqXP\xf9\xd3\xcb\xd3\x9b\x97\xcb\x90\x8e\xe8\xa7\xa1\xb8\xae\xb2\xdc\xc6\xc6\xc3\xa0\x97z\x81\x8dtTF+1&gt;\xe4\xb3\xb5\xda\x99\x97vM&gt;\xb7}r\xe0\xbe\xb9\xb4vk\xdd\xe3\xea\xd8\xd1\xd2\xd3\xaa\xae")5\xd6\xbe\xbd\x93pe\x83d\\\xcc\xd2\xda\xbb\x99\x91|pr\xb8\x84v\x9dcT\xed\xb5\xbaENZ\xa0zq\xeb\xac\xa3\x9cql\x93cU\x9f\x80z\xa3na&lt;DP\xe7\x94\xaabjv\xacob\x8ajb\xa3\xaa\xb2\x83\x8a\x93\xb2\xb9\xc1[alkr}tz\x84\xc0\xb9\xbb`VV\xf6\xea\xeb\x9c\xa2\xab\x8f\x83\x86\xfa\xcf\xca\xc6\xc4\xc76=F\xc7\xa8\xa7\xc4{w\xcf\xca\xcb\xd3\xd7\xde\xf6\xa7\xb6\x8cqk\xac\xb1\xba\xcf\x9d\xa3SYe\xec\xa2\xa5\xe3\xc1\xc5\xec\xac\xb5NCC\xe6\xcf\xce\xd0\xb6\xb5\xc6\x7f\x85\xbf\x87z\xf3\xae\xaf\x94\x99\xa3\x8b\x90\x9b\xb0\x9f\xa1\xdf\x83\x94\x1f\x11\x0c\xc4iw\x9f\x96\x9a\x80]T\xc4\xa0\x9f\xa0\x89\x8e\x1e\x13\x10\xee\x9d\xb1\xd1{wlad\xb4Wo\xcf\x8e\x9c\xcev\x8e\xceZ^\xb4r}\x17\x0c\t\xc4\x92\x94\xec\xdb\xdc\xe1\x90\x99\xb4\x84\x92\xbdTX\xf7\xdc\xdc\x8d@OZ^G\x8c\x00\x00 \x00IDATx\xda\xcc\x97\xcfK\x1b\xeb\x1e\xc6\x05\xc1\xb8\xce}QG\xb20\x0e\xce\x10.\\z\x86\xcbL\x18M\x17\xcd\xc0(\xb3+\x93\x9b\x86\xd94\xd6\x84\x0e9*2\xf42\x91\xb6\x1c\xc9\x85\x980 ]\x85d\xb8\x18zs!A\\D\x1a\x05\x7f\xd4\x85\xaeN\xc2\x15\xe1\n\xddeQ8ER*d\xe5\xf2&lt;o\xec\xf9\x0fFO\xbf\xa8\x93\xbc \xf9\xf0&lt;\xcf\xfb\xbco\x86\x86\xbc\x19\x9foeq\xd8\xe7\xf3\r\xfdP\xe3\x0b\xa4\xdb\xbdj:0\xfa#\x81\xf9|\x81v\xab\xdf\xe9\xf6\xff\x97^\x0c\x8c\xfc d#\x81\xe5t\xbbo\x88FQ(v~\xed\xb5\xd3\x8b#\x7f\xbeP\xa3\x8b\xed\xde\xaf\xfd\x8e!\x1b\x9c\xc2\xdc\xdc\x08E\xa3\xd3\xaa\xa6W\x86\x87G\xff&lt;\xa6\xe1\x95\xf4U\xaf+\x171\x84\xe7\x84D\xe2&amp;!\x14\x8br\xb7\xf5\xadZ\xbdZ\x0cL\xf8\x86|\x0f\x1f(\xdf\xc4U\xaf\xd3-\n\tA\x960\x06\x03\xaeD\xa2H\x0c\x9e\xf0\xac\xdb\xbf\xf8\xd2^\x1c\x99\xf0=&lt;\xd5e\xa7HI`\x9cd\xf2Df\x18\xa6(\\\xdf^\x0b\x18b:\xa6\xd9\xf9vYM\x8f\xf8\x1e2R\xc3+\xbb\xbd\x8e,s\xf0O6d\x8e\xe0\xa5Bx\x99\xb9\xbe\x86\x95\xb7`#\x92n\x8al\xa7\xb5\xfbp\x82\xf9\x86\x17\xaf.:]I\x97 \x93\xc2\xf1\x84K&amp;9\xc2[\xacI8Yf\x04\x81\xa1\xca\x11\x91hb\xb7u\x15x ._\xe0\xf2\xa2oJ\xa2n\x9a\x12%\x11E\xd1\x90X\xd6\x12UV\'\x84(\x9c\xa2\x00+!\x18\x84!|\xb7\xb5\xfb0&gt;\x8e._t\xbb\x92\xc8\x8b\xbcL\x0c\x83\x17\r\x02\x0b\rV\xe7U\xd6q\x1d\xc7\x14\t\xd1x^I\xdc&amp;`\xb0lH\x17\xcb\x0f\xe1_\xba\xda2DS\xd28\x86n=\x06\x9f\x8c\xb4\xdf$\x14IWUK4Y\xd6uL\x98+r\x89k\xa6h\xf0\xb2lV\x03\xf7\xad\x97o\xf8\xaa_,\x1ap\xcf\xe0\x98\xeb\xdb\x1b\x14(\xb6\x9d$\x03P\xe1%\x9d\x05\x11\x8f\x82 \xa2\x0ew\x19E!\xa6$\x93V;=r\xcf\xb5\xb0\xdb/\xca&lt;\xfd\xec"\xc4\xba\xc5\x96K0\xb2\xc8\xb2\xa6!#\xed\x1ao\xb2\xa6\xc9\'! \xd6DY\xc0&gt;`yN\xeeT\'\xee\x17k\xf9\xc20$\x89Ob\xc3)\x89A\x15$8BxQ\xa2\x89"\x88\x9a\xc1S\x1e\x8e\xe3\x88\x89\xec)\x06\xfc$\x8c\xd1[\xbeO\xae\xd1\xc5^\x97\xc6*\x99\xd4\x90s\x8e\x01\xd8\xb5\xa0`\x88\x86\xd4C#"\x1b\x06\xfc\x93\xd0\xf4\x9c&amp;\x89\x12\xa7\xb0,O\x8a\xc5\xeeo\xbb\x81\xd1{\xeb\xd0\xe5^\xd70-\r-\x85\nP\x10u\xa8\x92$I\xc2\x11]D\x97\xca\x06\xcfCJ\x0cRf\x89\xba\x88\xfd(\xe5%RL\xdc\xfc\xb7U\xbd\xa7\xfa\xc2\x05\xb4\xd7%\x12\xa8\x14p%qa\xc0Q\xa8\xab\xba\xae\x8b\x062%r\x0c\r8\xe2n\x88\xb2,e\x1d\x96\xd5%Y\x91]\x8707\xb77\xc5\xce\xd5\xf0\xfd`M\xb4;\xb8(h\x9c\x80SF\x84\x12\xbc%j\x96\xaeA,\x00\xe9,a\x18\x00\xa14\x84"\xa3p\xba\xe3@0N`\xcc\xbc\x01\xac\xebD\xb1\xbf;\xea\xbb\x1f*Y!b\x92\xe14\xde\xd64\x11BY\x9a\x06L\x0e\x87\xb4\xa2\xb1\xec]\x91%np\xbbQ\x18\xdeq\x91}\xc2\x08F^b\xaeo\x12\xe0\xbaX\xbc\x0f\xae\xc5\x0b\x94\x80$\xc2AM+\xd8\xba\xca\xb2\xe0\xb2h\x96$\xd4=\x0eDM\x11 \x13\xa1\xd7\t9i\xa9\x0e\xf4"\x8aPd%\xecY\x1c\xe0B\xb7\xba\xe2=\x16\xc42x\xddD\xc6\xb9\x82\x96,X\xba\x93wT\x9bGW(\x1cD35\x1d;O\x14u\xf0B\xc5\xa4\x9ag\xf3\x0e+\x1a\x0c\x83\xfdH\xaf:\xb8\x95\xf5\xbd\x8f\xd7D\x95RA\x11NIjI(f\xabj6k!\xfb\x84\xaeh:\x1a\xde\xd1-]\x8de\xb3\xb5Z\xcc.\xe4\xb3j\x96\x15YY0$\x85R]\x0bL\xb7\x97\xf6\xba%\xd2\xfd.m\xee\x816\x05:\xb6\x95\xc9\xd6T\xe8$j\x1a\x04\xd2,\xd6\xb1\x92\x05U\xb5\xb1\x9c\xcfg5\x9dMj\xba\xad\x8a\x8c\xc2+\xd7w\xa9c\xba\xd5\x80\xc7X\xcb\x17\x12v\x9b\x05\xac\x82\x9d\xc9X\xb6\x9d\x89\xd5 K\x16\x01\xb3m\xd6\xd15\xd8j\xd9\x05\xdd\xcd\xeaP\xa9\xc6\x8a\xaa\x8b\xd2\xb5m+\xc9\x10\x02\xa5\x84\xeb\x84\xc0\x18_V\xbc\x0e|\x0b\xc7\x9bJ\xed\xb3\xd4\xefT5jW-\xab\xaa\x19[\xcdB%\xa7\x16SUw\xcfUY\xf8\xab\xabyt\xbcfk\x05\x813\x19a0\x8a\xd1j{,\xd7n\x07\xd7s\x1d\xd7P\xf8\x94Q-H\x16\xab\x7f\xfd\n\xb2l,\x83\x89\xc52\xb1l\x0c?\xb6\xb3\xe7\xa8Y\x17`.\x1c/\xd86\xda\xd7\xc2\x16\xc5\x85UP\xe4N\xdb\xdb\xb3\xd1W\x95D\xd7\x15\x0b\xc9\x82\x1dS)I,\x16\xcbU*\xb9\\\r0\xb1z=F\xc1\xb2\xf5l-SPc\x96\xad\xd6\xe8\x02\xe0\xed\x8c\x8d\xff\xc1e\x95\xde\xa3\x15\xd2J{[\x11\x13\xbfI\xba+\x89\x96fS p\x80\xe9\xe4\xa4|r\xb2W\xa9\xc5\xea\x95J\x9d\x8aU\xaf\x9c\x00\xf3\xbbv\xf8\xa5\x9c\x03\xac\x02Nu`\xc9\xc4\xeb\xcc\xaf\xfcG\xb4L\x82T\xc3\xbb\x18\x98\xca\'\x9b\xdf\xe7\xa4B\xdf\x96s \xcd\x81\x14\x02\xd6\xef\xc03X\xc0\x1bpQ,\x81\x1e\xee\xc4h-{)\xd7\x13$^\x145\x11\x91\xa9\xe3\xf3\xc1tz\x8a\xdf\xd21\x1e\x94\xa4|\xbaY.\x977\x0f\xca\xe5J\x85Z[\xafWr\xf5\x1c\x96\xcax\xdav\x01\x85\xcap\xf4\xcb\x91\xb7XC\xcb\xfd$\x0eB^\xcd\xd6*\xd0\xa4\xd4h\xec\x9cQ\xac\xd2\xe9i\xe9\xf4\xa4\\&gt;(\x95\xceN7\x0f\xc0F\xf5\xaaT\xcaP\x11\x1eo\x96\x80\x9bC\xb7\xe2\xb8Tl\x95\x17M\x8f\xb1v\xdd$n\x0bR\xb6\x96+W\xca\xa7\x8d\xd7\xaf\xff\xdf\xd8\xd9\xd9i4\x1a\xfb\x9f\xf7\xe9\x8b\xfd}Jz\x80\xa1\x92\x1d\x9c\xee\xec\x94v\xce\xc0\\*m\x9e\xe4b\x99\x02\xce,+\x83\xc6\xf5\x18\xeb\x92M\xf2\xaa\xca\x82\xea\xa4|\xd0\xf8\xfc\xfan6\xee&amp;\xb5\x91\x9aM\xed\x03\xeb\xf4\xec\xactvv\xb6\xd3x\x9dJ}\xfe\xfc\xb9Q*5\xb6J%\xe4.\x83|e2\xaac^x\xdb\xa7\x97,\x82\xc5:\xb5\xafp\xe7\xec\x8e\xe9\xdd\xc6B08???77\x17\x9d\x9b\x9b\xdf\xa0\xb25\xf6\xd7R\xa9\xd4\xc6$\x96\x83\xc1\xe0\x06\xd5r\x7fg\xb3\x92\xa3\x8d\x82\xd2\xcd\xbb\xdf\xbc\xdd\x89\xe9\x8e\xc6K\xac\x93o"\xe4\x8d\x01\xd4\xe3I@\xcdE@\x14\r\xc7\xc3\xe1p\xc4??\xf9.5\xf9\xf3\xcf@\x8c\x86\xc3SK\xe1\xf0\xd3\x8d\xd9\xd9\rh\x06\x1fs8\xbe3\xeey\xfe\x8b\xa7u\xfa$\xdd\xe15\x91\xcd\xef5\x0f\xb7\x06\x16\xbe\x9b\\X\xa0T\x91\xf5\xf5\xedx(\x1e\x0f\x8d\x8d\x1d\x8d\x85\xc2\xd1h\xf8\x97\xa9p8\x1a^\xfa)\xf4\xb7\xa5\xa9\xa9\xb9\xf9I\xb8\xb9U\xa2\xdb\xb5^k~\xeax\x8b\x85\x0b\x04\xbe0\xbb\xf9\xf3\xe6\xe1\xdb\xb5\xd4\xbb\x14\xa8\xa8V\x10\xe9\xe8hll,\x14\x1a\x9b\xa636=\x16\x1a\x0f\x85\xe3\xa1\xa5%,\xfd\xb4\x84\x99\x0f&gt;}\xfev\x7f\xab\xd9&lt;\xff\xda\xfcg\xbes9\xea\xf1I\xad\xeb\x8e\x9bo6\x0f\xd7\x9e?O!V\xc8\x14\xac\xa2L\x94\x85\xfe\x99\x19\x90\x8d\xe3]hz:\x14\n\x87\x81\x16Z\x9a\nO=\x9d][{{x\xd8\xfc\xf8\x89u\xd3\xde\x9e\xd4+-\x95u\xdd\xbdfs\xeb\xf9\xdfg7\x90i\x1atx\x17\xa2H\x94jzz\x86\xaa5=&gt;6&gt;3&gt;x\xc2X`\x85\x97\x96\xa6\x1e\xbdx\xff\xe1\xd5\xc7\xc3O{zk\xd1S\xaa\'\x81\x0b\xe4}\xef\xb8y\xfc\xea\xe5\xbf\x83\x93\x93\x0b\xfe\xb9\x08\x8d:\xcd\xd48\x05\x9a\x99\xfe+5q\x86\xaa7s\x87\x17\na\'P7\x97\x1e\xbdx\xf1\xe1\xcd\x9b\xc3\xbc#y\xdc\x0fC\xc0r\xf7\xce\x8f\x11-`\x05\x81\x85\nx\x86\x80\xc7\x8f\xa8R33\xd4A\x8a\x04\x98\xd0\xe0\x11\x1f\xdb\x8eF#H_\x1ch\x8f\x80\xf5\xaa\x99w\xcc\x9e\xc7\x97\xf9\x89\x0b7\xbfw\x8eh\xbd}\x0e*\xc8E7\xa2\x7fa&gt;\x12\xdd\x8e\x87\xe3T\x93\xa3\x7fQ\xa6x&lt;\xbe\x1d\xdf\xde\xde^_?\x8a\xae\xafG"Q\xea\xf4?\xe0\xe2\x9bW\xc7{.\xdb\xf6\xf8.?\xfa\x05\xc9\xc2&gt;\xdcz\xfb2\x18\\Xx\xfc\xf8\xf1*zkau\x15|\xfey?\xe6qd{=\xbc\xee\x8fD\xfc\x83\xa1\x0fp\xadG\xe7\xc2K\xbfL=z\xff\xe6\xe3\xe1y\xcd\xbd\xf2\xfa\x1bY5\x8fv8\xbe\xc3\nN\x02k\x92\xaa\x06\xba\xd5\x05\xbf\x7fa\xd5\xef_\x8d\xdc\x11\xfd\x81\x05\xdeg\xeb\xeb\xd1\x08\xad\x91\xbf\xfc\xfc\xfe\xc3\x9b\x8f\xcd\xbc\xd7\xb7\xc0\xa1\xa1\xf6\x1e\xaa\x14Tk\xb3\xc1\x81\x8b\x93\x93\x83\xe4\xdf\r\xc5\xf2\xff\x815\x18\xaa\xda\x82\xff\x19^A\xaf\xa9\xa9\x17/\x7fg\xcd\x8c_\xd2\xdc\xf78~\xe0\xc0\xea\x07\xfdaI9d\xd6\xe3(\xa8,5\xce\xf3C\xf2\x98\x8f(W\xf4\xa1\x86\x1a\xd8\xc3!\xe7\xc31\xa7?\xb8kJ*H\x9auS.\xf8C\xd7\x91\x0b\x0eS;\x0e\x94\xd3\x98\xec\x8e\xea\xec\xa4\xb7\x03c\x1c6F\xd4\xa1\x06^\xb7b\xd7\x1dn\xd1\x96\xd0\xbd\x87\xa2U\xe3~\xbe\x8e\xfb\x1f&lt;\x1f\xe3\xc1~\xf2\xe5\xe7\xf3\xf9~\xbe\xef\xf7\xc7\xe5\xd0\xda\xdf?n~\xc72\x95\xfa\xb7:\x96/\xc4\xd4\xb1\xa6!W"=J\x84f 8\xf0\x85\x05=\xa0j\x99`\xa6\xde[\x03A\x9a\xa6\xf5M\xe8v\xc20\x17\xe1\t\xad\xc3\xd5\xc3\xb6\x1f\xfb\xea\xf5\xf3\'e\xc0\n;q\x94\xa9:\x16\x0c.\xb3\x10\x86\x130 \x8cz\x04\x8b\xb3\x10p\x14\x8b\xfd]#\x1a\xc0j\xd2\xa1\x9b\xdc\xe5\xf4,\xfb\x9e\x7fd\x7f)\xf8\xa8\xfc\xa4\xbc\xee\x0b{\x9c\x02B`O$\xa6EQEdD\xc8\xa7\xc4b\x18\xa07Z\x8a\xc5b\x10N_\xb1\x08\x83\xe2\x9e\xf8\x1e\x0c1&gt;_h\xd6\xd0\x03Hah4.\xdb\x19`=\xf9\x8du\xb3\x7f\xbb\xfc\xbc\xbc\x0eT8. \x90tIE1\x9e\xa4\x83$U*\xd2\xa02\x18\xbe\x8c\xad\x1b\x86{\x06\x14*9)\xe6S}]\x11\r\x8d\xae\x83~\r\x0c\xfae_\xb9\xfc\x9a\xed\xcd\xae\xfa\xb6\xbf\xecG%4\xe1)&lt;\x8d\xa8\xa2f\x89\x90K\x92r\x95|||jjJ\x05\x01&lt;\xf57S\x80\xc5\xa5\x84&lt;\x0c\xd3(\x90$\xabw\x17`\xf9Y_A|u\xdb\xef\xf7\xfb\x96m.\x1b\x8e\xe3\xe94PEe\xbc\x1e.\x97K\xca\xc7\xad\xd6\xd6\xad\xady\x08\xa0\x9b\x87\xd7\x94\x8a$\xa9&gt;!Of2\xa5D\xb8\x00\x07\xa9\x81\xc1\xe4\xf2\xf9\xd7\xef\xb0\xbeH\xba\x83\xb2\x95\xadc\xa5\xd3\x04N\xa4\x894n\xebn\xef\xe1\x92\xc3\xd6\xde\xfb\xf7\xef\xf7\xce\x03\x1a\xa2\x1b\x97S\x88\x88`\xa0\xde\x04n\x12\x11\xd3\x84H\xe7\x82\x19\x81\xb0\xd8_\xba\xd5\xca\xfe\x90\r\xa0\x884\x93N9\x19\x8fg\x0e\xc2c\x92\xb5\x93w\x11\x17$\x0c\x05P5\xcb\x9c\xab\xa0\xe0\x17\xe6\xc2\x8c\xcdd\x02&gt;\xbb\x9d0\xe9\x146_\xb9\xf6\x9d\x9a\xed\xde\xba^\xf3\x03\x16N\x10N\xf8\x18\xc6\xe3t\x86\xe7\xd6J\x7f-\xcd\xad2\xb2\x1e\x8e\x16\xb2\xd5\xdb\xbb\x05\x8fq.5\x8a\x87\x17J\x0bk\x80\xb5\x8c\x12\xc6\xd4\xc5\xbdHg\xf2\x95\xf7\xd9_6_\xdf\x07,\xf8\x14\'`\xbd_\x9d\xf3d\xb3\xd9P\xd8\xb7^\xfae\xce)\xe3\x18[{{\xad\xbd\xbd\xf7{[\xc7\xb9=\xde\xe5P8\x1c\xca\x1em{\xbd\xd9\xac\rg&lt;v\'\x084\x81)\xe4_d\xfd\xa7\xc5\x86k\x8b\xfe\xf5\x10|w\xc6\xc90\x1e&amp;\xdb=431\xb8\xb4T\xc8\x86W\x9d\xdd3F\xad\xd5:\x0eT\xbd\xad\xd6an\xb7\xcd;\xb44\xf8\xed\xcd\xabmRNg\xfb\xe8\xa8\x0ct\xa3}\x9a\xc0\xc3\xfeW\xec\xff"\xf5\xf5"\xf4\x16\x01DN\'n\xf3z;9Fm\xeb\xad[m\xc6N\xaf\xb70c1\x1a\x87\xadP\xc8V\xed\xb0Qj\x91J\xb5\xadm\xb7\xacZ`\xd5J9\xcd\xdd6\x13\x81\xc2\xe7\x7f\xdd\xc0\xf2\xaaY\xad\xbe\xf2\xaa\xec\x0f3\x10Y\xdc6\xd4&lt;\x93L\xc6b\\k\xef\xd5V\xad\x91\xd3\x99\xb4\x00\n\xc2\x02\x0e\xad\xd68\x0cl\xc6[W\xa1\xa2\xc3\xf0\x1f\xa4L\x86\xb8\xf0p\xedvc#\xab\\\r\x8dW\xae\xbcZY\x0f3v\xa7\x13J\xc4\xb1\x00\xc8]\xed\xae\xe5_\xfb\xb5P\xb6\xbdy\xc6b\xe1\x90\xf2y8\x86Vk\xdb \xa7\xf9(\xb4\xb9\xb9\xbf\xbf\xbdd\x9c\xb2N \xae\x1e\xa8#\x81\xfb&gt;\xdc\xd9x\xf4\x89\xc5[Q\xfd\xe7O\xef\xee&lt;\xf2\xfb\xc3vh_[!\x99\xb4,\xc5\x02\xdb\xb5\x95\x95\x17\xcf\x9em\xfa}\xb6\xa1\xc0\x12\xb7\xab\x05\xee \xf9\xb0v0P\x08\xf9?&lt;x\xf9\xe2\xcd\xcb\x17\x9b!\xaft\x10\xb8 ]0W\xd7\xf7\x7f\x08\x9f\xa6\xdf]akH4\\OVO\xab\xdb5\xbf\x0fay;\x93\xc9\xa5\xa1p\xe9\xc3\xb37\xbf\xfe\xfc\xe0\xc1?k\x1f\xd7l\xde\xcev\xc5@\x10t=)m\xee\x9e\xfb~}\xf1\xdf\xbf\xbe\xf8\xf9\xc1\xb3E\x7f\x89\x192B\x99G]0V\xd7}\xa7;\x0ewn\x83\xad2\xaa?\xc5\x95\xca\x9d\x87k\xa5p"a7\r%-\x94m\xee\xfb\x8f\xfb\x9bo^\xfege\xa5V\xfa\xcb?\xc2Y\x99\xc2\r:\xb5I\xd3Eu\x13\x0b?\x9d^\xd4\xfc\xe5\'+\x9b\x8b\x17\xa5\x05O\xb7\xd4hl\x96\x99pf\xe1GG\xb0\xe9\xe1\xf9\xe7F5K\x934V=\xa4i\xc7ji\xd5nO\xbb:9\xcd\xb6\xd5_J\xbe\xb3\x8bZ\xadvq\xe1+\x9dz&lt;\xce\x94\xf2\xf8\xd8\xe1p\xb8\x91W\xc5\xcf\xce\xf0\xcav\xa5P\xd8.\x14\x88\xf7\x1eS\xbb\xd1\xc8\xe96\t\xecs\xe9Y~\xe6\xf2\xd8\xcaR\x15\xd5\x1b\xd1\xcb\xe3\xb7B\xcc\xb9\x06X\x84\xac\x933\xca\xbc\xff\x91\xa9\x14\x02\x8f\x7fx\x1c\xa8\x84\xe6\xc2g`\xb3\'w\x8e!\x1cM\n\x01\xe1&lt;;\xf2\x06vw\xdf\xbd{\xb7\x9b\x1c\xc5M\xae\xd1o\xa4\xdcn\x91\xc0\xbe&amp;\x93\x93oON\x9e^c\x07\xaba\xc3qy\x10\x8fI+([\x84k\xb4G\x96\x9e\xf4\xd8\x02\xc9\xe4\xee\xee\xe3B\x05&amp;\xba\xcf\x83\xa8 Y\x0e\xa5^\'\x9af\xce\x8e\n\x01\xcb\xeeD[\xdb\xa0\xa5y\x94\x07B\xe3\x1b\xee\x98N\xc0\xf8F\xe7U\x80\xf5;Kg\xb1\xf1\xf3\xc1\xa5\xe3\x9c\xd4\x16\xe6&lt;0\xac]&lt;\x19H\x08\xdc\x95K\xce\xcc\x04\x02\x81\xc2Q(lO\'&amp;\'\x1d\xa8\xb9\xc0\x05\t\xa6\xd3g\x90\xc9\xa4tpbb\xc2\xc2\xe1\x82\xea\x92p\x01KDx\xda\xb7\x0c\xf4\xc9\xc9,Kz\xbe\x01\xb0\x8e\xcf\xbbfda&amp;1\x8dcX\n\xe4\x96\x8b\x97\x83d-\xed\xee\x16\x8e\xce\xd2\x02A\x02\xf5U\xdd\x06\xe5\xf5\xa0\xf4S\xb2@\xd2blkk3\xc6\xb8\x12\x1e\xc6\x13\ny:\x11N\xf4L\xc9\x01\xeb-K\xd9Ro\x1c\\\x1e6\x8d\xb5\xf3\x18\x10Z"\x85.\x05\xd2T&amp;A5\xb4$\x03\x95?\x10UB\xa9t\xb8i\r\xdd\x94\x07s\x06v;\xca\x93\xe481\xa31&amp;\x05\xac~\xac\x7f\x0c\xd3\x99LQr~*ryr\xef\x1a[\'1~yH\x0b\xc9\x14\x83\xa7\x89\x94H\'JEQ\xb2,\x96d\xaeP\xa9\xa4\xc0\xc2"*\xe59\xc2BT`\x0f5\x91\x88\x99\xe2\x92 ^\xb9}\xf5]\x9c"e\xd2\t0\xd5\xfc\xde\xc9\xc9\x16[\'\xf1\xeb\xa7\'\xc7f\x8a\xf7\xb0\n\xf6\x02\x191\x1d\xb8\x8b\\2\x99\x1b\xe5E\xa3)\x91;\x81\x9c?\x14\x11U\x91\xa6\x9b\x10\x16\xad\x89G\xcc\xfc\x0eq\x07pu\x08\xb1:\x96I@\xf7\xdc\xe5\x9f\x1c\xb07N\xfft|LI\xf2\xa7\xd5\n\xfe\x7f*!\x95\xcb\xe5\\\xd1h\xbe\x9e+\xbdH\x9fp@\xc6\x1c\xee&lt;\x9d\x87\x80\x07`\x81%\xeb \xc1\x02u\x8c\xf4\xf7+t.S\x9e\xe6\x91\xe2\xe3\xbdk\xac)\xd4\x8d\xf8\x01\x15MT+\x15\x1cG&gt;&amp;"\x11RT\x8e+\xc4ty\xc1\xb4rZ\x99\x8f\xc6\xf3\xa8\xe9Q\xdf\xc75\xe0\xa5\x9bP\xda2\xc5.\xbeX.\x97\x8b\xc5-#\xfd\x98\x02\x93\xfd\xa1\x14P|\xf7g\xd6\xcc\x8f\xba1vN\xe5\x0f\xab\xb9\x8a\r\x87di\xccB\xe4x\xa81\x85\x00u\x95 \x1f\x8f\xc7\xa3\x89\x9dI\x07\xa4K\x99\xa7\x83\x19\x9d\xbe\tL&gt;\xb2\xb2\x06\xe4\xd2\xc4|3`\xb9\xda\xe3\x0e\x07\x7fV\xc8\x9e\xddW\xab\xdb\xcegi\x84\x95\xc2\xc1+\xf4\x9b)2\x16\xa3x\n=P\xb9\xdd\xa2x&lt;\x9d\x16L\xee\xb8\x07\x06\xdc\x8e\x84\xb2\xaa4\x0b\x15n=\xb8\xfe\xcc\x08\xdfPw\x8f\x1d]\xfd\xe0\x13\xdb\xe3\x87\xc7\xb3o\xb5\xec9\xc5\x86\x86\xcf\xe7\xf4\xf9I\x95\xcb\xab\x80?T`\x80u7&amp;\xac\xe7\xca\xad\xcfG\xcd\xf1\xea\xcedB\x19l\x99\xcd4\xb9\x95;\x87Q\x12L~0S\xcc\xcc\xb6\x88\r\xc8\xd3\x8a\xbb\xc6\x80\xab\'\x7fy\x98y\xfb\x89Mq\n\xcd\xa5\xbf&lt;\xdc\x03\xac\x94\x0e\xeb7\x83\xc7\xe7F\xf2z7\xdar\xe9${\xe9\x9dIA\xde\xac\x9a2\xa8\xf8\x99\xbc\xd2\x910\xf3#\x1aM\xa6X\x9cm\xe1\x8b\r\x06\xb9A\xdc\x07X\xb2\xd4\xce\xa5\xa3\xc8\xdb`S2_\x8b\x1dh\x1e\xfe\xb7ZM\xd9\xa2Q\x0c\xb2\xc5\xa5\xcc\x9a\xfa\x8cr\x0b0\xca\x9cvG#\x92\xa77o\xde\xba9NR#\x9aT\x9co\x8eDFZf\x7f\xe7\xdf\xb8!\x16\x1b\xe4\xe2\x8e.("SU\x16\x839Vw#p\xff\xd0\x1a%\x9er\xd9\\X\x84\x07\x07Q\x18\t\x0e\xd04\xfc\xd10\xd0\xe2\xfcX,\xb6\xbbu\xff\xea\xdf\xacV\xeb\xfc\xd4S\xb3Y"\xec\xe3\x7fY\xd2wt\x88aD\xf4\x8d\xc1\x15D\xdd\x9b=\xf8\x96U\x8b\xa1\xbe\xbe\xe7\xc8K8\x1c\x9eW\x86I\x80\xaa\x83?\x92\tf`\x16\xc4\xcd{\xb9\x9c\x8a\xf4\x16\x92@\xb4\xb5e-\\\x9c\xdd\x9d\xff\x1f/\xe7\xff\xd2F\x9e\xc6\xf1r\x82\xfa\xc3\x0c"\xc34\xa1M4\xebM`\x9c\x8c\x93\x0cQh\xb0\x18M\xd1\xbd\x86\xccV\r\xc4R&amp;U\xaa[E\xfc\x12\x83\x1a\x965M\x9a\x8bq!{\xb5\x9b\xd6\xb4lw\xbb*{Y\x8c{bmN\xc3\xe2Z\x16\xa5\xcb\xdeb\xef\x8a.\xdeu\xad\xd46\xbd\x16O\xc1\xbb*\xb2\xb6t\xef\xf9\x8c\xed?p\xe7\xf8\x18\x8d?(y\xf1~\x9e\xcf\xf3|\x9e\xcf|&gt;\x1f\xe0J\x9a+++\xf3t\nH]:P\x8b\x17\x19\xc2^\x15n\x0c\xcf\xefo[\x9d\xf9\xba\xfd\xb1H\x12-\x06\x06\xb4\x02\xb1\x0e\xd7\xf8k\xe0\x15\x0e\xaf$cI\xdf\x83O?\xfd\x05\xba\xaf\xb3\xb5\xb1\xe9_G\x1d&gt;\x85:\x19\xf1\xf9P\xac+@.\x08/\xad\x9ac\x08&lt;\x12.\xc9\xdd\xef\x85$e\xac\xa4\xb7\xb7\xfd&amp;p\xa1\\\xaav\x00\x93#\x1f\xc4H\x9a9G\x92\xeb\xd9y0P\x11\x8aDBD8\x18U\xf8\x15\xa5\xbe\xabW}(c\x1dV@ti\xb5jQ\xd3\xdb\xc2\x9d&amp;\xe6\xf7\xbb}\xb5\xb4\xf6\x1eil\xbc\xd9\x8b\xb0\xc0\xfc\x10\xd3P\xf4\xcc\xf0\xd1\x8e\xb0_\x9dZIB\xdf\x18\x89\\\xf5\xa5\x82\xcb\xa7\xfd\ns)ZV\xaa\x04\xef\xa1g\x1cZ\xb4\xd4\xf5\xf9\xc5\x93\xed\x03\xfb\xbfA0\xbd\xf3\x9d\xc6v\xf0"!\xaa\xd5\x9c\xc3\x7f\xe2\x8b\xa0B\xa13\x97B\nGe0\xcc\x85"\xaeZW(\xfcU\xfb\xcb\xd35A\x85N\xe22#,\xadV\xcbs\xc4q\x7f\xf0Dxw\xdfW\xdd,\x16U\x85#2 \x10\x12\x16\xe4\xa5\x13\x0e\x1e\x15bu\xcd\x89\x93%%7o\xfe\xc2\x99\xaf\xba\xd8\x96\x9e\xc5\xc70\xf1\xfa\xa2&amp;\xbf\x12\xdcx\x15\x82\x1db^\xcb\xab\x1b\x08\x03\xed\xf3\x95\xcb\xb1\x9b\xd2\xa2\x9c\x9f\xdf\x1d\x1a34p\x1c\x07&gt;\x84\x12\xa43\x83\x0b\xa1\x045\xf6\x8c\xccN6\xb5X\xd9\x96\xf7GfgG{JN\x86k\x14f\xdf\xdf\n\\&amp;\x9d\x82\xd7\xf2\xbc\x9a\xd3\x10\x8f\xe6U\xe9\x96Cr\x98\x05"l\xcc@\x00\x16\x01\x91\xa5\xd6\x99\xb5V\x07\xcc\x1d\x16GG\xa7\xa6\xd0\n\xdc\xe7@5555\xbbXr\xda\xefPC\xf3\x0fX&lt;2\xc0\xa2\xe6\xe5azS\x85V\r\x04A88H\x13\xbc\xd9\xcc;\xfc\xbd%\x8b\xb3h\xfb\xc3\x9dk#\x17?\x19\x916\x1b\xcc..~\xf2;\ro5\xd7\xd6\x9a \xbax^\xc1R\x9a\x01\xa5\x9cX\xaaq\x88y\xc0B9\xd5l\xe5\x88\xde#= \xd0G\xdfN}4;\xba8\xb9\xb7\x11bvt\xe4IquK\x83\xdaX\xeb2!,\x9e\x13\t\x9b\xac\'F\xd2\x87\xdc\xa0\x16\x81\xa8p\xe8\xb5\xaa;&amp;\xfb\xa7\xa6\xee\xcc\xde\x19]|\xd2X\xf2\xef\xc5\x9e\xc5\x91\xd9k\x93\xa3O\x9e\xd4\x15\xd7UkX\xbb\xcb\x04P\xac\x1a\xb0\x1e\xc9Iu(sw\x0c\xa0\x08\x89\xca\xcaV_\xe8\xbfv\xed\xce\xb5\xc9\xc9\x8e\xde\xe02\xb2T*\xff\xd8\xf1#\xef\xbf\x83\x96\xe7:\x8aY\xe3\x9eZ0t\xc5]Y\xb1\x0e\x9d\xf3 \xb5\xd4,\x0e\\\x86\xc9\xfe\xfe\xfe\x0b\x1du\x85\x1ak2\xba\x04\xb6\xb9\x12\x05S8\x08\xc1\xddQW\\L\x19Mv\x9c\xe7)J\xcd\xd1\xf3\xb2RY\x94\x0f%\'\xa2\x07\x05l\x13\x0c\xbfz\x86a\xad\xc9dre\xf3;d\x9b\x9b\x9b++\xd1dHo\xa8njBXF\xab\x9a\xa3X\xd6\xa9\x92W\xad\x8c\xdd=,+nd\x0b\xeb\xdcq[U\x08\x98\x00jK\xb2W;[\x00\xb7\x92\x8c\xe0\x14\xe3f\x8d&amp;\x13\xc2\xca\xa7\xb82y\xb7\xf1[,\xad\xa2\xb8\xa7\x96\x91d\x04[\xae-\x14\x03\xa4W;/\xe0\xb5\xf3\xea\xd5\xf4\xaf/\xd6\xb6\xc1\x1e\x17\xb2z\x8c4\x82Y9pbl^\xee\xa3[\xf3\x03"!JX\x18\xa9\xeft&gt;\xd8\xda\xda^{\xf1\xd6\xd6\xd6$\xa8\xb5\xb5\x9d#\xbc\x1d\xcch\xc4Y\xc0\xd2\xdaT\x16\x99\xb1T\x0f\x05Q\xa4\x10\x96^_a\x8f\x15\xee \x98\xed\xed\xe7\x92I\xf1\xb5\xf5|\xfby8O\xe7\xca\xc9\xb1\xeb\x8dF\x96\xa2(|W\xf63x\xaa!\x8f(\x8a\x80e\xb2W\xe8q\xb5\xff\xab\xc7\x8f\xb7\xb7\xb7^B\xb4K!\xbf\xb4\t\xef\xcbA\x9dNW\xear\xd9\xed&amp;\x90\x8be\xf5\xf3\x19\x07\x80E\x0b\x02Eb\xfa\xaa*=\x9b_\xe3\xf7\x87\xc3\xdf\xbd\x94x67\x97\x96P\xa2H\xa5\xccf\xa8\xe3&amp;\x97]\xaf7\x92,K&gt;J\xb3\xc8\x8fE{&lt;\x12\x16|&amp;\x9f\x7f\x0cf\x83++\xcb\xc1\xa57\x16\x8d.\xa5\xa2Q\xb3N\r\xb3\x1e\x14\\\x18`a\xf2\x8beQ\x0e\t\xc0Ec\x18\xa6\xc70\xfe\xd8\xf1\x1a\x07\xcf[\x15\xbad2\ny\x02\x92iiT\x17E\xd3e\x1d\xc2\x02\xb1h\x9a\x84\x80\x97]-\xe5\x10C\x07hR\xc22\xe2\r\'`\xca\xc7\xf3\xb8\t\xe6\xf1\xa1X\x0c\xe6\xcd\x11\xa9\xbf\xd7\xe5\x99M&amp;4\x121\x92$;\x95\xb2Se(\x9d\x04\x1d\x08\x04\x10\x17|\xa46\xbf\xa6\xe6p\x9e\x167\xe3\xc9P2\x16K&amp;\xd13\xf5\xd2\xca&lt;\x85\x16\x07$\x13\xfc 1\x08\xadC\xb2\x9b\xd2FP\x805\x80\xa0\xc0\xa0\x12C\xcb\xa5C\xa6P;\xd4\n\x9d\xb4Hs8_\x0b@\x88\t#1\xfaQ\xfaA`i8\x90\x0b\x89\x85\xc5a\x9c\xc1\x14\x01\x90*\x15\x87S\xe1\xf6\xd3\xcb\xc1`^e\xa9\xafT\x07n5\x19%\xa9h\x8cz\x94i9\x08,\x82"\x03qLr#\x86\xf3\r\x10[ZE0\x18\\\xfe\x02\xa8R\xc1T\x14\x1a1\xad\xd6h\x02f\xe9\x8f\x0e\x08\xabE#\x82\\\xf18\xe6\x0cxH\x96W\xf3\n^\x81\xb0\xc0R\xa9\x14L\xbat:\x1c|h\xc4$(=.\x1e\x08\xd6\xc3^C\x03E\x07\xc88D\x98\'@R\xd0\xcc\x02\x96\x02rCe^^4\x9aJEu8N\xb1F,\xe0\xa4iLod\x99\x03\xc1\x1a\xaan\xd1P4\r\x82\xad\x8e;!\xe3\x8b\x1c\xe2\xaa\xdc\xdb4RZ\nxV\x9c\x12\xc1\xcf\x9e\xb8\xc7\x83\xd9\x8d,q`X"\ri2\x1e\x1f_]\xf50n\x8esh\xcd\x91\x88\xef\xaa\xcf\x1e\xf1\xf9"I\xb3\x15gE\xd1\x13X]\r\xc4\xf5v#\xaf\xc9=\x10\xacz\xc0\x02\xb9\x04:&gt;\xbe\xf1l\xc1\xed\x16\t\xce\x8a\xf2\xa8\x0f\x98\x90\x99YVp\xbb\x17V\x17\xc6\x02z\xa8\xd5\xf9\x9a\xce\x83H\x10C\x85\x12\x96\x00\xe6\xf1v{7\x16\xdc"\x17\xc3\xf4.\xc8\xf3\x90\xe9C!4=\x14\x16\x16\x12\x89\r\x01\xab\xb2\x9b\xb4\xf9\xc7\x9c\xf3\xe9\x07\x80\xd5Tm\x90\xb0\x18\x81ILLt%6\xdcn\x01\x0b`U\xce\x81\x81\x18\x17\x83TU\xef^Hx\xbbgh\xbd\xdd\xe5BX\xee\xc1\xf3\xb2\xdf+\xa0\x1co\xaan1\x88\xb4\xc4U?\xf7\xe5D\xb7\x17\xc0&lt;\x82\xc7\xe3Y\xf5\x8c\x8d\x8d\xc1 \x18Ntu\xdf\x9a\x1e\x06(\xd4\xbf6\x1c\x1b\xfe\xb3\xccG_\xdfb1\x80E\x0b\x0c\xe3\xbe0\xd771\xf7\x8d71&lt;\xbc1\x9cx\xb6\xb1\xb1\xb0\xb00&lt;|\xa1\xebV\xdf\xad\x04V\xe1\xca\xd9\xc3j\xfa\xcf\xbf\xda\xe4&gt;\xc1\xacZ\x05\'2"K\x92\xc0\xe5v{\xa7\'\xfa\xfa\xe6\xbagf\xbaf\xfe\xde=\x83\xde\xbb\xba\xa6\xe7~\xbf\xee\xa5\xed\x159\x12V~C\xe1\x8d\xbf\x9e\x93\xf9z\x08K\xdbXS\xa1\x81\xa1\xa0J\xd3\xd0s1\xee\xe1\xc4L\xdf\x8d\xf5\xf5\xb9\xb9\x89\x0fn\xf4}\xfcA\x1f\xfc\xb2\xbe&gt;\x9d \xf59\xb599.\x13\xb4\xd5\r\xf57\xe6Z\x8f\xca)WFF\xda\x9f\x12R\xc8\x83Z\xa4\xc80\xa2 \xd0no\xf7\xc4\xfa\xad\x89\xbew\xbf\xec{\xf7\xb7\x1f\x83v\xd3^A_QQPP\xf0\x06\xcbpk\xfd\xfc\xd1\xb4\xb44\x99.!\xc9LOOk\xf5^(\x94\x9c\x08\xbd\x16\xc5 \x83X\x176\x86\x87\xbd3\xdd]\x89\xee\xee.\x883\xa1\n\xfc\x97\xf3YNA\xad\x0b%\x88\x86\x96\xc9\xf5\x9f\x80J\xa9\x92\xe3\x8c|\xa6\xaaM\x95\x96\xf5\xd3LG1`\xa1\x8e\x0c\xc3)\x03\xc3\x8c\t4\xed\xb4\xd9\x9c\xce!\xe7\x90m&lt;\xdey\xe6Ln\x0e\xf2_\xc1g\xf0]+a\x19:\xd6\x07\x95 \x97\xea\xfe\xe0~o\x1e&gt;\xdaz\xe5\xeb\xa2SYY?\xcet\\l\x01,\xe0\xc2\xa0\xc60\x02%\xd0\x98\xd3\x96\x9b\x9b]Vv\xe6L\xd9{\xd9\xd9\xb9\x80\x95\x03\x0e\x94\x9ch7\xe1T\x83\xa1\xe9\xdbgmYYYE\xf7\x7f\xfe\x0b\xba\x1cb\xbf\x9c\x99\x91\x99\xd6\xfa\xf4\xde\xa9\xa2\xa2S\xa7\x06\xfb;\x8a\xdfb\x918\x0bP@\xe5\xec\xcc=\x9b]~\x19}]~\xeflnv6B\x02\xbdj\xed.\xc0b\x0c\x85\xdf&lt;k;\nX\x97&gt;\xbc}\xfb\xfb\xfb\xad\xca\x8c}\xb8\x1a%##]\x99\xa5j\xbb~\xa9\xa8\xb9\xa8\xb9\x19a\xd5#\'Za\x9e\x8eC\xc1\x86\x92\xed\xb4u\xe6\x96]~c\xa0W6\xda)\x88\xd4\xaa\x95\xd4b\x0c\xd5]{XE_\xdf\xbe~\xfd\xde?\xffq^\x95\x91\xf9\x7f]\\\x04\xff\x9c\xa6R\x9d\xfa\xc3\x95\xbb\xdf_j.**j\x1e\xec\xaa\xdb\xc3\xc2\xf1\x10\xb45\x90T\xc9\xb8\x13q\x95\xbf\xc1*\x07\xaclI\xac\x02\x94 ``hZ\xaa\xbd\x83{X\xd7\x7f\xf8\xf9\xde\xed\x0f\x9f\xde}z\xff\\z\xc6\xff\xbc\xf5\r\x84R\x9d?\x7f\xee\xdc\x95\x1f\xfe\xf8\x9b\xbb\x97\x9a\x11\xd7\x8f]M\x85\x80\x85\xb8\xa0\x7fE\\\x01P\xcbf\xeb,+/\xbf\xfc\xfa\xf5\xeb\xcb\xe5H\xae\xb3\xff\xed\xe4\xfc]\x1cG\xcf8nY?,i\x82\xe4)\x06\x0c6\xe3f\x8b\xe3\xb8e\x02\x87\x8b#\x95\x0f\xd6\xd5\xec\x98\xc9v\x86\xf5\x81\x12\\\x18,\xc22\x90B\xa4Iq\x9dL@\x8d\x8a+2\'\xd4,\x9a\x93\xc1\x95:a\xb0-k\xc10^\xc6`\xcc\xc1Na7\xe1\xf2\x07\xa4\xca\xf7y_{vI\xb8$\x97\xc7?f\xc0\xb2\xf5\xd1\xf7y\x9e\xef\xf3\xcah\xe6\xf4\x9c\xd7\xd6WX\x05\xd2\x85\xc3\xf75\xb3j\xb6\xdbQ\x16\xc7\xdb\xa9\xef\xec\x16\xf9t]\x11\xff\x9fk\xdfp45\xcb\x99{\xbe\x97\xaf\xd2I\xbeA\x0eQ]\xf7\x7f\xfa\xcdo\x81\xf5\xf2\xd9\x17\xbf\xc2\xc9&gt;\xb8\xce\x08\xeb\xc7\xcb\xcbz\xe7\x8a\xb4z\xd1\xbcjR\x1a\xb9\\\xaf\xbe:{\xf6\xf9\xef?\x7f\xf3S\xcf\xac\xaa\xa2i\xba\xdef\x96\xacr\x8f\xc0&amp;\xb3\xcd\xda\xfa\xc5^V\xaaX\xbd\xfb\xcd\xc6sfI\x9a{\x91\xef\x03\x0b\\\xbd\xef9\x16*\xfe\x1a\xf1-N\x7f\x98ZT^/\xfer\xc5\xe2\x14\xf7\xe7\xcf\xd9e\x95\x17\x1c\xeb\xd1\xaa\x02K4\x87Q\x7f\xe8\xec\x934\xf0\\\x7f3\xdbf\x01\xc8~\x89\x97\x95\xec\xf1f:\x1f\xaf\xf1\x19\t&gt;\xa3?\\\xaf\x19U\xdb~\xf7\xfd\x11\xeb\xe2\xba\xd5\xba@\x1b\x82\xea\x06\xd1B\x07\x9e2,\x92\xab\xdb\x85^\xdf\\\x9c}\x01\xcf}\xf9\xd8\xab\x88U\x84\xe8Nw\x9e\xeb:A\x92.6\xbe\xbb\x9e\xcf\x16\x8b\xd9\xf4\xc1\xfa\xdf\xe6%**\xf2\xa6\x1b\xc7w\xf6Y\x92\xcf\xa3\xa1?\r\xb2\xc0m\x13V\xa3\xf7\xfew\xbf\xa6$\x9e]\\\\\xdf\xb4\x90H*\xf8\x9bz\x9d\xb8:\\,0\x9d\x03\x0bf\xfa\xe5\x19\xb8^&gt;&gt;\xd8\x04\xa5*\xa2\x97\xc6\xa4T4\xcf\x93t\xb2s\xdc\xc8\xf7\x96\xfb`\xb6\xbc\x1f\xfc\xd7\x01\xa0T\xacA\xb4\x86P\xd3|\xbb\r\x00\xb5\x9ef\xa1&amp;\x87\x0e\xf3\xadF\xe3\xee\xfd\x1bT\xfcgg\x10\xabN\x97s^S\x02Y\xc0MI\xa9.:\xf1\x1c\\\xe7\xec{$,4F\x03Q\xa9\xb2,\xeet\xad\xa8\xa73\xc7u\xbd \r\x93\xc5\xd2\xf1]w&lt;_\xeew\x9b\xb5-\xfe\x070\xd1\x1e\xac\xd7co\xba\x9f$I\x86\xe3\xe9\xfb\x9bI,\xcb\x92$\xedMP!\x18\xd7\x01\x0b\x8e\xde\xe2T\x9df\xa7{\xda\xbczAb\x01\x0br\xa1\xb2^]\xc0C\xfe&lt;\xfa\x87\xa8*jUU\x15{\xa1izQ\xd3\x93=\xc0\x9c\xfd6\x0c\xd3\xc9~&gt;\x8e\x86\xee\xda\xf3\x9c\xc1\xcf^Z\xac\xd8\x96\xbf\x1e/\x17\xe9*\x99\xcc\xe6\xfe\x10\xe9\x9b\x84\x9a\xa4\x81J\xc8\x1a\x1c\xcb\xac\xdd\xbd\xff\xe1\xd9go\x19\x16\x04\xa3\xca\xaac\xee\xb0\xd9\x83\x1bs\x88\xe7\xa7\xdd\xf3s\x94\xde\x97\x17g\xa3^MQ\xd9\xad\xb2N$\xa3\x88\xd0\xf44p\xdc\xa1\xbf\t\x92X\x0f\x93\xc9~\n\xd5\x86\x96\xad\xfc\x9cs\xf6\xc6\xf3\xd9$\xcbws\xda\xce\xf7\xf6\xdbX\xd3\x08\nO\xabq\xa3a\x9am\xdc\x1aw\x8f\x7f\xc4\xe92\xb2\x87\xf1\xf7\x11\xeb\xaa\x03\xef\xa2\xa0\xea\xa2V\xa4o\x03\xdf\x8e&gt; ;pN\xb5R\xa9x!\xc4B\x18E\x03`\x1eT\x1aof\xd9\nh\xab\xedb\xe7E\xb6\xa2\xfe\xbbK\x89\x16\x98\xb2\xedd9\x1e\x0e\xf1\x06o\x97\xad\x0cA2\x08\x0bl\x9a&gt;5\xcd*\xbc\x9ab\xf00z\x8d\xa2\xa2\xa9\xdcj\xf1\x1cr$r.R\x0b\x0f\x0c\xecW\xaf.Gw5\x91\x06\r\xb4\x12\xed\x99\xa6\x11\x13{\x18Z8\xd9\x8c\xe1\xd1\x91\xb3\xcc\x93P7\x8aa\xb6\x1b\xff\xcb\xff_+\x89\x16^\xcd&amp;\xf9\x8e\xc4\xf5\xa6\xb3I\x12\x17\x19\x8et\x90\xcb\xd0\x16\xb6)\x02\x0bwQ\xb4\xeen\x7f\xbcl\xb5\xba\xa7\xdd:\xb5\xe1Q\'6\xab\xa9\xe6\t\xed\xbc~~\x89\x0c\x8a\xa2\x027G\x1b\x9a\xce\xaa\\\x16$\xc90\xa0V\x115&amp;\xc5I\xb0\xc1\xacm`\x8f\xcb|\x1bRn\xbd\xa7K\xea\x91&lt;k\x0c\xd7\rX\x86\xd7\xd3I\x1a\xea \x91I"R\x8a\xa0$Y\x16\xc2{\xf0P\xa7W\x15\xa5Z\x1b\xdc\xde\xde\x00\x0b\\\\,.\x17\xcd\x9en\xb7{\xca\x9a\xf1|\xf4\xaeg\xaa\x04\x05\xb5*\xa6\x9d\x97)\x04Y#\xbd\x08\x0cOq\x8a\xecD\xfdv\xc3\x85j\xdb\xb8\x18N&lt;\x9b\xfe\x97^\xa9T\xebM1\t\xbc\xc8\xb2\xf0\xcab\xc5D\x92\x9e\x82\xff.\x97O\xca\xe5\x8cFHIUUp\xa9$\xd8\r\x1c\x14\x95^g\xa5\xc5\xf5j6I\xac.\xddn\x1e\xc9\x19\x14\x95V\x0b$\xd6&lt;&gt;99ad\x00\xd3\rJdQ\x87h\xc58\xc9\x97\xde\xd8\xb7l\xf2\xb30\xcc6\x83JA\x04\xd4b\xea\xb6-\x7f&gt;\xdb\x86rY6\xb4\x83L\x80\xe1T\xb2\\.\xd3\x07\n3\x9b\x94R\xe8\xf2\xf2\x92R\xb5\xefF\x97\xddn\xa7\xd3aO\xd4\x8aMjGh\xf5\x1d\xa2~\xfb\xee\xa1\xa6TU\xbe5&lt;+\xcaN\xca\x9c\xeb\x84\x143(\x97\x072I\x90\xd0\x90\xf9\xd2\xb1\xcch&gt;K\xc2\xed\xb2\xb0\xc9\xf7\x9e\xdd\x18O\x17i\x8c:2\x0c^M\x1f\xd1`\r\xec\xd3\xf08\x89Q\xf5"\xcb\t;\xfe\n\x12\xd9\x814\xcdz\xe7\xe0\x10\xc4\x88\x96\x04\xd5\xe5#\x96{\xa8*l\xa8\xb2Fl\xec\x8a\xe5\xa3Zm1K\r\x00\x00\x03\x08IDATL0.\x17\x85Nh\xd832\xb8\\c\xf5\xb3\xc9\x93\x02\xb2\x17\xcd\x83\x94\x8c\xc0xB9`\xc9\xa8(\xc6\xc3\xa3\\^\xcdQ\xc1\x0c\x8bV\xacJ\xc5\xee\xdd~\x80\xafC\xa5\xab\xab\x0e\x13\x0b\x0f\x88U\x1f=\xf6j&amp;%\x90c\x95T\xb3\xbf\x97\x04::\x88.\xe0.\xc8\x122\xc9\xdc\xe2\xa8\x9aa\xe8\x06\x9a\x00v\xe9:\x85\xe8\xe0\x98\xa4\x12\xc3\xe15\x8e\x9f\xc2\xa7H,\x04a\x1b\x99\xbc\x84K_\x97p\x1e\xa4\xd4\x06w\xb7\x9d\xeew/\xb0\xf8\xfb\xa6\xcb&lt;\xaby\xf5\xfc\x0f\xafo\xef,\xb4,\x0e\xa0\xc0\xb1\xaaf\xa3\xbf\xd4\x04d\x8f\x88x\xc8\xac\xf4\xb9\x8d\x91d\xba\xc1B\x0f3\xcc\x80\x02\x06\xde\xb1\xae\xa1\x0e\x97\x8c\xf5\x1e&gt;\xe1S,\x9e\xc9t\xdd\xc6pcj\x01K\xc5\xe9\x0c\x04\xbb\xac\x93W\xd5\xafh\xb5\xd5\xa9\xb7^\x8f\xee\x065\xaaA\x85\x96\xec\xacE@\xd5\x9e\x17\xb9J\x94\x82#\x19\x99\xbeN=Ii\xd4\r"\xc3\x03\xe3\xbc@\x15u\xcc\x1c\xde\xc1\xaaK\x13\x8a\x1a\x93\xba\\\xfe\x14\x0b\xf7t\xdco\x98U\x9e\x18\x8c\x13(\xa7T\x06\xd4\x92]\xac\xb2\xa8\xfbnG\x04\xa5\xb0\xd7(\x87\xf4\xf7\x12X\x97\xe2\xa4\xc9\xd3e01,\xe9\x00\x08.=\xa6"\xd3)X\x1e\xc1\x85\x88\x0b\xda\'\xc1\xe0\x0c\xb4l\x1a\xacN\xf8\x01\x1d\xc1\xa8\x7f\xf0\xebj\xdc\x1f6\x98M ;\x94!\x02\xab\r&gt;\xdc\xbe\xbe\xa6\xd5\xc4[\x06ES\x19[|\xcdj\x1d\x9b`\xb5\x8cV\xb9\x8f\xa9\xb3\xa9\xafI/R\x8c\x18\xb7\xbbE\xcaJ^?\xe6\x93!\x168\x8a\xc1Ub\xe6Y\\\x05\x8e\x9f\x95\xd9\xe1\x10\x17o \xde\xda\x84\xd5\xef\xb7\x01\xa6\xf2\x12\xa3\x9f\n29z\xff\xd3\x9b\x1f\x1e\t\x8a\xda\xaf@\xbe^\xe2\xd6\xa0\x88X\xc7#\xa7\xf7\x18\x1b\xccm$\x82b`\xd8\xc1"\x8a\xbc\x19\x066\xe2\x90O&amp;\\\x01[!}\xd4\x9e\x07sX\xe5sK\xb4\x02Y\xa3\xe5\x0c\xbdW`\x1d\xcd{\x1bX,\xda\xd5\xa3O\x90^8\x91\xb7\x1e\xfe\xf6\xf7\xbf\xf2\x9aR\x0f\xb4\x0c\xad\xc4\xc6U\x15\x0e|\xc0:\x08\xc6\x8bL\x92r\xb7\xdf\x1e\x8ew\x19\x86"#cT\x9aV`\xaf\x92;\x90\x80\x9a\x11O\xe6Q\xbfV\xb1\xa71\xfc\xf7h\xf6\x07\xd5\x08\xcb\xe1X\r\x12\x8c\xef\x9e\xd5\x91B\x8b\x0f\xea\xbe*iu\xa0bz\x89\x15X\x1dZCuBM\x93\xe4\'"^er\xe0\xf6\x1b\xe8\x1b\x1f\xbe\xa9\xf3\xc0ne\xa1\xc0\xd8y"\x8b\xc5x\xbb\x84k\x0c\x87\x8d\xb6\x83\xadb]3\xb8\xb1H\xc7\xeeaXm\xbe\xee\xa2l\xd1\xce\xb1F\xaf\xd0\xceE\x93\x11\xb2z\xfa\x88\xa5\x88\x98\xd5$\xa1\xb3z\xea\xc1\x03\x96\xc4\xb0\xd0\xda8\xdf\x1eF^\x10\x92\\\x1a\x89 \x15X\xba\x05N\x16\x06\xeb\x06z\xd9u1\xb1\x93\xa2~\x0c\xe4\x9c\xcd \xdcW\x0e-\x06\xcdC\xd0JX\xe5k\x1d\x11\xb2@3Vj*\xeb\x04\x1e$\xa4\xc8\xd2\xe9\xac8\x92\xc0yx\xe5\n\x81\x85UI\x1fB@\xb2%\xa4`\x99\x91\x8c\x7f\x02m\xafV\xe6\xbaL%u\x00\x00\x00\x00IEND\xaeB`\x82'</t>
        </is>
      </c>
      <c r="M349" s="3" t="n">
        <v>45492.67744212963</v>
      </c>
    </row>
    <row r="350">
      <c r="A350" t="n">
        <v>973738</v>
      </c>
      <c r="B350" t="n">
        <v>14</v>
      </c>
      <c r="C350" t="inlineStr">
        <is>
          <t>Carlos Miguel</t>
        </is>
      </c>
      <c r="D350" t="inlineStr">
        <is>
          <t>C. Miguel</t>
        </is>
      </c>
      <c r="E350" t="inlineStr">
        <is>
          <t>GOL</t>
        </is>
      </c>
      <c r="F350" t="inlineStr">
        <is>
          <t>GOL</t>
        </is>
      </c>
      <c r="G350" t="inlineStr">
        <is>
          <t>GOL</t>
        </is>
      </c>
      <c r="H350" t="n">
        <v>204</v>
      </c>
      <c r="I350" t="n">
        <v>33</v>
      </c>
      <c r="J350" s="2" t="n">
        <v>36076</v>
      </c>
      <c r="K350" t="inlineStr">
        <is>
          <t>Both</t>
        </is>
      </c>
      <c r="L35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4d8ce5e9-b14a-4219-ae1d-1ce1fb2386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\x19\xb8\x8b\x00\x00\x02\xfdPLTE\xff\xff\xff\x17\x0f\t\xfe\xcb\x02\n\x07\x03\xfe\xe1\x04\xfe\xda\x01\x06\x03\x00\xff\xfe\xfe\xfa\xce\x00\xfe\xc9\x01iE0\xfe\xe1\x0b\x83O1\xfe\xdd\x02\x1e\x13\x0c\x88Q2\x10\n\x06\x80L.zG\'\xf9\xcc\x00\xfc\xfc\xfa\xfe\xc6\x01&lt;%\x15]=+D+\x1a\x82R6i=)\xfe\xe3*\x8cU6\x82K\'&lt;*\x1cxE$yL2\xfe\xd5\x01\xfd\xd1\x016)\x1b\x89Z&gt;jJ62\x1e\x10\x8e]AL1\x1f\xa5kJ\xfe\xe1\x15x`T\x94gMdA-~O6W:*`8$6#\x16\xf5\xca\x00\x9eqT`C2\xfd\xc3\x00\xfc\xbf\x00\x90Y5\x83X&gt;eM@\xa7oOO-\x18uC"uF-sI4-\x1a\x0edF6A%\x13n@(\x93cD\x94\\:W@3\xf6\x97\x00%\x16\x0cs]Q\xfc\xad\x00]F:\\6!}J+b=)\xfe\xe2 \x88^Fh="p@ aJ=oH1_4\x18W0\x16\x87T9\xa4uU\xf6\x9c\x00\xfa\x9e\x00\x99lN\x86N)?/#pD,U6$e9%yQ:E0!wYK\xfe\xb3\x00\x89P*\xabtSb8\x1e\xfe\xbc\x00&amp;\x1d\x15\x9dd?k@/}T&lt;\x8ebHI(\x13|XEhSG\xef\xc2\x00Q2 \x8cT/sTF\xf2\xc6\x009 \x0ftN6."\x18g9\x1b\xf3\x93\x00k&gt;\x1e\xfe\xd5\x08\x98fFH6*\xfe\xce\x01fJ;\x8ccNX2\x1c\xaayWP&lt;/aND[C7~H&amp;\xb4wQ\xfe\xb8\x00\x9a_;\xfd\xcf\x07\x80]M\x82[G\x9ddJmXL\xfb\xb3\x01yH-\xfb\xa3\x00\x96]E\x9diJ5+#\xf7\xf6\xf5\xa2gEtP&lt;PD&lt;\xa0mN\x8eT&gt;\x9b`E\xf9\xc7\x00\xec\xc0\x02\xf9\xb9\x00q@0\xafsK\x84dV\xfe\xe42\xef\xee\xed\xfc\xa7\x01jPDO6(\xf2\xb9\x00mN=sC\'?3,\x93n]xH6\xf8\xc2\x00WLE\xab~]\xea\xe8\xe6~dX\xc4\x97p\xfe\xdc\x0eT(\x11\xe3\xe1\xdf\xba{R\xb2\x85b\xf3\xa6\x00\xfd\xf5\xddE&lt;6\xb9\xae\xa8\x7fH1\xbd\x90k\xfd\xd0$\x94TC\x8bhX\xb6\x9f\x96\xb0~Z\xb9\x8ad\xfd\xdb$\x86\x7f{\xc1\xbb\xb7\xc0\x81X\xf3\xaf\x00\xd4\xd0\xcc\xe7\xbb\x03slf\xadnS\xa7aO\xdd\xaa\x10\x93\x8d\x88ha\\\xa4e&lt;\xfe\xfb\xee^TN\xfe\xcc\x17\xe2\xb4\x03\xfa\xd6V\xfb\xe6\x96\xdb\xd8\xd5\xaelG\xfc\xd5\x18\xa7\xa3\xa0\x97T2\xca\x9c\x11\xael=\xcd\xc4\xc0\x80tlb&amp;\x1b\xf8\xe5\xaeG\x1a\x07\xfb\xe2v\xfd\xe3=\xcc\x8cb\xa9\x8a}\xe7\x8e\x06\xadt.\xbb\x852\x9dh/\xab}\x16\xec\xc8\x18\xb7s_\xfc\xef\xc3\xba\x8b\x13q5\x18\x99~p\x93o\x0b\xce\x9a"\xfd\xc0\x18\x80[\x10\xfc\xbf2nM\n\xf1\xce}\xe1\xb2C\xdb\xb6\x89\xfb\xbb\x0f\xe9\xc7W\x8aZ\'\x90\xcd\xa3\xd8\x00\x00 \x00IDATx\xda\xcc\xd8\xefK\xda\xed\x1e\x07\xf0\xc9y H|\xf7\x03\xf1\x17\x11B\x99F\xf9\x0b\x85[\xf3X\x99\x85\x92\x88\xadR\xc13M\x83\xe4\xbb\xb4"b:\x86a:w\xc6\xa8I\x94NmON\xc8\x1d\xe6nLG\x9d@7\xceNQ#|\x90\xe0\x93\xddts\xea\xd1\xfd\x07\xec/8\x9f\xeb\xfa:\xce?\xf0\xb5\x9dO\xf6\xad\x07\x1b\xbdx_\x9f\xebs]z\xef\x1e-\xc5d\xa2\x07\xfc\xc0\xbf\xfc\x1f\x14r0\xd9lv:\x9f\xce\xe7\xf3\xe5|\x9a\xfd\xd3m\x08\x00\x9e\xf2\xe5M\xed\xfa\xaa^\xaf7\x1a\xcd\xc6\xf9\xc5e\x19\xd1~.\xaa|s}\xde(\x86I\x92`PE\xa4\xaa\xf5\xebo\xec\x9f\x95\x182\xe5/\xaf\xebU\x04z\x80\xeb/\xf0\x85\x8aA6\xaf\x8f\xd3?\xc5\x05\xa8\xe3Z=\x9b\x02\x11\x83@\x85\x9e\x8c\x96\x8e\xc1H5\xae\xf3?!0H\xaa\xd6L\x91x\xd5\x86{\x95\xbd\xa8\x86{M\xc4\x8f\xe4\x18d\xaa~\x91\xbf\xeb\x16c\xa6/\xcf\x8b\x0c\x86\xc94\xcc\xe1\xf1$&lt;T\x12\x9e\x81\xf3\x8c3L\xe0\x1eC\x0f\xa2x~\x91\xbfC\x17\xfc\xa9|\xad\x04\x7f\x99P\xf2&lt;\\\x96\xd4\xca\xe5J\xa5R\xf8\xa9X\x91p\x86\x87M\x04U\x08vu\xcc\xbe\xc7\xbc3V\xf9\n\xa2"{9\x1eV\xc8\x1b\x08\x044\x1aM\x8f\xcd\xd6\xa3\tx\xa7\xa5\x16\xcf\n\xaf\x17h&amp;\xf8\x86\x7f\xd3\xb8\xb8\xab\xd6g\xb2\xbf\xdd\xa6\x08\xa2\xd7\'g\x05l\xb6\xe0\xc0\x80\x0bJ\xe5r\r\x04\x91,4\xcdbq=\x12\x1eG\xc9\x81Vc\x10\xd5\xda\xdd\xb8\x98\xec\xcb&amp;iRJ\xe4"\x8dm``@\xe5t:\xe3\xf1\xc3\xb8\xd3\xa9r\x05\x83b\xe4\nA\xb1\xd4\xf2}\xa0\x99\x18\x8c\xeau\xf9\x0e\\\xa0j\x90d\xd7&gt;\xcb\xab\tBH\xaaC\xa8\x13\xf48\x04\x97\xcb\x88V2\x94\xf1f2\x19\xd1\x88Z.\xe9\x82-\x10\xbe=f3\xdb\xdeW\xa0\n\xfb\xb8\xa2\x80\xc6\x16t\xa9\x9c\x87\'\xb8\xb0\x0b\xb1\xc4\xe0\nx\xbd\xdeL(\x93)\x88F\xb8\xbe^\x82 o\x8f\xdb\x9c\x17\x93y\xdc\x08\x87}\xd2\x90\x17T\x03.g\xfc\xe4\xe43\xd4\x19\xa69]\x11\x8a\x85]\x19\xe4\x12\xa9%J\x13\x11&gt;\xcf3\xdb\xab\xca_\xa5\x90\x8ab\xa9\x0e\xcf&gt;\x7f\xfe\x88]gg\x98%\xc6,\rJ,\x13*\x14\nQ\x91z\x9fcb\x84\xaf\xd3\xed\x9d\xa2\x17\xd9p\x17R\xc1\x1ab\xd5\xc7\x8f\xf0\x82\xfa\x8cX\xb9\x1d#ri481\x14\x96\x08:\xcc\xc3!\x18\xd5\x8b6\xb6\x17\xb4{)\xdc-G\xaa\x004|\xfc\x04\xc2\xa2T\xc8u:?\x181\x1a#H\x86h\xdeP\x88b\xa9\xe5\x1c\x82l\xb4\xaf\xbd\xa0\xb1\xead7w\x08X\xb0\ra4\xc4O\x90\xaa%\x03V.b\x8cD"\xc6\x81\xa0\xb8\xc7\x06,\x11\xc5\x82\x1d\xa9lc{\xc1\x9d\x01\x1a\x0b\xb2\x02U\x00F\x96K\x05q\xa1\xbc&gt;\xb7\xd2\x1a\xdc\x01T\xc4e4\x1a\x83\xc0\x82\x01\x86Y\x10\x97\xfa\xa5\x92H]\xa7\xdb\xe5\x82\xc6\xda\x0fe\xd0\x12\xda\xd6a\xb6;\x9d0\xb2N\xce\xc0\x86\xea4&gt;\x98\xc3.c\x10wX\x8bE\xb9\xf6\xc3\x8c\xd2e{\xda\x8bY\xaew\xef\x8b`Vz\x03\x9b\xeb\xeb(-g\xfc\xf0\xf4\x14F\xc3\xd9\xe9\xc9\xe9i&lt;&gt;\x9f\xdbA.#L\t|@\x0eaW\x14\xbb|\x04y\xde\x9e\xeb\x04\xfb\xa2\xf8d$\x033\tv!f\xb9r\xb98\x82!\xd4i|~p\x10\xb1`\t\x8d\xa8\xe7\xf92o\x88\xc5\xa2\xe2\x1aQ\xbf\x1a\xef&amp;\xda\xb3\x1b\xa1\xdf\xc3/\x0bK\xabKK\x90\x15\xa8\xb0\x0b\x1f\x88`;\x8c#\xd6\x0e\xc5\x12\xc3\x1a\xf2e2!\x9c\xda(-(\xb5\xfa\xd5\x1aI4\xdap82\xd9\xb5T\xf7\xc8j\x06X6J\x85]*tTc\x1a\x84\x95\xc3\xcd%\x86\xb4\x1c\x88\x05w\t\xc8+\n\xb0\xa9\x89\t\x88+u\xd1\x86\xb4\xf2\xb7\xe1\xb5B&amp;\x03a\xd9\xd6[(8\xa9U*\x17%\x9b\x9fw\x82\xab\xd5Z=\x1a\x99P84\x84\\#T^\xd1W&gt;\x92\xac\x97\xe9\x9f\x0e\xdfJ\xe1W\x19\x14\xd6\xc6\xe6:u\xc7\xc2 \x15U\x00C\xbd\x05\xdb\x10V\xd0\x01a!\x15\x8e\x8b5\x12\x8dj\xb5\xda\xe8~\x98(\xd6\x98\xf4\xaf\xe1\x93\'\xd1\x02\x84\x05,tJc\x16`\x0e1,\x87\x1e\x839W$\x08\xb7T\xd4\xef\xc0\xfa\xa1bE\xa3\x85\xa86:\xdee"\xcf\xe9\x9e]\xcc\xf4Uj\xbcPX\xdd\x98\x83U\x0c\x06\x07\x82h\x15QJ\xado\xbc\x90\xb9\x1c\\Qa\xc4\xf3\x81\xc5\x17\xa25\x94"\x17\xc4\x05yMA\xd37i&gt;\x82\xe0ME=5\xb1\xba:\x07\x05\xcd\x15\x0c\x06\x8d\x98\x05\xdd\x0e\x9b\xd0\x89\x9b\x0b\xf5\x16\xb8\x06\x8cb\r\x1f\xc75D\xc1`@\xa0U\x9cz\xd9m\xaa\xd2&lt;R\xe18l\x16\xb5\x085\xb7\x01\x8b\x08Wxp\xc1|\x80\x1d\x88f\x16\xb5\x17\xe7\x81\xe6TA\x7f\xc1x\xc0\x1d\x8f\x96\x11\xde\x13\xa9\xd5\xe0\x9a\x9az\xf5\x84L\xd5hf\xdd\xbb\xa8\xae%\xcc\xfdTZ\xe0\xea\xb1\x89\x8d;\x83\xf3\x98\x05\x13\x0b~\x99?E4\'j{\xf1\xffZ\x1e\xab&amp;\xd4SP\x13ka\x92\xe6\x03\x9b\xc9\xbc.V\x13f\xf3\x9cyn\x03\x9a\x0b`bc\x04X\xf3\xf1\xd7\xf3\xaf\xe7\x07\xe1\xabU}h\xa2\xa2i\xfa\xa3\xe5\x11K=2\x05\x8b8\xb1\x96\x82\x11Ao\xcf\xa7\xcf\x8bYH\xcb\x8c\x16\x115\x97\xd1\x98C\x19\xbd\x8e\x9fb\xcd T_\x1fz&lt;}\xfa\xf4\xcd\x1b1_\xf8\xc3\xd5JK\xabML\x8d\xafuC\xcf\xd3\xbb\x11o1k\xae\xbf\x1f\xf5V0\x82\xa3\x82\xb0(R\x1f\xd4\xdb\xb7\xf0x\xf7\xfe\xfd\x1bx\x8du:`\'\x86P\xcfc\xd6\xc4\x94\xf6W\xadv"\x9b*}\xa3u+2\xf3\r\xccB*\x9b\r\xce=\xa4\x82\x93y\'\x87^\xdbo\xe1\xb7\xb7;}};\xef\xb7\x01\xf5f\xec\x971t(\xcad^\xe4\x82\x86\x87\xce\xd2j\x97\'\xb2\xc5\xec%\xbd\xacr\xb3\x98]\x06\xd6\xc6\xde:L\x07\x8d\xc6f\x83k1\x8b5$\x13\xca\xc4\xdb\xdbo\x7f\x14\xb0\xb6\xc7\xd0\xad\xd9\xc1\xe7\xc3\x8b\x1f\x82K\x17j-\xccJd\xab\xd5\x1bZ\xb7"\xfb\xb8T\xcc&amp;!\xac\xca\xde\xbamI\xa4\xe6\xca\xf7}&lt;\x1e\xcf\xa0\xb3\xc4\x14\xfa]\x88\xe8=\x02\xc1c{{\x0c\xb6\xe1\x90{zH\x88\xa6\x840\x14\x1a\x82\x9b\r\xa0\xb4\xcb\xcb\xc8E\xef\xe5\x06N\xc4b)YA\xaa\xf5%\xf5\xbe\xaf\xabK\xa9\x1c\x1e~f0\xe8t:\xab\x90\xbf\x0b\x9c\x7f\xed\xee\xee\x8e\x8dmo;\xf4\x82\x98N\x02\xe5\xe1BIYp\x17\xa4X\xc9\xe4r\xb6X\xa3\x9bU-\xe1\xb4\xbe,q}\xbe.\x0e\xa7\x8bc0\x18\x16u\xb1XL\xe1\xd6\xcb\xc0\xb5\xdb\xe9\xe8\xec\xdc\x1d\xeb\x14\nb\x8b\x06\xce3\xf49\x9c\x92\xc3\x03\x1b\\\xba\xa2X\x95L\x96\x8a\xf4\xbea\x84!_\xc5\x1d\xbf\xb7$\xe7\xf1|\x92\x15\x8f\xdcjUXff\xfc\xfe\xc9\xc9Q\xb7\xd0\xb1\xbb\xdb\xd9\xd1q\xff\xbe\xa3\x93\xaf\x9f\xb4\xc4t\x8b\x06\x94\xe6\xb0R"\xf7H$\xeaB\xe1W\xa42\x9b\x13Uz\xd3b\x97\x1b-VA.\xe7J\x87\xe0\xdd&lt;t\xce\xa8\x7f\x06`\xe0\xd2wt\xee:&gt;}\xea\xb8\xdf\xd1\xf1P?::9\xe9\xb7\xc4V\xa0\xb8\\\x0f\x8f\xa3\xf4\xa9)U\xbf\xb9\x99\xa5\xb9\xb7\xf2\xf5\x16kU4\xed\xd6\xf3\xd1\xe5E\xe8\x9e\xf4\xc7\xecv\xfb\xcc\xcc\xf3\xc7[\x1dp\xc7\xe2\x03\xea\xe1\xd6\xc1\xe8\x8b\xe7~\x08\xd1\xed\x9e\x9ev[-\x12\x1e\x87#\x89&amp;\xcd\x88\x95l\x96hf\xa5\xcf1koc)$&lt;\xd0\x0b\xb7\xdc\xa3\x02\xab\xc5\xae[&lt;\x82\xb2#\x97\xcc\xe1pt&lt;|t\xf0\xf8\x85\x7f\xc6~d\x8f\xf9\x05n\xfd\x96^\xefv[\xe5\x12\xdex\xb2\xdf\x0c\xff;\x99\xa0\x99u\x8f}\r\xd3\xb4\xd2\xbf\xb1\xa9\x91m=\x865\xb2H\xb9+\x06\x8eaq\x91\x82\xf9\xf5\xb2\x1e1\xff\xd1\xa3\x83\x17\xcf\x01ut\xa4\x8bY\x14\n\xc5\xec\xa8[\xaf\xd7OK\xb9/\x97+\x90tc9\xd1\xa4\xfbfSC\xac\xca\x86Fv\xf0xF\xc7\xe5\xf2\x94&amp;\x82\xf1\x80P\x1a\x16\x8f`\x1d\xed\xfe\x03\x99\x18X\x07\xa3\xa0\xb2\xdbc\x16+\x0bF\x9b\xc7\xa2\x98\x9d\xd4\xc3\xf0\xf2\x16V+\xe02/\x97\x1a4\x1f&gt;\xcc\x9bR\x02M-\xcd\xd6\x8b\x99#\x8f\x9c\xf3$EdI\x06\x995\x18\x8e\xfc\x02\xff\x8c\xff\xc0\x91\xeb\xfb\xe5\x11t\x95\xdd\xae`M/X\xe5J\x93\xc9\xd4\xcb\xb3\xf8\xfdn\x19_\xb3\xb9Q\x01\x979Q:/\xd3|\xb1\xf9\xd6HT\xf6\xbe`\x96E\xa7\xccVJ\x8c0I\xa4\xfa\x0b+\xb1Y\xbd\xc0?\xf9\xe9\xfd\xd7\xd7o\xfe\xf6\x18Vpf\xda\xbb\xa0\x1bo\xa6\xaa\xe4\x03Fw\x97\x84\x1b\x1b\x95i\x82{{\x14\xeb\x8a\xce\xfb\x16\x93\x9df\x97\xeb\x89\xca\x97\x0f\xeb\x1a\xe1\xa8@\xb1"\x9f\xfb\x8e&gt;lf\xac\xf5\x8b\xac\x0b\xb0\xed\xfc\xfa\xb1\x7f\xfc\xf9\xf5?\x7f\xfc\xfd9t\xfb\xe4\xac4y{\x9b*\x86\xc9\xf0DB\xe9\xf3\x80\xcb\xb6\xfee\x0fX\xcd&amp;\xad\x9f\x8f\xe4o\xfe]\xbb\xbc\xc5\xac\x1e\xbe\xf0\xb7\xa1\xd5\xb9\x85\xcc\x86\xb6\xd8\xd5%\xb7Z\x14\x82Y\xff\xac~\xf7\xdd?\xff\xfc\xfa\xfb\x1f\x10\x17\xf4\xbb\xc2Z\xf8\xf2\xbd\xca \xc8b\xe5\x83\xba\x97\x17\xf3\xeb\x03\x14\xab\xd4\xa4s#2oT\x83\x91\xef\xb7\xc9\xbd\x0f\x1f\x06\x82=\x81\x80fssaV\xc0\x8a\x8a\xa4\x16hj\x81`A&amp;~\xf7\xfbW\xcc\xfa\xeb\xf3\xff\xd2j~/m\xa6Y\x1c\x9f\xb9\xd9@\x90ZK0\xf1%m\x85\x89\xf9\x81\xe6\x87(\x8cI6\x89y\xdb`\xc8\x0f\xd4\xc4f\xc1m~(\xad\xd07MB\x1a\xe2\xcaP\x89A\xb3\xa1\xe4\x07!3\xc65\xb9\x88R"\x8aa\xb6\x1d\xda\xec\x85\x01u\x86Z\xa4\x91V\xf6\xa62R+\x85z7`o\xf7f\xbfO\xec\xc2\xfe\x01\xaf\x87\xf0BB\xe0\xfdp\xcey\xce9\xdf\xe7y\xc6^\xdc!?E\x06\rC\x7fs\xec\xa4)\xad\xd6:BO\xa7W\x9bX\xef\xf6Y&lt;\x9e\xe2\x9d\xb9d+\xb2\x94\x19X\xe3=\xb7\xc8N\x9f\xdf9\xe2\xf5zUV\x95\x9da\xd0y\xf2\x05M\xb2\x89u\xfd&amp;=2vg\x8cb\xcaN\xc6\xaa\r\xdb)\xfc\x8b\x1a\xa1\xdcz_0Er\xeb\xcd\xfb\x97\xfb\xac%=o\xf3\\X\x90=\xec\x06\x16\xd15\x12\x89d\xa0\xd3M\x8fPv\xa7oZ\xe1*J\xf2\x19M\xe3\x02\xeb\xaf7ijdjj\x0c,0\x8a\xa6i\xa7\x9bv\xc3\xa6}\x98k\xcd?\xbfy\x9bU\x7fain\xe6,&gt;&lt;\xbf&amp;|0\x0c\xac\xbee\xcc\xc5\x05L\xa1\xb7D"\x91\x04\xfaYD\x06-P\xad\x10\xac\x0f\xc7\x8frh\x88\x88\xe1\x08\xe9\x8b3x\x82\xa8\xf9p.M\xa2\xce/8\xd6\x02\xd6 ;\xf9\x05\x89\xe8:\xaf\x8b$\xe9\x0b\xac\xa3\x95\x95\x95d2\xa9\xb9\xd8b\xc3\x08\x0f\xac\xfb\xf7WV&gt;\xff\xe7\xf3\x87\'\xc767\xed\x9d\xa2t\x1b4\x1a\xcf\x06Mo\xb8u_\xb1\xa6\xa1|\xcdj\xa9\xd6\xaaS\xec.\xb2\x83u\xd2\xf2\xe7\xe2\xc3\x81 \xb0\xc6\x97e+\xc9Z\xed\xf5\xeb\xd75\xa8C\x99\xa6\xd1\x90\x95\xf2=\xcb\xf7\x1bG\xb5_\x80uxl\xd3\xb9\xbd*\xaf\xae\x9e\xdb\xd0\xd9\xd0\xb7\xdbrh\x8b\xa41\xba\xd7\xa1\xc8\xcd!\xeb\x94\xcev\xce\x16\xd6^\xbd\x9e/\xfa\'\t\x96Fs\x81\xf5\xdb\xeb\x1a\\\x96\\\xd1d0\xc8\x93\x1f_\x7f\xfe\\\x03VK.G\xab\xbc\xee:\x9av\xae9\xe6\xb4\xd9l@%\xde\x8a\x98\xcdY\xb9\xbe\xe3\xfc\xf4\x8c%\xac\xadz1STL&gt;G\x10\xffr\x1f\x11$\\\xb5\xda\xaf\xb5_\x93\xc4Y\x85$\xbe\xd4P\xb6V\x8e\x0e\x85B\xe1\xf7\xad\xb4\x97\xce\xb5\xb5\xb6\xd8l\x18\x0b[[A\xd6\xd9\xa9\xd3/\x01\xab{R?0\xc0\x16\xd67\xbc\xddb)\xdf\xa2\x03\xd6\x0e\xb0\x88\x8f\x08Y\r\xeej\xfc\x98\xc9g\x92\x841Y\xfb\xe5\xb7\xa3\xa3\x03\x0c\xcdOn\xb7n\x8cl\xe4Z\x88\x81J\x08\xb0\x16t\xeb%\xc4\xd0&lt;\xe9Wt\x8c\xbe`\xc9[\xbc\xdd|^\xf8wz\xb2\xfb9\xf1\xd6\xfd\xe4E\xce\'!\xf3I\x08\x1b\xc9F\xe3\xa0tp\x80\xe7A\xa1t\x1b\xc3\xb3\xb0\x95\x1e\xd9hk\x01\x91\x90`=jm\x81`\xf4\x11\xac\xee \xb2\x8e\xad .\xee\xe6\xb7[\xaf\x97#d%\xf65%4VcR\xa3ihd\x99|\xdf\x1f\x07\xdb\xad\xf5\xbak\xbbT*\x94\x0e\xf3\xc5"\xe6\xf9\xa2bfD\x87\t\x1a\x80\xb66\x12\xc8\x8e\x0e\xbf\x9f`\x99\xf5\xb6z\x07\xbd\xcbc\xc9[\x99\xed\xe3{U\x82\xb5\xd33\xbe\xbcL\x94\xfd\x91\xecB\xdf\x97\xfa2\xadSQ\x83X\xaa\x17\x16\xb7\xb7\xb7[\xdd^o\xce%\x11\x8d\xcc\xd09\x92Zm4\xdc\xd6"\xecP\xf8\x83\xa8\x0f\xdd\x91\xb1km\n\xdf\x16Kuk\xaf\xef\xc9\xb1P\x111?\xdf\xd9\x99\xeb\xf91\x93)\xa0\xa2\x16d\x07\x05\x19\xd1\xd1\xc5z\xe0\xea\x9f\xae\x1a&lt;\xe5\\\xbdN\x07\xae\\\xfd\xd6\x98\x93\x88\xe8\x99\xd1k\xb66\xc8\r\x8a\xd2\xe9rD\xf6\xfb#Y\x82u~3\x97\xde\xe3\xb0\x83\xf5\xfe\x9f\x85\'\x8f\x14\x15s\xf7*\xc4\xeb\xc3\xc7\xf0Q\x86\xec\x83dd\xa8\\\xc0\xf2\x06\x8cZ\xf4F\x8a\xf2Z\x03CW\xafhu.\xd7\xe8\x0f\xa3pW\x9bMG{1\xd2\xeb:\xf5\xd3\xcd\x95\x08\xac\xf3\xd1\xd4&gt;+\x0b\x91\xc3y\xf6\xaf\xa3\'\xc7\xad\x95l\xf7\xf3\xd4\xdc\xdc09\xd1\xc9\x97\x1e\x97J\x99\x82\xac\xd1hl\x93WSv\xa6\\fPH\xadq\xab\xae^\xdf\x98\x19\x1d\xdd\x80\x9br\x9d:\x86\xf4D\xa7S\xbf^\x81L\\\'*i\x95\xa5\xb9\x99\xb3x\xd68&lt;&gt;\x8e@T\xa7\xd2\xc0\x1a\x1e\x10I\x88\xe532\xf4\xc2\x12\r1\xe1Q\xca\x19\xbdS\xae\x8a\xc7\xadV\x8a\xf6\x8e\xfdp\xb3Y\xdd/\n&lt;\xc3ur\xb9\xebH\xf9\xeeA\x0cc\xa7\xablm\xeb\xf2\xce\x96\x0f\xef\xdd\xd3\x87\xba\xbb\'S\xe9\xf4p\x1aXh\xd4\xc0"\x85\xe2A\x95\x91CM\xacy\xc8\xf5\x87\xb06\xa0\x85\xe4\x98\xa2\xdb\xeah;n\xd2\x11\xddeF\xcee\x08Vw\xb7\xfc\xd3\xa7O/6\xd9:b\xe1\xed\xce\xc9\x0e\xef\xd1\x95\xe6\xc6i0=,\x92&lt;\x94\x88\xc0V X\x85\x0e\'\x9fHT\x81g\xa2W,n7\x12)\xe6\xa5mh\x87\x18k\xdc\x0c\xc50\xc0\xe2v\xad\xc3Yf+\xb0\xe2_\xd8\xba\xae\xc1\xd9\x9b\xd3\xd4&gt;\xe4\x1c\xa1\x8b\xddo\xb2\xcfLN\xa4oiPX5\xb7|\\i;d\x8e\xb8y\xebg\xc8`\x0ch\xad^\xef\x06\xb0(\xaf\x9dB\xd6\xc9\tU\xd7:ZbE\x0b,.[\xbb\x10\x1c\xce\xfe\xe6\xf2\xd1\xca\xed\xc1\x85ld2\x92FrI\x9a\xf9EV\xe2c\x91\xd3#\x15\x08\xa4a\x01\xd9\xa31\x0c}\x0b\xb0vm\\E\xe5\xea:\n\xc3+\xb0\xec\xe4\xc8\xa0k\x1d\x19o\x89F\x8d\xaa\xd5\x13\xb6\x9c\xc5yv6^z\xf0\xfd\xe0B(\x14!\x07d\xc3s\xc3\x08$9\xa1\x1b\x98\xe6K\xa5ay\xd5%)\xb9:\xabuF%\x10\x0f]1D\x8dZ\xab\xdd\xadc\xec0\x8a\\W\xe2rc\x95l6k\x12\x7f\x8a/m\xb2\xb6M\xc9Y\xdc\xea\x1b\x97\xb8b\x0b\x0eu\x05c\x13\xc2\x98N\x0f \x8e&gt;\xaeR*\x90\xda\xab\xa4\\\x16\xf3\xa5b\xbd\x8c*\xe1\x11\x0f\x19\xc4\xc84\xb0\xc8\t\x97]\t\xac.\x82e6\x05\xee\xd0\xe9/\xac\x9d\xafpx\'\x9b=\x03\xfeu\x82U\x89L\x06S\xe9`080\xb0$\x9f\xc0\xeb\x9d\x10hU\x9f\xdf\xafPT\xcb\xfa*\x8c\t\xa3\x19A\x1e6\xb9\xf8\xc0R\xca\xbbb\xb1J(d\xee\xbf3\xe3K\x9d-\xb2\x87\xf5\xfeKz\x1aX\xeaP\xa4\xa2\xae\x90\x03\x03\xd8\x12_\xda\xdb\xce\x9f\xee,3\x178\x17Tz&lt;T\xed\x06\xe8|\x0f\x7fPN\xb6)\xf9\xca\xfe\xc1A\x87#\x14\n\xf1\xe3\x94\x7fu\x8b5E\xc6\xe1&lt;\xddM+Z\xf4\xc8-\xb5\x1aqL\x91\x83\x0c\x1fW\xd0+\xb02n\n\xba\x0ce\xbe\\\xae"\x844\xe5\xa5\x18]\xd5.\x18\x1a\xea\x15\xac\xf5\x0f6\xa9\xf8\xfc~K\x82`\xf5\xdb\xe5\xa9\x9d\x13\xf6\x84"\x87\xb7\xbf\xd9r]\xe7\x08U\xfe\x87\x95\x0e.)\xc5\xe2\xb0J\x15\xd7j\x8dQc\xe0\xc5\xe9\xa9\xf7\xf4\xf4\x14\x05 `\x85xU\x19\xb1 \xa5Jr\xa4\xcfW*\xf9\t\x8bc!\x94\ru9\xe5\xa9MV7\xe6y\'g};\x0b\xc0"Y\x8fZ\x1f\x8ctI\xdb\x8d\xc6@ j\x0c3\xc4O\xe5\xf2)\xb1\xc0\x0b\xad\x96l\xf3\x06\x9aa\xeco^\x19Q&amp;\x12\x16\xcbB6\xabv\xfa\x97R_X=]\xe1\xf0\x9e\xbe&lt;1\x7f\xc5J\xc1]]\xfd\x02\xa94j0\xf4\xf2\xd3\xcb\x7f\x10;\xd8&amp;VTT\xa9x Jj\x98\xa1\x1dQ\x84\xf1\x95&amp;K\xc2\x82\x04\xb0\xb8Es\x9b{\xec^M\xe2@.~\xc4BT\xc7H\xce\xa7\x82\xeb\xfc\xb0\x07\x85tm0\xd5\xd7\xb8\xc0:\xc0\xd4|\xb0]tU\xe5\xe1\xe8\x90\xd8(\x10\x8b\'L1\x82e2%\x12\xa0\n\xa9}=g{,\x9f\n\x03\xeb\xd9+\x07\xbc\xe5P\xab\x11\xc5\x08b\x83\\\xe6\x06\xe70H7\xe7\xf8\xa6\x95\x80\xe5s2\x1eD2,\xed\xbd\xa1$\xdeR\x9aL&amp;8+\x9b}\xb5\xb5\xf5~\x91\xf5\xeb\x9e\x9c\xa7o\xc9\xd1\x8d\xc3\xe2@vE\x06\x95k|\xb9\\\x1f\x9c\xeb\x19\x87\xce(\xe5\xb7\xbfZ\xb1\xc3\xef\xd3\xcb\xadd\xf7[ \xed\x87\xb7LJ\x13RK\x1d2g\x7f\xbf\x94{\xe1\x9c\xc5\xdf\xc9\x11*\x0c\\\xeb\xfd\xa4J\xea\x97\xfc\xfe\xaa\xcfE\xa6\xf8b\xb1\xe8*\x92\x07\xea\x17cWY=\xe1\xb04\xdc\x1f\x8bY\x80eQW\xd4\xa1P\xf6rn\x96qx[\x0b\x16\x0bVU\xc2\x12\xab\xac\'L\xe8)\xd3\xd3\xfa2\xa5R\xa9\xa8\xf2W#ELE6\x8f(\xbb\x07`\xfc\x98\xc3\x82\x08\xc2\xc7H\xad\xec\xc9\xe5`}\xb3\xff\x0eT&amp;\xb2\xaeb\x88\r9\xcc\xa8\xea\x19J\x15\x0f\xb4\x93\x85\'6\x88\xc5\xe2\xa81\xae"\x9c\x14\xa5\x02\x17?\x86\xff\'\xc8!\'\xb0\xde]\xceE)\xe4\xfcG@\x11\x83\xc7\xe6\xd7\xd6\xa4|\xae\x1eXp\x90\xd6h 7\x98\r\x86h \xeem\x9a\x8aP\xa1\xfdX\x12\xe4\xdf\x8e\x10V\xe2\x9b\xf7\x97s\r\x8f\xb3\xf8\xf6\x1f\xf3\xf3\xf3&amp;\xd3&lt;V\xfc\xda\xec\xc4\xc4\x1a&amp;\xf82Q&lt;^\x95T\x0c\xaa(&amp;S\x8a\xc6w\xf8*\x8c)lb\rLM,\xf5B6\xf4\xe6\xe5\xe5\xdcv\xc3 \xf1o \xad\xe1e\xa6\xf9\xd9\xbbw\xef\x82\xcbNf\x19t\x1b\xb9\xa77*E\xfc\xbcM,\xf8J\xd0\xdb~\x03X\x96f\xcc\xd1{\x16,\x1f/\x0b\x8b\xf3\xf2\xcd\xec\xec|\xf33;\xfb\xddw?\xe1\xbd\x10bz\'\x03\x9f1|\x08 L}\x98\xdd\xa1\x171\xac\xf6\xf6\xde\x98\x9dOXL\t\xb5\xa5\x89\x95`\xf9\xa4\xe0\xff\xb0\x16_\xcdN\xcc\xe23\x01W\xfd\x04\xbb\xab\xecw\xea}&gt;d\x181\xbb\xca\xee%\x1b\xcf\x88\xa0\xa0\xb7\xb7\x89\x85\x18&amp;\x9aa\\\xf8/-\xe7\x1f\xd3d~\xc7\xf1!\x94\xdf\x05[\xa0\x94+&gt;-Tj\xd3\xc9\x8fv"1\xadr\x15\x84H\xa1\xd7bk8\xe9q\xc7I\nN1\xb4\x83UA\x10\xc2Iz\xbaD\x92\xd3\xc0\x121\x91(X\x8c\x97e\xfeC\x99!\x92\xf1\x07c\t\x9bL\xe9B\xc6\xfe \x90\xed&amp;\x047\xe3\xcf\xfb\x91\xbd?\xdf\xa7U\xb7\xbbl\xdef?m\x1f\x1fJH_y\x7f\xde\xdf\xcf\xf7\xfb&lt;~\xbe\xad\x18\x0c\x1fV\xea\xefz\x1d\xf5\x14\x0c\xea\xc2\x85\xde3\xef\xe6\x0c|t\xf4\xa3\x81=\x03@\xa3\xa5(\r\xc3\x82:\x17\xa7Uy\x94\x9c\xa3\xb3\x97\x8f\xc13\x15\x83a\xc3\x02\xd8\xd458\xca\xc1! \x97c\xacw\xdf\x8e\x9c\xeb\x03\x03\xd4\xf1\x8d\x12\xf6\xe3\xdc\x02\x93)\x1f\xe5\x1dn\xd7z&lt;Z\x86\xc5\xc8\xe0\xc5\x89\xcf\xc3\x86\x15\x133\xf5\xc3^\x8e\x93:8%\xc7]\x18\x1b\xeb\xa4\x0f\xc4\xd2eGNN\xfc\x1e\xbaz\xc5\xdcM\x97\x8c\x12\t\xc7i\t\x8bcNDL\x8c\r\x86\x15\xeb\xca.N\xcbq\x12-\x0c?6\x06\x8798\xa44?\x7f$\x9fV{jN+\x91j\x8b\xcb\xcb\x9b\x9a&lt;P\x0bYttv:FzG:\xc7&amp;\x06\xdf\xee\xffB\xfdk\x9d\x9f\xba\xf2\x93N2\xb3\x92\xb8.(\xf1\xe1\x9e\xa6&amp;\xa5C\xa9\xe5\xa4\x9ct\x04H\xc5Z\x15\xbf;*\xa9\x89\xa8\x1c\xa8n\x10\xab~\xac\xe2\x930bA\xad\x8f\xcf8&lt;\xc5\x1e\xa5J\xab$\xa2$\xb6\r\xc4\xe3)\xc6\xdc\xa3Uji\x9fO\x12\xdb\x80\x14I\x1b}\xa8\xb4uvB\xab\xb1\xde\xea\xb0b\xfd\xea\xce\xb9k\xfb8\\\xd9\xab\xb4\x1e~CO\xc4f(\xc3\xb6\xd0\x94\x07\x99"\x11\xb4i+\t\x06\xc4\xb8\xc5\x10q\xf4ba\x13^\xac+\x1f\x9f\x1e\xf1\x94C\x9c&amp;"\xa2\x8dY\x9b#\x82x8!\xa6\xe8H\x16\x0c\x8b\xa3Q\xeb@\xb1\xbf~-\xccX\xe7N\x9fQ\xab\xc8\xd6\x11Ae"7\x87$\xe2\xff\x89\xe6\x0f\x9b#&lt;lt(Q&amp;\xf6\xbd{}W\xb8\xb1\xb00\x95jU\xc5\xb4\x8d\x8d&gt;?\x9a\xa5\x8cW(:\x9a~$0&lt;#\x9a\xb4\x98\x17\x95JL\xe9\xe9\xef\xe6T\x87\x17\xab\xfb\xdcq\xac\x979\x95\xaa\x9ce0\x92\x81\xe0\x15\xfd\xea\x15\xcd\xd3E4\xa90fQ@\xd4j\xba\xdc\x1f\x0c+\xd6\x9d\xee\xe39\xe9t\x9fM\x95\xb49\xa4Pd\x10$\xfa\xb5\x80\xb7\xb4\x12\t\xe4\x92Jq\x89T\x95S\x1dN\xac\xa9;\xdd\xdd?\x1b\x88\xcfM\xaf\x93h\x8ba\xf0\xd7Y^\xa7\xc2/"\x8aY\xb9\x97H\xa4j\x97)7\xa7"\xecX\xb8\xb2\xa9\xaaSs\x12&gt;\x8f\xd1\xdf\x0er\x1b\xa8\x8cF\t5S\x19\xf5=\x05\xf1\xf1g\xc27U\xa3\xca\xf3X\xf1U\xe9.\x9a\xfb\x08,22\xf2[T\x91(emF\xda\xaeH\xed.v\xd3\x87\xef\x84\x15+f\xea\xc6\x8d\xee\xadG\x15{\xe2s\xeb\\R\xa9\xba^\xcb+\xc6\x0f\xc8`\x1eQ\x1aPnA\xd4\x86\xa0v\xb8\x1e\xa7\xb3*~_X\xd5\xbaq\xe7\x18\xf5\xc2\xff\xf4\x00\xd2\x88\x90\xc2\xfa\xc5\xe5I\xafW0\x08U\xdcF\xb6\x92\xb4\xa9\xa8K\xaf\xd9n\xb3\xd9\nr\xf7\x85W\xad\xed\xdd[\xa9\xc1{\x0f\xdd\x84w\xd5\xb9@&amp;i+\x0en\xc6\xc54\x84)\x083@\x9b\xc4\xc8\xa8\x80\xd5l\xb7\xdbL\xb6\x82\xf4\xde\xc1\xf0\xad\xe5S\xe1\xadc[YK\xd9\x81\x03\xb9\xe9\xb4\x9a\xc1\x12\xcb\xd8\x86\xa2_\xce\x96\r\x80RQ\xee\xa0"\xddyn3\xea\xa9?\xc9\xe6$\xac\xdf\x86\x11\x8b\xdaF\xb6n\xcd&lt;\x98\xa7P\x1c\xa8J\x07V\xbe\x8b\xf4\xa2\xd9\xa8\x98\x17\xaa\xcd\x88\xa7TJG&amp;\x15\xb8\xf4j\xf5Hg\x18\xb1.2\xac\x83lSC\x9e\xe2\x83*\xba\x07IKR\xa3\x11\x0cm\xbc\xc5\xa9\xbf\x12XR\tS\xca\xa67bY\xef\xc1\xc48\xf8\xfb?\x86\x0fk;\x92x\x90\xda\x00\x15\x8a&lt;\x18,&gt;77\xdd\xe4\xd2\xb3hF\xf0\xc7fp\xe1\xdc\xd6c\xb7KUM\xb4TU:&amp;\x08+&amp;&lt;W\xfb\x17\xff\xb2\xbd\x9b6\x80\x80K\xc1s\xe5\xe6V\x15\x98z\xa8\xa1\xb2\x07\x01\x1f\x05\xb9\xf4z;~\xd23\xaa&amp;^\xad?L\xfd"\x1c_}\x10\x93\xea\xff\xf2G\xdb\xb7\xb3})\x19\x19"\xe2\x82\xf1\xe9\xb2\xf0C\x8b\xd3i\xd9K\xbd5N\x9b\x9d\x04\xd3\x13U\x8f\xcd\xde\xccSi\x95X=\x0f~~\xed\x1f\xbf\x99\x7f\xebw\xb8\xe6\xfd\xcb\xbf&gt;\xd6\x1d\xc4J\xcc\xc8\xb8\xad\xe8\x07\x99b\xf7\xee\x0f,,\xf6\xfa\xa8\xad\x06\xb2\xd9\x9b\xc9T`\xb4\xd9\xb5MM\xc5Z\xa9\xbe\xc7d\xaa\xef\x9c\xa8\xae\xaex\xef\x97\xcb\xa9o\xef\xee$\x86`\xaa?\xb0\xf0\xb7\x8c\xe3&lt;\x16\xdf\xdc}\xfb\xb6\x82\xda\x11\x15\xfd&gt;\xab\xb5\xdd\xe7\xdb\xdd\xef\xf3\xb5\xb7S:Q?\x9d\xb6\x138\xd3{&lt;\x12=\xca\xc3\t\x8b\xa9~l\xe2\x93]g\xf2\xdb\x1f|\xe9O}\x1b_\xb1\x113\x8f\xf0/\x07VV\xe7\xbe9J\xfb\x8eJ\xa0VrF"\xf4\xcaS\xf4\xf7\x93b\xfdb\x83\xd5 \xaf\xac\x14[\xdb\xdb\xdbO\xd8\xf0h?A\xe1\x94z$6vf19\xc6&amp;\xaa\x81U\xa7\x7f\xf2b\xd9\x9f\xfa\x7f~\xbf\x06\xfe\xd8\x1fXYYY5\xcb\x86\xcd\x0f\x13i\xdbQI\xc9\xb6\xcc\x83\xc9\x89\x89\x89"j\xa0Q\x10W%B.7\xc8\rD\xf52,\x16\'\'1\xb5\xf3Q\x07sU\x9f\xde\x91_\xe72&gt;Z_\x08l\xf8\xffg\x93Q\xea\xfc~\xff\xca\xa2P\xa8\x91\r\x0f\xafN?L\xa4\x9d\xf0%\xdb\xb6efR\xc3E\x1e\xb8p\xa0\xd6\x1eq\xa5\xd8`0X\xad\xd6\xbf[\xad\x8c\x02T8:\xa5\xaev\xbc\x89W\xbb\x1a\x17\xfe\x15\xc0r\xa9\x8d\xcf\xee\x0f\xad\xaf/&lt;_\xf6_$\xc5\xbe\'\x1c\xfed~ceaa\xf5\x96Ph^]]\x1d\x1e\x9e^\x13\xbdw\xec\xd8\xa9\x92m\xa5\xc0J\xccH\xce\xc8C\x1e3X\xcb\x91Xn\xa500\xb6v\x96B\xe2\xb1\xb8\n|&lt;\xae\xa5\x1eX;r\xd2\x81\xd5\xfc\xec~Kkk\xeb\xd0\xdc\x8b\xaf\x9fo\xcc\xc7|\xafl\x92P\xcb\x0bO\xbf\x8a\x13\x08\x85\xc2[\xc3\xa0\xa2$\x8ah\x83VP-\x86D\x0f\x11\x81\x89\xe5\x86PXy\xad\xac\x06\x9f\xcfg\xd9+\'\x19}\x06\'\xa7\x0cb\xe9\x9b\x9f\xcd\xb6\xe8t\xad\xad-ssD\x06\xa3\xbd9\x17A=&gt;\xdc\xd8%\x10F%$h\x86\xa1\x95L&amp;[\xfa\xa6\xe4\x10\xacU\x02\xb5H.\x02\xa3RA6\xab\xec\xa30\xc0`\x06&gt;k\x06\x83\x18""\xe8-\x83\xd5\xc4\x91Z\xf1\xe9\xb0\xbc\xfeQK+a\xe9f\xfe\xca\xe2E\xc0\x9f\xfa\xa6J\x05\x00\xe5-\xcc\x12\x02K\xa31\x0f\x13\x95yx\xf6\x01\xb0N\x11\x16k\xcbBdP\xb9g\xe7\xc9\xb5[\x10}\xa0\x90C9:V\x8a\x18\x96XL\x02\xaa9%\xa7\xce\x8d\xaf2\x99\xec\xb6%\x1dE\xabn\xf4\xe4I\xc65\xf7\xf5\xf2\xfc\x1bdr~\x83\xa0\x0e{\xd3\x04D\x95`6\x07\xb1d\x8bk\xa5\x87\x0e\x9d*)E\x12I.\x91\x88&lt;\x9fH}G\x99n\xb7\xbb\xa1\xa1\xb6\x96\xd8\xfa\xb6@7\xf1+*\xc8\x05k\xe1\x02[my\x07\xf3\x94\xfd\xc9}\x1d\x1f\xa3e5\xe3\xe3\xf7\x11\xb3\xeb\x0b\x1b\xff\xed\xebeb\xfc+\x93\x8f\xbd\x87\xbd;7\x81J\x10\xf5\nK&amp;\x9b\x9e{@\x1b\xb1J)\x89\xe0\x02\x96\xa8RD\xa2e\x16\x15\xb93\x8b\xdc\x8c\xad\x81\xa1Q\xc9\x00Ze\x1f\x8f\x05k)\xb9:\xcc\x04\x05\xce\x13\x0f[Cj\xcd\x8c\x0e\xcd"pX\x9f\x0c\xcc\xff\'\xefc\xf4-\xdc+l\xdcYX\xc8\xa8\x84QQQf\x19a\r\xcb\xccf\xd9\xfa\xda\xa9\x9f\x7f\x06\xac"\x86\xc5\xf4b\x91\x0c\xc1\x8aJ\x8b\x10DVK\xc9\xa4\x08\xc9e0\xf4(\x81e\xa2\x19\xca\xf9hV\xa7K\xc1C\xa7kii\x19\x02\xd2\x10\x8b\xf5\x15\xe6\xfd\x98\xefv\xd5|`2\xad0\xad\xab\xe3lW\x88\x8a\xb0d,\x89f\xf3\xf4\x12\xc9\xf5)\x00x\xacD\x1e\xac\xb2\xb6\xb6\xa1\xc1]\x04\\\xfc\xc6]\x8b$\x92\xbbx\xa6&gt;XMnU\x03\xab\xdeI\x05\xed\xd9\x92.%\x85a\xa1H\xb4\xf0HC\xa3\x88\x99\xabO\x03\xfe\xef\xe4B\xf1\x0cL\xc6ueg\t\x04\xd9\x82(\x01\xa5\x90\xb0\x86\x81\x85\x14\x9a\xe1\xfd\xf5/\x8e|v\xea\x08\xe9B\xfdul\x08R5E\xdaj\x1b\xdc\xee\xa2\xa2?\x95\xba\x1bH+\xccE\x06y\xd0Y\x08\x0br\xa8T\xb3\xca\xba\xd6\x92\x12\x9b\x12\x1b\x1b\xcbc\x91`-\xa3\xe35\x14\xef_\xfdje\xe3\xdf\xbdO\xd53\xb0\xb0\xba\x98\r(aGG\x07\xa0\xc8\xef\xc0\xd2 \x7f&lt;V\x82\x06r\xd1~:\xc6\xe5fM\x92\x04EX[\xe0*7\x9f\xc2&gt;\xaa\tD\x13\x84\x92\x1bLH\xa1\xd2e\xb5\xfa\x0cO\xee\x83\x88=cCX3\xe3ee53\x88\xcb\xba\xb3\xd3\x016\x8f\xbf&gt;\xcd,\xaf\x98\x13\x84\x02(%\xe88{\xb6+--K\x80\x92EX2^.\xa8\x05\xb9\xd6\x8e\xbc\xe4bi\xa4\x1cnaA\x99\xac\xdd\xc2\xa8\x18\x8b\x9c\xd9Jn\x10\xf39\xe4L\xa8_O\x96H)\x8a\x94\x14\xa2\x1a\x9d\x19\x1f\xaf\xc1\x80\x1cm\xa5B\x86\xf4&gt;~\xfa\xfc\xe5\xa0\x84P(T\x8b\xa4\x10\xa8\xb2\xba6m\x8aK\xdb\xd9\xd8%dT\x94E\x19o.\xe2\x9a\xfb\x82m?,-%\x83\x05]_\xd9\xc7\xa8\x08\x8cJD_\x1f\xab\xa1\xcc\xf2L3\x8b\x94\xb0,x\xef\xa1.6\x84u\xe9\xe6M\xca^Y\x19OEc\xf3\xe6\xcd\xf3\xfb\xf7\x1f\x86\xc5\xf8\xbaO\x85j1{S\\\xb6 +\x0bPqqqi\x8d\xde\xc6.\x88\xc5\xb84\xb2\xe9i\xaa\x0ffr\x17\xd2x\x97\xe7b\x06KfE\x82aA\xabPy ,9\x8a\x04\x13N,7\x91\xb5\xea\xf7\x8a\rkC!\xaaX\xdd\xcd\xcb\xd0\xa9\xac\xa6f|f\xb4\x85\x94"\xa4\xabW\xf7\xef/\xbcto\x81/\xaf+\xab\xb7: Q6A\x01)\rZy\xbd\x8d\xd9\t\x1a\xc6\x95pkqr\xf2%\x97fq\xe9\xcfw\xef\x82\xebS\xaa\x07E|\x1a_a1\xb5\xe4T\x1f*\xe9}*[b\x1f\xe5PY\xef3&lt;\x9a}Iu\xe9\xf2\xfe\xf7\xcbN\x92P\xb0\x17\\\xd6z\x1eL\x80:\xef\xf5zw\xee|\x8cj\x11\xf3\x83\xc5[\x1dg\xe3\xba\xb2\x04Y\xd9\x04\x85(l\xf4z\x0b;4\x1a\xa6\x96\xa0k\xd3\xbd\x10\x17\xb04\xebKw\xef\x92`\xa5\x94H\x9a\x86D"T\xf6\xda\x10\x16\xd5\x07\x80\xfd\xb3l\xb3\x07m#\x8b\xa2\xf0\xf0\xf0\x80\x06y\x08AL\x95\x182\x93f\xadR0/\xe0z1\x08\x92\xc0\xb2\x8dE\xb2\x01#\x07\xe1\xce,j\xc2\xdb\x9d2(\xd3\x0c\x82\xe0j4\xa8\x10\xb8\x9aJ}*\x17A\x85 `/\xc4`\xd7k;\xcb\x06\xd6\xfbSl\xb1\xe7\xdc7\xb2\x94\xec\xc5I\x14A\xac\x8fs\xcf=\xf7\x9a0\xaf7\xeeR7\xd4\xe3\x1fv\x89\xf5\xcdw\x7f\x9c\xdeR5\xb2N\x87F\xa7P}\xfc:j\x0f\'\x93l\x90ee\x9ee\x08\xcd\x7f\xff\xfc\xe5w\xe7,E\x03\xc30RApK\xd5\x0b\xa6u\x11+T\x81G\xae{\xb7z\xfd\xf6\xf9\x12`\x1fl#m\xac\x8a\xe1\x99\x11{{\x16fcc}\xfd\x99\x1d\x85\xd7O\x9e?|\x0b,\xa1\x8a,U1\xecH\xf7\xacRG\xef\x87\xc3\xe1\xa4\x9d\xa1\x8dYQ\x14\x9e\x17\x0f\xba\xdd\xbf\x9d\xd4c\x03\x13/\x10\xad&lt;Ke\x84\xca\x87\x80H\xb2E\x1b\xad^\xad\xf3\xcb\x8b\x8b\xc3\x0f\x95\xc3\xc8\x05*\x89\xd4\xca\\\x1b\xcf\xd6\xf9\x06\xdf]\xdf\xbb\xfb\xe2-\xff\x8b\xaf\xd2*\xe4o\xe5d\x82\xc53b&gt;\xf41\x8d\xc3N\x07T\xec!\x1c\xaf\xcbRk`u\x1dPa\xfe\x82\x8aJ\x8c\x15\xb8"\x95\x0b\xaf\xa9\x08W\xc4\xb1\xe5zj\xb9\xcc\xfc\xf2\xe2#\xb8l+)\xd8\x9e5\xfc\x9e\xb4\x11\x8de\x84\xf1\xcd;?\xdey\xf03\xb0v\xad\xaf\x04\xaa\xd6/\x8a#\x06\xfc\x81$\x04\x82\xb4C\xb5\x04\xab\xdb\xd3\xa8\x9a&amp;\x96b,x\x9e\x18K!\x1a\x06:\xb1\x01\x1f*O\xf1\xe4Z\xab7\xdf-m\x0f^wvs\xf1\x91O?\xd8\x10\xc3\x01\xc1\x1b\xa2\xaaG\xf7\x19\xb6\x8b\xba\xff`\xf7\xed\xc3\x17+3\x88!,\xb9v\x0eF\xc2\x04\xa8[\xac\xa2\xd7\x05T\xe9Y,\xe4\xba\xef\xa6IhRh\x15\xf7zA$T~H\xa9d1\xfa&amp;]\xb1=z\xeb\xb7\xe6W\xe3\xf1xS\xd0\xbe%\x88ljlE\x94M\xb5\xaa\xee\x7f\xff|\xf7\xaf\xf3\xd6R\xabV\x9e\x93J\x98\x98\x10\x16\x8bT0\xbb\xc6\xd7 \xa6\xb7\x06\x8e\xef\xd3G\xfe\x9a\x8f\xc8\x8a{\xb1\n}A\x81\xad\x12\xfb\xd2\xc5\xcb\x8a\xeb\xa9\x95\xcb\xf7\xc3\xd1\r\xc1\xc6/\xb76!\xd8\x1b[\xfbR?I\xe2\xbe\xa9\xf8\x1e\xff\xf3i\xd6\xb8U\n\xcb0\xefK\xef\x90\x0f\xdb+Xm\xa6\x83\xf6\xa8\x93\x8eA\xa6\x9d5;s\xec\x19\xbc\x15\xc9\xa1\xbc\xb6f&lt;/\xb2|\xb6\xc1\'+\\x\x13{\n`|\xf0\xe1\xe5\xe6\xe1\xfe\xa1\x05\xda\xe7C-\x10\x10\x7f}#d\x8f\xae?}&gt;mU\x13\xd8\x92\x15\x9d3\xdd_\xa1H\xd5\xd9\xde\xa9z\x889\xd4\x08\x81\x81`\xc5\x08w\xa7Y\x9f\x1a\x13B-\x83E\x1d\x92\n\x1fl&lt;e\xe4\xb0\xa1\xed\x85\x0b1q,T\xb6\x8d\\U\xfd9\xc8\xc6[[|\xc6\xe6P\x90\xc6\xf6\x89t1;\xb7\x7f\x00\x00\x00\x02\xa6IDAT\xdd5\x98\xceg\xadFm\xc5W9\xd2\xfdUU\xc2%b\x01*kgqN\xad\x90\xa71\xc4\n\x1c\xa4)\xbc\xed\xd2\xca\xf6n@\x19\x95N\x19\xf1\xec\x9f\x92/\xcf\x0b\xb9\xb2\x8f\xc9\x85\x96\xfb\x16\xacv\x002\xc4\x85@mm\xf2yy`}\xb8\xbe\xbe\x04\xd2|\xd6\xff?\xd4\xf6\xab_o\xa1*\xad&amp;Y\x9e\x17Y!R\r\x90P1\x0eQ\xcfI\x15\xca\xd01BE5**\x17b\xa6)\xb1\x14}V\xc7z|wv\xdc\xb4\xee\xb2\\a\xd4\x9a\xcdo&gt;_]\xb2.\xc6\xe3+\xd4\xcd\xf9|~:;Xej\xe0\xcc\xc2GOvV\xa4\x82\xafv\x00\x95\x15eN\xac\xac\xcb\x8a\xa3(\n4b\xca\x01T\xf2\x05U\xd3\xa8\x08!\x0f(\x95\xe2\xc8\xa1Rv$}srrrv&amp;\xcbr\xc9\x15\xd5Z\xfd\xd1\x0c?+\xccY\xb3\x11y\xa4V\xa0\x1a\x80jO\xb0\x07W\xa0D\xaa\xac\xc0\xc6\xc9u\xd1ChA+\xad\xbd\xd8S\xb5\xc8\xeb9\x96\xca\xf0,\xa5\xaf\x9a\xcdTE\xd8\xd0\x06Jq[R*L\xe7r"\x8f\x9bSn&amp;\x8b\xc5\xab\x83d\xd5\x877j\x96\xa7\xb1Jd\xa1\x86\xc3\xaf\xa4\x92\x01\xc4\x16,\xf2F\x0c\xad\x80\xa5U&lt;@@\xa9\x08\x9b\xc6Q\xa9\xa9OSdF$T\xd3T\xa5\xbc\x05\x11\xa5\xa9\xc1F\x02u:\x95\x89\xa4n\xca&lt;\xbdw|v\x06\xb0\xb5%\x16\xb8\x84lU\xa1%S\xadQ\x12\xcaJ\xb5co,\x0b\x85X(r\x9d\xe5\xc5@\xb4\xea\x06\x91\xee\xf5\xd0F\xee?\'q\xeb\xd3\x04\xe9\x0e,P\xc1\xff\xca\xf0\xd0I\xa7)&amp;\x16\x92*#T\x11}\x0f]\xa5\x93ij\xdc\x85\\n\xc5\x15\xd5\xbeb\xaaY\xf5\xd8&gt;\xec\xe6m`a?\x8f\xde/\xc2\n\xfdk\xebB\x97\xfc\x13T\xd0)Iz\xf8\xa9+J4^;Sh\x15\x10\xd3\xd4)\x15{\xa6\xe8*\xc3\x99\x00\x96\xa9[\xa9\x80\x15\xb9u\xc4\xac\xdc\x19\x101\\b\tX\xed\xeb\x92\xf6\x95\x19\xa0:\x9c;9\x1a\x8e\xaa-\xd8.\xca&gt;\xcc^\x14ZVtw\x00\x9b\x07\t\x92T!\xd3Q\xce\x82*0\x8c\n\x9e\xcc^\x02\xbbyh\xab\x8e\x03\xa1rE*&amp;\x99+\x97"T\x0c8\x05_t1\xfa\xb2y9\x7f\xe54\x950\xf1\x92\x19\t\x95\x84B;\xc3\x8d\x0c\xac\xccB\xc1W\t\xbee\x920\x1d\x06\x82e\xa9t\xa0\x98\x05\x8aq\x90\x1a\x0ca\x8c\xb6Z\xad|WN\xe9\x84R)\xbb\xd2\xf1-\xc2\x8a\x8a\xff I\xa2\x15\xdb\xe7y\xa9\x8bL\xe7x\xa1\xdb;\x8b\x83\x9dw\xcc\x82\xaa]\xb4\xdbeQ\xe4r\xbec\xed\xf4\xb8\t!\x0c&gt;\x0f\x07\x0c\xb1\x82\xff\x00\'sk\xa8B\x99D\xec\x00\x00\x00\x00IEND\xaeB`\x82'</t>
        </is>
      </c>
      <c r="M350" s="3" t="n">
        <v>45492.67745370371</v>
      </c>
    </row>
    <row r="351">
      <c r="A351" t="n">
        <v>973845</v>
      </c>
      <c r="B351" t="n">
        <v>1984</v>
      </c>
      <c r="C351" t="inlineStr">
        <is>
          <t>Higor Meritão</t>
        </is>
      </c>
      <c r="D351" t="inlineStr">
        <is>
          <t>H. Meritão</t>
        </is>
      </c>
      <c r="E351" t="inlineStr">
        <is>
          <t>VOL</t>
        </is>
      </c>
      <c r="F351" t="inlineStr">
        <is>
          <t>VOL</t>
        </is>
      </c>
      <c r="G351" t="inlineStr">
        <is>
          <t>VOL/MC</t>
        </is>
      </c>
      <c r="H351" t="n">
        <v>186</v>
      </c>
      <c r="I351" t="n">
        <v>5</v>
      </c>
      <c r="J351" s="2" t="n">
        <v>34507</v>
      </c>
      <c r="K351" t="inlineStr">
        <is>
          <t>Left</t>
        </is>
      </c>
      <c r="L3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a4f39ba0-ca67-4712-9805-1014477df17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chT\x8d\x00\x00\x00\tpHYs\x00\x00\x0e\xc4\x00\x00\x0e\xc4\x01\x95+\x0e\x1b\x00\x00\x03\x00PLTE\xff\xff\xff\x1c\x1d\x1b\x16\x16\x10\x14\x14\r\xea\xbb*\x1b\x1c\x16\xfe\xfd\xfd\xff\xfe\xfe#$ \x1f \x1d\x1e\x1f\x19\xe6\xb7)\xb1\x8b^X9\x07"#\x1b\xe3\xb4$rN#uR%[&gt; \'\'#_?\x0e\x18\x19\x14!" \x1c\x16\x07\xea\xbf,\xe7\xbb*\x85Z/\x88b3\x11\x11\n\x83_/\x17\x13\x07\xb5\x90dO2\x05\xad\x86]\xf8\xd2:dC\x13I-\x07\xf3\xc84{S&amp;\xb4\x8ca\xf0\xc6/fE\x1a9%\t\xf3\xcc3U5\x06\xe6\xba#\x8c^/a&gt;\x16\\&lt;\nkG\x1b!\x1a\x08lM 8+\x18\x90a4\xdf\xaf#\xa3uJ\x9duM\xfa\xcf)\xa1{Q\xc8\xab\x82\x97l:cC&amp;\xb8\x94e\xc5\xa5zX7\x10\xa1qH\x80Y.\xa8yHA/\x1cT8\x18\\:\x13\xed\xc2.D-\x11\xa3xM\x81U)\xf5\xd16vU2\xeb\xbf%\x93e&lt;\xa4uC\x99nC\xfc\xfb\xfa\xee\xc3\'O3\x0f\xb1\x81P\xfa\xd11\xd9\xaa \x8eh8\xf4\xc40\xf1\xbf,qI\x1e\x1c\x1a\x0fJ4\x1b\xf7\xcd9\x97i@\xac|L|X)\x9en=nN+\xbb\x93i\xf9\xf8\xf7\xaa\x85WiG\'\x88d=\xa8yP\xa9\x80Q\x82`;g?\x17cI2\x0f\x0e\x05z[7kQ6\x9eoD\xb8\x96l1!\x07(\x1b\x06\xf6\xcc41&amp;\x15\x93f5+ \r\x91mB\xf0\xbb*N:"?*\x06\xaf\x88UsU?\xf2\xc8+\xa5~T\x97rI\xce\xb5\x9c\x9ct@]C*\xae\x80U\xa9~Y\xf8\xd6&gt;\x8chC\x91mJ\xbd\x98y\xaf\x81\\\xb5\x88[\xc0\xa1\x83\xcc\xb0\x8fT?)\xf0\xef\xeb\xc3\x9czI=0\xb6\x90_\xe2\xe2\xdf\xb5\x85U\xf4\xf3\xf2xN"#\x1d\x11\xa1zF\xbc\x8ed\xee\xb7)|_@\xba\x9cp\x84cF478)#\x18A$\n\xbd\x93o\xf6\xd1\x1d\xea\xb7$\xaf\x8ae+-,\x88[)\xc9\xcc\xcb\xd4\xa0\x1a\xb5\x86d\xbf\xa0x\xa7\x7fK62(\xe0\xaa\x1atts\xc1\x9ap\xac\xab\xa8\xe7\xe9\xe9\x9b\x94\x8d\xbf\x9bh\x99mP\x97uR\xed\xaf&amp;uL0\x9fzZ\xbb\xbd\xbc\xa5\xa2\x9e\xd5\xd3\xcf\xc7\xa9\x8aCCC\x87hO\x89r^\xb7\x8cjD8&amp;\xb6\x8eu\xf4\xcd+\x8c[6\xe2\xd8\xcd\xba\xa5\x8fPTY\xd8\xda\xdaYPD\x8c\x8d\x90\xb5\xb5\xb2\xe8\xaf\x1e_abc[R\xae~jVG5\xaa|a\xc4\xa1p\x82X=\xa1lX\xde\xb6\x19\xce\xc0\xac\xed\xc2\x1b\xdc\xb28\xa0\x83k\x94_M\xa5\x8er\xec\xe6\xe1|\x80\x85\xf2\xdft\xd6\xb9j\xb3\x9a\x82GKP\xb7\x91XxgV\x97\x9a\x9c\x8c\x7f{\xbc\xb1\x9d\xcf\xc5\xbb\xc6\xb5\xa3\xc9\xaa0\xe1\xb9NmN\x13v^\x15\xa4pg\xbf\x99\x1b\xcc\xa9\x1d\xef\xe3\x93\xf0\xef\xdaehm\xbc\x9b;\xef\xd5X\xf0\xec\xc4\xe4\xc8m\xcf\xc2\x8e\x94u\x17\x9d\xa5\xab\xea\xe1\xad\xc8\xaaQ\xa3\x85\x1b\x87o\x18\xee\xce@\xad\x8f%\xd6G8-\x00\x00 \x00IDATx\xda\xcc\x99\xffK\x1bi\x1e\xc7\xeb\x84\xc9h\xa8b\x93\x9d\x1b\x18\xd3i\xe4J\x82Ab\x9d&amp;\xa4\x88)&amp;&amp;\x12CPC\x84B&amp;\x98j\xdc4i\x13\x8dJ\x8c\xa4\x95\x15\x9bbS\x8b&amp;\xf5\xcbT\xdc6\x15\xda\xca\xb9\xc1o\x8b\xb8*Z{H\xb7\xa94\xc8\x15\x0e\xca\xf6\x87\x85\xae\xec\xbfq\x9fg\xbc\xbb\xbf\xc0\xb1\xfbAG\r\x81y\xe5\xfd~?\xefg\x1e&lt;w\xeeT\x86\xf8\xdf\x9c\xfb+\r!\x95\xba\x08W\xb7K*\xfdKp\xfdW!\xd7\xcc\xda\xd4\xfb\xc5\xc3\xed\xc3\xc3\xad/\xaeo-\x99\x80$\xed~\xbf\xb5\xba\xbe\xfc1\x9f\xdf\xcdes\xb9\\au\xea\x9b\x82\xc1\xbd]\xddS[\xab\xc7\xf9\xe79\x05\xcfE\x948\xce\xc9\x14\xc5\xa4"\xffaq\xc6\xf5\x8d\xc0\x90qS\x87\xcb\xf9\\\xae\x18\xc7e8&amp;QF0\x99LV\xa6\xc0\x19\xee\xd5\xee\xf2\xe1\x9a\xeb\x9bpI\xbbw&gt;\xe4sY\x8e\xe3H\x0c\xc3\xf0"\x1cW*%\x9cLV\x82+\x19^\xa1\xc8-\xeft\x13\xdf\xc0\xc0\x99\xc3\x82L\x86s\x12\t\x86I\xe0B\x922\x12SJp\x1c/\x01\xc82\x85BQX=s\xc1\x08\xe9\xfb\xe3\x0c\xcfq\x18(D\x82\x81\xb8\x0c\x032\x1c\'1RV\x8cc\xb8B\x01`\xcf\x97w\xce6a\xc4\xccV\xa1\x8cC*I\x94\xca\x88R\xa2\xc4d%$H\x06\x82\x91xq1\x89\xcb\x8a!exqa\xeb,\xb9\x88\xc9\xd5\x0c\x8f1\x80#\x0c\xe8\x84!\'1t\x05\xc0\x92"\xf0\xb2\xeco\x90\xff\xe2\xdd\xd5\x99\xb3\xaaW\x88\xd5v\x8e\xe3\x94(T\x10)I\x04Pp\x92&lt;\xe1\x82W\xe0\x0f\x89\x04\'!x\xb8\xac,\xb3=u6\x01#\xa4k\xeb@\x85aE\x18@\x01\x08\xe8\x05W\x1c\x97(\x85\xe4\x0b\xc2IHX\x02\x12@+\xcb-oM\x9e\x01\x17\xe1z\xbf\x1c\xe3p\n\x98@\x1a!\\\x82L\x08\x07z\x0b\xc7\x04+I\xb2\x04\xbd\x02z)\xf8\xcc\xfa\x14!&gt;\xd5b!\xcbI0\xee\x84\x08\xc5\x8b\xe1x\x9e\x07u\x8a\xc0\xb32(V\x1c\x99\x88\x91H0\x12\'q\x9e{{,\xb6^D\xf7\x9fy\x9ec0X~\x91\x08\xc3\xc6\xf5V\xab\xd5\xeb\xb5\xeacP\xab\xd9l\x0c\xbebz}\x96\xe7\xb3Yx\x138-\xe1H\x9c\xcb\xe6w\x08\x91\xa9\xb62\x1c\xc70L\x04\xa0\x06\xec6\xd3\xa6\x83\xd6\xe9\xd4\x01\x9b\xdd\xaa\x87\xb1\xea\xad\x89\x89\x89\x04\xfcx\xfb\xd6\n\x8c\xe8\x03p\x18\xc7\xe7\xb6\xbb\xc5\xc5\xda9bN\xa8\x18^k\xab\x9dU\xbf~\xad\x83yM[.\x04\x02\xa6\xfb\xf7\xef\x87\x87\xe7\x9f\xddvv\x99\xee\'\xee\'\xac\xd6X\x9c\xa5\xe0\xed\\\xb6\xb0#\xe6r$\xba\xd7\xe3\x14\x18\x18\x89P\xfd\xf6\x06\xa0r\x00\x96\xc10\xd8\tS\xdf\xd6646RWW\x174F;h\xe7f\x8f\xb3+\x9c\xb0\xeb\xf5,|\n&lt;\xbb&lt;%^}\x11\xd2\xa9\x02%H5\xa0u7\xdc\xf1\xcc:\x1c@U\x8f\xa6\xb3\xbe\x15&amp;j6677G\xdb\xda:ZZn\x1c\x18&gt;\x99\x02\x01\xb95\xce3\x1c\x17[\x9f\x11\x0f\xcbu\xa8G\x0e2q{CSS\xadGM#\xa9\x00i\x10.\xad\xad\x8d\xad\xa3\xc6f\xb3\xd9h6\x9b\xa3\xd1\xb6\x8e\x8e\x8e\x16\xfa\xe0\xc0\x19\xf0\xc6\x19\x8a\xa12[\xa2\xc9%\x9d&lt;\xa6\x18\t\xc3\xf0@USS[\xae\xa6\r:p\xb0\x1e\x1c\x14\xa8Z\x9f\x06C\xa1f\xa3\xd1\x88\xbe\xcdQ\xa4\xd9\xc1\x01\xbd\xe9\xe5\x19\x8c\xe2\nS\xa2\xed\x8eSy\xc0\x92\xb0z7P\xddAX:\x1dR\xab\x13\x19\xd8\x88&amp;\xf8\x13\x98\x88\xa8\x9a\x83\xcd\x101\x83\x01\xb0\x1c&amp;+\xcbH\xb0\xec\xf1\x8cX\\;9F\x19\xa1b\xf6\x86\x9a\x9a\xaaZO\xb9\xdaA\x0f\xa2\\\xb5v"\xb2\xc6F_c\xa3q4j\x0c\x1a\xcdF$\x9b\xb9\r\xc4\x02.\xb0\x91\x82\x07\xc4\xcc\x9f\xe2`\x11\xae-\x9eQ*y\xc0j\xbaS\xeb\xf1x\xa0\xb3\x06\x85\\\xd5#\xc5\x1a}\x80\x05t\xc1\x10p\x05\x93!\xd0\x0b\xe4\x02\xbd6\xbd1\x9e\x02\xb9\xd6\xc5yZ%f&gt;@\xdc\xb9\xf8\tV\xadg\xd6b\x80l\xe9t\x83\x83\xc8J\xc1G\x1f\xba\x18\x91Zh\x8c\xd1\x16\xc4E\xcb\xb5,\x83I\xa8\x82H[\xe3Z\x81\x89P\x9c\xa0V\rx8\xab\xa6i\x1a\x9a\xcb\xa0{\xad\xab\xefD\x16\x82^\xbe\xc6P\xc8\x18\x050!\xf5\x82\\t\xc0&gt;\xc0\xc2b|\xbb(\x06\x16A\xbc\xcf0\xcc\xff\xb1\xca\xcb=\xb3j\xb5\xda\xe1\x10\x04\xebl\xf5\xb5\xc3L\xb7\xfb\x92\xf7B\xa8%PM\xc0R4\x1c\xb4\x18\xe8r/\xec\x93\x14\xcb\xaf\x8a\xe1"A,\xe6\x18\x0e\xb0\xb4\xb0\x10\xefx&lt;\xb5\xc8G\xb5\xd0\xa8P\xf3\xad\xed\xd3\xd3\xed\xd3\xe30\xf7\x82\x10v\xa1 Z:Zth-n\xda\xf4q\x96\xa3\xa8\xe3I\xa9\x18\x1d\xbf\x9a\x15\xb0\xf4\xee\x06\xa8\x87\xaa*\x84\xe5@X\x88\xaa\x11\xb0\xa6\x9f\xcc\xcdi\xceW\x06\xa1$P\xa5\x82V-\xa0\xa4\xee\xc0!\xf7ZY\x96\xe7\xbe\xae\x89\x80%%\xb6\xb3\xd0\xf1\x14\xc2\x02\xb9\xaaPq\x01\x93\xee\xb5\x01\x95\xa9\xaf}\xfc\xc9\xf5\x9fWV\xae\x9f\xaf\x84F\x85\xb8\x0b\x16B\xb2t\x07:\xb5I\x9e\x88\xc7bT^\x8c\xcc\x03\x96\x0c\xb0\xb88\xec\x87\xa8\xe5\xab\xd0\xe6#T\x83\xcf\xd7\x0eT\x1a\xff\xca\xbf\xd2+\xfe\xeb\xe7C\xc1Pr&lt;\x194G\x07\xd1b\x80eAo\xca\xad1}\x8c\xcd-\x8a\xb0\x01\x11\xc4\x1f&lt;\x88\xc5\xf6\xbfPUW\x83\x8d\x1eK\x85\xa1^(Q\x10jz\\\xa3\x99\xfb9\xbd\xd4w\xfd\xc9\xbd\xe4\xbdq\xcd\xdc\xa5\xf1$\xea\x07\x9d\x8ev8hg\x18\x9e\xc1\xe2lv\xcb%\x15\xc9D\xc0\xba\xac\x02\xaa\xaa\xf2\x9b7FGG[\x1b\x7f\x02\xa1\xe6\xfc\xfe\xb9K~\x7f\xdf\xd2\xd2\x8a\x7f\x1c\xc9\x96N\xa7\xfc\xe3I_\xb4s\x10a\x1dX\x02\x13\xd68\xcb\x0e\x1cv\x8b\x80%\xdd\xceR\x0c\xcbj\xdd\xaa\xea\xa6\xda\x0b7+F\x9f\xc2\x84B\xa1\xe4\xa3K\xfe\x05\xff\xc2\xc2\xc2\x8f\xe9\xf4\x8a\xf0K\xea1L\x9f\xe6\x91\xaf\x15\xb8,\x0e\xda\x12HX\xf9x\x9c]\x15\x0bK\x10KU]\x05TCm#O\x9f^k\xae\xfb\xe1\xc1\x83J\x8d\xdf\xbf\x90J\xa5\xd2\xe9\xf4\x12\x08\x95J\x03\xd5\xbb\xc7\x8f\x174\xf7|\xd1\x16\xe4bW\x02\xc2\x15g\xb7E\xc1Z\xcd\xb2\xd4\x80]\xa5R\x95^\xbd\xd9sklhddhh\xe4Z]3\xec\xcb\xc9\xf1\xfd\xd4R*-\xc8\x04\\\xbf\x03\xd6\xbbw\x8fS}\xe7C\xe6\x16\x87\x9av\xca\xbd\xfaX\xff\xc0\xbaHj\xb1\x03w\xab\xabU\xaa\xa6\xab]\xce\xf9\x9e\xf9\xf9\x9e\xde\xde\x9e\xf9\xb1\x87#\xd0\xea\xbeq\xc1=\xd0i)\xb5\xf0OP\xee\xf1\xefh^&gt;\x08E\xe9Y\xdab\xb2\xc1\xf1H\x14,\x82X\xe7\xd9~w)\xc2\xea\xea\x85\t\'\xde\xc2y\xc7\x9a\x08;o\xdf\xe80\x06\x1fi\xfc}\xc8\xc9\x1f\xf7++?\xc3\xfc\x86\xe6\xf3/\xbf\\\xbb\x01\x0f@\x8e\x80\ra\xcd\x88\xd0\xa7\xaee\x8e\xd5V\x03\x96[n\x82\xa3\r\x9cl\xc0\x98~m\xbf\xd6+\xbfj\xe90\'!a\x0b\x0b}\xfb/\xeb\x1e\xce\xf7\x86\xc3G\xe1\xe1\xafo`66\x86,Pp7\xa1\xe9\xe3\x1fN\x1f\x8b \xba\x0b\xd4\xc0]$\x96\xdb&amp;\x97\xdb\xbc\t9\xba\xda_h\xb5/\xec\xee*\xba\x03"v~\x7f\xffe\xe5\xb5g\xbd\x13p\xa2\x05\xe8\\\xe6hx\xef\xd9\xdeX\xcf\xac\x83\xa6/\xc0\xc6x|\xfa\xe7\x0c\x82\x98&lt;b\x07.\xa3h\x956U\xc9M]\xe80\x08\xb7\x7f!\x8c\xdb\xa3\x8b\x06\x1f\xfdc\xff\xe5\xf7?&lt;t\x9a\x00X\x9e\x98H\xc0Qv"\xdc;&lt;\x7f\x1b\x1e\xaf\x0f\xd4rm\xbc0)B\xb4&amp;3\x80UZ\xaa\xaa\xfe\x0e\x1eM\xbbLp\xd7p8\x7f\x94\x010\xed\x8b\xcbM\xb3\xf5A\xcd~\xdf\xcb\xe6\xb6O\x9b\x01\x13\x1a\x00\xea\x013aQ\xf4t\x95Cw\xc9\xf5\xf1\xa35\x11\xb0\xd6\x04\xac\xea\xea\xd2\xbf\xd7^\xad\xb2\xd9\'\x86\x9fm|&gt;\xfeZ8\xf2\xda!_\x97=\xf5!\xcdBJ\xd3\xe6\x04(9\xc88\xd1;\xbf\xb716\xdf\xf3\xe9\xd6\xed\xae@\xb9\xa5\xc2!\xb7\xc73S"a\xb9\x1b\xaaK\xaf|WSc\xb3\xcb\x9d\xbd\xe1\xa3\xa3\xdd|&gt;\x7f\xe4\x05\xac\xbb5\x83\xed\xfe\xf4J\xe5X\x17\x1c\xf9!Y\x10\xab7o\xf6\x1e\x0e\xdd\xa2+n\x95\xd7\xaa-4`\xf5\x9f&gt;\x16!\x95",Uii\xc3\x95+MM6\x9b\xcd\xcaK"\xe4\xf3W\xbb\x99\xcc\x84Uk\xb77\\\xf4=Y\xf1?\x18\x1b\xee\rC\xaa`\x91\xe6v\x0b_\xe7{nW\\\xac\xa8\xb0X,\xb4\xda\xa6\xd5N\x9c6\x16\xe1\x9a\x9c\xf9r\x92-8P7\xd9\xec\xf1\x08\xf9\nSb\xcf\x7f\xfd\xe3\xa3"f\xb7{\xdd\r\x8e\xce\xe4\x9c&amp;8\xb2\xb77\x0c\xcf\x0b\x19&lt;B\x96(s\xf9\xde\x80\xf3\xe2\xc5\x8a\x1b\x154\xc2\xd2\x03\x16q\xaa\x06\xce\xfc\xfb\xb7\xf5u+\x05j\xa9\x1aj\x9a\xdc\xf6~\x8a\xd2g\xf4\xf1X\xee\xe3q!\xa3\xd7\x9e`\xf9\xc6\xa7\x8d\xd1\x8d\x8d\xe1p&amp;S\xc81\x92\xa2\xa2\xe7Y\xfd\x84\xbc\x0b\xb0\x80\x0b\xa9u\xf4\xe5T\xff\x17\xf4\x1fZ\xcd\xf75\x8d5\x8b\xe3}\x15\xdf4`$\xcb\xc2\xb8Y\x0c\x11\x8b\x97\xe0(\xb9\xe2\xe0*\xf5G2$2L\x0c\n\x81Y\xd1\xc4f\xd5\x8e\xb9F\xba\\\x91\xb6\x12\x1b\x15\x7f$MMk\xbd\x95\xe06BH\x91.$7L\xd0\xb6!\xf1J\x0c\xbd\x1bX\xafD\x02\xf9\xb1\x10\x08m\n\xa5o\xf6/\xd8\xf3x_\xed\xfb\xc9\xa3y\x91w\x1f\xcf9s\xce\xf7{\x9e\x11\xdc\xfa\xe2\xb6\xd9F\xbfCI\x94\x90r\x1c\xf5\xabQ\xc7\xb2(6\xbb\xba\nI\x83Fa\xb3\x91\x1b\xd3\xe6\x9c\xddl\x8d\xee@\xb8fgc\xcb+\xbf\xac\xfc\xfa\xcf\x9f\xfe&gt;\x1cc\xa3V\xa7\xb8\x0fa\xcd]\xcc\xf08~\x04\xb7\x1a\x01\xd0X\xd2G\x0f\x1eH\xba\x95r\xa1\xd0\xed\x11\x8d\x8c\x88\xf4\x1ew\x05A\xfd\x16\x83\xff\x0c~\xc5\xb4\xcb\x9e\x8b\x07\xe9\xd4\xfe\xea\xec\xc3\xd8\\q\x7f\xff\n\xd5Yl\x96\xf2F\xc3\x9dh}\x1f;=\xaf7\xf8\xb3?\x82\xcf~H\xdd\xa0t\rfO\xefPO\x8f\xd0\xedFm\x00\x9d\xd8\xec\xdc\x9c^\x04\xe5\xa6R\x8c\xbbr\x85\x9c\x91\x0e\xa7\xf6"1\x87(\xb2\xb7\xbf\xb7W&lt;&gt;&gt;fY6:\x89Yd#\x0fF\xf5\xc7g\x07\xfd\x17\xbcaM\x9c\x82H\x96+\r6i\xb7\x12\x07\x05h\xea\xeb\xeb\x0bPn\xb7;\xb2\xba\x07%\xee\x96\xe3\xa0\xa1C \x9e\x0b\x05\xdf\xb4\x93\xd8\xd9+Fb\xcb\xb19\x8a\x82\xae\xe5\xf5\xd2V\xeb\xa4\x18\xb0F\xf5T\xab}\x80]\xf3\xb5\x18\x14\xbc\xdc7\x80\x8d\xee\x85y\xd8\xad\x1c\x10NA\t\x87B:+ADw\xaa\xd5\x9d$\xd5\xe3\x87\xa3R\x9b\xed\x85\xd2f\x1c\xac\x98\xafZ\xad\x9e\xee\xef\x15\x8b\xc5\x14Gh\t\xab58\xa9\xde\x90\xe1"\x96\xe3\xb8\xb3\x83/|\x95\x97\xe0\xd9\x9e\x81d\x10\x16\xb4RyO\xdf$Z\xd3,\x8c\xbf\x1a#\xa2Z\xadQ\'\xb6\xa8\x10\x96\xc2\x8c4}\x06\x9c~&lt;\x93i\xb5N\xd7;\xe7v&amp;1?\xa6\xb1\x86\x14\x16\x86\xd5F9\x08\x17\x7fX\x17E\x03\x9e\x17\xf6v\xc3AX:\xe4-\xc6_\x99\xc7^\x8d\x83\xef\x99\x0e\xe5\xfd\xb8\xdf\xcfX\xa6s\x85\x02\x18\xb1\xa01^(\xd5\xfa\x13\x898:\x8b\xe0g\xe3c\x88]\x16\xb5\x86k\xe5\xea\x19\xafX\xfe&lt;#\'\r\xbfc\x85\x16\x16\xd0\x8e\xcd\xe5r\xbdu\x01\x96\x82AI\xccc\xd3\xf6\xc5\xf2"2\x88\xbeZ:]_\x07&amp;\x97\x0b\x02X\xb8\xfd\xf8\xbeF\'6a\xd6\xf0\xe9R\xad\xc5}\xe6\r\xeb\xc5\xaa\x81Q\xf9\rkRew\xaf\xaa\xc7$\xd6-\x80\r\xb3\x03\x16\xdah\x85,*\x08\x96*\x8f\x05s\x85{e\x84e\xcc\x94\xb2\xe9Z\x19\x1e\x80{\x9b\x9b\xe0h\x17\xefk\x82!L\xec\xac\x1e\x1e\xd6[\xedC\xbe\xb0\xba^\x04H\x159\x08\xfa\x05j\x0b\x1e\xc4&gt;\xdd+\xfbc\xc0\xb2\xc3\x9fyZ-c \x89L\x1e3.nf\xcb\x99\xb8Oc\x8e\x97K\xb5r\x19\x1e\x80\xbb\xbb\xbbw\xb3\x9b\xcf\xef\x9b\x83\xa1\r1\x9dH_\xf2\x89\x05\xd1\x1a\xf0C\xd7Z\x83\xfe\xd0;\xc0\xc8\x10V\x0e\xed\x8d\x90\xcb\x87h1(X\x16\x85\xe6N\xf6ni1&gt;\x06\xb2\xbe\x06T\xe5R6\xfb\x97\xdd\xdd,\n\xd7\xdbq\xdd\x06\x86%3u\xc0\xe2\xad\xb6\xba.\x8ar?\xa2"\x01\x0b\xc2\xd57\xb9\xe0\xcau\x16G\x00\x06\xd1\xf2\xa3\x8b\x03\xccy\xffN\xf6i\xb6\x80\xe2\x95)uNvi\xf7\xe9nvs\xf3\xde\xf3\xf8[\x9d\x02\xf3r\x99r\xba\xd9\xbe\x9e\xe0\xadA\xa4\xe48\xa2RA\xc9\xf7B\xe3\n-\x98\xedhq\x043p\\\x87\xf9\xfdB\x8b\t\xc3\x82\x8f\x17\xb3O\x96j\x05\x00K@\xacj\xe0\xcev\x9f&gt;\x01\xacR\xe1N\xdc\xa5\x13\'\xab\x84\xb6Uo\xb6\x1a]\xbc\xb5\xd3\xaa\n_\xb3\x91\xf2!%\xca\xe2WYh\xda\xdc\tV\xce\xee\xb3b\x0c\x0eO\xa1\x02\xcb\xd3\xf1E\x88V\x19\xea\xbc\x9c\xc8d\x12 \xec\xb3\xbb\xbb\xbbO\xa1\xb6\n\x8b\xf6q\x9d\xb8\n\x19L4\x9bu\xde\x86\x8f`\xe6\\\xa5\x97:\xf4C\xc2^\t\xc2\x9a\n\xc1TF\xd5\xe5r\x05\x152\x06\'\x19\x19&amp;c,A{!]\x83H\x15\x00\xab5f\xd4dJK\xc0\x05I,\xe4\\\x0b:\xef\xfa\xd2R\xbd\xddj\x1e\xf2g3\xba.U\x1e\xdb\xda\x08&gt;\x84K\xbb\x01+\xaf\x80\x1e\x0f\xd5\xee2\x1b\xd5\x96&lt;C\xdap\xc6\xbf\xb6\xe6q\x8e\xc73\x89\xc8\xb0\xc7Id \x8fF\xa7&amp;\x93^J\xa77K\xa5B\xce\xac\x9bd\xcf\xeb\x80\xd5l\x9d\xf0\xa6 \x04\x82\x137\x8eK\xa5R\x8f\\:\xa8\x1c\xf8\xfa\xd5\xa2\x08\x85\xc6\xa1e\x19iK&gt;\xcf\xf8G@\x8a\xfd\xf1\xcfk2g\xd0\x17]\xfeE\xe4\xe1\xcah\xfb\xed\xa45\xfd\xb5{\xa5{\x85\xc2s\xfb+]_\xa0\xbet\xd8j\xd7\x9b\r\xde\xae\xf0\x04]\xd0OIR\xf2\xdd\x88\x1cL"\n\x97L\xa1POO;\xd5\x16Y\x9e\xf1\xc8E#\xa3kk\xc3\x0e\x1cS\x07S\xc7\xc7\x95\xe36tTM\xd0I\xd3\xce\xb1\xccb\xae\xf3\xb8\x86L\xde\xf4\xe5)\xddl\xa6/x\xd4\x81]\xe7\x90)\xdcf\xc0;\x1ab\x80\x01\x9b\xbc\xa1\xa0MB\x93I&amp;\x14"S(\x1a\x11\x19\xc8\x1e\x8b\x97K\x9dqm\x10\x11F\xb3\x86\xf6Zi\xb5S\x83\xee\x83\x16B\x8a\xa9\xe4:al\xa1\x1c\xf2\x88%8\xf1\x18\xf0\xa1!\x1c\x14\x97\xa4\xd3R\x19hT\x95\nk\x122\xc2\x8a\xb0\xe2\xf1\xc4@\x11\xea\xdd\x95\xe2^\xf1\x8cK9\x9d\xc1`\xd0\xe8\xa4(+m:\xa0C\xa1\x90Z\xdd\'Kj}\xb5j\xbb\xde\xe0q\x0b!\xb8u\xe1%I\x9c4H:X\xc05\xc0X\x84\x15\x96\x15\xca\xe5\x8c\xb0\xa7\xe2\xf6\xc4\x80K\x0f\xbe\x1eda*\xe9\r\x87i\xa73\xec\xd5\xbb\xa3\xce\x03Z\xbd\xa1P+\xb0)\xaf1\x9dN4\x97.x\xb5&gt;/OI\x90\xcd\x06\x1b`\r\x82\xbc\x81\xd1(\xf4 \xe5\x0c\x92\xde\xe3\x86\x0fR\xd0\xfaH\xb1\x18\x00\xed\x97,\xa6\xbc\xac\xd7\x1b`\xe7D\x81\xa0\x1a\x90\x14!5f\x12[\xd7\xeb\xcd\xf2\xc9\x04\xaf+\xb7\x99C\x1c\xb0p\x03\xdaP"\xd9\xa5\x1c\x90\xeb\xf5`\xe9G\x1d#\xb8\\EQ\x95\nu\x9c\xe2v8\xae\xba\xc3E\x93\xc9\xa4\x97\rPs1G,L+0L\x1dR`&amp;\xc2W\xab\'j\r^/\xef\xba&amp;\xae\x19\x92\xf4\xe7q|\x10\xa8\x06\xe1\x90\xa4~yx\xd81:"\x92\xf7\x980\x93\xacr\x9c&lt;\xe3\x90X\xaer\x9c\x95\x08Z\xada\x16\\\xecC/\rT4\xd8DS\xab\x94h\x96\xeb\x8d.~\xfd\xeb\xb3SF%\x93\xa5.\x87:X\x12\x89\xc1\x10s\x0c\x03\x14\xe4\xce\xe3\xe9\xach&lt;\x9eJ\xa4\xb8w\xb5\x17\x89T:\xb1K\xad\xc6\x86\x1d\xc5$\x869\x9dN5&amp;K,\xb5|\xe5\xf4\x05\xbfW\x9d\x82\x89\xc6\xb9\xd7{\xdeh\xb0(\x85\xdd\x12\xa9\xc4 Z^\x06\x13\x0b"l\xd4\xe1\xb0!\xdb\x08\xa65r\x15A\xdf\xc8\xeco\xc3\xaf\x7f|\x18\x1b\x8e\xa5\x92&amp;\x93\xd5JO\xf6E\xb5i\x10c\'\xbc\xdf\x91u=k4\x9eu=\xdb\x81i\r\xe1\x92Jm#s\xab\xcb\xaf\x7f\xf8\xe1\xaf?:\xae\xf6\xe7\xc0\xab\x9eo\xbf\xff\xb4u\xb4\xb5}\xb4\xb5u\xb4\xfd\xaf\xff\xfe\xe1\xa7\x95\xe5X \xc9R\xe2`\x10\xb2\xf8\xe5\xba^.?\xb9\x81\xb5\xdb\xef/t\x1e\xca!\x89\x92A\xe9#\xa9\xcd\xbd:\xbb\xf2\xfaO\xff\xf8\xf5j{k{\xeb\xdd\xd1\x9b\x0f\x1f\xde|\xfc\xf9\xc5\x87\x17\x1f?~|s\xf4\x9f\x95\xc8*\xf8io\x80\xa25F\xeb\xe4dc\xe6\xa2\xd1\xb8\xa9w!\x04]\xd7C\x10-\x00\x03,\x11\x15\x99[\xfe~\xa5\x83\xf5\xfe\xdd\xbb7\xe8\x00\xd1\x9b7\xef\x8e\xde\xef\xcfFv\xa2T \xc5R\xee\xb0\xd1iU\x87_\xc0O\xba\xb17!`:\x06\x06\x95J\x84\xf5H"\x0fx)Olxx\xe5\xea\xd3\xbf!\x89\x9f\xb6\xb7?}\xda\xbe&lt;\xfd\xf6\xad\xbd\x1f\xa9P\xc4\xbc6\xc9\xb2\xd4,\x15\x8e\xd2\xb4X{q\xeb&amp;_\xdc\x15\xcc\xec\xa0hu#,\x15\xebe)J\xefp\xc4"gp\xda\xdf\xe04\x9b\xcdo\xed3\x18\xd7\x84V;F$\xbd\xeee\x96\xb0\x06i\xf1\xe5M\\\xbc\xfe\xdf\xd0F5\xdfMJ\x1f\xc1\x90\xa4X6\xe0\xf6\x88D\xb3\xc7\x00\x05@\xf0\xa97\xbfq\xc5\xe3$\x17%\xe6\t"\xe5\xa5f\x01\xcbH\x8bw_\xde,\x96\xe03iS*\x95\xa4M\nRg(\x00\xf1r\xbb\xa1iU\x8eQ\xbc\xf6Q\xc4\xda\x1c\x97\xd0\x12\xc4\x98\x96\x88\xc2sX\t\x8f\x8dA\xb4\xbe\xcc\xdc,\xd6\xadk\x91\xd4\xa0\xec\x85\xcee\xb3\x8d\xb8\xa7\xc4\xe2\xa9\x1e\xb4\xef\xf2T\xb0\x83\x83\xb33\x8e\xf3\x81\x88_\xbf\xed\xf3\xcd\xfb\xb4D*\xc9\x06X\xcd\x9818)&gt;\x99\xb8\xe1h}\x14=\xb2\x19\xc8n4\xb5m\xa2\xa1\xa9&gt;v\xaa\xa7G&amp;\xeb1\x1d\xa8i+G\x10\xc4|\xff\x9d;\xfd\xfd\xfd\x7f\x9b\'\xa2\xc5\xd5@1\xf5?^\xce6\xa4\xad4\x8b\xe3\x13E\xf3B\x94\xdc\x98\x97\xa5\xe95^\x12\x92\xcd\xddB\xccK1{W\x83\rQ\xcc\xe2\x94\x88l\x03\x1d\x91\xbb\xd1\x98\x9a\x8d\x89&amp;d\x12b%A\xcd$\xeb\x0c\x11[\\\x0b\x8e\xce0\x98-\xa5E\xda\xd9\r\xe8\x88\xb6\xd9nk_\x10\x9c\x0f\x1d\x18:---nK\x87i\xd9\x17\xe6\xa5[\xba\xe7\\\x0b\xfbe\xd8\xdd\xd9i|\x0c\xd1\xf8A~\xfe\xcf\xff\x9c\xfb&lt;\xe7&gt;\xf7I\xa7\xdd6U\xe2Jyw\x9f\xc2\x14g\x0cjC[wkkwGG\x1b\\\x0fI\x92t\x90*\xbf\xea\xf0\xe1D6\xf7G[F\xac\xbe\xa4\xd6\xeb\xc5T\xca\x96\xed\x0c\x8f\xe5\x8a\xb9\x9c\xdfO\xac|QV\xb1\xb8^\xd7\xe8\xe8h7D\xb0\x83\x1emk\xf1\xb2\xa4J\xe5\xf1$\xdci\x9b\xad\xc8a-\xf5\x8d\xf4\xa9\x01\x8b\xc9\xcd\x07\xf3\xc1\x8dbq!\x10"nO\x97\x19\xab\xba\xff\x1e`\x8dv\xc0\x17M\xd3=\x13\x9d$\tP\xe3\xe3.\xb0x\xb6\xb7\xd7\x969s\t\xb0\xc4\x94\x8f\t\x05\x83\xf9\xfcB.\x17\xf0{-\xf7\xca\xbdG\x1df^\xc03\xda\x01ZY#qk\xd2B\xfaA\xac\xf1S6\xb7\xdb\xdd{\xe8\xd0\xb1\xa9)\xbd\xbaO\xef\x9b\xf2\xe5\xc2\xf9\xed|~lc#\x14j\x19xT\xee\xfd\xb0\xd5\xfd;\x07\xe8hd\xb4\x83\x8e\xc4\xe3\xb4\xb5G\x1a\x82\x186\xbb\x9b\xdf&gt;\xdc;|\x08\xd6a\x93\xc7&amp;\xa7\xde\xa5&amp;\'3\xd9`~\xa6\x94\x0c\x8e\x8d\xb5\x84\x9d\xc15~\xd9\xd5\xdai\x1c\x8d\xc6#\xd8\xa4\x8f\xc7\xac\xd6\xa4\xd7\xe1i\xf6\xa8T\xfb\x0e\xf6\x0e7M\x82X\xb0B&lt;vl\x10\xae&lt;\xe1\xd2L2\x18\x96\x86\x83\xc1\x8e\x07\xd3\xe5\xc7z\xd4\xd8\x105\xbf\x92+fMJ-\xa4\x8adu\xfb\x0e\xff\xba\t4\x9a\xd2O5\r\x0f\xf7\xbam`\xf8\x92\xb5\x14\x1e\x9b\x08{[\xa4\x9f\xcf\x96=\x88]\x8fd5\xb49\x02~\xa7\xe3Js\x1c\xc2\xe8\x85\xba\x05X\xc3\x10\xbe\xa93\xfa\x0c\x03\xc5=\xb00\x16\xde\xce\xc7J\xe1\xf0Dx@j\xb9\xbd7X\xdd\x91(MG\xe3Qe\xd4\x1c\xb3:\xf3-\x16\x0b\xabjn\x9a\xd4\xeb\xf5g\xf4\xd4\xd2Jv,\x1c\xde\xde\xbe\x1et:\'\xf2=\xf96i\xe0\xde\x9e`5\xd6h!\x19#\x91\xa8\xd9&lt;\x17\x8f\xc7\x9d=R\xa97\xd0\xeb\x12\xabG\xf4S\xfaKK+\x1b\xe1\xe0\xd8\xcc\xccv\xc9\xea\xdc\xc6\xc5\x917\xf1^\xff^`\xc9\x1aqv\xaa\x8d\x98a\xc4\xe3s\x10\xc8d0\x94\xb6\xf9\xc4Tf\x12\xc4\xba\xb8\xb0}\xfdzi\xa6\x04\tQr&amp;;Z\xb2\xe9\xbd\xc0\xfaL\x03\\p\xa9\xd6\xd2Qe\xbdr.&gt;7g\xb5\xc6\x92\xe1@.\xe5\xf3\xa5R\xa9\x95\x8d\x8b \xd5Li\xc6\x19\xfb\x003B\x1a\xca\xd9\xaev\xed\x11\x16r\xd1\x91\xa8R\xa9D\xc5\xac\x11\xe7Dg\x00g~\xe9Dva#X*\x95\xce\xe1\xbet\xc8\x07cg\xce\x96\xde\x0b\xac\xbfXd\xc6v\x8c\xa3v4bV\xd6\xd7\x03Y,\x16\xe9\x99\x08\xf9\x13i\xbf\xca\x11\x98\x9f\xcf\x97\xac\xe7&gt;\x98{+\xe6LJ\xdb\xbc9\x1b\xb3\x17X\xd5\xbbXx_j\x97\xcb\x0c\\\xf1\x88\xb5\x8d \x1c~\xd6\xc1vN$\xad\xa5\xf8\x9c\xd9\x1c\xebI\xb6I\x07\xb2+\xa9\x95=\xc0\xc2\xb5\x8fL\xd6\xde\x88\xeb\x0cXhD\xa2Q%\xf7\xf4\x03\xdd\x03\xcbj\x93\xc1`i\xb3\xc6b\xd6\xb7\xea\xcd\xd6\x9e6\xa3\xd4\xebg2\xa9\x15\xdb^`\xadY\x1aeF\x19\xfa\x0b\xf4\xc2\xaa\x1a\xad\x1f\xda_\xaf\x8c\xc6"\xf4(\x1d\x89D 9\xeb\x951\xa02\x0c\x0c\x04\x8a\x99O\x19\xc6v\xb5\xbf\xfcXW\x08\xdc\x08a\x94q\x82ia\x92\x03\xb1\x848Fq\xcb\x19\xb7\x1b\x17*Y2\xc9\xdd3\x0e\xe5R\x99\x0cL\xec\xdf\xdb\x13,\x99Lc\xd4hd\x8d\xb2F\xce`\x08\xa6\x85\x82\xc1\xbd\xd1tG\x0f6L\xa4-^X\xbdf(\n\xb1~[\xf6*\xcf\xe7sX\x1a\x00\xc3@\xa2\xc1\xb4ZmC\rB\x82|\xb2\x9a6)\xf6I\x80\x8aU\xf9m\x14\xf5)b\xfd\xa9\xfcXo \x96Qc\xd0p\x03o}644h\x1b\x90\x14\xd6iF\xa3\x94c\nu\x86\xfc\xd94\x83j\xa5\x18\xdb\xd2\xec\x1e\x04Q\x82\x08\x06\x18&amp;`k&lt;\x00\\5\xad5\xd8N5\x19\r\xd8\xad\x9c\x08\xc3\xda1\x14\xc8&amp;\x18j\x89\xa2RL\xca\xb6T\xee\xa9\xfcn\x81\x00\xad\x80\xc9d1\xa1\\\x07\xb0%\xae1H\x08b\x00\xfd4\x1f\x0ew\x86`\xb9\x9d\xb51\xbe%\xc0\xca@&amp;\x02\x16\xbf\xec\x17\x1f\x03(c4X,\x12\x89\xc5\xa0i\xaf\xe9n\xd5\x18,\x1a\x0bA\x10\xde\x81\xcePh~l~&gt;\xe0\xcf\xfa\x13\x8c\x8f\xa2\x96\x96\x960\x88+ke.\\|\x984\x83\xe3\r\x1c\x95\x84\x90\x18`\x19\x0bX&amp;\x13\xa1c\x03\xa1\xf9\x85\xf9\x05\x9c\x01\x86\xb2\xb9\\\xda\x96\x02\xad\x968\xb5&lt;\x17\xcb\xcb\xc5\xe7\xcf\xeetB\xcc0\x80\xc0E\x10\x16#,de\xf8\x0b\x96\x04\x9b/\xcc\x07\x12Y\x08a6\x91f\x98\x14\x85\x03\xd5\xf28\xcb\xf88\r\xd7\xa9\xfc\xdc\xf9\xa1\x0c\xd5\xb1 \x13\x81r\xb5\xb6\xa3\xd14\x16\xd6\x11Z(\x16\x13\xc5\xac\xdf\x9f\x80\x10\xa6R\x94\x18b\xc8a\xf5&amp;\xeb?\x9e\xad.S\x83\x8b\xff\x06\xbfk\xc7YO\x1b9,`\xf2rr\xc9\x1a\xc1[x5$\x13\xe9\x95b1\xc7u\xe5\xd3\xbe\x94O,Vc7"\xc5\xb8\xdc\xba\xe8\xcc\x95\xe9\xe9\xb2&lt;\x06\xcb\xaf\xe6w}\xf1`hH+\xd3\xa0X(\x17\xd1\xc9JL\xbb!5Y\x08\xd5)\xa6\x98+&amp;\x12\xe9D"\x91\xd2\xfb(\xb5XM\xf90\x15]n\x95\x96\xfe\xdb\xb3\x9dO\xd6f_\xb7b\xf0\xf7\xa6\xd7\xbe\xfb\xda9\xa4\xec\x96i\xd0\xee\x9c\xb5t,aA,\x13b\x91n\xa6XL\xa7R6\xc6fC&amp;5\xac\xf9\xb9\xde\x8d\xeb\xd0\x9f\xdb\xa3\xff|\xe7\xeb\xf5\xfb7\xd6^\xef!\x03\xfc\xea\xae\xb5\xe5\x07\xcf_\x9a\x87\xcc\x1d2\xacQ\x00\xe6\x95\xb00\xbf"L\x1a\x13V\x07\xe2\xa8\x8e\xc4\x8d\xd70q\x1edRb{\x9f\x1a\x1b$b\xbd\x18\xb0\x9a\x0e\xb6G_\xbc\xf3l\xb3\xb6\xee\xfa\xcd~&gt;\xff\xb5\xddC\xaf\xee\x9a&gt;\xbf\xce\xbb\xf8\xf8\x1be}\x14\xd4\x92\xe8t\xc0!!t\x0e\x92d!\'A5\x07\xabc\x7f\xe9\x19g|\xdc8\xae\xb7\xdb\x81\n\x07\x98\xcb\xe5:l\x8c&gt;\xf9\xd9\xdd\x1b\x82Z\xe1\xe2\xf2\xf9\x93\xfd?\xfe\x19p\xf8\xdf\xaa\xab\xfb/\x9c\xbe#\xd8\xbfx\xfb)b\xb5!\x16\xcb\xa2`:V\xa5r\x10\xe02\x1dK\x92\xbfWy\xc6\xcf\xfa\x8es\xe3\x84\x9a\x0b!P\x81b\x83\x8c\xabW\x12i\xfd\xe9\xddo\x0b\x8aZ\x9e\xa2p\xff\xc6\xe9\xe9~\x90\x8c\xff#\x0c\x05\xf5\xf3\xe4\xe9\x87[\x85\xfdC\xfb7\xdfG\xacH\xabF#Aq\x80\x0b\xb1H\xc9.\x95\xe7\xed\xe6\xf1\xf1\xc1\xe3\xc7\xa9\xe3\x00\xa3V\xdb\x91\n\xb8\xf4\x10E\x97k\xd8\xf1a\xf7O\xee\xde\\\x14\x08E\x02\xa1\x9c\x07\x92\xad]\xc06=\xff\xff\x84\xea\x9a\x06\xa6E9\xf7L\xf7\x16\x87E\xb7jp\xbf\x9b\x83\x050\tK\xaaH\x9d\x04\xbe\x91*\x80:5\x88Hz\xf5\t\xbd\x1a\xac%\x86,\xc4Ob\x1f\xe3j\xe2\xb0V\xd7\x15\xc2*\x85\x82\'\x97\xf3\x14\xeb\xcb\x90\x97\xd5?\xfc\xc4\x14\x0e\xea\xda\'[\x8b\xb5U0*v\xb1^F\xea\xe9v\xd3\xd1\xdd\xd6$\xfa\xcb\x01Q\xd4\x11@\xe7i\xe6\xa8N\xc0\xb0\xab\xed\xf6&gt;\xbb\x1e,\x06ZA\xe9JqXO.\xdf]]T(\xaa\x14u\x02^\x85\\(\x14\x16\x80\xecZ\xff\x0f\x03\x03\x93\xf7_X\xbd\xb3^\xe0\x9e\xde\x96\xe3I\x0fC\xf7\xaf&gt;&gt;\xf2D\tX\x12\x1d\t\xc1s\x10X @.\x07\xbc{@\xab\xb3\xe0)\xe0\x01\xa6&gt;x\xe9\xc5\xbb\xd2a&amp;\xbal:\xed\xcb_=[]\x14(\xaa\x84\x85:!\xaf\x12\xf4\x12\xf2\x04\xdc!\x1b\xff\xe3a.@\x0f:]8\xfd\xf1\xe6\xb9Z\x91\x10\xb1\xf0\x98\x07\xc0\x12&lt;|~\xeb+:\xd2\x8a[\xa5\x00\x8bd\xd1U\x0e\xc0\x82\xa1jF*\xf1\t\xfb\x1f\xfa\xfa\x90\xecUu@\x8fQ\x83)\xc6\xfd\x9b\x17o^\xfe\xee\xa1\x02\xd4\x12\xd6\t\xaa\x14\xbc\x8a\n\xe0\x12*\x04u\x85\xcd\x1b\xab\x17\xfa\xff\xeb\x85\t3\xafk\xfa\xda\xcd\xe5E\x91\xa8\xf6\x15\x14\x17\xc4\xca\xfdC\xcb;Oo\xbd\xa0[\xa1@\xe1\xbe[\x15+9*\xd9\x05\xc4\x18"\xd6\xbb\x10Ad\xb2\xdb\xa18P&gt;\xb0\x18|\x10\xfb2g\xf7=9\xf2\xf3\xbf\x9f\xdc\xe4\t\x85r\xc0\x92\xf3 \x8e\x15\xe02\x04\x13(\n[h\xb3\xff\x94\x99\x98y\xb3k\xe7\x97\xd7\x05"\xa1\xe2\xdfPryUee\xe5P\xe1\xdb_\x1c\xb9\xf5e\xb7\x05\xb0\x12\t\x8f\x9f\xd4\x1d\x05B\xe0\x83@"\xd6 \xc7uB\x8f"a\x0b\\\xac\xb6\x8f\x8c\xc0\x8f\x94o\xfcw_}t\xf9\x1f\xe7\xeb\xaa\x84\xa2Jy\xa1\xae\xaaJ(\x10VT\xca\x15u\n\x1eOP\'\x10\n\xee\xdfY\xe5\x0e\x99\xf9~2 \x9e]]^/\xf0\xf0\xa8\t\x11\x0f_&lt;\x1e\x07V9\x84\',l\x9e~~\xeb\xe9\x97FV\xe5\x81\xcb\x9eG\xc5\x12`~\x14\x8e$\x0f6s\xde\xc2A\xe9\xd1\xe8XI\xd5##\xc8%\xf6\x1d\xfc\xe6\xcd\x8f\xee\x9e\xdc\x12\xd5*D\x85E\x90K\xc1S\xd4!W-\x14\x0c\x11*&amp;\x10,nq\x17\xa6\xefq\x19\x96\x83\x9b\x7f\x85\xda\x82C$\x02\xa6*\x1e\xc7%\x97W\x16\nx\xce\x02\xef\xceg\x8f\x81\x8b\xf0\'\xd2\xe9t\xc2CB\xa1\x07\xb7c@1\x11O\x9d\xfd\x17\x19\xe7\x1b\xd2F\x9e\x87\xf1D\'\x90d$\xf3b.\xc3\x0c\xb7\x8bl`\xee\xe6\x18\xe6\xd5\x95a\xd3\x80y\xb5L\x8fa^l\xc04\xa1\x1bX\xb8;\x8e\xbe\x14\xb2\xbdsO\xd2k_\x04\x8eU\xbaT\x96\x16\x11\x0bI]%V[+\xc8vW_,\xe1\x1aI\xed\xbd\x10\xa2ycs\t\xder\xa6\xe2\xdfV\xab\xb5\xf6\x9e\xef/\xea\xc2\xdd\xafa\x0c1M&gt;y\x9e\xe7\xfb\xfc~T\xec\xc4U\x8c\xdfG\xbf\xa6\xa4w\xd2\xa5gx\xb8\xa7\xab\xf3\xfe\xef\xbe\xdd\xcaew\x0eG}x\xf7\xb5\xb1U\xb1\r/\xef\x15\xddm\xedmx\xc4\xe7w\xe3\xea\rP\xfe\xff/e\xf4C\xc8o\x06\x1f\xed&gt;\xf0\x92\xe3\x8c\x8aI\xc5V0X\x7f\xf6\xbd\xd8v\x05t\x87\x07[\x95\xcdo\xff\xf41\x8e\x9c\x7f\xbb\xfc\xe1\xe7\xbfB\xe4/\xb3_C\xa7I\x9c\xb8\x8a\x85\xf3L\x07\x95&lt;\x895\\ \xae\xbek\xc7\xb9\xdc\xf6B\x89\xde\xfd\xc7\xb7\xfb\xff8,\x8dHn\x0f\n?\xd8\xd6\xe6\x87\x85\xb0\xc6\x17 \xc5\xc4\x07\xa5\xc7cD\xf6s\xce\xd1\xe5\xe5\x92\xe8\xa3D\xd1\xf3p\x01\x0f\xa5+\x18\x94Fw\x9f\xd4\xaa\x1b\xedT\x13\xf5\'\x07\xf1\xca\xe6\xb5\x8f\xbf\xbbx\xf1\xe2_~\xf9\xe1\xe7\xf0\xf3\xe6\xdd\x9b\xec\xb7\xc9.\x12\x15\x95UG\x07%\xfd~gO\xa1P\xe8/\x14z\xee\xbeY\xc9\xbd\xd89\xf4y\xa5\x80\xb8QYi\x1e\x1d-\xaf\xed\xceKn\xbf?\xd8\xde\xe6\x87P\xa0\x02\x99$\xd1\xdd\x07\xcf[e\xc6"\xf5\x87\x1f\xd0\xe5\xf4\x1d\x12\x8a)\xd4\xa2j\x0b\x8e\x94\xa6\xd6\x9e-\xbf\x1d\xafl^\nz\xa0\xdb\xd4\xd8A\xc5\xd8\xbc\xf9\xdd\xf5\xeb\xd7\x89\x8b\xa8&amp;&amp;\x005q\x86D\xdb e\xbd\xa7s\xb8\xd0\xdf\xdf\x1f)\xdc~\xb3\x15\xce\xbe^\xa8\xfb0F_\x1ck\xc6\xe2\xa4\xa9\xbe\xda\x1fx\xbc;\x82\xd8\xb6\xb5\x13\x17Q\x05\xd0F\xa4\x99O,}?\xf8)\xcd\xe5\xa7\x0b\xe5y\x11 ~\xdf\xf9B\x12\xfd\xc1\x0f\xa4z\xf9\xd1@\xadY5\xc7\xc7\xc7\xe3\xc7\x7fu\xfb=Awy\xe1\xa0\xb2\xb2y\x17\x07u\x9c\xd1/_\xbb\x89\x01\xfc\xe3U@\xf5Q\xa9\xd3\x0e\r\xa9(\xea=\x7f/\xf4G"\x91\xb9\xc2\xdd\xcd\\x\xfb\x9bUQ\xf4\x06\xfc\x9fTuC0\x0cg\xc5\xe0OjOW\xebn\xfa\x1fS\xbcL0r\x88)F\x8d\xf1\x88\xfe!\x7f\xad\x8e\x99\xf5\x10\x96\x9b\x06\xc3\x87z\xf1\xc1&lt;\x0cG\x7f\xad\n\xa0I3&gt;\xbe\x19\x8f\xbf\xf93&gt;^P&lt;\x1c\xdc_\x89\xad_\xc71\xfd\xe2M\xda\x07\x1b(\x85\x8e\x0e&amp;\x15F\x8f1\r\x17h\xf5G\xe6\xc0\xd5\xf5\x1e\x16\xde:\x1c\x01\x96\xff\xc2\xfb\x93\x13+\x16s\x0c\x90\xc52rm\xa0\\\xf2\xb5{\xa0\x11QI\xbe\x80\xd4Z\x98\x8c\x7f\xae-\xb8\xa0Tk\xe6\xc8:\xc6\x1d\x0c\x8e\x96\xfe\xfd/0M\n\xc0\x12\xccIS\xa8\x08\x95\x8d;n\x9f;8\xf2dp?V\\\xef\xe8\xec\xe8\x83{\x13}\x8d\xae\x99\x1e\xfa\xd9\xd3G\x10j\x98\xe9T(D\xa3\xb8\x11Tt\xf8}%\x97}=6Ob\xddy\'\xc7,+a9NL\xcbh\x99\x8ca6#\xd8t\xdd0P\xc2M\nx%\x1f\xa3B\x97\x8d\xce\xbb\x00\xe5ku\x14\xd9\x08\xa7\xb0\xbf?\xaeU\xcdI\xce\x8c\x9bqv3\x05h/l\\\xc1\x87r\xd7\xc7\x06_\xe5\x8a\xeb\x8dF\xa3o\x82\xf6\xc1\x99h\xa40\xdc\xd3y\xff&gt;d\xc2z\x08"\xb2\x8f\xa0\xa2\xd1\xc6V.|4=\x05*\xd1\xffRH&amp;\x17\'\'\'\xf3\xc9\xb4\xaek\x19\x87\xe7\xf3\xce\xc9\xfe\xd3\xa9\x11\x1f\xfa\x95\xd0\xbc\x01f"\xfexE\xd1\xe5&amp;\xef\xd8\xf8\xf9\x02H\xcf\xc8\xf3\xc7\x91\xa69n\n\xbc"\x10\xcf$\x925\x8eW\x83\x97\x1bw\xf0i\x82\xa5\x05p\xc5\xf6\x1a\xb7\xfb\xae\xf65\x1a\xb7\x97"\x03\x03s\x05&amp;\x14\xa0\x86\x0bQf^\x94\xa8\x96\x1a\x9b9X\xb8FT\x81\x1f\xd7cy\xa2Z\xcc\xe7\x93\xa9\x94\xae\x19yNK\x17\x8b\xea~d\xb54\xea\x86\x97\xc4CbI\x0c\xcc\xe5\',\x1fi\x15\xfc@,\xad&gt;\xadUy\xc3\x88\x8f\xc7\x81$\xf0\xfc\x19\xd88\x04\x8b\xbf\xf4Ck\xf7\xee\xe0k\xe2\xfa\nRa\x17\x04\xd6\x8d\x1bs\xfd-\x03gf\x96\xa2\xd1\x08\xbbau\xedQ7\xe0@\x03\x0b\xef\x1d\x1bL*\xc7qz{{S!5\xa6\xa5\xd2ZZ\xb7\xd3j3\xf2hu&gt;\xd8\xc6\x06Qb\x15\x16`X\x1e\xaaO\x7f\xd0\x83#P\xa4)\xf3\xbc\xac\xf0\x98&gt;p\xf1\x9cp\xbe\xe2\xf0q\xeb\x13\xd4\x8f\xe4\x9e\x1a|}\x92\x93\xf7\xbe\x82V\x8d\x16\x16\xb8Xwvu\x11W\x13PL\xe4\x00\x00\x05\xcdIDAT\x94\x85+:\xb3g\x84_\xed\xfcPg\xc3\xf6\xdb8\t\x15C\xa84MK&amp;S!;\xa4[\x96m\xdb\xba\xae\x9b\xd5\xdaO\xe5:\x14\x0b\xb4\x1c\xa4x\xb9Z\x95\xee\x11K\xe5\x9fjU\xc1\xd1,\xc5P\x0c!Na\xe7y\x8e|\xe4\xa1\x14q9\xb1\xcd\x0b$\xb4{u\xfaH\xcf)\xf0\x11G\x99\x16\xd6\x8d\x01p\x01\x0br-\x9d\x8a\xb5\xd4\xa8\xe4B\xaf\xa7w%1\x10\x08|\xb6\xb9\xb8\xe8hz\x1a\x0b\x1c\xe9D"\x14J\xc9\x9c\x16\n\xa9P\x8c7\xf2\xf1\xdar\xb9.\xb1\x8d\xa8\xb5\\4_\x1e\x1c/\x0e\x9a\xd0\x83W0-\xb2\xc2\xf1H:\xa2\xceq|\x9cT\xe3A&amp;T\x0c\'s\xfc\x05}\x16iuz\xbb\x983\xf6\xba\xce\xa9n\x0c\xccE\xcf\xd4\xa2\xbe\x02\xd8L\x1c\x9b\xce\xf4j\xe0\x1e\xb0.\x1c\xf7\xa2\x13@\x95\x02S*e\xeb\t5\x95\xc8\x0f\xa9![\xb7\xed\xde\xbc\x90_\xec\xb5\xf6\x97\xd7J\xa2\x9fL\x14Y\xb6\xd0QSOk\x80R\x14E0dK\xb3d\xce\xa0\xb8\xc7\xe3&lt;\xb8\xe0\xa7\xc9+\x8aAu\xe3Xo\xee\xe1\xf4&amp;\x89e\xe2\xaa60\x86-*\xc2*\x0c3\xb5\xf0\xd0\xc0@$:\xb3Nq/\x83\t\x16\xbe\x13\xf2\xc0J\xa7\xa0U\n+\x94R\x13\x89DRM\x85B\xd9P"?\xbb\xb8\xc8\xa5\xec\x8c\xb2\x7f\xb0V\x92&lt;\x81\x96Z\xed#\xab\xe4\x9eA\xde)\xb0\xcb\xd2\xc0\xa5\xc0?\xc1\x1c\xe79\x80\t\x94\x7f\x93g\\1e\x03\xdb\xbf\xe8\x1b}tk;\x97\xab\xceD\xcf\xa8H-\x12\xeb\xe1\xc3\x16\xd6\xd2:\xc5\xfd\xd9(\xdeDD\xb0\xf21H\xa5\xb6\x16\x81\xe9)\xe8\x95\x0eeA5DT\x1aBf\x17\xf9\xe6\x8d\xb5z0\x88\xbf!\xb9\x08\x8a\xa78\x91\\0KF&amp;-\x85K2\x039Z\x02z\x9ey)\x18\x8ee\xfe\xc2O2\x8f&lt;\xd9y\x91+\xbe=\x13\xeb?T\x12\xbf\xef\x19^B\x99\xceE\xc0\xf8v%\xf7jgl\xde/\xde\xf3\x06\xbe\xdcr\x92E[\xd7,\xcb\xd2@\xd5"\x0b\xe1\x0e\xd4J\xf4\xce.\xa2*\xec\x10-5\xcf\xef/\x97\xe7=nIr\x1dT+\x8e%\xa3.\rE&amp;,ES\xf1\x02\t\x9e\xb3\xd0\xa7\x82\x0c,\x19\r\x16\xa7\xac\t\x02*z\xf3\x12\x8er"ju\xe7UN\xaf\x11\xd2\xa9\x8933\x85\xf3.}k\xa0\xdd\x17Jl\x08/\xbcw2\xc5\xb4zJu\x02\xa4\x93\x96\x91D\x05\xad\xf2\xb2\xa6\x87\xc8N;\x96\xcf\xa4\x95\xda\xf2\xea\xa8GrU\x90\x1b\xd9\x92i\xdcd\x02\xe0-US\x89\n\x8f\x99q^\x06\x98\xccQ\xb520.\x86\xd8c\xb3\x17}\xcfQ\x13\xe1\x13rl\x80\x85i\xa95\x85\xd1\xaf\x97\xbe\x8e\x82\xca\xc6\x10\xe2&lt;\x15\xf0\xde{\x97I\xebj\xc2\x92-f_JgL\xe4a*\x9bN\xce\xce\x0e%A\x95\x05\x97\xad\x1ay\xf09\xd5\x83g\xcfE\x97c\x08\x8a\xa5\xc9\n2\xae\xc82\xc3R-~\x0802\xf2\x8e\xefY\x1c\x03\xe3\x19\x99\x89q|w\xc7\x8f\xdc{\xa7\xa6\x8f\xecnh\x10\xa3\x95\xb1\xf0t|,\xb9Ym6\xabB\xb8{{z\xca\xcb\x82\xb5au\xa3\xa1\x1cKE\xe2Y\xd2\x93\xb8\xa4U\xfa\x92L$g\x87\x12\xe9L\x9aY\xa8sF,d\xdb\xe9"\xd7\\^s!U\x88\xb9\x05=\x80e\xf1\xc0JqT\t\x08;G_\xf0 \xa08r\x93\'0\xc3\x91\xdf\x051\xc8\x92xx\xebE8\x1c\xce\x85\xc3\xe7\xd7p\xb8\x1bw3+\xb90\r!fC\x0c\xfc\xa6\x1a\xb2\x91V\x95\x90\x92(\xf8!\xdc\x86\xd8\xb5794;\xdb\x9b\xa0&amp;\xcbfm&lt;\x8b\xe3t\xeaW;\xa4\xf1\xfb.\x83\xafP\xcc\xe1\x98\te\x14S\xd0\x18\xcd\xe9Bi\xc8\xc4\xd5ZH\xa0Y10\x8eW\xe8\x1c&gt;\x8fx\x85\xc3\x993 ,\\\xc2\xe1\xe2J\x86\x86\xf0A@\x14G\xc5/\xd7CT\xe4\xe94T\xc2\xea%0\xac\xd9\xb3\xb5\xd8\x9b\xd2U;K\xa5/;\xd4\xfa6\x00\xf5\x8c\xe62@"\x93o\x14$K\x86d\x1c\xc4A\x81\x9e\x82\x91\x9b\xe4\xd0\x19\x99\xc0;\xb1\xeaK\x0f\xd2\xec\xdf\xa5x\x15\t\xac\x9bdbd\xdd\xdd++a:\xcc\xf8\xa0\x95\xf8\xd9z\x96\xd4\x00U\x82\xbc;\xc3\x9a\xfd\x99k\x16\x86\xb29TeG\x07\x1d\xdd\xcf\xc4t\x176@SVuM\xc19FAc)&lt;q\xf1\n\x81\t\x0cN\xe1\xce\x97\xa3P\xb1:\x99\xf5K~:\x86\x1c\xde\xda.v\x9fzWlAu\xc7V\x8a\xf6\xd1\xe0n\x1bY\xf8\xd9^\x96\xb4J\x11V"\x93`j\r\xfd\xefJ\xa4\t%\xa5\xc54\x06\x05C5K\x87\x89f\\QuUFMQ\x8ex\xca\xb7\xa2\x80\x8c\x96p\xea$)H7\xcepP\xaar\xe6\xfd\x05\xbf\xafe\xe3\x7f\x9b,[\xd6\x88\x81(\x8a\xaeXQ\x1a\xd8\x15\x81\x92\xd8\xc0\xc0\x83\xf1\x85\xfc\x82\x88\x1030K"\xf6_\xc4d\xc5\xc8\xd8\x95\x85\x8a\x9a\xb0\xb0vee\x89\xae\xaejUM\xa1\xa2\xb2\xad\xeayS\xfa1\xe1\xd9p\xb8\xef\xde\xcbco}Y\xf6\xde\xd7\x91*&lt;\xcc\xfem\xff\xc8\xd5pH\xef\xa0\x02K\xfd\xfd\xb3?\xfe\xa0\xc6\xe2U\x1d\x85AiT]\xbb\x1d\x15K\x03\xa9X\x85u\xae^\x90\xb0\xcd\xda\xd4\x16[i\x1d`q\x02\xf5\xcd\xf1\xe7\xb0H\xc6\x97#WC\xf0\xc4\xbe_\x9d\xaf\xd2\x8b\xfb\xd3\xe7\xe8\xcb\x80Rp\xe9\x94M\xc0\xee\x1f\x07\x8c\xb5\xda\xa9V\xc1\r\xc34M\xd7\xccr\tP7t]V\xb5\x82|\x04\x816\xa3\xbc\rXV\xac\x8a6R\xfc\xc1I\xb1H\x92\xcdq-V\xb7x\xa97M\x04\x8a\xc9K\xf2_\xa4&lt;\x82\x02\x9c5\x0cX\x92\xbdr!\xa5\xe9\xf3\xfe\xa9\xf0!\xccs\x1f\xb9J\xe78fno@&gt;\xdb\xbd\xd4\x81\xcb}\x9a4\xcc\x80@\xa1 F\xcc\xff\'\xd2\x8aA.k1\xbeR\x8d\x854f\xfb\x05\xc1\xeb\xfd\x05\x1f\x97I\xef\x00\x00\x00\x00IEND\xaeB`\x82'</t>
        </is>
      </c>
      <c r="M351" s="3" t="n">
        <v>45492.67759259259</v>
      </c>
    </row>
    <row r="352">
      <c r="A352" t="n">
        <v>974334</v>
      </c>
      <c r="B352" t="n">
        <v>1980</v>
      </c>
      <c r="C352" t="inlineStr">
        <is>
          <t>Mateus Claus</t>
        </is>
      </c>
      <c r="D352" t="inlineStr">
        <is>
          <t>M. Claus</t>
        </is>
      </c>
      <c r="E352" t="inlineStr">
        <is>
          <t>GOL</t>
        </is>
      </c>
      <c r="F352" t="inlineStr">
        <is>
          <t>GOL</t>
        </is>
      </c>
      <c r="G352" t="inlineStr">
        <is>
          <t>GOL</t>
        </is>
      </c>
      <c r="H352" t="n">
        <v>194</v>
      </c>
      <c r="I352" t="n">
        <v>77</v>
      </c>
      <c r="J352" s="2" t="n">
        <v>34548</v>
      </c>
      <c r="K352" t="inlineStr">
        <is>
          <t>Right</t>
        </is>
      </c>
      <c r="L35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94ba3a5-93a2-46bd-963c-69d89870c4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0\x907\x00\x00\x03\x00PLTE\xff\xff\xff\x04\x05\x0f\x02\x04\x0b\x05\x07\x12\xfe\xff\xfe\x05\x02\x02\x04\x04\x07\x00\x00\x00\x01\x00\x01\x01\x01\x04\x01\x02\x07\t\r\x1a\x07\n\x15\x06\n\x18\x11\x18)\x0b\x08\x08\x08\r\x1e\x08\x06\x06\x0b\x11#\x0c\x10\x1f\x0e\x0c\x0c\r\x13(\x08\t\r\x0c\x02\x02\x10\x14#\x1f\x08\x04\x14\x13\x15%\n\x04\x10\x180\x19\x03\x03\x14\x1b,\x18\x1e3\x1b\x18\x1adE6\xe1\xb4\xa48\x1e\x16\x0f\x0f\x11\xd9\xa9\x9b\x12\x01\x01\xfb\xfc\xfb&gt;!\x18\xc6\xa4\x99/\x19\x12oPBiK;\xbf\x9c\x8f5\x1a\x0fZ&lt;/\xb9\x99\x8f\x14\x10\x0f\x18#CO)\x1b\x8fl]^9&amp;\x96wq@&amp;\x1f\xcb\xa1\x91\'\x0f\t\x88g]\xd3\xa5\xa2\x84dV\x14\t\x07\xe6\xb7\xa6Z1$\x1a\r\nN2)tTF\xc3\xa0\x93!\x0e\n\xb9\x94\x89lD&lt;cG?%\x16\x13=\x19\x0f\x94rb\xa7\x84v7&amp;!\x1d\x14\x13\x9dyn\\4,_@1\xcb\xa8\xa1\xa1\x85}\xa1\x7fs-\x1e\x1a,\x14\rd=.kKC\xb6\x8b\x843\x13\n\xaa|v\xda\xae\xa0b?8\xcb\x9a\x91j&lt;5\xc0\x95\x92("%\xa8\x86}#\x1e!\xa4zgW@&lt;\xd2\xa0\x93\x89_X-\x0e\x06zZJ\x1e*I\xc2\x98\x8b\x8fqiB-(S0"I-#-\'*\xb1\x8e\x83S91\x1d$;\x80^X\xce\xa1\x9c\xd1\xa6\x97G"\x17\xc5\x9a\x94^93pL:\xb9\x93\x8e\xad\x87\x84wME%1Q\xa5\x8a\x83\xe1\xaf\xaawTLzZR\x8djc\x9cngdOJH51\x9eua\xf7\xf8\xf6\x94ri\x90a\\yda\xb0\x82|\x16\x1f&lt;G\'!H)\x1a\x86XQlF3\xbe\x8e\x89\x8bgV\xce\x9c\x96S3,\xd4\xa1\x9bsZU\xf2\xf5\xf1\x81mk}TD\x1c\x1c\x1f\xe4\xaf\x9coTN\x80aQ\xbe\xa0\x99~VO\x9e~z\xac\x8e\x89\xe7\xea\xe5\x99uj\xd5\xdc\xd4\xdc\xa9\xa5\xb0\x89x\x80]JwP=&lt;58\xe2\xb3\xb2\x83gb\x96ibV7\'\xdf\xe4\xdd\x98o[\xa8~j\xda\xaf\xacG&gt;?\x89aM\x9a|u9..\xa3uq\xb1\x95\x8d:\t\x07,9X\xed\xf1\xeb\xd2\x9a\x8b\x8btrhVU\x91gRF\x17\x0e\xd0\xd5\xcb\x10\x1b7\\HF&amp;,B\xbe\xc6\xbe\x8aki\xc8\xcd\xc9\xa1ol\xd1\xad\xa9\x10\x1f"\xe6\xb9\xb0\x96\x7fy\xcb\x94\x8a\xa9\xb0\xaa0/0\x9d\xa5\x9do_^ 0(T\x19\x18a&amp;- \'\x1e1\x05\x03g4-\xae\x83o\x94gZ[*"\xc1\xa6\xa1]SVvF=ETE\xc3\x9c\x9bfwix*\x1c\xb4\xbc\xb3\xe0\xde\xd29I&lt;r\x83w\xc7\x94\x80QaNRGF\xcc\xb6\x9a\x806-\\m_\x84\x92\x87\xe8\xbc\xb9\xd7\xba\xbc\xbd\x83{.&gt;0\xd5\xc0\xaa\xaa\x9c\x85\xc0\xbc\xa6:B]\x94\x95\x92\xa2RC\xa8\x93z\xb2nb\x98\x81\x86\x8fF6\xdd\xa1\x8b\xadtwZK1\x80JL\xb2\xa6\x94}\x85e\x8c\x10\x80Z\x00\x00 \x00IDATx\xda\xdc\x98_H\x1bk\x1a\xc6{13N\xae\x86\x81!!\x13\x84Y2$99\x8b=C6\t\xb1\rI\x8bD\x05\xd3\x80\xc7$*1\xce\x19\xac\x96U3+\x8a\xa6*\xd2\xd6\x88\x7f\x8aU1U\x1b\xdc\xd5\xaa\x17\'\xd8zQ\xd4\x0b\x8f\xd2"Z/\x8a\xd1\x82\x94\x82\xf5\x88k\xa9\xd0^xs.\xce\xcd\xc2\xbe_\xd2Z\xeb\xa1{\x95\xd8\xc3~\x171\x83B~&gt;\xef\xf3=\xef\xfb\xe6\xc2\x85\xff\xdb\x83\xa5\xce\x9f\x8djtt\xe9`\xf3Y7z\xfb\xa7\x11\xaa{fk7\x1e\x97\xa4\xedg\xfa\x0b\x98\x1e\xd3w\x7fc\xe10T\xbc\xd1\xd1\xcd\x04E\x92\x04C\xca3S\xa3\xfa\xee\xa9\xcd\xdf\xb6\x0e\xe6\xba\xbf\x15\x19\x86\xe9\xa7\x9eo}\xd8~\x12\x17\x14$\x1c&lt;\x0b?Z\xfb\xf7\xc1oO\x18B)\x88G\xcbk\xfa\x0b\xdf\x00\r[z\xfe\xe1(\x1ecY\x96W\x02V\x16\x1cR\xb1s\xc8\xd1\x08\x91$h\x96\xdb\xdd\x9a[\xd2\x9f3\x17\xb6\xb6\x9b\x10\xa5\x18\x82"\x18\x8a\xa6S\\$\x8e\x98\xb2R\xef\t^&gt;\xdc\xdf\x9c\xd1\x9f#\x95\xfe\xf9\x1e\xcf+\x95\x0c\xcb\x10$BH\xa1d\x91Y\xe8)\xeb\xe3\x03\xaa,\xbfw\x8e\\\xd8\xb3\x04MQ,\x17\x139\x9e\xce\xfa|\xc8\xac/\x0eIR\xe2\xce\xfe\xdc\xb9\x15rt\x97\xe2y&gt;YAB\xa18\x03s\x9a\x0b,\xc6\x1f\xae\xe9\xcfK,\t\x98\xb8\x98\xc4)\xe1\xf0\xc4W\xb1h\x8af8ag\xeb|\xb8\xb0\x03\x96\x01\xa9\xf8\x98\x0c\xb6\xe7X\xf6\x8f\\\x1f\x9dOs1\x86r\xbb\xb95\xec\\\xb2aO`(\x06\xa2@A\x10\x04\xcf\x11\xc4\xff(\xa3\xc0\xd0,\x93x\x9ey.L\xffVJH,\xe2J}4\x8e~\x928\xfe52\\`v2\xaf\x17v\x90x"s\x1c\xcb\xe0\xa7n I\x91\xa7\xb0\xce\x10\xe2\x8cp&lt;\x95a.lf/.\xca\x1c\x7f\x8a\nY\x89\xa7\xa9\x93\x07\xfa\x0c\x1bIQ\xd4[,\xc3Az,J2\xc7\xe0\xe4\x17u\xa2X\xeaS\x80\x91D\xb2\xfd\xf0\x8a\xcfaF\xf2\xee\x9dg\x99\xe4\xc2\x9e\xbft\x8b\xb2\x9b:S&amp;\x92\xe1N\xd4#\x19\x92Q\x12J\x08\xb4O\xcc8I\t\xee\xfd\x0cbas\xc7\x92\xbc\xc0\xd1\xf8\xd9\xbb\xa7\x94N\xd4\xc2i\x12\xba\xb7B\xc1\x12d\xea\xcfH\n\xc7)*\x83ra\xfa}&gt;.\xb9\x19\xf8\xff\xcf\x80\xd1\x12C\x9d4C\x82\x82$#\x88\x8f=\x12~\x89g\xd1\x02\xb5\x9f\xb1P\xc5\xd6\xf8XB\xa0p\x9af\xa8/\xb9H\x86I\xf5k\xe2sb\x9c4o\xf4*\x08\xecL\xa6\xe4\xea~\xc7H\x9c\x1b\x9a\xb4(\xb2\xf8WB\xea\x0fy\x9f\xa2\xc3\xdd\xcc\xfbn,C~g%8\x0c\x17\x8f\x8b\xcc\xd7\x93\xfd\xcbfM\xa5`I\x81\xa5\x0e2\x83\xa5\x7f\xcb\xc8\xa0\x93\xf4$.\x9e\x1egp\xca\xee\xb6C4\x91\xe4\xd9\xc9\x06\x06V:yC\x01\x0b"\xe403\x99\xbat,\xcb\xb2(A\xc6\xb3x\xaa\x0fB\x06(TyF\xad\xb5\xae\xa8\xa4\xa8 \xcf\xae"O\x83\xc1\xcd \x14\xc9\x81\x8cD3\x0e\x83\xbf\x1f\xc52ax!\x9e\x10\xd1\xea%S\x1fS\nW\xa9\x9c^C\xa8\xde\x13\x0e{.zB\x06\xafZ\x85\x7f\xbe\x0b\xb4]\xa7"\x15\x1f\x93\x03\xae\tNoa\x19H\x87\xf7\x92,\xc5\x13\x92,&amp;\x0b\x06LN\xa3\xd6\xd0_\xef\t\x06_\x05=\x1e\x87\xc7aj.\xd3\xa8\xb3U\'\xb6W\xd9\xd5:2\x19\xab$\xc9\x088\x8e\xbfL\xff\xa8\x8aM\xedp\x9c$Jq\x89\xe2\xa0\x86\xb8\xddhm\x08\x84\x03\x7fq\x05\xd1\xf1y\x1c\xf5&amp;SsN\x8d:[\xa7:\x11\x0c\xcf\xce\xd3\xd1\xa96D\xd9A.\xe5\x87\xf4\x87\xd7&amp;t&gt;\x8e\x83K\xc8Bh;\xb5W\xf2\xfd\xed\xed.\xd7\xcfo\x06A-\x0f\xa8\xd5l2\xdd+,\xb3\x9d\xe6\xc2U\xd96\xbb=9&amp;\xe2\x82[`\x94\xb1\xb4g\xbd~\x9f`\x18N\xe4\xc0W\xb8]\xdb\x90\x7fubb\xa2\xfd\xe6\xcd\x9f\x7f\x1e|e~e\xf68\x1c\xa6{\xcd\x86\xc22\x8d\x06q!\x8b\xa1\tU\xa5\xb6\xa9\xd5v\x04\x89\x03\x95\x9bH\xff$1\xf7RA21\x8e\xe7\x94\n\xba\xc8?\xf1\xcf\xcb\xd5\xd5\xd5\x03\x0f\xe0\xbc\x81\n\x02U}}\xbd\xa10\xa7\xac\xc6\x06\\pt:\x04G\xaa\xf2lj\xa3\x13O\xe6&lt;\xd8\x8b\xdeKs\xa6b\x9b4\xec\xca\xb0Y\xf0$]4r\'\xb7\xb7\xba\xba\xf7Qo\xf5\xc0\xc4\x837\xae`\xd8S_\xefy\\\x7f\xcf\xa0-+\xf3j\xd4\xe8h\xd0Q\xabH&lt;\xdb[c\xc8\x03\xe1`H\xa5p\xc5a\xba3\xe2-M(c"\xcb\x11T\xc9\xea\xfat\xe7\xa3\xd7\x8f:;\x11WR._\x18\x04{\xdc\xac5\xe4\xe4x5I\xae\x9a\x9a\xb2\xc2\xa7O\x0b5*\\g+\x0c9a\xbcq\xbbYZq\xbc\x94V,lt\x8f@\xce\x92y\xaa\xa4\xaao~q\xa3\xb3\xb3s\x03^^\x0f\x0c\x0c\xb4\xbb\x82&gt;\x08.\x8f\xc7\x90\xa3\x85*",\x8d\x1aQ5\x9b\x1c&amp;\xadZ\xa53\x86\x8a \xe7\x19\x11\\\x99HoD`S/\x95\x0c\xcf&amp;d\xc6]\xb5m)\xbf[\xbe\xd8\xd9\xb9\xb8Q\xbe\xf1\xbaw\xa0z\x02.d \x00\\\xfd\x85\x06d\xaeT\x05\x0b\x0b\x9f\x9a\x1c\x0e\xb3\xd9T\x96\xad3v9\xd1z&amp;Ptl&amp;\xcdm\x9a\x87\xcdP\x12\t\xa1nel\xbe\xad\xb4\xf4n\xf9F\xf9byy\'\xf8\xfeV\xfbMW\xc0\x15\x0ex\xfa\x9b\x01\xcbfKR\x81Z \x96\xcf7hv\xdc3\xea\n\nP\xb7\x06,.\xcdX\x9bJ\x8eac4#Vm/O\xb6\r\xb5\xfe\xe3n9h\x06r\r&lt;h\x07,\x17$k\xd8\xd4\x0fy\x9a\xac!\xc2zjBXp\\\x7f-Q\xb9a}\x83)\x8dI7\xd6\x16\xcfC\x9aRB&lt;\xd2\xb7\xdcQZYY\tz\x01Vg\x12\x0bQ\xf9\xc2\x8f\x01\xcb\x00\x01\x91\x07\xd6\xd2\xd4\xd4\x80Z\xe6\xa0\xcfl\x1e\xbc\xda\x18q\xa2\x8e\x84\xc6\xc7t\x17q\x0b\xb6zh;b\xd7J\x9f\xa5\xad\xb5\xa5\xb2r\xa8\xf4.rX\xef\x04\xa2\n"o]\xec\xef7\x18\xca\xbc\xb6$\x96\r\xc9e6\xfb\x1c\xe6\xf6\xdc\xf5\xd9.;\x9a\xb3)\x9aJ\xb7Z\x07;19\xc1\xca\xf2\xc2\xca\xd8d\xdb\xaf\xbf\xb6T\x0e\r!\xb1@-\x84\x05\x96\xf7DC\x08K\xebE\xe6R\xdb4\x1a\xc0r\x98\x1d\x0e\xdf\x8d;\xb5\xb5#uv\n\xad\x1ci\xb7\xfc\xd4q\x0c\xc6\x1aN\xea\x82\x1aV~\xf7]K\x0b\xc2Z\xdcx\xf4z\x00.b\xd0\xe5\nG\xafX\xb5\xd6~\xabAk\xb3\xa1\xe0\xd2\xa0"\x02\x96y\xf0F\xad\xa5\xb61RP\xc0\x81\xeb\xe9\xf8T\x9a\x03\xe2P\x8c\'dv\xe1hv\xb2\xb5\xa9\xa9ix\xb8\x02\xb9\x0b\x12\xb5\x1a\xc9\x05E\x8c\x02\x11p\x85\x0c9^\x14\xf4\xe8&amp;B&gt;8|7s-\x96\xf9\xf5H\xd1\x82(\xc0x\x93\xee\x11b\xe9]L\x96aI\\Yom\xbat\xe9R\xd3p\xd2\\\x8b\x9d\x8f \xe9\xff\x83\xaa\x18\xb5j\xb59\x06+\x14\xd2h\xb4\x81\xb5@-\xb3/\xe8\x1b\xbczg~\xbexr\xb6\xce\x89S4\xb93\x97\xf6\x01"\xc6\xbayQ\\\x99l\xba\x7f\tqU\x96"\xcfo@\x0b\xeaE\xd1\xe5\n_\xb1\x1a\xb5Zm(d\xd5\x1a\xbd6\xaf\xb7\xac\x10\x1c\x1f\x0c^\xbdl\xb1\x14w&lt;,\x8e8\x05\x81\xa6ci\xc7z\xcb\xb1\x1c#,\x8c\xb4\xa5\xb0\x86\xc1\xf0\xe5\xa0\x16*\xe3\x9d\xea\xc6\x89\xef\x03\xd1~\xd0\xcbp\x05\xcahD\\9\x85\xa6z\x8f\xcf\xf5}n\xcf|\xf1\xc3\x87\x1d/\xaa\x8ad\x06g\xd3=o\xc1U\x14A\xaf\x85\xf5\x96\xa6\xfb\xf7\x9b.5\r\xa1x\xb8\xd6\xd33\xdds\xa7:\x17\xb8n\xf9\xc3\rV0}(\xaa\xd5\x1a\x93\\F\xed\xbd+\x17]Wo\\\xb6Lv\x00\xd6XW\t\x85\xf3\xe9\xfe\x02\x0e{\xb6\x13\x13\xe5\xf8j\xdb\xf0\xf0\xf0\xfd\xa6\xe1\x96\xca\xd2\xf2\xda\xc6\xc6\xd9\xd9\x91\x91\x91\xf1\x91\xd9\xc6\xc6\xdb\xfe\xfc\xfc\x86\xfe\x905j\xcdAE\xccS;\xf3\xf2`\'\xea\xbfx\xf3VmqGG\xf1|m\xa4\x80&amp;\xd2\xbfZO\x1dK\xf1\xa3\xdd\xe5\xca\xe1\n\xc0\xaa\x18*m\xb3\xcc\xf6E"\x91\xd5\xaa\xae\xae\x86U\xff\xf8\xf8\xb8\xdf\x1f\x88F\xfbCZ\xaf\xd7\xa6\xb6\'\x07T\x95JW`\x8d\xe6\xdf\x9e/\xfe\xa9\xd8R;RD\x91\x89\xa9\xf4\x0f\xcd\xe2\xd1\xee\xf6d\xcb\xf5\x8a\xeb\xc3\x15\xa5\xe5\x93\xbf\x8f\xf5\xad\xac&gt;\xe9Z()q\xbbK\xea\xaa\xf2\xf3\xfd\xb7\xfc\x81\x805\x07)\xf5i-\xc3\xed\xee\x02k\x15pM\xfe\xd8\x03X\x0c\xf9.\xed\x0b?\xb6\x99\xd8\xdd^~X\x01X\x15\x7f/\xb7\xfc\xfeb\xac/\xb2ZT`w\xba\x0b\n\xc4\xae\xd5\x88\xff6\x18,`\xf5\xaa\xf3\xd4\xba\x93\xef\xbaT\xce\x82\xba\xd5HU\xee\x8f\xd7\xa6!\xe9\x85L,\x8aS{+}\xcb?\x0c_\xaf\x18\xae\xb8\x0bw\xfe\xc5r\xe3xUW]IQQ]]\xd7\xeaH\xdf\xac\xc52\xdd\x18\x80A\x10b\xcb\x8eJ\x08E\xb4;\xbd\xd6\x86H\xdf\xf8x\xcf\xf4\xf4\xdfF\xea\xdci\x8f-\xb4\xbe~\xd8\x1e{\xf1C\xc5/\xbfT\x0c]\xfb\xa9\xf5_\x0f\'-\xeb\xeb\xb7\xfd\xe1h8\xe0\xbf5k\x99l\xabl\x9d\xcc\x8d\x1a\xa2\xf9\xfe\xfc\x8bV\x1bZ1\xb2559\x86P\xc3x\xed\xec\x7fi5\xdf\x9f\xb4\xd2,\x8e\xef\x0b\xbb\xe9\xbb\xc6d\x13b\x08/l\x83E\\\xad\x13(\xda\x8b\x0ej\x05D\x9c\xcb\xca\xad\n*\x10"`\x83\xda\xc1\x80\xa0@D\xf0\x17\xd4XD\xbc\xb5\xa6Z\xb4\x0c\xa3A\xc6\x0e\xd5*\xd1V\x9bI\xad\re\xd2\xc6\x06\xa7\xb4\x8eq\xcd\xba\xbbf\xad\xb1n\x1du\xa7\x9d\xdd\xe7\xdav\xb2\x7f\x00\xdc\xbf\xe0\x93\xef9\xf7\x9c\xef9\xcf)\x83`w\xe1`{A,\x966g\x1f\xdd\xb8\x7f\xa8\x17\xcd\xc9E\x02\xd0\xab%\x06\x83tjQ\xcd\x06\xd5\xaa\xbb\xae\xd2\x05\xeb\x8b\xe9\x1a\x95\x82q\x8d5n\x81\x12\xc9I\xd8@\x06\xa6D|\x1a\xa9.e\xbc&amp;\xeb#V\xd1\xb3X\xec \xbeyz\xd8\x0c\xd4\x92g*\xf5kkz\x83\x94\x06\xca\x83\xec\x0c!\x89@\xc0w\xb7\x18\x8a=O\x1c6F]\x0b\xcdRV\xf0)\xb7\xe2\x0b\xc8\xf9\xc2+efH\x9de\x85\x0b\x07ew\xa3\xbfy;\xdbyv\xa2\x99?\xc2\x0c\x01\xb5\x94\x12\x9d^\xe5n\xa1\xdd\xbaQ\x94\x8d\xc34\xc1\'\xe4\xd6\xe8\xe8t\x87-\xc2\x18\x1a\xbe\x9c\xff\xfb\xba2\xa7v\xb0\xa8\x9a\xe7\xb2X,\x18\xd6\x0f\xcfg\xfbg;\xa3\xbb\x08\xdc\xe3\xbe\xdd\x9b\x99\x19I?\xc6J\xd6\t\xb8\xab\xb6\x91\x7f\xdc\xbb\x0b\xdc]\xc1\x19`b\xba\xef3Q\xba\xe3%#b\x87S\xb2\xff\xef\xe5\xee\xdeU2i\x00\xb2R\x117up\xf0\xea\xb3\x9f\xdf\xf3\xa39(\xc6=\x9c\x93\xef\xcc\x0bn\xa537\xe7P\xa7F\x93\xccT(\xe0\xee\x07\xcf\xfe\x1d\x8f#\x909x\x02\xa92K\xe5\xd4\x80 F\\\x85y9\'?\xbf-~q\xf7\x8b"vI\x13\xd5\r\xc30\xd5\xfc\xfcA\x89\xb8\n\x89bW\x8c\xeb\xdc\xfb\x0f\xd1\xb3\xb9S\x9c\xae\x0caX\xc5\xc9\x02\x98\xcbR\xdf?\xbc\x0bz\x0c\xb9\x1aL\x85y\x88@\xe4T\xfaV(c/G\xaf\xe0&gt;/l\xbe\x96\xc9\xc8\xf5),*\x82 \xee^\xf5xni!u~/\x8aX\xb3\x17\xf7C\xc1\n"1U\x19\x92\xa3"\xfa\x93b\xbd\n\x14\x895\x83\x82\xc5\xd3r\x02\xe1p\x1d\x840ENG+\x86\xd5[Y\x82\xd5xP\xb6\x08%}\x90\xe5\\\x99\xb9\x86\xcf=\xc6J\x19\xe8X^\xff%\x8a\xef\xea\xb77\xf7\xd1\r\x8f\xc9\x94\xac\x9b\x93\xa3(\xc0Z\xd33%\xc5\xc5k\x06\xdf\x80\x98\x12\xe0\xf4\x99\x11\xae\x12E1\xac\x81B\xeah%\x19+\x0fI\tZ\x9e\x9aF3\x9b!\x1a_\x8a\xc0\xd4!\xeb\xe4\xc0O\x91\xf5\xb7QT\x0b`\x11\xb7C\x9e`\x85\x08\x04\xb1\x81^\x9c\x9c\xced\xa6\'\x03,\xb7]\xcch,S\xbb\xa5\x02\x11\x1d\r-\x89A\xca\xbb\xa1\x94DR\x01\xee$\x0e\xcf)\x85h\x90\xd9\xac\xae\x99\xe2#p/\x84\x94\x9e\xff~e=\x8aA\xc4\xd4\xba\xe9\x99\x9b\x0b\xfaAn\xc9Q\xbaF\xc7\x14\x18T\x02\xa6\n\xf6A\xae\x16\xb3\xc22\xed\x10\xd1=t\xe7\xaf\x18\x16\x02C)\xa5\x943\xf9\x84\x0b\x0b\x0cVJJYY\x1eD\xe3\x02\xac\xc2Bm\xa4*\xaaXq\xb3\x9b\xfb_zn\x12\x83^\xa0\x96\x1cs\xcc\x8e\xaeo\xbb\xba\xb8\xb0\xd5\xa26\xab!\xeaR\x97\x13\xf5xP\x11\xc0R\xc0|~\xcd \xeb&lt;\x85t\x01\x0f\x86\x8c\xf3\x89)))CV\x90[\x930\xb5\'\xe2\xdb:\xda\x88\xa2Z\xb3\x99\x07A\xef\xb6|\'\x08\xd4jh\xa0\x03\xbf\x85Q!n\x8b\xa2%\xcbBm\x9d\x96\xd0=@,\xc7\xafb\x86\x1d\xe67\xd3\xae\x9f\xe3}G\x12\x82rF9_\xda\xd3\xd34dE\xb8\xf0\xe4do\x1ec\xf2\xa8\xa33\x9amzw\xd3$\x0f\x1d\x1c\xc9\xb1 6\x00\'\xaf&lt;6\xcd&gt;\x85Z\x01\xf9|\xbeOX;K+\x0c\xbb{\x98O\xbb\x9e\xcb\xd1b{T!\xa7\xee|i\x93\x11\xc3r\xdb\x17\x96)\xcbc\xf3o\xa2\xd9\x7f\xe26\x88s;\x07\xfb[\x07X\x10\xd1\n\x0f\x8a\xea\x1c\x82\xf2V\x85\x0bR\xd8l6\x80\xe51\xf9Q\xe7\x8eo\x85\xe1\xb2\x0c\xf3\xa7\xae\xd6W\xe3\xd38\xc2\xb4\xea4\n\x8f5\x90E\x85\xb9\xdc\xc2\x81p \x10\xd8z\xdb\x1f\xd56=\xbb\xbb\xb3\x7f\xb4\xb5u \x07\xad\x9a\xe81y&lt; \x8e]\xd36\xc8\x06\xa61\xbb\xad\\\xe2\xf7{\xd0\xd0\x8e-B1\xaaa\xfe\xd4x-\x01\xf4o\xa1\xb0:\xedZ\xa91\xcb\x8a\xf0\xa5\\\xaa1\x1c\x0e\x07\xb6\xf6\xa2\xdb\xac\xcf\xbe\xd99\xdaZ\xdf\n\xc9\x95\x00\xcb\x04&gt;?]\xe4(o\xb5\xd8\x14.c\x8b\x02\x16\xd0Q\x913\xb4\xa3\x88h\x13]\x16+\xad\xed\x0c\xb6\xd3M\xc0\x0b9\xd7*]V\xbeT\x8a\xa9\xc5\x01r\xadFy \x8b\xdb\xd8&lt;Z_\xdf\xbaI\xfc\x88\xe5\xf5z\xfd`&amp;\x9b\xb6\xda\\.\xe3\xaaQ1\xed\x14\x84P\xd0\x13yZ\xb6\xda\xaa\xc0\xc4\x026\x10p\xa5\xd5\xb1\xb2\xc0\x94h\x00j\xf56\x06\x02\x0b\x93\x1bQ\xb66\xb731\xac\xd3\x15J\xd1g,\xbaD\x80\xed\x91V\xb1\xb7\x95%G\x08\xf5\xbf\x91\xd8\x18\xdaJ\xda\x88UMJ"|\xb4\xa7\x1cJ\xa2z\xea\x18\xab\x97\xca\x02X\xf3\xb7\xa3\xec\xb7\xfa\xff\xb9\xbf\xbe\xbe~\xda+\xfa\x1dK\xa3\xc3\x92~\x95\xc5\x8bD\xb6@5\xf5z\xdf\x14\xfbx\x942`\xf3-e\x9f6\xf3\t\xc2k\x89\xea\x1a\xfe\x88\x8a\xfb\x13\x95\xba\x1a\x0e,#\xfdQ\xc6\xea\xdc=\xd8Z_&gt;\x08J\x9c\xc7\xb9u\xac\x96\xa3\xdcgg\x89)\xcb\xcbv\x8f\xdf\xef\xa7\xd3\xd7|\xbc:3\x04\r\xf3k2&gt;\xc9U\xad\xfd\x8b\xb9\xa6\xf98\x88\xee\x85p`\xf5\xb7h\xbf\xf9t&gt;\xac\xd8\x01z\x05u\x9f\xd5\xf2\xd2u\x82i\xdb\x071\x83\xb2\xb0&lt;\xed\xd7\xe8\r:\xba\xa4\xb5\x92\xa7\xb6\x18[\xac\\\x19\x0e\xcb-\xe0[9\x8d\xe6\xa9\xf4\x19\x90\xf2\xd4\xac@d\xa0#\xea\xc76q\x0fOW\xcc\x1d\x1c\xa1\x02\xa5\x9cX\x01\xb8\xb6\xdf&lt;\x91t-\x81F\xad\xe5,\xf0\xcau&gt;J\x80%\x11X\x1a\xfbZ\xeas\xc8\xa5C2\x1c\x0e\xf71\xb9\x18yO_\xa5K\xab\xaaz\x8d\x0b\x93U\xdc\xe8\xbf\xbfNT\x9c6\x117+t\x12\x80\xe59\xc6r\x94\xdb\x8c&lt;J \xac5\x96\x0b\xc4\x0b\xe2E\x83\xa1\xa5.\xf1\\&gt;.\x89\xc4*\x00sb\x126{p@\xb2\xbd\xba\x05\xb0\xa8M\xabU\xdf\xbf\xed\x8c6\x15H\xae/\x83^\xafI\xa3\xca$VT`Xt\xc7\x92}5\xc2\t\x87y4\x83~\xdanY\xa4-\xaa\xfb\xea3\xdake}\xe4\xe3\xc52\xc0J\x10j+kff\xa4UKY\x85\xa0\xd4\xc7\xe00\xe9\xecFp;\x184\xe9\xa4\x1a"\x91\xe8\xf1n\xfbu]\xad.\xd6B\x18O\x82F\xf4\x02\xbd\x9e\x7f]\xd6N&amp;d\x83\xe9&gt;\x97]O\xc6|3\xe0J\xa8\xe6\x94\xaa\x9b\x9b\x91\xaa\xaa,D*\xfd%\x16o\xe8\xfd\xbb\xdb\xdbA\x13]\xa5\x03XX\x95\x97\x94\xfb\x8c\x0ca\xc2\x85\xc1\xe1\x91\xe1E\xf5\xe0\x0f\xed\x97\xb0\xd0\xc5\xe7\xe4\x14d\xe4\xd6_:\x81m \xb0\xe4:g\x9eB\xe0\xaa\x8eQD%\xb8\x15\xfd\x18b\x16u\x17`\x99\xa4\xba\x06\xa0\x16h\x8a\x02\xc4&amp;\xd6\xe2\x13d\xe3\x8b\x8bm\xb2\xa2\xda\xfc\xa2\x9c\x1c\xcc+\x9f:\x81=b\x17a#,f\x9c\x85\x8c&lt;\xa8\xb0\x03`\xc1*\xd5FL\x0e\x0e\xe2&amp;@\x10M\x86T\x14\xc3\xd2\xe8\xf4\x88\x82\'$\xb4\xb7\xb1\xdb\xd8\xb5\x97\n\xf2s\xf2\xb3\xff\x84\x9d\x9a\xfe1\xfeD\xfcW9%\xb5\xd9\xd8\xdb&amp;\x8eP\xcd\xf8sVaG\xc7\x1d\x17\xac\xda\x8b\xd1\x95M\xdc\xc6\xee\xb6_\xa0s\x82(j4\x12&amp;\x02Q\x12\xee\xc9jk\xd9\xf5\x19\xa43\xa4\xee\xee\x8c\xfc\xeclP\x18\xb2\xb3\xf3/\x94\x90s\x81\x9d\xc7\xd2K\xf8]\xe2h\xef\x9d;\xf3e3\xbf\xcd\xfe!FXq\x13\xbbO\x04z,\xb9\x1atJ\xa5\xca\xc7\xb9$k\xcf\xad\x1fW\x8f\xd7L\x81\xf6h\x17\xf3(B\xa1\x90\xd3\xd7X\xd9r\xd5,+\xfa*\xfe\xe4\xc9$ab\xe9\xd8\xfc\x9d\x8e\xcby\xd2X\xde\xe1\xf5?|k\x90\x00,g\xa62\x95i\x0b\xb4\xcbr\xd95\xfa\xb5W\xaf\xd6\xf4\xa0Z\xbcX\xd1\x86\xc3\xd5\x9c:\xb1y|q\xb0\x08;u&gt;\x99\xc4\x19\xebi\x9a\x9c\xefh\x1a\x8a\xf1\xb5\xee\x1e_\'\'\x12\xe5\xba\xd4\x8b\x17\x15\x1cv%9cp\xba\xdc \x91\x18l\x1f^,\xbfx\xb1\x00\xaa+e\xc5\xe8b\xe7|&lt;PJ\xe0]\xee\x19\x9b\x9c\xbf\xf3\xfeY\x8c\x8f\x03\x1f6K2Q\x10\xc4\xd4\x86d\x1f\xe3:\xbb\x84\x90Td\x996\x0cO\xdb\x8d\x8d}\xb9m\x8dZRw#\xfbj\x1b\xf8\x1f\xb1\x87\xba\x13\xd5M\xa3=\x03\xf3/{\xdf\xc7\xfa\xc4\xf3\x9b\xa7\xfaL\xa7\xd3\xc9L\xa5\x17s]\x8b\xec\x0b\xf8\x12|\xfb\xa3\xc7\x13\xb7\x7f|\xfc\xe3\xbb\xe7\xef\x9e\xbf\xbe\xf1\xfc\xdd\x8dC\x19Y\xd8\x8e\x8b?u\nG\xba\x9c\xd736\xdf;\xfa\xf7\xd9\x98c\x8d\xa4*E"\x013\xb9Xe1_)\xe9v}\xf8px\xf8\xee\xf1_\x1f?z\xf6\xb7\x7f\xbd~}\xe3\xc1\x03\x12\x8f\xc52\xb3\t\'\xb2s\x92\xae\xe4\x8daj\xbd\xffo\xac\xefa\'\x9a\xf9\x86\xff\xf1r\xfe\xc1I\x9fw\x1c\xbf(\xe4\x92\x92@H\x90\xfcp\x02_\x12\xcf\xc0\x17\x02\xe480\n\xb9\xf0k0\n\x1e\xd0o\x863\xd9b$\xb7#\r3\x01u\xf9a\xe1\xa2\x834e\xda\xb9\\\x0e\xd1\x04\x9aT\x17\xe6r1\x16\xc3a\xba\xc4z\x89\xb6Isn\xd1\xec\xcc\x1ag=\x7f{\xf5z\x9ds\xd7?tk\xf7y\xd0\xfd\xbd\xbaJ\xf8\x83\xe3/\xeeu\xef\xf7\xfb\xf3y\x9e\xe7\xcb\xf3\xe1\xb7?\x15\xeeo\xd3i\x84\xbd\x83\xf2\n}c\xd7\xb3g\xcf&gt;\xb9\x14\x9a\n_\x8f\xc7\x03\x1dKW\xaf.\xbd\x05\xfby\xfd\xfa\rZ\xadV\xe4\xc4~|\x0c&lt;\xbc\x95\xee\xeb\xb0\xb7\x1fO%\xdbum\xbd\xb2\xa1\xae\xb6\xc1&amp;\xb7jK\x97\xd5\xda\xb0\xfd\x19\xecq\x10\xd0\x12\xbc]\xfbyteX\x86\xaf\xd7V\x15\x97\x8a0\xd1\x91\xb3\xe3\xf8\xbfN\xa6[\xad\x93__\x1an\xdf\xae\x1b\x92M4\xcaZ\xea\xf5\xddo\xb4o\xfd\xe0\xcb/\xe7\x86?\xf9\xcd\xb5\xa5\xa5\x9f-}\xf4\xd1g\xef%\xbfI\x0e\xc9\xf4\xb5\xb55\x06\x95\xc5b\xc1\x15}\xf6\xfbG\xd3\xad\xd6\xe9\xc7\xbd\x0bb\x9dnh\xe2`\xa3\xaf\xa5~\x8fl\x7f\xc3\xd69\xc4\xb5\xff\x9d\xbf!\xad\xce\x9d[\xea\x9e\x92\xc9d-\xfa\x8a*-\x81\tD\x96X\xcc)\xfa6\xddW\xe6I\x1f&gt;\xec\r\r\x0f\xb7%\xf7\xcbl\x0b\x83\x83\xb2\xb6\xae\x86\xbd\xd6\xb99k\xc3\xaf\x01\xeb*\xb4\xads\x9f\xfd\xb0{\x8bl\xdb\x16\xbb\\k(\x1d\x13\xa90\'\xeev\xa5\x1f\xeb\xe8\xdf\x85\x8b\xe1a[[\xa3m(\x1c\x1c\xf5u\x89\xbb\xda\xf7\xee\xfd\xbca\xc7\xaf\xde\xf9\xf75\xc0:\xf7\xa3_\xc2\xe2|\xb0\xa5\x1bS\x15\x13|L\xde\xaf\xb7[\x88\xa6\xc7\xa4\xf4cqm\xfe)\xdf\x90\xcd6\x15\x0c\x85\x17t:\xdd\xf6\xf6\xcf\x1b\x1a\xbb;\x0e\xab\x0e\x97Vi\xc1\xb9\xfez\xa7\xe2\x80]\xdf\xcf\'\x0cn\xf9n\x11\xc67\x1d\xfc&amp;\xfdX\x0f\xb9\xbc\x90?&lt;4\x15\x0e\x07\x833!\xdbp\xe3\x8e\xfd]]-\xfd\xb5\xc5\x85\xb4\xc2B\xba\x84\xa6\xd4\x96b\xf5*\xb9J\xaf5\x13\x84\xca\xadr\x11\xfe\x91\xd5\xc0\xaa\xfe\x9d-\xe0\x0f\x07\xc3\xe1\xf0\x83\x80\x7f\xc2\';xp\xc8\xd6}\x98\xaf,\xcc\xa6e\xd1i\x85Z\xbe\xfc\x17\xef\x96\xef\xee\xdf]#!\xe4\x18\xae2\xb8Nl\x7f\xbc\n\x91\xaf\xe6j\xa6[\xe3\xd3SS\xd3\xf1\x80\xff\xd2\x82L\xa1\xdes\xa2\xf7@}iM\xa1$\x8b\xccPj+\xca+j\xab\xca\xdd\xfc\x1a\x83)\xa0\xc7M&amp;\xfc\x8d\x91\xaf\xdf&amp;\xa5\x1f\xeb\xd3\x0f\xc43\xad\xf1\xc5\xe9x&lt;\xde\x14\n]\x1a\xed\xb6\xef\x99\xd8\xd2\x01Xt2Y\xb9A[[U\xbc\x81\xafr\xbb\x0c;\t\x97[\xc5\x0f\x18G\xb6\xaf\x0e\xd6\x1f\xe6\x92\xfe\xd6\x99\xe9x\xe2\xc1\x83\xe0b\xcb\xa8\xbd^\x7f\xe0\xbd\xee\x8e\xf5Z\xd8\x9c*\x8b\xabj7\x14j\xe5z\xb7\xabFi6\xb9\x08\xb7B\xfa\xfaj\xa95gM\xfa\x13\xd7\x13\xa7\xe23\xe1\xe0T\xd0\xafo\xb2\xbf\xd5\xddQ^\xaa\xd5n(.\xae\x05\xd9\x94\xf2\xa6\x19B)\xe1\x98\x08\x83^\xbam\x95\xb0\xaa\x01k\xc5\x16h\xe5$\x12\xa7\x82\x8b\xe1\x90\xbfi\xc6\xdeQ/\xaf(\x95\x97V\x95\x16k\r55J\xbe\xcbefH$f\xb3Kq\xe2u\xc0:\xba\nX\xdc\xba9kT&lt;\xcd\x91\xb4\xfe\xa9\xf5\xfat\xd0?\x13\x80\xcd\xb3\xbb\xb6\xaa\xa2\xf4\'\x15r&gt;\xc2\xd2\x12\x04\xc1`\xd0$4\xc2.5\x02\xd6H\xda\x07\xdcN\x03\x16wn\x8e\x97\x1c\x9d\xe108\x9c\xf8\xf5\xeb3\x01\x93\xc9\xc4w\xf1\xab\xe0\xc5\x07.\x83\xb9\xb0FIHh4\x86\xb9\xa6)"\x85S\xfe\xc8\xc8\xedtc\xdd\xde\x08&amp;\x82\x8b&lt;[8^\xc29~&lt;~*\xd1j \x88RS\xad\x0b\xdd\n\xacr\xf1k\xcc\xf4Bt\xf7\x95\xc61\xc9\xbbW\t\x8b\x84\xb0\xb8\\\xab\xd5\xca\xf3-\x9c\xda\xc9,)I$8\x06\x03\xc1\'\x08\x03\x9c\xab\x8b\xb5\x01B\xa9$Kh\x0c:\x99aV\x89\x9c\xce-}\xc63\xcb#i\x9e"#\x91."\xac:\xebC\x1eO\xd86\xba\xab\x8cQ\x82n\xe7I\xa0u\x1a\xcc&amp;8\xbe*M\x04\x1c/\xe84ha\x12\x13\xa6v*\x14F\xa3cy\xe4\x1f\xa4\xf4R]\xfev\x00\xc4\xe2\xd6\x01\x15\xaf\xcd\xf6\x80\xb3k\'\xa7\x8cY\xc2\xa0)\xcd\xe6\x9a\x9dd\x002\x03\x159\x9b\x9eI3\x98\xf4x\'\x1eAO \x96G\x1e\xa7u:\x97t\x8bsb\x00\xa8\xb8V\x9eF,\xe6\xb5\xf9\x16\xa7\x13\x92\x12\x1a\x87\x0c\xab\x8e\x19\r\x00\x81y\xa99(\xb2\xc4`\x128\x8f\x08\x04/Lt|\x9c\xd6\xa9\xa8+\xa6{\x03\xc8\xc4\x8d\xfbxI\xb1X\x9c\xb4A\xf0944\xc7BF\xf3\xc2Y\xe0]6zlcpc\xb8Z-\xc0\x05\xeaHd\xfc\xcc\xf2\xb2\xc3\x9f\xbe\x16A:z\x97b\xfc\xe3s,\xa4VR\xcc\x13\xeb|S\xf1]\xbb$t4p\x80\x9e"e\x913\xc9t\x89\xc9"\x88Dp\\\x80\tpg_\x0f\xa8u&amp;v#]\\\xa4\xa3\x8f&amp;\x89{O\xab\x11\xd6&gt;\x9eF(L\x8a\xa3Bqrx*&lt;\x9dh\xe5\xd03\xd15\x7f\x94v\ta\x12\xa9#\x8a\x88\x1a\xc30\x1cW+ \xf2\xcb\x8eq\xd3\x9d\xcbi\x19\\\xd9t\xe1\xe6\xa4G\xfd\xf4iJ\xad}\x1a\x8dP,\x8e\xf2\xa2&lt;^T&lt;\xbc\x00\xebb+gg"\x01\xcd\xdd\x14Pa\xf6\x98\xa2\xaf/\x86c\x98\xe0\x85Z\x80UO\x9d\xbf\x7f\xe1U\x07\x9f\xb4\xe9\xf4\xddY\xef\xe4!\xc7\x0b\xac\xadB\xa0\x12\x0b\xad&lt;\xa8HP\xcc\x07`\xb0\n\xb9\x03h\x93\x8c;cg\xa5F\xa9\x1a\x17X,\x02&lt;\x86"\x7f\xc6\xd1\xe3,b\xe5_\xf9\xe7+\xbd\x9cA\xda\xf4\xfe\xa3;\x9e\xe6\xc9I\xcf\xbd\x01\x84U\r&amp;".\xa1\x86\xc7\xb3\xf2\xac\xd1\xa4\xcf\xb7 \x0b\x07\xa7\x9b\\|7\x86\xa9c\n\xa9\xf1\x84\xd1)\xb0\x88,Xg\xacO\x8a\xd4\xeaq\x1e\xa7RYeH0\xd2\xab\x82:\xf9\xe8\xabyo\xb37\x8550P\xfdi5D^(\xd4!,\r\xb4\xfb(\xc851\x11\x0e\x0e6\xa9v\xf7\x8bP\xf1\x19\x8d\xdb\xa4\n\x1c\x0e\x89\x96N\xa4\xd6\x19PK]\xc4b\xb1Y\xcc\x92\x9b\'_\x05\x18@]\xbc??\xcf\x9a\xf5Vz\xbd\x93\xb3o",.\xb8\xc8\x13B\xe6u\x1a\xd0\n^\xd1\xa8\xd864\x1a\x1c\xd4\xbbU\xd0\x18\x14\x11\x85\xb4Ojt\xe2\x98\x05\xb3\x08b\x90-\xc0r4Q\xa8ETj\x01\x14\xc6\xfd\x8b\xdf\x17\x8cD\xfa\xf0\xcfw\xe6\xd9lv\x91\xb7\xb9\xb9\xd9\xebm\xde\x01X\\\x84\xb5O\xa8\x11\xeb\xc4:!X\xb8\xb2\x02`\xbe\x85ppQ\xdf\xafr\x0b\xf0\x88B!\x95\x1a\xfb [\x18\x92N\xda\xe3@\\.J.%\'\x07\xb0\xe8\xd9\xcc\x1b\xb7\xbe\x0f\x18\xb8w\xf7\xab\xf9"\xf6\xac\x87]\xd4\\y\x08\xb9\x18\x1a@r\xd5q\xb9[y\xa8\x14u\x10\xae(PYW\x86\x01+d\x17\xa9D\x82nX\x07\xa5Fc\xc4\tT\x16\x81Z\x91\xc2r\xf4\x98\xf3rsRXetX\x12P\xb7 \xfd\x9f\xee]\xb8ye\x9eJ\xa5\xb2\xbd\x1eVQ\xb3\x87\rjyO\xd5\x81Z\xa9Eq\xf3fT\x8bb!T#\xe85\x17\x95\x85B\xc8DL\xadV;\xfb\xc0E\xa7\xda\x02\x91\x178#\xe3),\x05#\x8f\x02jQ23\x99eYY\xd9d\xe6\x9d\xcbo\xbf&lt;\x18@}\xfc\x05@\x15@\x1e\xd8\x93lv\x81\xa7\x92]\t&gt;\xce6r\x01\x0b\xb8`\xf9\xd9\xacA\xd5\x08z\xad\x00\xd6\xca\x04\xec\xe8\x9bT\xfd\x98\xc0\x8e\xc3\xbeA\xaapb"T\x88\xc7\xfa\xc6{z\x1c\x0e\x87(\'\x17\x99\x98\xc3d2\x8b\xb2\xd1\xe4b6\xe3\xc6\xad\x97\x04#\x91\xde\xbe\x08P\xac\xfc\xbc|\x16u\x9d\xe7\t\xcbC\xf1x\xd8\x1e\x14\xaf\x99\xff\xaa\x05X\x9b\xdb\x85P\x8c\x1a^4\x1a\xed\x8a\x0e\xc1Yg\xb7\\$\x80\x0e\xaa\x86ZDTcXgg\xec|\n\xab\x87O\xc9X\x8b\xa8^\xcbd\x1e\x7f\xed\xf9\x88xf\xd9\xfd\x8b/s\xf4HA\xb1\xa8\xd4\xbc\xdc|65\x9f:\xfb\x845K\x81\xd8\x1fBX\xb3:.R\xab\xae\x0eq\xbd\x99\xc2\x82r\x8cv%m\x07T\x87\xcbU\x18\xd4\x9e@\xa0vFpllL\x84\t~\x7f\xf6|\x8aK\xaa\xcc\x01\xaa\x8c\x0cfvffQNj\xe42\x13\xbc,\xf9\xe2\xe4wm\xfc)\xfbX,j~nN&gt;\xfb\x07\x94"\xd6\xe4\x13\xaa7\x9f\x05\\\x95\xcd\x95\xcd\xde\xe9\xbaT\x83\xa8\xdb\xb8\x15\xe4\xda\x0ck\x90\x06\xc5\x1e:jKG\xf9\xbb"\xd0H\x84\xd6g\'f\x19\x1b\xb3\x1c\xe9\x8c\x9d=\xffW\xc0\xea\xb13s3\xd6f\xacY\x83\xb0(%/&amp;P\xd1\x7f$\xfc\xe5\xd1\xfb\xdf\xc5I\x08\xfa\xdd+T\x16\xb5\x00\xbe\xa6\x80\xed\xc9\xcb(`?\x99\\7\xcb.8\xc4f{*!^\xb3](Z\xdc\x8d\xe8\x17\x16\xa0\x02,\xd4\xeb\xa3b_\xaf\xa8\xa2\\%R\xa9D\x96\xceN\\m\x11\xa1{,\xc7\x00k||\xbc\xc7h\xcaY\x9b\x91\xb1vM&amp;\x1a\x04g\x1e\x7f\xfe\x8f\x1b\xf0\x11\xc0hwn\xfdO\'QK\x80\xa0\xb3\xa8y\xf0\x15\x14\xb6g]FF\xc1,`y\xfe\xd3\xc7\xf5\xfdFq\x9dQ\xdf{\xbd\xd73sg\x86anf\x18\x9c\xf5\x0c\xd6:\xad\x83aim/\x90\x95\x11\xd8\xb0\x85\xd8\xc2u\xe5\x02\x89\xa2&lt;\xb8\x05\x81\xedze6\x02\xc5\xad\\\xd9\xa8?P\xb5YY\x08E\x02\x91VJ\x90\xe5&gt;84M\xa3\x8a\x87\xa6\xda\xba\xad\xc4\x03\x8a\x90\xf2V!^\xaaVJ\x1f\xe9\x1f\xd0\xf3\xcd\xae\xd7v\xda\xe6\xcaZ~X\xeb={\xce\xf9\xce\xf7]\xc1~\x89HHF\xb0\xb5\xf8\xb7\x8fRT\xd7^\xbaF\xa6/\xa5\xee:y\x10l\x1d\xc8\x9f\xcb\x1f\xe9-\x0fw/ \xb1\xd6\xe7\xe6\xd6WV\xee\xdc!\xb6\x1e\xfc\xac\xf8\xcd\x903\xc6-\x8b\x03\x8b|\x146&gt;8\x9f\xc22\xcd\x9eg\x1f~5a\xed\xef\xff\x8b"!\x8e\x1cfI;YL\x1c\x8bGH\xabz\xbcaGI6\xa9.R\xd2\xff\xb8\xe1\xf8k\x04k\xa6T*\x11[\x07KS\xb3K\xc3\xf9\xfd\xb9\\y\xbd\x1bCi\xa1V\x1b(\xac,\xac\xa5"&gt;\x18\xbd\x18r\xc9CnIiX\x96\xa1#sSF\xb2\xbe)\x9f&lt;\xfe\n\xc2\xd2D\x07S\x11\xa8\xb2,\xe1n,\x06\xdc\x12\xc9bu\xb1\xean\xc4"\x9bM*\x805=\xfd\xdb\xef\xa4\xb0.]\xbav\xf4\xcd\x99\xd2\xfc&lt;p\x81\xb5\xa9\xc1\xe5\xd3\xe5\\\xae\xf7:,\xb521W\xab\xcd\x15\x16\x16\xee|\x9c\x8a8t6\x04Q\xd2\xb2,\xd3\x08\r\xd3\x8e\xac\xd6\xc6\x86\xf4\xd1\xdc\xfd\xc5\x87_\xff\x7fC\xde\xe3\xa7\x8f\xe2\xd4\xea\xcc\xb4\xa4\xf0+\xcf+\x8ee\x81\xb3l\xc5Uq\x85E\x805\xbd8\xdd\xdf\xbf\xf1\x8b\x8fRXG\x8f\xa2\x16K\xf3\xab\xf3\xa5\x93hDS7\x8b}\x87\xca\xbdG\x00\x07v\xaf\x11\xac\x955b\xeb\xd3\x07\x83?\xd8\xc5y\nK"\x15\x0c\xd3\xd2\xe1\xf6\x0f\xa9\xd3\xbfBf&gt;\xff\xec\x7f\xcd&lt;(\xbf\x7f\x90|p\x15\xe3\xa6a)\xed?|\xe83\x8b\xeb$\xf0&lt;O\x8b\x8a\'\xdc\x98L\x8f\x03\x19\xdfx\xe9R\x13\xd6*\xee\xf2%\xb4\xa1\xa9\xf1\xe2\xf2\xe9\xe1\xde\xde\xda\xdc\xfa\xa1\xf5Zo\xbeV+,\xac\xc1\xf2\x1f\x7f:\xd8\xb7\x0b\xec\xa7\xc7\xecx!\x84\xa5\xb8j~f\xbec\xf7&amp;:S\xfe\xf7\x90\xd8\xde~\xff\x19\xb5\x19\xa2JXx\x9a\x8eD\xf4|\xda\x118\x8e\xd2\xda\xf3l\x9d\x08\n\xfc\xfe\xfe*\xca\xf1\xd7\xbf|\x83\xd2\xe1(\xdc5\xb3:69\x05!\xe7\xa7~W\x1c\x02]\xf9\\mn\xa0\x96\xcb\x1f\xb9&gt;@\xb0H\xc5\xa13$\x9f\xb4h\xe7\x8d\xd1)\xa9\x02#\xd9\xb4\xbc)[\xbc\x99\x9d\xff\xde\x91\xfa\xed\xed\xef\xff\xfd\x89vi\xee\xf0\xe1*\xa0\x8a\x12!+\x8b.\xe7\x829\x8e\x03\xb6\xf0\xf7\xb1f\x91\xef\xa2\x18q*\x17_Na]\xba\xf6\xe6\xcc\xea\xe4\xf8\x07\x93cSS\x93\x87g\x8b\xcbWs\xf9|o\xedz/=\xd2\x7f\xc0#\x15o\xfd4\x13\x02\x13~.`\xc8N\x83\xd0\xb0TE\x13\xf4I\xd9\x92Sf\x9e\xfeu\x0bW\xfb\xcf?\xc3\x98\x00HA\xa0\x18\x9e,y\x92\xd8L\xb8\x0ecL\x01\x95\xf2|\x1f~\x13\t\xb3\xfd8&amp;X\xd5\xfe\xcaO^&gt;93C\xc8fV\xbf\xff\xc1\xe0\xe8\xf8\xe4\xf8\xcd\xd9\x1bC#\xc3\xf9s\xfb\xf38\xb9#\xb5\x01\xe4VZ\x8a\xa7w\xa5\x90\x00\x01d\xf5\x84i?l\x90d\xc2qfh\xb6\xf6\xa8\x18\x99\x9eg\xadp\xfd\xf3S\xd2/\x8a\xf0\xdai\xaa\xf0d:`B g\x84\x8d\x19\tG\xfb\x84QG\\\x07\x91\x0b\\\xd5j\xff\xf7\xee\xfd\xf0 `]::\xf3\xdao\x06\x87\x86\x8a\xb37o\xdcxk\xf9B\x19l\xe5r\xf9\\yx.\x85\x05\xb6\xfaNHNj\xa5d\x99\xe9g\xbf!]\x03\x8b%`\x99\xad584Y&lt;y\xdct\xd8#7\x08\xfc\xc0\xf7=\x1bO\xb7$\x8f7\\\x07\x98\x80J8Z\x91\xb5\x94\x0e&lt;.\x84+\x00-J\xaat\xfa\xcf\xde\xfb\xd17\x0e\x12[\xafM\xde\xbarey\xa8X|ky\xe9\x02J\xb1\x97&gt;\x83thb\xbd\xc9V\xdf\x19\x93\x9b\x9b\xc7\x08\xc3F^5\x17+\x99\xcc\xe1\x86\x94\xdbW\xbc\xc8\x9e/\xee\xa7\x84\xc1\xe78\x9eC\x15hr\x11W|\xc6C\xb4U\x0e\xb2&lt;\x8f4\xf4\xfc\xac\xcf\x99R\x11\x17Z\xb9\xd0\x11\xb0\xe2c\xa7\'\x7f\x7f\x10\xb5X\x1a\x1b\\[\xc0\x15\xfaWKK#\x17&amp;\xca\xe5\xf2;\xb5u\\\xc4\xd6\xe7\n\x85\xc2\xca\xca\x81\xef\xe2\x9d\xd2:\xb3md\x81\xa5M\xe1\xb8r \xa3\xb1\x1d\x17\xdadz?J\x88)Be\x99\x16w\x82\x006\x12h_\x9c\x81,O\x91\xe3\xfd \x1bpn\xab\xd8\x93\n\x8f\r{\xa9\xae\xb7\x0f\xcf\x9f$s\r\xae\x9d?\xfe\xed!\x9dte\x00\x00\x04\xb8IDAT\xf3\xdf\xbap\x1a7\xb0\xab\xc3\xc3\xb7q%\x1b\xe9+\x1c/\x80\xad\xee\xfd\x19\x93v\xb44T4d\xab\xeb4a\x98\xc2\xb3Ms\x07] ,|z\xbf\xbd-\xeb\xfb\xdaq(\xd8-bD\xc0\xe5B\x02\x94\xb0\x81\x08\xb0\x94O\xb0\x80S\xa9\x04tq\xed\xa6\xd5\x98\xc8\xae\xdb\xb3\xc05\xb3:z\xa70P\x9b{{\xa2\xfbB:6t\xf7-\r\r\x01\xd6\xf1\xc2\xc4\xa13\xb4\x12"]\xa6D_ +\xdd\x03\x87@\xdd\xa4K\xa2\xcd\x99\\n\xdb\xe0E\xd6\x97\x9f?ns)/A\x96\xb4Xd\xdb\x10M\xdb\x96\xc90\x1e\x11Q\xf8\xb3"\xb6\xb26\xe7\x8eH\x1c\x1e\xb1P\xa7|\xf5G\x99\xae\xe1\xd9\xf9\x99\x99\xf9\xf1+\xe7\xaf\xe7\xaf\xafcB\xc6\x05\xac\x1b\x97\x8a\xe2\xe0\xe0B\x01"\x96O\x80+I"PBH8\xcbh\xa0j\xc1\x02]\xbe\x8f\xc9\xd0\xd8\xb1X\x8c\x1c\xd6\xe6BB\xcf\x06[\x14\x070\x92\xa6\x82d4\xe3j\x0f\x0fN\x03\x96\x93z\xad\xc2\xb5\x82\xcb\x90\xaa\x18qx\xe6kWg\xa7J\xa5\xb1[\xe7_\xbd\x9c\x7fg}"\xbdE/\xbdW\x1c\x1d\x05\xac\xc2z\xbekO\x06\x1cY\\(\x1b#\x8dev6G\x06\xb4kk\x13\x08w\x92\xc8\xda^\x8c\xe9V\xb6\x8c\xd9\xe6\x81\x14\x87\xa6!\x02\xe5\x06\xbebf\x87\xa5RS9\xb8\xac\x00\x1c\xc1\xf2\x98\xc5l;A\xa62KD\xd9z\xb5:\xedf2]Wg\xc7\xe6\xa7\x06W\xfex\xf9\\\xbe&lt;q\x00V\x1f\x19\xbaqs|rt\xad0\xf0JWW\xd7\x1e\xc8\xc6m\xf4.\xcel\xb3I\x16\xf9\x8c\xca\xa0I\x97M\xf5d}y\xff\x9a\xd9\x06/9\x18\xd2\x10\x07^\x80\xe3SN \tt\xdas\x84"\xc7\xbb\xd9,r\x9e!/\\[)\x8e&gt;\x9e\xad\xd6\xab\x15\xde\x919v\xf1/\x93c\xa3k\x03\xaf\xbf\xf8z\xed\x10)\xb8T\x04\xaa\xb1\xd1\x85\x81\x17\xbb\xba\xf6\xber\xe2\x05S"\x845\n\x86\x99\xfb\xcctW\x1e\xd5$I\xdbD\xc0\xb4\x87\xf7\xfc\xe5\xd5bF\x9b#\xd2\xd2c\x82\x92\x00\xb7\na\x19\xa6\x8a\\_\xa3@qW\xf1\x90U\x80\x158\x1c\xb8E\xec\x89\x08\x97*\xa6\x82l}:\xa2^\xbb\xef\x93?\xbd;Rx\xf5\xf2\xe5^\x1a\x97G\x86\x8a7\xd1\x8aF\xcf_\xee:q\xea\xd4\xb1N\x89"\x89c\x1b\xbfH\xdeclZ\x0b\xc2\xca\xd6j\'\x011\xa0\xc5\xb6\xb5.\xe4\xfa\xb6\x06*.\xbc@QcD\x03\xc2\xb8\x8d\x0b\x0f"VCD\xa0\x8b\x80\x01\x8dI\x08\xdfU\x81\xa7\x02!\xa1\x0c\xe1\xe2\xf8Q\x16\xa2\xb7\xe7\xcc\xfe\xbd{\xf3s\xb7q-\\.\x1e\x9e\x1c\x9b\\&gt;B+4La[(\x10(/Cftr\xa3c\xd3\xf1\x9cm\xe9f9d]a\xed\\7\xd3F\xa3?\x9c\x15\xc4Z(\xdf\xd5(X\x19F1E?2\x1e\x9ay\x81Kl\xc1\xea\xc2\xabx\xb1/\xf0%%\xb4\xc9N\xd3\x94iZ\xc0K1\xb7\xe7T\xae|\xe8\xc0\xbdw\xff\xf0\xcfO\xce6\xf7\x1b*\xcc\xb8A\xe2\n\x0c\x95V\xb8O\x9a-\xb2P\x06-\x15;\xb8G\xde\x15\xe6V\x9c\xa5\xb08q\x15$\x1a\x81\xe9j\x1bv\x946F\x9c,\xccO7N\x15\xa5\xb0\xb2\x1a\x94:\x95\n2\xd5\tt\x0ff`\xdb\xaf\xf7\xf3\x14Vz\x84#v\xef\xea\xd9%\x19\xf5\xdf\xc6|`\xdb$a\xa28-\x81\xbb\x1b\xca&amp;Y\x06\xb1\xc5X\x0b\x03\xc9X\x0f&lt;\xb6c\xd7_\x1b\'_\xf9Y\r\'k\xcf\x0e\x91)\x0cv\x00?`\x0bd\xc1Z1\xc1\n\x14\x02"\xfb\x1c\xdf\x8a\x94J\xef|\xb6\xeeW\x06\xbdsN\xaf\x82\xba\xc1\x1c\x84?\xa5\x13L\x87\x01B"\xf0\x1b4\xf8\x97ag\xa74R\xd7\x18\xf4=\xbc\xe6\x165\x90\xb1\x9eE\xdb\xdd\xc9\x16j\x10\xaf\x8b\xb7dkMTr\xc7\xcf&amp;\xd9 \x00*T\xa2\x0e@]\x02X\x1e\x026~\xb8\xa1c\xcc\xb0\x11\n\xd5\xb6#\x15\xd1;\xe7\r\xb6\x10}\x8c\x9a}\xe30Ge\x15\xea\xd8\xd7\xa2\x073`\xd8\x13v\xca\xa6\x84\x94\xfa\xd4\xdd\xb6\xc2\x8ayu\xe0R\x96\xd9\xda"I\xb0TPO\x84a\x86\xda\xf5\x19=\xc5K\xd9!\r\x19b\x0b\x86\xcf\xe2Ynd\x0b/\xfb\xf0a\xc5\r`B\x05`i}\x84)("\x0cT\xa1\xbf\x03%:\x97\xadP0129B 6n=w\xef6\xa6\x08+\xcd-\x0c$|\x8b\x1b\xd3\x0e\xeauD\xd36\x15\xdb\x98\xed\xd5+\xda\xec\x90@\xe0X\x18\xaaA\x16P\x05~3M1!\x12\xac RB\x03\xd6FR\x8d\xb5\x1biH\xe9E\x91"&lt;\x82\x8a\x06\xf0L[\xd1\xef\xd1M19\x06\x81\xcb\xd1\xc1\xa8\xa9Q\x1e\x84IO\x86\xfa5\x98\xa3:I\x83\x7fK2Nt\xf9\x11\xdb\x82\xf5\x1f\xcd-&gt;\xfb\xc5X\xea@\x00\x00\x00\x00IEND\xaeB`\x82'</t>
        </is>
      </c>
      <c r="M352" s="3" t="n">
        <v>45492.67827546296</v>
      </c>
    </row>
    <row r="353">
      <c r="A353" t="n">
        <v>974556</v>
      </c>
      <c r="B353" t="n">
        <v>1963</v>
      </c>
      <c r="C353" t="inlineStr">
        <is>
          <t>Gabriel Menino</t>
        </is>
      </c>
      <c r="D353" t="inlineStr">
        <is>
          <t>Gabriel Menino</t>
        </is>
      </c>
      <c r="E353" t="inlineStr">
        <is>
          <t>VOL</t>
        </is>
      </c>
      <c r="F353" t="inlineStr">
        <is>
          <t>VOL</t>
        </is>
      </c>
      <c r="G353" t="inlineStr">
        <is>
          <t>VOL/MC</t>
        </is>
      </c>
      <c r="H353" t="n">
        <v>176</v>
      </c>
      <c r="I353" t="n">
        <v>25</v>
      </c>
      <c r="J353" s="2" t="n">
        <v>36797</v>
      </c>
      <c r="K353" t="inlineStr">
        <is>
          <t>Right</t>
        </is>
      </c>
      <c r="L35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d61552a-1f3d-4bb3-8001-bbf357045d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\x98\xb8\xcf\x00\x00\x00&gt;tEXtComment\x00xr:d:DAEewil2SDw:3479,j:8640573334177784359,t:24020218X\xa8\x8b\x83\x00\x00\x00\tpHYs\x00\x00\x0e\xc4\x00\x00\x0e\xc4\x01\x95+\x0e\x1b\x00\x00\x03\x00PLTE\xff\xff\xff\x01?,\xdb\x8af\xf5\xf6\xfa\x00I5\x08\x03\x02\xe0\x8dg\xfe\xfe\xfe\x00P:\x00B.\x00E3\xf3\xf5\xf8\x00M8\x01R?\xd7\x87c=,$\xe3\x91j\xee\xa2~\xfc\xfb\xfc5\'\x1f\x1c\x10\n\xd3\x84^\xe5\x94m#\x10\t\r\x06\x04\x8dQ7-\x1f\x18\xeb\x9at\xef\xf2\xf6\xdd\x8fj`4!\x17\r\t[.\x1d9\x1b\x0fK=3\x14\x08\x05G8/,\x14\x0bT0"Q+\x1aUF&lt;\xcd\x80[i&lt;("\x14\x0e\xc3wU\xe8\x9dz\xf9\xf7\xf7\xf6\xa7\x88O=1\xcazW\x9aY=\xe9\x96p\xdc\x93q\x02WDW;.\x87L4\x9cO3\xdb~^w?*A4*\'\x19\x12\x95T:aRE4\x18\x0cF$\x16\x80J3\xb9sTZ5&amp;p?)\xa2]@@\x1d\x10rdY\xa4cFh6#M&amp;\x16\x02F0P6)k\\O\xf9\xac\x8d\xcdrRH\x1e\x10\xa9jN\\MCPB7a9(\xf4\xa1\x82\xe5\x99v\xce\x83d~D-\xdf\x96v\xdc\x99}\xd2vT\xd6\x8ck\x009)H)\x1c&gt;%\x1b\xb1hIxG1\xb2oP\x87D*\xc9qO\x04_LWA5\xed\xef\xf4\xe0\x84c\xe5\xc6\xbc4!\x18L/"\xb8nM\xc6nKq8$\xc0rO\xf1\xa7\x82\xc6|]s^P\xaccCpD0\xd6\x91sdWM\xd1{[\x84S=\x8cYD\xd7{X\xb7\xa8\xa1\x8bvh^E9XI?kTG\xc3\xb5\xaf\x82pe\x98_G\x91J/\xf5\xf2\xf2\xe7\x91r\xdf\xe5\xea}gZ\xae[?\xec\x8ck\xd4\x7f`\xf0\xec\xec\xc5\x84g\xb4\xbc\xc7\xdc\xa1\x88\xe6\x87ggB2\x99\x82u\xe5\xc0\xb1cK?\xab\xa1\x9e\xd0\xc6\xc3\xe8\xec\xf0\xc2\xac\xa4\xce\x8amnJ;X&amp;\x19\x89zq\xe6\xa9\x8f\x93\x82;\xbbeH\xa6V8\xe9\xce\xc4~&lt;(\xe7\xe1\xe1\xeb\xa5\x87\xe7\x9f\x82\xa7qY\xf1\x9b{\x97td\x81]N\xe4\xb0\x9c\xd9\xa8\x94\xec\xe6\xe5\x9f\x8a\x81\xc1iH\x14H.xPAf.\x1e\xec\xd8\xd2\xc7\xbd\xba\x8e\x81|yj`\xa3\x88;^@0\xa7\x93\x87\x9cjS\xef\x94t\xa7\xb1\xba\xdf\xdb\xdd\xde\xcd\xc7\xafuZ\x8eeT\xb5\x92&lt;Zp&gt;\xde\xd5\xd4\xbey]\xd5\xcf\xcd\xbe\x9dB\xb5b@i\x9b\x95\xc8\xd4\xd8\xb2\x98\x8c\xa0\xa7\xae\xc3\xc9\xd1\xa0\x95\x92\xe4\xb8\xa7jo9\x8b\xb1\xae\x96\x9f\xa2\xd6\xdf\xe3\xb5y^\xcf\x8cX\xbaSH\x16j\\\xfa\xb1\x94\xbb\x80f\xd9\xb4\xa5%R2\x8a7/\xde\x8dp/xlI\x86~\xd6\xbc\xb3\xb3\xcd\xcd\xd6\xb0GJd8\xa3JAc\x84\x848Z3\xd1\xd7\xe0n\x7fD-h_\x96@8\xa8\x94F\xd2\x9c\x84\xdf\x7fp\x14R8?kA\x84\x89H\x80x8\xc2\x8ey\xa7|h-_:\xc7\x9c\x8a\x03/$\x9f\xc0\xbd\xb8\xb6\xb4\xc9bU\x06&amp;\x1b\x8b\x99\x98\x1d[O\xee\xb9\xa4\xd8mf\x16..\xd3\xa9f*HIFecxm\xb5\xbf\x00\x00 \x00IDATx\xda\xcc\x97\xdfO\x13k\x1a\xc7\x8d\x89\xcc\xc5&amp;\xbc\x9c\xce\x1c\xa9cBa:\xc5\xc1\x96\xa6uM\xa5L\x1d\xc4\xeea\xc40)\xce\x10~\x9eP\x95\xa6!E \xa7\xc2 \xfd1\xa5\x02[c\xcd*i9\x0b\xd6@D\x08$H4\xb4\x11\x12\x02\tKHL\xb8\xf2\xc6\x0b\xfe\x83s\xb5\xdex\xbf\xcf[\xce&amp;{\xae\xf7\x0c\xfa\x10J\xaf\xc8\'\xdf\xe7\xfb|\x9f\xe7=s\xe6\xff+\x820\xd8\xff\x92NO\xd9\xed\x04A\x9c\xf9n\xca\xbe\xf3\xf5(\x9fL\xe6\xf2\xd9\x83\xb4\xc1`\xf8&gt;\xd0\x88\xa9\xac(s\x0c\xc32\x8c\xa2\xe6\xbe.\xa5\xa7\xbe\x030\xc20u\xc4\xb1\x8c\xa2\x00\x16\xcb\xf3\x8c\x9c\xcbn\x1e,\xa5\xed\x86oI\x06\xae\x9a\xcar\xac\x83\x93\x05A\x154\x8e\xe1YF\xc8\x1de\xb3\x9b\xeb\xe9)\xe2\x1b!\x9d!\xec\xe9\xa5#N9)M\x10e\x85\xe1yV\x85*d7\xbf\xee\xdb\xbf\x05\x18a_\xdf\x8f\xe6\x0b\x1a4\x0f\n\xf7O\x90$\x86GHS\x05FS\xf3 \xd97\x10\xcc\xb0\x94\xcd\x17TU\x06\xb1\x1c\x18\x8cG\xac\xa0\x85E\x1e\x91\xbc\x10\xe6\x18\x0eL\x16=8m."=\xfb\xb6\xa0bC\t\xb2\x83\'C4M\x93\x88\x17\xb8\x82\x8aHR\x11\x05\x85\xe3\xb8\\vv6}\xaa\\\xc4z4)\xcb\x92\x98J\x8a\x1a\xa2=V\xab\xd5d6S\x88\x97\x15\x91!=H\x96XN`\x84B\xf4\xe0\xc0~\x9a\xae\xda\x9f\xd8*\xc8\x9c\x98\x944\x9e\xa4Cd\x08\xd4\xf2X)\xca\x83\x18NE4\xcd\x08\x0c#\xc3\x0c\x146\x0fv\x88\xd3\x8b\xaa\xfd\xe8\xc7\x99\xa4(\n\x0c4\x0e!\x9eG&lt;\x89\xa1(\x13\xc5\xf3\x1a\xeb\xb1\x86 Z9\xce!\toOQ."=\xf1\xf1\xe3VLb\x11\xcfr\\\x90a\x11MQ&amp;\x93\x89\xf2@#C$\x1f\xb2Z\x01UVXM,L\xcc.\x9d\x96\\\xeb\xd1\xad\x99XR\xe5\x10b5Y\x95Y\x1a\x94\xb2B\x17)\xab\xd5l4\x91$|#I\x92cH\x87\x94LFO\xab\x8b\x86\xafy1\x19\x13\x14\x06~\xa0X\xe8\x9f\xd5\x03\r4\x1b\x8d&amp;\xcah\x84\xef\x1e\x935D#\xd6\x83\xb4\x82(n\x1aN\x87\xea /%dQ\xe2IX4P\x10\x084]\x1c\xc6b\'\x8d\xe7\xcc&amp;\n\xd4\xa3h\xd2\xeaa\xc3\xe1p&gt;}:T[3\xc9\x94\x18\x96\x04\x9e$\x11\xcb)\x1cO\xd3x\x12C\xd08\x8f\xd1h&lt;g4\x9a\x01\xcfL\xc1h\x86dU\x14\'NA.\xc3\xceQN\x94$),\xaa\xb0\x97yF\xd3\x18\x12\x03!\x12(\xb0VPE2\x8cFYyA-\xe4\xf47=\xdcV9\t\xa2\x1d\xc0D\xc1\xe1\x80\xcbA\x81\xad\x03&amp;\xb7z P\x8bP\'\x05&gt;\x03\xfbS\xa4,\x8b\xe2\x11\xec }\xc9\x88\x83\\L*\x96\x08\x9a\xa5DI\xd64\x00\xc3\xbb\xc7J\xfd/\xd6\xb9b;\xcd\x14\xaf@\xc0\xe6\xb2;\xba\x1e\x13\xc4\xd4Q,\x16NH\x12\xacBA\xd68\x98E\r\x06\x92\x0f\x81V`\'\x98\xc5s\x7f,\xb3\x07\x1a\x0c\xa7\xe1\xd6\x81\xaeg\xe1\xd2\xd6\x0c\x0c\x97\x00W\x03&gt;\xfcd\x07\xcb\x167"\x1d*7c?\xe1\xfa\x03\x9d\xd1\xe4\xa1=$\xaf\xe6&amp;\x96\xf43&gt;a8x\x1bK&amp;\x05\xd0H\x90D\xb8F\x19|^A\x91\x90\xef\xa6r\x8b\xa5\xaa\xa9\xa9\xb5\xb5\xb5\xa9\xa1\xa1\xdcl&gt;W\x843\xe3\xf0\x0f\xb1\np\xe9\'\x97as&amp;Y\x10\xb8\xe2\xdd\x07\xf7;\xa7\t\xa0\x19\x87&lt;f\xa3\xb9\xbc\xa1\xf5ve\xf3\x10\xae\xe6\xe6\xe6KU\x16\xca\x0c\xd9j4\x19\x8d\x90b,\x92\xa3:\xde\xaa\xf6\x7f\xe6R\xaa\x02\n\x91$\xcf\xa9\xd8b\x90\x0f\x1ek90\xbd\xac\x18\xea\x9c\xac\xab\xab\x9b\xec\xeb\xeb{=\xd4\xfc\xfeek\x83\xc5b\xa6L8\xfa\x01\x8b\xcc\xef\xe8\xf6\xea \xec\xd1X\x01N\x19\x84\xe7K\xe3dU\xe2ZB\x16\xaa\xa1\xa9\xb2\xb9\xbes\xf2\xca\x13\xa8E\xcc\xf5\x1aj\x08\xc0\xa0\x9b\x14\x0e0\x92Atx\xd6\xaeWJ\x10;\xb9\xa4\xa488\xfc\xf2R\x94D\x18\xbe\xb7T5\xb4V\xd6\xf7]\xa8[&lt;\\X8&lt;&lt;&lt;\xe1**\xf6\xbe\xf2\xe5\xed^?4\xd3\x1cR\x10\xa9\x1d\xa5us\xfcQ8\x16\x139\xbcu\x94DJ\x92\xe3q\xd7\x8d\xd6\xf7}u\x8bO\x0e7\x06\xa166\x160\xd6\xe4\xe4\tWssE\xf5\x80\xbf\x8a\xa2H\x05!\x85\x9b\xd5K\xac\xfd\x828\x93\x97\x15\xe4A\x9c(2\x8eL&amp;^]\xf9\xba\xeep\x01\x88\x02=&gt;_\x00\xc0\x0e\xff\xcb\x85\xfb\xd8\xdc\xdc\xe6\x1d\xe8\xf5\xfbyx&gt;"&gt;j\xd0I\xac\xcd\xa4\x14\x13e\x9edU\x89\xf18\x12\x89\xb5\x91\xa1\xc9\'\x1b\x83&gt;\x9f\xaf\xa7\xa7\'\x12\xf1\x01\x1e\x96\xab\xeew\xc1\x80\xab\xcd[]\xed\nB\xbaA\x1d\xd9\xf5\xc2*pR\x81sh\x82B[\xd9Dxo\xad\x13\xa8z0\x12\xfe\x89\xf4\x04\x06\x03\x1b\x87\x18\xabn\xb2\xe8\xb0\xce\xcb\xcd\x15^W\x8b\xab\x05\xaeW\x9aT\xf7\t}\xe6pBd\xd4\xa4&amp;\xc9\x0cM\xf1\xc1\xf0\xea\xeax\xdd\xe1`\xa4Xn7|\x00_\x00wq\xb1H\x06`\x9d W\x9b\xd7\xe5r\xb4X!T\xd1[]\x92\x0b\xe2AFr^T \xaa\xfc\xf1\xcc\xea\xea\xf6\xad\xbb\x81\x88\xbb\x1f\xea\xf9s\xf8\x004\xb0\xd7\xc2!N\x89E\xdc\xc8\xbe\xd7\xf5\xd8]\xae`0\xce\xc0aH\xaa;\xfa\x84i\x96\xa1\xe5\xb7"\xcb\x92(\x18\xdf\xdb{|\x7f\xd8\xd7\xe3~&gt;==]V6}~\xba\xac\xc4\xed\xee\xc1\xa6\xc7z\x9d\xa8\xd5W\x8f\xdd\xe5\xfd\x10\x8f\'H\xb8\xf6QV\x1f\xb5\x00\x8b/\x14`?\x07\xe3\x89\xbd\xed;6\xe7X\xa4\xffbmm-\x80\x01\xdc\xf4\xf3~w\x8f/\x80S\x02\xa0p~u\x02V\x85\xd7\xeb\x8d\xc732\xecsR\xd4\xe5\x8dm\xcf\xb2\xf0\xaf\x0bH\xcad&gt;\xec\xad\xec\xde\x0c8#\xfde\xc7]\xed\xc7\xc7gK\x8eA\xaf"\x17\x80\x9dLc\x1dn"`UVz]\xf1L\x02\xc1\xdb\x88\x99\xd5!\xe8\tC\x14\xb0\xb8\xb0\x10\xce\xbc\xd8[]\xb9i\x0b\xf8\xdc\xee\xd2\xd2\xb3gK\x9f\x8e\x8d=\x85\xbfe%g\xfbqJ,\x9ct\x11\xb0^c\xac\xea\xea\x16\xe0\nz&lt;4\x99\xd7\xc1\xf4\x04\xf1\x15\x9e9\\L\x16\xe6\xd7\xbel\xdf|\xb0\x01i5\xe6\x1c\x1b\x83_\x08. s\x97\xba1\xd6\xc6\xc6\xe2bq\x1aq\x17\xa1\x89\x98+\x18\xcf \x9a&amp;e\x1d\xae\x1b\xf0\x16K\xd2|RM\xac\xadn\xdf\xb7\xe1\x14\r\xf8|\xc3\x01\xa7/\x00\xe5t\x8e\x01e\x04{\x0b\xccuX\x9c\xc7\xeb\xd7\xc0]\x15\xd5X\xaeL"\x08X\xac\x0e\x0b\x88\x98\xca#\x12\xd6Njmue\xd76\x18\xf8\xbd|E\xbc\xe27\xf8\x1e\x08\x80Z\x98l\x01\x0f\xe4\xf5\xc9\xc6\xfa\xbfA\xd2\x83\xbb\x12\tD\x93(\xaa\x0b\x16\x9cYRj\xf5\xcb\x97]\xdb\xf0p\x00/g_\xc4\r\x91U\x823\x0b\xa7\xa9\xaf\xb8\x18\x87\x07\x81\x10\'\xc5\xc3\x9f\xae\\\xb8vo\xa4\xcd\xe5r\xc5\xa5\xb0\x036\xfc\x91\x1e\xef\x8b\x1c\x1cZb,\x06vw\xda\x86a=\x07z\xdc%\x7f\xbdx\xb1\xbd\xbdv\xba\xa4\x04\xd8"=x9\xc2,:\x9d\xce\x80mx\xe1\xe1\xc3\x9f\xae_k\xbc7\xf2\x02\x92KJe\xe0|\xcc\xebp\n\xa6%X\xb8\\8\xbc}\xb3\xa6f\x18K\x12q\x97\x9c\xaf\xfd\xe1\x87\xe5\xe5\xf6\xda\xda\xe5\xf6\xe9\x12\xe0\x02\xe3\x8f\x01T\rp?\xb8\x05Z\x01T\x9b\xf7\xc3|"\x13N\xa64\x16%u\x18\xc5\xbf\xab\x08\xb1\x99pl\xa5\xa3\xc3i\xb3\r;\xdd\xfd%\xe7\xdb\x97\xdf@\xc1\xc7\xab7\xcb\xb5\xc7g\xdd\x91\xd2R\x18M\x9b\xed\xfe\x9d[\x8f^x\xab\x07z\x07\x06zo\xf4\xba\xe0\xb9\x14\x83\xc3\x96\xd5!P\x89\x1d\r\xb1\\"\xb6\xb7;\xd7\x01\x828\x9f\x96\x96\x94uuC\xfd\xd6\xdd\xbd\xfc\xe6\xd5\xabW\xcb\xdd\xb5\xc7O\x9f\xfe\xe8\xb4=\x00\xa8\xf1\x91\x16\x7f\x88\xf64TUU5\x84\xfc\xf1\x94\x18\x9b\xd9\x92\x14]\xb0d\x96\xcb\xa4\x92k\x9f\xe6:jjj~,-\xedx\xf6ywe{{e\xe5\xd3\xdc(\x90\xbdY^\xee*u\xd6\xd8\x1e\xdcy&lt;\xfe\xe8\xc5\x80\x9f\x86\xb7G\xb9\xd5\x12\xb2X,\xbd\xa9$`\xe5\xe5\x82\x0e\xebg]ee!\xb6\xb727:\xd7\xf1KG\xc7\xbf\xb6\xf7\xd6\xd6\xd6\x12\xf1x|\xfe\xd1\xca\xa7\xcf\xcfF\xbb\xbb\xae^-\x05S\xdd}\xfch\xe4E\xb5\xbf\xca\xd2P\x15\xaa\xc2\xd5`\xe9\xcd`\xac-\xb1\xb0\xfe\xe7c\xfd*\xb2\\xu\xfb\xdf\xdd\xa3\xa3\x1ds\xa3\x9f\xc6\xdf\xbd\x9b\xcf\x04\x1d,\xeau\xcd\x8fo\xaf\xec\xfe\xf2\xf3\xd5\xae\xae\x9fm\x0f\xee\xde\xba~\xaf\xad\xfaRS\xd3\x8d\xca\xcb\xf7\x1a\x1b\x1b;G.\x83\xc9\xc2\xb9\xdcV4\x9f\xfb\xf3\xb1 \xb7\x18\x0eR\xeb\xb7\x7ft\x8f\xceu\x7f\x1e\x7f\x04T-\xc8\xef\xbf\xe1m\x1by\x87\xb9\x9e]]^&gt;v\xde\xbdr\xe1^\xc5\xa5\xdb\xad\xad\xb7\xdf\x0fu\xe2\xb7Fcc\xfd\xe5\xea\xff\xd0nv?i\xa6i\x18OLV\xce\\q\xa3\x94%e!\x06\x982\xbe\xc5"\x81\xca.\x15\xe5\xa3@\x9c\xfa:\xe1C\x94P\xd4\r\x81\xeaP\xadRAt\xa4T\xe2G\t\x1f\xb6\x86\xc2\x18\x8a\x82\xa0\xd6F\xb4\x13]\x124\xd1\xa6\x89\xc9x\xd2\x98\xd6`\xe2\x81GM=i\xd3d=\xb0{\xb0\xf7\x8b;\xb3\xff\xc0\xcbCH8\xfc\xe5\xbe\xaf\xe7z\xae\xfby\xd48\xfaKh\xdf\xb5Z\x84K%B\xc5\xb3\xef\xc6\xd2\xe9\xcf~\xc0j\xff\xecY[\x0bF\xd6\x1cN\x87\x83, \x93\xc9NOkW?/\x91\xd4\x0f\r\x08\x84T\x95\\\xae\xa2\xd9\xc8\x8a^\x93L\xd4\xd8\xd6\xd6)\x95\xb0\xf8\xd0D\xd7\xb3\xdf\x16\x8a\xe0\xa7\xb3\x0f\'B_\xbe\xae\x00\x97\xff\x8bs)\xe2\xdc~\xb7\xb7\xd7\xd4\x05^.\x1b\x180u\xf5\xf6_E\x90\xf2\x8e\xc9\xee\x0c\xda\xd0\x80R\x85\xdc\xa6&amp;\x13f]B\xb6TJen\x8e\xac\xae\xba\xdc\xaeb`-&lt;z\xb4\xba\xbf\x02X~\x7f\xda\xe9Y\x04&amp;X\xbd\x03\\\x91h\xa0\xb7\xa6\xe6Fei\x957\xd0\xf1\xf6q\x06\xa6i\x95R\xa0\xd8~\xb7\xed!C\x88\xa0\xb1\xa8T&amp;\x7fdk+\\\x1c\xac\xf1\xd7\xa1\xfd\xafG\xcbP\xac\xaf;\x8b&gt;]\x7f\xef\xdb\x1a\x9e\xfd\x9a\x89\xfb\xf8\xf1M\xd3\x8d\xca\xca2K`\xca[\x1f\xbb\x99\x913\x1aTT\xe7\xf6\xe2\x12\xdf(fRi*\xb9\x8a\xc9j\x1eY\xddw\xbb\xdd/\x8b\x11\x9b\x9fm\x85\x8f\x8e\x96W\xda\xdb?/\xfa\x9e_\xbb\x1f\xbbV\xa9\xf3\xb5\x92;\x85\xf3\xdd\xa2\xde28\x15\xa7\xa6\xb2\x96\x9f^\xd8PF\x03*uH#??\xfc\xcb\x95j\x12C,\xa6\x1b\x8d\xcd\x13[\xaebam\x00\xd5\xc9\x11t\xf1\x93\x0f\x9c\xfe&gt;\x9c|\xdbkwI$y4\xd3=PRZ\x1a\x98\x82O\xc7\x0b\x9b\x8a\xde\xa0R\xa9\xd6\xb6n?\xfc\xcf\x95j\xf0\xd4{w\xef\x1a\x9b\xc7\x00kc\xa3\x18\x17\x11\x84\xdd\xf0\xc9\x89\xf5`\xd9\xef\xb7?\x7f\xae\xab\xa9\xa9ir\x18\x19\xb7\xffV\xdd\x13\xa1fDe\x16(\xd6T\xd6;49\xafB\xe9(\xaa\xdc\xf92\xf2\x8f\xeaj\xd2\xbd\xbf2H\x0c\xba\xb8\xf9i\xc8\xe5\x9e\x9d-\xca\x03\xe3\xcb\x93\xdc\x89u\x06\xc4e\xb7\x1b\xe0\xec\xeb\x92\x8ak\xbf\xff\xfb\x15\x92d\xa7\x93&lt;\x80)\x0b\x16\x88\xab;\x8a\xa2hT\xda\xe8\xdcYc\xc9\x8d\xcc\x9e\xbb\x0cR\x83\xb8gt\xc4\xb51;[\x94\tv&lt;\x97;\x99\x99Y\x9ek\xb7\xf3\x00\xab\x97\xad\xda\x19\xf93\xf4\xb0\x91+2\xe9,\xf5\x05\xac\x00`\xd1\x00KE\x95\x82\xc1\xc36\x04\xc5\xd3\xe9rq\xcf\xe6\xc8\xfe\xc6\xec\x9b\xa2`U\xec\xe6rV\x0c\x8b\xc7\xe3]\xbd&amp;\xa25\xfe\xebK:\xe2\xf4p\x1f\xcb\xfa/{\x18\xa8\xafo\x89\xddT\x8a1,a[\x1b6bDQ\xb9\x98\xc5d17\x1fmm\xbcyS\x94\xbb\xb7\x8a\x85\\.W\xc0\xd2\x03\x96\t|\xb4\xb5\xab\xd5C\x16\r\xd4\x94Y@\xeeS\x81\xe1\x96\x8e\x96W\x93\xf3p \xa24!\xb8\x7f\xa1\\4*\x9b\xadV\x07\'\x00\xeb\xdf\x0b\x0bEP\x17\xe1en\xf7\xb2Z\x08\xa2-\xbfZy\xe3~o/\x18|\xbf\xce@\x99*tp\xb8\x03\x06\xeb\xb7\x8f\xa9\xa8\\\x15\xb5\t\xc8"\xae\x08\x02j#\x96\x9b\x83\xc1\x89U\xf7\xec\xeb_\x7fp\xe1\xdfG\xc2\x93\xdd\xcbj!\x08\x11\xd1V\x95\x97\x94LO\x97\x19x&lt;\x031\x95\x855\x05\xfa\n\xd4w\xfc\xf4B\xc8\xa2\xa3Qe#`qe2.\x97\x0c\\\x83\x91\x89\x90{\xe3\x87f~(\x87?\xd6\xf5u\xc0:\x98\x03*X\x08\xa5\xaeN\x8b\xf1\xe9\x89\x1c\xc0JM\x05\xb0\xcd\x08\x81&gt;Ff\xc3Y\x9d\xb1\t\x00J\xa1P\xc8\xb8\x8e\xce\xc1Hd)\x14v\xff\xd8\x13\x8c\x8c\xe0\\.\x02\x81P\xb1\x0b\x06q0\x97$\xfe\xb1 \x93"DMJ\x03\xc5\xb2X\xb2Y\r\xc72\\\xff\xaa;\xb8IGi\xb66\x11`\xc1\x87+h\x1c\x0cbX\xae\xef\x9a\xc7\xa2k\xf8f.\xc2\xf5]k\xee\xeb\xd7#\xeb\xf2\\\xe2\x12\xa9\x8f\xc3\xe1$\xe07G\xa3\xd1@\xb1\xea\xb3\x80wq\xd62dR2%tyT\xd9F\x06\xae\xcb.B\x13\x1f\x00\x969\xf2\x14\x1d\xc4\xf5V\x90Pqb?&gt;\xd6\xf9\x8e\xc0\xe6\x01\xa5\x8f\xa8\xe9\xeb\xe3$\x00+\x01p\xc0\x95\xb2\x04R\x14\n\x05\x99~u_D\x13\xab\xe4\x10"\x84\x02\x11\xb4\xf1\x85Ht\x89\x95\x0e\xbbF\x97\xf8Q%\xae\x13?a\xc1\xb7\xe7\xcd\x96\xeb0\xac9(\x95F\xc3\xe1\xdc\x01\xa0\x94\x06\xa3\xe2pR@\xd5\xe5\xf1\x19\xee\x0f\xc8\xd8\r\x0c9\x8aE.\x81H6\t#,\xecF);\x08X\xe1\x9f\xc7\x8clZ\x18\xd7\x19v]\x91\x8f\x95W\x19\x96\xad\x17\xff\xc7\xc2\xb8\xee`t\x80\xe5\xcd\xca\x18tr\x17W \xa5\xff\xa9\x1a\xc3\x02\xe7\x12A\x17\xa1X\x10\x05\xd9\x9bk\xa1p\xd8\xdc#\x0e\xd2p\xbdC%\xac\x9b\xf2\xb1\xe3\x92\x92\x15\xacZ\xb0\x13\x0be\x02\xb0\xc2\xe2\xdc\xd1h\xbc\x96\xf9\xa8\xa9\xc6$\xa0\xd1\xab\xaf\x90P9\x1d\xc5\xb4\x05\x16\xc1\xc5."\xd8\xec`$\xe4v\xf3\xc5\xe2`0\x8d\xa7\xa3\x12^6\xdd\xac\xef++\xf3\xc7\x0f.\x96\x93X\xb54\x9a;\xefa\x01\x15|9\x1ao\xcb\xcd\x98N\xa7Sd\x18$\x12\x1d\xa8\xa2B2\x17\x82+,\xa7`\x90\xad\xc6\xb06\xcct\xb9*\xb2\x84g\xba!\x8c\xfb\x0e\xeb\xde\xb7O\x7f\x8a\xcf\xcc\\`\x9a\xe7h8\x18V\xa1\x87\xefA^\xde\x96\xc9\xd8\xde\xde\x87\xc5N1\t\x92\x0c\x8c\x18\x02\xf0\x06\x10\x16\xac\xc6Ahb$\xb4\xe1~\x00\xa7Rp\t\xcf\x19\x96P\xe1?\xa4\\$\xaf\xd9\xe3\xd6\x99\x99\x04x\x95\xa6\x8f\x03PX\xb1\xfe\xb7\x15\xb3g\xfd\x1e\x98\xd2\x82\x10\x0c\xe9,\xaa\xad\x8d\xdcj\x82\xf1\x03\x94\x85]&amp;\xa97\xc7Vg\x9f\x8d\xa9\xe5\xa8d\x1fW?%\x1c\x9c\xa7\x88u%\xcf\xe3\xf1\x19\xeb\x1c\x92"\xa6\x88\x1c\xacy\x97\xf5\xc2\xa8\xbc\xd3\xad\x83\x12Ip\x13\xb0\x18b\xa5\xb0\x91\xach\xeaU\x88\n\xb76l\xb5dsl\x7f\xf6\x19\x7f\rE%\xf8\xeeD\x82\xd5\x92MQZx\xf1u\xabuY\x9bJ\xa50;\xc5tU(V*\x95\x9d\xeer\xb0a\x94\xedT\xab\x1a\x18b\x16UJ\x16\x99\x00\x0b\xa3\x82bI6\x1f\xb8f\x7f\x1b\x8d\xe0\x8f\x15G\xb2S\xc3-\xc4\x99\xb85~\xa0\xa5 \x14"\xf8\xe9\xe56\x04\xf7\xa2\x94\xe8\xf6&lt;\x0e\x05\xcc\xab\xad\xbd\x8a6\x18w\xc4r\x9a\x94,\x93\xc11](\x16\x7fs\xc2\xb5\xb1:\x9aAQ\xb5\x1b_\xac\xf5D]\xa0\xa3\x84x\xb1\x0e\xeaJj\xe1\x90\xee\xeb\xeb+(\xeb\x0e\x87\xc8[tz\xbajnL\x0f\xfd3\x16\x9b\x14\t\x04\x02)K~\xef\x9eQ\x8d\xe9J\ni\xab\x99?\nX\xaf\xf9\xd1(sm\x16g\xacd\xa0c\xb8\x8a8\x17\x8f[\x0f\xfc\x18V\x81\x0bk\xe1\xf1^\xa7d\xb0UW2}\x1e\x9b\x9c&lt;\xcdC,\xed\x9e\x97R\xc5\xdf\x93\x1a\x8cl)\x1b\xab\x15`\x8d\xec\xbb\x7f\xe91J\x96\xd29|o*_&amp;\xeb\xcf-D$Q\xc0\xd2\x17\xc2\r\xa8\x8b\x98B&gt;x"\xea\xcem\x83\xa1?\x16;&lt;=\xfd\x98\x9f\x17\n\x856\x9bM\xcd\xa23Ht&amp;\x15\x84\xd5\xcc\x07\xac-\xf7\xed\xbbFfz\t\xe7\xb7\x8c\'\t\xcba\xc9\xfb\xba\xe4\x014\xd1\xaf\xff\xbd\\^Ck\xa7D\xe2\xf0\xb5\xebL\x93\x87\x93\xa7\x1f?\xe6\xf3\x99h4\x9a\xc9(\x95l\xb6\x91\xce\xa0\x1b\x99X\xb1\xccO!\x9d\xde\x16\x8b\x01\x0b\xe7w\xc5\xf1\xb9@\xac\xe58\xa0\xf5[\xad3+0eh!\t"\xbc~\x8fs0\xe8\xfc`\xdf\x03\xa4&lt;0\xe5\xe7\xf36[&amp;\x9a\x81\x08\xaf\x86-(o\x10\x1b%|&gt;`\xfd\x1a\n\xff\xc0\xec\x91\xa4C\xe38\xe7\xad\x03\x10\xbae\xb8\xca~\x04y\xbe\xdd`\xd7k\x91$\x82T\xee9\x1cN\xdf\xf3&amp;\x80\xca\x7f&lt;=,\xac\xd3\xd3\xfc\xbc\x92\x16\xa5\x0eJ\x07%b\xb9\xb1\xb9\x805\xb1\xeaz\xca\x0cFvp\x0e\xcd\x84\x8a\x992$\x91\xa2\x94\x1aV\xe2\x80\xc5\xe3\x01\x16tR\xbb\xe7q~\xf0\xbd\x93\x89\x80\xe9\xfc\xdb\xb7o\xe7\x18\x16\xe8\xcbF\xa5\xb1\xa5R)\x9b\xc92\x02\x14\x7f\xf4\xd6\xc4jx\x8c\x19L\x87q~\xb2&amp;\x10\xd6\xcf\x8e\x13\x94\xaa\xd2\xabv\xf0S?4\x11\x16L@&gt;E\x93oO\xc1\x05\xa8\xf3ogg\xbfc\t\x84\xd8\x9b\x9d\x12\xccA\xd2\xc37\x9b\xf9\xe6[\x13\xa1\xf0\xd6R\xfa\x04\xff\x87\xf4\xebs\xc7IJ]\xd5U\xfbQ\xfc`\xae]\x0f\\\x88^k\x80qL\xd7\xdf\xd4?tv\xb9\x80\x0b\xd3\xfd\xbc\xad0!\x82\xec\xd9\xccZ\xb3\xb9\xd6&lt;\x06\x92\x7f\xf2d\xbc\x08\x7fu\x00\xce\xa5\xf5z\xcb\xb5\xfaO\x7ftQ\xaf\xe5\x19tv\xc3\xf4\xd0\xf4\x99\xd7\x1b\x08X\x86\x06\xb8\xdcn\xa1\xa0Q(d+\x0b\\j\xb5\x1a\xb0jk\xcd\xb7\x1e\xad\x9e\x8c\x17\xe7\x7f5*\xd6\x13\x08\x82$\x01\xcb\xba\xdc\x0e\xa3\xb5\xbe]\x8f$y\xbc\xe3\xb2z\x98\x10\xbd\xa5\xa5%\xd3M\n\xb2\xa3\xb3\xd3\x01\xe7\xa0T\xaa\xa4\xb1\x00L\x82=\'\xd66\x9b\x9f\xfe\x97\x97s\x8di2\xcd\xe2\xb8\x16l\xe5V\x1a\xa0\xe5"\xe5\xb2Z\xa0-K\xca=2\x15( `\xa7$[$\x16M\xa5\x94D\x91\xd6\x84\x14\xc1i\x03\x88\x10S\x13,.\nV\x94\xf9`\xcc\x12\x11\xc9\x12\xd00\x04\x84D&amp;\x11\x013\xc0\xc4`\xa2\x8e\x1fHc\xc2\'&amp;^\xa2n6\xee\xfe\xcfS\x98\x9d/\xbb\x99\xd9\xa1=/\xa1\r\t\xc9/\xffs\xde\xf3\x9c\xe7y\xcfy[\x86\xafy\xa8c\x97\x17r\xaf\xee\x1f\xdf~\xfb\xf4\xea(\x82\xeb\xe8Q\xe8\x05\xb2\x8c\x0c\xd1\x0b`\xed?\xc5}!\xb5\xd4\x94vtX\x8d*cN\x0e\xb0n\xaa\x13\xe9\xf4\xc1\xecV\xeb\xc1\x95\x87\x1ek$\xe6\x85\xa4\xc0.\x8c\xdezz\xf9\x18\xa3\xca@\x8c\x1d}\xc1\xfd+\xb8\xf6w\xa6\xa6\xd2\xb1\xbcUU\x99SY\x99S\x14\x13\x97\x98\xa8\xc6EX\x9a\x93\xb9%\xc3\xa3\x1e\xecxso\xaeG\xaf^&gt;\xd6\x94A\x06:\xb1\x98{\xeaT\xe7~zd-\xb5$kQ\xbbWf\xabT\xb8\x15\x13\xd5\xf9\xf9\xf9Uf\xc5a\xa8u\xeeb\xb3\xa7;=C\xee\x8d"\xcf755\xe9\xc5\xd0K\xcc\xe7\xf0\xf9\xfb\xbf\x81u\xc2t\x96\x1a[d$\xed\rs \x97\x1b\x0bv8\xe9\xe2\xf5\x0b\x9e\xa5\xda\xc1\xbb4Z\x87\xe5\xa7)C\xaf\'\xad2\x80\xd5IZur8/^ \xbd\x1am\x1di\x07\xb2\xe9\xe8;?_m\xd6\x90Z\x8a\xf2\x8b\xe7=\xdd\xa3\xce\xbb0Z\xf7|\x9d\xd4\xd2\xeb\xa1\x18\xf5\x1ct\xf2\xa9\xf7\x00\xb7f_\x87m\xa4Qe\xcc&gt;\x10Y)\x8bA\xc0\'jN"m)\x14I-\x0f=\xdeE\x9c2z\xeb\xa7uF\x05\x13\xeb\xe1E\x0e\x87+HG\xee\xe8\x1b\x98\xb91^\xd1-\xeb6\xaaTE\x151\x85\x85\tY\xad\xe7\x92\x92\xa0\xd6\x15\xcf7\x11\x03\xeb\xeazS_\x93\xbe\x0fj\xe9\xc5b\x0e\x97#H\xdf\xb3\xe7o\x97\xfbVm#\xe3\x9a*3p\x12\xa8,-,\xc4jX\x96{Nq\xb8\xac\xd7\xf3c?!(\x9c\x876\x1c}}:\x82\x12g\x88\x04\xa2t\xa4\xfc\xa6\xe9\x81\x99\x91,\xb3\xc1d\xa8\xaa2\x18\xc0V\x91U\x98U\xfe\xa0\xbd$Wq\xae\xfd\x91\xe7\xfb\xf9y\xc0z\xfe\xd6\xe1\xd0\xe9\xf4\x1cq\x06[\xb5\xff|D\xef\x18\x18\xb9q\xa3\x1bT\xca&lt;\x93\xc9\x94\x078\xb3F\xa3h\xe8\xef/)?\xdc\xd6\x9c\xe2\r\xac\xba\xab?\xbd\xddX]u\xe8\xf8\xfa\x8c&amp;1\xcb\xac\x0e\xad-k\\\x13l2D\xc9\xe5r\xa5&lt;\\i2\x85\x86\x06+\xfa\xaf\xf4\x9fM*oy\xe4\x8d\xe1\x87\xd1\xa7\xcf\x9f\x0fm\xac\xae\xccZ\xa4\xf0c\x9f\xde\xd1\xe7X\x9d\xb0u\x13\x952*\x0c\x16\x1e\x16\x0b\xb6\xa8\xa8\xd0\xa4\xf6\xf6\x92\xf2\xa4\x86\xef\xeey\x81j\xc7\xed\xbbCCCO\x805kA\x849V&amp;ff\xac6k\xb7\xc6`\x92\x87Q7x\xd8\xde\xd8X\xd6\xcf\x1c\xfa\xa7\xb2\xb2rT5\xd7\xbd\x82u\xef\xee\xe5\xf5\xf5\xb7\xab+\xd3++\xab\x8e\xd5\xd5\xc1\x1b\xe3\xe3=#\xddY\xc1QJ0QG\x7f\x04\xeb\x05\x0fSF\x05\xe7\x9eT\xb4\x96]9\xef\x95\xc1\x9aKw\x8f6\xf5ml\xfc&lt;=\xbd2=0\xbd28\xae\xd1h\xb24\xe6PPE\xc4\x12\x15qE\x00+\xf4+\xc5W\x8a\xd6\xb3\xc3\xde\x19\xac\x01\x96^\xe7X]Y\x19\x18\xd0j\'&amp;\x065\x06\xd6\xa1\xae\x8c\xdd\xbb+bo\xc4\xae\x88\xcd\x91\x8cXyh\xb0\x01\x15Dn\xff\x13\xaf`]xzL\xcf\xd7\xcd\x12\xd5\x84\xb6\xa3\xc3\xd6Cs\x0fJe\xec\x16\x8f\xbb\x93?"V\xa9\x0c\xa6i\xae\xa4\x06\xafa\x89\xf9:\x87eE\x0b\x03Vw(\rl\xfdz\xae\x80\xfd\xa6\x1e~\x93!\xd8\xach\x1b\xf6J\x82HyzT\xcc\x17\nu\xb3\xd3\xda\x1a\xad\xb6\xb4\xc3\x9a\x15E!\xb5+\xe2\xd7T\x11\x11a\xf2(\x13q\xed\xeb\xe9\x7f\xe8\x85q\x1f^\xcaU\xa8\xc5\x17\xea,\xb35[\\\xf2X\xf7H\xcd\x16[\xc4^\x1a,S\xd2pR\xb0\xb9\xb5\xe5\x9a7f\x87\x81%\xe0\xf0u:\xe2\xaa\xa9\xd6\x96\x82\xab\xc2\xa0\x0c\xdb\xf4\xa2{4*\x0c\xa9^\xae\x94(%&amp;\x83\xf9\xa4\xe7\xab\xadM,1a\xf1\xa5\xc9\x055\xd5\xd5\xa4\x97\xad;\x81\xc0\xf6Rb\x88\r\x0b\x0fW\xd2\\Y\xb8\\"\x91\xe4\x19\xaa\xb2J&lt;^\x9b2\xac\xbacbxQ\xc7g\\5\xd5\xcc\x91*Y\x95!O"\x91\x87\x87Q\x87\x94\\\x19\xee\xfe"\xc93U)\x1a\x9e\\\xf2\x1a\x96\x10\xd5\xb2\xceB\\\xccJm\xc6\n\xd4\xc9\xf1\x12I8\x19[\x1a\xc3\xc3\xa1\x96\xc9\xa0i\x1b\xf6F\x9a\x07\x16\x07\xdbU.\xc5}grAAMAA\xc1t\x8d\xb6\xc3\xaa\x92\xc5$\x16o\x82\x11T\xb8d\x13\xcb\x03\x8f7\xff\x1b\x16\x0c\x11&amp;\x14J\x0b\xdcF\\\xc6\xa2\x185\t\xe6VLBT\xf1\xf1\x06MO\x0b\xcdO\xf2\xbc\x81%&amp;,l0\x84R\x8b\x85\xe9U\xa0-\xb5Y\x8d\xb2\x04u|\x1eb\xcc\xcd\x04\x8b\x8f\xaf2\xb7^l\xbew\xe9\x82\xa7\xef\xc6\x94[\x97\xb1\xa7\x00\x95@\xcc\x11s\x84\xc0".\x96\xc0 \x17\xdc\x18\x9f\xe7\x86b]x\xa6*\xf3\xc9\x86\xefz\x17\x17\xc7&lt;&lt;\xfe\r,h%\xe0\x82\t&amp;LMv\xc7\xfd@iG$6&lt;\x89\xf9\xc4\xc5t*..\x8e/F\xf5\x9c\xd5\xd6~\xbf\xa4\xfd~\xefm\xcfN\x04\xde\x1a\xd2oa!\xbc\xa4\xc9\xb3\x14Y(&amp;\xa0\x16\x82&gt;?\xbf\x98\xf5\x8a\xe0\x83\xb8\xb0\xb3\xd6\xb46\xb4\x97\xe7&gt;\xb8\xdf\xec9\xbdx!\xb5SuC\xd8\x85q\x05b\x91\x80\x83\xf0\x92R\x1f\x10\xcb]\xf4\x90\x8e\xceD@\x94\xafN\xc4\xe7_\xf0\x85a\xb55$\xed\xcb\xbd\xbf8\xe6\xb1\xf8Jq\xba\xce\xd7\r\xe9\t\x8b+\x12aC&amp;\xe6[Xt\x81\xeb\x80\xaaQVQ\x11\x17\x97\xa8N\x8c\x8b\x8b\x89\x89S\xab\xd5\xa0\x02VVOOVp\xd2\xfd\xa5yOU8\xd0j\xec\xc9\xf3\xa1&amp;&gt;q\t\x04"\xec])I0\xbdJ\xa9\x17\xa3\xa8Hv\x08Dt0\x1fs\xf3?\\\xd8@&amp;-\xce\xf7~\xf0\xcc\xdb\x18x\xd1\xf6\xef\x9f\xfc\xbc~L\xcfaX\xa2t\x012\x05\xdd\x8c\xc9\x05\xc9\xa7\xb5\xec\x81\xb9*\x07d\xb2\xa2\xa2\x9c\xa2Cq77O\x93\xb0e4\x1b\xce\xceO\xce\xcf{d\xe0\x94\xe7Sk\x1f\xbb3\xb0\xd1\xa7\xe7\xf0\xe1B\x91(]\x84D\xc1\x17J\x91\xbc,t\xea\x96v 2RUid\rI\xec\xec\rz\xa9\xab\xcc\t\tfsU\x7fW\xd7\xe4\xd2\x07O\xdc\x8d!\x01\xce\xa9\xf33\xb3\x0e`\x899\xd0\n&amp;\xe22?\x02,y\x8b\x0b\x8aeg\xab*Y\x1f%3`%$\xec\xeb]\x00\xd6\xd2\x87K\xdb~\xb2\xcb\xf3\x89v&gt;\xban\x9b\xb5\x10\x16\x97+J\xdf\x03.\x01\xa5\n${\xea\x92\xaf&gt;S\x9a\xc6\xc0\x88\x8df1\x08\x8a\x98\x12\n\x13\xca\x16\xe6\x80\xf5i\tYu\x9b\xc1B\x02\x02j]\xcd\xb6d\x0b\x9d&gt;\x08\xb8\xe9\xe0\x02\x98H\xc4\xb0\xa4tv\xea\xe6J\xa3\xa7\xfa\x91\xee\x13TsbB\\!\x9d\x93,\xba\xe6\xba\xe6\x81\xb5\xd4u{{\xfb\xcbx&gt;\xc0\xb2_\xb7\xd6[,|`\x91\x13\xf7\x80K\x84\xf8B\x91\x83\xdb\xb1\xfe\xf4\xe9\xd3g\x0e\xba-\rX,\x89\x81\xaa\x02V\xb6\xb0\xbc\x00,p\xcd\x7fXZ\x88\xde&gt;\xc5x\x10+ \xdaym\xa4\xdab\xd1\xf19\x94\x1e\xc8\x89\xe9G \x17\xdf\x8dU\xcf\xfcx\xe6\x0c\rbP\xb7[L\x1c{j \x935v/\xda]\x0b\x93\xc0\x82M\xae}~&lt;\xb7m/-"*\xc85\xd5\x9e\x96\x9a*D\xde\x12\x88\x04\x9bN\x14\th\'$\xa5i\x08\xf8\xb1\xba\x9a\x9cy0\xb2\xb2\x08\t\x0cV!kll\xbc\xb8`wu!A\xcc\xcfC\xad\xb5\xc0\xcc7\x8f\xe7\x02\xb6\x05\xccM\x15\x10\xe0l\xceNfX,o\x11\x17t\xa3j\x15\xd1\x85\xf0\x82\xd5\xe3\xda\xc4\x02\xd8!Y\xa3Q5\xd2k\xb7#\xe2\x19\xd7d\xd7\x9a\x9foP\xe6\xe7\xb5\xd7\x01\x7f\xd4\x95&lt;^\x88\xcf&amp;V\xed\xd4L\xe97B&gt;\xd7\x9d\xe5\xd37\xd5\xa2JU\xca\xf4\xaa\xafON%\xacl\xe4S\xa4\xfa"Y\x91Qem\x7fdGhM2\xebZX;\x0e\xae\xc0\xa0\xcf\xaf~X\xf6\xf9\x03d\xbc\x1d\x01s\xb5n(\x8a\xfa\xf3\xd6T&gt;+O\x91\x1b(\xa3\x02\x0b\xab#G($G\xe2\xb2\x10VZv%\x92=\x98\x8c\xa0\x1alv"\xb4\x18VW\xd7\xc2\x1c\xb0\xfc\x03}\xfd\x03\x83\xe0\xcb\xff[2\x1e/en\xed\xf1\x96X&gt;\x01\xd1Sw\xaa\xdd&gt;dh\x0c\x0cn\x04\xd6\x8f\x10\x0c\xc6\x97\xa6\x02+\x92V\xa1\x1c#R\xab\xb5ex\xca\t\x1f2[Xp-\x7f\xf2\xf3\xdb\xe9\xef\xeb\xef\x1b\x08_&gt;\x83d\xb5\xf4&amp;\xa8\xdf\x0b\xc5\xb3\xff\xf0&amp;s-$ \x1a\x17\xe3\xaa\xbd6\x93\xca!\x17n\xeaE\x8f\x19\xa9\xac\x97\n\x7f\xa4\xa1\x16,\x00\xd2\xfa3\x07\xb0\x08UV\x12\x94u\xa6m\xac\xd6\xbe&lt;\xe7\x86\x9as\xd9\x9dK\x7f\xdf\xb9s\xa7\x9f\x9f\xbf\xbf\xbf\xef\xee H\xf6\xea\xbd=\xe4w\x81!\xa6\xec\xef_\x9e\xc8\x0cz\xb5\xa5\x16\xb8\xa2\x9d\xcd\x13\xb4$\n\x04\x0c\x0b\xeb\xa2\x80Cu\x04~\x08\n\x8bdj=\xd4\xc2\x02\x94\x8dto\x1d\x1c\x19v:)\xb4\xe0&gt;\x97ky\xd99\xf9\xe5\xdd\xf1\xe3\x00\xf3\xf7\xf7\xf3\xf7\xf5\r\xdc\x9d\x99y\xe2\xe5\xe3\xf7\xcb\xe4M\xdeo\xa4\x8a~\xff\xeaDfff\xd0K\xe7/\\p\xe3\xed\xe1i1\x85\x94\x80\xc2\x8aa\xf17\xa18\xf8\xbb\x80\xd4J\x8bdv\xc0682\xf3\xbds\xd9\xe5r\x91R\xcbv\xa7\xfd\xd3??~|\xf7\x0e\\~\xfe~~\xbe\xe4\xcb\xdd\xbb\x83\x18\x194\xfb\r`&lt;^\xed\xebW\xcf\xc0\x04\xa1?/\xfb\xfc\x12]\xe0zt\xc5A+"\x90\xb8\x14[\xa8m\x88JH\xae\x05.a\x1d\xa4V\xb7\xb4\x8e\x0e\xeb\xc8\xc4u\xd7\xe4\xda\x97/\xffZ\x9b\x87\x17\xe7\xd7\xbe|\x841\xb9\xfc\xbe&amp;G~\r\xc5|\x03\x03\x89\xec\r4\xab\xe5\xfdo\xd1\xe0\xbf\xb9\xc7\xcfN\x10\x15\xfe%\xf3\xb5\x0f\xd9\x96\\\xb5cw\xfa\x8e\xec!\xa3\xf5G\xc4\xd6\x1e)\xd4\x02\xe4\x91t\xc1\xbf\xfb6\x83\xd7\xb6\xad8\x8e\xd7\x8d\xe9,G\x0e\xf3 9\xcc\xce\x1f\xb0\x83Ok\xfe\x81\x9e\x06o\xe7\xeeRC)\x08\xed0h\x0f\x1b\xa5\xb7\xd1\x83/\xdbn\xcb\xcb\x0e}\x97\x94v\xa3\x1d\xbai\x98&amp;C/\xabp\xcc\x98\x8c\x0b\xa1\x15$\xb1E4\x19\x17[Z\x1d\x17\xd6@X\xf7\xfb\xbd\xf7d\xc5\xa4\xdb/\x12\x92\xc5\x03}\xf2}\xdf\xdfW\xcf _\xbc}\xf3\xbax\x19\xf6\x93\xbb?\xddi?m\xf4\x0e\x8a\xd3)\xb0\x9c\x9eN\xff\xfe\xf0\xd3_\xbe\xf4\xbc\xd0\x12\xe6\x12\xfe\x12\x95\x17l%\x03:`\xd7\xfc\x9f\'\xc0{\x1ft\x15\x14b\x95J\x1d\x84\x12;\xfeU\xe9\xf7?~U\xab\xa8Zy\x1fC\x1e\xb8.\xae\x88\x8f\x97\x96o^\xc7\xdf\xb3\xdch\xdeyuH\x1b\xbdA\xae.jZ\x9fZ\tc\x89\x97\xb0 \xf0-MC\xac\x19\x1a\x82\xc1\x8d\x8c\xbd\xfdV\xaf\xfb_P\x8d\xce\xbe0U\x01\x0bF\xb7\x16%\x90\x82\xab\xd2\x9f\x1f\xbc\x14/\xecV\xca\xe5\x1a\x84)D\xfcG\xcb\xab\xa0`\xad"\xd4\xfa\xe2\xc6\x95g\xcd\xbb\xc7\x9b\x94vNr\n\x0b\xc0\xfc\xc4fa\xce\xb2|f3\xcf\xf7-\xc0"\xa0\xda\x8c\x0bg\x13\x8d\xf6\xeeL\xa0\x00e\xa0R\x85\x14\xebM\x1a\x0f8\x93\x0b\xd5\xee\xee\xd6\xc6\xc6\x8b{\xf7oa\x95\xaf\xe2z\x0b\xc5\xc2W\x82*\x1f\x7f~\x1b\xb2\xfe\xca\xaf\xcdW\xeb\xd0\x82\xad\x91\x96a\xd5\xeb\xa1\xe0\xca\x05\xb6\xed\xd86\x0b\x80\xcc"R-\x92\x97d\x85\x02\xe4\xec;\xdb\x0f\x9cn\x08\xa5p\x13\xfb\xe0w\xb3\x9a6\xe2B\xf5\xbb\xa3\x7f\x06=p\xd8\xe6\xf6\x1f\xf7\x90\xab\xb6\xba\x0cb-\xad^-\x03\xe3\xc3\xca%\xf8J\xfb[\xb3\xb9\xb1i\xd2\xc6\x01\xe8\x01a\x80\x81 \xe1r&gt;\xa8\xe5\xd9\xb6\xed\x85\xa1\xc7\xe0\xc8\xbc\x89\xa6\x11\x9f{\x1e\x9f\xe8\xd8\x98(\xd9y\xa5\x16\x15\x94RJ\xd6`\x97\x9aU\t\xd6x\xf2\xf6tZ\\\xdb\x835\x00&lt;\x89\x90\xec~\xed2:~iE\xbcm\x06XK\xcb\xcf\x1e\xb4wLj\xee\x1e\x80\x04`\x1f$\xc3]\xb1Y\x9c\x81dZ\xe08\x0eK\x1cg8\xe1\x9e\r\xa71\x1fq/\x18\xa1d\xe7\x1f4\xe8\xf4\x92\x98@\xd4S\x97X\xfa\xc9\xd1\x93.\xa5tk\xfd\xcd\xa0\x98C\xcd\x0b\x00\xd6\x80\x05X\x95\xc2\xd7\xd9\x97\x9f\x01\x95\x10\xebV\xb9V\xb9\xf6\xed_\xedmj\x9afo\x00\xb7P\x8e\x96l\xaa\xea\x16\x1a\x1e\x88\x18\x03\x93q\x1f\xa0\x1c\x87\x07a\xc8\x86\xc31N\xe6\xbcR\x0bi&amp;\x08\xa9t\xa1\xa7\xa4\x1b\x05\xdex0x;t\xe3\xf4N:8\xb3\xd3\x00\xae\xaaIw\x0e\x8f\x7f\xb8vY\x88U~\xfe\xbc\xfd\xf5\x160\x99`\xf6|\x86%\xc0R\xd9p\xd3r!s\xec$\t,\xcb\x03\xc5&lt;\x1e\xc0G\xdb\xf3-\xe8\x81\xe2Y\xaa\x85?\x01\xca\x10\xd377\x83\xfah\x1c\r\xdd\x08\xe6}\xe2\xba\\\xd7\xf3y\x193\x05\x01\x06XP\x8fw\x0e_\x88\x9f\x98\x1do\xb4\xd7\xf1\x82\xd9=*\xc9\x81\xa2\xc9f\\\x02L\x92\xe5\xac\x90\'\xb1O8P\x85\x84X\x89\xe3\xda&lt;f\t\xf7\x8b\xb3\xb5\x0b\x18]A\xcd\\\xa5&amp;p\xc2\xe3(\xea\xf7#8\x1d\x8dGz\x86\x05\xf9\x97*&amp;\xd4\xd9|z\xf8\xe8\xd1\xf6c\x8a\xf3\x07\x13\xa8\xc6\xc9\x06\xcb\xb0\x14\x97\xd4M\xb3|\x8b;\xae\x13hE\xe2\xb9\xee0d.H\x16\xe5\xd3\x9c\xa2\xaf\x0f\x10\xea\xac\xd3%\xd5$\x8e\xc7\xa3\xfc\xb8\xdf\xe7\x98\x14\x85\x14J\xa8\x85\x17\x0cc\xff5\xadbAO\xd0\xc67x\x04\xaa\xce\xc9ld1\xa5\x13\xb9\x9ezL\xcc#!\xdcfHE\x8a\xa0\x19PY\x91\xeb&amp;\xfeh\x94\xae] \xa7\x0cc^)\x1d\xcd\x05&lt;c\xbd\x90\xe7}w,\xaf\xe3\xcd\x88RK\x86\x9aa\x1c\xf4R.S\x1c\xc1Vkz\xf6\x0f\xa4SIR.\x14K`i\x84CF\xc4!\xf0\xc1\xd90\xf0"\x0f\xe0\xfc\x80\xa5\x89n\xa4\x0f\x9ayK\xf1H`\xe9\xe3h\x93\x18\x13y\x00\x00\x00\x9eIDAT2\xbb\x8c\xf7\xd3\xf5\xac\x1f\xc0b{\x1d)\x18f.r\xb5\xd6t\x18\x02\xeb&lt;"\xd5"YC\x12mV\xd2_\x90\xa7H\x05\xde\xf2}\xe6B\xc5\x01\xb3/(\xa5\x14S)c\x9aD\xc3~\xdf\x8d\xfb\xfdI!\x0b\x8a\x19\x9a\xe4+d\x82u\xc5c\x00\xc0\xaa\x8b\x14\xa9\xf2\x99\xaep(\xa6\\\xe4\x0c\x96,u\x85\x10\x18e\x05Q4\xb6 e/\xc0\x82J\t\xa5\xb0t\xc9\x14\xc7\x9c\xbb\xfd\xa1\xc2Jk\xbeC\xb3\x10)\x19\xfb=\x8c[\xdch\xab\x84\x8a\n\xac\xe2l\'\x82\t7\xed\\\x11M\tF\x10\x8f\x00\xd6\xbf7W\xe2_X\x7f2J\x00\x00\x00\x00IEND\xaeB`\x82'</t>
        </is>
      </c>
      <c r="M353" s="3" t="n">
        <v>45492.67862268518</v>
      </c>
    </row>
    <row r="354">
      <c r="A354" t="n">
        <v>974698</v>
      </c>
      <c r="B354" t="n">
        <v>2020</v>
      </c>
      <c r="C354" t="inlineStr">
        <is>
          <t>Imanol Machuca</t>
        </is>
      </c>
      <c r="D354" t="inlineStr">
        <is>
          <t>I. Machuca</t>
        </is>
      </c>
      <c r="E354" t="inlineStr">
        <is>
          <t>MD</t>
        </is>
      </c>
      <c r="F354" t="inlineStr">
        <is>
          <t>MC</t>
        </is>
      </c>
      <c r="G354" t="inlineStr">
        <is>
          <t>MD</t>
        </is>
      </c>
      <c r="H354" t="n">
        <v>169</v>
      </c>
      <c r="I354" t="n">
        <v>39</v>
      </c>
      <c r="J354" s="2" t="n">
        <v>36539</v>
      </c>
      <c r="K354" t="inlineStr">
        <is>
          <t>Right</t>
        </is>
      </c>
      <c r="L35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7071c6d-bff1-4178-87b0-0a17520b1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2F\x17\x05\x00\x00\x00&gt;tEXtComment\x00xr:d:DAEewil2SDw:3048,j:4010854548617000738,t:23080814\x1a&amp;b^\x00\x00\x00\tpHYs\x00\x00\x0e\xc4\x00\x00\x0e\xc4\x01\x95+\x0e\x1b\x00\x00\x03\x00PLTE\xff\xff\xff\xbeuf\x10\x0f\n\xd7\x94\x84\xd6\x92\x81\r\n\x06\xd7\x97\x8e\xff\xfe\xff\x14\x13\x0e\x02?\x97\x01"]\xc4|lZ-&amp;\x02A\x99\xcf\x86}\xce\x85u\xd4\x8f~\xce\x89yb60\x18\x17\x12\xd2\x8c{2,(\xb9qb\xcf\x8e\x84\x02 Ti92\xd4\x8f\x86\xcb\x82x&amp;#\x1f[*\x1e61-\xbb\x13\x16\xd9\x9d\x95\xc6\x80r\xcb\x7fp\xd2\x8b\x82\xd5\x93\x8ap\x02\x02!\x1f\x1aH"\x1a\xd3\xce\xd4\xberb\xc0xj\xd4"\'b-!P$\x1b`1*x\x05\x05\x82C7T)!\xce\xc9\xcf\xca\xc6\xccg5.g1%\x08\x06\x02t9-\x1d\x16\x13\xcd\x8b\x81\x87G:\xd9\xd4\xd9(\x1c\x19f&gt;:w&gt;2\xd1\xcb\xd2iFB\xd8\x9d\x90\xc6{p\xd7\x98\x87\xcb\x1a\x1e\x98RG-$ \\4/\x1c\x1b\x16\xce\x1f%m4\'*)$\xc6\x18\x1c\xb9m]\xdd\xd9\xdf\xf1\xf0\xf1\x92OB\x02&lt;\x94\xcd\x92\x8a\xfd\xfc\xfd\xb1j]\xcb\x84rH\x1d\x12@;7}@3\xc1\x14\x18\x8dI?\xbf\xba\xbf\xc9\x88~GC?\xa4aRo&lt;4\xd5\x9b\x93\xbc\x1b\x1f\xc5wh\x8eTIyC9\xc4\xc2\xca\x9e^Q\xb1fW_&lt;8UNKn7-\xf8\xf7\xf8rRP=51\xd6\xd1\xd7\xb5\x11\x13aD@\x87OB\xcd\x98\x91\x96ZN\x02\'g\x1b\x0e\x0b\xdb\xa1\x9b\xc1\x7fu-\x0b\x06W$\x17\xab`UmKH\x9f\t\x0c\xd9\xd7\xdd\xc6\xbe\xc3wYX&gt;\x16\x0e\xdd\xdd\xe4\xc3\x85}$\x15\x12U=:\xb1qfV1,\xb5l`\xb9\xb3\xb9\xa8\x10\x13H=9\xb5ukPEB\xae\x0e\x10P-\'\x94\x8b\x91\xbdzo\x81\x04\x05\x9eYI\x03C\x9c]UT\xb2\x99\x9c\xd0\x9e\x99\xa9k_\xcc\xc3\xc7\xc7\x8f\x87\xe8\xe8\xea\xd9(/\xebh\x80\xa4\x9f\xa43\x13\x0eM52pB:\xa0g[\x80SI\x7fa`@ \x19\xbf\xaa\xb0wKB\x04\x19@973&lt;\'$4\x1e\x19\x9e\x84\x86f__\xa6YN\xaf\xa5\xaa\xc5\xb5\xba\xe3\xdf\xe2\x02.t\x80I@\x96\x06\x08\xa8fX\x99`XD.+\xc7jh \x03\x02\x92]U\xb0\xac\xb3\xa0\x8f\x94zvv\xa9oe\x9f\x96\x9d\xd2\x96\x8a\x8c\x05\x07\x8ddb\x86VQpik\xb7|r\xa8FN\xe1\xcd\xd2\xc8\xa0\x9f\xd2pj\xdc\xc1\xc5\xb7:C\xd6\x7fz\xbc\'2\xcfYZ\x9dki\x94\xa7\xc2\x8csr\xb5\x85\x8d\xc1`^\x0cN\x99\x87\x85\x86\xad!)\xab\xb8\xcd\xa2xw~34\xd8\xb8\xba\xd8\xa7\xaa\xb6MI\xb8SZ\xabTl\xcc2:\x8e{}fNJ\xcas{"[\x9a\x8d5&lt;\xcc\xd4\xe0\xd5\x84\x88\xb4\x82|4g\xa2\xab88r{\x96\xbc\x9a\xa8\tF\x94%Bp&lt;Ol\xd6s\x8b\xee\xdc\xdb^\x81\xaeKu\xa7\x82\x95\xb1|\x1f!Rc\x85\xd2\x8c\x95\xe3~\x96\x96 \'\x144a\x1c-I\xce&gt;F\xb4hx\xdc\x8d\xa4\x029\x89\x14K\x8aY\x04\n\x85\x8fi;\x00\x00 \x00IDATx\xda\xc4\x98oK\x1b\xe9\x1a\xc6\x9b@\x98\x81H\xc43;)K\x9e\x1d\x88\x85i\x13\xba\xd2?\xc7t\xda\xce.\x12\xe88t\xc8\xb1\x98\x94)\xb5\xe3\x0b\xdb\x1a\xa7\xd99h%\xe4`\xe9\x16N\xfcS\xa6\x83J\x19\x8e4\xe0\xa6Z\x91\xc4\x93.\xb2\xb4\x82\x92\xb6p&lt;\x1f\xe0\xbc\xf0\xfd\xf6\xa3\xecu\x8f\xec\'8c\xfb\xb4F\x93 \xfe\xbc\xee\xeb\xbe\xee\xfb\xf1\xd4\xa9\xff\xebp8\x95\xc6\xeeH\xa5Xi\xfc\xed\xdc\xc3\x87\xd7G8\xee\xd4\xd7&gt;\x01\xd4\xf5\xf5\x8e\xdd]\x7f\xbe\xd2\xb1$\xc30\x8f\x1a\xf4"\x17\xbc\xf5\xb5\x90\x8a#\xbbcG\xb6(\x0b\xbaa\xc8\x02\x1f\x8d\xc6\xa2Fw\xac\x01\xed\xe8|\x15\xb0J\xa5\xd2x\xde\xf5\x0cA\xd0u\x9e\x07\x12/\x08\xf8,\x1b\xad\xce\xd1\xafc\x0f\x1f&gt;?\xb8\xbc;R\xfc\xb2d\\\xf1\xd2\xd1\xd1\x91/\n\x82 KR\xa0\x14/\x8b\xa2\xc1dC4\x0c\xc6\xf0(\xcb\x92\xdd=h|1\xae\xa0zO}]\xd6u\x1dX\xa2\xd9j\x99"cb\xab%I\xa2(J\xf8\x8c\xb2F!\x1f\xaf\x1b\x9d\x9fG\xb8/\x03U\xd9\xdd\xdd}\xda\xd5\xf13\r\xa6\x0b(\x1d\x13M\xcb\xee\x1cv\xac\x96\xd9\x02\x96$Y\xa6$\xa3\xb6\x02\xb9M\\\xf9\x12\xbd\t\x97\x1fY8\x86.\x9a&amp;*\x057\t(\x9cc\xfb\xb6\xd5j\x19\x86d\xe1\x81\xea(3&amp;\xeb\xc4e\xac\x9c|!\xb9b\xe3\x88\xa1&lt;:\x9c\xed\x98\x96\xa4\xc3\xe8\xb2\xccD\xcbC)%\x98J\x84\xd1\x98\xae\xc8\xa2\x14\xb0\t\xd1\x18o\x1c=\xadp\'Lu\xae\xcb@BT-\x98\x88\xf1d A\x97,\xc9\xb4P:\xa9%\xe2\x19T\x12\x0c\x938\x99\x82\xc8\xe0\x99\x7f\xd0(\x9e$\xd5\xc8\xaf\x16B\x00\xae\xd1YP&amp;$\x03 \xf1\x02\x03Q\xcb4\xad\x16"\x8c\xc9\xc1a\xe4}=\x96\x8b\xa1\xceR\xf7R\x91;9\xaa#\x99\xfa\x8b\xe7c\xb1\x80G\x0f\xfa\x8d\x12KsD\r\xbdh\xe8\xd1\xa8`Hd{Y\xc7s\x93\xf1\xb9\x98\x8e\xf8\xd0\xbb\x8d\xca\t\x81q\xdc\x98\x11\x8b\x1dc\xe5b \x13t\x9e\x9e\x12\x96h\x8a\xaa\x8c\xc6\x8c\xc6bB\xcb\xb6\xa9\'\x04\x03em\xc9\xb1\xe3\x01`t\xd7/\x9f\x88\xc3\xb8\xe2u\x9b\xc4A\xa8+d)^8\xce\xf6\xa0\x17%\xd3Q\x15\x94/\x9a\x8b\xc9H\x0b\xcb\xb6%\xd5\xeb\xa09e\x9dB\r\xd6\xd7\x99yp\x02\\\\\xf1\xb2M\xe2\xe0\x97\xd7\x0c\x99\x0c\xa4\x90\xadx9hF\xd1q4E\x91\x81\x95cf\xcb\xf4l\xdf\x94,\xf4\x81\x84\xd6\xd44\xcd\x10\xa8\xe8\xe6\xe5\xd0\xeb\xc8\x15\x9f\xb7\xa8pp\x0c\xb2\x9c\xa9\x9aHf2tY\x93\xd1l:^\x86&amp;29\xdch!\x1aL\xcf\x954\xc0\xeb\x18M\x088\x89\xd1D\xd0\x0fCO\xb0\xe2s\x89\xa8df@\x02\x15TP\xc43\x1d\xc7rE\x9e\xb0\x14\x15\x9c\xc7X\x88\x05\x9e!\xf0i\x04\xf0:t\xb4l\xcfA\xdf\xcaB\xf8\tv\xdd\xa2\xad\x85\xb0\x1cS\xabk\xa2\xe4\xf9\xb6\xc9D\xd7\xb7%\x1dET\x15\xd9p\x1c\xf1\x18K\xe6\xa3\x02\xccf\xd0`\x14\x98\xe4\xb86~\x03\xa8\xa6\x0b\xb2\xfds\x98u\xe4*+\xc12% \x8d\x1c\x87\xc4\xb2lG\xd2\x05M\xf2;\xbeSW\x99\x8a"\x9a\xaec\xf09\x08\x85\x98\xe0\x99\xe8H\x0cX&lt;\xbeA\xb2|\xdb\xb3,\x07\xf2\t\xdd\x10\'7F\x8eOI\x80\xe9\x87\x9f\xa2)u\xcd\xb1\x1d\x8d~8\xba\xcdCHi\x1a\xd4\xb1\\\x98\x0e\xf2\x98\x18IxD\xe1\xf0\x1d\x18\x9d\x8ec\xba\xa6\x8b\xf1$2\x81\x97&gt;6B\xe3\xaa\xfc}\x85F\x8e\xa21C\xd3TEQ4\xd3U)S\x1d\xdf\xac\xab\x96o\xb9\xb6\xef\x99\xb6\x85\xf5A\xd6\r\xcb\x91\x15&amp;\xf9\xb6\x88\x1c\xd1E\xd7v]K\x121@\xad@&gt;\xb6\x12\x92\xbd\xb8\xe2\x98\x05\xbb\xf0\x98\xbf\xaa*"\x07\x80\xa5\xa9\xd5\\.&amp;x\xb6VWE\xd7=\xecv\xb0\xda@7H$y\x1e\x83\x9a\x87&gt;d\xe5e\x07\xd9\xeaX\x8e\xa6\xc9\xa2u\xbc\x85uB\x92\x8b\x1b\xe9\x04\x1b\x8a\xa2\x89J\x951U\xad+\xaa\xa6 \xa1r\x82\xe9\x8a\x9aZW\xdd\x8eoy\xff\xfb\xbd\xe3\xf9\xdd\x8ek\xf9\x1d\xc91!\x9f\xe7\xe0=\xd1\x86\xf9\\\xd7A\x81\x81\x85!\x1e\xb5\x9e\x86\x83U\xbc\xd4\x12hA\x915(\x05\x08\x15eT\xb1\x1a\xe0@&lt;\x95\xb0\xdc\xf6\x8e\xf7\xfb\xbf\xdf|\xee\xae\x1c\xfa\xb6\xdf\xb5M\xc7\x03\xa8K*\xd9\x87\x1d\x17e\xecP\x8b\xa0\x8f\x19\x1f\x1a\xd6G\x83\x07\x04UN#\x0c\xa4AU\xa9V\xab&lt;\xaf\xa8\xed\xe6\xf0\xe2\xf2\xd6\xce?\xaa\xf5\xf9go&gt;O\xe3\xc3s\xf7\xec\xc3\xcf\xf3S?\xe1+\xcf\x86\xb1\xa0\x96\xe4\xa2\x1dE\x19\xf9\x82\xbd\xb1u9\x94L\xe5\x1a\x1d\x8c\xe4XT\x964&amp;Y\xd8\x14\xe0+\x08UU\xd4\x9d\xad\xe5\xe1\xd73\xf7gf\x1e\xfcuyyx\xe8\xc9\xd4\xd4\xf6\xe6\xf6\xf6\xeb\x81\xbf\xfcgcv\xf2\xfd\xfe\xd0\xbc\x87\xf8\xf0|O\xd4l\x07\x93\\\xa1\x14\xd3\x05\xf61\x0c\xcfc\x16\xb6x\x8a,&amp;1d\xbb\x83KD\x1d\xbe\x8aU\xeb[\x03\x8f~\xbc03;99&gt;&gt;\xfencrv\xf6\xfe\xecZ\xa9T\x9a{;W\xc8\x142\x99\xa5\x99\x1f\x86\xa6\x7f\xc2\x8a\xef\xaa\x9a\xefiA\xd9\x05\xda\xa3\xedsa\xa85rD\xeb\n\xaf0*\xa0\xa61Y\x81X\xd5\xea/[=\x8f\xee\\\xb8{\xe3\xed\xf8\xdc\\\xb9\x94\\Z*-\x952\xc9d&amp;S(\x17"\x99L$\x92M\xaem\xeco\xbey6\xdfVE\xa4\x05\x05\n\x82\x0f\xcbW8\x11\xd1\xc0\xe2@X\xba&amp;\xd6a\xa9h\x15\x90\x90\xea\xfb\xef\x06\xaf\xdc\xb9v\xeb\xe5\xf8\\\xa9\\.\x14\x92\xc9$\x14\nN!\x1b\xcfNL\xc4\xe3\xd9x|ua\xf6\xdb\xb3;;N\x80\x85p\xd0q\x83\x94\xf5\x10\x92\x9e\xe3\x9e\xb6b\xb9\\\x14\x97+]U\xf0U.Z\xad\xd6\x7f\x01\xd5\xf9\x9bW.\xdc\xbd\xf5r\xae\xbcT\xc0\xc9\x04JEp\xe8!&gt;1\x91\xcf\xe7\xe38\x91w\xb7\x1e|;\xddA\x11\xabt\xdb\xc0\xfdC\xe6\x0f\xc3\xc0\xba.\x11\x16\xedK\n\x0f\xaaX}ggk\xeb,\xc4\x82\xb3\x02*\xc8\x14\xc9ND\x92I\x10eq\xe2\xf1t\x7f\xba\xbf?\x85\x8f|&lt;\x9b),\x95\xde?k\xa2{\tK\xa4\xebw\xa7\x11\x82\xb7vm\xac\x05(\x00\xac\x11#*0\x9d=\xfb\xfd\xc5\xf3T\xc3\x1boQ\xbfH!\x03\x94,)\x95%\x81\xf2\xe9T\xa2/\xd1\xdb\xd7\xdb{\x9b\xb8\x92\xc9\x17\x0b\x1bC\xed:Y\x12K#\x1f\xe3\xc3\xc8y\xae\xb2.\xd3\x8d\x82\xd23\x97\xab\xaa\x10\x8a\xa8z\xa8\r\xef\xbe\x0c\xb0\x92\x91l\x1a%\xcb\x12U&gt;\x9fN\xa7\xae\x9e&gt;}&amp;\x91\xe8\xeb\xeb\xed\xefO\x13\xef\x8b\x0f\xfb\xcd\x1d\x8a\x95h\x90\xcb\xa1\x8c\x9fb\xa3C\xab{p\xab\x80V\xc4\xb4|\xb1\xa7\x87jx\x97\xb2 \x12\x07\x15N\x1c\xe5[%\xb5\x8e\xb1\xce|\xd3\xd7\x97H\xf5\xe3\x8d\xd5\xc8\xc2\x87\x8d\xa9\x1d\xadNe\x84\x0f\xf4p\x96\x9b\xe2\xba\xfe\'Vug\xeb\xecE\x9c\x9e\x9e\xf3\x01\xd6\r\xc2\x02N\xba\x16`\xd1\x81d\xe9\x14\xa0\xae&amp;\xbe\xe9K\xf4\xa5\xd3Pouam\xe3\xf5\xf2^\x1b\xae\'\x1f\x18\x07\xe1\xdce\xc7\x18\xcc\x05\xa8h\xb4\xbe\xd3^\x0e\xb0\xbe;?x\x93\xb0&amp;\xcb\xc4\x05;Q\r#\x99 &amp; ^\nD\x89Do*\x95J\xe3\xbd\xd5\x0fk\x1b\xdbSS\xcbm5\xc02\xcf\x853\x14G:\xb9\xa0\x82\xd1\xaa\xda\xde[^\xee!\xb1\x08\xeb\x01\xa5):1\xf0z6\x92\\*\x05\x11V\xc8L\xe4o\x03,\xd5\xdb\xdb\x8b2\xc6\xf35\x14qs{hj\xb1\xad\x10\x96\xb5\x1b\n\x16W\\\x87#\xa8\x19\x8f\xb1@\xd5308x\xf3\xca\x8fw\xae\x81\x8b\x82\x0b\nE2Ke:\xa0\x8aL\xe4\xfb\x11\x10\xfd\x01\x16\x9a\xa1\xf6bam\x7fs\xfb\x87\xe1=\x99\xb0\xfc\x90\xf6fn\xd7\',\x1e\xd3\xf9\x18k\x91\xb0\xc0\x15`\x95\xcb%\x84)\nX\x9a\xc3\x18\n\xa0\xf2\xc0J\xa7R\xbd\xf8\xd7G\xdd\xf0\xdf\x17\x1f\xdeonnO5\xb1h\xe7b\x87\x95\x90.c\xc51\x06*\xa5\xae\xc2Z\xcb\x8b\xf8?@j=\xbar\'H\xf9RP\xc6d\xa1\x0c\xaa\xa5H\xbe?\x95H\xa4\xe8\xdcN\xf5\xdeN\x91Z\xc0Z\xd8\xd8\xdf\xdf\x1e\x1ank|\x94\x1d\x84u\xf9\xe1F|ZN5\xad\xbd\xd7\x04\x16\x8a\x88ND\x11\xaf\xdd\xba1Ns\x9a\xac\x85\x11].\'\xb3\xf1D\xe2\xcc\x99\xabgN_\x05\x1bY\x1e\x9e\x9fH\xaf\x02\xeb=\xca8\x04\xb9\xc2\xbc\xfb\x14W\x04Am\xb7\xf7\xf6\xf6\x9a\xcdc\xac\xc1\xc1G\x0f~\x9b\xb91\xf9\x0eZek\xb5\x7f\xd6\xc8\xf2\xc9l\xfa\xde\xe8\xe8\xe8\xa7O\x9fF\x1f\x8f\x9e\xbe\x97\xb8\n\xc7\xe7ij\xc7_\x00k\x7f\xf3\xc9\xfc\x9el\x8c\x85\xf6\xa7.\x8e\x1bc\x8a\xd6n6\xdd\xe6\xfc\xfc\xf0"Zq\x00\xb1\xf5\xdb\xfd\xfb\x93\xe3k\xa5\xe4j\xed\xde\xabW\xf7j\xb5\xda\xeaj\xed\xd5\xe3\x7f\x05\xe71\xce\xe8\xab\xd1\xd1\xd3\x89\xf4\x04\x027\x9f]X\x83\\O\xa6\x9b\x9ay.\xbc\xbf\xc0\x15\x1b\x96B\x15l\xceOO\x0f/"\xb7\x06\x06\x1e\xfd\xc1\x9a\x19\xfd\xa4\x95\xa6a&lt;\xc4]\xb8(9*\xe9@8\xac\x1b\xf4\x90em*\x91]\x8c\xc1\t\xe6\xc8\x865i\xe2H\x80e\x8c\xcb\x00\x81\x13\xcb*\x93\x80d\x01!Y\xd8S\x85Mi,i\xdaZ&amp;YDa\xc8\xb6;v\x1b#\xa2\xed:Fk[Rc\xd31\x93t\xab\x93Lo\xc6\xf4\xae\xff\xc2&gt;\xdfq\xfa\x17\xc0\xe7\x1d\\\xf8\xcb\xf3\xbe\xdf\xf3&gt;\xef\x07\x17\xf6G\x88X\xb9|\xcch\xb3\x15x\x17\xcf\xbb&gt;R\xbd\xb8\xfb\x02\x87\xc0\xd9\\\xdd\x98\xe0&gt;\x12\xbej\xabl`\xfe\xfe\x17\x7fo\x1d\x96d\xe6\x9b\xdf|\xb2\t\xa9B\xa1P \xb3\x88\x9bh\xf0p\xeb\xfeHmeg!\'\xa8et\xb9@e\x03\xd6\xac\x80t~\xc0U\xe0\xf3H&lt;\xbd"t\x17\x12\xb5i\xf3\xf6W\xad\xc4\xfa\xfeW\x02\x15\x1bb\tVFg(U\xab\xd5\xd5\xfd\xbdW;;\x0b\xf9\x18\x88\xf8\x18\x8f\xa2\x01\xe3\xbb\xb3\xb37\xaf\xf7\xca\xe5\xbd\xf2\xde\xab7g\x05\xe8\x88\xcc\xd3+\x92ol\xef\xef\xaf\xb2\xcbO[\xba\xed\xff\xf3\x8f\xa0\x02\x16\x1b\n\x8cf\x88Gd0\xe4P\xd6\xf9@r\xbf\xb6\x94\x8b\xf1\xbc\xb9[a+\x14\xce^\xed\xa3T\x9b\xf8nyy\xd9T\xda\xe6\x0bg|\x0cQL\xd4\xbb\xb4\xbd\xbf\xba\xca\xce\xff\xb7\x85o6v\xfb\xe3O\xbe\x04\xd6;\x16E\x0cd\xfa*\xc5k\xd8\xc8\xb6\xb6\x10Tae\xa6\xd5)\x80\xc5x[\xe1\x00n\xcefp\x02\x01\x93\x89\r\xee\xbf:\xe3\xdf\xd4V\x0e\x84,&amp;`\x95B\xdf\xb7\xf0\xcdYb\xff\xc7\xaf\xafC\xac$\xcb\xb2\xef\x02\x8b\xdab&lt;\x1e/V*\x95\x07\x0f\x8aE\x84\n\x1d\xe7\x07\x97kv6\x16\t\xefWK\xeb\xfb\xfe\xdaN\xee\x8cGE\x0bg+\xfeu\x7f\x16)C\xe4\x80qU\xab\xa1\'\xad|H\xb2\xffY\xc0z\x97d\x93\xa9\x00\xc9\\:%\xe7\xdf\xde\xde\x06\x84L\xaa\xc7\x05\xf0\xef\xc4lw\xef\x16\x0evVV\x16\xc8\xc9\x1d\xf0\x05\xc1$\xf0Q-!Gz\x95\x93\x96\xaf\xbe{\xd8J,\xc9\xef?\xbf~#\x84\xd6J\x06\x83\x8bZ\xbdN\t\xd7Z\x81"g\x07\x0b+~\xce\xa0\xd3y\xa6\xf2\xc0\x9aE\xe3\xbb\xba\xe5nk\x18_\x03-F\xdc\xd5\x08\xabE\x18\x13m\xec\xafVK\xc9{\xad\xfc\x05\xd4\xfe\xe9\x8d\x9f/b0\x84\x9b(\xf3p\xe1\xf0*\xb9\x88+\xb5\xda\x8a\xdf\xa3\xd7\xeb\xac\xf2\xddhT\xbd\xabP\xb8\xb2\xd6A\xa9V\x8b5{\x7fi\xc1!\xef6\x1a]1\x12\xa9}W\xc3\xd5\x922\xf5Hr~Z\xc3\xf5\xd9_\xce]\x8be\x03\xa3\xa3\xa32\x99L\xba\x88\xce\xba\xff\xe5|pu\xbd\xaa\xd3:\xbb\x86\xb2\n\xafzD\xbc\xab\x10Y\xae\xe8\x17\x1flm\xfd\xeb\x8b\xcdP\xd5\xed\x18\xeb\xa1\\*\xa4\xd7\x0b\xbe\xb10W2\xbd\x1e\x97\xcc&lt;\xff\xfa\xed\xb8\xbd\x15%\x94\xd8\xbfzz]P+\x10 XR-z\xfd\xda\xd6/?\xbf}\xe3\x9b\x80l\xb4/\x9d\x9e\xeb\xbf\xaa\xa2\xc5b\xcd\xaeQd\x19T\x96\x97\xe3\x7f\xbd\xfd\xf4\xf6\x8f\xec\x955\xf3\x9f(#\xb8\x80\xd5\x1b\xa9VKOf\xc6_X\x9f\xad\x15Z\xb1*\x92\x1f\xcao^\'\x93\x87Pe\xa4R\\\xc5"\xa29\xb0\x9e~\x9b\xd2\xea\t\xd6\x10\xb0\xe86\xdaf\xe3s\xfe\xea^\xb2\x12\x7f\xb0\xf9\xfaN\xad\xdf*\xa2\x8c\x88\x13\x9d\xc0\x92\xbb\xd7\xb9\xd2\x9b{\xdfYOO\xdf\'\x9e7\x9dn\xec\x8f\xbe\xbd\xf9\xbb\x99\xc77\x04,H\x95\xd1\xc3\xb7\xd2\x8b\x99\xcd\xe2\xd6\xb5\xcd\xf2\x1e\x8b\x05-\x9d\xbel\x1d\xa3h\xa6\x83V\xd8\x0e\xdc\x93\xd3\\\xd5\xa0\xd7U_\xed,9DhzZ\x81\x94c\xf6\xf5:\xc2\xa5\xf0\x92#q\\?&gt;=}\xdb\xac\xabJ\xc6_k\x8b\x9b\x8f\x1f\xcf\x7f\xc4\x92\xea\xfb\x9cX\x163p\x06\xa9i\x95\xe3\x94zg\xda9`\x91StG\xc7E\x8c\xc6\xdc\x92u\x98&lt;\xe5l\xe4x\x97Ka\xdbE\x8c@\xee2\xfbD\x0e?\xb7\xd1yxx\xd88&lt;:\xbd\xdb4\xd6g!m:~\xff\x06\x06\r\xa1\xca \xd7\xe0 :\x93l\x13\xf6\x87\xab\xc0r:\xafX\xb2*\xe6"\xd3\xa9R\xf1\xb1\xfc\xc2F"\xe1\xc8\xc5lb\xef.\xb2\x8d\xd1\x08\xaav\x82\x15\xe1\x16\xd4j\x9a9l4N]\xcd6\x97\xe4\xde\xfdb\xba\x18Oon\x9ec\x91\x10\xa8\xd3\xc9\x94\x9e\tD\x08d\xbb\x92\xb4\xcf\xe9\xec\x9b\xb6\xe0\xca]d\x98\xcevU\xfe w)\xdfm\xb4\xcdz\xbd\xb3\xe2]\xf8\x83Q\x85\x8d\x03E\xccN\x85\x0f\xa2\xea\xe8\xc9O\xc0\xaa\x7fh\xd2#f\x1e\xa2\xbf\x8b\xc5\n)\xe2y\xc3#\xd7\xc8\x94B\xae\xa9\xd5"\xab2\xbd\xd6\xa9\x95\x0e\x9ec\xd1\x1dT\'O\xf2 \xaf@\xc6\xf1zw\x8dB\xacW\xf5\x90\xde\xca\xba\xc3\xb1\x11q\xf4\xa4\xad^\x7fy\xdc$\x96}\xe6\xdf\xf1\xadx:]\t-\x87\xdeA.A+\x12\xb7\xc2\x04+\xe2\xe7\xa4}Zg\x9fn\xf8V/y\x10\xa1\xdbPI\x97*\x16S\x19I"\xf4":\x93\xbe2\xf7\x98\x815\xe6\xf6wk\x18\xd2\\\xf5\xd3\xe3\xe7Mb\x8d\xff(`i\x03\x016\x08/\xcd\x10(\x83g\xb8\x9fPmc\xf0\x90\x1a\xea\r\xdc\x9a\x8fb.R\xe0\xea\xe8`\x18\xcahT\x08X\xbb4\xdc\x01\\\xa4\x86\xf2\xac;\xd2\x8d\r\x84`\xb5@\xad\'qRDg&amp;\x94L%I\x11u\x86i\xcfD\xff\x90?\x12\x89\xf8\xfb\x07\xa7\xbb\x80%\x05\xd6\x05\x86f\xf0O\xff\xd0\xf6\x8b\xb66\x8d\xc2\x88+\xe8\xf5\x8a5\x0c\x18\x89=\x98\xeb\xbd(\xe2\x94\xca\x9c8&gt;l;\xac\xbfDo5\x19\x1e\xbeNC\xac"\xe4\n\x96\x83\xa6s\xac\xe1\xfe\xa1I\xab\xc5:941x\x05\xf6@\xf2\x84\xdbL\xb0\xda;\xdb\xc4\xf0z\r\x9c\x8a\xa2\x8c\x0c94!S\x99{\xe5r\x87{\x83W\xfb\x8e\x1bm\xe2\xfaK\xdbx\xb3&amp;\xff\xe9r1\x93\x86b\x19`!\xc9\x13\xacA`\xe1\xf4\xf7O\x0c\x0e\xc0\xe2\xbbt\x86\xfe\x84\x99\xe8\xd2s\xc18\x82\xc9\xa8!\xef"\xb8~\x14\xa3\xa15\x1a\x86b\xa8\x1e\x9f|\xcc1\xb5\xc4\x9f\xa8\x1a\x8dC\xb1\xb9y;\xb5\x8f\x07\xb5\x99\xf8\xd6V\\\x9b,\xa7\x92\xa1Q\xe1i\x0bE\x9c\x1c\xc2\xe9\x1f\xbcL\xc4\xd2M\x87\x1d\xdd\xe4\x9f\xf7.\xe4\xa9ht\x84\xa6\xda\x01\xd5\xd3\xceh\xbcj\xb5\x98\x81\xff\xab|\xf2\xac\xc3\x9d\xe3O4\rp\xf5\xd4?4?|nj+\xc0\xdaZL\x96\xcbAt\x17)\xe2\x04\xb8\x84\xbf\xe9\xaet\x9fA\xa9\xe4"r\x97\xc6\xeb\xa5\xbb/\x89\xcc\xe2\xe8\x88\x02\xe5\xc4NM1\xb4\xd8\xebUk X\xb7Y\x94\xddp\xc7\x902\x1aGG\x8d\x86\xb1\xe9Q-\xb1\xffv&gt;\r\xaab \x19,\x97S&amp;\x19)\xe2\xe0\xff~.\xe3\x80\xd3\t\xb3(q\x91\xbcB}r\x12E\xe4b(\xb1\x98\xa6)\xe1\x10,\xc8\x85\x0fT\x02\x16\xbf\xcb\x1cb \x1e\xd5O\x9a\x7f\x87\x90\xcc\xbc\x16\xb0X\x82UN\x9a\x0c\x84k\xb8\x7fr\xd2j\x9d\x9c\xe8J\xcb\xd69`Y\xe5\x94\x18P\'w\x8d\xe8&amp;\xa1\xcbI\xb3\xd3\x1a\x01\xcb+&amp;[,.\xa2\x8b&gt;l\x1c\x9f\xbe&lt;\xf2=o&gt;\x07J\xecw&gt;\xaa\x95B\x19M2\x03\xc1\x1a\xb2Z-\x16\xeb\xc4\\Z\x196h\xfb\xa4\xdcF\xcc\xa5\xe0W\xaa\x03W\xae2D+\x86Q\x90\xf8%&gt;WKC\xbb\xa0\x96{CE5~x\xff\xfe\xe5\x91\xaa\x05\xcb\xa2D\xf27-\xb0\xb6\xb4\x82\\A\xd6\xa4T*\xa7\'\x86,\xb7\xa6nE\x86\x06\xd2s\x11\xff\\1\xee\\_\xca\xe5s\xdb\\\xbf%K\x84"\xf5\xdb\x05\x11:+\xea%\x86A\x8a8\xb5\xd4\xfb\xc3\xe9\xb3\xf7\xa8\xe1lK\xb6\xb2G!\xd2\xf2\xc5Q"W*i2)\xd1\xf4C\x96\xb5D\xc2\x1dY\xefr\x0e\xd7\xfc\xd3}}\x03\x16\x87\xca\x1bUkh\xca\xdc#`i\xbc\xa4\xd3\xd4Q5\xb0h#\xb0\x1cS\x8e\xb5g\xa7c\xbd\xbe\xc6\xf1\xdbVdy$\xaeJ\x1c\x13H\xcb\x06S\xa9T\x925\x99\x805iI\\\xcdf\xafF\xb8\xcbs\x03\x83\xd3\x97\r\xdb\xb9\x85&lt;\xd6\x1c\xca\xd7\xebk\'\x16\x8af\x8f\x12\xaeh\xd4\xab\xa1a\x10X\x14\xdd\x97\xf01\xe5;\xae\xabZ\xf2\xbb\xb0}\xe6\xce\xa8V\x8b\x8d5\x93L\xa5\x82Ap)\x05,\xc7B\xce1\x15\xe6&lt;\x97\xe7\xe6\xba&lt;;\x857\xd8\xa1cXr\x88/\xc0D\xc5\xea\xe8\xf9\x11\xa3\xf5\x8d\x04+\xd192\xa2Q\xf9\x8e\x8f\xdf\xb6d\xe1\x97\xd8\xef%e\xa30\xfaJ(H\xb0\x92l\xc9\x83"&amp;\x1c\x8e\x85\x8dHx\x1d\\R)\xc1\xda\xde988\xc8\xc7\x04\xbf\xfa\x88\x85"\x92\x1ab\xfa\x886\xb2\xb4\x98n\xef1\xd7m\xadz\xd3\xfd\xaal2\x91\r\x7f\x99`\x05\x83\x04k\xc2:\x05.7\xa88\x0fB\x85\xd2}P\x1b\x9a\x12\xf6\xe9|\x0c\x97\x12Tj\x02\xe5%TH\xcd\xe6\x0brG\xfe|\n\xd9&gt;\xb4\xea\xf1\xd4\xfe\x9f\xe0(\xc1\xaa\x10\xacT\x8a\xad\x96\x869\xf2[\xa2\xdb\xc2y&lt;\x1e\x9dT\'\x9d\xb6$,\t\x11\xae[.\x87e\x9a7\xda\x80\x05\xa5\xd4\x02\x15\xc9\x82\x97\xe4\x0e\x17\xb5\xa6:\xec\xd1\xb4\x8c\n\x8e\xfap\xb4B\x92s\x08\xe3\'\x98bKD\xae\xa1I\x8b\x9fS\xca\x94:2$\xfdkk\x89K*\x18\xfbO.\x84S\xbeP\x10\xb8\xfe\xcf\xcb\xf9\xc64\x99ea\xdc\x86\x86\x86\x14(m\xbae\n\xe9F*\t\xb6)M+\x10R\x95\xa2\x98.I\x13\xa0\xd2\x96!\xa5C\t`U\xea\x12\x91\xb83\xc5T\x04\x95\x125\x94\xe08\x8e$h\x15\x90P\x04\x0cq$CA\x02\xa8\x133q$h\x0c\xce\x9aEQ\xc7\xec\xba\xc6?\xc9~\xd8\xfd\xb4\xcf\xb9o\xd1o;\xbbN\xbb\xb7\x16\xf8\xf8\xcbs\x9e{\xce\xb9\xf7=\xaf\x11,\'\xfaf\xa8\x95\x9c\xd6]\x9e\xf6\xa77Q\xbc\xb2\xb1\x96\x8d\xb0{\x9a\x0e\xec\xc4C\xfb\x08+h4\xd6\xeb(~(F\x95\x0e\x8b{\xd44*+J\xfe\xd1\xf94}\x83\xc1IW\x0f\xe7\xca\x19\x16\xb6\xa1\x81\xb0\x8ad\xa3%E\'\x7f\xbe\x13\xdd\xe9X\xeb\xd5\xfe\x0e`e\xb5B.\xe6y\x97\xab\x01_9R&gt;{\xc8b\xb2&lt;3\xb5LNN\xfa\x97&amp;\x8b\x92\xd3\xe8Z\xb0\x9c\xe9\xc5b\xe8\xc4\xe1Gh\xd3\xe9~\xf9\xe5\xb6\'\xba\x13\\\x02k\xe1&gt;`\x1d9\x14\xc1\n\xba\x90\xeb\xe5.y\xae\xdc\xa5s\xe8*u\xbae\xb3\xce4jrL\x98FGmE\xa9t\xd3|nv\xfd\xf6\xf5\xa8\xda\x0c+Yx\xed\xa7\xef\xce\x8cG\x7fb\xd736|\xecI\xd7~\xa4\xf9mX\xc1\x02p\xb9\x82r\xad\xab^\xa736h\x13\xbb\xba\x9e\xb4\x1ej\r\xacl\x03\xe7\xa8\xbf\x1dz\x95\x97S=LK\xc5A1\xd9\x90\xac&gt;\xfe\xe6\xcd\xa37Q\x1f?\x15\x08\xb6\x9c\xaa*|\xd2\x1f\xc1B\xaa\x97\xcb\x83\xc1\\\xad&lt;h\xd4$\x1e\xda\xd7\xb1\xa7ue\xa4\x7fdd|\xae~b\xf9\xd9\xb2\xe3\xb8\x13q\xacY\xbf=3\x95\x96\x13X7c3sm-\x9b\x9e\x0e\xacl\x1ci\xa54\x1f\xc1\xaao\xc8\x95\xe0\xe4\x93\xad1./;F[L\xa6[-\x8f\x1f/-=\xbee:Iq\xa4\xa4\xc5\xb0\xe0-^{\x8cF\xc1\x05W\xfb\xa6z=\x83\xc8\\`*\xa0F\xc2\x05\x87\xe5fg+4\x9a\xe5g\xb7\xfe\xfcx\tH\x93O\xb1\x8a\xba\x9dh\xb4\x0e\xcc\xd6\x90X\x1bR\xcb\x01\x96!;\x17\xb3\tu\xf8\xd5Z:\x07\xb5\x88\xab\x00\x86\x07\x95\x16\xc7\xd9\\3\xb0\x1eON.M\xfe\xf8\xe2\xc5\x0b|\xcb\xd1\xd0\xd4\xd4\xd4lG\x95N\xe5\xa2\xc8+9\x10\xd3\xc1yO\x98v"Q\xb1\x95\x9b\x8b\xbce6/;\x80\xf5t\xf2)\xa0@\x95\xc9\nO\r\x1d\xcd V*\x13\xab\xe4\x07O,\xc7\xad\xad\x83\x11\xb5$\x0c\n\xffh\xe5?\xb3\x90\\\x14\xc2\xe44\xaa\xd2\xeb\xe9X\x96Ib\x91^N\xb5L\xf5s,\xa7\xd3\x05\xd6\xaa}\\\x0c%\x12\x86Eph\x0b\xeb\x1d\xa6\xe6f7=60\xc4\xb3\xb2\xc3N\xb1\xe0JK+O3|)S\xf3\x1e\xc5\x16\xeb[\xe6\xf8={${H)2X\x10\xf5\xba\xbe\xa9n\xbe\xa9\xd9=s\xd3\x80\xfe\x9dVf&lt;\xa7\xd6\x06*&gt;\xdd\xbc\x0c\xde#kL\xb1\xb6\xec#\xaa\x02\t]7KH.\xd7DSSSs5Z\x1a\x9e:=5B\xc5\xc0\xc0\x95\n\xb9 \x96P\x19c,\xc1\xd5V\x86U\x1c\xc1\x82^\xf5M\x96f\xf75?\xaf\x08\x9diZ\xfc\xecl&amp;\xd3*\x1e\xe6\x02\x13\xb55&lt;\xb5]\xa9\x8e)\x16k\t%{$\xecr^\xceq\x19\x9b\xea\x9a{\xaam2uFzrf\xfclZD\xb0\xed\x88\xe1\x06\x18\xbe\xbd[-\x16+\xd5wb\x8b\xe5Yd\x01\xe4\xd4b\\\xae\xfa:\x93\t=4\xaf(}C|\xcdl&amp;\x93j{\r\xa9\x05,g\xb7\xda.\xb6+y\xb1\xc5Zg])`Lk\\\x12Dq\xa2i\xb3\xa3g7O\x9d\x91\x8c3k\xfc,\x8e\xd1\xa8\xd2\xdb\x99\xe1\rB^\x868\xf6j\xad\xb3\x8e\x14H::\x88kM.\xb9\xb1\xbe\x1e\xc7\xd9\x16\x95\x1a\xa7\x9e\xccY\xc2\xc2\xe2\xea!\xa3\x92\xa6\x88b\x1eD`\x15\xeb\xf5]\xdc\x93\x1fd\tV\x1aq\x12\xeai\x91\xa9\xd5\x19\x06\xba\x03\xac\xa1\xf34\xa8\x0c\x06C\x06QI\xa5\xff\',z\x02\x16Q\x8b\xb8\\t\xcan\xf1\xfbe\xea\xf4r\x12\xea\x1b\xfc *\'R\x834%\x05X\xb5\xf0Vl\x13W\x98ae\xad\xe9E{\xb1\x81a\xd9\xfc~\x1e\xcdg\x1c\xa8aw\xdf\xcevg\xb7L(N!,e\xad?\xdc\xd6[\xe6\x89\xd9k[\x02\xeb\x99\x82\xe2l`e\xe9\x8b\xb5\x94#\xa8\xf8\xc8\xe5\xc6\tS\xb5\xcd\x86\xcd\xd8\xde\xeel/\xff\x06\xad\xbc!=\x03T")\x9f\x9f"\x15+km\x8b\x9d\x9dUU\x9b\xae\xc6\xe6\xad\x1a\x01ai\xb3\xb3*\x88+Q\x020\t=\xd1p\x05\'\xea\xdcg\x8f\xfbe\xdd\xdd\xdd7o\x9e;P~\xce\x99!T\xcb\xd4p{\x1ca\x89je\x8bSc}}\xe1\xb1\xc6\xa8\xf77\xec\x8dV\x1c\xcd\n\xd8\x83\x0bzb\x9d\x08(\xad\xb6X"\x0f^\x9e\xa8k\xbe\x86\xfaC\xeb&amp;\x8e\x89\xcev\xa1\x0cT))$\x16\x1c_\xab\xfa\xa9\xaf\xefFxq\xf1p\xa9\'\xda\xe1\xf3\xf4\xe6\xf4=X\xd8&amp;\xd7\xea\x11\xc5\x8a\x8a\x8a\x01\x8e\x0b\x1e\x0b^\xbet\xa9\xb9\xdav\xf2\xe4\xf1\x99\xb3ggp\xac\xfe\x92\'\x93\t\xedRP\xf1SX\x10U37n\x84W\x9e\xf4\x8f7\xf6F\xf7\xa4X\x96\x13X\xd8{\xe2\xfap\x07,O\xe6\x1a\x80d\xd9zP%j\x815?\xff}\xb5\rj\xcd\x9c\xbdxv\xe6d\xb7\xcc\xcf\x13\xdaE\xd2\xb88\x86%\xb2+U3#\x81\x95\xd6c\xc0j\xf3D3\x80\xbd}\x0b{/\x0c\x0f\x87BkXY\x15\x03\xc4\x95X\\\xac\xd5\xca/_\x9a\xff\xfe"\x84\xc2\xe7\xe2E\xf75x\xdfn\x17\x89\xf9qqq,\x88"\xa5\xea\xec\xe2\xf4\xc2\xfe\x0b\x8bU\x8d\xbe\xb2hj\xd57}\xe5\xd4\xf5Phk\xa8\xab@\x92\xa8\xcf\xe6\xc0\x80\xa5g\xb3\x82\xaeKu\xcd\xcd\xdf\xb9\xdd\xd5nwOs\xb5\x1fJ\xd9\xed\x1c\x15\x9f\xe5-`\xb5~\xbd\xf7\xc2\x85\x15`Eo&amp;I\xe0\xa9z\xb0r\xe5\xd4ph\xeb\xd6\xa3\x11,,\xf8\x8b\x8d\xa1\xea\xf5\n\xee\x99g\x9d\xa9\xd9\xe4\xbe&amp;S\x8a\xc5\xa0\xb2K\xf9\xa4\x15\x87%\xac\xb5=\xf9\xe2\xfa\xf0\x85\x91\xc3\x1b}Q3\xbd\xc0\xda\x18x\xf0`\xe1\x04\xb0\x8erX^\xb002D\x11\x7fx\x15\x1a3\xdd\x8a\xeb6\xbb\xe1t;\xa8\x94J1\xb0\x18\x18\xb0\xc4\xf6\xda\x92\xe0\xefB\x03\xc0j\xf4\xf9\xa2\x96#\xca\xfa\x02\x81\xc0\xc2\x89?\x80\x8aa)\xd8".\xbd"Q\xa1\xf7\xd2x,7YY\x82.\xc6N\xd3\xccvQ\n\x051\x8ee\x08\xb1]\xa8\x9a\x08\x85B\x1cV\xb4\xa2h\xdd\x14\x08\xdf\x08O3\xac\x83\x1f\xb1\xb0\xf4\x84\x85\xc5\x06+u\xa8@B\x04\x90M\x7f\x8b\xec\xd2\xb8\x1d;\xe2X\x86\x80zBU\x9d&gt;t\xfeX\xf8[`5F\'\xd5\x0b \x16\x92\xe1\xf4\xe7Dup\x80ai4\x1a\xd0\xe0\x0b\xc3C\xab|@\xe9t\x16\xb7\x1f\xbd\x95]\x84\x85\x8d\xc8\xdf\xc1\xe7\xf3#\x96\x07\x96)/\xfb\xfc\xb139[|\xbe\x9c\xd2\xa8\xd4F\xeb\xc6@\xb8o\xaco\r\xabX\xcba\xe5\xe1\x9b\xa8H\xd4\xe0C\x01\xdc\xac\xdb\xec\x18\xe5\x89H-0!\x86qL+.q)\x85\xaa\x1e\xb3y`\xdb\xe0&amp;\x9f\xcfW8\x18\x8d\x0b%A\xd9T\xe0\xc6\xd8\xd4\xd8\xf4\x1f\xb7\x1e&lt;x04\xa0\xa7\xb0ihN7\x0fd4\x84J/@\xd0s\xbc\xcd=%\xc2\x0cJX \x83\xe1#1\xe43,^\xb5\xd1\xec\xed\x1f/\x04\xd6\x96\xbf=\xf2X\x7f\xeb\xfc\x8f@P\x1a\x08\xf4MuNM\xff\xfe(\x8d\xb7\r\xc0\xe6\x0c\xcbL\x0b\xcaA\xb7\x06\xb8\xddb\xb1\x98zv\xab\x84\x19Jr\x96h\xcdY\x91\x9d(TU\xe7k\xbc\x8b\xe3\xc8\x0f\xbe\xd2\x1f\xda\xa7\xee\xb5\xd1\x7f\xcf \xf8-\xd9\xa1\nX\x9dU\x9d\x0b\xc3$V\x88^\xc4Pp[\xcf\xdc\xd0\x90\xa7\x01\x96\x16X`\x1a\x1d\x1d\xdd]\xc2\x13*Y.M\xd9\xb1fxX\x8b\xf2iu\xbeW\x83\x8dXZZ\xea{\xb44\xf8n\xf5\xed\xbd\xe7eV\xeb:\xc1\'\'\xf8p 0Vu\xb8\xf3\xeb\xf3_}\x15\xca\xa2\xf7C\xbc\x11,,\xc6\x95g\xaetXL\xee\x16\x9a\x00W\ti\xf4[Lb}\xc0Bg\x03,\xb3\xd7u&amp;\xa7\xd1W\xda\xe6\xbbs\xf7\x1f\x0fW\x13v\xae\xbe\xbb\xf7\xdc\xf3i\xb1D+3\xb8\x12\x08O\x1d\xde5u\xec\xc8\x91#Y]T\x089,\xec&gt;c\xa51\x1f\xfe\xca\xa3\xa9k\x9ao\xa6\xb1t`Q\x9b\x85\xb5#\x8e\xeb R\x18V\x8f\xc6{ip\xd3\x16\x1f\xd4\xba}w2\xe7\xdd\xab\x84\x9d;\xef\xbf|\xfb\xb0\xed\x13^\x04\x07Ui\xffb\xe0F\xe7\xe1\x9c\xce\xfd4\xb5\x02\xac\x8a5,#\x92B\xa5\xd1\x9c\xc7\x1co\xe9\xa9\xa6\xb1t!&lt;/\xe5S&amp;\xdd\xc1\xea4\x87EA\xb4(\xbcs\xe3\x85H[\x84u\xb7\xf0\xfd\xfd\xd3I\tX\xaf^R0\xff\'\xc9\xac\xacq\xa8_\x81\xb5v\xe5\x1cnM\xf4V\xe8\xf5\x15\x1f\xd52RV\xa8\xcc\x87\xf9\x8d\xa0r\xb7\x94\xd0\x8b\x18\xacD\xd3\'\xb2\r9.\x91\xb2D\xa7\xc9EE$\xb5J\t\xeb\xde*\xa3"\xb0\xd5w\x0f\xcb\xfe\xebX\xa2\x17\xf5\xb4\xbd\x7f\xfd\xcf\xd6\t\x86\xb5)gQ\xae\xf1*\xb4\xd9\x1f\xb1\xd8\xf3}]\xa5\x19\x7f\xeaL=\xd7l**\x87\xe2H\xc9\xe1sI\x8b~\xc5\xf1\xa5v\xe1\xee|\xef\xe53\xdfn$\xaa\xb6;\xff\xba{\xfb\xe1\xea\xab\x84\xa4\xa4$Drg\xc2\xab\xfb\xef\x1e\xf6r9C\xf0\xab\x1b\xd0\n\xa8\xa1\xa1/\xe6\xe6\x91L\x81U\x18\x0e\x9a\x15\ny\xe2\x91\x0fA\x84X\x16p\xe5\x9b\xe1\xad:\xf7n\x14i1\xdad\xa2J\xf9@\xc5g\xb2I\xed\xb5\xb0\xd6\xdc`\x0e6b[\x04\xeb\xe5\xfd\xd3XII\xc4\x95\xb0\xf3\x15\xec\xdf\xdb\xdb\xf6+y\x16\x1d\xf2\xf3\xf7\xaf?\x1b\x1a\x1az=\xdf\x8fd\n\xac\xc6\xb1\xcb\xae&lt;\x85K^Q\xe1\xe5\xb0hx\x04\xc9\xca\x01.\xecD\x1c_\x19\x16\x13\x88\xfb\xc9\xfdb\xd5Z\xc4s(\xf2F\xc6\x0b\xb7\x10\xd6\xd5G\x7f\xb9{{\x17\x87u\xfat\xc2\xc7X\xbe}{\xaf\xed?\xf8_ \xf0&lt;\xff\xeb\xdf?#\xaa\xa1+\xcbs\x0c\xab\xb0\xb1\xaa\xb5\xbeA\xa3qe\x7f\xb4&lt;\xc3\xb28*\xf3\xcd\xf9\x9b-\xd5652\x96\x9839\xff\xc3\xfa7\x1d\xe7\x1f\xd3d~\xc7q\x8c\xc9-p!\x91\xc4 \xd9\xe5R\xf9\xa3\t\xb1$5\xed\x08\x91&amp;t\xc4\x9a\xe5!\x85\xd3\xdd\xcdPk\xf0*\xe2\x1fli\xd3I\xcexi\x1f\x87\t\xb96\xe6\x89W]go\xc5eli\xcc\xd2\xd9\x02\xc5\\\x84A\x8bg\xe1\xa8\x15\xec\xb1\x82 p\x11\xf0\xf8!r\x08x\x08(\xee\xfd\xf9&gt;O\x11\xe7\xf6\xa1\xf0\xb4\xff&lt;}\xf9~\xbf?\x9f\xef\xf3@\xbf"\xfb\x07\xa1\x96\xe8\xa1YCb5\x8d\x8c\x7f\xab\x99\x9a\x1eHO\xcf$\xb92\xa5\x90e&gt;\xd9\x9c\x98^\xaa\xfb\xd9\xc7\xff\xb7\xfb\x9a\x96\x00\xc5\xb0\xd6\xce/\xdf\xc7\x82\xe8\xe0Uf\xd5\xfd\x96\x8a\x82\xfc\xe2\xfc?\xbc\x19\x10\xf4Q\x9bC\x87\x8b*\n\xd967Zyh8\xec\xde\x86ET\xc0z\xffP~\xc1\x10\xc4b\xd1jz\xee\x05\xd6\xb3\x01f_\xfa\x16\x17\x8eO67\x17\xa7\xfew[\xe2\x9ek\xf0i\x86D\x05\x0f\x97\x87:E,\x8d\xdbZT\x98_S\n\x17%\xacb\xda\nx\xf9\xf2\xa1c\xfb\xc5\x01\xb1\x83q\xed\xdaRk\'5$jWV\xfd\xfe\x0f\x7f\xe7\xf3\xb0&gt;\x84\x89w\x15w\xcbU\xcf\x06D\x91\x88-\xa5Wf\xfa\x13\x0c\x8c\x8f\xde5\x12RM\xcd\xbe\xc8\x11\x0bX\xdf\xb4(\xb7\xb0\xf8.kqAa\xf1\xb9\xa3\xe7\xd8\x92(b\x1d\x02\xd7\xe5\xc3\xc7\xc0\x87\x95\xe7$\xb0vC\xac]\xa9f\xdcy0\x8ca\xbf+\xf7ti\x81\x9fN\x81\x19\x0f\xbd\xbeU&lt;/G\xb6\x8e\x88J\x1dI\x7f#\x1b\xf1=\xc1\xbcx\x87\xea\xa3\xfe\xa799\x19)\xac\xb5\x7f?P\x0e]\xbbF\x91\xcf\xd3\xe4\xf9\xab*J\x0b\xad\xc5G\x8f\x02\xab\xa6\xa6\x86\x85\x0bX\x95\x957 \x19\x8dS\xba\x0b\xcb\x02\x17\x0b:\x91A\xacp\xc9\xc1\xdd\xf5E\xf9\xb7!\x96\x99%\xbe\xae\xfb\x9e\xf7\xb3\xf2\xc1\t\xc9DQ1T&amp;\xa9\xc5\xc8\x06\x16\xdf\x8d:\xa4\xca\xc8\x90\xc0\xae?\xbd\xf4@\x89\xfb\xe1\x80\x91\xb04\xc1\xae\x96\xc2\xc2\xa2\ntbAAM\xe1\tq_\x14p\xa8n\xdc\x00\xd6I\xac&lt;L-q\xca\xb3d\x95\x94\x84\x8fW\x96\x9eh\xe7\xb5f\ra55\x8d\xac\xaf\x0f\x97\xf7O\x0c\\\x11q\x98R\xa9~$,X\xf9_\xa9\xea\x9fOAe\xe0p}\xed\x1b`uu\x8aXf\x8d\xd9o\xad\xa8\xa8\xb0\x16\x00\x0bR\xa1\xe8:\x19X\x9f\x94\x95\x95\xb1e\x1aX\xbf\xc9\xa2_\x1d\xedb\x99\x82T\xa0*\xd9\xf3\xa5\xb5\xf4~\xd0\xa3\x1a\x1e\xee\xed.oj*\xbf\xeb\xbd\xd7]\xbe40 M-\x02\xdbjG\xc9\xcc\xb7\xc6z\x9d(U\xaa\x80\xf5\xaf\xf6I\xe5\xed\xce\xce\x80QMXv_\x97\xd5Zt\x8aa\xd1\xaf\x00\xe9\xf3R\xe8\xc0O\xcah\x0fYvY\xf6\x0eR++\x8b\xc9EP%T\xe1\xf0\xd9\xc6\xf3~O\xb7\xaa\':3\x13\xad\xff}o\xef=\xef\xe3\xf2\xa9E\x86u%sK1\x1a\x16"V\xfav\xac\x8f\x7f[\x8d\x06d8\x0c\xaa6\x83\x12\xdf~[\xfe\xa0}\x0b\xcb\xec\xaf\xb2Z\xad\xa7p\xfb\x85X\xb5\xec\x07\x15\xb0Z\xcb\xb2\xb1\x16\xbe\x7f\xf2$\xd6i\xa6\x16\x1b\x10\x12\x14\x1c\xbc3\xe4\xf6h\x9a\x9azG\xf5z\x99\xc5\x99\x9c\x89&amp;\xef\xf56\rNL\xf7/=\x9b\x18\xd8\xce\x95):Hd\xdb\xb3&gt;/\xf2\xe4d\xd467\xd7\xd6\xd6R#\xaetv\xc9\x97\xfd\xc0\xf2x\xb4\x14\xd8`W\x95\xb5\xca\xfaa~\xcd\xa9"\xe8\x86\xcbw+aa0\xe0\xce"7\x17\x8f\xdcT\xe6\x81\xb5\x17P_\xdd\xe91\x0ex"\x00\x00\x06\xefIDATh\xe7\xe1\\\xd3\x8fw9\x85B\xa77\xe8u\x16\xd7\xa1a\xf3\xe2\xe6?/\x8cx\x06\xfb\x17\xa7\x07$\x94\x14Xf\xfa\x1b\xb5\xb0\x00\xae\xbcxC\xf5\xaa\x19?\xd8\xd2s\xe9\xfbe\xe5\xad\x84\xbf\xefV\xd5\xcd\xbe\x84\xaf\xb7\xdb}\xfbT\xb1\xb54\x9f\xed&gt;"\xe5H-Zu\x0e\xd0\xa5\xf1\x81\xac\xe3Y0\x91\x96 h\xb5\xf7\xb3\x92\xf0\x85\x8e.\xb7\xda\x0e\xac\x1f\x1f\x8f+8\x1d\xe4\x92\xe9u\xce\xc8\xea\xf9\xcd\xf9UY\xfc\xe1\xa3\x9e`u\xff"\x16\xed\xd4\xb0\xcf\x94*\xd5\x81\x83OS\xa9\xca\xc9h&gt;\x02\xac\xe6\xda\x9c\xb5\xb5\x9c\xb5\xd9K-\xca\xd5\xc9e\xb9\xdce\x0bM\x82,\xe8\xfe\xfe\xfc\xdfN\x15\x9cha\x1f\xf0\xac\xaa:\\EX\xe2e\x03\xfd1\xec\x00Q\xed&gt;\x00,\xa2:\xdb\xd8\xe5VQ\x03v?\x1fW\x00\xcb\x00,\x83\xce`\x0b\xb9~5i\xd0\xeb\r\x96xl\xf4\x82\xcf\x012Z \xd9\x84H\xdf\xc2\x82\x81K,\xeb\xb5"\xd5\xab\xf4W\xcd\xb5\xcd\xf3+\x7f\\\xcb\xc9Y\xb9t\xcb&amp;\x84\\ry\xc8bqF?\xefs\x07\xf9\xa0\xfb\xfe/\xffJ\x9b\xf5\xe9q\xa6\xear%\xb0\xd8 x\xef\xbdp\xf8\xd7\xa4XV\xd6\x9e0\xeb\xc0\x9b\xd0*\x0f\xa1\x04\x15\xa7\xe08\xbd\x88\xa5\xb7\x08\x82\xd3\xa4\xd7\xebux\x18,\xc9\x87 [z\xc6\xc0\xaeH\x9a\xb1\xb90\xb5\xc2\xa0j\xc5\xa87\xbf\x82Z\xf3\xb3\xed]\xe7\xfer\xfd\xfa?~\xb1,\x18,\x11\xb92d1\x18\x92\xd1\x8d\xc4\x9c/\xe8\xf1\\\xfb\xfbm056\xd2\xff \x00\xac\xdc\x03;Y\xc0?\xa5O1ge\xe5\x9e\xcd=\xbe\xe7\xe7{&gt;\xb8x\xa6\xcb\xcdS\xaf\x10\x15\xa7\xe3\x10y\x99If\xa2\xe4\x0b\x82\x00@P\xe9\xa0\xa0\xe0\x9c\xf9\xee+\x1fb\xf6\x84]\xe9\xb0\xc8\xbfe \xb1!\xef\xaf6W:\x13\x93J\xa5\xfc\xf5\xeb\xd7\xf2\x90L\xc4\x12\x0cz\x993\x9a\x98\x0b\xf8\x8c\x1e\x15\xef\xbfu\xe6tck\xe5\xe9\xd3\xa7+[E,\x04\x9c2~&lt;\xf7\xcb\x1dlK\xf3\xbe\xec\xc6&gt;\xcc;\xb56\xaf\xf71sPo0\xc8\xa0\x16h\x0c\x16\xb4\xa4\xd3I`:r\x16\x8c\xa6\x99\xaf{\xda\x96\xa6\'\xae\x88c\x0276\xfd\xb4\x04n\xc3\xaam^Yr\x9fYV*].\xa5\\\xae\xb4\x19\x08K\x1e\xb1\xe0_)\xac~\xee\x0e`\x81\xf4\xe4\xa9\xdc]P\xab\x92\xa8\xbe\xd8\'\xa9\xb5woIx\xcf\x07\xfb\xb2\xb3\xb3\xd9\xfe\xce\xabC&gt;#\x89\xe5y$Q\x99H,\x14\xa9&amp;K2\xbd\x0c:\xeaOx\x8b\xe7\xa6\xd8\xc59\x90\x91\x99\xe9i\x7f\x9e\x95\xa8D\x0fA5?\xeb\xee[V\xca\xdf\xc6R\x86\xe8l\xb6\xd0\xea\x86;\xe0\x80\\y\xda\xc0Pckkee+\xdb\xa1\xb8\'\x1c\x0e\xb3\xedF\x17\xee\xd4_\xbd\xda\xd1Q_\x7f\xb1\xc3\xef3\x1a\xd5Zm/\xa3Rp`!\xb5L`\xc1\x99L\xac`"\xb0\x88K\xb0\xc0\x0c\x011\x9b\xeb\x7f\x06\xc9\xd2V\x08*5\xaa\x08K\xf2\x0f_.\x1c\xe4.\xa7\xc1 D\xe8\x00\xedm\xa1\xd0\xea\x10\xc3\xd2\xe6\x99}CW\x91\xae\x8e\xa1\x1f\x12\twOO\x8f\xcf\x17D\xf9|n\xb1\xda\xdb\x1dFX\x98\xc7\xa8\xc0\x85\xb8\x1bdbA"\x83\x8c\xf2N\xa9\x07\x96\x97q\t\xf0\xd8\x16r\xce&lt;r_[\x9cN\x13\xfd\xa3QE`\x19\x90\xea&amp;\xa4B)\xa9\x80\x85\xc4\xdb\\\xae\x90\x80\xf3\t\xc0\n\xad&amp;\x10.5q\xf1\xfe!\xbf\xdb\x17\xe4=x\x89\xd7\xdbJ\xab\xf5\x00\nT*\xf3\xf3q/\xde\x17o\x0cq\x18\x14%\n\xd2\x81\rm\xc0\xe4\xf2J\\2\xbd%\x14\x11,\xce\x99/\xe6D,h\xc5\xea\xc5J\xe7\xd0\x03&amp;\x95\x88\x85\x9f\x11A&amp;\x84"\x11\x9b\xc5"8\x9d6[\xc8\x16\x9aI\x80\x84\xb0\xcc\xaaj\xbc\xb1V\xab\xa5\xef\x14\x0f\xbdR\xa9@\xc5\x13U\xde\xc8:\xde\x94\xd4\x8a\x9b\xe2q\x93)\x99\x04\x1d\x11a\xdcspV\'\xba\xe8\xa5\xf9oq\xca\xf4\xb2H\x04mj\x89\xa7\xe5\xbcI:\xa6\x82\xfb\x18\x83\x11\xd5r\x11YH\x80F\x91\x90m[=\xecA\x94\t\x0b`\xac\xb4\x12\x96V*U\xb5\xc3X\r*\xb5v\xf8\x1e\x83R\x8c\x8f\x8e\x8dF\xc7n\x8e\xa1\xa2\xb1x\x9c\xdb\xce\xa5S0\xbdt\x06\xc1i\xd0\t\x08\xb1L\xcf\xa5el-\xceHU\xd7\xb2\xc4$Z\x88r\x85\xa0Q\n\x8a\x1d\x9d\x82\xf3;\x9a\x11t\xf9d\xd6H\xfa\x10\x93\x1am\xc7\x1by\x88\xa5\x06\x15\xcf\x93\x92b\xb0\x14\xe31\xcc;\x9e);\xb2\xb0\xb00\x16\x87D4\xc9\x88\x0b\xf9\x02\x96\xd7\x8bI!X\xf4\x9cMi\xd1+\xf4i[\x93a~\xd6?\x99\x82"*\x17\x1a\xd1\x05\x990\x91Y\xadN\xae\xa2\xa7Y%7|L.\r\x91\x11\x98\xca\xe80\xfa\x02\x0e\x8f\xc3\xe11\xaa\x18U5\xf3\xf7O\xeb\x10\x8b\x1b\x1f]\xf8\xe9eoww\xb7Fc\xb7\x0f744\x80+\x16\xe3\x08\x8d\xdaP\'q!`\x16\x19grEt^Y\x1aV\x9cZ\xf2p\xe5R\xdf\xb2|\x8b\xca\x15\xa1\n\xd9\x80c\xe2X+\'\xfdmCq\xbd)N/d\xc9\xb3\xb8\xaa\x83\x8b\x1a*\n\xb8\xdb\xc1\x07\xdc\x0eO \xa8\xe2\xd5j\xa3\xa3Z\xc4\x82\x85^\x8e\x8b?z\xf9\x13\xb1,&lt;\xf7\xd8\xed\xdd/\xf1\xb4!\x11\x9b\x9b\xdb\x18%\xcd\x14l\xa4I\\z\xf2\xcf\xa64y-ib\xae\xb0\xd6\x1c\xdbf\x9e+D~\x89*\x99pb\xa4567\xd5\x1e\x9f\x89Fg\xd8\xc0\x99I\x90\\\x8c\xcan\x86k\xd7||[\xa7\xd1\xe8\x08\xb4\xb5U\x83J\x8d\\!s\x8f\xd7a\x8dD\xd5\xd0\xf0\xb8\xd7^.R5l\xc4\x16z\xf3T\xbe\xb1\x99X\x8cd\xa3|\x91\x8d\xf1\xa4\xc9\xc0\x99\xe4N\xc2\xa2\xac?MIE\xd6\xa1B\xc4$\x99\x97\x8cc%L\x8cE\xdd\xd5\x9dcn\xa31\xca\xb0d\x0f{\x98\\f\xc6\xa5R\x05x\x95\x117\xb9j\x9eW\xb3\xac\x13\x95v\x84\xa8\xb8\x98D\xf5\xb2\xbb\xbc\xbcW|\xba0\xc6\x8d\x8f\x05\xecu\xd5\x81 \xcf\xfb6b\x9c\xceD\x96\x8e\'\xe6\xc6L:.\xe2\xe2Li\x90\xea\xc5\x8a\xff\xb0r\x1b\x94+BP\x88\xd0\xea\xe4\xb1\xc9\xd5\xe4\x98\xcfl\xb7\xab\xdb\xdb\xea\x06\xdb\xec|\x02j\xb1\x11=\x1a\xa4\x19Ar\x99\xedy*^D!\x1a\\\xf6\xd3s\x8c\xf7\xaf9\x1aM\xeb"\xd6\x08n\xc6RT\x1bq\xee\xe1\x9c\xa6np\xb0\xce&gt;\xd8_m\x9f\x8b\x8e\xfe\xb01\x1a\xe3\xfe\xb3S\xeb\x9f\xac\xbe\xfa\xe2n\xb2~\'(\xb4\xde\xbc\xbc~\x03\x9e\xa0 \x81\x05\x0c# 8\xbazW\xc7\xae\xfb\x87:\xf2:.\xbe\xb26\xbaf\x9d\x9a\x9a\xb7\xfaj"\x0cl\x9f\x01v\x16(\xdd\xd7j\xa4\x82\x9d\x05t\x95}j\xaa\x11\xd8uF\x1a\xc0\x82\x14\x98^&lt;\xef}\xfb\x06qUm\xde\xad\xaf\xef\xde\xcd\xf9\xf6\xed\xee\x19\x9fSK\x1b\xfd\xce??\xefW\x9bz\xed\xbcq\xe3\xae\xd4F?\xfbWw\x8f\xceM}yw\xa9\xfd\xba\xcf\x9b;\x01\x94@\xbf\xbf\x9e\xb5\xa9\xf7\x00\x00\x00\x00IEND\xaeB`\x82'</t>
        </is>
      </c>
      <c r="M354" s="3" t="n">
        <v>45492.6787962963</v>
      </c>
    </row>
    <row r="355">
      <c r="A355" t="n">
        <v>976235</v>
      </c>
      <c r="B355" t="n">
        <v>1962</v>
      </c>
      <c r="C355" t="inlineStr">
        <is>
          <t>Wagner Leonardo</t>
        </is>
      </c>
      <c r="D355" t="inlineStr">
        <is>
          <t>Wagner Leonardo</t>
        </is>
      </c>
      <c r="E355" t="inlineStr">
        <is>
          <t>ZAG</t>
        </is>
      </c>
      <c r="F355" t="inlineStr">
        <is>
          <t>ZAG</t>
        </is>
      </c>
      <c r="G355" t="inlineStr">
        <is>
          <t>ZAG/LE</t>
        </is>
      </c>
      <c r="H355" t="n">
        <v>186</v>
      </c>
      <c r="I355" t="n">
        <v>4</v>
      </c>
      <c r="J355" s="2" t="n">
        <v>36363</v>
      </c>
      <c r="K355" t="inlineStr">
        <is>
          <t>Left</t>
        </is>
      </c>
      <c r="L35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6fd22ce-7c3f-4224-9f74-55b601ea0e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9\xb4Am\x00\x00\x03\x00PLTE\xff\xff\xff\x1a\x1a\x1c!!!\x1c\x1c\x1d\x1f  &amp;&amp;$\x1e\x1e\x1e\x1d!$\x1e#&amp;\xfe\xfe\xfe"#")*\'$$#\x1c\x1f" %)\x19\x19\x1a#(+\x1a\x1d ++)"#\'./,--*((&amp;74/\xc8\xac\x9f23/\xe3\xcb\xbc20,\xdc\xc5\xb9\xda\xb7\xa0\xe6\xce\xbe\xec\xd5\xc1\xc1\xa7\x9a\xd3\xbb\xb0\xf8\xdf\xc8\xcf\xb9\xaf\xd7\xb5\x9b\xc6\xa9\x9c464\xfb\xfb\xfb\xe0\xc9\xbb\xe6\xc7\xb0RG==70\xc3\xa1\x8e\xce\xab\x96(+/\xda\xba\xa4\xe9\xd1\xbf\xf2\xd5\xbd\xcb\xb3\xa9\xd5\xba\xa0XK?\xf6\xdd\xc4\xd0\xad\x9c"($&lt;:6\xd4\xb0\x9dC&lt;4\xd9\xc2\xb7\xcb\xb0\xa3\xde\xbe\xad\xf1\xcd\xaf\xd6\xbf\xb3\x16\x15\x18\x94\x80p\xfc\xe7\xce\xe0\xbc\xa0\xcf\xb6\xaa\xba\x9f\x91vdULC:[PE\x8btd\xe8\xca\xb6gYL\xda\xb9\xabbTG\xfd\xea\xd3\xdb\xc1\xa7\xde\xb6\x97\xf4\xdb\xc4\xf8\xf7\xf7\xd7\xb3\xa2\x9b\x81o\'(*\xc9\xa7\x95m]P\xd4\xb1\x97J?5\xd1\xb0\xa2\xe4\xc0\xa4\xec\xc8\xab\xab\x94\x86\xfb\xe2\xc7\xf4\xd0\xb5\xee\xd2\xbd\xea\xc4\xa6\xd3\xac\x8f\xcb\xb4\x98\xe2\xc7\xb5\xf1\xd8\xc3\xbc\xa3\x95\xdd\xbc\xa8\xef\xed\xeb\xa1\x8dyxi\\\xc2\xa3\x94\x9c\x86w\xcd\xa7\x8e\xbf\x9c\x8a\xc7\xa4\x8a\xc8\xa3\x92}na\x8b{k\xb8\x96\x86\xef\xd6\xc1\xc5\xaf\x93\xe7\xbf\x9f\xf7\xd4\xb8\xe6\xd0\xc1\xc7\xaf\xa4\xb5\x9b\x8d\x93xh\xf5\xf3\xf1\x83m]\xd8\xb6\xa6\xe3\xc5\xab\xd5\xb5\xa8\xdd\xc2\xb2C?;\xb0\x99\x8a\xf6\xd8\xbf\xa5\x8e\x81\xa3\x83q\xe3\xba\x9a\xd9\xb0\x8f\xb8\xa3\x88\xee\xc8\xb3\xbd\x9a\x826=8\x96s^\xad\x86k#0(\xce\xb6\x9d\xe7\xe5\xe5\xee\xce\xb7nUD\xb3\x8ds\xc2.(\xeb\xcd\xbb\x86gTnbV\xc2\xa0\x85RB8\xfa\xda\xbb\xe1\xde\xde\xb5\x8f\x80\xa7\x86x\x9dxa\xbf\xaa\x8c\xa7\x95~\x83tg\xaf\x9c\x81wZI\xd6\xbd\xa9\x80aO\xd7\xa9\xa1\xda\xd9\xd9\x9bzj\xde60\xf9\xe2\xcc;A&gt;\x8bn]~gXJPJ\xcd-\'DHD\xbb\x95y\xaf\x93|\xac\x89}\xbe\xaa\xa2\xd3\xbf\xb8\x9f\xa2\x9f\xd2\xd1\xd1\xfa\xde\xc1\x90mW\xebC=\x90\x93\x90\xc0\xc0\xbf\xa5\x7fefjf\xca\xca\xc8\xd6.(\\VP\xf8OF\xe3&gt;8dN?\xf0\xc9\xaa\xf1\xde\xcd*4.\xb140\xe3\xbd\xacnto\\b]\xb4\xb5\xb3\xfd\xec\xd8\xb4cjPXR\xcd\xa0\x80\x83\x88\x85\x8a)(7##\xc0;5\xce\xa5\x9b\xec\xe1\xd8\xd4\xa6\x85\xd071\x9bZHd]U\xc6\x9a{m&amp;&amp;\xf0\xe8\xe2\xaa\xac\xa9z\x7fz\xda\xc8\xb2\xc9\x87\x8a\xb7!\x1b.\x1d\x1e\xbc\x82\x82\xacsr\xabhP\xc5mw\xa2\x94\x8d\xcdu\x7f\xc6\x98\x92%\x18\x19\xa3"\x1e\xd4\x93\x94\xc1\x8eo\xb0IA\xad\x9c\x94\xe6\xd4\xc8B\'(Q$$\x8e\x85\x7f\x87WC\xd8\xcd\xc9\xfd_S\xea\xa1\xa1\xb4xZx&gt;9\xccG@\xdbQI\xdb\x80\x87\xe2zp\x08\xde\x96%\x00\x00 \x00IDATx\xda\xcc\x98\xdfO\x1a{\x1a\xc6\x1b#\xee\x0e\xc3\xd5,0\x10b\xc2IaLQb*D~\x84\x9a\x10\x11\xf0 \xd1\x88\x07\x10%\xae\x92XA\xfc\x85\xc1\x06\x15k`\xfd\xc1\x91VmOr\xc4\xf4\xb4\xa0\xed\xc6MZ\reO4\x1bm\x1b\x936&amp;j\xe2\xe9\xc5\xa6\x89M\xec\xed^\xee\xc5\xb9\xdf\xe7\x8b\xd9\xff\x00\xda\xf3\xce\xc8\xc0@\xf2\xfd\xe4y\x9e\xf7\x9d\x19o\xdc(MQ7(\xaax\xf8\x03\x15U\xd39\xb4\xfe\xe4\xe8\xe8\xe8`\xbd\x93\xfaC\xa0Q\x14\xd5\xb9~\xfe\xf1\xed^\xfe\xe5\xea\xea*\xf7\xf2\xf4jg\x96\xa2\xbe-\x19\x94\x99=\xd8?\xdd;Y\xd5\xe9tU\x15\x7f\xfa3\x0eL\xfa\xec\xf0\xdd\xec7\xe5\xaaY??}y\xc2\xd0:\x86\xe1\xebtb\x1d)Ae\xa5.\xfd\xf6\xfcI\xe77\x0b\xd4\xce\xe1\xc5I\x91\x86\xc7\x13\xf3P|\x81@\xc7\xe7\xf1\x18)\xb3zrqx\xf0-$\xa3\xa8\xf5\xfd\xbdUZ\xcc\x80\x8af\x08\x96\x00T|A\x05^h\xdd\x0fb\xddj\xfa\xf4\xa0\xe6k\x83Q\x9dW{\xab\xab:\x82%fx&lt;\x9a\xc7\xe7U\xf1\x04U\xfc\n~\x05\x14+\xba\xb9J\xe7?\xee\xd4|\xddP\x1d|\xe1t4O\x87X\xf1\x04b\x81\x80G\xd3\xe2J\x14\x1f\x1e\xf2\x04\x7f\x01\x97@G\xd3\xc2\x93\xbdC\x80}5\xc9:\xcf\xe1\x1f\xd6ehZ\'\x16\xd3\x02&gt;\x1c\xac\x80P\x95x\xc1\x9b\xcaJ\x81\x98\x16\x8bE"!\r\xb0\'_i\\PC\x87/E\xb4\x98f\x18\xac\r8\x11-\x00IU\x85\xa0\x92\x18\x88\xf7\xfcJ\xbe\x98\x87\xef\x18F\xc6\xd0\xab\x17WC_\x83\x8bzrv"$J1$TX\x9d\'\xa8\xac\xe2UTU \xf2\x15\xc4\xc7\x8a\nb*#\xe6\x89D2\x8e\x11\xa1+\x8f\xca\x1f\xb1\x9a\xa3\x0b\xa1H\xca\x08\x19R&lt;\x08\x85\xbc\xf3\xc44\x9f_YA\xb6*\x18\x88\xb8\t\xa1\xa1X$\x13JE"Z(\xcc\x9fw\x96\x9djO$\x14J\x85"R\x0cO\x04\x04\xba(\r\x8f_\x05\xadp \x03\x0c\x0e\x0beB\xa1L\xc6\x08\x85\x8cL$L\xef\x97\x97\x8b:\xda;\xc1j2!\xd8\x84"\xac\xc8\x88DP\x85X\n\xc1\x04&lt;\x86H\xc7\xc3I\x06R\tY\xbdT*\xc3\x8f\xa4\xc2\xf4aY\x87\xeb\xfa\x19\'\x15Ja\x8d\x8c\xb0\xc9\xb0\xaa\x14\xaf\x1c\x18D"\xc8\xc4\xd0@\x15\xd2p\x18F\xb3\xd2\xda\x84\x94\xc3O\xf0\x1b\x86;\x9c-\xe3d\xf8\xc8q\x84\x03r\x00I*\xd5\x935Y)+\x93B\x1b\x1a\n\xcaX\xbd^\x8f\x13\xac\x8c\xad\xadeY|\xaa-*&amp;\xe5\xd2We\x9b\xf9\x9dWi\xa9\x94\x83Z\x10\x81\x93\xb2z\xb24\xa7O\x90\xb5\xf5,\x0b&amp;6\xa1R\x1d\x1f\xdbm\xc6n\xa3\xb1\xd6f3\xd6\x1a\xc9.\x93\xd1"\x8e\xdb;*\x13\x16u\xb0G\x80\xa4R\x96#:\xb0F\xfb\xc6\xa5}/\x0f\x10U"\x9f@\xe5U\x8ePh+\xb2\x15r8\x9cZ\xdb\xa6Je\xb3i\x8d\xc6\x04+\x92\xb1\t\x96;\xdb)\x0f\xd6\xd0\x170q`\x824\xd0\xc2\xe6\xb0\x86\xac\x13\x13\xf8\xdb\xda"\xfb\x04v\xf3\xc2\xc2\x82\x7f\xc1l6GB\x1e\x8f\xc3\xe9|\xec\xdc\xdc\xb4\xd9 \xaa\x9e\xe5\xd2\x1f\xcb\xd2\x8e\xd4~\x1a\xde\xe99=\x9c\xe9\xb6\xa9\x9cqs\x10\xb5\xe0\xf7\xe7\xfc\xc9\xe4t\xd2\x1f\x0c\x9b\xbb\x82\x93\xc9TK\xd2_XI\xe5fZ_\xed\xc6_\xfd\xfc\xfc\xfd\xa6\xcaf4\xb2\xfa\x04\x9b\x7fG\x95c\xba_p\x1c\xa7\xd7\'\xecN\xad\xf6\xfd{\xebbat\xb4\xaen\x185\xd8\x82\x9a\x9e\xf6\x17\x9e\x16&amp;G\xebFGGWV2c\x99\xd7\x0f\x9f\xbdy\xd0\xf5\x0f\x80=\x86\x9b\xc6Zt\xc2i\x19\xba\x91:L\xa3\xcb\x8c*\xc7\x86523\xd3\xb5\x9d\xc9\xd4\x8d\xbb\xddu\xd758\xd828\xf9\xcb/\xa0\x02V&amp;\x93\x19\x1b\x19\x19\xc9\x80\xec\xe1O\x0f\x9f=xe\xb5\x83+\xc1J\xf3\x07\xa5\xa7Z\xbf@\xd3\xd9\x9c\xd6\xf8\xccb\xa1PX\x19C\x8d\xb8\xdd\xe3\xe3\x84jx\x18zM\x16\xa9P\x19|30\xb0\xbc&lt;0\xf2\xf9s\xe63\xc0\xfe\xf5\xf7\xc7vU7+M\x9f\x97\xdcE\xea&lt;\xcd\xe9A\xd5\xfa\xb4\xb0\xbd\xb2\x02\xaa\x115\xca\x1du\x83k\x1cXu\xe0\xba\xa6\xaa\xc3w#\x03\xcb\x1d\xe0\x1a\x18\xf8\xf4\xdb\xe7\xd7\x0f\xdf&lt;{\x15\xf7hY\x96\xdb\xaf)\xfd$M#V!s\xb0\xb0rm\x92\xda\xebU7\xaa\xddn\xb7\xd2]\x0c\xd8h\xcb\xe8\xe4\n\xa0\xc6\xe1\xdf\x80\xd7\xdb\xd1\x01\xae\xe5\x81O\x9f\x00\xf6\xd3\x9b\x07\xadVG\xb7^_\xf2^\xa4\x86\xce\xd2\xa0\x8a\x84\x8bT\x99\xb1\x01/\x966\x18\x1a\x1b\xdd\xd0L\xa9\x1c\x96\xcb\x87\xebFW \xd78\xb0\xd4j\xaf\xa2\xa3\xe3\xff`P\xec\xf5\x9b\xb8\xc7\xa1\xed\xd6\x9f\x0e\x95Z\xad\x9d|B\xe5\x89\x98\x83\xa9L1U^\xafW\xa1P\x18\x08X\xa3\xcf$\x91+\x95\xf2at&amp;\xc4\x03\'\x88\x15\x1dKSK\x84k\x80\xa0\xfdVh\xf5`\xc0\x1a\xcf\xd6K\x8du\x94\xce\x13\xb1r\xa9\xec\xb5\x81^Eu\xb5B\xe12\x18|&gt;\x8b\xa5!&amp;\x91@\xb2a\xa5D"i4\x80W\xd1\xdc&lt;\xd5\xdf\x7f\rF2\xb6\xd2\xb5\xeb\xb0ov_\x1c\x94~\x96\xe6\x1d\x91p\xd7v6\xab\x0e\\C\x91r\xb9\xe6\\\xf3\x16\x8b\xa9\xa1(\x18\xa0L&gt;\x9f\x0b\xe7\x9b{\xfa{\xfb\xc1\x05,\xe2\xe5@\xa60cuj\xbb\xf7J\x8cEu~|i\xdf\x88\x04s\xdb\xd9@\x80\xd8W\x84\xaa\xaf\xaf\x9fk\x9b\xf7\xf9|\x12\x93D9\\W\xe7\x06Y\xa3\x8f\x9co\xee\xe9mj\xea\xed\xefY\xea\xc0\xb6\xd4\xe1\xcdnw\xc5\xadv[\xa9\xb1n\xcc~I\x1coDr\xc9TtmmM\xa1\xd0(\xae\xa9\xea\xe7\xe6\xe6\x00e\x82\x87r\xb4#\xba\xb2\xd1\x85\xf3P\xab\xe9G`M-\x91\x9ajVDS9\x92\xae\xbd\xa3Rc\xbd\xcd\x1f\x87\xcc\xfe\xe9\x16\xc9\xda\x9aF\xa3\xa9V`\xf1\xbbw\xeb\xeb]\x8d\x86F`\x01\x0c\x16\x92\x1dX.Eus\x7fo/\xc4"XSS==\xd5\x01"\x97C\xab:/\xf5\xdd\xc3\xdb\xa2\x87\xc9\xc1"\x15\xf4(\x8a\x85p\x19\x88\x87\x04LrM\xd7\xe83\xa8\xbd$[=\xa8\xe6)TOo\x7f\xb3&amp;\xb0\x1dl\xf5\xd8mWe\xc02\xe7rIy\xa0\x88U\xad\xc1V\xadq\x91\x01\x81X\r\xca\x11x\xe55\x1d&amp;\x04\x1a\xa2\x99\xd4T\xf3\x12\xfa\x11\xba\xb5k\x02\xa9\x1c\x9aQ{U\xe2\xab\xcf\xfa\x99c"\xd8\x92\x9c\x96G5\x9a\x17\x1a"V\xb5\x86\x8c\x075\xa8\xdcrR\xc4A\xa5\x1b\x11\x1b\x1f!\\\xd5\x1d\xc8:\xa6\xc4\x87&amp;d\xff~{{t;\x18\xf1\xd8\xf7K\x8bE=9\xbe\x9c\x08\'\xa7[\xd6\xd6^\xb4\xb7\xb7\x17\xd5\xc2\xd4ra\x96\xba\'\x87\x95r%\xa1"\xb9\xc7\xe6V\x1b\xbc\xb8\x06`\xa0\xc2\xc3\xfe\xa6\xbe\xdb}?\xde\xbau\x7f-\x9b\xea*\x07\xd6\xf1Vp[\x1e\xb3\xbc\x00V\xbdFCF\xa6\xc6\xe5r\xcd\xcf\xff{\\))2\xc5$\xc4H\xec\x06\x97K\x81!\xb2\xd4\x8c\x84\xf5?\xea\xeb\xbb\xfd\xb7\xbf&gt;\xfa\xbe}-\x1a\xdc(9\xd6\xc1\xf1\xa59\xb7\x1d]#T\x08\x97\xc2\xeb\xc54\x9f\x9b\'eih05\xc4b1S,F\xe8$\xbe\xf99\x97\xc1u\x9d\xae\x1e\x92\xac\xbe\xdb\xb7\x1f}\x7f\xbf=\x90\x0b9K\x8d\xf5\x0eX\x18\xa5\xa0\xaa\'J5\xaa\xd5\x8d\x01\x9fe~\xfe;\xd4\xcd\x06K,\xd6\xd0\xd0\x10\x03\x9c\xc9\xd4`\x99ok\x9bk\xbb\x8b\xaa&amp;\x17\xec\xa9\xde\xa6\xbe{}\x90+\xb0\x1dq\xfc\xa7\xa6\xe4X[\xdb\x01\r\xd1*`\xf0\xaa\x11m\xb9\x84\xa04X@E\xea\xe6M\x1c-\xc5#\xb0\xda\xda\xee\xa0\xea\x15\xde\xe5\xe5\x0e\x8c\xd6\xbe\xbe{\x8f\xee\x07R\x11g9\xb0r\x01\xd8\xa7\x89f\xd5\xeel\xca\xbf\x10\xf4\xff7\xe9\xc7\x03\xc6t\xcb\xaf\xb1k,\x0b\xc1\xb2\x10OM\x16\xcbww\xee\xbc\xf0\x99\xc6\xc7p\x07\xd1\xd1\xf3\xa1\xe9^\xdf\xad\xb5T\xab\xe7\xb0\x93*-\xd6\xe5ed;\x80\x0bO \x9b\x1dN\x05[\'\xac\xd6\x10\x1e\x07\x8f\x9d\x9e\ts8)\xff5\x06\xb1\xc0\x05\'cr\xb9?\x1c6\xcf\x84\x17r\xc9\\x\xf1a\x067\xaa\xe8\xc7\xa6^M\xd6\xec\xf9\xbd\xc4X\x07\x97\x1bP+\x10X\x8b\xa60\xafC\x0e\xa7]\x8b\xc7?}"\xd1\xadun\x85\xa7\xe5rS\x11I\xa2\x1c\x9cN.D\xac\x0e\xbbVe\xd7nX\xe3\xf1\xd6\xae\xc2\xd8\xc0\x12\xb9p\xb7\xa7\xcc\xd6\xdfgK\xad\xd6F(\x18\r\x04\xa2\xa9\xd4b&lt;\x1erj\xf1,\xc3\xe2)\xd6hw:\xad3\xfe\x96A\xa5\x04q\x97\xc8A\x15\x8c\xe3\xd6\n\x8f\xfb6\x95\xd61\x11\x8f\xcc,&gt;\xcdx\xa7&gt;|\xe8\xd5\xa4J\xaf\xd6\xce\xc6\xc6V8\x1b\xc5%\xb7\xd0\xda\x1a\x0cG&amp;B\x10dsS\xebtxvwg\x16Z\x06\xe5\x129\x99\xa7\x83\xfe\x7f\xce\xfc\xecx\xff^\xab\xd5\xda\xb5N\xebnkW0W(\xa8\x9b{?\xf4FS\xe1\xd0a\x89\xff?\xf2d\xc3\xb3eNEq\tY\xf4\xb7$\x17\x82\x0b\xc1\xf0L|\xf7\xf9\xe3\xe7?\xbf\x9a\xe9\xfa\x1fk\xe6\xff\x93\xd6~\xc6\xf1\xdd5\xbb\x99\xbf.\xcbf\xbc`\xab\xa5\xab\xa7\xe5\xe4\x8c\xaa$\xa7zNcQs\xa1\xb4B!\xc8\x05\x14\xc1C\xa9_\x80\xa3\xa7\x82\x96\x96/\xab_a\x10\x07\x04\xeb\x1c\xf8\rq\xc4\xe9M\xd0n\x91\xdc\xb1\xe5&amp;\xc5\x84\xdc5\xe1\xa6QcL\xd7&amp;71M\x96\x98\xba\xb47\xe9O{\x0e\xd9\x7f\xd0\xf3I\x8e?\xf8\x0b\xaf&lt;\xcf\xe7\xf3&lt;\xef\xf7\xf3\xec\xb4\r\x94\xdb\x0f[\xf3\x85Af\'\x13\n\xe5\xe6r\xb9\xc5\xc9p\x8c\x99\x99m\x9d\xed\xd5hM\x06\xef\xc8j\xcb\x10\xa7X\x15\x15\xd0\xaa\xfb\x87\x00kiu\xf9I\xe5\xa5\x87\xccvR\x1d\xda\xdc|&lt;\x07\x07~=!\xbc$f+\xbc\n\xa4\x8e\xd6\x06\x86\x1a\xbc\xe1b(\xb4\x18\x8ee\xe7Q\x0cA\xeaQ\xad\xde\xa0\x07\xac\x95\xd7\xdc%\xf1\xf2\xc1\x8f\xaf.?z\xdd?\xdc\xb2:\xb24\xd36\xd2|\x81\xd9\xce\xcc\xa5\xd3\x9bR)\xc4+\x95\xce\xe5cA\x14\xd7\x89+uV$\x82`\x8el6\x9cK\xa7\x817\x04d1\x87@\x1f\x89\xe8%\x12\x93\x84\x8d\xd6w\x7f\xfa\xc3\x197\x83\xe7\xcb\x07\x8el\xf8\xafw\xbfi\x1f\x1e^^ZZ\xea\x9d\xad\x14\xc6r)w(\x04T\xed\xa9h4\x9aJ/\x86\x85V\xc2\xa3\xc3\x91\xf1F\x8b6\x9cOG\xe1\x05n\xa5\xe7B\xf9\xd8v(\xef\x90\x90\x11\x83^\xa2\xd7C\xa4\x87\xbe\x1e\xce\x97$\xaf8\xd1\xa5\xf5\x0e\xc1q\xf8\xd9\xfb\xa7+\xc3}K3\xf0\x18\x85\xb1\xb9TF\xad\x96v\xc2k\xfc\xea\x8f\xcf\x9f\xb3\\A\xab\x17S\xf1\xc9\xdd]\x91c1\xf5&lt;\xd5\xde\xde\xd9\xd9\x10\xcd\xe5\x99\x81\xb6L\xbe\xe4d\x85\xaa\x9e\xbf\n\xd2\xa6!w\xectF80\xb1\x15\xaf\xd0yLP\n\xb7?\x1d\x02\xac\xa5\xd9Y4\x98\xcf\xa9\'\xa5\x9d\xdf\xfe\xe6\xdc_~\xf9\xd9K\x00\x8b\xa6r\x0c_\xc2\xc7\xf9\xe4\xc2\x82\x11\rE\xd3\xa9h\xc3\x17\xbf\xfe\xe9/\xae\xdfnim\xde^\x0c\x9bAt\x19\x9c\x92\xe5\xe5\xe1\xbe\xdc\xf1\x94\xab\xa4\xe0\xc0\xc4V\x9c\xa1\xb4\x15\x91\x98\xc3\xd2\x95\xa1\xbe%\x10\x81\xb6l~1\x94z&gt;\xf4\xcf\xef?\xfb\xfa\xf7\x9f\xff\xee}\'Dk.!\xd0\xf3\xc5|h1$&gt;\xb7\xb9\x15\x1d\xfa\xee\xe5\xeb\x9f\xff\xe7\xfa\xdf\xde\xb7\xab\x83\xd9X\xc9I\x16\nNA\x9fZ\x9d-9]\x8d\xd9\xd2\x01\x07[C\xcaF{\xbc\x88^\xcbH\xfb\x97\x97\xa0+:b\x8b\xb9Tt\xab\xeb\xc7o~8w\xeeW\xff\xf8\xf7\xbbw\xd2\xcd\\LP\xc4p\xbe\xc1e4eCsso\x9f}\x7f\xf5g\x9f\xff\xf0\xed\xfd?\xef\xa4\xd2\xb1\xa0MQ \x0bN\xed\xa4:8Up\xb9D\'\xc7{\x1c\\-\xccF\xa3\xb2\x08\x82`}\xfd\xab#\xf5\x98\xc4\x96\x8d\xe5\'w&amp;&amp;&amp;\xdeC\xff\xb9\xb22\xe8~\xdb5\x97\x0b\xf2\xad\xaau\xdcd4\x9aNs\xa9\xae\x7f\xbd{{\xe5\xea\xcb\xff\xf6\xff}LH\x07\x836\xb3\xc2`$M\x8a\xf0\xa4\x93\\\xd8u\x99\x8fJ\x96O\x7f\x8b\xf7\xb1\x12m\x8e\xf4\xc8d\xfe\x0b\x8fgz\xc1\xf3hm\xc2\xa0p@\xd3\xb6\xa3n\x19\\\xd9J\xa7\xd3R\xf5b\x18\xb5\x02\xd6\xba\x1e\xb0\xcc\xe1P\x8b:\xd3"\x95n\xb9\x93v\\F\xa16\xb3YQ\x00\xac\xa9p\xac\xb0\xb0\xb0\xe0\n\x1f\x1d*?]\xde&lt;\xf2\x1f\x0b\x05\x08\x82\xc4\xa9\xde\xf0\x12\x8b%@i\xf0\xcf\x1a{l2\x93\x91B\xf9\x9asO\xc6\x1c\xfcb\x19+\xe2\nHlI\xb5\xda\xed\xde\xccAypH\x10\x99W\xa2\x9d\x9e*\x18\x8d\x85\xa9l\xd6\xb8@\x9a\xc8\xd3\x8f\x8a\xbdO\x8f\xd6\xe5j\xdb\xb1^&amp;Cd\xd4Hp\xa4\x17\xeb\xc0\x048p\xd9\x83\xe5J\xee\x96nB\xefIh\x04V\x82\x00\xacbDd4H\x82\x99L\x86\xad\xa4\xe1S\x07\xe8X\xb3Y 1\x91.\x17\xe9&lt;,\xb9\x16@\x0fN\x9f\x92\x1c\x14\xae\x8a\x03\x899\xd0#\xe3c^(\xa5\xf5`/0&gt;\x8eB\xe7c\xb9&amp;\'\x93\xc9\xe4\x8e]\xcc\x07*6Z\xc5\x80h\xdc\x15\xd0\xd3\xb1&lt;\xdbz\xf2\xb1\xec\xf1\xbcY\xa1G\x02\xa0\x9a]F\xe7\xb4\xd9\xe5\x9cZ\xe8&amp;\x15J.\x86o\xf7)\xab(n\xb5\xd1\x1dPJ\x01\xcbj\xf5\xf0q\xb1\x86\xa6\xed\xeca\x18;\xaa\x92\x13E\xa2(W\xed\x03\x96\xd15.\x82\x06D\'b\xb1lp\xde\x06\x91\xd2\xebM\x01\xd2%\x827\xeaT\xb8N\x8f\x0b\xbb\xbb&amp;%\x17\xca\xf9\x11\x85\xf4 \x18ZY\xb3\xcab\x11\xe0\x1c0\x15;\x05\xa4\x85\xb4f\x80\xd6\xa0b\x0cbE\x94\xaf\xbc\x95\xc5\x02.\xaf\x00u\x94\xa7s\xe0d\x05|=x\x0c\x88\xa2\xc1\xa4\xd0\x9f|\x9c&amp;\xbb\x0b\x16\x8e\xb0\xe2\x84J\'\xbf8\xd3;\xdb\xc1\x1a\x07\xc2*\xf7xT\xec\x14\x10&gt;\x14EU\x1evF"\xf7\xb0I\x04Wh\x8cD\x8a\x90gt\x1fE\x81\x19\xc7\xc0\x93\x91,-i\x92\xe8\x17ON\x9d\x0b$7X~\xafL\x8e\xfb\x9a\xaeAy (\xbf\xbfL&amp;\xf7\xe9\xc0!\xeat:1xh\x8f\x15\xf3x\xe4\x1e\xdd\xba\xb5\x18\x00\xb0H\xc4+)\x8f/\xe1SaE$\x10(c\x19\rS\x92\xd8\xd1\xc7i#GX\x1d\x04\xe5\xd1\xd5\xf8Y,/E\x01\x18{\x08?\xc1\xda.\x1f\x8ekU\x1e\x0f\x04K\xeeS\xe9&lt;,\x83Q\x141I\x14\xec\x9c\x10X\t/\x12\x88DD\xe3\xe3\xbb\x90E\x85\x02\xfdpR"9Jb\x87\x00\xc1\xc5&gt;\xea\xcd\xea\x08\x06PT]\x1d\x8f\xaa\xab\xa2x~\x9e\xdf/\xf7\x89\xf7\xf7!\x95* \x84hy\x80\xca`\x08\x04\xf4\n&gt;\x1f\xf3\xb0^\x11\x91\xc5{D"\x8b\xb2\xb6\xbb\xd1e\xd0:#GG\xc7\xa4s\x8f\x0b\xc1u\xb7\xc3\x8chQO\xbcjy\x84\xa0\xaa\xea\xaa\xaa\xe1\x83?Uu&lt;\xbf\\\'\xa6\x85@\x85\xc3c\x94CNY\xac\x80Ao\x08\xe0(\xaeb\xff\x87\xc8d="\x0bPmt7\x8e\x936\x13\xf2\xe1\xe8\x94\x9c\xe2\xa0%\x02\xd6\x1b\x9bW\xe0\x10#\xe7\xbbz)\xe0\xa9\x1e\xad\xae\x1a\xad.c\xc9u\xfb\xf6\x84p\x1d\x00X\x0f-\xaf\xf1\xc9\xe1\xceC\xb8L\x01\x15\xed\xd0@\x08\xfd\x14\x1b,\xa5\xb2\x11\xb0\xbaw\xc9yW\xf6\xc3\xd1a\x81\x1b\xac\x8aQ\xb3\xa0(Fu\x96\'K,\xd6({\xaa\xebxMM@\xc5$\x12\xb4\x8a(RTu\x15\x8f\xc7\xbb!G"J\xe5\xb8\xcb\x18\xb0\xd9\xb3v\x8d\xd8CP\xf1x\x8f\xa5vc\xe3\xe6\x06d\x11\xc9\x8e\x87O\x0fI\x85\x93\x13u\xfa\x93\x03\xbe\xcdJ\xa0\xc1\xf8\x85\x19\x7f\xd5\xe8\xe8\xd9\xd9\x19P5\xd5\xd4\xf8t\x03\xf6\xc4\x0eC\xab\x8a\x88\xac\xea\xb7\xd5ug\xa3&lt;"P\xfb\xe2fm\xed\xb8\xf14\x16K\xd8i\xe0\x82h)7\xee\xdc\xb9\xb3\xa7\xec\xae\xed\x98G\xe0\xc2\x9b\x0e\r\x9c\xac2*\xeewhq\x04\x0f\x12c\xcbk\xe5`\xc1\xef7\xd5\xb4\x82Uewb\xf4\xfe&gt;.\xa6Q\x9f\x1c\xae\xbf\x8f\xe8\xd9P\x8a"\x11\xa3"\x1cL\xfc\x9f\x0b\x89+7^\xbc\xb8c\x11\xd5ZFfl\'\x87\xe4\xb1\xc2\xc2\xcdx\xe4n]=NQV\xd9\xb5\x96\xfa\xa6\xaa\xea:\xb8\xf0M5\xecz\xa0\xed!\xc3\xd0\xeb\xebb{x14\xd9V\xa9\xd3\xec\xf3{\x1e\xc4\xadt\xe9\xf0\xf4\x10\x13\x07\x13\tF(\xf6P=\x96\x8d;77\x1a\x1b\xbb\xcf?A\r\n\x92&lt;4\xbc\xe2\xc8\x93\x1d\xd4\xab\x88x\x1c\xb9\xd6_y\x83\xc7\x9e\xba\xa6\xd6\xb2\xadg\x98\x01\x1d\x14\x86}\xa1F\xc7\xee\x13\xed \x80d \x17m(\x1fA\x8a\xb8=\x91H\xd8qB\xf6\xa0vo\xaf\xb6\xb6\xb6\xf1\x8dZ\x08\xeauj\xaa\x87\xab-\xd9\xdd7\xf5\x98\x17\xe9\x18\xbb\xb5\\y\xf1\x86\xdf\xcf\xe3\xd5\xb4\x8e]\x1a\x80\x14\x0e\xe8&lt;PT}\xe5}O\x1b\xc3\x04Qh:\xb8OG\xc1M\x0f x"\x99Lh\xac\x80\xa5TZ\x1a\x1f\x9c\xbf\xd7\xefV8\x0f\x0f\x9d\x07\\\x19\xd8\xcb{\x1d|\x81U\xd7w\xa5\xbf\xed\xd9\xc5\xb55\xff\x8d\x9a\xe6\xe6\xb1\x01f\x87\xa9\xd4\xf9\xe4\xbe\xe6\xb1{]\x13I\x86a\x12\xe1X8\x91\xdcy\xf2\xb0\xb9FNP2\xb9p\x12\xa4\x18\x1ey\xd0h9\xff\xa0\x87\xaa\xef\xbb\xdd\x90\xffx:\x15\xe1n_\xfd\xe8\x8dD\x8b\xce\xf6]\xbf2\xdcU\xd9\xbcF\xac\xad\xf9Z/=\x1c\x1c|\xc2\x0e\x04/\xb5u\xadH\xdb\xb76\xc19f2n5\x18m\xa9;YY\xd9|\xad\xa6yB\xfa\xd8m\'D\x8d\x16P\xdc\xb33\xc3\r_EO\xa6\xc9\x03\x0e\x87\x10\x07\x88\xd7\xba\xf6\xf4\x8b\xab\xb7V\x96\xef\xcd\xae\xb5\xce\xae\xf9\xda\xdc[-\x83]]]\x13-\xc3\xfd_~\xd9p\xe5\xf6\xad\xe8\xe3\x96\xad\xe7\xb7Y\x9f\x9dJ\'w\xb6\xbb.\xdc\x1b\x94vvnj,J\xd9\xc8\xc8\xc3\xbe\x96\xfe\xebW\xa3\xff\xe3\xe5z\\\xdaH\xd3p\xe7\'\x9b\x99\x81\x81a~lv\x8e#\xdb\xa2ng\x16n\xf5\xb2\x18\x86rM@3Is\xb9R\xc96\xccBJ\xa1\xd6\x8biX\x1a\xddr\x98\x98\xbbkl\x02[*\xae\x08k\x88iz\xeb\xaa5\xa0\x16\xb7\xe9O\xdaS\n\xa2\xacW,\xa5X\xb8\x82\xd7\x95\xadH\xbb\x08\xd7\xbbC\xca\xc1r\xef\x97\x1ew\xff@\xe2\x1b1\x82A\x1f\x9e\xf7\xfd\x9e\xf7\xf9\xcc\xfb\xfa\xed\xaf\x96k\xf9\x97\xa4\xa6\xa7\x9d\x93\xdd\x86 i\t\xe0\xeb]G\xc3\xe4\xa1\x907\x96O{b\xf9@ h\x9a\xa6\x8e\xae\xd7s=\xb3A\xcd\x19\x08\x8f\x8cL\x8d\xde\x1d\x1dM\xc5\x13^\x9f\xd3\x99;\xf8\xf9/\xbf\xf9\xba\xc7\xeb\r\xeaJ\xe1\xfa\xe9\xda\x8e\x1c\xd8\xa2?\x1b\xb7\xb3\x92\x1e\xcc{\x92]\xed\xed\xa7\x92s\xc0P \xe0+h\x05\xdd\xe9\xb4\n\xe1@\xc0\x9fM\xa5\xc3#KK\x13\x13S\xa1\x90\x7fvt\xca\x1bpj\x9a5\xfb\x8b\x8f\xbaz\xc6\xc3A\x9f\xa1(\xae\x85Z\xbf)l\xebx\xbe\xc2\xb2\xaa\xeeK\xf4\xc4\xb3\x03]\x91qC75\xa7\xb3`9c\xf1\xf0\x887\x95\x1b\x88\x94\xca\xe5\xd1\xd1\xa9\x89\xbb\xa3\x83\xbd\x7f&lt;\x94\x8cxF\n\x96\xa5YK\xc7\'\xb3a\x9ff\x9a\x8ad\x97j\xff\xa6pta\x88\xe1(V\xf1y\xbd1O$\x9ep\x19\x96\x16\x1c\xf1{\xba\xfa\x1c\xb9J\xef\x99\x86w\x1b^\xa1\xd8|\xf1\xea\x15\xa8\xe8\xf1\xcf~\xdf\xe6_\xb2\x00\xd7\xd27\x7f\xea\xb1\x0c]\x07\xb2$\xf6Q\xcd\xa7\x7f\xa2\x7f\x19j\xe5(Yu\x99N-\xec\xf1\x87-\xc3\xb0F\xe6B\xb9\\\xe5r\xe5\xc5\x7fcsssg\x07\xbc\xf3w\xaf&amp;\xfeYpZKa\xcb2\x83\x03\xc9\x84K\xd1\x15\x05\xcd\xea][\xac\xf9\xc0\xc1\x02\xc0b8\xd1\xa5\x98\xa6\xd3\x1bv\x02\x01K#O\x9e\xfc\xa3Pn\xe9}\xb1\xf56^\xec\\\xddy\x03\xa6a\xf9\xcc\xd2\x0f?\xfeX\xf0\x8f\xa3\xaa\xeb\xf6\xf8t\x97\xa1\xab\x02\xc5\xb25\x7fS\xd8\x16]\x1dje\x18Y\xb2\x0bz\xc6BEeXs\xd9\xa5\x1f\x1e\xdc{X&lt;\xb0\xbe\xbe\xbe\xbb{\xbf\xb2u\xe0\xe9\xc6\xd5\x93\xcb\xaf\x7f\x13\xbd\x19\x03T\x83\xd9\x1eM+\x84\x13\x01C\x87\xba\x92)\x8a\x95j\x9eD\xc4\xd6Pk+\x1a\xb4k\xcc\xe8\xbaf\x15\x0c-\xd5\x9d\x9b\xf8\xd7\xc3\xdb\xd1b\xb1x\xb3X\x9c\xbe\x7fcz8\xfaz#:\xdc\xdf\xb1\xb8\xf0\xe4\xdfW"\xd9\xb4\xb3\x10\xf4\x865\x94BI\x95Y\xd1\xbeP\xacum\r\xaf\xae\x0c18\x07?\x1b\xf2\xa8\x18P\xc5Z| \xb95\x98\xbd?\\\x8d\xe2\xf4\xed\xdb\xc5\xa7\xd1\xe1\x8d\x8ehG\xff\xc0\xd4_\xd7.GBaga)\x8c\x94AQD4i,\xd5~j\xa4\xb8\xb0\x02\xc5\xc5\x81H\xb0\x14\xab*\x96\xa1j=\xed\r][k[7\xa7\x8b(\x00\xd6t1\x1a\xdd\xe8\x1f\xdehY\xdb\xde&lt;\xdb^J\x87\x9dV0`\xa1IJQ\x96\x05IXy^\xf3\x01\xae\x8e[\xf3C\x0c\x85s2+P\xb8\xa0\x1a\xa0\xec\xe3\xc9\x86\x86\x0f\xd7\x00B\xd7\xee\xee\xf4\xf4\xed\xc5\xc5\xdb\xd3\xc3\xc5\xdd\x03\x977\xb7_\xfe\xf4\xe6|{&lt;\x9d\xd0\n\x05\x0b\xcd~\n\xd5\xe9Oq\xa6\xf6\xd3\xbaM\xb7f\x10[\x1c\xc5\xd18MI\xaa\xa2X\xfed__\xdb\xd9\x97\xdb\xdbk[\xe5J\xa4T*\xc7+\xa5-\x80\t\xa0\xde\x9clK\x96\xd2\xf9 4\x01\xc8\x1fK\xa9\x0cN\xb1\xe2\xa3b\xcd\xe7\xb7\x9a\xfev\t\xf4\x14\x8d\x9d\x13$\xc91\x94$\x1a\xb1\x88\xa3\xaf\xa5\xed\xea\xce\xe6\xf6\xda\xffb\x1b\x81\xba\xf8\xd5\xc5\x9f;B~\xe8&gt;\xba\xaeJh\xf6\x99\x83s(\n\x0b5\x17\xf9}M\x0f\xe7\x87Zi\x12\xc7\t\x80\xc5\x90\x1c\xce\xea\x81\x9e\xa4\xa3\xef\xc0\xf9__\xddy\t\xf1\x02h\xdb~\xcb\xd4\xfe\xfd\xa7\xdb\x92\xa9\xb9@\xd0PUIf$\x19\xc7\x19\x01\x0eq\x1df\x03m\x8b\x00\x0bm\x10\x104\r\x8c\xd1\x04.\x19\xe1x\xd2q\xe8\xfd\xf7\x01\xd7\xe6\xce\xd5u\xd0\xf8\x97/\x7f\xdays\xb1\xf9\xd8\xe9\x0f\x1cY\xbf\x17P\t\xb2\x84\x93\x14\xa0b\x05\x99\xb5\xd7c\xc2\x13\xba\x0f\xd0E\x03Y4I\x13\x18\x81S\xaa\x96\x88w9\x1cmm\x9f\xae\xbfm\x87\xd5\xd6\xf3\xdb#G\xde\x9b&lt;\x1e\xf1$|\xa6\n\x1a\n\xb088)\x9c\x0c\xbau\xaf\x0es\xf3\x1dH\xb8\x08\x1a\x03\xb60\x82\xe0y\x9a\xe6D-\x91t8Z\x1cI\x88J\xa5r\xb9\xf7\xb3\xb3g\xd7\x8f\x7fx\xe6\xd33\xd7CaSg9\x0e\x97Y\x96#\xe1\x19\xcd\xd4\xaf\xdc\xaa\x07\xac[\x97\xa0\xfd\x90\x18\x8d3\x08\x19\x04)K\xcf\xe2]\r-\x8eR9\x94\xf2\xa7\xfd~p\xce\xe5\xf2\x95+\xa5\xdeJ*f*2C\xc1\xc9\xc59\x86`h\x9c\xc2%q\xa6\x1eS\xcd\xb6i\xf0\x10\x0cT&lt;\xc1Am\xb9\xddn\x8c\xa6\xd4k\x89lW_{)WNyG\xbc^o*\x15\x1a\xbc[\xbe2X\xf6\x07u\t\xa7\xab\x8b\x06\x14EV\xf7Y(\xf1Z]\x86\x9a\xa3\xcf\x87\x18\x86 \xabG\x11\xe3\x11,\\p=HG\xbazK\xb9T\x1ayx\xef\xa8\x1f\x9c\xce\x9fS\xb3\xa3^\x13\x9a\x01F\x03M,GS\x1c\tO\xb2\xbd\xf6\xad\xa7J\xd7\xc3K\xef\xe04\t\x15\x8f\xd1\x18\x8f\xb9\xdd&lt;A7\xfa\xbc\x9e\x81d\xa5|w\n@ML\xcd\xce\x96s\xb9\xdc\xe0(\x18w\n#1\x82"0\x86\xc4\x05\x8a!)\xae\xf5Q\x9d&amp;\xd3\x87W[\xab\x98@$\xa0\xe4Q\xd0\xacK\xcb{J\x95R\xae47\x9b\x9e\x9b\xf3\x87J\xa5Jn6\xed\x83r\x07\xfc\xb4,\x93,\x1cF\x86\x011]\xb9W\xa7\xfd\x15\xdb\xe2\x0cC\x12&lt;(\x04\x0f%\x0fla\x04kw\x05\xc7\xfd\xa1\xca\xe5\\\xca\xef\xf1\xe4\xbd\xfex(\x94\x0e:M\x05\xaa\x89$\xd06\x92lgD\x16\xd4a\xe5\xd1\xe2\xbe:E\xff\xe3!$ZHTi(.\xde\xcd\xe3\x9c`\x05\xc3pe\x84G6\x16\xc8\x8f\xf7\xc4\xe6\x82\x16\xd8&gt;\x90\x04\x92\xc0\xa0\x1dP\x02%\xe0\xb8\x8c\x0b\xcf\xa3\xf5\x82e\x9b^x\x87\xa6QS\xa4\xd1Q\xac\xf2\xc5\x88F\xc6\x17\x18\x0f\xc7\x12p\x8f}\x96\x87\x8b\xa3\xa6H`5\xe0U4\x86\x16\x93P:\xa1%\xd6a\xcc\xfa\xff\x8d\xf1\xfe&lt;\xf3vQ\x8c\xc6\xaalap2YQ\xf1\xf9\xe6\x1f&lt;K\x98J\xe6\xd9\x83\x8ci\xa8".sP\x84n\x9a\xe3h\x9a\x02\xab%\xda\x1b\x1f\xd7qs\x05\xf9\x08p\xf4\x0c\x8e\x11p\x16\x91H\x10\xd0 \xd9F\xfb\xcc\xfc\xbc\xee\xb2\xab\xaek\xf3v02h\xd3\x8d\x04\xffC\x03:\xd0+\xf0\xd9\xd7nE\xeb\x88j\x9fm\xf8q#\x05\xb2\xe5\xe6Q2\xab\xb0\xe0\x0b\x8a\xb2_\x9a\x91\xa1\x19K\xaeFU\xa5\xc0\x8f!P8|\x0842\xb4b\xe3j\x9d\xd7\xdbl\xc5U\x97\x8c\x13\xbc\x1b\xc9\x04\xa0\x02+\x81\x81dp\x8d"Z\x1f\xa3\xec\x02\x08;N\x80W\x84o\xf3&lt;)\x02dQUV\xa7\xeb\xbctgk\xba\x11\xd6)PJ\x12\xc3 Q\xc8Q\xf0Pa\xc0\x0f\xc6\x03.\x90(\x99\xc4iV\x06u\x80\x17\xd1\x90DYh\x0c\x1f\xae\xfb\xba\xa9mw&lt;\x90\x01\x1b\x08\x84\x81\x8eC&gt;A\xf2\xdd\x04O\x13&lt;\xf4n\x1cX\xe2\x18\x06\xc39(,\x96\x84\x93\x01\xfe\x9a\xca\x84\xde\xab\xff\x86\xe2\xd3\xee@\x86\x85\xfa!07&lt;@W\t\xf4\x01\x8d\x08\xa3\xe9\xaa\xb23\x0c\xe0\x81\x10\x19\\fhJ\xd4c_\xbc\xae?\xac\xe8\xb9\xc8\x03;\x03\xa5\x83A\xf6\x10E\x90F\xd0\n\x02\x01\xc4!m\xc8\xee#T\xb4H!+\xcb\x8a\x81s\x7fX\xae\xfb\xde\xa4\xad\xff\xcb\xb6\xbc\x86~#V\x05E\xf2UX&lt;(,\xf2\xac\xe0z\x90}\x05\xcb\x8f\x0b\x0c\x039\x14\xd5\xd8\xd1\xe6\xfa\xc3\xda\xd7?\xf9e"\xa0\xb3\xd0~\x10YU\xff\x0ce\xc6C\x16)t4\x81+0e\xe8n\x04\xfd\x93dD\x97\xf6\xf5\xc9;{\x00\xab\xe3\xfb\xa3\x1e3\x93aq\x94D`\n\x92\x87\xd8\x02\xf7\x85#I\xc0\x90\xae#T`\xfcH\xcan\xf8&lt;\xa7\x9a\xc7\xf6\x00V\xd3\xf7G\xcf\xe53\xa0S\x04\n0\x13&lt;*y7\xcfp\x80\x138\xa3\xc9O\x00\x16\xc7JvU\xd1\xc1\x8e\x9dj\xbe0\xb6\\\xf7\r~\x1b\xc0\x9a\xccjN\x85E\xf9\xe3\x11eX\xb5\xccX\x06H#\x18\xb4+\x8c\xb6\xd1%)\x931\xac@\xcf\xa9\xe6\x8f\xef\x8c\x1d\xeb\xd8\x0b\xb6\xce\xb7\x07\x82\x9a\xc0\xc1}\x030\x010\x84\x8f\xe0H\xe0\x8a\x01\x13C\x91`\x92q\xd6e\x9a\xce\xa0\xb7\xfb\xe8\x85\xfdw\xc6.\xec\t\xac\xce\xc3\xd9`\xde\x05\x8e\x05uDT\xed\xa8\xb4@Ey\x1a\x81\xfa\x04\xee\xab\x14\xc3J\x86\xa9\x15\xd2\xe7\x8e\x1c;\x01\xb0\xfa\xf7\x02\xd6\xc1\x0f\xda\x12\x96\xa4\xa2\x7f \xc0\xa0\xab\x19]\xd5,\xe8E\x04\xfa\x0cJ\x0f\xa0$=\x1c\x8f\\\x9f\xecl\xde\x7f\xe2\xc4\xd8X\xff^\xd4\xd6\xc1\xce\xc37\xfe\x9e7\x14\x89\x92\x1a\x15\xa4R\x14\xc0\x02Q\x80\x0e\t\xfdG\x94\xc0\xbe\x9b\x9a/\xfe\xc5\xd1\x83\x9f_\xf8\x18`\xdd\x19\xdb\xd8\x13\xb6:;\x0f\xb7D|\x9a\xd3\x95Q%\x96\x02\xd7@#\xc7\x8a3\xe8f\xa8\xbaT-\xa3;\x03\xdd\xe7:\xbf:YEub\xecw\xcb\xb6=\xd0\xad\x83\x9d\xe8\xadNO\x02\xfc(\xfb\x9fZ\xce\x07\xa6\xc9;\x8d\xe3\xb6\x05\xfa\xb6\xf2\xbe\xbc\xe5U\x18\xdakK\xd1R`\xd7\x15\x94\xccYf\x05A\x11\x03\x1e\xc67\xce\xe3p\x95\xd9\xce)\xea\xb9\xab\x13\xd9\x99\x8e\x01n\xcb\xd0\xe8f\xd1Mof\x97\xe8\xb9R\xcf\xb2\x1d\xe2VP\xb96\xd3f\xeay\x96\xc6\x94]u\t$\xc4D\x12\x0c\x1c1\x07f\xf7&lt;\xbf\xf7-z\xcb\xfd\xdb\x9d&gt;!P(o\xdf\xcf\xfb}\xbe\xcf\xf3{\xdf\xb7\xbf\xfe\xa0\r\xbc\xbd(\r\xd2\x99\x06\xe5\x976wQ\xfa\xfa\x85\x8b+\x8fVV6\xb7\xbbl\xf9\xf9P\x86_\xeaA\xad%\xb7\x15O\xbd\xcb\xaf\xce\xa9\xd0h\xe6\x18\x0b\x9a\xeb\xb7\xe4\xa6\xe7\xe5\xe6.\xce]\x91\x9e\x9e\x97\nF\xcf\xcb\xcb[\xbfp\xfd\xe2U\xab\xd65:7\xd9\xf2\x81\xab\xe5\xcb\r\x98\xc4%\xbf\xb8\x9d\xfd4\x17`P(n\x1d\x04\xacvs\x83Q]\xd0\xd5\xbce\xdd\xd1\xf2U\xb9\x1f\xaf\xaf\\\x08\x1dcv\xde\xc2\xdc\xe5[v\x1e-\xaf\\\xfe\xe9\xc9M\x1a\x82U\xb8\x81`\xbd\xfcu]\xd9S\\\x18B\x91}\xeb b\x99\xcdf\x8d\xd1Z\xaa\xab\xad\xad}m\xe7\xdeu\x95\xcb\x97\xaf*_\xbf\xf0\xc33\xc5\xaf\xb4\x16\xd7\xaf\xac\xdf\xd5d\xb6\xd9\x9d\x90\xc3\x96\xc2\r%%\x80\xb5{\xc9\xc6\xc3\x93\xbfyZg\xce\x8a\xdbe\x87w\xcc[\x9d\xd3n&amp;\\\xea\xd2g\x1ce\x8d\x9f\x16\xaf\\\xb9w\xef\xde\x95\xbf\xff\xf0\xab\xed\x07\x17\xbc\xf2\xde{\xbbrl\xf6\xeaj\'\x88\x85\x8e\xef(\xe9\x00\xcf\xef\xfe\xfa\x9d\x0b\x93\x7f\xba\xf54\xb8\x14k\xceM\xec\xff\xa8n\xc1\xea\x8av\x9bYk6\xcf1Z\xb2\n\xf6\xccw4\xb7\x16\xaf-.^\xbb\xff\xab\x03\xcf&gt;\x97\xb3`\xd7\x82\x1c[ua\xb5(\x96^\xdf\x11\x97\xabnb\xf4\xfb[O&gt;\x91\x8a\xec\xb7&amp;O\xfc\xa5\xee\xa5\x05\xae\x8a\n\xb3V\xab\x05\xb9\x8c\x96\xcc\xac\xd2"GYsk\xfd\xbe\xb5\'\xf6_\xd8&gt;o\xb5\x0b\x9eu\x02\x16heo!9\x04,t\xd7\x927&amp;"\x0f\xbe\xbf\x84K\x15)\x9e\x98\xd1\xe1+\xfbwS\x13\x9fo{w\xdeO\\\x156\xad\x13\xb8\xc8\x9c\x16kfi\xd1|\x1d\x82}v\xe2\xc2\xf6\x97\x9esU\xb4\xb7\xe7\x17\x16\xda\xf3m$\x87\x1dq\xacc/\xbf11\xf5\xe0a\xee\xd5\x9e\xdeCO\xa4(\xc9\xeaL\xa7{\xaf5&gt;\x8cL|\xfe\xee\xcf\x96-\x03,\xa7\x13\xd5\xc2\xf9?\x16\xabU\x98B\xd2\xdc\xfa\x87/\x9e}\x01\x13\x0c\xceB\xb5l@G\xc4B\xaec\xc7v\xbf3\xe0\x07\xacN\xef\x15\xefw\x97\xd6(\xfe?\xd1`\xe3_\x9f\xef\xbe\xda\xe9mk\x1b\r\x86\x06\xfe\x0cT\xcb\\\xed6\x14\x8bp\xa9\xd5\x968\x98\xc3\xb1\xf5\x99\xb7\x9a*\xcc\x90=\xf4V\xbe(VUU\x15q\xd7\xb1\x1d\xa3\x81\x07\xa3o{;\xdbxy\xdb\xcd;\xbd\xe77\xff\x8fWiD\xa6\xde\xee\x8bmr9k\xcaH\x8f\x04#\xc3u\xcbjj\xa0\x10\xb5\xd3XFc\x1c\x0c?\xaaU\x9a\xb9Icv\x02U!\xc8\xd5R\xad\xdf@\xa8\xaaH\x1a?\xb80\x15\x08Lz\xbd\xde6\x93\x9c2d\x98\x0c7z.m\xfe\xd1\xe9\x04\xa6\xec\xd3\xdd\x17\xbd\xcf3,\xa5bL\x19\x04\xebou555.\xc0\xd2B\x16\xb1G\x08\\j\xb4\x18~\xfa(\xd32\xc7\xac\x05\xc3\xeb\xf5\xc0U\x883\xa4\x08\x16\xe1\xda6\xec\x0f&lt;\xfcx\x91\xd7`\xe2\xa4r\x93\x81\x93\xcbi\xf6\xec\xcdK?f\xb5.\xd4\xe9t\xf7U\x03KQ\x14\xcbR \xd6\x15\x13`E\x01k\xa3\xcb\x95\x03u\x88r\x99\xcd\r@\x85!peeZ\xd5\x80e\x07*\xe4\xc2\x96%P!\x96\x0b\xc5\x1a]\xd4f\xc8H\x93&amp;$p\x19\xbc\x1c\x832\x9d\xed9\xbf\xe6\xbf\x03S\xcc@\x9d\xda\x90\x89\x923,KS\xac\xc9d\x9a\x15\x02\xacm5\xae\x8d\x80\xe5t:I\x8b Xd:\x10reZ-\x8f\xb0\xf4\xa4c!\xd6u\xe4\xd2\x7f1\x1c\x0c\xf8\'q\xa9\x12\xb8\xf4\x953\x06\x9e\xa6\xa5\x04\x8c1\\\xbcs\xfc?\'S\x91}\xa8\xf7;/K1\x0c\x05:\xcbY\x96\xa1)\x86\x07.\xc0\x1a\xde\xf1\xaa\x0b\x1a\x13biI\x87\x88cY\x04,\xab\xda\xa8\xd1\x82\xb3\xf4\x84LtV\xd5\xf5\xebU%/\xee\x9f\xf2\x07"y@5\x93S"\x0bK\xcb\xe1\xa0\x01\x0b~\xb0\x9d$\x99\xff.{kN\xf7\xdc01\xa0\x13C\xd1*\xd8\x94e(\x15\xc5\xb1\xbc\x89\x0f{&lt;\xa3\x1f\xbd\x80XX\x88\xd8!\xcc?\xc0\x02\xb9\x8c\x1a\'\x1a\x1e\xe2\x91Z W\xc7\'\x03S\xfe`,cV*\x9f\x08\xaebL^V\xcepp\xe4\x14Q\x8c\xa2\xae\\\xbcs\xe8_U&amp;@\xf5~c H\x94\x9c\xa6i\xdc\x08\xb0h\x0e\xe5\xe2cQO\xe4\xfd_\xbe\xea\x82\x81\xda\xd9\x0e\x83\x0f\xa9D\xb4\xbc\x05\xa0,\xe72\x05\xac\x06\xa7\x1d\xec\x8e\xd3\x14I\x94\x00\x15`5\x9d\x1a\r\xfa#c\xb3f\xf1\x1c\xc7))\xd6`\xc2CfD2\x02\xc7t\xf6\x9c\xfe\'\xf6\x07G\x1d\xef\x06\xa1\x18b)\x12\xb4J\x05I\xe4h\xa5R\xa1\xc7\'\x1e\x00\x00\x04\xddIDAT\xc9\xb1\xecx\xc4\xe3&gt;P\xf6\xd3\x17s\xa0\xc9\x13\xc3\x9b5x\xda\x85\r\xc2B\x1c/Z\x1e\x98\xaa\xed0V\x17\xdav\x17\nX\xd7/\xef;\x15\tz\xc2\xb3Sy\x1eR\x08\xa60P*\xe4\xe28\x8a\x12vG\x13\x97\x91&gt;\xfb\x83\xaey\t\x1d5\x8d\x84L@\x05\x85\xc8\xa9\xb8d%\xc7pc\xa1\xa8o\xb8l\xeb\xcfs\xda\t\x16\x18\x1e\xb1\xb0\xa1Z\x05\xaaR\x82\xe5\x04$\xbb\xd3\x9e\xffA\xcb\xee|\xe8\x11\x98\xc4\x12\xc7\x91\x81\xa8\xc7=63\r\xc5\xe28\xc6d\xc0\x97\xa7\x85\x04\xca\xe3;\xa5\xd0\xfe\xd7\x1e;\xfbQdo\xbev\xd5\xc0\xc4\x9f\x16\x99\x00JN3,\x83G\xc5qlZ8\x1a\r\xfd\xca\xe18\xd9n\x9e\x16\x8b\xc8\x85\xdd\x14\xa9JK3\x9b\xb0\x12\xedv\'\x0e\x88\xd0\xe6\xc1^X\x89EgN\x85|\xd10j\x05)\xe48\x13tT\xc2E\xd3\x82\xb3p\xc7\x94\xf0\xd0t5n2\xa8\xbd\xee\xb3Pz\xe2\x13h+\x95p,\xb4J\x02\x8a\x83\\\x84+\xe6\xf6\xb9\x0f\xe8\x1c\xba&amp;3p54&lt;\x86\x85T"\x96\x06\x91+**\xf2\xd1]\xa4\x9fv\x14\xbdyj\xc0\xed\x0b\x8d\xcd$Z)\x95\x8c\xc1 \x97\x83\xf1U\xaai\xc5DE\x88t\xcc\x8d\xeeC\xb8$\xe1\xf1\x1e\xef\xf3\x022\xfa\x8f\xe8\x84\x89\x07(\xbcE\x04\\4M\x0e\xb2?\xe4s\x8fn\x05.5\xc1\x82\xf6\xf0\x0fX\x05\x90\xc5\xa6M\x1a\x8d\x19\xa9\x9c\xd5\xa4\xa7\xea/_np\xbcy\xe4T\xc8\xed\x8e\xa5\xcd\x04\xb5\xa4`\xd3Ym\x9cLx}\x95J\x16\xcfd\\4\xf2\xa0s\xc6\x9a\xf37\xbdPm\x14\'ZO\x84\x82\xadTx!\xbft\xa9\x84\xe6\xe4*9\xba&gt;\x11\xe4\n\x1d\xee\xd2\x95\xe9\xacd\xaa.:\x0bO"\xd4\xd0\x1b\x90\x0b,\xdf\x84\xf3\x9d\x01\xd7\xac\xd5w\xe8\xab\xedf\x8d\xba\xa8y\xed\x99#\x03nw\xb8\x9fO\x9d\x9d*MJfMm\xbc\x0c\x0c"\xd8W"\xea%h6-\xda\x8co\x00\nBH!M\x82\x80\xd3)\xc2}\xa2\xa5)2\x8e\x93\xc1U&lt;\xe8?\x06r\r8\xba@\xafR\xa3\x00&amp;pY\xacY"\x96\xc5\xa8\x86\x8b5#\x18\x1f\xce\x9a\xe7X\xb3\x8at\x8d\xadkW\x0eD\xdc\xee\xf1D\x9e\xe7\xe7\x8e\x87G\'\r&amp;h=\x1c\xee\x8b\x88\x00\xdd\x91\x16\xabL\x00\xc3G3\x08\x94\xd8\xa7D\x0720\xe0\xb0r\xf2\xe6I\xcaR\x19MK\x98\xc4!\xa9\x14\xb2\x98\x18\x06\xb9&gt;\xe9\xc2(\xb0\x1a\x8d$\x87\xf0%\xb4R\x91\x8b\x84\x1ag\x13g\x16\xcd\x9f\xafs4\xd7\xd6\x7f6\n)\xc4\x05\xcd\xc6C~\xbf\xe7\xe1X\x12\xeeI&amp;\x98\x97\x9eN\x8f\x00\xc6\x10#!\x160\xe0@C\xa0(\xfc\x8d\x85!\x10\x06h\x95\x04\xc9@+zl4\x14\xeb\x1f\xe2\xb8\xe4q\xb7\x1b\xe5\xc2\xd8\x93\x05\xd2\x185\xe80\xa3pj\x83\xee\x82\xf1\xe7\xdc\xb9\xacLKS\xd3\xc9\xa2\xb22\x87n\xbe\xa3\xb1\xf6\xb5a\xb7{\xa4?5\xad?\x1c\xf5?x\x10\x08\x8dK\xd1\x1f2\x15\xb1\x94(Y\x9cQ\xf4\x18`a0\x94\x18\x0c\x0e\xca\x10\x00\xca\x9a8\x15\xdeMN\xea\x8fE\xfdAO\x14\xdc\x91\x0cr\xb9C\xfbt]\xf7\xef\xdf\xc5\xb8\x7f\x1f\xf0\n\xa0\xb9\x83\xbd\xac\xa5\xa8X\xe69\x12pZ\xa8+kln\x84\xeb\xa2\xda\xfa\x13\x90\xc2\xd8\xec\xfe\xf1\x11_\x1f`yFb\xd2$A*\n\x1b\x0f\x96\xbdD"\xfa\x99\x16sI\x89X\xa0\x1dCr\'b\xc1\xa8\xc8\x00\x1bn1\x14\xf2\xf5\x05\x81\xab\xaf/\x14\x1b\x1a\x1b\x01\xf3\xe6\xc1\xd0\x96\xa8LHH\x90*\x13Sq\x81\xb2\x15\xe5G_o\xde\x03M\x15\x91,@\x95\x85\xd3Q\xeb\x7f\xbb\xae&lt;7on?d&gt;\x1a\x8aD\x06\x07}\xbe` 88\x18\xbe\'I\x91$A\x8b A\x91\x8a\x84\xea\x9aN\xa4\xe0-Vp\x17+d/\xce\x05\x7fe9(O:eh\xc4\xe7\xc1\xf0\xf5\xf5\xf9Fb\xe1A\xf7`l\x88\x87\xce(p%\xf3\xa9\xf0\x98\xe7\x93S\x17}{7\x8bHU\xd0u\xff\xf5oW\xa4\xa7%\'\xc9Rd\xf7@\xeb`0\x10\x08\xf4\r\xbaA-\xff\xe0\x08`\xa5HR\xc0\xb24Bq\xa4\xfci\xbc\x7fG\xf4\xa2\xe2Xq\x91\xe2|\x98&gt;\x84bHFy\xfa\xde\x88\xcf\xd7\x07X}\xf0\xa3/\xea\x86C\xf7\xc5\x86\x928\xecA\td\x1dJ\x80\x82\xff\xe3\xf9\xb4\xd4?\xfe\xf5n\xeb\xce\xf2\xc5\xb3\xa5\xe4\x1d\x04\x99\x04\x98BS\xa0\xb4\x1f\xb1`kO\x00\xb0F\x08\x16@H$0\xa21\x02\x07\x8dr\x91\x92\x14Z\xc4\x0c\x82A\xdc\x04MA\xf5\xa8\x97B\xaf\x12T\xee\x8f\x00\x91\xc0\x05\xdf\x83\x1e\x8f\xdf\x1f\x8c\x86\xc7\x87\xa4\xf8\xf6\\\x12\xde\xffN\x92\x03\x18J\xa6D\x19\x92\xf0\x06=\xc4\xbd\xf1p\xc4\x8f\xe1y\x0c+08882$!7\xa9\x95I\xc0\x85\xe7\xbe\x18*\x898\xdc\x81~\xf0\xeb\xdf\x01g\xeeAE\xdd#\x12\xea\x00\x00\x00\x00IEND\xaeB`\x82'</t>
        </is>
      </c>
      <c r="M355" s="3" t="n">
        <v>45492.67804398148</v>
      </c>
    </row>
    <row r="356">
      <c r="A356" t="n">
        <v>977677</v>
      </c>
      <c r="B356" t="n">
        <v>1963</v>
      </c>
      <c r="C356" t="inlineStr">
        <is>
          <t>Aníbal Moreno</t>
        </is>
      </c>
      <c r="D356" t="inlineStr">
        <is>
          <t>A. Moreno</t>
        </is>
      </c>
      <c r="E356" t="inlineStr">
        <is>
          <t>VOL</t>
        </is>
      </c>
      <c r="F356" t="inlineStr">
        <is>
          <t>VOL</t>
        </is>
      </c>
      <c r="G356" t="inlineStr">
        <is>
          <t>VOL/MC</t>
        </is>
      </c>
      <c r="H356" t="n">
        <v>177</v>
      </c>
      <c r="I356" t="n">
        <v>5</v>
      </c>
      <c r="J356" s="2" t="n">
        <v>36292</v>
      </c>
      <c r="K356" t="inlineStr">
        <is>
          <t>Right</t>
        </is>
      </c>
      <c r="L35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1072f1-e55c-471c-9d34-cddcfd4ef1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d0\xa3\xe8\x00\x00\x03\x00PLTE\xff\xff\xff\xf3\xf6\xf8\xee\xb8\x98\x00?+\x01&lt;*\x00G1\x00G4\x00J4\xff\xfe\xfe\x00:(\xed\xb6\x94\xf6\xf8\xf9\xf0\xbd\x9e\xf1\xc0\xa2\xea\xb6\x97\xe8\xb2\x90\x04M8\x00C.\xf3\xf3\xf5\xea\xad\x8d\x0b?.\xe3\xb1\x93\xea\xac\x88XA3\x88Q&lt;\x8dT&gt;\x9d_H\xe4\xaf\x8c\xe4\xa4\x86\xed\xb2\x93\xe0\x98w\xe2\xab\x8fT&lt;.\xed\xb9\x9d\xa8dL\xe9\xb5\x92\xf0\xba\x99tL:N2%\xc1{`f&gt;-7"\x18qF4D-!{J7\xee\xf0\xf39( Z;,\xbbuZ\xed\xb1\x8ea:+aD5\xfa\xf8\xf9xE2(\x1a\x14\xe2\xab\x87yQA\xd0\x8co\xf3\xc2\xa6\xe9\xa7\x84\xdd\xa0\x85\xe4\xa5\x81\xe4\x9f~\xadiOA)\x1d0!\x1b\xeb\xae\x91\x92YD\x14D3\x82J5lC0U.\x1f\xfd\xfb\xfb\xa3aJ\xcd\x87j\xe4\x9cz\xe7\xa9\x8b\x97\\D"\x15\x0fM8,/\x1c\x13kI8]4$\xb6pVK(\x1a\xe6\xb7\x98\xf3\xee\xec\xec\xe7\xe7J."jRF\x81O&lt;\xe8\xbb\x9d\xdd\x9a\x7f\xd0\x91uD3(\xe6\xb2\x96\x95V?\x10Q&gt;\xd5\x97ycL@\xc6\x7fc\x1eJ9\x078\'C"\x16\xb2lR\xa8iR\xd6\xcc\xc9\xdd\x93s\xb0qX\xd8\x8em\xe0\xa5\x8b\xca\x82h\xd6\x87h\xe8\xc6\xb1\xda\x9ay\xc4uZ\x1eWF\xe8\xbf\xa4\xe7\xea\xed\xd5\x9c\x80\xbay^\xe7\xa1\x7fZF:u\\O\x82WDp=,\xd7\xa3\x86\xdb\xa2\x7f\xe4\xde\xdb\x94bN\xee\xcd\xbb\xd0\x82a\xf0\xab\x8a\xdf\xe4\xe6&lt;\x1b\x10\xc1\x84h\x8fte\xc5\xb9\xb4\x8bZH\xde\xa8\x85U5\'\xd6\x92u\xde\xb1\x95\xc3\xb1\xa7,PC5cT\xb0\x93\x83\xda\xaa\x8d\xc7\x94y\xbc\xa5\x98^/\x1e\x8ajZk4$\xb9\xae\xa8\x11N3\xbdnR\xc4\x8dp\x87vn\xb5\x9c\x8f\x7f`P\xef\xd7\xca\xce\xc3\xbdj)\x1a\x1a\x0c\x08\x91\x84|\xde\x9f{\x9eW@\xb7\x81f\x9eiR\xe0\xd6\xd3\x90v5{h^LX1\xe2\x95s\xf4\xc6\xab\xe7\xd0\xc3\x9b}7|4$\xcdx]\xa1pY\xd8\xdc\xe0\x9c\xa6\xa6\xb0}c\xa0|n\x8f\x9e\x9e\x8dJ7\xb9\x88o\xdc\xc4\xba\xcf\xd7\xd9\x07-"\xb1dK\x8d\x94\x94\xe2\xb7\x9e\xaaw_\xc6\xa4G_$\x17\xa2\x87xNth\xc5\xcf\xd0\xa0\x97M\xa8\xb1\xb2%\x12\x0c\x1cE+\x9c\x8f\x8abwA\x16&lt;*\xf0\xdd\xd6\xa8ZE\xde\xc0\xad\xcc\xa9\x93\xb1\xa0P\xac\xbe\xbd\x91\x8dH\\`2\xa3\x84:5_7N&gt;5Ki;\xbd\xc4\xc7\xaf\xa3\x9d\xa4|1\xcf\xa0\x85\xb1\x867&lt;T0\x84s7\xc5\x9e\x86\xa6\x99\x93n\x8e\x86kh4\x86\x8d\x8b\xf4\xb4\x95Ea[\xd4\xabGl[S\x8a:+2M,\xd0\xb1\x9b|\x81C\xab\x823vo7\xd0\xb7\xb2%W4_~x\xb3\xb9\xbf|\x99\x94\'F)\xd6\xba\xa6\xbbeJ\xf4\xb9\x9f\x89+\x18z\x81\x7f\xd0\xb2\xa5\xf0\x9d~\x9d4 \xcc^L\xa5G5PkW\xbd\x00\x00 \x00IDATx\xda\xc4\x97\xcfOZk\x1a\xc7\x9b\xbb:\xb1IM$\x05Q\xa1\\\xef \x1c`NE\x055\x14z\xd0 \x16\x94\x03\x94\x11\xb0\xe5\\\x03&amp;\xb4\x023\x88i*?,ziD\xab\xde\x85\xd6\x1fD\xc0\x18\xc1\x1f!.\xa6&amp;\x1a]\x98\x9a\xb81,\x1cw$\xaet\xe7\xc4u\xdd\xccb\x9e\x17;\x7f\xc1\x88&gt;\x9e\xc39\xe0\xe6\x93\xef\xf3}\xbf\xcf\xfb&gt;z\xf4\xff\x16\x06\x17\xf6xktk\xc0\xda\x89a\x9d\x15M\xd8\xa3\x87/\xac\xa9\xa2\xa2\xc7\xba\x9a\xc8g2\xa9\xfc\xd6\xe8\xea\xc0\xc0hO\x13\xe0=(\xd3\xa3N\xeb\xc0e&amp;\x9fr\x15\n\x05\x9a.\\\xa5\xaeR\xe7\x93\x03\x80V\xf1\x90XM\xd6\xc9\xcc\x15""\xd4jZ-\x97\xabi\x9av]\xa5r\xc0f\xed|(\xa9\xb0\x9eD\xc6N\xd14A\x10j\xb9\x1a.\xf9\x9a\\M\x88i\x1eU\x08\xe7\x12\xd6\x8a\xa6\x871\xd5V\xdeU@Tj5\x12J\xad\x06\xb8\xb55\x03\x90\xd14\xc5\n\'F{\x1e@0\xacb2\x17BB\x11j$\x96A\x0ed\xf0g@`\xf0c\x1d+\xb7j}|\xef\xce\xc7*\x12v\xb0\x14q+\x14B\x82\x0eB\x19\xe5\x06\x03\xa1\xc6\xd58\xc9\n\xe7\'{\xfe\xdas\xafq\x81Y/\xed\x94\x187\xaa\x81\x00\xa9d\x80Z\x03.x\xc0-W\x1b\x8dj\x82\xc7\xb3\xe7\x13\x03[\x15\xd8=R\x9d\xe7B\x14\x8d\x1bq\xe8\x17\x82B&lt;\x00\x06\xad&lt;1\x18N\xd0w\xf8\x97\x98\xa2\n\xa9\xc4h\xd3=v0\x05Tb\x9a\xc0q\xf0U\xd1Pj@\x91#2\xc3\xc9\t\xea\xe6\x89QM\x92\x04N_%\xac\xf7$\x17\xf6x2\xcc\x02\xad\x08\x92 \xa0\x8d\'\x80S\x14h\r5\x12^O\x8cP\xe02#!\xc6q\xb1=q?\xf6\xc2:W\xafB`,\x12\x07\xad\x08\x04p[\x06\xf9\t\x08ur\xf2\xf3+\x0e\x17A\xe2\x04mO\xdc\x8f\xbdFs\xd0@\xd2\x86\xb0P\x8d\xe3n7\xee\x1e\x1fw\xc3=\xfe\xf3\x01?\xa2R\x8b\x01\x8b\xe5:\xaf\xb8\x0f\xbbgBu4I\x928\xdc\xa4\xdb\xb2`^ZXXZ\xfa\xf7\xfa\xe9\xfa~\xdf\xbeF#[ZX\x1aY2k-n\x1c\x96\x04\xa4,M\x15.K\xae\x17P\x15xT\x9d\xd8f\xb3\xd8H\xb7V\xb6~x\x035\x14\xf3\xfbc\xfeX,\xf6mh\xf9\xf0\xf4\xf4t\xbdO\xb3t\x0b\x06KAL\x85&amp;K\x8c\x85\xf5\xe4C\xa1F\xc0\x12\xdb,\xda\xa5\xfd\x9bo1\x00\xf2\xfb\xb7=\xa8|&gt;_\xec\x16\xad~\xf9\xb4O3b\x16\x17\xf5\xc2)^\xaa\xc4\xcb\xb1\xe9&lt;\xc4b\xb1hR\xac]\xf8\xe7\xfa\xb7m\xee\xf6\xcf\xe2\xde\x16\x90\x01d\xff\xd0\xd0\xd0\xbb\xc3u\xb6\xc6lC\x06S\x93&lt;\xd7yO)\xb9\xb0\x81\xab\x10\x8bG\x91\x96\x85\xfd\xc3\x98\'\xa8\xd2\xeb\xb7\xf5z\xf4\xc1\xe5f\xb3\xc5G\x00\xc0bC\xfd\x82\xfaw\xaf\xda+%\xc2i\x12\x16%LH{f\x14+a\x8e\xe6A,\x9e\xd82\xb2\xec\xe3\xaa\x82\xa8\xf4A\xc0\x82W\x95R\xa5\xd4\xabj\xdeB+\xfd:\x9d\xee\x1f\xc3\xf5\xb5\xed\xec\xca\xde\x8ei\x98NF\x92G\xd1\xf9\xd2\xd9\x1e\xdb\xca\xb1X\x14\xa9\xed\xeb\xe7*\x95L\x85\x82\xc9P0\x15\xc1\xa0\xb2\xa6X\x00V\xa3G}\xf4\xb5\xea\xfa\xeb\xdf\xd5\xf6UV\xf6\xb6\x88l\x84\xdc\x80\xd7\xf1\x08\xfb@\xc9\xb0\x9a&amp;],\x96\xb8\xae\xca\x97U*\x15\xcc\xa0\x82)\x952\x98\x8a\xae\xae\x1a\x05@)\x83\xaa\x9a\x17*\x15\xd7\xe7\x9b\xd1\xf5\xf7\xd7\xbf\xbc\xc5j\xe1O\xe3\x069I\x11\xd4y\xc9\x86cE&amp;\xc4\xa3y\x91d@U\xd3\x05&lt;L\x85\x94\xc3T0\x18\x0cfW\x11\x0b\x9aX\x13\xc8rgfZ\xc1[/_\x01\x96\x04q\xd5\x19\rF1A\xe4\xac\xa5\xc2\x1a\xb8bQ&lt;\x93\xd7\tZ)\x98\xcc\xcf\x8a\xcf\x8c2\x0e\xa3\r\xb8\xba\x94*=\x08\x05X\xfa@\xd6\xe3\x8b\r-/#,\x89D\xd2\x02%\x86\xad\x0eN\x14\x12\xa5\x91\x0b\xebL\xd8Y\x14\xebK&lt;\xda\xa5\x08*\x14\x0c&amp;\x93YV\xf6K\x19\xa7MQ\xa3P"\xe3CqQ|\xc5\x00\xeb\x10aid\x12~Kd\xa5\x11\xe4\xc2q:\xd5S\xb2u\xc8\xe3\x99v\x1c\xd9\x1aEQ-\xa9\xf4/\xbf\x94I\x15\n%,H\x8fo\x9b\x0bh\\.\n\x88o\xcb7\x87\x87\xa7\x08K\xc6\xe7\xb7\xac\x84m\xb0\xd1\x80\x99\xbdU\x1a\xd3[s\x10\x0f\x91aGV\x85\xa8\xc0\xefR\xe9gX\x89\xfa`Q%\xc8\xd4\xa2\\~$\xd6\xcd2\xc2\x92\xc9d\x1d\xa2\x96H\xf89\x1a\xebta\xb2\xb3\x14\\\x9d(K\xf9\x9b\x1b\x8el\x16\xa2\x81\xf9\xf93\x13\x16\xa3"\xf8\x9f\xa0\x9e\xab/f\xbc&gt;\xab\x82\x80\xf0\xfba\xfa\xa0\xd1\xb8\x0fb\xc9D"0\x17\xcb\x06\xbb~1\x95/\x85\xb9\xb0\xa6sW\xa3\xe9\xcbN\xdc\x91U\x02\x15\x12\n\x05\x17\x80\x05\xff\x87\xa5\xd2\xc3\x14\xf2\xa1\xa1\x08]\\\xef\xdb\x97\xc9$\x12\x11\xbf\x85\xdfX\x07+\x91\xa0R%\x99@\xd6\x94\xcb\x14\xd9&lt;J:\x95L&amp;\x83\x01\x91\x05\xc9\x80\xb0\x94*\x18\x86\x1e\x9f\xc7S4\x97\xa7\x88ussX\xbb^\x94\x0b\xb8\xec\x8d&lt;tt\xa3\xc3\xa5\x18\xd80\x0f\xed\x91\xb1\xa3\xb8#\nXL\x86\xf47\x8eT\n/\xa0\x19t\x11m\x1f\xb8z4$\xb90\xacQ@ \xb54\x12\x89L\xc47\x99L0|\xc4b:4P\x8a&amp;N\xda\xc3c;\x07Ig\x16a)\x18RN\x19\xa4\x16\x08\x06\xa9\xa5\xf7x\xfc\x80\x05\x89\x8av\x11:]\xff\x10\x8c\xea\xeeJ\r\xec\n;\x10\x16\x0b\xe4\xa2iV\xa2\xb3\x04\xd6\xba\xb4\xaf\x1c\xed&amp;\x1d\x01\xa0\x82\xd1\x83\xa8\xa4\x1c\xa9\x02\x9a\xd9\xc6\x84\x05\xe8\xf3s\x91Xz\xee\x0cJ\x08\xc0\xaa\xadb\x03\x96Dd2\xd9\xed\x8d\x8d\x14\r\xc7\xb3\xfcc\xec\xeeS+\x13\xde\xdc\xddM\x06\x94\xd5\x8cb:\x94q8\xd2\xb26F\x1b\x8cE\x88W\xe8\xdd\xb6\nRU\x15\xf0\xb5\xb6\xea\x86\x10V7[#A\xc1\x85\xb0`\x93F\x15J\xe1y\xcc\x9aZ\xdc=\xd8p*\x19\xe5\xe5h\xe00\x19m\x9c6\x06\x87\x03\x1f\n%\xd8\xde\xe3\xe7B\xf0+\xb3oa$\xb6\x0e\t^C\xca\xb3\xd9\x95\x12\x14\x10a\x13`\x85X!\xea\xaa\x04\x9b\xae\xd1\xdc\xe2\xc1\xc1\xd7hu9\x14\xa3\x0bz\xf7\xfb\xaf\xbf?}\xf2\xe4\t@6\xc3\xa0\x06\xac\xae\xdf\xaak^\x04f\x1c\xad:\xa0\xaa\xad\xea\xeeng\xf7\xf2E\x91\x95\x15\x93\xa9\x11\xa8\xec\x85\xbb\xcfy\x0c\x1b\xc8M\x1c|\xfd:U\x0e\x1c]\xcd\xcdS/&gt;~\xfa\xf4\xf1\xd3\xdc\xdc\xb3g\x7f\x9f\x9aj\x86\xad\x83\xcfS\xfd\xa4\xf9\xa3\xb35\x19\x1f~?\xf6%\x12\xa9\xec\xed\x95\xf4\xf6\xb6\xf0#\x13+\xaeF\x97\xcbe\xb7\x17\xc2w\xae\x16\xd6\x94X&lt;\xbe8\xfbT\xfd\xe4My\xd7\x0b\xa7n#\xbe\xb1{\xb4\x0b\xb5q\x10\x8f\'\x03\xd1\xa9@\xab\xaf\xb9:\xea\x88\x0f{\xc7\xf8\xc2i\xed\xf4\xb4\xb0\xa3\xe1\xb9\xb0\x03f\xe2\xde\x84\x1d\xea*|\x15\xca\xdd}pU\xe4\'f/\xce\xe6\xfe\xf6\xe6\xd7\xa7ou\x02/@mF\xf8|Q\x07_RY\xe5\xd5e\x95\x81\xd6\x98s\xca\x01B\xf56\xc0I\r\xc7\xdd\xa4\xd6&lt;m\xb3L\x9b\xf8{{+\x88*\x97\xb3\x97\xc0\xf2=\xa9\xbd\xd9\xd9\x8b\xb97\x1f\xde\xcc\xc5\xbd^\xef\xfb\xcdM\xb6H\xd8`6\x0b%\xbdU\xef\x05\xcel\xd6\x19\xd39\xe2\x9b\x95\xa2\x06\xad\x05\x8e\xb5p\xbc\xb6\xc0I\xd1\x8d\xdb\x1a\x17\x8f\'V\xec\xe1\x89\x89T8s\xe7\xfby\xcc:\xb17{q\xf1\xe7\x87\x0f\xdf\x1d\x82\xe1a\xc1p&lt;\x19\xdf\xdd\x84\x0c`W\xd5z\x87\xe33\xd9\x9a\xacN0\xecm\x97\x08\xcdZsC\x83pD&amp;\x91u4hA\xb6:\xfb\xec\xdeD.\x9c\xc9\xa4rw\x8f\xd59\xbaw|vv\xf1}pp.\x99L:\xa3Q0\x12\xf8[\xf0\xb2\xf6e}\xbd@\x17P2\x94\xb1w\xaf\xd8\x1d\x005R\xd9\xfd\xca\xeb\x1d\xf6\xbe\xea\xee\x1d1[p\x92u&lt;{&lt;\xb1x\x0cXw\xdfDlt6}}}688\xf8\xa7\xd3\xf9\x11Q=\x9d\x8a:!\t^\xd7\x0b\xfau3YfY\xb3\xaeVc\xb6X\xcc\x92*P/\t\xeb\xf1e\x15[\xd6\xa0%\xc9\xe7\xc7\xe9\xd9\xe3\xbd\xcb\xcbL)\xb0\xac\xf3\xe9\xf9\xb3k\xc0\xfa&gt;\x15\x8dN5W?\xfb\xf4u\xe3}w_\xdf\xe9r}?lu\x18e\xca\xd8\xfa\x92{\xdc\xd2\xf1\xe5\xbd\xf7\xdd\xeb\x8dx|\xc3[\xcb\x16\x99\xcdub\xde^:=\x9bO\'.S\x99\xd2`]_\xff1\xf8\xe1i\x14a9\x8e"\xcf\xc9q\xb7yD\xb3\xbe,pN\xa9\x98\x9c\xecP\xdf\xc2\xf88)\x94i\xdaw\x8ev\x16\xc7\xc6\xda\xdb+\xa1\xa76\x1bk"=\x9fN\'V/\xf3w\xef\xadG\xd6\xf4\xc5\xd9\x8f\x1f\x7f\x0cB\xef\xa2\xd1\xc0\xf0\xa6\xa9\xceH\xac\xad\xd9\x84\x9a\xf5\xd7\x02\'\xecu\xca\x03\xcb\xfb\x0b\xeeq\xb7V\xf8eg1L\xe1\x84\xf8\xb9\xb9A\xa8\xb5X\xc4\xbc\x95\xf4\xfc\xfc\xfc\xe4\xea\xf9\xe5y\xd3\xdd\xab\x95\x9e\xbd\xfe\xf1/\xc0\x02\xa8\x99\xff\xd2j~?i\xa4k\x1c\xdf\xcc\x15\x99\x0c3I\t\xe5\xc7H)\xccP=-9\xfc\x92\x1d\xa1U\xb6\x10D[\xc9\xb6\x80\xb6\x0b\x18\x895\x11\xa8Q\xd1\x90\xd5\xe3\xd2\xee\x12b\xeb\xbav\x12O@L\xcf*`k5\x8d6\xf4$5\xae\x89\xe9\x06o\x9a&amp;\xda^7\xe7\xa2\xbd\xe0d\xcd\xb9\xe8\xd5\xae=\xb6\xc7\xf3\xbc\xec\xee\x7f0\xbej\xe2\xe5\'\xdf\xe7\xfb&gt;\xef\xf7y\xdf\xd9V\xb6.\xde\xf8\xeb\xbf\x97^\xfc0\xe7\x8e\xdc\x19\x19\x199?\xde2\xfc\'V\x83n\xe7\xbf\x7f\xbb\xb8\xb4t\xe5/\x81\xc0\x0f\x81/\xce\x9d\x99\x98\xcdf\xe7\xa7\xe6\xe7_\xf2\xc2\x07\x9b\xae\xec[\xc0J$\xb9\x87#7G\xef/\xaf\xbc\xfdq\xf2\xc5\x8b\xc9\xd6\x15\x85\xb6\x8f\xbb}\xea\x0f\xac\x004\xab\xfe\xd4F\xf6\xf1/\xa0\xe4\xe7\x17\xaf\xf4\xf7_\xef\xff\xe2\xfaWPE&gt;&gt;?\xf5\xf2\x18\xae\xb9N\xf0\xaf_\x03\x96\x94{\xf8\x10\xa6\x08\xdb?\xdef\'&lt;\x9e\x94r\xc0xi\xe46\x8cB\xe3\x97\x87\xa3\xee\x9c\xc7\x13\xf0Y\xe5\xff\x9c}\xf0\xf9\xd2\xd2\x8b+\x17\xafLNBG=\'\x9b\x98\xe5\xa1\x86\xfc\xbb\xa2\xf0X\x8d[\xff\xc9\xfe\x9aHP\\ss\xcb\xda)h\x12\xffz\xfb\xd3\xb3G\xf5\xc6&gt;[\xf7H\xcb\xb8\xa4\xe3\xd4p\xd4\x9a\xf3\xe4|9}$\xf6\xf3F\x13\x94\xf3\xcb\xeb\xe7\xfa\xfb\xfb\x03P\xc9&amp;\xc0BE&lt;\x86\\\xd3\xb6\xfa\xfe\xf5!\xd4\xb0\xb9\xb68\xee\xef\xd3\xb7\xba\x87F\xe1\xc0AT\xe7U\xaa\xcb\xc3\xdb\x80\xe5\xc97\x9cuA\xdb\x1fp\x05u\xba\x86\xeb\x00\x05\x02\xd6\xb0\x8a\xf3\xfc\xfc1\x8c\xd5\xa2k[\x87\x80u\xb2\xb6h\x10\xad\xee\xf6\xccL\xb8\xb7\xb7\xf7\x02\n\xf6Ng\xcb\xb0#\x95\xf3\xf8|\xa9\x94"6\xe0\x8f:b\xde j\xf9\xb0&lt;&gt;\xdd\x0e\x0fbMM\x1d\xc3\x9c(j\xfc\xf6\xf00\x9d\xa4`\x94fT\x0cIQ\xa1\x1e\xa9z\xf0\xc2\x85:\x1c\x02}\x87Sryh/\xe5\xf3\xc0\xd1\xe3v\xaf&lt;z4\xe6\xd0z\xdd\xad\xad\rh\x99\xcd\x80U\x04\xaa\xb8\xc0S\xb5\x08\xbd\xc0\xb5um\xfd\x9a\x0e\x01\x16\x8e\xe18F\x86B!R\xaaV;1\r\xba\xb5qJZ\x86\x96\xff\xc0\x8a\xc0\xe9S\x0f\xc7v\xec;W\x10\x06\xb2Tk\x83n\x83\x9f\xe2\x8bE\x81\xad\xd5\xd6\xb5{\xadQ$:Qx\x95\x0e\xe1\x12\x9c\xc1M8A\x84\x92\x9d\x1c\xd5|\x12\xfeC\x976\xce\x8e\x96!m\r\xab\xc1\xedm\xd7\x1a\xeb\xef@\x1e\x8c\xc1\xec#\x87q\xffj\xd3\x06\xcf\xf3\xf1b\x97H$\xe0\x0bc\xdb\xee\xf3N\xe9\xf3\xdd\xae\xae\'\xaf\xd2I\x06\xc7Y\x8ce1\xe6$E\xc2|\xa1\xc2\xc4\x84FC:\x9d\x99\xf0\xa5\xe8\xa6\xd9\xe3\xf1\x98\xad\xaevH\x15 \x97_\xdb\x8e\xd2&lt;\x8c\xd5\xdf\xec\xf0o\xb2\xab\xf1\x13\xa2F\x01?G\xe8R?=e\xca\x9c\xefI\xde\x03,\x0c\xc3Y1!&amp;X\\\x85\xab0\x0c;\xd0\x00\x17Eb\xce\xf0\xf0\xa8\xd6\xea;s\x06r\x8d\xb2\xdd\x11\xf5\x1b\xc7\xfc0\xc1z\x15\xc1\xe0Y\xdd\xe2,\xff\x86\xffv\xf5D\xfc\xcd;^\xb0;\xc1\xdd\x9b7\xeb$\x99\xea\x81\x89J\x16\x92@\x05X\x84],&amp;jX\x18k\'(\x15\x08\x16\x9e\xe9k\xd7C\xf0\xf3 ,\xadc\xdbh\xf4\xc3\x04\x0bC\x99^\xa7\x9b\x9b}\xff\xe6eq\xfeA\x93N\xa7\xdb\x11(E\x88\nku\x12\x95I%\x16c\x89B\x92\xac\x89\x05P\xc8SX\x15\xc7\x08;T\xd1\x99L\x84mF\x05\xa4R\x9f\x07&lt;\x0fXQ\xbf\xff~T\xab\x8d\xc0\xa8\x08X\xd9\xe2\x1b\x83\xc5l\xce\xa7\xf2y\xf7{a\xfc%J\xaf\x9dw\xe2,\x8e\x89\xd9d!\x01\xfb\x8ee\xedb;\xc1j\x08TPBl\x17kHJ\xad\xb6\xf5iS\x10\x02\xcd\x01\x1flE\xadC\x1b\x8dB\xf3B\xd7\xba0\xc0\xcee\xe3\xef\xa0\xafz\xf2\xb9R\xbe&lt;\xdb(\x10\xd6\xc7L\xc6\xc4\xaec8\xf9\xbc\x90\x0e1\xe0r\xb1\x86%4`|X\x84\xddN\xf6\xc5nu\x84\xfb\xfc\n\xc8\xa6\x1e\xf8KA\xbcwl;\xa2\xda=\xf0\xbc\\\xdf\xdazu\x8e_}\x00\x87x.\x97+\x95\xcb\xcf\x04\xa9\xa2\xa8m\x1d\xb02\xec\xba\x9dbB\x85\x04\xc9h4\xacX\xcc\x82\xa9\x08\x02~\xc1euG\x95T\xef%\x87R\xeeYZ\x9a\x84i\'\xaf@\xde\xd2:\xda\xb5Z\xa5Bnmh\xb8\xba\xc8\xaf&gt;\xfe\x13k?&amp;\xcc\x11\xd4x\xf0\xb1\nX\xe2u\x92\xeb|\x92\x0e\x91\x0c\x85\x0c\xafR\x11\xac\x18\xc4\x02\x9f\xd5\r\xff\xb6i\xab_vY_ \xac\xfe@^\x015\xdcv8b\xed\xca\x88&lt;\x08S\x9ben+\xfeK\x7f W\xa9\xe4J\x1f&gt;i\xaf\t\x85u\x90\xc9T\tv\xedTg\xba\xd0I\x928\x81L\x0fB\xa1?\xd8\x97\xce\xb5\x8c\xa4\xe3\xd2\xf2f\x1e\x02X?\xa4\xf9\x94\xd7\xe1wD\xd1%\x84\x0b\xc4j\x85}p7^\x9c\xe8\x0fT*%\x84\xb5\'\x0c\x16x\xeb\xa0\x9a!\xb0\xf156\x94.\x84(\x86\xc1j&lt;`v;lF\x96\xc0Z\x9aIi\xaf1b\xf5\x05&amp;\'\'a\'*\xfdF#\xd8\x1dQ\xe9[\xe1H\xbc\xba\x13\x9f\x9a\xf3\x01V\x0ea\tT\xc4\xcfv?V\x0f2b\xd3\xc7\x93\xeb\xa1\xf4\x93$MI\xa0[\x11\xc8Uv\x02Z&gt;K\xe0\x1d\x9cZz\xcbvg@a\x86\xad\x98\xb2F\xda\x8d\xf5\xe8\xd6\xcd%\x87\x0e\xdf\xd0`0X\x16\xe2SwS\x15X\xa5\xf2\xa7O?\t4g4\xda3\x07\xa6uU&amp;c\x0f%\x00\x8b\x81\xce\x80\xa3\xd6\x05M\x02\xf5S\\R7\x88\xb0lwV\xf4\r\xe6V\xab\xdc\xab\xf5\xd7\xd7\xfb\xb5\xd0\xe0\xadgA,\x83\xe1j6\xce?6\x97+\xa5\x12\x88ut(L\x8e\x10\x89v\xabU\x93\x1dv\xa3=\x99H\'i\x12\xd3\xd4\x8c\x05b!(\x92\xea\xe8\xa0\x11Vw\xf7\x18$\x06\xbd[\xae\x8cEA\xae\x98K\xae\x07*\xc0\xfaa\xf1}\x91\x9f\xf0\x94K\xa5J\x1ej(\xd8\xadM[:\x939\x18\xcfd\x081`I\xe1\x00\x84\x0e\x81\xda(\xf8]E\xd2\xea\x0e\x89\x84R\xf7^\x02.\x07\xb8I\xee\x82\xae\x155\x8e\rx\x83VD\x05Xs|\x91\xff*W\xfeP\xaa\x94&gt;\xed\x1f\n\x15"D\xa2\xae\xaa\xa9z\xf9cu]\x9cN&lt;\xef\xa1\x18\x0c&lt;\x8f\x1cO`LO\x0fMKL&amp;\x8a\n\xcf\xcc\xf4~=\xb6\x02\xbb\xcf\xe5\xf2\xc6\x1c\x03~\xc0B%\x04,\xd9]\xc0\xba\x91\xfa\xf0\xa1\x04\xd6z&amp;\xdc`-j+T\xd9\xf3k\x99t:\x9d\xbc\'\xe5(,\x84:\x84]\x8cS\xd2\x1e5MS*\x86\n\x85\xc3#\xbd_\xdf\x89!,\x85W\xa9\xd4\xc6b^TC\x1fX\xcb\x02G"\xaf+\x03V~\x7fsK\xb8\x84\nr\x1d\x98\x08\xd5x\x86\x80\x1a\xd2\x1c\x8di\x08\xf1:\xd4\x10\xb0\xa4R\x12\xbc\x16"{.\x0c\x86m\xb6\xb1\xd8\x8aW\xe1R\xb8\xbcJ\xafW\xe9\x82c\x07\x19\xdepc\x11\xb0\xacPC\xc0\xda\x10t\xdc\x17\x152&amp;\x8c\xad\xb2\xe0x\x0e~:I\xe0\x12cT\x8fT\xcat&amp;\x93\x9a\x0bC\xa3\xf7GG\xf7\x9677\xe5\xf2 \xb8\xcb\xebu\xc9\xd1-32\xbc\xc1rcq\xa1\xb8P\x06\xc7\xe7S\xee-!?\x80CrU\xab\xe0\xa6t\xa8\x86E\xc2Qm\'\x18JJ\xd3tg\xe8\xd6\x10\xfaPd\xefh\xbf\\\xce\xe7SV\xbd\xde\xa5\xaca\x05\x7fo\x0f\x96\x1b\x13\x0b\xc5wy\x80\xca\x977\x84\x1d\xc9\x90\xbb \xb5\xdb\xd3\xcf9\x1a\xa9\xa5\x812\xb2\x14\xcdq\xd3\xb7\xa7\xbb\xa3\x08\xa8\xbc\xbf_B\r\xb3\x92O\xa5"\xed\xd0J\xdd\xf2`+\xea\xa5\x06\x8beb\xb6\xb8c\xf6\x9d\xd5\xe7\xdd[B\xcf&gt;\x8di\x16\xb6^\xe2\x1e\xc7\x01\x18C\x86\xa0904}\xdb\xd6g\\.W*&gt;\x88\x7f0\xa7\xa2\x0f\x92\xa0V\n\xf4\xaa\xefv\x83\xb7,2\x99Af\x01\xb5~\xf4\x98\x9bR\xfb\x1bB\xdfo\x89\x80\x0b\xceA\xc0\x02\x898\x8ab\x08\x02g(\xae{\xf4h\x7f\xbf\xbc\x7ft\x84\x04\xdb\x87\x7fK\x95\\ \x171\xd6\xc7\xbcr7\xecD\x8b\xccp\x1a\xd4Z\x98\xba\x9bo\xfa\xc6\xfa\xdd\x13\xe1_\x0bD]\xeb\x04\x01E\xe4\xa6A.\x9a\x14\x8bq\x10k\xc4\x06^\x7f\xfa\xf4\xe9\xff~_\xbf\xed\x1dmZK\xa9\xf6!\x9bQ\tX5\xaa\xd3\xa0VvjN\xdf$_\xd9\x12\xfeQX$jKk\xa4\xe9WjTDZ\x1a\xea$q\x9ak\xa6\x19g8&lt;\x13\x0e\xdf\x1c\x06\xb2\xd1\xd1\xed\xe5M\xb7&lt;\xe5^\x1e\xb3\x8d\xb5+jX\xc0%\xb3,f\xa7&amp;\x16\xbf\xffy\xeb8\x9e\xaaE\x9fu\x15v\xaf%@,\x00\x93B\x1a$)d2\x8c\xec\x19T\xab\xd5\x83\xddCOG\xef\xefE6\x83n\xab5\xe2\x183:\x14A\x9dEf\x91\x9d\x86*\xcee\xdf7\xe9\xbe_8\xb6o\x04E\x8dO\x06\xb9\xe9i\x8e\xea\xe9\x0c\x91\x10S)\x06g\x18\x86\xe6\xea\xc23C\xe8\xd1\x1c\x1a\x17z\x06\x86,\xefwD\xe4g\r\x06\xd9\xe9/e2\xcb\x1c\x1f\xcfnl\xac\x1e\xd77\xbb\xe0\xfb\xdd{@EK\xa5\x9d\xe8i\x0c\xb0`Q\xf4\xf4\xed\x99\xbe\xe8\xf6\xf2r\xfb2z\xd8t\xbb\x15\x11\xe5\xffy9\xbf\x98&amp;\xd3,\x8cKc\xc6n\xeb\xb4\x84\xfa\x01\xadmZ`\xda2\x94\xdaBk\xa4\t\x08\x01%\xb4\xa9Al*\x7fJ\xa7\xd8\x16b\xd9\xda\x06\x84\x96\x05\x82\xb2\x1b\x02V\xe8\x00\xc5\x90\xc9\xaa`\xe2\xfa\'^4YAYp\x02&amp;J\xc8N4\x10\xef\x98p\x81\x865\x9bxAd\xe2\x85{\xb3\xcf\xf9\xca\xcd^\xed\xec\xac\xed\x1b\xd4\xdb\x1f\xcfs\xde\xf3\x9e\xf3\xbe\xe7\xd3\x97+.\xac\xd6\xd5\xf6*ja\xe2\xf4n\xbd\xf1|2\'\x9c\xd1\xf7#S1v\xbb=\x0fX\xc4D\x8fx\xd7\xd9g\x03\xea\xc2\xd8\xc7:\xb1\xb8\xa5E"\xc9.(F\xb8+jk\x15\x86\x91\xdd\xf3\xdc\xa4\x8e7s\xcf\xaf\xc7\xae\\?\xeab\xf2\xf2\xe0\xa1HX$\xca\x13fZ\xcb:\x9d\xc1\xcb\xb6\xf2r\x9b\x8d}Fli\xc1i\xdd"\xae\xd6\xd1\x93k\xadB\xd1\xf8\xa2=\xd9\xa3\x94\xc68\\d\x18\x97\xddNX\xec\xe3\xb0(\xf3\xc4_:/\xfd\xc9\xa2\xd6\xab\x83^T\xa5f\x02C\x93_\x8d\xd0\xcaR@\xb1\xc6\xc9\xf6d\x0f\x10\xd7\xbc\xfe\x14\x8b\xd9\xc9\xc4\xbc\xbc\xa2\xa2\xa2L\x1aI\xca\xcc,+;y\xc9\x12\xf4z-\x96\xa0\x1a\xbd\x85\x04&gt;\x8a\x9b\xf2uY\xbd\xc0\xd2e\xcd\xdc\xb8\x9a\xec\xc9y\xb8\xb8\xd2\xddmg\x88KX\xc4\xa3%+\x12\x95I\xa5\xbf7\x01\xc9\x1bd\x87\x02\xe9\x91:\xfbxq\x02K\xd1;\xf2}\xd2\xc7\x9a\xb9\x19\xf1\xf5\x8e\x0e\x07\xb0(;\xb0\x1d\x06\x8fWd\x95R\x8a\xb0x/\xb3\xb3\x8ah\xa5\xc5\xe2\xd3\xe4!aey^\xec\x9e?\x90\xece|\xbd\x14\x8fw8\xec(j2\x8b\x842\xf4\x89\x1c\x8eL$\x0f\x94\xbaI.5\xbd\x9d\x9f9](FQ\x83\xc8\xea\xedE\xd6\x9a\x99\xbc\x93\x91\n\xac\xa5\xd9\xf8\xba\x839\x8a\xfce\x15"\xcds\x90\xe8\x99@\xd8m\n\x06\xd5z="+\xfbx!\xdaV\xaahz=\xbd\x9e\xbe\x91\xdb\xed\xc6\x14`\xc5\xd7!W\xb7#6p\x85=\x1e\xe5\x8c\xd0\xe5\n\x84\xc3\xa6\xe00\x1c\xf4\x9b\xab\xd0\xdf\x17\x14\xe4\xebT\x8a\xde,\x83\xc7\xd3\xf8\xe8\xc5\xed\x87\xc9\xffV\xc48;\xbb\xb4\x14_\xea\xe8\x8e\x85\xc3\xd7\x91Z\xaf\x97\xe2@\x04\x95s\xd8;\xdc\xd3\xe37SsXM]\x18\xb0h\xca`z\x04X\xdc\x14`\xc5\xe3\xebK\xeb\xeb\x9f\xa2\xb1\x81\xf0\x80{\xe0\xca\xc0@` \xectZ\xd4=t\xe5\x1dA\x01\x0f\xa6\x86\x06U\xad\x82\xa8fF\x9e\x8e\xdc\xb8\x9a\n\xac\x8e\xf8\xd2\xfa\xa7\x0f\x1b\x1f&gt;lMM\xdd\xbc\x89?SX\xc3\xea\x1e\xbf\xff\xc1 \x8d \xe4\x8fj**4\x9a\xda^O#\x02k\xe4QJ\xb0jf;\xfe\x18\'\xac\x8d\x8d\xad\xa9\xc5\xfb\x8b\x8b\xf7\x9f&lt;\xc1\xcf\xf3\xc7\x8f\x1f&lt;\x88D\x94\xd5\xf9\xb0Os\xecX\xc5w\x8a\x84\x85}}\xc0:\x90\x82\x90\xef\xe8\x8e\xaf\x7f\xf8\xb0\xb1\xbd\xb1}s\xf1&gt;p\x1e\x0f\xb2+\xd2\xdf_Rg\xd0\xe9T*\x88U\xa1\xa9\xcd\x82Z}\xd3\x8f\x1a\x1bS\x82U\xf3\xba\xc3\x01\xb1\xa0\xd66\xa9\xf5x0\x12!\xa0\xfe\x92\x92\x12e\x1d\x98T\x1a\ry\xa8\xca\xeam\x04V\x9f\'\xcb3\xf2}\xf2\xb1\xb85\xaf\xbb\xed\x8e\x95\xd8\xd6\xd6\xd6\xf6\xf6\xf6\xd4\xfd\xe7\x88\'\x00\x11S\x9d\xc1\x80P\'\xa9@U\x9b\xe5il\xf4xz\xe9\xec\xb9\xf10\x05j\xcdv\xe71Ll`\x00\x01?\xb5H.\x0eF\x00ET:\xec@UCC\x03Y\x883\xc7`\xd8\xaf\xb6R\x91 \x80\x85\x16\xffhl`kk\n\xb1\xf5\x04r\r\xf6\x93\x85\x05PK7::\n0M\x83J\xc1\xae\xda\xef\x10\xf9\xd3\xb7S\xa2\x96\xc3\xce\x1c\x152\x90+\xcc\x86\xfc\x03\nv\x80\xd1d"\x81\xa9\xd8\x95`\xd2h\x8053\x99\x8a\x9d8\x8b\xb2\x06\x1d\x19\xf9\x18\x9e\xba\xf9\x84L\x8c\xf4\xef\xdb\x08\xdf\x80\xd5\x90 \x03\xd4\xb1\x8a\x86\x14b\xa1\x13c\xecQ9\xc0\xa6\x86\xef?\x01Wb\x1f\x92X\xa4VCC\x82\xaa\x02\xe9K\xa5\xa8\xebK\x05\x16b\x8b\x1aD\xb4dv{4\x16v\x92\x91\xe4#\xa8\n\x0c8vX,\x84\x97&amp;\xb1%\x1bR\x84e\x9cu\x00\x0b\x05\x8d\xc3a\x8fF\x19\x18\x89\x13h\x91\x95LYB\xe7!\x8b\xa5!\x035\xf8G\xa5@\xbd\x95\x92\xa3\xdaA]\x98P\xc0\xd8\x19\xfaab123\x11\xfdpS\xa9S\x11\x94\x06P*\n\x7f\x9da\xe6E\xfb\xf9\x14\x14\xcd\x0e!\xb8\xe8\x05\xddn\'\'\x99(\x16\xd2+\xb2\x18\x9b\xc4\xeat\xfb9b\xb4\xb8\xf8\x1c\x8b5y\xedm\x92{\x0c.\xffj\xdcAM\xab@@T\xc8`vW4\xba\xb2\x12\x8d\xc5\xb6\xb6!\x19\xb8J\xea\x8a\xa1\x92\xae\x98\x9d4(&gt;W\\73\xf9\xfd\xad\xb7\xc9\xad\x04\x8d\xf5\xed\xec\x1b\x19\xa8\x1c9v\x97P.g\x18\xc2Z\x89R\xda\xbf\x89\xe8\xa7"\xa2x\xf4\\~uAa5B\xad8\xbfnz\xf2F\xdf\xad\xb7\xc9,nj2\xae\xeev\xa0\xc9\x17\xe6\xe58\\\x8c\xcb\xe5\x92\xcbc\xf2h\xd4\x15]\x91\xb3Y\x1f\x91\xdf\xaf4\x80%\xbf@YHC\xe9\xd5\xf9\xc0\xba\xfds\xe3\xa3\xbb?\xd7\'\xd1Bm\xfb\xc6\n\xdaC\xa1\x10m\x05\x1cd\x18\xb9\\\x1e\x95\x83\x90A\x89\x1a\x1e\xf6#\xe8\x95(\x9a\r\x05\x85M\xd9MMM\x85,\xd6\xe4\x0b\xc3\xcc\xad\xbb\xd7\xf8\xc9\x13\xab\xbe}\xd1\x95\x97\xc7\xcb;\xca\x11\xb0\\\xf2\x13\x0c\xfd-wEK\xc3\xe1\xa9\xfb\xbe\xaaH\x93\xb2\x00\xab);\x1b\x1dlSaAAu]\xff\xc8tm\xdf\xf4]\xd8\xc8M\x92X\x19\xf5K\xcf\x19!\x1aV\x04W\x8e@\x80\xaeGNwn0R^\xeav\x0e\xfb%\x91\xfe\xa6B\xa5\x12RUa\x89\xb3\x0b\x0b\t\xeb\xf1\x8c\x06.\xbe\xbd\x93\xa4\xa8\xafI\xcb\xa8\xdf\xf5Q7\xcd\x13\x00+\x87\x95+ \x0f\xc4\x02\x81@i\xb3\xf3&amp;\x9a\xb1HDL\x03\xd6\xd9g\xcc\x92\xc4\xdb+\xb0J\xa6K\xbe\xf5\xdc\xfai\xfe\x87$}}d\xe4g\x0c\xed\x9a\x8f\x82J\xc6b\xe5\xe4\x08\x84\x95\xe8\xc6h.\xa9\xd4m\xe9\xf1I\xce\xb0\xd7[\xd9\xd9Uf\x9f\x8f.nh\xc0FY2Sw\xd6pk~mm.\x19&amp;rk\xf8\x84u\xaf\x0c\xa1%+\xa2\x97\x1e\x01qY\xadp\xb1\xb44\xec\x0c\xea/\x9a%\xacHUU\x92\xf2\x8b\x17\xcbs\xef\xb5\x9c\xa6\xb9\x1feI\xf1Y\xcfO{\x9b{\x9b\xc9\xb8&lt;\xe5\xf2Y\xac\x96\xceJ\x1eG&amp;\xe3\xc9x\x1c\x1e\xb0\x04,\x16LD\xa3\xa8\xf7\xfb|&gt;z8\x97\xf8\xfcz\xbd\x8d\xbe\xc58\xce\xcaU|\xf6\x9fk\xab\xab\x9b{_\xdcE.+\x16B\xfeN\x95I\xc4\xceo\x11\x19\x07&gt;\xba*\x01\x16\x08\x0c\xb8\x9dAj\x15\xfd\xe5\x10\xccgS\xab\xff\x03\xeb\xdb\xbb\xabs\xcf6\xe1"\xf7\x00\xf7\x0boB~\x1a\xb0B\xed\x83\x97E&lt;\x01\xb4\xa2\xc92\x0eG&amp;\x90UV\x8a\xc0\x85\xc6\xda\x14\x1cV\xd3\xb8\x8f9W\xef\xf5z{l\xe5\x12q\x13}"RR\x92\xdf\xf0\xc3\xdc\xd0\xdc\xe6\xfcf}H\xfb%\x9f\x13\xf9\xab\xf3!&gt;\xa9\xa5m\x1f\xbc\x98Y\t$\xce7&lt;N\xce\xd792Pa!\xe8\x81e\t\x0e\xd3\x18R\xb9MMw7\xa4\x16}\xf5\xd0\xd4\x1f\xc9ol\x0f\x85\xe6\xf6\xe6\xd76\xd7v\xd6B_h\xf2\x87\xcb\xd5\xce\xbf\x9f\xe7\xa7\xa5\x19\xf9|\xed\xc3\xa7\xf7\xcaD\xbc"\x19\x87\xc3#\x0b\x05,\x97\\.--mv;\x9d\x16/plz/\x8b\xe5\x93\x88\xe9qQ\x1c\x19\xac\xbe\x1b\n\x85\x9e\xed-\xcc\xef\xcd\x7f\x9cx7\xf4\x05\xfe;\x19\x82\xda\xfc8\xf1~.\r\x8bb\xfe\xf6\xdfNf\xf2\x8aH\xaf\x1c6E\x08\x80\x15`\x10\xf3\xc4e\n"\xa8\xf4\xea\xa0%\x98\x18\x84\x10\x8b#\xd8\x97\x83\xcak\xda\xd0\xd0\xea\xfc\xf2\xf2\xc2\xfc\xfb\xd6\xf1\x8fkC\xfc\xff/\xc6\x00\x95\xb1\xf9n\xa2\xab\xeb\xa36\x83\xb0\x8ci\xa1\xdd\xd3\x97\x12W\xa6\x1c\xca\x114\x15(\xab\x94\xb3X\xe4c\xd0\xabV\xab\x83&amp;\x93\xc5\xcb^\x85WU\x9d\x91H\x06\xabFBZx\xb8\xbc\xb3\xb3\xb30\xfe\xea\xef\xe3\x13/\xe7\xe7\x8c\xbf\xfd\xa2\x1e15\xf4\xe6\xe3D\xd7\x85\x0b]\x0bi\t\xb5pVO\xdbh\x94\xf2\x1f\x94 @&amp;\xab\x14U\n\x19$.\xa8\xb5\x8f\x154!Y\x10\x96\x19Lf\xb3\xd9\x17\x81X!\x88\xb5\xb3\xf3yg\xbc\xed\xd5\xab\xd6\xd6\x89\x97\xbf\xac\xfe\xb6\xe0\xc7o\x93\xb6\xba\xf0\xb2\xab\xebBz\xfa\x85\xae7\xfc}\xac\xb4\xa1\xdb-\x99t\x93\x8b\xbd\xc8\xc9A\x1d!\xb2Z\xe9\xe6\x14P\xcdn\x93i\xd8\xeb\r\x9a\xc6\xc6\xe8\xbb\xea\\\tA!\x93=xZOb-\xec,\x7f\x06\xd6\x8fm\xafN\x9dj\x1d\x1f\x9fx\xf7f\xe8\x7f\x1e\xac\xe4\x1eH\x1bz\xf3\x8e\x84J\xa7\xd5\xb5\xca\xe7\xefc!E\x98h#\x12Z\xcea\x01\xb2\x96\xd5*%\xac\xe6\xf0\x18\xcc\x0bZL\x9d\xcd\x9dc\x16\xb5\x1f)?\xd7W\xee\xf7\xfb\x1e\xdf\xd1j\x87V\xd7\x96w&gt;\'\xb0\xda\x8e\xbc:r\xaa\xb5\x15^.\xac\x86\x8c\xbf\x1a\x8c~\x87\x8c\xd5_^\x82)\x01\x05\xacg\xfc}\xb9\xd2\xb4s/rE\x14\xef\x1c\x19\x8b\x05\xb5\xa4\xb4\x0f\xc3\x9d\x88x\x93\xc54\xd6YZ\xda9\x16\xbc|\xd1l\xc6\td\xd3\xf7\xf8&amp;C\t\xb1\x80\xb5\xb3\x0c\xac\x1f\xdb\x8e\x1c9rj_\xb2\xb5g\x19\xbfJ32/!\x14\xf1\x1c:t(\xfdPz\xfa\xc4\x1c\t\x05*\x9c\xd6\xa1\xdd3c\x9c\xc39\xec\x10%\xa9%\xb5ZO\xa0\x80p\xbb\xddcN\xe7\x98\xbb\xf3\xa4T\xdal\xfa\xeb\x9f\xcb\xcd\xb9~}\x8f^\xaf\x7f\xd2\x9e\x10k\x19\xb1\xb5\xb0Fj\xb5\xb5\x1d&lt;Hd\xad$\xd9\xfbwks\xda\xff\x922\xc0T\x13JD\xd4\x85t"\xfa\xea\xabCD61\xb4\x8fE\x19\xf5\xe1S\x9b\xf0\xf0\xd7\x87\x11Y\x9cod\x95\xd2?H\xa5\xc8\xf2\xcdXawgg\xb3\xd4*\xb2\x02\xcb\x96\x9b[\x8ed\xaf\xee\xb1\xfdK\x0b\xb16\x91\x1d\xb0\xf66\xdf\xb7\xb5\xfd\xae\xed\xe0\x91\x7f\xd7q\x06\xa1mdw\x18\x97\xacy3\xcc\xdaJ5\xb2\xb6\xd0\xad\xe2`j\xc8i`\x0f\x81\x12\xad\xf0!\xf8R\x93\xdb\xb2\xf1\xa1\xde\x1a\xa5\xf1\x1c\xbc$\x9b\xb8Z\xf9\xd6\x84\rbw[\x12\xec\xa6P\x98S\x0f\xed!\xc3\xe0\x0c\xc1a\r\x91I\x10\xd8\n\x83\xb4\xb4\x92FB\xae*\t\xac"\x81\x90\x84\xbcV)\xddK\xbf\xf7\xde\xc8\x96\xb3\xdb\x87\x14\rv&amp;\xfa\xe5\xfb\xbe\xff\xf7\xc6xl`\tT1&amp;\xd9&gt;b6\xf9\xff5\x03\x937\x85\xc2c1gH"[\x01i_\x9d\xe4\\W\xe0b\xe2\xab\xf7&gt;\xbe\x10\xf1OMMLL\xcd]\x0c\xcf\xcf\xd3_#\x10]\x8e\xb2u\x075\x06,\xf6\xfd2\xf6-\xa0?"\xefIT)-\xad7\x07\xa9\xfd=Y\x96\x05A\x0e\x85|\xe0\x02\xd9*\';\x01\xd9\xf75\xa3\xac\xd4\xbc\x130\xd1LIb@\xe4X\x12\xc5:\xa2\xf6q\xb9\xbcA\xf5\xc1\xd7\xbf\xb83\xc5n\xdf\x9a\x9az\'L\x7f\xfa\x9c\x81E\x7f\x1f\x8d^\xfa\x19\xbd\x9fky\xf17\x88\xd5\xad\xab\xd8\x8f\xbex\xeau\xb1@u\xb8\x93|\x93\x93e\x06\x16bFr\xc5`\xe6\xe6\xe6\xfe\xee\xe1y\xcdpxeR\xdd)\x1c\xed#Q\xf1\x98\xae\xeb\x01x\xc7\x95\x02\x96\x14h\xa5X\xac\xb8\x8b\xde`\xe2\xab\x9f|\xf1\x11\xbd#v\x0ej}0\xf3\t\xfdQ\xfdh4\x1c\xc6\xf5\xf3\n\xbd\'oz}\xf1CJu\x13C\xf0\x12a\x07Pa\xf7\x15\xa8R\x08\xff\x91&amp;\xc3EYv\xb1B\x1c\x0b`\xab\\\xb3\xa0\xab\x19J\x13]wD\xbd\x8b\xaf\xc6b\xab1\x9d\x8a%\x89\x84=)X&lt;\xa5\xaa\xde+\x0c+qP(\x1c$w\xbe~/:\x1b\x89\xd0\x9b\x92\xe6\xae\xcf\xdc\x9eY^\xa6r\xfd\xfc\xa7\xef\xae\xcc\xceM\xf9\'\xae\xaf\x7f\xfa\xfe\x87\x97\xaf\xae\xdf\xbf\xbf\xf1\xdd\xce\x8b\xff\x1e\xb76s-F\x95T\xd5T\x0b\x99\xe7z1\xc5|\xa7\x8a1\xba\xcd\xd6\xf1\x9b\x1d\xaa\x99\xc7\x8b.`*Q\x1e1\xe0&amp;]t\xb1\xa8\x87\xf1\xc3`0H\x95J\xbej\xe5\xf6\xf6V_\xec\xac\xfd\xee\xf2\x85\xc8\xf6v\xc4\x1f\xf9\xcf\xc5\x99\xbb\x9f\xcc X\x18\xc8k+\x9f\x01\xd5?;\xfd\xe8\xd6\xe5[W\xd7\xa3\xbf}\xfcl)\xf9\xednk\x0f+w\xbc\x0b\x0bS\xaf~\xfd\xab\xdc\x1e\xc3\n\t\x8c\x0c\\4c@s\xe9\xa8\x9b)\xec\x99\xbc4\x11r\x91\xf2H,PP\x89\x10\x17M\x14\x176\xff\xb5\x96L$\x1e\xfc\x83\xbe\x81\xa6\x89[\x07\x93k\x7fx\xe2\xdf\xde\xf6C\xb1\x89\xf9\xbb\x94+\x1c\xbe\xb4r\xe13F:{\xfd\xd1\xe2\xe2\xc77\xef?y\x89\xb4\xa7NV\xb5=\xb6\xcc?}\xf9\xa594\x1d\xb3i\x0e\x110\x81\x0b\xc6D\xf3\x85\xb8\x9f!n\xe8V\xeb$\xe5aMNk\xe0,O\x84a\x11P)\x8a]w\xba\xddlv\xbf\xf5\x97|\xa9\xc3\xe2\xea\x93\xb6\n^u\xed\xf5G\xd4\xc6\xb9k\xf3w\x1f.&gt;Z\x8e^Z\x99\x05\xe8v$\x12\x99\xb8\xfe\xd7\x9b7\xd77\xfe\xfd\x00\xcd\x908Y`\xe7\xc8\x9a\\\xb7\xaaF\x07\x9d54\xaaV\xa3&gt;\xccq.\x99=8\xd8B\xe8L1O,\xe0R\x8d\xfa\x80a\x11\xba\x16\x06\x95n\xb1\x98N\xf7\xf5@@/\xa6\xf3\x03\x81\xffC\x81\xf8Q2\xb8\xf4\xeco\xbf\xc4\xd6\xf8c`=\x07\xd7\xbb\xb3\xfe\x08\xc3\xf2\xbf3\x1d\xde\xd8x\xfc\xf4F\x105z\xb4\xe0\xf3\xe1\x14\x06f6,\xa3\x8e\x17\xab\xda\xabZ\x86\x99\x1be\x8c\xc7,4\x9a\x00^\xb3\x1e\x97J\x92FX\x84\tE\x94r\xb6X\xcc\x96\xedf:]\x91$\xb2\x9a\xc9w\xd9{\xf8|&gt;E\x8a\xed\xa7&amp;\xbdKO\xef\xbd\x9e\xfe\x80\xfe\xea\x80\xe7w\x97/]\xf0S(z\xbb\xfa\x8f\xee&lt;~v\xc3\xab\xaa\xc1\xe4\xb1\xa0(8\x87\xbe7\\\xb3\xeb\xa6\xa69V\xb5\xda0M\xc7i6\xe1\xa6F?\xa5\xd9vNc\xe9?\x1bN\x0f\xdb_$iL*,\x94\xc4 \xdf\xce\xe8\xa0\xeb\x02\x8b~\xa4&lt;\x08\xd1\xf7\x00\x94B\x88\x14\x92\'\xfa\xe9\x00\x00\x03UIDAT\xdb:\xc4\xd5\xbd\xfa\xe0\xe5\x93G\x0ck&amp;|\x11Ic\xc3\xe9\xbf\xf7\xe7%\x95\xae\x83\x96\xa20,\xc1U\x19\x7f\xd8\r\xcbj\xe6\xb4a\xa3\n\xc5\xacR\xdf\xd6B\xc3\xa6a5\x9a\x1d\xa6\x98\xfb\x0c-xDn\xa0[\x9d\xd0E\xd1\xa1S\xbeXI\xb7\x8bD"\xc4h\xa7\xcb\x04C\t\x18\x86E\xa9\xf0\xf7\x02\xf1\x17A\xdabK/\xff\xb9\xf8\xfc\xf9\xc3\xdb\xf3\xd7\xe8\x9d\xa8\xa0\xba\xf7\xcd\x8d`PE\xeb\x16\xe2&gt;~\x86O\xe0F23s\x90L\xd6\x9a\xd5j\xcfp\x8c^\xcd1\xfbF\xadf\x19F}h\xd6m&gt;\x05\x94\xcc#\x8e\x85\n\x07\xfa [\xcc\x14\xd3\xedt\x1fX\x8a(\x91b&gt;\xabs\x97\t\x05\x03\x14\xa1\xd3\x11\xa0\x01\xa3\x17\x15\xde\xa5\xb5\xbf\x7f\xfa\xf0\xf6\xf2\xf4\x04\xcaa\xfbs@\xa9\xe8\x135q\x12SD\xa2\xb8\\&lt;^\xee\x12\x18V\xa3o\x18V\xbf\xd3\xafa\xf5;\xc3\\\xb3Tj\xe4\\Y\xe5\x90g,\xeb\x842A\xa7\xba\x99gX]\x050e\x9dHg\x8bP\x01%~a\xc1\x02F\xc9\x82O\xbf\xdbX\x0e_\x9c\xf2\x7f\xfe\rd\n\xd2Gj_a\x01\xe5XXl\xecN\xc1\xec\xa6\x05\xe3L\x1bn\xd6j%\x1c\xf6M\xc7*u\x17\xdc\xca\x90e\x8f\xdb\r\x12\x11\xa9N\xddJ\xb9\xd2\xcdd\xa0V\x97c\x9d2\x05\xdc\x08J\\-\xfa\x91\xd8V!\xc8\xae\xa6i\xc8^\xaf0\xfb\x00\xe5U\x83\x87[\xf4\xff:\x8e\xe5\x13\xceI\x96\xeb8\r\xcb\x94\x87\x8d^\xcd\xea\xd8\xb6S\xeaY\r\xd3\xe6~S\xc1&lt;\xb4\xd6\xf1\x1cT\xca]\x0c\x1ee\xc2\xf8e\xda\xf9n:S!\x92\xab\x8d4\x1a\x8c\xb3E\xaf\xc3b\xf17.\x17\xc8\x96(\x0f^\xc1U\x88\xb3\xad\x82(cX\xe7\xac\xc4\x91\xa6\xd99\xbb\xdf\xab\x95\xea\x10\xd2,\xf5j\x8dz\xbd\xb3\xe0\xce\x87\xc0\nB\xaf\x14\xf3\x99\xb2^fL:\xd1\x11\xf7L\xb9\xac3mX\xe6\\\x07\xa5\xb7\x16\x02v\x92\x18\x81\xa9\xeek0\xb1\x1b\xe73t\x0eK\x10\xcec\xc9\x9d\xbe\xd3\xe8\xf5Ju|\xaen\x81\xca\xa4=\xeb\xd8#,\x0c^&gt;\xdf-\x0f\xf4l\xba\x9d\x05S9\x9bA\xbet\xae\x13\x19\xa9E\xf8S|\x1b,\xc6\x82\xcf\xbf0\xe2p\xa9\xe3\x00K\xaa\xc2\x17Grk\xc2\'\x8c\xb0\x04\xa1i\xf5@e\xe2\xa8c\xf4z\xc6\xd0\x01\x96U\xaa\xf8\xb8\x89\x95L:\x93\x1d\x0c\xb2\xf9r\xa6\xdd\xae\x0c\x18\xd3\x80\x90\x11\t\xe3"\\\xa8\xef\xa9E\xf5\x1a\x05\x7f\xb4\n[\no\xbf1,\x9f\xc0\x1f\xb20\xa6\x16\xe2\xd5w\x86\xa0\xf29\xa5\x1a\n\xa2cT\x1b\x9dz\xc8\xeetlM\xf6\xc0\xaeA\xb9\x9bG\r\x00+\x9f\x07\xa2N\\\x182\xda\x85\xce\x88~\x80\x0c\xc1WO\xd5Rwc\xa7g)D\x19s\x91)5\x12\xcb\xdd\x8f4\x8d\xef&lt;\x1d\xa7\xdeD\x8dUK\x1d\xdb1J%\xab_\xf7\xa4+\xd9L\x1aP\x01)\xd3N\xc3&lt;\xe2\x16=\xa3r_\x7f\x10\x87\x8d%\xf5\x0b\x01S],\xb4\x95$\x92\xd3\xa5\x8c\x1b96\x8c\xe7\x86\x12r\xe1:\xc74\x0c`\x99\xcd*\x86\xa0T\xaby\xa0P\xb1\xc2\xbe\xcc\x89W\x06:\xdf\x86\xc8\xd8\xe2\xc3H\xde\x9a\xc2S\xedh\xb8\x03\xb1\xe3\x14\xd3k\xe780v\xf6H\xad3\xc1\\\x9c33G\x17\x84P\xceF\xdf7\x11\xfbR\xbf\xee\xd4j\xff\x03\xe7#\xb2m)\xf2E`\x00\x00\x00\x00IEND\xaeB`\x82'</t>
        </is>
      </c>
      <c r="M356" s="3" t="n">
        <v>45492.67721064815</v>
      </c>
    </row>
    <row r="357">
      <c r="A357" t="n">
        <v>978638</v>
      </c>
      <c r="B357" t="n">
        <v>1954</v>
      </c>
      <c r="C357" t="inlineStr">
        <is>
          <t>João Marcelo</t>
        </is>
      </c>
      <c r="D357" t="inlineStr">
        <is>
          <t>J. Marcelo</t>
        </is>
      </c>
      <c r="E357" t="inlineStr">
        <is>
          <t>ZAG</t>
        </is>
      </c>
      <c r="F357" t="inlineStr">
        <is>
          <t>ZAG</t>
        </is>
      </c>
      <c r="G357" t="inlineStr">
        <is>
          <t>ZAG</t>
        </is>
      </c>
      <c r="H357" t="n">
        <v>189</v>
      </c>
      <c r="I357" t="n">
        <v>43</v>
      </c>
      <c r="J357" s="2" t="n">
        <v>36689</v>
      </c>
      <c r="K357" t="inlineStr">
        <is>
          <t>Right</t>
        </is>
      </c>
      <c r="L35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e6aa3f6-c72d-4d17-9535-f2ca13e54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00\x9b\xec\x00\x00\x00&gt;tEXtComment\x00xr:d:DAEewil2SDw:3796,j:1497870925631122622,t:24040619\x85uW\x81\x00\x00\x00\tpHYs\x00\x00\x0e\xc4\x00\x00\x0e\xc4\x01\x95+\x0e\x1b\x00\x00\x03\x00PLTE\xff\xff\xff\x002\xbe\x00+\xb8\x015\xc2\x04\x06\x07\x07\n\x0b\x00&lt;\xd6\x00\x00\x01\x02\x03\x03\xfe\xff\xff\x00+\xb3\r\x07\x07\x009\xd3\xaep]\xc3s]\xb6r]\x00*\xae\xfd\xfe\xfe\xc5\x8fy\xba~k\x015\xcd\x00F\xe2\x07\x04\x04\xb8ye\x0c\x0e\x10\xa9jZ\x00O\xec\x91L;\x003\xca\x98P@\xb4vb\xaa_M\x14\x0b\n\x006\xc7\xc9\x96\x81\x9eUC\x007\xd0\xbewc\xa5ZF\xb4gS\x00$\xa9\xbdq^\xaetc\x000\xc2\x00/\xba\x01#\xa4\x00&lt;\xcd\x7fH:\x00A\xd4\x009\xc9\x00,\xbd\xc6zf\xa2dV\xfb\xfc\xfd\xb1jX\x00J\xe8\x00S\xee\xc8\x80m\x95UGuC8\xf7\xf9\xfb\x1a\x0f\x0f\xa1k]\xa0Q=z&lt;-\xc0|j\xa3_L\x9baT\xbf\x88w\x80@3\x00=\xd1\x90A1lB9\xbaiUg=4\xb1aM\x00&amp;\xb3\xb7k\\\x8dZIq&lt;0\xa8TA\x001\xc6\x00$\xac\xc0\x86p\xbf\x82l\xadgS\x8bH9/\x1d\x19\x7fRF\xb0YE9 \x19\x01 \x9e\x00B\xde\x85N@\x00&gt;\xd9\xf1\xf5\xf7\x8fSAB\x1f\x15B+%\x9aL9\x87D5\xa8dR\x11\x16\x19\xc7\x87s-\x13\x0c\x9aYI#\x11\r\xcb\x8f~8\x17\x0f8%"\xbacM\x1f\x15\x15\xc0lU\xa6N:\x8bOCxK&gt;wPE\x01U\xe8C%\x1dl5&amp;Y6-\x866%X&lt;5\xc8\xdd\xec\'\x19\x18\x94]N\xa0I5N)\x1eS1&amp;\xb8qf`=5\xa4pc\xd9\xdd\xde\x87UDI0)\x81YO^/"\xed\xef\xf0\xd7\xe6\xf2b7-\x95gZ\xbeuj\x97G39./\xb2yk\x8c]Qy4 \x9d]M\x00V\xf1\xb9\x85s\x00B\xd9\x19 $M \x16C75\x89=-\xc1\x7fs\xd2\xe1\xeb\xd0\xe3\xf1\xafaV\x02\x19\x92\xd0\x9b\x85N94\xa0PG\xc9\x88x\x01a\xf2lI@cF?\xc9\xc2\xc1*#(\xb1\xcc\xe6\x1f+0[$\x18\xc4\x95\x8c\xe1\xec\xf3nQIuYR\x00N\xe3\xcagn\x00I\xdc\xea\xf2\xf8\xad\x88\x81\x99\xbd\xe4\xbd\xc9\xceVGB\xb0hc\xcfru\xce\xd3\xd5\x85\xac\xdf\xe1\xe7\xe9j+\x1baNH\xbe\xd7\xec\xa5xow\x9c\xd3\x8adY\x97ohDQZ\xc0\xd4\xe1\xb1\xbe\xc4N\\d\x85\x9b\xa4\xad\x99\x98\xd8s\x86\xbb]b\x94\xb1\xcf\xa1US$N\xbc\xd5\xa2\x988GO\x13C\xca\x9b\xa7\xad+:?\x19&gt;\xbc\x99EAK?=\xa9\xc3\xd9X\x84\xd38O\xabCo\xc5\x0f6\xb9w\x8e\x95\xc2\xb6\xb3[~\xbc\x144\xa4\xa8\xaf\xb3\xd8`s\xafLB\xacVV!?\xaf\x9f;4Zjqr\x7f\x86o\x8c\xbf\xca\xab\xa9\x90y\x82\x8f\x8a\x8b5`\xc0\x08\x1a\x81dw}\x87\xa1\xc5\x00q\xfb\'W\xcbJx\xd4h_\x943m\xd7\x06\n2Jh\xaf`\x97\xde\x0c\x15]\xb5LS\xcbM[EI\x96\'?\x9ctes%&amp;e\xd4\x89\x99\xee\xeb\x9d]\x00\x00 \x00IDATx\xda\xc4\x98\xd1OZi\x1a\xc6{qN8\x84\xc4\xe6hr\xe64\x84r"A\xc2\xdex\xe1Bb\x81\x11\xba\x12\x8a\x84\x85\x8b\xa9\x14\x12\x83\x80\x1e\x11\x05d\x9c\x80\x1aG\xb4\xa5\xae\xa4\xd5\xee\xd84\xc7\xe2\xa6\x99j:i(\x9d^L\xe3L\x8c\x9dLZ\x0b\\\xcc\xa6D\xd2\xdd\x1b/L\x9b\xe2\xc5&amp;\xf6_\xd8\xf7\xfb\x0e\xd6\xdd\xbd\xdd\xa3}E\xa0\xf4\xc2_\x9e\xf7\xfd\x9e\xf7\xf98w\xee\xff/\xfa\x9c\xfc\x1cm\xd8\xc9\x05i(C\xd0l0\xc3\xeb\xb9\xcf[4\xc6\x92\x1br\xd5\xea\xef\xc1\xfc\xce\xce\xd6\xde\xdeA\xce\xf0\xd3\x8e\xf9\xb3\x92\xd1tp\xef\xc0\x10\x0c\xee\xec\xefW\x8f\x0e\x1b\xb5J\xa3Q\xab\x1f\xe4s\xe5\xa7\xa0\x98\xfc\xb3 \xc9Q\xd3\xe8rm\xf7\xa8qX)\xeeV\xea,K\x92,\xcf\x92\xc5\xddz\xed \x87\x04\x93\xcb\xcf^\':\x98\xcf\x07\xe9\xa3bM\x00\x1c\xa1H\x12\x04%\x93Q\x04\x01h\x02+\x1cU\xcb;f\xc3\x19\xb7R\x0eL\xb9\x7f\x1dV\xb7r5\x96\')\x80\xa1\xe0\t\xb0\xe0\x97\x040\xe0\xac\xd7\x1b\x07;y|\x0e\xceN+\xf3\xdf\xca\r\x9e\xacWv\x11\x94\x0cP\x90P2x\x92\xa1\xa2\x10$I\x14\xab\xe5\xd7\xe6\xb3\xe4\xa2\xcd[5\x16Ta\t,\x12\x86\xc1=lb\x89l0e\x87[\xaf\xb7\xf3g5\xfc\x86\xfcV\x83\'X\x04"kv\x0f\xbf;\xc6\xc2\xd2\xc1{\x82\x14*\x1f\x7f/\x07\xe939\x80\x86\xedF\x91%\x81\xa6\xa9J\xf3\x05\xdaF4\xb5\x12\x87\r\xb8\x04\xa1R\xfd\x983\x9c\xc5\x11\xdc9\x00\xa9\x88\xa6&gt;2\x8a\x14\x15\x03yHQ6\xfc_\xa0\x14\xe2"\t\xa1\xb6\xbbe\xa0O]\xab\xfc\xd6&gt;\x98\x01\x85\xed\x80 \x8e\xc5\xc1\x92\xe1\x9e\x92\xf0#\xb6\x11\xabI\xb1&lt;\x7fx\xda\xd3E\x1br\xfb\x95\xba\x80\x86\x08+C\x90\x9f\x86\xe9\xbf\x00?\r\x18\x90\x0bE\xe0:Mc\x05\xb7\xda&gt;\xaa\x0b\x02\x8f\x08\xfe\x03\x0b\x9dE\xb0\x08l\x14\'L\x18\x8b y\xf8\xacX\r\xd2\xa7\xd7Hzg\xab\xc1\x92&lt;q\xa2\x8fXx\xbc)\x06\x86\x8c$\xc5\x99#E\x17Cd&lt;\xbcg\x8b{\xf9\xbc\xf9\xb4\xa8\x82\xe5\x8f5l\x95\xc7~\xd0\xe4\xc3\x87\x12\x0e\xe2\xa7sI\x92\'\xdc\x04\xeex\xf1h\xcb|Jr\xd1O\xff\xb9_\xa3d\xcd%\x83\x8a\x14=\x82E\xebGl\x1b\x85\xb1\xd1\xa7\x04I|\x92\x93$)\xbe\xb2sJnO\x9b\xcb5\xd4\x12\x12\xfdb\x008u$%\xee\x1axa\xe0\xc1 }XDI\xf1\xecI\x97\xe1\xe4\n{\x86S9\x8f\xe0\rG&lt;O!q\xc4\x161H\x12\x91\t\xda\xc8@\xc9\x18\x05\x14\xc31x#Q\'{\x88\x805U\xc9\x9dN\x1b\xf3\xfb\xfc\xc9\x98\xc3_G\xbb\xf0\xd3|\xb1\n\x0eh8\x8b\x85\x8b\xc5\x14\x0cVL&amp;;^K\xf0O\x92\xe0w\x0f\x82\xa71\xf0{\x02\xd6\x85b\xd1\x1cq\x9c\x08&amp;\x1e\x00J\xc1\x01\x16g\x99M\xc6b\xb3"\x16\x04B\xc87x\x03a\xe3E\x9b[z.\x9a\xde\xae7G\x1b\xc5\x06\x86\x03Y\x14\xa8q\x80c\xe1,\xbe\xd9\xa4o\xd6\x17\x08\x04\xc6\x03\x01_\x8cS\x88\x1b\x92\xc1j5\xe7\x8f\x10\xf8\x9a\xd4k\x086\xe1\x11\x89t\xa2\x18\xdc\x1c\x0eD\x89F\xe1\xe1\xf3\x05\xc2\xe1x \x1d\x86\x9f\xf4\xfc\xfc\xfc\xad\xf9\xf4b8\x90\xc4Z\x12\x04\x1eC\xf1\xb8\x82\xdd\xf3\x84\xd4\xc7\x11\x8d;\x81\x9c\x80\x84?\xc7(,\xbe@h&lt;\x9d][Z\xca\xf4\x99L}}S\xf3SS\x80\xd49p\xf3\xe6d\xdf\xf5+\xd7\xe3\x81x|6\x99T(\xa0\x8fh\xfa\xc5\x98CQ|UR,9\xbd\'\x90\x94\xe8L\x0c\x17\x1d\x0f\xa5\xb3@d\xb5Z\xfb\xfb\x95\xaa\xd1\xd1\xd1\x81\x81\xc9\xc9o&amp;\x07G/\xdf\xfd\xf3\xb5\xc9k\xdf^3\x99\xae\xf4\xcd\xcc/\x86\xe3\xbed\x12z\x88\x0e\x80\xd8\xce\xdd\xbc\x94\\\xb4\xe1@\x10G\x04\x86)\x1a\x08\xade\x97^X\x0b\x0e\x87ce.\xe5\xf5\xbb\\W\xd5\x97\x07\xbf\xfd\xa3\xce\xa9\xd6hF/\xa94\x83\xa3\xa3\x83\x03W\xa6\xa0\xad\xe9p&lt;\xc6\x11\xd0y\xecs\x04Y\xdc\x96T.d\x0e8\xaf3\x0c7\x1ez\xf2\xe4\xc5\xea\xf4t\x01A\xf9\xfd\xfeD"1\x91\xd0\xe9\xae\xea&amp;&amp;\x12.\x97\xd3\xe9\xf4w\xa8\xd5\x1d\xa3_{\xfa\xa6\xd20x\xe9\xf4\xac\x82\xc2&gt;\x0b\xe6U\xdc3K\xe9\xa9\xdbu\xd1\x17\x19\xc6\x12]\x03(\xa0\x9av\xcc\x81P\tT\x13P-\x13\xb8\xe0\xbd\xd3\x99p\xea\\\xea\x0e\x95\xd2tk&gt;\x10\xc8f\xc3\xb3\xe8\x00\xa0\x0cM\t\xfb\x12f/9]\x160\x16ja\x08Q\xad\x02T*\xe5w:\x11\x10\xd4DKW\x17&lt;\xc1cB\xafO\xe8\x9cFPO\xadQv\xde\xba&gt;5\x9fN\x07b\x18\x0b\xba\xc8Vr\x06\xb9t\xe7\xf0\x10\x07+&amp;\xa9`\xa2k\xc7T^\xbf\xce\xado\xc1\xd5\xd5\r\xd5\x05\xaf]\xda\x16\xbd\xde\xe9\xd6\x19\xa1\xae\xdeU\rt\xc29]Z\x0b\x8d[\x10\x17r\xe3bc[*\xef\xa2\r[E|\xddRp\x8cb\xfcI\x06Q\xad\xa4R.\x9d\xde\xd6\x85@\xfe\xa7\xb4z\xa7\xce\xedv\x1b/\\V)\xfb\xfb\x87\xecv\xcf\xd28\x92\x0bE \xb2V\x816J\x15\x1d\xf6\xf8c,.\xb4\x84\xc5\x8ax\xd5:\xb7\xb6{\xa4\xbb[;qB\x04\xbd\x04\xd1\xba\x96\xf5\xfa\xf3n\xf7\x85\xe1Q\x15\x80\r\xd9\xad\x99\xd0\xacE\xb4a\xb6\xbe+!V\x95G\xf1\x98R(\xb8h6c\x05*G\x8f\xdf\xa5;o\xb3-w\xafk\xf5\xfa\xe6l\x1d\xb7\xd3\xb6\xbc\xac\xd5.\x18\x87\x87\xc1,TH\xaeL(\xc61\x0c\x81\xe2\x19[&lt;\x90*H\xd0\xc1*\x8f\xd6\x08\x03\xeb/\x16\x82\x1e:V@,\xb7[k[h\xdb\\\xb7i\xb5]-\xfa.T0_]\xdd##\xb6\x85\x85e\xdb\xc2/\x7f\xbf{\xa9\xbf)\xd7Z\x0cB\x0f\xda\xdc2\x16\xf6\xa2\\*\xac}t\x83\xa6 Iq\xb1l\x06MVO\x87Zg\x84\xf9\xf9\xaaw\xd3fC\xad\xc4\xd5|]__\xb6\xad/\xbf\x7f;z\tv\x00\x8c\x97\xdd\xfa\x04\xadu\x12\xc5\x1bv\xb7,\x9dZ\x8785@Z\x88\x86`\xe7 ,\xaf\xd7\xa5\xd3\xb9tm\xeb\xd01t\x00\xe1\x07u\x0fI\xf6\xd5\xfaz\x9bm}\xe1\xedF\xc7\xc6\x86\x06\xb0\xd0\xccG\x01\x8bG\xfb\x91@\xb7 \xe9F\x1e\x16\x07\x04On|m\xc9\xbaZ\x00\xb1\xbc\xe0\xe4.\xb5q\x01F\xfb\xbc~\x01LA\x07}\xb4\xc1\xbck\xbf\xb0i/\x1a\xdd\xcb\x0b\x0f\xdeoh4*\x8d\n\xc4\xf2\xcc#\xb5\x14$\x0e]\xd2a\xd1\xb9]\x08O\x90\x88-\x18\x0bFK\xd3\xd1\xa1\xf1"\xb4\xabj\xc0s\xc1\n\xf2\xbb\x9c0\xfaz\x9d\xee\xc1\x03\xe3/\xc6\x07\xf0x\xbf\x01P\x1a\x8dr\xc8\xea\xc9\xe2l\x86r\x11Y\xdf\x93\xee\x9b\x92\xfc\xbe\x80\xc2:`A\x13\xa7Wz@\xae\x9eH\xa4\xc7\x0b\xa2\xf9\xbdPs\x1f&gt;\xcc\xbd\xc3t^\xef\x86jC\xfd\x00`\xd5\x975*T\xca!{&amp;\x1b\x05?e\xd0\xb7N\x84P\x96,\n\xd2\xf9j\x91\x80(\xccp\xb1\xf1%ka\x05\x88z"++s=\xde\x14\x98}j\x0e\xa8&gt;\xa4p\xf5\xcc\xcd\xad(U\xa0Q\x87\n\xcd\x15@)\xe1(f\xd6\xa2\x16\x0e\xdb&lt;`mI&amp;\x16r\x08|\xe5\xe2\x14\xd1\x0c\n4s@\x15Y\xe9I\xa5\xe6&gt;\xa4\xfc\xde\x94\xd7\xfb\xce\xff\x0e\x13\xc2c\xc5a/\x00\xb6*\x12Q*\x91X`\xf4\x99P\x14\xe2*\x89/\x97\xf5m\t#\x04^\xd5\xe8(\xae\x15V\x0b\x85\xe9\xb7\xa0U\x04\xe6\x1e\x85-\x7f\x02\x16v\x02\xe0R\xa8\x85^\xbf?\xe5pD\xa0\xde:\x86 $"\xb1\x86&lt;!X\xd6\x10\xf0\xd1}\xb1\xb6-\xe1uq\xbb\x8e\xae9\x8a\xd8\x92\xbd0]\xc0Qk\x05\xe6\xab\x03L\xc2\xe9\xc4\xee\xeeL$\\\t\x14\xbe\x9cN\x9d\x17\xe6.\xd2\x13Q\x0e\x15\x1c\xfdx+Z\xd7\xf0\xbd\x83\x80"w%\xbc\xf5\xcb\xb7k\xe8 \xc6\xe6\xad\x85\xe9U\x9c\x00!\x98\xaa\x8dn\xbdVk\x03\x17\x1d\x01wo\xd1\xb7L$\x12N\xf8@\xab\x83\xd9\x87 \xd8\xe3p\x0c\r\xa1\xddc\xb7/\x8d\xfb|I\x05\xf8\x16\xc1W^Kw\xfb\xa1\xf3\r\xb0-.p\xcbj\x85E\rmtD4\xc3\x17\xbfh\xbb\xd7\xdb\xdbZj\xff\xbe}ll\x13\xd8\xc0V\xd7m\xb6\xf5\x11\x9bM\xab_\xb8hD\x9b\x1a:\xd8i\xb7ZMK\x01\x94\x05\xc1\xfcx\xc965\xfeb\xeb\x08a\xf92v\xeb*\xc4\xad!\xe5\xe8\x9f\xbe\xbc\xf1\xdbsT\xa5\xd2\x9b7o\xda\xdb\x11Yw\xf7f\xeb\xc8\xe6X{\xa9Tj-\xf5\xde\xfb\xeb\x85\xe1\xcb\x97\x06Q\xb0\xf1\xd8;\xa7\xc2I\x0b\x0b7\xb4\xba\x94WE\xb4~\xe0"\x1f\xf0\xd8\xad/^\xac\x0e\r\xde\xfc\xe6\x87\x9f\xff\xf13\xd4\xaf\xcf\x9e\xbdz^zS\x1ak\xdf\xec\xde\x04\xa2v\x80zS*a\xe0\xe7\xbf\xbd\xbaq\xfb\xbb\xaf\x01+c\xea4\xa5\x01\x8b$\xc8\xc6S)\xef\x18\x08\x8b\x13\xb12\xf6\xc9\x99p&lt;\xfe\xf8\xf1\xe3dr\x16\xdd\xa4g~|\xf5\xbc\xb7\x15\xa0\xbeo/\x8d\xdd\xfb\xc3\x97\xaf^&gt;{4\xf3\xf0\xfe}D\xfd\xeb\xcc\xa3\x01\x93\xc7\xe3\xe9\xec\x9c\x9fEX\xfc\xbe\x94\xf7j\xda\xbc\x0fj\xc5\xd2\x1ek&amp;c\xf5\x04\xa2&gt;\xb8\x9eB\x85\xc3\x01\x1fT\x1c\xc0\xee\xb5\x8e\xa1\xee\xb5\xdd\xbe\xf6\xe8\xc7\x99E\xf8\x10\x88g}w\xee\xc4}\x0f\x7f0]\xf1\x98:\xfb|\x16\x8e%\x84=)\xefc\xe0\xa7B,\x16\xcbz&lt;\x99\x8c=\x14\xcd\xf6\xfd\xe5\xbb\xdb\xafn\xdf~\xf9\xf2\xda\xcc\xe2b`&lt;\xbb\xf8\xe8F[\xef\xe6Xk\xe9\xc6\xa3\x99\x99\x87\x8bq_ \xbcx\xffN&lt;\xbex\xffa\xd8\x17\xb8b\xea\xf3\x98L\x8b\xd0E\x85p \xedW\x10\xe5"`-\xf6\xfd\x9bV\xf3{M#]\xe3xo\xce\xa5\x19\x8c\x17\xd9A&amp;s\xe8\xe0\x88\xde\xcc\x85v c\xeb\x8fQ\xf1\x17\xa3B\xab\xd5\x82T\xa36\x9a\xb8&amp;U\x89&amp;\xc4_Q\x13\x83\x9a&amp;\x1d\x02Y\x05i\x0ciK\xdd\xd3\xb2P\xban9Y\xa4-\xec\x86\x12z\xd8\x92^\x9d\xc2\xd2\xd0\x8bl\xe1\xfc\r\xe7\x99\xee\xfe\t\xb3\xef\xf8\xebB\xf4\xc3\xf3\xbc\xf3&lt;\xdf\xef\xfb\xbe\xf9&amp;(`]\x11\x9d\x96]\xbf&gt;779w\x03-f[\x95f\xab\xe2\x9e\xea\xf5&amp;/\xef\xed\x82\xeb/W\xca\xad\xac\xbb\xddn\xbf\x1e\x8f_\x8f_=\\^\xb6\xdb\x9d\xba,`]\xfb\xe6\xc9\x0bQ\xed\xab\xf4\xe5\xfb\xf9\xb5\xc4r\xab\xd5\xf2\xe43q\xdc\xe7C\xa0&lt;\xc8\x14\x8ai\x15\x82\xc4\x99p\xc0\xd3P[,\xbd\xc9\x1d\xf7\xfa\x91]\xd7\xe0%S7\x00zr\x0fn\xc7\xf1\xebW\x0f\x0bY\xa7\x1d\xa2\xb5x\xed\x1f\xef\xc5u\xd5\xd2\x7f\xbd\xb9vS\xc0\xd2Y3&lt;I\xfa\x94&gt;\xb4\xa6Fh\x9ceq\x1fM\xc7\xf9FQ"\xb3LY\xd4\xee\xc6\xae\x9b\xa7\x11\x18*\x85\xe9\x86\xc5b\xd9Q\xeb\xf5\xed\xec\x91\xd3i\x9f][[\xfc\xe6\x8d\xa8K6R\xe9\xd6/\x8b7\x13\x11\x08\x96?\xc9\xb38)\x97\x13\xb5qMo\xe6\x93\x0cA\xe2\xf18\xcb\xc6\x91)n\n\xe5\xcdZ\x9e\x8d\x93\xd0r0\x12\xf7iy\xf4+\xd6n\xc0\xb9\xee\x14\xb0\xee\xfc\xf7\xaa\x88\x1b\x07\xd2\xdb\xb7\xaf\xfc\xba\x96\x02\xac\xbc1\x9cdIb\xc5\xea\xd7\xfdx\xf0\xed\xb7\x07\x1bNc\x0c#p\xa1\xd5\xe0\x0e\x07\x17\xe7Y6I\x18bF*\x14\xc8\x05\xdcms\xc6\xcf\xe8\xb5\xe6\xb6[\xd7Z\x9f][\xbc\xf6\xe47\x11Cu\xe9\xdf\'_\xea/\xde\' \x89\xf9\x18\x1fg\x89\xeeq\xe5\xd6\xe3;\xf7\xee,\xfe\xe7\xcd/\x95\xa1\x95\x89\x03V\xd4\x00}\x9b$``r\xe3\xb0\xbc\xf1\xf8\xde\xe2\xbd{\xab\xd9\x8c\xd5o6\xb7w\xb3\x80us\xed\x9fo\xea\xe2mzJ\xa5\xbf\x1f\x1fo\xfe\xf6!\x91(\xb7\x8crHQw\x98\x9a\x8f&lt;\xfb9\x95H\xdc\xfb\xf2e\xf3\xf88\xca\xb2\xa4a\xbb\x04\xa2\x06\xf4(\xc3c\xb1\xe1\xf0\xe8\x8f7\xdf]\xfb\xf0\xf8\xc9\xe3e\'\xc5\x98\xcdn\xc8\xe2\xec\xfc\xda\x9d_\x85\xedk\xd1\xa4\xfcG\xff\x99\rX\x12\xe5\xa6\x11\xc3}\xc4\xca\xfd\xe1\xb1\x87z\xf6\xecH\x17pcrB\x8e\xb1\x04\x11\xed\nK%\x06\xb9&lt;,\'\xacF\xab\xd5\xfd4\x92J\xcd\xfe\xef\xc3|b\x08\xe1*6\xec\xeb\xb3\x89\xf9\'/\xea\'\'u\x91\xea&lt;`\xc9\xb5U\xd7\xf60\x01f\xacK\xba\xbc\xd1\xed\xae\x9c\x88\xab\xd5(\x8e\x0f0\x0c\xa7\xe3D4j\xb3\x812\rz\xb7A\xf7%\xf9d\x12\xf0\xa8\xec\xd3\xa79]k\x7f?\xcfh\xb5n{a#\x91\xf8\xee\x8f\xec\xfd\xee\xab\xba8\xf1\x92J\x1f\xc9\xcf\xfa\x1dU,\xd5\xf4\xdc\xbf\x0f\x0e\x11\x14\xb3\r\xc3A\x00*\x83\x86\x01A\xb2,\x06\xba\xbet\xf7\xd3\xa7O^\x0c\x942\x93\x0ccg\x18I\xb2\xfaZ\x91a trV[\xd4\x156\xe6S\xc7\xf7m\x06\x9b\xe7\xd1\x15\xb1\xb0\x0433E\x0e\x9by\xf8]0&lt;\x82\x15S"\x88\x03\xfc\xab\x92V\xc2t/\xc1\xb8\x1b\x04\xe5\x0c\x12^\x8e1\xc9\x01\x18W\xdcE\xd3,F\x00&amp;\xc6\xc7\x8b\xd9\xf5B\xe2\xd8\xe0\xe2\xb41\x9dH\x15Uz\xe9\x11\x81\xabF4\x9e\xcf{\xacr\x837\x08\xc6\xd0\x01\xc2\x14.ap \xe3\r\x86\xd2v\xe9Sz\xc9\x0b7b\xd4\x00/P2\xfa4\x87H\xe2,\xcf\x841\x82\xe5\x03\xeb\x85r\x94\xae\xa2\x19\xdb\xaexI$\\\xbd^\x9c\xf5x\x8c10\xae.\xa5p\x81^V(T\x08\xf8i\x01\xeb+U:\x1d4\x80\x173xq\x9c\x18\xf4\x05E=5-\xa1q0eL\x98r\x16\x9a$\x82\x9efl\xe3-\xb1*W\x9d\x0fZ\x16P\x02\xb0\xfcX\xf4O_\xb1\x04qB\xc0C#t\x10|"P\x05\xd3\x13\x13K.R\xb0\x90\x84\x8f\xeeC\n9\x00\x83.\xc4\xf5\x19\xb9&lt;\x13\xf2\xb4Z&lt;::g\xce\xc6\xa2\xa9\xe6\xad\xb1\xd7$\x8b\xda\x00\x0b,\x0f\xe1SB\x8c\x96\x1ci\x97\xd2\xc1\xc1\xc42@e\x88\x1a\x82\xe9%\xb0\x19t\x1fnJ\x0c#\x01I\xa9TrB\x8aU\x8aj\x1c\xcb\x84(\xdd\xba\x93\xd7\x8e\xceO??\x17\r\xeb\xf6s\xb2\xa3\xec\xaex&lt;\xban7J\xb0\x10.\xf0]i\xc1{\x05qp\x8a^\x837\xbd4!\xac#\xa9\xb8&gt;\xd8i\x92\x84\x89\xa5\xe4\xe0K\xdc\xd2\x84\xe9\xbaL\xc2\x87\x01\xcb\xe9\xcc\x08X\x83\x8f\xa2-$]\xbd\xc05\xae\xae\xcd\xe34\x1am\x06h\xcd.!\x8b\x13\x9a\x89%\x95\x03W\xaa\\%C\x10B5\x03&amp;\xa3\xc3q\x1c\x8e\x91&gt;\x9f\x90\xc1\xaf+\xe1\x9cB&amp;Sk\x93\x19\xcac\xb7[\x07\xd5\xd1i\xad.Z\xf7\xb9\xf2\x08\xed\xe0]\x03\xe5\x84$b\x18\x0bX*aUybf\xce\xc4q\x8e\xbb%/Pi\x0e\x17\x16\x164\x1c\x87\xf4\x07\x18]\x854+&amp;\x84\x15\x1c\xd5DU\xa2\x05\x9dA\xe9t\x80\xd5\x19\x9d^\x88\xb7y\'\xad\x8f;\xa5\x95x\xb8e\xb4\xc9\xc3\x0c\x89\xe3\xb4B33\x07O\xcdR\xda\xe1*\xddui\xe6f\x0e\x1f&lt;x\xb00\xc3)\xab\xd5\xf8Y\x1c\xe18\x93\xb0b\xa9\xd1\x98LS&gt;\x96a\x18\xc8\xe2\x91|\xd0\xa9\x8e\xeb"\xea\xad\xad\x13\xee\xb3\x8dv\xb7br,\xe4f]t\xa7\x07\xb1\x81\xffu\xdd\rB\xd9r9T3\x0b\xef\xbe\x8e^u\x07\x12\xc5\xc2\x84W\xcc\t\x8e\xf6\xb0\xd7\xeb\xd1Z&amp;\xc3d(].yV\xdd\x11o\xc2\x0b\x93\xeb\xa3w\xc5\xd6\xdf,\xc4\xfc!*\x8c\xe3\x88\xe9p\x01.\x85\xabT\xe2TJ\x87F\xa3R\xcc\xbd\xbbx\xf7\xee\xe2\xe2{\xd9T\xb5:\xea#&gt;Ri:\x14\xd2\xba0i\xe9\xa0\x7fai\xcf\xde\xee}\x14\xf5\x18\xd0\xa3\xe8\xcaJ\x94*X\xfd\xfe\x10\x03\x85K\x06\xb1\x9a\x9bslw}\x9a\x0e\x87\x98\xccv\x9d\xf9\xf0\xcfh\x99\x1bh\xa7*\xd9\xa9\x92\x06\xcetx\x19\x9c\xe3\xf7\x16\x19\xca\x842\x99\x90=\x87\x0e\xce-/E\xdd}\xad\xeb\xa1\x15Z+\x94\xdf\x1f\x862\xef\xe8\x81\xb1\x9fQ\x18\xba\xb8B\xd3\xa9\xc6\xad\xfb\xfb\xc3\xa6\xf62L.K\xa6\x9c\xda\x0f\x8d\xd4\xbd\x9e\x9a\xf0\xaa\xe6._~\xf0\x17V\x00\xb06\xb5g\x9fd//\x89\xbaq\xf7&lt;\xe9K\xc7\x00+\xec\xc6\xc8\xb4\xcatcB\xe5\xdb\xb6\xd1\x1a\rt N\x1e#U\x86\xb3\x9dI\x8b\xc5\xec\xd6\xfa\x87\xc7\xe6\xaa\xa9\'C\x08\x12\xe9\t\x8e\xd6\xb2#\xe1\x05\xac\xd5\x1c\xdb\xfd\x8c\xd6E5&gt;W.x6M\tX\xe10\x99V\x98T\x0e\x9f\xbf+1!\x9c\n*U\xa7\xc6\xe0\xfd\xc1@\xab5\x9bk\xb5\xa2Y?\xaaV;\x9d\xdet\xb4D\xcb\x0e\x05,4\x19\x084\x02\xabY\xdal&gt;\x11\xf9\xe4[}\x8c;B\x15\n\x9a[\x98t\x01\x96\x12\xb3\xaaMU5\xcaB\xa9l\xd8[\xce\x00\xbcg\xf4\xb5\xcdu{`\xb7\x8d\x8eF\x9d\xde\x9e\xdao\xa3e{\x9325\xaa\xcde\x03\x81U\xcaW\x1c\x8b}\xa2\xe5\xca\x89D\xe5.P\xa1\x10`)\'\x14q\xc6\x98\xa9\xa9Q\x9e\x81&gt;\xd9\x8cD"\xb7*\xce@\xd1\xfc\xea\xa8\x12\xa9\x14Z\xd9\x00c\x1eIjc\xbdQ\x8e\xaa\xf7\xa0\xc8\x9b7\x03\x81\xdcA\xc3\xd7&gt;\x11\xfb\xe0\x88\xf4\xc2\xe7h\xac\x86\x1a\xd9,`\xa9\x90\xb8\x9f\xd2\xd7\xcc\x94\xae\xb9_nFn\xa5\x12\xa9[7\x97\xb3\xa1\xca-\x18\xcb\xe5B\xcb\xa9\x0b\xed\xba\xdb\xb5v\xde\x8f\xca\xf6\xd4\xa8\xfb+\x96\x19y\xfdR\xecS\x82\xd2\x8b\xb8\xb2Q\x08\x85\xb3T\x98\xf0MO!a\xb7\xbe}T\xde\x8fD\xca\xfb)\xb0@\x89D\xaa\x1c:\xcdG\x84\x0f\xb3\xcb\x95V\xa5\xdcr\xdawk\x81&lt;\xaf\x9e\xda\xd17r\xd9\xdc\xd3\x03\xb3\xe4dK\xecS6\xd2\xba\xdeU\\\xa5\xdc\r*L\xfa\xa6oH\xdc\xaf\x02\x85\r07CO~?\xb5?\x1c\xfaO\xf1~\x87;\x8d5S\xa9T\xa4\xdc,\x03oy}s\xb3BI\xa6\xa7\xe3\xee\\.ptP\xd4\xfe\rXW?\xea\x1b\x07T\xa3\xd1\xc8\xf0\x10-\xed\xeen\x0b\xa0\xc0\xd5\xf4O\xbb+g\xfd\x1f~\xfa\t\x1e0\xdeZ\xf3\x1ec(\xe3),GR\x91\xcaQ\xa5\xac\x95M\xeb7s\xb9\xdc\xc3U\xbd\xf6\xf9\xd6%\xd1\xc7\xed\xfa\xef?\xeb\x1anw#I#j\xfdn\xa0\x02\xa1b\xf0\xc1\xf9\xf9\xdb\xb7\x1d\x01\xe8\x07\x18\xf0\xda\xa9\x8eF\xfd\xf3A&amp;W\x86\t\xb7q\x10)\xee\xa8\xdb\x9b\x81\xdc\xd3\x87\xab5\xfd\xc9\xdfq0\xf6\xff\xbc\x9c\x8fO\x93w\x1e\xc7\xe7h3X\xd3@%\xa1m\x88\xb5;\xa2\xd3gb5\xa9d\xd7\x1f\xcf)\x95\xf0\xa4\x17JN\x856\x90\x86\xd2\x80\'H\xd3\xac-\xb5\xeb\xb5\x01\x1eh\x1f\x1c%m\xc3-\xd0\x99\xd3\xd4\xad\xa5\xc4\xb3UQ\xca\x94\x15(\xa7\x86\x1f\xee\xa27\xea\xcd;\xc0\x1fg\xa6Sr\xc9e80\xf3\xbc\xcf\xf7\xd1\xfd\x01\xb7\xf1\xec\xd3\xa6\x14\xd2\x84W\xde\x9f\xcf\xf3\xf9~\x9f&gt;\x9f\xf7\xc3\xebJ\xa8u\x1a\x8d\xc6P\xb5%\x1f\xd7\xa9\xbd\xf6\x813\xb0\xffz8?\x7f\x7fm\x16!\x9d\x9f\x9d\x85\xe7\xec\x83\x077\xe6\xe7\xcb\xcbe\xd6\xb6\x96\x9a\x16\xe3\x80\x05\x93\xfa(\x90+\x9a\x99\xba\xd8\xc5\xc0\xdc"\x8f\xd7\xf5\x82\xb4\x82\\\x86\xc6\\&gt;\x16t\xb4\xcb%_\x1ci\xae\tJ\xa7GG/\x8e\x02\xcf\xec\xda\x1a ALQ\x95\xdd\xb0\x1e\x1d\xeb\xeen\xafo\xb3`X0a\xd3Q\xd1\x17\x97\xc7\x18\x99\xa6\xe4\x9d}A"\xb54}\xa5\xa2C\xb8Z\x87c\x9b\xcb\x07\xb4O\xa6G\x16\x16\xba\x16\x1e\x0f\xc2\xf6aap\xe1\xe2\xe0\xc2\xf4\xc8\xf4\xb7\x7f\x13\xb7\x9c)3\xe0i\xb5C\x83\xa7\x11\x15\x15\xfd\x86\xa9\xe9y\xc5\x13\x07\xa8\xe5\xd6\x18\xdc"&gt;\x86O\x04\xf8\xb9\xdb?\xf8Puqaap\xec\xf2\xe5\xb1\xae\xae\xc1\xae\xb1\xae\xc1\xcb#\x0b#w\xff\xe9?\xf3\xe1\xe9&gt;\xbc\xb33\xa8\x91\xe2T\xdcFQT\xf2\x16S\x93\xa7\xbc[N\xab\xc7\x13t{&lt;R.\x86M\x04D\xfc-\xef&gt;|x\x7f\xf6\xfc\xcc\xcb\xbf&gt;\xbe\xdc\xd5\x05\xcf\xaek#\xd7\xa6\xa7\',\xe5\xe5\xf3%\\\xdc7\xd1\x89a\xbeD\x1c\xd4\xb2%\xaf15I\xc9\x1bIA\xcd\xbbU2\x99[\x8au\xfa:;E[\xb6\xff\xf6\x83\x87\xf7\x9fC\xdc;\xff\xf2\xf1\xe3A\xc8\xe0\x9fg\x9e\xaf\xdd\x7fX\xde\xf0\x80\xdb\x89\xc3G&amp;:\xa9H"N\xa5\xe3\x0cb\x8d]wD&lt;n\xb7[\xe3\xf1\xb8\xf1\xa0o\x02\xe3o\xafx\xf7\xfe\xe9\xb5\xd9\xcf\xef\xd113\x03/\xcf\x9f\xaf\xcd\x9f\x9e\xbf1\nTA\xdf\xd4T:\x12O$\xa8D\xf4z\x17S.\x03\x9e\xe2I\x98\xb4\xea\xac\x1e\x9d\xcej\xa3\x82\xe9\xa9\x80\xa8\xa4\xa4\xb7\xe2\xe4\xda\xda\xf9\x973\xf7\xe0Ac\xcd\x9c_\x83\xa3q\x14W\xf9\xd2T\x02dJE\x12\x14,=\xdf\x1c\x7f\x83\xa1\xe0\xf1\xaee\x1c\x84:b\x8bD\xc9\x88\xcdF\xa5q\xa1\xb0c\xdf\xbe\xde\x8aYT^4\xd6\xcc\xcc\xcb\x97\xa8s!\xad|\xe9D&lt;\x91JF\xe3q[$\x99\xb9\xc5\x98\xc7 \x07\xb2h$\xd5\x00\x15\x8dFl\xf1\x04\x15Tq\xf9\xbd\x1d\'&gt;=\xd1\x0b\xdd\xf4\x1e\xf4\xf8\x19x@K\x1d\r\x04\x00+\x9dN\xa5\x92\xa1L2\x15\x8f$C\x90C\xc6f\xd3y\x8a[F\xaf\x93t\x92\x84:\x1aM%\xd2&gt;\x9fP\xc4\xef\xe8=\xb1\x1fN\xbb&gt;G}\x1e\xad\x8c\xbd\x1d\x81@\x00}\xeb\x9dH\xa5R\x99P&amp;\x93LFC\xfe\'\xc7\x99s\x18\xc0\xe9\xb5\xc9\xe45\x86\xa3\xa4\xda\x19v\xa6\x12\x14\x15\x14Vttt\xc0\xb2755\x05m\n\xc7\xf1)\x9f\x0f\x17\x02\x14EA\x02\x93!?pe2\xfe\xbf\x8c0\xe8{\x00,\x87\xc9\x8f\x04\x0b{\xbd\x80\x15O\xd9\xdc\xc2\x8a\x8a-\xbd*9\x11\x89:Qn\t"\x12\xec\xe4\xaa&lt;\xb6H*\x99\xc9\x84B\xa1p(\x03lL\x8a\x85\xb0\x08\xa3\xc9h4z\xbda\xa3\x17\xfeg\xcaF\xb9\xa5\'\xb7\xf4J\xcb*I\x87\xdd\xdb\xd6\xd6\x0e\xbbz,\xc0u\xeb\xd4$R\xca\x1f\n\x03\x94\xdf\x9f\xb9\xc5\xa4I\x04\xb0\xe4\xddZ\x13Py\xbd&amp;\x97\xd2\xac\rGm\x94\xec\xc6hG@\xea!\xda\xeb\xed\xf6\x81nB\xe2\xc6:\x84A*\x9e\x0c\xc7\xcc1?\x92*\x06Xw\x994\x89 \xb5\xf6\xb6\xb9\x10\x97\xd1d\x16\x08\xcc\xae\x9ap\xdc\x17TI1aP\r\x1bR{\xb7U\x17T\xe1\xb8\x1b\xa8B\xae\xc3\x82~\x7f\x08\xb4\x8a\xc5\xfc\xd1\xe9=\x0c\'\xb1Ln\xa7\xf5\xd2\x02\x96@\x8c\x04\x8bR\xc1\xa0F\xdef\xaf\x1f\xa8\xef!t*\\\x15\xa4la\x13P!,\x80\x8a\xc5\x9c\x91i\x05\xb3X\xf2O\xaa\x1dZ\x93\xc9h\x8a\x99Y,6\x07\xb8La\xd2\xeb \x1c V\xbd\xd1I\xa4}\xc1 \xf4t\xad\xcb\xccf\xb3\x0e\xc7B\xfe\xfe\xfe\x98\x97$~\x01,\x90\xab\xc6or\tXl\x16\x1a\xcb3i\xb5\xda\x168)\xb3{k\xbcNg4\xe2 \xbdF\xad\x18]/\xcf\x06\xb9b\xfd1\xbf\x93T?\xa9c\x16k\xef\'\r\r=&amp;\x97\xd6%Fc\xe7,\x8eXin\x86p\xb9\x8e\x98\xb455&amp;4\xa2n\xd4\xba\x94\x1c6=e\xda\x0f\x19\xf4\x87I5\x01X\x8c\xb6\xd3\xb2\xf2\x86\xb2J\x07\xba6\x88f\xceY\x05\x1c\x0e\x9a\xe2W\x9a\x01\xb4Y\t\xd1|\x04\x0eQ1\x9a\xe3\xcff\xb1 \x8b\xb1P\xd8I\xca\x89o\x8f3\x8cU\xdd \xa9\xeci7i\x95,\xb6\x80\xb62\x08\x04\x1c\xc0q\x99\xc5b\xda\xf8`6+\xc5\xf4L\x14r\x9bB\x8b\x08;\t\x82P3\x8d%//l\x90W\xaa\xdb\xb5bz\xbe\x88\xf5\x16]\xf8 \x98\x98\x83\xfc\x18\x1c%\xa2\xa3\xado4\x96\xdf\t\x0b\xa8\xfc\x97\xc0\xaa\xae.\x93T\xaa\xedb\x94Cd\xb9\xcb\xce\x06\xbd\xe0\x97\x026[P Pr\n\x04\x02\x16m\x87e\xb1\x0fk\xc3\xa4\xc3\xd1S)\x97O\x8d1\x8cUX\xddP\rX\x0e\xad\xb8\xe0\xb5\x9b\x93\x8d\xfc\x03h\x1a\xf10\x9b6\x86 ^\xda\xa5\xcbr\xc1\xeaI\x92j\xb9\\\x9e\x98\x1b\xceal\xbf\xf5F\xdd\xdd\xbd\x85\x10\x16\x89\x9chw\x999\xafmY\x02\xd6\xeb\x9f\x05o\x01\x13-"2r\xb1\x94&amp;\xa7\x93 IB"\x91D\x7f\x98\x1cfl/?|\xe5\xfa\xde\xeaM\xbf\xd9d0\xe8\xd1\x84\xbe\x92v?!\x83$\xc2@\x92\x81T\xd94$\x1b\x19}L\xedj\xa8v\xc2*\xd1K\x88\xe5\xaf\x18\xe2\x02\xaa\xc9\xa5\xff\xd2XE\xb2B\xbdD\xee8\xd2,f\xbd\xb2)\x02\x1eJ\xe1\x8fR\xa1cApX\x0b;Y\xc2\nPz\x8bD\xbdZ\xfb\xd5\xf7\xc3\x0c\xac\xd7&lt;\xde\xd9\xc9\xa5\xe5\x18\x1a{(\xdaZ\xb4\xc9\xa2\xd7\xcb\x1dmG8\xec\xd7\xce6`a\xd3\x99{\xd5\x1bX\xb0\x8c\x1b\x1d\x11\xabU/\xd1[,\x80\xd5\xbf\xbc\xe3\xe6\xe4\xf0\xba\x9b:y\xbc\x8f\x16\x97VW\xec\x08k\xeb\xd6\xadE2\x83\xc1\xe2\x91\xb4i\x91k\x80\xce\xdf\xab\x14\xbe**\x96\x80\x03P\x0e\xb5U\xa3\x07\xa9d2\x8b\x840\xaf\xe6e\xdd\xbcR\x97\xb3\xde\xc7\xe0\xf8\x9d\xbc\xe2\x95\xe6\xee\xcar\xa4\xd6\xe6\xad\xa5\xa5}MM2\xbd\xba\xbe\xb9 [@\x9b\x8c\xe8\x04"\xbb\x05\x9b-v\xc1\xf2H\x10\xe8{\x14\x99\x1b&gt;\x86\xb0V\x8a\xb3v\xdf\xbc\xb4\xbe+v\x8eb\xe8i^^\xed\xca@weu!\xa8\xb5\xb9\xb1\xb1\n\xc0\xfa\x9a\xca\xe4\xa4V\x89\xda)\xb2\xba\xa1~\xaa4+\x9bk\xa0)\x90Q\x9bU\xef\x91\xb9U*\x15\x8d\xe5Z\xa9\xcd\xda\xfd\xcew\xe3\xebX\xf6\xbc\x1c\xc5\xf8\xd3\xe2&lt;Pk\xe0\x8b\xca\x06\xc0B\x13\xd6\'\x1b\x9b\x1a\x1b\x1b\x9b4\x1akO\xbbVk\xb2\xb7\xd9[Zj\xecv\xaf\xd1HZ\xe1\x1cR\x97\xd0y\xdc\xaa&gt;\xa9TJc\xc9k\x00kg\xd6\xae\xef\xcf\xae\xdb}"x&lt;\xc5\xf8\x7f\x8a\xb7\x01\xd6\xea\xc01\x1a\xab\xb4\xb1\xaa\xaa\n\xa0\x1a\xabJ\xfa@\x0f\x9c\xb2i\x00O\xdeSi\x95[#68\xe7\xf6\x045n\xb7\n\x97J\xe1\xd9\x87jK^\x8f\xd4\xda\xb0\xfb3\xe0Z\x9f\xbe\x9a\xc3S\\\xfan\x17\xc2\xda\xf6\nk\x13\x8d\x85\x1c3\xc2\xaa*\xa1\xb0Q*\xe4r1\xae\x14\xd2\xe5\x86\x08B\x00\x93[%\x95\n\x85R\xa1\x14]\xe3\x04,;\xaa\xad\rY\xad\x9f\xfd\xfdv\xddz\x8c\xd9\xf0\x14W\x17\xbfl\xa5\xb1\xf2\x96M\x08\xab\xb0\x08aqssKJ\xb8\\!\x04W\xc8\x15a\xf0\xc2\x15\xe2\xaa\x1fC\x8a\xe3\x9d\xf07!\xe4\xb0\xc9\x00Xm+yY\xbbwd\xb5\xb6~\xf9lrh\xf8g\xdb`s\x14\x7f\x98\x9b{z\xee\x02\x8dU\x1b;\x06%\x8f\xb2\x08b!\xac\\\x91\x08`0Q&gt;\x9f\xcf\xe7\xc2{!\x92H(\x84\xb3X\x80\x12a\xf0\x16\x89\x85\xb0\xdaW\xdf\xcez\xe7\xcd\x9d\xad\xadwn\xcf=zt\xfb#\xc5\xcf\xaa\xb1=u\xc3g\xeb\x14\x8b\x17\xce\xe5A\xc9\x1f(^\xed\xde[]\x08\x8dk3\xbaH\x9eK\x87H$\xe2\x8b\xf2?\xce\xdf\x07d"\x0c\x02\x12\n\xe7\xd7\x18&amp;B\n\xd2T\x06\xbdD\xd2\xbe\xba!\xebwo\xef\x02\xac\xb9\xa1\xabs\x8b\x8bs\x7fR@\x91\xfdD2^\x1d@\r=\xfa\xfaB\xeb\x86\xda&lt;:\x8b\x80%+*-\xad\xa2\xe5\xa2\x83\x9f\x7f\xe8 D&gt;R\x0c\xc0\x02\xf9\x81ND\x87\x05\x00KZ\n\x05o\xb0X\xf4\x12\xefrV\xd6\x86\xbc\x0b\xad\xadK?\xdc\xb92&gt;\xf4\xefg\xcf\x1e\x8d+~\xda\xed[x{\x14\n\xc5\xd9\xc9\x7f\x9dZ\xde\xf9\xfe\xae\xda\x03\x07\xb6\xe5\xd5\xae\xd2X\x90D!\x94\xbc(WDs\x1d:\xb8\xf1\xd3\xa3\xbf?\xf8\xebC\x07\xf7\xef\xdf\xff\xf1\xfe\xfc\x00\x10\x81h\x18\x1c\rt\xd35\xe8\xf5\x12\xff\xb6\xf7\xde{s\xc7\xb9?^X&gt;U\xfc\x8f;\x97\xae\x02\xd8\xd7\x8bC\xc3\xff\xf7\xfdnrh\xa8\xba\xf1\xc5\xa5\xdaS\xcbK\xefC\x16\x0f\x1c\x00\xb9\x1c\x85\x06\xa4\x16\xb4\x06.@q\x81\x8b\xcf\xdfwp\xe3\xd1_m\xdc\xb8\xf1\xe8\xff(9\x9f\xd0\xb6\xf9;\x8cG\x12\x08&amp;T\xaa\xda\x12\xe65&amp;\xa0N\x01\xed\xd5\x1f$\xf1\xa6vG\x18\xe4\xc5\xe8$6\xa4\xe4\xdd\xc5\x9e\xd2\xcbK\x18\xbdm\xe4$\xdeS\x0f/\x98\x1d\x02\x8d}\xb2I\xc7^\x06\x86\x99\x85\xe4\xf5.\x1es\xbd.\xb7`\xe6aH\x1cCr\xc9\xa1t\x81\x92\xa4\xb4\x87\xa4e\xcfWn\xc6`{\xd9\xf6#I\xd3\xe0:\x1f?\xcf\xf3}\xber\xeb&amp;s\xff~\xa6\\\xafonn~z\x87\xcel\x0e!\xd7\xcf~\xf2\xc1d\xbc\xc0\xdd(]\xbc}{c\x05\xc3A\xbb\xbf\x7f\xf0\xf2\xedI\xb7\xb5\xf6\x7fI\x96B\xed\xf5\x07C\xfdt\xf2\xf2o\'\xbb%\x1bX\x91\xa4\x7f\xf8\xe9\x0f\x7f\xfe\xf4\xf3Y\xe4\xe7s9\xfa\xb0\x0c\xb5\xee?\xce\xac\x97WV\xc0\x94\xcdf7?\x9dQ\x11\xd6gO\x9f~\xf5\xe8\xc7\xbf\xf8\xb5ex\xac\xb0\xbb\xb5q\x94$\x87/\'S\xe6\xbc\xd7N\x92\xfd\xd7\x08Y\x82\xb9\x9c\xfb\xdfv\xf8\xbd\xc5\xc5\xc5\xa5Z\xf7\xe4\xcc\x92&amp;\xaf\xf7\x9b\xcd\xfd\xe3\xe2L.a\xfb\xb7\xdf\x7f\x9a\x8aE\xee\x01\xeb\xc1|.[\xa6l\xad\xacfs\x94\xfey2\x90:\x03\xe7\x8b\xcf\xe0"a\xfd\xf2\x03\xa8\x02s\xa3\xb41\xd8O\x08\xe7\x9c\x9d\x1e\x03\xac\x99\x1c\x1e\x0c\x0e\x0e\xe9g\x04\xfdw\xc9\xe0\xdf\xe2R\xabw&lt;\xadl\xdf\xbc\x04T\xad\x93\x0cv\xf3$\x97.\t\x1f\x1e\x11\xd4\x834\xf1\xf4B\xa8;wh\x0e)\xef\x0b\xb9\\6\xfd\xc2\x9d\x19\x14\xb5\xd6\x97\xf4/\xc5_=\xfa+k\xb0\xacdo\x94F7\xe7\x83v\xab\x95\xec\x0f\xce\xbc\xf1\xf9\xa0\xdfl\xf6\xf7\xdb\x07\xbdn\x9f$\xfb\xce\x9c\xa5Z\xde\xbb\xb7\xb8\x97\x0c\xce\xa7B\xe5\xe6\xe4\xb0\t\xaa\xfe`rj\x17wL+\xd2#A\xfa\xcb\xe7\xa8\xf5y\xc4=w\xf7\x07\x0b\x0bw\xa9K\xe1&amp;\xcd\xe3\xea\xeal\x1e\xe7\xffi"\x15\x17\xf6\xcf\x9fNC\x96\r\xd8\x9d\xd2\xc6\xf6\xb6.\r\x8f\xba-Xy&lt;e\xb8\x8bw\xdd\x04\x9f\xb7\xfa\xdd\xeeas\xed\xbb\xf2\xff\xbd\xc5%\xf4\xefR\xa7\xfdnh\xe9g\x93\x97\x7f\xa85\x93Z2\x18FV\xc5j\xe4w#]\x8f$\xcf\xfa\xfd\x17\x9f\xdcI\xb5Y\xc8\xd1K\xcb(^\x00\xca\xac\xaf\xaf\x93\x95\xe4%a\xe1\xedA*\xdb\x93O\xbe&gt;-x\xc0RK[\xf6\xf6\xb6$\t\xc1\xf8\x88\x825\x18r\xa11z\x03/k{k\x9d\xa4}\xb8\xdf\xf9O\xd7=\xf7\x16\xd7:\x1d\xcc^\xefx\xacW&amp;\'\x07\xcdN\xad\xd9i\xf5\xce\x05\xc1\x14\xa4\nS\xdcpu\x9c &lt;\xfd\x1a\x1d\x9a[^\x06\xd2\xea*\xbd\xe2\x00\r\xb1\x8eA\x04X\xe66c\x90\n\xab\t=\x8f\x02\xfb\xd5\x8d\x0c\x0b\x03a\xb7\x94\x97\xb6+\x11\xee\xce\xf3.zI\xab\xd5~9d\x0c\x83\xbb\xb8\x1ct\xfb\xb5\xbd\xa5\xbd$i\xee\xfd\xdb\xff\x12\xbc\xb7V\xfbcg\xaf}4&lt;\xc5\xec\x1d\xec7k\xb5Z\xa7\xd6=\x9e\xb2\x0cc\n\x82\xae7\xf2;\x02q\t\xe1\xd9\x9f\x17\xb2\xd9\xd5lv9\x0b,p-\xa7X\xf4\xb6\x9e\xd6\xea\xfc&amp;\x04KCG3\xf9\xa3k9\x84\x83\x01W\xca\xfb\x15P\x99&amp;\xc3p\xea\xe8\xa8_k%\xed\xc1\xf1\x98\xf5&lt;utq\xf9\xae\xd7n\xad\xad\xed\xad-\xfd\xeb\xdf\x84\xd1\x0f\xcdY\xdb#\xa8\xb3\xb7\xaf\x0f\x81\xd4lu:\tt\x03\x14\xb0\xc0\x15q\xc5\x92\x13\x91\x8f\xe0z\xb1R^A\x96\xc0\xf5\xf0\xe12\xa9\x05\x0fW\x1f\xae\x90ZT\x10\x88~\x8e^\xb8^G\xb3&gt;\xb9\x96\x0b\xa0B;\x94\x14\xc9\x12\x84\xf4\x0e9\xd7\xb6!X\r\xa3\xd8\x1e\x9c\x0c\xa7\x9e\xe7\x85\xa3\xd1\x1b\x84n\x0f\xbd\xb4t{A\x85\x96Z\\\xabu/)O\xc4\x84\xf7~\xf7\xe8b\xea1&amp;\xc3ak\x98\xa6\xc9\n|&gt;\xcf\x04\x01\xda\x8b-\x9c\xbdG\xa3C\x1b\xc8\xb4\n3\x97\x97\x89q\x15\'K\x99\xa7\x8f\xd9MP\xd57\xb3O\xae5\xd9\x0b \x96\x9aW\x8c\x00\xf7c\x12\x15\xa7\xda\xb6\x8aX%\xb5\x16N\x1f\xdb\xfb\xf8|8\x1e\xc9\x0e\xc8\x10\xb4\xdb:_\xc4\xec\xf5\x8e\xcfP\x07\xc8S+e\x1a\xb2\xac\xc1\xa5\x8f,\xc5\x82d\x8c\xb2UeY`E\xa66}\xbf\x9eY\xffM\xa6\x8cD\x01h!\xa5\xc9-\xa7c\x08\x7f\xeb\x08\xd8f\xb6\x8er}~\xcdkl\x00,V)\x16\xb6-r\x90\xa3\x03\xb5l\xd7P\x91\xf7\x16\xc8j\x1d|\xdb\xfd\xc3\x83\xa3\x0bJ:\xc4\x8c\x00\x00\x06\x80IDAT[&amp;\xd8\x99{`\xea\xa6\xee\xa5\x81\xea\xb7{G\xc3i\xe0\x19\xae\x9b\xf2\xa4X\x0c#HlA\xc9\xab\xc8n\x14\x05\x9e\xc6]\xd53\xe52\xf2\x84\xb5\x03\xc5rw\xd3&amp;\xa5CcY^\xa9\xe3\x94\xeb/&amp;\xb1\xe6\x11\x95W\xc8W+X\x87\x96%\x99\x9c\xaa\xaa\xae\xed\xdbn\x18\x1a\xee\xc5e\xaf\xddoQ\x8e\t\rY\x1b\x15\xfc7\xe9\xb5g\xab7KTB\xbd\t\xbe\xf1\x94eY\xfa\xc3n\xca\x03,\x831\x04\x8b\x8be&gt;\xbf\x8b)\n\xa2 \xf0\\\xf7\xfa9\xf6\r\xb6 \xf6 \xc0r\xb3K\x1c\xc8\xb6Z&amp;\r\xcbD\xf5~\xccc\x08\x01e\x18\x8d\xbc\x16\x04z Y\xe8\x1a\x89\xc4\xf2}[\rU_DG\\\\\x1e\xbd\xebuA\xd7\xc1\x14t\x8f\xb9\xc2\xdcR\x07\x11\x1aON\xc0\xd4l\xb6\xda\x83\xf31\xc3\xb1,c\xce\xb0\xd4\x99\x87\x1c&amp;\xb0\xc2T\xabU\x1ery\xb4F\xf0\xf8C\xed\xec}=\x93\xa1\x97Ga!fV\x96\x97\ti\x85\x16\xd1\x0c\xab\\\xbf\x1a\xc52n\xed\x19aAU\xaar\xac48A\x8a\x18N\xb0\x04\xce\xc7qU\xd5\xf7U\x953]\x9b\x9b\x8eG\x17o\xdeu\xb1\x00\x92\x83\xe3\xb9\xee\xe5x|N[/I\xda\xbd\xcb\xb1\xe9A"0\xb1\xc2L-\x83\xa8L]\x02)\x0f,\xc6+:\x06\xa4\xc7\xd6\r\x82P\xe4\xae_@-\xe2\x82`+i\xd0&gt;\x1ep\x96_M\xc4X\x0bi\xc6dM\xd3\xaaa\xac\xec\x14\x8b\xd5F\xe8c\x8dU*\xac\x0b.\xd2LV\x19\xd3\xf5]\x08`\xa8\xe2\xe8\x12\xad\xdfj\xcdMO\xdf\x1e$\xe8r0\rMd\x1c\xf2\x02\x8b\xc6\x18\x0fEUCDJ2UQ\xe4\xe3Fls\x92\x15\xee\xaa\x85\x02\xc0\x10\xb1\xc0+h\xd3\xabo\x9f\xa5X3/\xf1\x9e\xfe\x9ay\xfc\xb8~5\x8ey\xb9`@)M\x145\x91\xc5\x9ap\xb8\xb8X*\xba\r\x85\x91\xacJ\xc4\xf9\x8e\xef;\x8e\x86\xb8\x86\xbeM)v\x9d\x86f\x13\xd8\xdc\tz\xb3\xd9\x07\x13\xf2\xe4q\xe9\xe0r\xa6\x10\x08\x86k\xbb\xae\xcaZ\x15\x9dkT\x1dM\x13cE\x93|F\xd7U\x97\xb0\n\x86\x07+Y\xa3\xa0\x9e\x11\x18Xn\xd1\x1e\xd3\x95\xd7\xb3\xcc\xab\x89\xc6\x8bt\xcbP\x16y^\x14Y=\xe2J\x8ee\x16\x8b\xf9|\xbe\x94W\\\xc1\xf6Y\xd5q\x1c^t\xbd\x88\\\x04\x96\xea4\x1c\x87\x14\x9b\x03\x14\x02\x05&amp;\x13\x02\xa5s\xeb2\x82\x1e\xb1\xaa\xef\xb8R\xa5\xa2\x1b\xb1\xa2\xc4\xbe/\xf2U\xc5a4\t\xcf3\xcc\x02\x1d5U\x0c\xa9\x91\xe5q\nv+\x19\xf4z\xf6\xf8\xd5d\x14\xf3\x9a\x8c\xdb\xc9\x1a\xa8x\xde\xb0$Vh\x14\x9d*a\x95J[\xa5|U\xb3+\xdb&amp;8\x90\xfc(b\xd2\x18\xe3\x9b:N#\x96Gs\xfbTP&amp;|\x83q&amp;ie\xab\x8c`\xe9\x8c\xed\n\x15\x0b\xb1\x8e\xabJU3U&gt;\xae\x16}\\?H\x02n\x16\xaa\x85\x19\x9aa`\xc4\n\x1a\xc0\xfe\xfeQ\xad\xd4C@\xf11/j2e\x8a\xa0\xf8\x10\xfbY\x90\x98"\x1d`)\xae\x93G\xca\x18\xecm\x97w\x1c\xdb\x04\x17U$l\x85\\\x8e&amp;\xcf\x1d\xa3\xa0\xf0{,\x17A\xc0J@\x99\xa8FP\x89LS\x8f\x0c\xdc-DRba\x9b\x89\x1b\x8a"XxRf\xb2\x945\x92A&amp;5Bd\'t5yz\xfd\xeaw\x84U.\x7f{5)\xf0\xb1H\x07\x99J\xa5\xd2\x0c\x16\xd5\x07.\xb7\x9armU\x05!.\x16\x95\xaa\x8b\x16\x0by\x87wa\xb1@Ud\x03\x8a\xe4\x9b\xa3\x86\x82y\xb8D\x08XFE\xc7\xa9\x8cT\xd9\xae\x08\x94K\x1d\xf7\xaf(\x8aV\x11\x08/\xb4\xa8\x0bQ\x15\xaa\xe3\x86\x84Eg&amp;\x1b\xac\x92\x99\xc9\xd5\xab\xfa\xf3\xab\xeb\xb1,\x8a\xfe-\xd2\x8cJ\xf6\x8d\xf4[\xb06\xd7\xc8\x03\xabT\xdaq\x94\xa2\xa2Tc\xdb\x94"{\'.@\x89\x8ad~\xc4\x822s\xcc,S,.X&lt;\xc3\xc6\x9c\x06:\xa9\xb6\xb1\x95\xc7\xaa \x0b\x95*oh\xc0\xf3u\x14aE\xd2\xadBqg\xb7\xa1\xaa\x9a6\x03\xd3fl\xf8,&lt;\xbd\x19\x13\r\x9cK\xb1R\xfbx\x11\x1d\\*\x9a\x16J\x87Uvv`\x9e\xbb\xbb\x85l\x11\x16\xa2\xe1p\x0c\x9e\r\xed\x16\x82H\x0f\x18C\xe6\x9d\xb4e\x81\xc5\x12\x16\x0c\x12\x18\x15P\x86\xb3\xf1\xcd7E%\x9f\xafz\x91\x9d\x8aU\xe51\x86UGJ\xc5\x92,F):xn\xec2\xf2\xc7\xa3\xd9\x84En\xd2\xcc!R\xe0\x12\xf9\x99V\xa2(kJ\t\x14\n\x1e\xad \xb86\xd4\x8a#f\x83\xb0`\xa2\xcf\xf0\xf9\x7f\xf4`\xf5\xa8\xb2\xc2`\xf4\xaa\x90"XX\x98F\xa6\tX\x0c\xa8!\xda$+\xb0z\x8d\xd3F\xdcEv\x12\xd2\xdad\x01\xc1}]\xb8Kx\xe7\xd3\xf7\xae00\xc5\x10\x8f\xe7\xef\xfb\x9c\x90\xd7\x0bw\xb4ye\xb1\xe4\x92\xc8\xaa\xaa\x07\x16\x06\x1e\xfc\x8d\x17&amp;\xbc1\xa5\x94\x95\x12\xc6\xb0\xb6?\xc8Q;\xcc\xcb\xe2^N`\x0b\x96\xe3\xcc\x18\x15S\xd2h\xbf\xff\xc0\xda\xd7\xb6\x0c\xf21\xf7M\xd2\xed,\xc2\xd5n\xcc\x04\x04/t\xeb\x9b\xd2R\x8e\xa2\x13+F~\xd7\x1d\xf5.f\xe7b\x08!\xd1\x95/a\x8ai\x1ak\x14\xeb\r\x0b\x9a\xc2O\x13FpIT\xf9\x8f\x03#\x02\xb0T\xa1\x08V\r\xb2\x8a\t\xe3\xe7=@\xe4\x1dQ\n\xc9\xa2G\xc6j\x90$\xdek(6I\xea\xc1S\xeb?\xe5\x18*\xa5n\x87\x02{\xb2%X\xc1H\xde\xd0\x96;\xee\x08"\x8a\xab;&gt;M\xd5/N\xa2\xc6\xd2\x0f.\x9f\xbd\xc6\x8e9\x153\xb2\xf75&gt;\xb0&gt;\xcea\xa0j\xefC\x8a\xbc\xa9.\xb1\xd7-w\xcd\xcdV\xcf\x84\x04*\x8aa\x0f"\xa9vB\xd6s\x85y6\xf7\xfdk\x93\x12E@\xca\xfd\x9a\x9c1]\xf7\x1bFF\xa5:R\xf0\xca\xa1\x8b\xb2\xa4\x92\xe03\x0cr_+f\xf6\xd0\x1fO6\xd3O\xf2^\xa9q\x929\xbe\x1d\xbfa\x8d\x80u\x9e\xe5\xa6\x818\x99]\xc4\x0c\xdd\xeb?\xe7[\xc3Z-\xe7q\xa5\xc7\xc0\xae\xd4\x1e\x07#X\xd6_^\xe1\x9e\x17\x91\x1b[J\xe2\x8d\xea\xd7\xe6\xd8\xfc\x96\x8ab=g\xb0u\xc9\xd5Z\xa1\x15@5}\x17\xcd\x03\xcbHDh\xdb\xc9\xbd\xbb\xe8p\x90\xf7\xf6\x9amJ\xfc\x9c\xbe\x96\x85\x96\x85\xf1&lt;\xbfO\x9e}\x0e\xe6\xd8=\xc5\x84\xf1\xd3AB\xc1\xdeS\x15\xb9\xa3?\x81\xaa\x08\x93\xea\x07\x96\xf7+`\xe9\x9b~\xbb\xd77\xb0\x9a,N\x1f|\x8d\n\x9aP\tF\xfc\xdajm\xad9\x8e\xa3h\x1ai\xd6\xebF\x05\xfb\x8eh\xa2Y\x90\xf7\x81\x8b\xce\xf4\x9d\xc5\x89\xeat\x7f\x01\xef\x00r?K\xac\xe4:\x00\x00\x00\x00IEND\xaeB`\x82'</t>
        </is>
      </c>
      <c r="M357" s="3" t="n">
        <v>45492.67859953704</v>
      </c>
    </row>
    <row r="358">
      <c r="A358" t="n">
        <v>979861</v>
      </c>
      <c r="B358" t="n">
        <v>49202</v>
      </c>
      <c r="C358" t="inlineStr">
        <is>
          <t>Isidro Pitta</t>
        </is>
      </c>
      <c r="D358" t="inlineStr">
        <is>
          <t>Isidro Pitta</t>
        </is>
      </c>
      <c r="E358" t="inlineStr">
        <is>
          <t>CA</t>
        </is>
      </c>
      <c r="F358" t="inlineStr">
        <is>
          <t>ATA</t>
        </is>
      </c>
      <c r="G358" t="inlineStr">
        <is>
          <t>CA</t>
        </is>
      </c>
      <c r="H358" t="n">
        <v>183</v>
      </c>
      <c r="I358" t="n">
        <v>9</v>
      </c>
      <c r="J358" s="2" t="n">
        <v>36385</v>
      </c>
      <c r="K358" t="inlineStr">
        <is>
          <t>Right</t>
        </is>
      </c>
      <c r="L35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966ad0a-9c8b-4a3e-8d82-dcb333aeb8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0b\x1f\x07\x81\x00\x00\x00&gt;tEXtComment\x00xr:d:DAEewil2SDw:3197,j:2859061571337059036,t:23090301\x03\xa6\xfc\x13\x00\x00\x00\tpHYs\x00\x00\x0e\xc4\x00\x00\x0e\xc4\x01\x95+\x0e\x1b\x00\x00\x03\x00PLTE\xff\xff\xff\xfd\xf1MV6"\xd7\xc4\xac\xfc\xf3U\xe8\xdb9J,\x1c\xfe\xfe\xfe\xea\xde;\xf7\xeaG\xd1\xb0\x9a\xd6\xbe\xa1\xf4\xe8CC(\x1a\xd1\xb1\x9f?$\x17\xb9\x9b\x86\xd4\xb4\x9f\xbb\x99\x80\xef\xe3?8!\x15\x14\x7fW\xbf\xa2\x8c\x13qL\x13uO\xd6\xc1\xa6\xd0\xac\x9b\xd2\xbb\x9d\x13zS]8 \xa4\x82i\xb3\x94y\xa1}_\xfa\xf0O\xc8\xa8\x92\xf2\xe6L\xbd\x9f\x8a\x11kH\xc3\xa5\x8d\xae\x8etc=%\xd2\xb5\xa4\xf6\xe7I\xf1\xe5@\xf3\xe2F\xe5\xd88\xc4\xa0\x8a\xf7\xe7O\xcd\xaf\x9d\xb8\x96{\xf8\xefW\xf6\xecM\xee\xe0;R0\x1c\xf9\xebR\xfb\xeeG\xd5\xb8\xa8[&lt;(\xb4\x9b\x83\x10eC\xaa\x88pcC/\xcc\xaa\x98tS&lt;\xcd\xa8\x94\xcb\xae\x9a\xcf\xad\x95\xbf\x9b\x85\xd0\xb7\x99\xfc\xfc\xfc\xa8\x8dz\xc5\xad\x8e\xb5\x94\x81\x99sV\xae\x94\x80\xd7\xbb\xad\xc8\xa7\x97}Y@jC(mI0N2"\x14\x87]tL0\xda\xc7\xb6\xc7\xa3\x90\xb2\x8d{\xca\xb2\x94jL8\xf0\xe5F\xf7\xf7\xf7\xbd\xa0\x84\x9a\x87w\x84bL\x8fmW\x8abE\xc2\xa5\x94\xb4\x91s\x90jJ\xf2\xebT1\x1c\x12\xe0\xd35\xeb\xe0?\x1c\x95i\xb3\xa4\x8c\x0f_?\xae\x8dk\x9cs`}S5\x98}_\xcc\xb6\x99\x90z`\x84kS\x92\x83p\xe3\xddS\xfa\xf5]^M?tZD\xa0\x8eq;&amp;$\xea\xe1J\xcf\xb4\x92\xea\xea\xea\xce\xbd\xa8\xab\x9e\x87\xb9\x90y\xbc\x9fz\xaa\x89c\x9d}j\xa4\x85u\xc0\xa7\x85\xeb\xe6V\xb1\x94h\x88uW\x87\\&gt;\xda\xcc/\xc3\xb0\x9b\xdc\xd6I\xd9\xc0\xb3\xb0\x85v\xb9\xb7O\xb0\x83i\x11X:\xca\xb8\xa3\xc9\xab\x85\x9a\x88h\xd7\xd4\\\xe5\xdaA\x1c\x8eaD.*\xd2\xcfJyeM\xb7\x9as\xb5\xaa\x94g[I\xcc\xae\x8cXB3\xa2\x96\x85\x8azl\xcc\xc9\\\xdf\xcd\xc0\xa8\x97{\xdc\xe1`\xc7\xc3O\xf2\xf0\xee\xe1\xe3\xe3\xf2\xee^}}E\xe9\xe7c\x99\x96H\x0cN4fiX\xc3\x9a\x92\xbb\x8a\x83\xc3\xb5\xa0\xbc\xae\x98\x95\x94_&lt;\x92Y\xe2\xd3\xcaH@=\xaa\xa8Q\x87\x875LWM\xc5\xa3\x7f\x96hP\xbc\xa9\x904\x96n\xbd\xd6[\xa9\xa78)^&lt;ZTV\x9e\x9dXK&gt;1kl@\xbd\x92\x8b\x88\x89P\xd6\xd9\xd9\xcd\xa5\x8cvnr\xd1\xc3\xb2\xaax]7fK\xb7\xd6o\xcb\xc6\xc5\x8c\xaeB\xcc\xc02\xe6\xdc\xd2\xa7\xc8V\x1dlE\x8a\x87\x85t\x9aE563\x99\x95\x96\xec\xe5\xdd\x97\x8d\x84z|_vr/[\x9dU\xaf\xa8\xa9\x94\x962\xb9\xb8a\xb1\xb1A\xa4\x9c\x9e\x98\xbcX2xB]^7q\xafh\xbc\xb5\xb5\xcf\xcd\xceP~6\xaf\xadfQ\xa0\x81z\x83~\xa1\xc7\xb8#\x83X\x9b\xc6n\xc1\xc0p\xb3jMz\xb3\x9b\xc9\xce|NO0\xca\xdeo\xf0\xf0\xca\xc1\xbf\xbczja\xbc\xd4\xca\x83\xbcqxC&gt;ZuZS\xa5f\xef\xeb\x89\xca\x89l\xa2\xa2r\xa6\xc2\x9a\xe3\xe7\xaa\xe1\xe5~!G-O\xc6A#\x00\x00 \x00IDATx\xda\xdc\x98\xc1k\xe2\xfa\x16\xc7/w\xf1\x02\xc2\r1\\\xb2\xf0\x81\x91\x10\x147\x12w\xde\xe0\xa4FG\xafU\x07\x06\xb4#\xd5\xfa\xecp\x17\xc1\x8b\x13\x85\x98\x0b5s\xd5\xa1\x81P\xb8\x88\x8b\xc1\x89\xa84\xd0\xae\x06\x14*\xbc\x8b\x9b\xd2E\xa7\xb3\x10\x06\xcaL\xbb\xe8\xa2\x9bv1\xfb\xf6\x1fx\xe7\x97\x19\xde_\xf0\xd2\x19\xde\xc1\xa2\xe0"\x1f\xbe\xdfs\xbe\xe7\xd8\x1f~\xf8\xff-\xec\xbf\xf5\x1d\x11\xc1_r3\x99Lb\x9b\x9b\xc9\xef\x83\x0b\xb3\x85\xda\xb9\xbb\xb9\xbe\xb9\xb9Y]]\xaf\x0e\xbe\x07\xcd@\xa5\xd3\xd5\xdd\xcd\xf9\xf1b1\xd2u}\xa87.W\x87;\x07\xdfV3\x0c\xdb&lt;\xbc\xd4\xf5\x81^o\x8dF\xba\xaa\x0f\x1au}8\xbc\xbf\x9f\xde\x1d|;\xc5\xb0d\xf2\xf6Z\x1f\xb5\xf4\xc1\xa0\x0e8MSVuy 7\x1a\xc3q]\xbbM~#0,\xb9su\xafo\r[z}W\xaf\xd7\x9b\xba9\xd1\x06\xb2\xa5\xca\r\xbd\xa5\xeb\xcd\xcb\xd5\xb7\xb0\x12fou\xa6\x8c\xf4\xfa\xfaP\xaf\xab\x03\xdd\x9a[\xa69\x97&amp;\x925@n\xd6\xe5\xd6\xe8\xfc4\xf9\xd0\x82\x81T\x9f\x86\xcaXi\x80\x7f\xb2\xa5i\x966\xd7f\xe6\xec\xbdiJ\x92e\xaa\xea@\xd6\x95\xd6\xf4n\xe7a\x05\xc3\x92\xa7g\x005j\reU\xb5\xb4\xfe|&gt;7\xac\xd9l\xde6\xe7\xa6a\xce5\xb0R\x1e\xb6\x86\xa3\xb3\xdb\x87\xe4\xc2\x92\x07g\'\'\x8a2n\xe9\xc3\xc9\\\xe2\xa5\xb6\xb44\xe6Z[j\x1b\x00h\x9a\x13\xd3\xd4\xac\xa6\xde\x18\x8e\xeeo\x1f\xd0\xc7\xe4\xe1\xa52R\x00\xac5\xd0&amp;\xd2\x92Wg\xd2\x0c\xd0\xe6\x9a9\x93$\xc9\xd0\xca3S\xb2\xd4\xfa\xb0\xa1\x0f\xef\x1fL/\x08\xf5\xb3\xc5\xc9\xb8\x01.\xb6d\xcd\x1cX\xbc$\xb5\xcd\xe5r&amp;\x99\xd6R\xb2,\xc9\xd4\xe6\x12t\x9b\xac\x83^\xca\xf4\xf4\xa1\xf4\xda\xbcZ(\xe3\x13\xa51*6dUR3\xbcd\xb4gK\xc9\x80\xe6\xd2\x96 \x97\xc4\xc3\x0cXK\xe8\xfb\x86\xdc\x18\x9do&gt;\x08\x17\x96\xbc^|\\\x8c\x14e4l\xc8\x83\x81\n\xae\xf5\xf3\xab\xf7\xfd~?\xff\xfe}\xdf0\xaa\xcf\x96,o\xa9\xb45Pa"\xf5\xa1ru\x90|\x08\x0b\x0f\xdf.N\xa0\xaf\x8a\xad\xc6\xa0\x0csh\xb4\xdb{G\x1f&gt;|8\xca\xe7\xf7\xf7\xf3\xed\x17\x8f\x1f\xe3\xcf~\xe53\xbcZ\xafwU\x88\xb0\x91\xf2\xf9\xd4y\xb9Pc-@)\xd83\xaa*-\x97K1\x18\xc9\x1f]\\\\|8\xda\xdf?\xda\xdfs\xe3\x8f\xdd\xae\xf8\xaf~\x8a\xa6\xbd\x83\x81\\\x81\xa4P\xce\x0e\x93\x8e\x8bu\xf5\xf1\xa32\xd4U\x89\x87"\xfc\x06\'\nY\x84\xb5sqq\x04\x8aE\xdcn\xb7\xcb\xf5\xc2\xf5\x8c\xf1\xfb\t\xba\xe6\xedVtY\x1f]ob\x0e7\xd6\xed\xf1B\x19N-\x8b\xa7\x08\x96\xa5\xd8~0\xc8\x05\xc1D\x90\xeb\xe0\x02\xc4\xca\xba\x1f\x03\x17\xbc\xe2q\x17\xc3\x96\xe8@\xb4;\x184\xeeO\x1d\x8d\tH\xf7\xe3\xc5}S\x93\xcc9M\x96(F\x88\x07#\xc1 \xb8\xb8o\x83\xed\xe7m\xb5@.\xb7;\x0e\x05\x8a\x95H\x9a\xcd\xc8\xc3\xcb\x03G\xb16\xcf&gt;\xde\xab\xa61\xa7\x88\x12\xe5gb\x82\x0b\x8fD\xb2{{{\xc0\x05m\xbf\x9f\xcf\x06\xdd.\xdc\x85{\\PqW\x9ca\x18\x8a\xe4\xad\xfapx\xb5\xe9dc\xdd.\x94\xa66\xeb\x1b\x04\xe1\x87b\x98g_\xb0\xf2\xf9l~o\x1fY\x08J\xe1P.d"r2\xce\x84H^\x1b\x0c\xcf\x0e\x9dK/,y~\xdc\x84\r\xd3^\x96J~\x9bK\xc0\x83\xa8"`%\xc7\x05m\x1e(\xd1\x83\x80\xc0MN\x8c\xc7\nTi\xa96\xeeW\x0eb\x1d~\x9ej\xa6\xd1\x9fQ\xa1/T`\xa3\xe0\xc1q\x8e\x83?Q\x14\xe1-\x88\xbb8&lt;\x0eX1\x97;\x02\x9cv\x83\x19\x99\xba|\x9dt\xae\xb3\xee&amp;\x13i\xd6n\x1b\xa5R\x82e\x11W\x81a\x04\x01\xefsH2\x9c\xc3\x83\x88\xc4%rH,\x1b\x8b\xc3Q\x83\x19\x86\xd6\xbc\xdc\xc1\x1c\xc3\xba\xd2&amp;\xa61\xeb\xfbK\x89\x90\x9fzE\xf9\xfd\x94\xbfP\xc8\x89\xf0x$\x16\xa8%zp\xc1#x&lt;q\x97\x08\xaa\xe1\xf8\x0b\x18\x00\x81\xa9\x1a\xa66Y9%W\xf2\xe0J\xd2L\xb8\xa8\xa8\x04\xf4\x16\x85\xaa\x04v\x16b"Pq\xa8pd(\xe7\xf1\x08\x82 B\x8b\x89\x9c\x08X\x0cS\xadJ\xd2\xe4\xca\xa9H\xc5\x0e/%M\x93$\x96H$ \x1f(\n\xe2\x94\xa5\xa8B\x8e\x0b\x82X\x08\xed\xcb\x00 \xed&lt;\xa2(\x88\xb6\x84\x02\xe3\xa7\x96\x926\x998\xe5"v[\x9eh\x1a\xec\x9cp\x98Dr\xb1%6\x04.\x82\x89\x91`\x1f\x8dc$\x9b\xcd\xeeeQ\xc0z&lt;\x1e\x0ea\xb98\x81\t%H\x96\xcd\xa4\xcaN\x1d^\xd8\xaa9\x99\xa8V\x86\xa0\xb7\x81\x0b\xa8\xc0\xc5\\\x01B\x02\xd24\xbf\x97\xcdF\xb2\x08\xec=\xb0A\xe3{P\x80q0\xa0L\x82$\t\x96O5\xef\x9cZ@W\xd3r*\x95\xe1\xd34M#\xae\x10EUs\xe0\xe0\x1e\\\x0e6\x16R\xec\xab`n\x1cw\xa3\x18\x8b\x8b~\xc0")"Sv\xaa\xb9\xb0\xebf\xb3&lt;\xc9d\x80j\x9b&amp;\x13,\xac\x1f\x01\x85\x02\xe4\xfb&gt;\xe2\nBkE\xb2y\x88\xfc\xac\xbd\x1a\x83v\x9a\xf9\xc90\xc8E\xf0\xa9O\xce`a\x9b\x9f\xa6\xcdr*\x93F\\4\xc9RL\xce\x1e&gt;wd/oce\x83Y[,P+\xe2\x0e\xba\xdd\x90\xfd\xff\xe4\x04\xc0J\x90\t"\x9drh]\x03V\x13a\x01U @\x930\x819\x01\xe5\x15\x87\xc3Z\xcc\xa2\xbe\x8aD\xec\xb6Gf\x82X\x11\xf4\x01\x17\n\xc8\xc40\tX\xce\x8c"\xb6\xf3\xa9\x0cX\xa9\x00\x8d\x9a\x8b\xf0\xe7D{\xfes\x1e\xce\xe3\x86\xe7\xe3n\xd4P\xe8\x1du\x15\xc4;\x1eA\xc3\xc9\xe5`\x12\xc9\xf0\xcb\x8dL\xd9\x99m\x8d\x9d^~\xc5\xda\xa03i\x96AP\xd5\\\x15\x1a\x0c\x82\x1d2\x14\x15\xe4\xa8\xe0qy&lt;8\n\x08\x81C;\\\xac\xb2\x89/X\x0e%\xc4\xede\x13\\\xec\x05\xc0\xc24\x88%\x88\xa2QE\x95\x13Q\xaa\xc3\xca\x01\xbc\x18\xe2\x02&amp;\x00\xccU\xab\x1c:,r\x14\x8b\xb0R\xe5\x953\x93\xb8*\x03\x96\xaa\xf666\xd2,\xc21r_\xa8r9\xa6\x10\x8b1q$U\x0e&gt;\xc5\xa0\xe5\x00\x86"\x08\x96\xe1^\x88\xb6\\\x08\xeb\xc6\x11\x0f\x937\xcd2R+\x1a\xa0yX:U\x83\x85k\x9e\x80\rTe\n!\xb8C\xe3 U&lt;\x16+@\xc0\x8a\x8c\x1f\xce\xf8@-\xfc\xe7+\xff\xabW\x14K\x90\xe9\x8dT\xcf\x91\x1f\x1ap?L\x11U/\x15\r\xa4\t\x9e/\x95\xec\x89\x84\xc7o\x87\x13\xfe*#"\x13\xed\xf6\x8a\x85\x12\xdb\x9d\xdan\xad\xd3\xd9\xdd\xdd}\xf3fw\x9b \xd2/7zMG\xb6"vp\xdd\x9c\xdaX\x90\x11\x19:\xb0[\xf3\xf9:\x1d\xfbU\xdb.10z\xd0\xf8\xf6\xb9,\x84\xb6\x01\t\xbe\x05\xb4\xddN\xa7\xd6\xa9\xd1\xe9\xf4F\xaf\xec\x08V\x12\xf2\x01\n\xb02|&amp;\xe0\xf5\xad\xaf\xc3sk\xb5\xa8\xd7\xd7\xf1F\xc3\xa1\x1c,\x9a\x98\x80\xa3\x030\x06\t\n\x11\xc2\xb3\xe0k!\x94H\x84\xc3\xd1\r\x02a\x1d:\xa1\xd6\x0e\xca\x87\xb2\x9a\n\xa4\x10\x95\xb7\xb6\x1d&amp;\xe0\x10\x0c\x11\xe1\xed@ \x9c\x08\xc5b\xef\x98X\xfc\xeb\xaf\ntc\x84\n1\x17.\xe6\x18\xaaD\xc3\x90\x00V\xcf\x91\x848&lt;\x9fN\x9b\xa0U\xca\xcaD\xbd\xd1\x00A\xc1 \x86B\x89\x12`\xd5j4\x19\n\xfd\xfd.\x16\x8f\xbf{\x07P\xd0tPoHh9\xb8\xb6X\x82\xd8Hez\xcd\xf2*\xe9\x10\x16\xba 2|\n\xa8\xa2i\x96"6\xa2&gt;o\xd4\x0b\xe5\xf3\x06@\xa0w \xd5\xdf\x7f\x86k^_\xa5\xb5\xb6V,n\xfd\xee\r\x90%\x16\x8a\xc8\xa4{\xe5\xee\xcd\xa63X\xf6J\xe4\xf9@\n\xa61\xe0\xad4ZE\xf4\x0f\xd4Vqm\xab\xe2\xab\xd5\xb6\xc1I\x86|\xf9\xd7\xfa\xd6\xda\x8f\x8f\x8a\xcax&lt;RZ[\x95n\x98\x80+\x96\x00\xb5\x9asG\xb0\x9a\xd3\xb2}oe\x80)\xeam\xac)\xca\xc9\xc9o\x8b\xd1\xb1\xa2\x00\xd7\x96\xaf\xf3\xd7K2An\xef\xfe^y\xf2\xe8\x17e4&gt;\xf9c\xa4|~[l\xad\xd3D\xa9D\xa4{\xdd\xee\xe4\xc0\x89K\xde\xc6\x02\xb1R\x81h\xd4\xf7\xe4\xc7\xd7\xe3\xf3\x7f\x7f\xfe\xed\xed\xe7\xf3\xa9rRl\xadU|^\x9a\n\x91\xb5N\xe5y\xe3\xd1Se:z\xfb\xf1\xfc\xf8\xd3\xf4\xe9/k^\x9e\x02\xaeTWN9\x90\x100\x89\xb6\x89&lt;O\x83V\xeb\xc5qq\xad5\x1e\xbf&gt;\x19\xb7\x94\xd7?\xffT\\{\xbe\x1e%\xe0\\x\xd9y\xfe\xaf\xe2?~z\n\xdf\x9d(\xadJe\xbd\xb2U\xa7K,\xc5o\xf4\xba\xa9\xd3\x9d\x8b\xff\xb1\x8f\x18\xb63\xa9O\x11\x16A\xd0Q_eK\xee\xf6z]Y\xaeT\xb6\x9e\x14\x1f\xfd\x87V\xf3yM$M\xe38\xb8\xa0\xe0\x12\xbb,\x1aa\x04\xcb\xa2(,\xbd\x14\xf1\x10\xb0\xa4J\x8d5\xd1*\x7f\xc4\x90\xaeJ\x11\xdb*-\xfa\xb0\xa4t\xe3ala\xbb\x8b\x94}\x90F)\xc2\x1e\xa4i:\xd3x\xe8\xbe\x99mH\x1f\xd6\xb9\xf4!l&amp;\xc2B``z\x8fs\xe9sN;\xd0\x87&gt;\xed\xf3:\xfb\'\x94\x86\xfc@\x03~x\x9e\xf7y\x9e\xef\xf7y\xbd\xc8\xd7MRm\xa7j\n\xee\xcaf^\x13\x1aZ\xbd\xa5\x8f*\x12\x0c\xa7,\xfchBy\x8c\x9ct\xb6\x16\x9e\x1f{:y\xee\xee\xfe\x9d%N\x1fW\xd0\x91\xcfV`\xc2\x95*0\xaf\x7f\xc2*%B\xcfky\x03\x82\x85o\xa7r\x05\xd1]\xc9\xe6\x00\xd5\x00/\xb5w_\xc2\xc4\x86\xe9\xb9\x1bi\xd2\xea\x88x\xc1\x16n\xbe\xcd=\xec\x12\xc7U6\xfa]\x82?u\x00\x0b\x15\x16\x18\xac?\xe2\xc6\xa0\xc0\xd5[\xb2,\x13\xb6X\x00\x99\xa5\xd8\xae\xeb\xf6t]\xb7\x08\x1eF\'\xa8\x08\x8cnoS4`\xf1e\xe8\x1f\xf77\xde\x9d\xfb\xc0\xd5\xfd\n/RL\x0faE\x12m\xc8L\xa54"\x1c\x94\xc4V\xabe\x91\x0e\xe9\xf2iQAj\x8b\xb5;v\x87\xb0\x00\xec\xf4\xb4gY\xc4TJ\x80\x86M\xb0Riz\x03\xcd\xf6\xdb\xb7;\xafz}\xe0\xb8p\x7fo\xe3X\xbcw\n1B.\xacMK*\xcf;\xf0\xe6\x00E\x10\x0e\x01\xed\x14gs\x85B4J)8\xc8\x98)aY=\x8b$y^\x15\x15P\xfcTBR\tv\x17a]y\x87\xa5\xdcCS\xc2\xe3\xce\x1a\x8b\xda\x85\xa4`\x12\xd4#`Y\x96\xe3@Lxx\xb9\r\xa65\x14M\x80\xa7\x90`\x062\xd0\xfc]~\xaa\xe2l\r\x84EN\x81\xce%R\xc5\x9b\x7f~\x9b{w\xe0S\x08K\x8a\x13\x0e\xc2\x02oAA\xdf\x86x\x11&lt;Dc\n\xe3\x87\x89\xa7mQ\xc9TAo\xd5\n\x94\x98V\xa1\xb5M\xa7SPf8\xab\xa0\xbdW(G\x03\x16{S\xb0\xef\'\xde\t\xd3G\xf7\xb6\xca3\xd9\x12`I4\xa8x\xaa\x1d\xc1$I\xc2\xe0\x91\x9d\x02B\'\x9d\x86\xe7\xab\x93\x14\x92\x81 Mm\x06&amp;\x01\xfc\x83-\xb2\n\n\x16`\xc1\xe1\x12\xc3\xc5\x82{?\xf1\xac\x12\x03w+We\xb2|\xe5\xffg+W\xab%@&lt;\xb0,\x9avH.\x80\x82\x00\x80\xea&lt;\xb3\x96\xa7\xe850\x15`\xbcYE\xa9E3!\x88W\x8e\xc5Fd1\x1c\\\xddO\xf6\xbc\xeb\xf0\xee\xcaf\xf91`\x95\xb2t\xbbF\xd5(J\xa1\x14E\x81\xf7\xc7\x99u*%L\xa9\x85\xe6\xa9h(DQ"\xce\xe2\xb6mC\xfe\x14\xaa\x18\x8d\xa6B\xdb\xc1P\x81\xc5x\x8b\xad\x86]/\xb1\x8e\xed%K\x91\xd6\xf3\xfe\xd3\n\x86\x81\xd9\xc9\x81\xd7\xa1(\xb0\x13\xach\x93K\x0b\xa8 \x87\xb5Z&amp;\x1a\xaaVs\x08\xb6\xb3r;8K\xa1\xd2\x04C\x1b\x0e\x07)\x05\x1b\x8dv\xabavU\xf5n-\xb8\xb7X%"D\xe4\xf9+\x07\xb0\xe8\x08\x10\xd4\xc0x\x15\x0b70l\x8c%/\xd2\x0b\x8c\x85\xa7\xc0\xb9\xa2\x1de(ZP\xe5\xa5\x0b\x825\xb7\xde\xd0\x87!\xb3\x94B\x13\xa5\xedm\xe5\xc6\xadz8\x15\xb7\xdd\xf4\x94?\xaf\xe4OK\xa8qC\xb8\xd6\xee\x19aA\xb0T\x145\x16Dr!\\\x8dB\x80\x00\xcb^\x8d\x97v4\n\xc6?\x13J\xa5\x90\xef\xa0h\xab_\xc3]\xd1\xf6\x10+\x90\xb1;\x16q^\x11\xfak\xacH\x1b\xed\xbaSH\xb8\xe3\xee\x995\x15E\x11\xc7\xe9\x14\xca!\xb4\xd4"d\xd8&gt;qW\xe9B0\xb5\xde\x96\xa4B\x08\x0b\xd3[\x98e\xd8\xf6\xc4\xc3Y\xfd\x08\x9f\x1a-\xac\xc2\r\x1e\xa3Q\x18i\xefn\xc3\xdb\x05\x8b\xd1\x9bt:\xad\xf2\xb6\xcd\xc4q\xe8\x9b\x90*\x96\x95x\xa8A[lvN\xd8B8\xb5^\xe0\xa0\xbdnM\xaa\xb7\x88nW\xb4\x1fyg4\x02sQ\x1d\xd7\xad\x11\xa7\xfd\x91E\x98\xbe\xa9L*Z\x80\x01\x08\xa3fJ\xf2\x965\x82\x1e\x01\xc0\xb4*\xaf\xec\xe9\xd4fY\x9ct\xd9"`\xa5\xc2\x10,\x85\xad\x954mi\xad\x8a\xf6\xdcC\xac+LQ_\x12\x8e\xa0\x9d\xae\x95\x03\x1d\xd9\re\xa0\xe8;\'\x1df\n\xaa\xbe\x05\x9a\x1duW\xd0:\x8aM\x90P\x99\x90\xd78\xd9\xb9\tWS\x99\xe0\xfaN\x8ar8A\xa6v)\xf1\xcaC\xac\xf7\x15e2i\xf7\x84|\x7f\x8d\x85\xd3\xb9\xd0vQt]\x18\x8c0\x19\xf3\x82 \xd4uB\xa2\xa9\x1cM\x98\xf5\x96\xa9;\xaa\xaa\xa6\x9931\x98A\xb7S\x80u\xd4n\xf94)\x1c\x8a\xd4&gt;{\x89\xd5~\xf9hr\xde\x17\x84WO\x01\x0b\x17\xdb\xbb\xc1\xa0rB\xf2\xa4%\x9bu\x8d\x8bq;\xc9\xe4\xbe\x01\xc94\x0e\x93I!\x9f\xcf/e\x92\x893v\x11\xa8\x8e\xde\x14\xdf\xbc9J\xb4\xfc\x1c\x16\x0c\xa72\x7f\xf3R\xc8?\x9bL&amp;\xdb\x03N\xe8\xff\xbdT\xa2\x9bM\xd0PTG&amp;\x1c]\x1f\xd7\x0f\x93&gt;\xce\xb7\xb3\xe3\xdb\x89u\xc7\x8d\xd8N,\xc6%\x93\x8d\xc3\xfa\x98\xec\xc4]6\x95\xfa\xfe\x08\xa0\xcae\xac\xee\xe7\xf8B8\\\xf5\xd0\xfe\x04\xde\xdd\xa6R\x99\x9a\xb6\xc3\rN\x1d=\x8b\xa7#T\xe2\xc44!R\xf5\xeeac?\x96\x04\xac\x98/\xd6h\xc4b\xb1d,\xb9\x0f_\x87\x87\x06\xc9\x9c\xb9\xc1\x0c`QG\xe5DI\xd8\x12\xf8B0\xfc\xc8C\x93\x118\xbe\x05\xe9)"\xac~\x8f\xcc6\xb1H\x19#M\xb3\xd5\xed\x8e\xbb\xdd\xae\x81\x1eK\xd9\x92\xe5\xe5\xd2\xb2 \xaf\xe4\xd2\x04\\\xe0"\x97\xf8\xf7\xc1b\xb9|T\xc6I\xce\x9fW\x83\xe1\xf0\x95\x87Z&gt;\xb0w\xa5\xb0\n6\x88\xf9\xb4\x81Nd\xb1f\xa2\xdc$\xcdq\xbdk\xc8\xa4LN%\xec\x9a^,$\xfb\xf2\xf2r\xc1.\x94\xc5B\xc4\x18\xd28&lt;\x1c\xcb\xa6{\x84\xb0\xa8\x08\xb3Ln\xe5\xf9\xef\xfe&lt;\xf1\xd6\xc2\x1e_\xe5X&lt;\xef?\xb8\xc8\x03\x16\x1d\x87h\xc9F\xb7k\x92q\tjn\xaaJ\xd7\x8b\xc5\xf5\xe5\x14\xb0\x16\xd7\x8b\xebkI\xc2\xe9\xec\x99\xd95\xc6+j\xfb\xa8\xfc"\x81\xf5\xea\xfb\xfe\x06\x99\x99{\xbd\x9c\xdf{w\xf5\xe5w\xbf\x9f\x83F\x00\x0e6\x8bI\xe4\xb8;&amp;O\xa0\x99:\x0ej\x07\xd7\xd7\x10+\xe0\xbaD\x7f\x802U#G\x9d\xf1\xb8\xbb\x82V\xf5\xa2\x89\xa5\x8dF\xd2w\xf1\xdc\xfb\xcf\x99\x05\xe0\x80\xfd6\xf3sZ\xeb\x94y\n\xca\xafC\x8e\xc7\xa6|\xc6\xf7\x7f\x18\xbe\x1d\x1d\x81\xda\x91\xda\xac(\xed&gt;{y\xfel\xb1\x9d}\xdc\xb7\xa6l\\\x1e\x1b+\x8aj\xe2q\x86\xa878\xff\xa7\x8dl\xe6\x03\xc7\xbf"\xac\xbc\xee8\xa0\xfc\x98e\xd74I\x82\xd0\x9e&lt;y\xfb\xf4\xbc\xfc\xec\xfc\'\xf4\x11\x9b\xbb\xcf\xb7\x1f\xe6\x7f\xfd\xd3\x87\xd7\x1f\x9f\\\xd8gp\xfcVl"}F\x10fC\xf0\x1d\xcc\xfe\xbb\x11\xacw?\xcf\x0e|\x82\xa0;=\x1d&lt;\x98\x01\x07\x9a$x\x92\x9bi\xfd\x0f\xafoo\x9f\xdd\xdd]\xcd?\xbf\xbb\xbb\xbd\xba\x9d\xff\xe3\xf5\xeca\x1f\x8f\xf7\xccq\'\xd1&lt;\x91Ir\x9c\x14\xfc\x07\xb3_7\x13\xad\xff\xcc\x86&gt;M\xeb\xeb\xb2n\xe9\x90\xc33p\xf8\x0c#\xd7\xbf~\x1d_\\\xfc0x\xfb\xf6\xed\xe3\xbf|\xf8\xf1\xf1\x8f\xbfg\xf5\xd6\xd7\x16\xdedd\xd9\x8c\'\x18R&amp;Z\x871n\xcb\xbf!\xac\xbd/\x1fg\x07\x82\x06\x8e\xb5\xaf\x1bK87\xd00O\xe2\xbc\xa5;\xd6\x12\xd8\xbe~M\xfa|\x02\xfcjA\xf7\xb2T\x1c\xe3MYN\xe3\xa4a\xea\xad}\x9fok8\xfceC\xb7\xc2\x1f\x87[\x9c0x\xa5\xf7a\x1c\x9bK\xd9 :\x9d\x0e\xa6\x12\xceh\x8aj\x10U T\xe2bq9\x1d\xa9x:M\x1a\xcb\xb3\x13\x9e4\xea\x83|\xd2w\xe0\x9f}\xfc\xb2\x99[\x9f\x7f}\x1a\x0e\x0f. \\\x9aV7\x96\xa6a\xa0q\x8c\xd1\x98\n\r\x01\x1a\xc3\x02}C\xfb\xbaTA\x08\xa6;\x0ca\x9a\'\xe8\xd8\xc3\xe4\xf6\xf9\xfd\xb3\xd9\xa7\xf7\x9b\xb9\xba{\x0fX[\x17\xda \xaf\xe55\xc3\x04\xac\x1e\x1f\x8f\xa3\x1d\x16\x86x.\xd7\x91\x02.d\xa5\xe94\xa4\xafkv\xce\xc8z\xa3\x91\x17\xfc[[\xc3\xd9\xcf\x9b\xbaQ\xfcy8\xf4s\x17\x82\xa6i\x83\xf1\xb8\x9e?\xd4\xd1\x86\x19C;\xacEM\x01\xeb\x03\x83\x13\xf9\xd7\x1a\xa5Dl\x94D\xb3C\x9a\xfbIN\xe0\xfc[\x0f\x1e\x0e7t-\xbcw\xfc\x05\x0e\x17:\xf5\x03\r\x12\xb3\xcf5Z2\xc1t\xe2\xeb-\x16\x88S\x9c\x06W\x86\xae\xedj\xb5\x08\x1c\xad8i\xc8\xb2\xd1\x88%5\x1f\xe7\x7f\xf0`\xb8)\xac\xc0\xdeo\xb3\xd9\xf0\xc1\xd6\x01\nX=\xcf\x81\xdck\xf5\x08\x92\x88\xc7q\x86!d\x9d \x08U\xa2\x13\x91\x04\xb5\xbe\xce\xe7[us\xd9\xe5\xfc\x9cp\x00\xc1\x1a&gt;\x9c}\xd9\xdb\xdb\xcc\xdd\xdd/\xff\xa3\xdd|c\x9a\xc8\xd38\xbe\x99l\xa61:\xd7\x8dP\xe9\xa6-\x94\xeb\x15\x1a}q\xa1uL\x06\x9c\xf4\x85e\x1b^Lg\xda\x17\xa5%\xd5`{!tieU\xe4\xcf%e\xaf\xb8^H\x0cA\x05i\xc43Y\x94.\xc17\xdb\xac\xcaY\xf5\xd6KX\x13\xaaF\x82\xb9l\xd0u\xf5X=\x16\xb8\xb0\x0b\x1b\xc8aN\xd7\xfb&gt;\x03{\xc9%\x97\xcd\xde\xad\xfd\xb5`\x89!|\xfa\xfd~\x9f\xe7\xf7\xfc\x9a\x99\xfe\xd6\xd6Bp1\xb5\xa2,(4*\x87\xd0+\xd1\xf3\x8b\xcd5\xfbB{\xf7c\x94)/\xa9\xf8\xd5\x9e=\x15[\xeb*\xcc\x92\xd3)\xf9\x18\x8e\x11\x14-\xc7\x15\xb6\xb6&gt;\xa8\xce\x93Z_\xdd$,p\xd5\n\x02\xcb2\x0c\xd2,\xd5`\x99\xe1\x16&amp;/L2\xef\x9a\xcd\xf5[\xf7\xd0E\x06\xbb\xf7\xc9N\xa7,\xf3\x1c\xe5\n\xab\xbf5_W.j:P\x8a\xad\xdaH!\'(\x82\xc2\xc1\x1e\x1b:\x05\xb0\xf6\x1f\xf3y&lt;6\x13#:k\xcc\xd4\xcb\xea\xcb\xb7\xc6\xde\x0f\xc9\xa2M\x10\x14V\xc1\xfb(\x8c\xb4\xf6\xf7\xe7+[\x84U\xd8\x8aw\x0e\x1b\x19\x96cE\x93\x07X\xe8\x14M\x1e\x9fl\x13\x18\xc6\xe6\x93\xa4\xbd\xd8\xbf\xcdf\xf3\xbe}\x12f\x19^Y\xd7\nu\xd8\xfa\xa7\xa7\xf9\xba\xf8\xe7\x02\xd4\xc2\x1f\x89D\nQZ,# \xf5\x98\x9b\x89\xca\xe7q\xe2\xec\xe3\xf15\xf9$l94"\xa2[\xa1\x89\x02\x9e\xb0Xj[\xf9\xba\x9cR\x13\xbc\xd5\xdaOo\x1d_\x02\x04\x83&lt;D\xd2\x84o&gt;\xc9g\xf2\xf9|\x98\xeb%p\xeek\xf2ydYT\x14\x86\xd5\xe2\r@\xdd~.\x8fX\xd5_\xf5G\n#\xc4\x85 +,\xc3\xdb\x88\xc5\xe31\x11\x95\x07\xa7\nX\x8a\t_\x82V8\x00\xd9\xa0\x16\xc7\xb1\x1bb\xf5\xe7\xf1\xf2\xc0\xe130Q\x8bU\xa8U\xe0\x90\x89\xf1`\xd9\xa0\x98l\xc3\xe1\x90N\x87\xc7 \xd81\xe8\x87\xa3\x99\t\xf9\xe3\x10w\xfa\x05D\xab\xe3\x8d\xbca\x05\xbf\xfc\xa4\x90C\x13\xd2\xb2\n\xa3hY\x96\xf7\xc8\x1e\x1fd\x92M(Dx)\xcb\xc7\xa0\x18\x044\xe1\x1c\xcb\xb3\x8c\x9a-\xa0q\xfd\xfd\xb7\xf2xa3j\xb1\x90\xa4b!\x16\xda\x97\xc2\xfbT\xb1\xf0\x85\xd3+)\xe7\xc1\x01\xb1\xc9g\x83\x87`\xe6Yt-\x85\x15XF\xb9y\xf8v\xfe\xaek\xd6P\xa3?\x8bF\xc4*\nD\xe39\x9b\xcf\xa6\xda\x05\xc3\x90%\x01\x1d\xc2\'C2\xbc\x86V\xc8\x1e\x12\xcf@\xd7Z\xf1\xec\x97\xd5y\xbc:\xbd\xba\xfa\xe9M\x11c\nJ\x0c\x92q\xac\tP\x1e\xe8\xc2\xf0\x02\x11\xb06\x1f\x00m\x1e\x86\x87\xa7,\xc7\x93\xd1\xa8\x0c\xa1\xa5\xf6\xf0x&gt;\xaf\x99\xd7h.\x9c\xab\x15iW\xa4\xe2gY\xa8b\x83Q,\x03\xed\xb4&lt;\xcf\xd0\x87\x110\x8f\xe7I/z\xa1\x08\x8c bO\xbf\x95\xdfK\xe65\xc1\x07g\xd1\xe1\xc9\x1a\x96\xd5\n\x10K\x06\x10\xab\xa0\x97s\x0c\x0f\x12\x02$\xf5L&amp;\x1bC\xb5\xc8\x9b0\x9c\x99\xdf}\x90\xdf\x1bE4\x9a\xdb\xb5\xf4\xb1\x11Z%\xc4\xa2\x8d\xd0C{\xb7\x96\x8b\xc0Q\xb2\x8d\xc7\x0f\x94*\x1eA\xb3\xe1t\xc8\xb36Q2\x97\xdf\xce3V\xf5\xed\x01Q\xc0\xe8\xa0\xee+&amp;\xea\x03\xb4G\xa2\xc3r&lt;\x0f\x1eN\xdd\x9b8\x8e\xd2%\x98l\xa2\x88\xd1\xd4)u\x96\xe4\x17\x0b\xa5\xf8]\x0bD\x00\x15\xd4R\x10&amp;\x9e\xc3DA\x82qTv\xf02\x82\xa5\xa6\xdf\x84\x16\xebad\xa7/T\x9c\x18\xfb\xc3\xed&lt;\xde\xef\xa3\t\x8e\x8f?(\x96$l\x88\x02\x15&gt;\xa2m\xd2FhF\x88P3\xa3gD\x9d\x17\x902\x13/\x08&amp;\x9fMt\xee7\xd7\x8f%~w\xf1\xeb\x0eM\xde\xf6\xc4\xb9\xfb\xf7\xcf\x95\xc7B\x8c"`\x8c\xe1\x14j\xe6\xacj\x1b\x14\x8ahi\xb0\x82\\\xf8\x97"\x85x\x89\xd8\xb0\x9d\xd1Dj,Q\xff\xce\xe1\xaf;\xf2s\x8b\xa7\xa6ze\xa2\xf5\xdc\x91h4&amp;\x89"\x86&gt;L\x81&amp;t\x074W\xda\x8e\x00G\xdb\x12m\x81j\xe4m6j\x13\x1egM}\xa2\x17X%\xc5\xf7g\xe7\x82\xd5\xaf\xfdVJ\xc4j%;\xf1^yq\xf4h4\xd4"C\'\x18\x89\xcd\x18\xdda\xddG\xf8\xc7QMj\xe9cT\xc1\xe4\xc1L\xc1`\xfa\x8a&amp;\x12ccc\xf5\x15%7\x8b\xe6g\x17_&lt;}\xbd7\x9fj\x82\xc3sY\xeb\xc4\x87\xd1\xe2\xce\xa3Gq&amp;\x15L\x0c\xb8\xd0\xa1h"F\xb28\x1a\xab\xd8\x88\x1a~\x06\x1d\x0bQ\x97\xe93\xf1\x92Doo/a\xa5nZ\x8d:\xe3\xe4\x8d\x8f_.\xbf\xae\xd6Z\x1d\\~1\x93\x9d/\xb2N\x1c!\xacTt\xafS\xb4yPi&lt;CS^\xa4P\r\x94\x169\xa3\\\xb10\xd7$\x02K\x96\xca+\x92\x83\xbd\x9f\x01+\x95*\xb9\x0f,\xaf\xbe\xf1\xd5\xa3\x91\xe7/\xff\x12\xfc\xd9nj4\xc1\xe5\xe7\x8f\x9e\xe8\x8c\xfa"\xeb\x8d\x03Q3\xd4JE\xf7Kr\xad$\x9a\xd0\xc2\xd4\x03\x042\x85\xdd\x1b-\x94%\tE\'\xca\xd0\xd9,\xc9\xb12w\xfb\xa0\xaa\x16a\x15\x19u:}\xe3\xe8\xe5\xae\xb6\xb6\x91\xe7\xcb\xc3\xd5?\xeb~u\x82J\x87/\xebU\xac\xc6\x8b\xd1\xceN\xc8U\x8frl\xf1\xc9\x1e\xa7X\xab\x14\xd2\x08\xaa(\xcaY\x96\x17\x99\xb3\x8aH\xed\x1d\x93MH\n\x85*AEX\xbd\x89T\xea\xc4+P\x19\x8bzF?\xea\xb2\xb4\xb5\x05NO/\xae\\\xf8\xffJS\xa3\xda\xf7&lt;\x1d\xb0\x84/\x17\xa9XUW\xd4\xeb6Sx\xf3\x9d5\xa1&amp;9$\xb5\xe0\xc0\x08(Fd\x906\xa7\xd3Y\xeb\x14\x9c\xb2 \x86$s,V\x17w\xb5\x83k\x10j%\x12\xcd\xaftF\xaf\xd1:::\xd5\x15\x08\xb4YNO\xea\xfa\xb2\x8b+\x1d\xffk\x97%\x89\xab/\x00\xcan)\x08\x84\x1fN\xaaX\xd6\x1b\'\xa2\xea\xe5\xa4\x89D\xc9n\x1c\xa4%g\xb3\xc80"\x8e@\xe8\xfc-\xb5\xcd\x03\x07\xdeo\x0e\xc5b\xc0\x0bU\x94l\xf3\xbb\\\xf0p\xb0W\xc5:\xd3\xa8C\xb4\xaaF{\xae[\x02x\x1c\x9f\xd4y\xbd\x0b\x0b\xb3\xd0LC\x7f\xec\'7\xa9\xe0\xf0\xcaK\xd8\x17vl\xdf\xb9\xc3qw\x03\xab\xe7\xf3\xa3\x1bXu\x9d5\xb1\xe2\x18\r-\xb2(\xb6HN94\xe0\x1c\xa8\x95\x9a\x9bO\x98c{CR\xb4\xac\xcc\x05\xaa\xf6\xcfH-p\xd5}\xab\x87\x89\xd6\x9e\xd1\x1b\xc7U\xac;E\xa0\x9cY\xc8\xf4eg^._\xf8)\x15@:\x05;V\x16g\x17\xd2a\x87\xc3\xb1iSA\xc1\xaf\xdb\x9e\xe9\x8c\xeb.\x1e]71\x91H$\x93\xe5\xe55\xbbc\xa1\xda\x81\x03\xb1\x0f\x06Z\xe8\xb6\xf8P\xac\xa4\xb2\xf2j\xb9\xf9\x8f\xe5I\x97\xdf`\xd8\xf0\x10X\xbd\xa9\x1bF\xf4\x87\xaa\xd1\xd1g\xa7U\xac)`\x01\xcc\xdb\xe7\xd5\xad\x1e\xfa\xfe\xc5\xdcx\xc7\x8f\x97\x001\r\xaf|7\x9bm\xc8\xae\x0e\xa5\x1da\xc7\x96\xed\x05;7\xedzH\x99\xd7\xc3\xc5\xd8\xbaX\x90+\xe9.)\xa9{\xab\xe6\xc0;%\xc5\xbb\x07\x9a\xf7\xc6\x8e\x9c(v\xbb\\\xfe\xb8\xbf\xac\xb8\xce\x15w\x19\x0c\x86v`\xb5\xf7\xaa\xeb\xc0\xa4\xd1\xe8E\xe0\x1b\xa7N\x11V\xdb3\xbd\xd1\x98\xc9\x00kmfhh\xba\xaf!\x0b;\x7fdw\xd2TC\xa7\xc5o\xd6\xfa\x1a\xfa\xfa\xbc\xf3\xd3\xd7\x86\xc2[\xb6\xef\xd8\xb9cW\xf7\x13\x92\xcbj\xad:\xb3\x81\x95\xac\xabK&amp;\x93\xeem\x95\x95\xee\xca\xca\xba\xdd\xb1\xca\xca\xa4\xdfm\xd8l\x00\x8e\x1fL\x9b\r$\xd6\xba\\\xd0\xab\xee\x8aQ\xaf\xd3U\xf5\x8cN^\x07\x162\x7f\xe7\x89^?\xf3\x98\xf2\x95\x06\x15\xb0V\xb3\xd9\xd9\xb9\xe5\xe1\xffR\x9d\xaays\xd0i&amp;\x97[\xcd\x90\xbe\xd6\xcc\xe3\x83\x8eM\xc0\xb2\xd8\x1f\xea\x8d\x1b\xa1W\xb1\x92\x04u\xd5\xed\xf7\xfb\xdd\xee\xab\xdb\xca\xfc\xee\xb7\xe2~W\xdc@0\x9b7\x03J\xfdF\xe1\xa2\xd0\x0f\xb6\x7fPe\xd4{\x8d\x8d=\xd6gw\xdb\x08+`\xe9\xbe7uo\xe8\x89\xd7\x9bY\x9a\xf6B\x83\xd5\xef3\r\r\xd9oVg\xe7\xc6\x83\xff\x01FL\xe3/\x17\xb2\rX\xd9\x99\xdc\xd2L&amp;3\xfdx(\x8cl\xed\xd8Y`\xb1\x9f\xa6\x86J\xe9\xba\x98ZWk,\xe9N\xba\xdd\xbf\xf4\xc7\xe3@\xa3g\xdc\xe5\x87T\xebD*\x15eK\xf5\xb1}\xdb\x84\xb1\xc8\xe8\xb5\xf64\xce?\xfc=aY\x02\x05\x01K\x97%|g^\xe7\xc5\xfb\'\xb5\xd6\xe8\xef\xae\xe6\xf0jqn8\xf8o\xa67\x82\xe3s\xb3\xb3\x0bK\xb9\x19\xfa\x7fo\xdf\xcc\xd2H\x97\xbd\xd4QZZ\n\xb9\xd0"\xc2S\xe8\x86FU.\x04\x9e\xb4\x02T\x19\x1e\xf18\x8cs\x19\xe2.0\xb9\x08\x88\x96A].\xb5\x18\xb1&gt;/\xd2\xa3\xf1U\xf5\xe83\xd7\xbb\xdb\x02\x81-\xc0*\x08\x04\xb6;\xc2\'\x1fO#`\xde\xbe\x0c\xa1A\x8e\xa5iU\x95\x17?L\x07\xd8\xf5f7t\xca\xcd\xac\xad\xcd\xdc\xbb\xd6ewlr\xd8\xd3\xe9\xae\x83\xdd\xa7\xbb-\x8e\xf4\xf9\'\xeb\xc5\xd8x%\x85"L\x10\x15\x16\x12\x1e\x8f#Kd \xc1l`\xbd\xbd\xfe\x93\x8b\x04s\x19&gt;\x9c\xd0c\xe7\xb16Z\xfb\xa6\xee\x9er\xa0\x8c\x1c\x01\xc8\xb5e;\xea\xbc4&lt;t\xed1\\\x19\xba\xa6z\xb9\xa4\x8a\xb2:\xb2\xee\xde\xf0\xdc\xe2*\xf2\xb4\x06\x07\xb3k\xb9\x91t:}\xa8\x14\xbf\xd3v\xfe\x8b\xbf\xff\xed\x9f\x1f\x7f\xf4\xe7o\xffz&lt;\x9d\x9e2\xaa6\x16\xf5\xbc\x97P\xb5\xeauS\xb4\xe2\xb4~\x01\x99~\x8b\x07\xa8\xde\xc6\xc2\xb7\r\xcdH/\xc3UXX\x84\xed\xb0J\x97\xb9\xfe\x9b\xf3\x97&gt;\xfd\xf4\xd2\xe9\xae\xb6S\xdd\x07\xbb\xa8\xff8v\x95\xda\xc3\xf6\xd2\xd27\xefe2}\xf3\xb9{P\xad/w\x88\x94\x1a^T\x85Z\xcb-\xe5r\xb9\xa1\xf4!\xbb\xdd\xee\xb0\xbfi?y\xfc\xd2\xa3\x93#CC\'\xcf\x1f\x7ft\xf9\xfe\x17\x876\xd2UTu\xe5Cp\xf5\x0e\xba\xdd\x83~7\xbc#\x13\xf1Tq6op\xfd\xe0$9\xeb\xfe\x87\xd1\xfa/\xaa\xcb/4\x8d=\x8b\xe3\x11\x15\x1c:\xfb\xe4\x16\x1b\x92\x97apa\xfd\xc3\xc0(#\\_\xf6e\xf7\xc2\xeeS\t,B\xdf\x06%\xbe\x142.\x8b\xc5\xbc\xcd\x83\x1d\x18"\x8cw\x07n\x97\xdca\x1d\xd6\x99\xa9\x90;!*t5qEhI\x89\xe4_\xb9ZTR/Dr[!\xe9[\x17\ne\xcf\xef7&amp;\xdd\xfd\x91Q#\x19\xfd\xe4{\xce\xf9\x9es\x02\xab\xab\xc9\xec\xeawG\xfd\xe1PV\xe0\x03e\xab1\x1aYuM`=\x14:\t\x8ab\xab Y\xc5\xbc\xf8\xcf\xee\xee\x87\xdc\xd2\xef\xff\xf9\xcb\x97\x8f\xaf?|\xf8\xf0\xfa\xa3\x99\xc3\xc7\xe3\xa1XV\xd4dY\x11y\x9d\x87\xdfbt^0jf\xf5\xe8\x01`!\xb9j8\xb1\xbeE\x99\xfe\xe41v\xa8{ \x15\xd6hy\xf9\x0e\x0b\x85\x11\x1e^|\x82\x8cD!\x0c|\xf7\xb6?lH4-\x1a=3_\xce\x0b\x82V\xb7,Y\x00\xa9\\\t\x17\xe5\x81o\x82\x8b\xad\x9a\x15\xd1\xb3\xf4\xcb\xbfv[\xb78\x1et\x01\x94\x87\xd7;3\x13\xc2\xa8\xd7\xe6U\x8a\x8d\xa5\xfc!\xbd\xa9T\x85K\xc0ZE\\?\xe0\xbc\xfa;\xc2z\x02\x06\xba\x82\xa1\x16Ln\xf7\xadZ8\xa6\xa5O\xe0\xc2\x0f \x84\xc1\xfb\xbb\xfat\xe8\xcb\xd0|\xfd\xa0\xa6\xf1yz\xa4{Xi\xd20\xea\xa2\x07\xb8\x10\x92\xc7\xe5q\x81t\xf0\xb8\xf4\xfe\xe7V\xf5\x96\n\x1f\x8a\xcaiuM~\xa6\xb11\xc1\xb8:\xbd\x86R$\xfd)\xf5\x99\xc2\xf3\x93\x93\x07\xe8\xc0\xdc\xf5\x13J+P\xeb\xc9\x9fQ\x05\x96nUBHwP8\xf5\x9f~Z]\x05*\x08\xe1\x83\xf7\xc7\x8d\xa9\x94\xa7y\xb968\x18\x98|\xfb|Z\x89q\xac\xa0[]\xc5\x03ry\xee\x00\xe0\x97\xa5\x16\xcbr\x9e\xafo\x81\x8a\x95\xf9\xd8\x14\xba\xcd\x9a\xc2[\xb5\xab7oL\x84EN\xa6&amp;\xa8\x7f\x16\x80JG\\\x87\x9b\xe0V\x8f\x11\x1a6\x86\x95\x05\x92\xdb\xbd\x00[\xa0-\x7f\x0fT\x01\xf0w\xa8\xc2\xfb\x17\xfd_\xb5\x8b\xe9\xb2&gt;\x9dk\xb5\x83\xb1\xf6\xef\xf3s\xc3\xe4(\x8a\x17\xad\xaeI-\xb0P\x06\xb9\xe0,\xb1P\xa4\xd4W.\x0f;\x9fUr\xb9z\xb3\xd9\xfca&lt;\xd4\x06oN\xedj\x0c\xfefhT\xa1\x93\xa9\x97\x81\x00&amp;K\x1e\xae?~\x8c\x9d\x14c\x01\x80\x1b\x98\xd6\xdc\xee\x05\x18N\xfd{\xee\xedC\x18Har\x08d\xb3\xabo\x85\xf6\xaf\xd5b:}\xb373;\xcd\xda\xa0ws\xbe\xd73\xc1\x1a\xd9\xdc\xd0\xf28T.\x17\xba\x10\x16\xa2\xba\xc5\xcayXs6\xae\xb2\xacb\xdb\xcd\xda\xcb\x9f\x14\xb1\xf3\xe6\xf4\xe55\xcb\xf2\xc2T\x03\xaaLy\xf2\x0e\x0c\x15\xf4\x02\xae\xcd\xd2\xb7\x8e;\xe0~\xe3\x08\xe5^\x1c\x80\x04\xac\xc2\xc6!\xb2`D\xb5\x15\xdcU\xca#\xc0*\x0fo\xe4\xb6Qk6\x07\xa6\xbc\xd7l\xdaU\x84%OM(E\xa0A\x19\x86\xa8\xa8%\xea\x0e\xcb\xc5R\x9e\xeal\x9e\x8bQ\x82}]5\x9a\x07\xa7\xaf:\xf6v\xed\xe5\x9bk\x9e\xb7,&gt;\x95\xcad\xca\x99\xf6I0\xe9p\xedo\xef\x94\x1c,\xd4\x98\xef\xddE\xf0V1\xf7\xd3\xda\xc9\xc3\x87\xd0\x8c\xa1\x17&gt;O\xbeo\xe5\xfb\xed\xbf\xc9\xc5\xfePN\xd1\x82\xde;\xa8\xcdt\xe3\xa0y\xde\xc9A\x85\xa9\xd3\n\x81(\x12\x04\xa6J\x80Z\xa8\xbbP\x90]`T\x90\xed\xe3\xcf9\xf0\xac\xd9\xf6\xf5\xb8{\xd3\xac]}\x16\xf4\xda\xd5\xe9\xf6\x17\x1d\x06p\x1eV\x83rY::I&amp;\x93\x0e\xd7\x06p\xed&lt;^)\xac\xac\x14\x96\x17r-\xff\xe6w\xb7\x8am6\x03\x0f\xd1\xb9\x0fT[\xef/\xe8t\xbf\xdf\xe8JiI\x92\x84&lt;\r\xb9\xdb\xecu\xec\xbd\xf3\xbd1\xa4\xb6\xfc\xcc$\x08\xcaC\x11\t\x84\x95H\xb8\x12K\xe0\x1a0\xea\xc5 \x80\xe0h|w\x0cf:\xdf\xbc\xbe\x9e+\x1ap\r\x14Q\xbb\xbe\xfe8\xee\xbdn\xb5\x8e\x8f\x8f/\x8e\xe0\\&amp;\xb3Y\xc4\x15H\xee\x0f\xbe/\x95VJ\xc8\xb60\xc8\xda\xda\xdaB(\xf7\xda\xabG\x87\xab\x98\xea!\x9a\xfd\x02\xbb\xc7j{ttv\xd3E\x9fptq\xdc\xba0\x9a\xdd\x8a2=?\xff\x8b\xc2*\xdd\x19\x12\xea+\x15\x04\x11,\x9d\xe5B\xfe0IyX\xb6\xda\x9b\xe7r\x95\xf5/\xb9\x9c\xa8\xb4..&gt;\x00\xcaq\xeb\xf5Y\xa7\xd5\xba\x18W\x04IR\xe1\x14\x1b\xd9\xecV\x16\x02\t\\\xb5\xcd\x9dB\xa1T*,;P\x80\xe5\x90\xad\x15\x06\xfb\xf7a2\x82\x03\xe3\xfb\xf3\xe4[\xb5u4\x9a\xa8\xea\xa8;\xb5$\x90\\m\xb5\xd0\xff\t?\x17=M\xbb\xe9\xe4\x90\x05$H\x82]`A%\xb2\x1cGq12\xe3\x8d@\xce\xcf7*9\xd3\xe4\x19h\xa0\x1f+\x15A\x14\xab\xa2f\x8dy\xb1&gt;\x93E:\x95\xf1E\xd3\xe9b\xb1\xb1\xb5\x85\xb8\x02\x81\xe0V\xf3\xafOK\x85\x15\x8c\xe5v\x98\xd6^\xbdzUX\xaf\xa1\r\x02E\xd0\xa1\x92\xe8L\xbf_,\x97\xd3\xa3\xe1\xb01Q\xf3)\x96\xd8\xd7\xc8\x00\x00\x05\x98IDAT\x7f\x06\xa6\x1b\x9a\xe6\xa1\xe3t\xbac\x1eY\x14E\xc6#\\\x84\xc0X\x89%\x98\x12\xa0\x05\x12\t*\x81^\x08\xbd\x81\xc62\x0c\xc7\xf1\xf0f\x8c\x8e\xf1j\xbd\xa3\xb01Z\xd7\x14~\x81\x85\xb9\x9eo\xa1@"\xae\x8d\x1fK\x05\x00+\xdcr\x01\xd4\xcef3\xf9?T\xc1\xb7R\xc8\x9f\xee\x17\xa3e8\x93\xc6p8\xd2\x85|\x8a\x84.-\xaar\xc7\xb0\xcc\x1c\xcf\x85\x98H$\xc2\xb0\\,\xe2J\x10H-\x7f\x18\x92\x8d \x89H\x84f\x18\x9a\xd1-{\xac\x88 a\x0cv\x1e^\xb5,\r\x9e\xe05\xcf\xd3wj\x15\x8b\xa3}\xcc\x05\'\xbb?X\xdf)\xfd\xb6\x80S\x1e\xa0\n\x85\xa7/\x1e\x1d\x06a{\xb8\x8f\xb6U\x18\x93\x83gR8\xec\x85\x9b\xcaeo9Z\x8e\xaa\x93Q\xafS\x97\'\x96\xd53\x0ch\xd6&lt;\xabjJ\x95c\x90\x18\x1c\xc7$H\x1cD\x7f\xdcOrT"\x1e\xa5\x99|\x04dUf\xb6=\x9b+\x82 \xc0\xbfb\xe9\xc0#\x8a\x88\x8b\x06\x87\xf0g\xa2Q\x8cUlc.\x14\xc8d\xf6\xd36$X\x01\xa7z\xa1\xf0\xe3\xfa\xe6`\x1fo5\x0b\xaa\x93#\x142\xb8+\xedM\xabe\xb5,\x953\xa9\xbc\xden4\xda\xb2*\xf0h|b\x95\xd9X\x80\x10a.*Ab\xdf\n\xc5\xe3~\x82ryA-\x9a\x8e\xd0\x11\x06\xfa\xbam\x1b\xb6\xdd\x83\xe6\x0e\xb7y&lt;\xba\xacjuY\xae\xf3\xf0\xf1\xde\x05V\xb1\x7f\xe9p\xa11\xfa\xf0\x14\x12\x0c\x95\xe0\x9fJ/\xbe\xf9\xc7\xa7\xe4\x03\xcc\x84\xa8\xb2[@\xe5\x0f\xc7\xe1\xaet4&lt;2\x1a\r\xcb\xb0\x1a\x8d|\x8a\xc6co\x8c\x80g\xe8\x8b\x8a&amp;\xdebq\x8c\xe3\xf2T$\x1e\'c\x14\x04\x17Q\xd1\x10I\xd0\xc7\xd44Hw^\xe4%\xa1]\xb7\x8c\xee\xb3Z\xafg\x08~\x8c\xf5\x95\x0b\xb0\x82\xa8\x15\x05O@0(\xc7\xc2\xce\xfa\x1f7\x0e\x93\xab\x98\n\xd6$p\x92w\x13\x7f\x18\xeeJ\xa7\xa3Qof\x08uh\xdct\x8d\x86\x9coh\xa3\x89,IyA\xd4\x05\x0e\rx\x1c\x13\xa2\x11\x14\xc39=\x91"\xe2\xf1p(\x06\xef24-\x08\xa2*@\x00\x95*\xa5\xaa\xfa\xac\xa1w\x15\xc3\xee\xf5j\xd3n\xafgI\xfeL\xc6\xe7p\xc1\x95\x86\xc4\xc7\\x2&lt;\xb9\x02\x0b{\xfa\xcd\x1f\x06\xfb\xc1U\x0c\xb5\xa0\xd2ahG\x19\x19\x05,o\xbbm5\x0c\xc3\x18\x0eu\xbd\xdb\xb9\xd93\xac\x9e&gt;\x1d[\x9a\xaeT\xaa\x80E\x87\x80*\x04\x0f\xc8\xe7\xc1\xe5#q\x7f8\x14\n1t\x86\xb6\xeczg&lt;\xb0?\xdb2[\xb7;\x83Zo`w\xe7\x8d\xba\xa6J\xf9|*\xec`\xa1btN{?\x8b\xe5\xc2\xb3\xce\xbb\xab\xedG\x1b\xb7\x01\x04\xd2 4\x833\t\xa8|\xe8\x1e\x80\xf2z}\x19(Ed~)\xb5m\x19u\xc3\xe8v\x8cz\xaf\xd3\xad\xd9\xe3\xfa5\x94\x1b\xc7!\x0c\x06\x1b\x04\xe5"\xfc\xf1p$\x12\nE"\xc2p\xb0\xd1\xe9\x0c&gt;\x7f\xb6\xebB\xc7\xb6\xe7r]\xd1 /c\x04\xda\xec \x1a\xfe\xb8\xcf{\xcb\x05_\x95\xe9_\xe2\xb4\x7f\xe0L\xad\x87M,\x95\xb3N\xc2\xa2\xfbn\x92GRy\x17T&gt;D\x86^C8\xc3\xa1T&gt;\x05\x80uK\xb6lcjw\xecu\x93AbEBL\x88\x03\xebBX$lG`\x1b\xfeH^\xd25Y\xd74HA\x1ar+\x86\x0fA\x92)2\x1c\x06\xb1\xc2\xf8K\x1c.\xfcU\xbe2\x12\x0cs\xc1\xac\xbe\x15DO\xabX\'\x88\xee\x99\n%\xe2\xf394\xffw|\x19\xbf\x1f-d\x04\x01\x0b\x86(JJE\xd1*"\x83\xa9B(\xbb\x12\xc4\x12z\x08\xfb#\xce\xc1)\x0f?\x1c,\xad\x04\xba\x08p4\x92$\xc3\xc0\x15\x06\xb5\x90\\\x00\x94\xc6\xc9\x12\x8d\x96\xbd\x19\xf5\xf2\x04\x0f\x14\xb0\x9a\x06\x1c\xa6l\x16I\xb8{\x9cG1\xf7y1\x97\x0fiu\x07\xe8\xf3A\xf5\xfb\xa1\xdf\x91$"\xa3\x18\xd4i\xa0\x10\x17T\x1c\x91 \x97HX;\xc8\xf0W,\x9a\x01!\xe9\x10\x11\x02\xaa\x18\x89\xb8H$\x17\xe9`-b\xe2P\x81^\xe5L\xa6\xfd\x0e\xa4\x81\xd1\x05\xadk\x08*\t3\xf2\x7f\xbb.c\xdc\x84\x81(\x88\x86\xc2\x12+mgE\xd4Q\xba\xf5"\n\xaf\xcc9\xd2\xf9\x02{\x00*_!\x12Jc\x89\x0b\xa4\xa3\xcb=RD\xee\xe8h\xd2p\x8b\xcc\xfc\xd9\xd8$\x1f$\x1a\x04\xcfo\xe6/\xf8q:x^\xc3&lt;\xd5\xbd4`\x91JX\xdd\xbe\rZAR9\x1c\x17;\x07[u\xd8C\x97e\x18{qa\x9clyR9\xaf\x18\xc9\xa5\xd2\xcf\xc3\xaf\xc8\xa7\xe9\xeb\xed\xbc\xb1\xd3\x13\xe1m\xf0\x13\rU\xbd\xb9\xc2\xe4u.d\x8b\xaf\x19\x8b\x1c\xf8\x9a Y\x98\xaee\xef\xd1\xad\xban\x95\xe2`\xba\x94\xa3aY\x84^)\x1a\x15\xb8R\xd1Uf$X\x1e\x8e\xdf\xb8\x89`\xa7 \nw\xed\xd3\xabW\xad\xeet\x990&amp;\xc9X\x19"\xda\x8a\x8f\r\x0ej\xf6\xcc.X\x84\x1d\xa4\x85H\xac\xfc\xdc=y\x8b\xd0\xc0"e)\xc3\x02\x06\xae\xe6\xb7])\xd9eo\xb5Q\xf6Ba\x00\xc3\xea\x19\xd4\xed\xf2\xce\x05,\xae\xca$\xeb\xd8Z%K\n\xb1t\x0b\\\xad\xa3(\xec\xa0\xe31\x1f}\xc4\x9dO\x9fj\x9c\xf11f&lt;T/\xbe\xc5\xcd\xbaT.\xb5\xde:_\x92\x18\xc7\xed\xb2Y\xb9?|^\x11\xdf\xcb\xedr&lt;\x0cYP\x7f\xc0\xe4\xcb\x9e\t\xb2h\xab\x11\x15\xeb\xe2\x83"\xc4\x00%\xb8\xd5C\xa8S\xef\x02{Uk\x1fwF\xe5\x17.u\xbe\xe9\xfb\xa6)5\xaeF`\x99/\xfc%\xa0\x01^\xfbi\xba~L8Y\x86&lt;,\xae\xfe\xe1U\xa9Z+C5\xde\xc0,EN\xcb\xea\x83j\x17W?\x8e\xc5\xb0\xf3/I\xcd\xc0\x00\x00\x00\x00IEND\xaeB`\x82'</t>
        </is>
      </c>
      <c r="M358" s="3" t="n">
        <v>45492.67741898148</v>
      </c>
    </row>
    <row r="359">
      <c r="A359" t="n">
        <v>980761</v>
      </c>
      <c r="B359" t="n">
        <v>49202</v>
      </c>
      <c r="C359" t="inlineStr">
        <is>
          <t>Ramon</t>
        </is>
      </c>
      <c r="D359" t="inlineStr">
        <is>
          <t>Ramon</t>
        </is>
      </c>
      <c r="E359" t="inlineStr">
        <is>
          <t>LE</t>
        </is>
      </c>
      <c r="F359" t="inlineStr">
        <is>
          <t>LAT</t>
        </is>
      </c>
      <c r="G359" t="inlineStr">
        <is>
          <t>LE</t>
        </is>
      </c>
      <c r="H359" t="n">
        <v>176</v>
      </c>
      <c r="I359" t="n">
        <v>23</v>
      </c>
      <c r="J359" s="2" t="n">
        <v>36962</v>
      </c>
      <c r="K359" t="inlineStr">
        <is>
          <t>Left</t>
        </is>
      </c>
      <c r="L3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eb858ddc-8b36-4b8b-a23d-b300337d1a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11i\x0b\x00\x00\x00&gt;tEXtComment\x00xr:d:DAEewil2SDw:3528,j:2708207235806215489,t:24020717K\xec\xe5:\x00\x00\x00\tpHYs\x00\x00\x0e\xc4\x00\x00\x0e\xc4\x01\x95+\x0e\x1b\x00\x00\x03\x00PLTE\xff\xff\xff\xff\xe7R\xff\xe2C\xfc\xdc:\xff\xe2?\xff\xe3E\xff\xe4I\xff\xff\xfe\xff\xe1;\xff\xe4N\xfd\xdd&gt;+))\xfe\xe1I\xfe\xe1@(&amp;&amp;\x80ZEhG1bE2VA7V5\'\x8edP1,*1//&lt;87\xff\xe07\x86[EN=4nQB\x97fL\x94jW) \x1d\x8caLxVC1% \x1b\x98f\x87_J\x92gR\x97n\\\xfd\xfd\xfdnN&lt;M5\'cI;$\xabw\x80\\J=2-\x1a\x17\x14^;+vQ=sUE433\x99cEF82\x9ffG`A.\\D0\x93`C!\x1d\x19\x9akR\xb3\x82j\x90bHO9+yN4#\xb2{\x1e\x9ekoI1 \xa5qG4(\x1a\x92asL6:,&amp;\xa5r\\lI6\x8b]GyWG\xa4nTW=-\x87dS\xfd\xdeD\x9doY\x95]&lt;\x7fN6]E:\x8bW&gt;~bT\xa3zj\xb2{`\x9fjO\x9bc?\x8dpa\xb4\x87r8&amp;\x1f\xfe\xdd0hNB\xfe\xe8Y\x8diXhL9\xa8wc\x84_OD0$\x96sc\xad}g\xff\xdag\x8c]@~U@w]M\x19\x8c[f?-\x8fY7\x9esc\x9azk\x84Y@\xfe\xdfp\xa9\x81q\xf5\xf5\xf4M-\x1f\xfe\xdfv\xfa\xe4MC)\x1e\xa1mI\xfb\xd8.\xb7\x94\x88\x87R6\x15\x83U\xb2\x8c\x7fuF/\x82ma\xff\xd7\\\xa7nK\x14{O\xe6\xd0R\x81T9\xbe\x93\x81\xf7\xe1B\xfe\xe1~\xacv\\\xfa\xd97\xaa\x86y\xf0\xef\xee\x84hY)\xb6\x7f\xe8\xce;m@*D@@\xd9\xc5Q\xda\xd7\xd7\xb7\x9b\x93\xff\xd5R_NF\xec\xd6C\xaesT\xd6\xbf:mXN\xd3\xce\xcd\xc1\xad&lt;\xfd\xe3\x8b\xcb\x9e\x89\xb3\xa2C\xfc\xfb\xf8\xf5\xdbF\xdf\xc7@\xbc\x84h\xcc\xbb]\xbc\x8bs\xf3\xdeR\xcb\xb8\xb2\xbb\xb8\xb7\xfe\xe6\x99\xa1~q\xe1\xdf\xdd\xa0\x90E\xfe\xe3f\xf5\xd0(\xc0\xafU\xfe\xec\xb1\xfe\xe2XSH@\x11qG\xce\xb9D\x86\x85\x84w; \xc2\xaf\xaa\x82t5\xc9\x95z\xec\xe1G\xb9\xd0I*\x85X\x7fG+d8"\xfe\xfa\xec\xb1\xa8\xa6\x8axm\xaa\xa1t\xa8\x9aZ\xab\x99;\xe8\xe7\xe6PgE/\xa2o]ZW\xcb\xc5\xc4\xfd\xf2\xcb\xa8\xa0\x9f\x93\x835\xd0\xdaF\xa3\x93\x90J~T\xdf\xd8E.\x91`\x8d\x81G\xee\xdbb\x95\x96\x97\x9a[U\xb3\xa5cseX\x99\x89\x81PNO\xbaoo\xc0\xa9\x9fB\xa2]F\x91Ssi&gt;b+\x18efaE\xaex\xc6\xb8r\xa0\x8d5\xad\xbeDW\xa0Q\rf&gt;2lI\xfe\xf6\xdc\xc9\xcbE\x8b\xa8&gt;\xe3\xdfRxtr\x99\x8eXlqm\xbez|\xb6\xa9q\xba\xb8\x80\xcc\xdaS\xdd\xcdz~\xafNf[B\xde\xcaei\xa3J\xcd\xc1\x8b\xd8\xb2\xa3\xb0\xd4\xc3\x96\xbfc\x9c\xb8L\xaa\xc8_u\xb5\x98\xdd\xd5\xab\xa8\xbb\x96i\xb6cZ\xa7`%\x0e\x11\xa2\x00\x00 \x00IDATx\xda\xcc\x98\xdfKb\xfd\x16\xc6\xe7n_\x08V\xfe\xd8\x9bL\xb3PwI\xa2\xf9\xa3\xb7I\x0bbP3\xdd4\x99\xe6\xa8\xc8\x1eM\xb1\xe8\xe8\xa0\x81\x83\x83\xc5@\x81\x98\xe0\xc6\x90\xc1`\x08\x86x\xa5\xee\x04\x19\xde\x8b\xa2\xf7"0\x06\xe6*h\xa4\x8b\xb7? \xba;\x7f\xc1Yk;s8\x7f\x806g)\nV\xf0\xe9y\x9e\xb5\xbe\xeb\xeb\x8b\x17=(\x82&amp;\x08\x82\xe6\x0b\xde\x89\x17\xff\x07\x85@\xd9\xeb\xf3j\xf5\xe6\xea\xdb\xb7\xabF\xf5\xfa:\x8b\x90\xc4\xef\x86:9o\xb4\x9e\xda\x9d\x0ee$\xa5R)\xd7~j5\xce\xb3\xbf\x15\x0c\x8c\xcb\xde\xb4\xda\x94\xd1H\x1a\x8d\x02,\xa1P  \xa9\xce\xe3\xd5\xf5\xc9o3\x93 \x0e\x1bO\x9c\x91$A(\xc1/*\x04\x03\xb2\xf6m\xf5\x84\xf8=P\'\xc7-\x80\x02,\x92\x17\x0b\x90x2|E\xc9\xbe]\xff\x06#!S\xb7\x1dt\x0f\x90\xf8"\x8d\xff\xa3\x18\xbc\x90\xc6\x87F\xf6\x99\x9d$\xe8\xc3\xc6\x03\x87\xa1\x82\xa2(\x8a\x7f\x05\'\xc9_X(\x9e\x80\xbb\xbd~V.\x9a\xae\xb68\xa42\x1a)\x94\x0bm\x0444\xef\xbf)C4\xe3c\x95~&gt;\'\xe9l\xa3Mu52\xfe|J\x05\xa8\x1b\xff\xfa\x0b\x0bu3\xb6\x1b\xd9g\xe2\x82\x06\xbc\xe5\x00J\x8as\x8a\xe4\x03\x8f\xf9\x02&amp;,i\xf7M\xf8S0)w{\xf8,\\\x10\xab\x16R\xe9t:$@\xadP9\xca\x0c\x1f\xe8Hx\x00\xac\x94o\xcanQ\xad\xe7\xe8H\x82\xb8n!\x84\xc8+\x92\xe9\x1c@B\x999\x8ek\xd6\xea\xf5zD+3\x9b\xcd\xb2fSd\x06`\xe9O,!\xf9\xd8\x7f\xbd\x08\x9a\xa7\x92E\x96\xc7\x96#\x91\x91H\xady\xb7\xf7\xf8\xf0\xf7\xf7\xef?\xce\xfcs*\x83abd\xd9W\xf6Ej"3\xaf\x9a\x14%\xa5Z\x87}nH\x82\xae&gt;Q`Z\x9dUH\x94JE\xfa\xac\xf4\xe3\xe8\xfe\xeb\x9f7\xc7\x7f\x1e\x15\xfc\x01\x93iv\xd6eS\xa7\xd2\xf1\xe0\xdeVM\xd4\x04\xe9df\x1d)0\xf6\xd9G\x82\xa8&gt; U\x8d\xd1(\xd4s+~\x7f\t\xa1\xf8\xba/$\xdc\x16\xcb\x1b\x93\xc9\x14pf\xfc\x99L:\xb8\xe7\x9b\xd6F@5\xe8\x0c#\xf8\xd8O\xacl\x0b\xa0\xb8\xe6\x16\xab\xd0\xcc\xcd\xadd2\x85.\xd5\xd7\xaf\xf7\xf7\xf9\x8c3`y\xf3\xc6dq;\xa3\xd1\xa8\x1f\xc9\xca&gt;\x9f\x16\x12\x08\xfdJ]\xf5\xf1\x84$\x88\x06\xf6 \x17\x99b5\x9a\x95\x94\xbfT8\xba\xbf\xff\xfa\x15\xc9\xee\x8f\n\xa5h\xc0\x02b\xc9\xdd+\x00\x05T\xa5\xccY:\xceNMc\x03\x90\xdcU\x96\xe8[\xb0\xce\xdb0\xd5\x8d\xb2\xc8\x94\x02\xa8R\x99R&gt;\x7ft\x84T\xa0\xd6Q&gt;_\x88\xba-\x81@\xc0\xe9D\xb1J\x85\x12p\xf9\x01\xcc\x171\xe3"\xd67\xbd\x88\xec-\xceM\xb3\x17\xd4Rh4\xa0V\x1e\xb8\xba.\xf2X\x89\xa2;\xe0v:S\x89L"S*\x95\xce2\xc0\x05\x8a\xf9\xbc\xd0\x8e\xd2N\x95\xee\x93\x85\xc7\x1c`Q2\xed\xc8\x94\x04\xb1R\xa5R!_\x00\xb9\xbab\xf1r\x05\xdc\x89P\xe1g\x01X\xda\x0fz\x05\x97E\x98\xafV\x7fl$\xe8[8\x06a\x90j\xa7cjE*\x95\xf2\x83^?J\xa5\xa3\xa3\xa3\xfb|&gt;T8(\x84\xa2\x81@4\x84\x80\xa8\x1d\xe8\x95I\xa5\xe2\xf0(\x8f@\xee\x05\x9d\xe3\xbeL/\xe2\xf0\x01\x0e?N\xe6\xd5\x8e\x01\x16d\x1el&lt;\xc3h\xa32\xa1L\xc8\x1a\n%\x9c\xceD\xe8\xe0 \xff\x19\xb0@\xab\xb34`\xc55\x1af\xcbk\x861\xd1\x1f\xb9\xe8\x9b\x0e\x1c\x7f \xd6\xc4\x94D\xadV+\x14\xd0\x8b),g4\x11\x8d&amp;\x12\x89\x90\x15\xb0\xa2\x89P\x08\tC\x99\x8c_\x03\x85X,\x03r\t\x84\xdcq?\x86\xea\xc97\x08\x96Y&amp;\x8a\x8c\xa9$\x125\x90\xc18M\xa54\x8a\xb9\x15\xec=\x00\xb3&amp;\xa2+\x1a\xe0J\x14\x8bN\xa8\x94s\x05\xb94AM\x90\xe9N\x89V\x1f\\\xa4\xb3-\x18\x8b2\x11\x04^\t\x07\x8f\x12\xe2\x05\xe3)\x05fB\xfd\x14,\n\x90\x88\xe8D\xae\x95T\x17\x0b\xfcfF"(W\xfb\xb0\xf7\xcdH\x1f&gt;J\xa5\x94H\x8b}\xa8T\xa9\x94\x12M\xea\x0c\xfa\xdf\xef\x8fc\xfa3\x19\xb0.Qt\xce\xb9Q.\x00\x8cFWVx$\x85\x82e\xd9\xad\x08\xca\xc5\x1d\xf7\x01\xeb\xfa\x81\xc7\x9a\x18S\x81V.\x90K\xe3?+a\x9d\x9d\xc1\x84*!\xd6z\xb1X\\O$\xacV\xab\xbf\xab$@)Xx\xc6F\xbcf\x9d\x80j\xf4\xdeD\xa2\xda!I\xb3L;=6\xac\xb4)U.\xa5\x1a"\xcf\xb7a\x9e\x9fR\x98\xf4u\xac\x04\x9f\xf7\x8c\x9fO\x1e\xcf\xa5fc\xd3^pQz\xdb\x87p\xddPR\x1d\xf4\xa1a\x93\xc7\xea\xba\x88\x03\x15\xc7\xd4A\xfe\xe0\x14\xa8\x8aE\xb7\xb3\x98\xb0\x86\xac\xd6.\xd6\nRA\xd7\xaaU\xcb^\x1c]\x8f=\x0f\x17A7H\x01\x89X\x03\xe0\xa1D\xa2B\x133\x05\xa4:\xfa\xfc\xf9\xf3\xc1\x01R}r\xbb\xdd\xeb\xebV,\xe0B\xadX\xd0J\xcd\x02\x96Vd&amp;\x05\x9d\xf3^c\xd1\'\xdf\x84B\xc0\x1a2\x0c\xbb\xb0\x13c\xac&amp;U\xca\xf3g\x0e\xd4AW,8{&gt;\x01\x15\xb8x\x1a*\xe1\xdcB\x0bq\x9a(\x07&amp;p_\xe5\xaa\xbd\x9e\\\xb0j\xc1=F\'z\xbb\xe9\x02\xff\xd4\x12E\xdc\x8fT\x18*\x7f\x14\'\xe9:\x88\xf5\xd1\xf2\xde]\\\xb7\x86NO\x0f\x0e2!\xd0\x8b\x9f\xa5\x0c\x9880"\x92\x99\xa5\xd4\r\xdds\xac\'\xb8l\xe9\xbc\x9b\x03\xa8\x96\x9a\xd5\xa4\xd3\xd0\x81\xe9t\\\xa3V\xcc\xc9\x03n\xf7\'\xa4\xb2XP\xaf\xf5"L\x088\x86\xc0H\xf89\xc3H$\xcaa\x83\xd6\x0b\xfbM\xa3\xe7X\xd7\x1d\x01)5G\xa6\x86\x11K\xa1)\xd7k\xedv\xbd~W\x1f\x81\xd6t\xd9L\x96\x8f\x1f?\xbe\x875\x10\xdf?\x06\xf8\xbd\x0b\xc6-r\x07\xc1F\x89r,\x02X\xc2\xdb\x1e/]\xb0\xc5sp_\x95M\xf3Xjv\xabIQ\xdd\xfb!\x0e~\xc3\xbb\xa4\t\x94\xc2\xe5\x14\xdf\xde\xcb\xe5r\x9bK\x15c\xd8`&lt;\x1e\x0cb\xbc0\\0\xe7\x9f\x0e{\x8duc\x04,\x91/6&lt;\xa5\x9205\no\x82\xb0D\tG\x85\xa4\x11\xa6\xd9\xa6\xcd$\x0f\x00\x97\xc5$7\x05\xe4\xae\x81\xe5\t\xafH$\x135k\xb5Z\xbd\xccJ\x18Il\x0c\x96.!w\xde\xdb\xcc\x13\xf4\xb1\x11\x12\xef\xf5\xc5b1\x86iJ\xc7\xc7\xe1*?:\xfa\x12kT\xe0x5\xb4\x99\x9c5\xf1r\x99\x92\xae\xcd%\xbc\xda\xe25\x11\xd6F\x1dU\x03.\t\x13\xd3"V\x8f[\x11\xd5\x02\xac\x1a\x8f5\xa2\x1b\x1f\x0f;6&amp;=\x9e\xf9\x8d\xf1\xf1\xd1\x97\xa3B\xc7\xfc\xe2&gt;p\xc1=qv\xd6\xb6i\xf78\xa4Ba\xf7;\x08\xbc\xf64\xcb\xd0\x8e\xf0Wp*\xf6\x1a\xab;Mk&gt;f*\xc6x\x1d\x1b\x1b\xf33Kv\xc3\x82}q[\xbc\x13\x06\xc8\xc9\x99\x85\xfd\xe4\xeb\xd9drmmva\xe6\x95ctt\x14\x04\x1d\x1f\xc7\xefO\xcc\xa2z\x99a\xd9i\xb8\xc8\xf6^\xad.V\x99\x891\xcb\x9ey\xb1~pa\x7f\xd8fK\xee/,T.wvr;\xfa\x85\xfd5\xac\xe4\xec\x9a]\xbf\xe1@-g\x06\x97\x06\'F"^\xadWTg\xd9`\xdd\xdc{\xb5\xe8\x17`"\xc9\xc1\xbf\x1d\x9b\x9a\xf0\xccl/.\xac\xae\xee\xbf\xdb\xb4/.\xda\x01L\xbc\xb3s\xb9\xbb\xba\x96L&amp;\xc1\xc4\xb5\xdd\x8a^\x7f\xb9]\xd9\xc5_q)\x14\x03K^Y\xad\x1c\x8co\x99\x8dR\xea\xb8\xd7jU)!\xc9m\x05\xcb\xb1\xb1\xa5\xa1%\xfbn\xe5R\xac\xff\xc3\xfb*\x97\xdb\x11\xcf,\x82^;\x97\x17\xc0d\x82\xc9\xb0vQ\xa9T\xb6+\x8b\xbb\xab\x1f\x92rw\xd4i\xdb\xb7\x0fy\x11\x8b\xa2z\x8eE\xbf\x00,\xaay\x17,O\x19\xc0\x9aAqnc#\x17\xc6\x04\xc9\xe6=bt\xf1rw\xcd$\x871:{\xb1[\xa9\\^\xc2g\xe2\x19\xfb;\x9b\xdbi\x99}g00\xc1\xb8\xaf\xf7\x87"A\xd3\x87m)U\xbb\x0b2\xcb\xf6\xa5\xc1\x19q.&lt;\xae\xab\xe9\xc6\x05B\xe3\xdf{\x9e\x1d\xd0lG|\xb1\x16p\xba\xdd\xf2\xb5\x8b\xdd]t5\x17\x0e;d#\xda\xc1\xd5\xe4\xacM5\xc0\x04\xd3&gt;Xm:\xd7=\xa5:\xbc\xb99\xbc\x95r\xb5\xbd c\xb0/\ryP\xa8\x7f\x07E\x0e\x9d\xb0\xfd\xbd\xb45\x9f\xcb\x89\x01+\xe9\x84=P\xbeZYX\xbc\x14\x8b\xb5\xb5q\xe1\xcbQ\x87\x0c\xbac\xd5\xa6V\xa9\xd8\xf4\x1d`=\xf4\xf4Nvr\x15O_]Q\\;\x18d\xc6\x0c\x86\x89!\xb1g~r\xfe\xed\x1f\xe1pX\x16\xdc\xf2l\x84A\xae\xcbUS\xe2\xf4\xcb\x17\xf7\x87\xca\xb6^\xbf4\x90\xbe3\x1b\xc9N-\xed\xcdm\xe87%*\x97$]n\xea\xe0\xaa\xd8\xc3\x85\x8b\xbe\xf6U$\xf1\xb2\x99\xbb\x8b\xb3\xb1\x81\x81\xa9eD\x1b\x9c\xd1\xcfx&lt;\x93\xf3bq.\xb71\tb\xbdv\x9f\xfe\xf5\xe5\xb4\xf8\xaf\xddK\xbdxhL\xe2{\x15v4\xf7\xee\xcf&amp;\xc3\x93K\xc3.\x17\x1b/7)\xb2\x91\xed\xe1~J\x1c\xeb\xff\xa9\x0ck"\x90xF\x05G"\xac\x81\x9b\xf6\x19=\x94X\x0c\xb9\xca\xc1\x88\xda\xde\xfd\xf0\xa6\xf8\x17`Y__\x80\\b\xb1\xfe\xad\'\x97\xf3\xa6\xe3\xff\xe1\xd5\\^\x13\xcb\xb60\xde3\x87\xea\xd1\x1a\x1c=z\x14\x8dF\x8e\xad\xe2+\xe5# !z|\xe1\xb34&amp;\x88\x891\xc4`\x12)\x03\xb9\x94\x94\x12H\x81T\x05\x84\x84\x10"\x84\x80\x84\x0e\x9d\xd9\x85k\xc8\xc0\x90\x0c\x1an\x088\x0b\x15\xba\x07\xe9?\xa0!\xa3\x1e\xf4\xf8~\xfb\x14u\xff\x02\xadU/jR\xf5\xe3[\xeb\xac\xbd\xbe\xb5\xb7R6\xed\x9a\xa7aH*\x05\x9c\xeew\x8f\xa3\xf1Y~\xc3\x83\xec\xb65K\xeb\x8a\xedR\x9c#C\xa0\xc7\xe3\xabJd2\xd94J{\xd5\xef6Z\xf7\xf7\x9b\xc9\xbd\x1c\xc1\xea/4\x87\xad@\xcd\x12\x03\xb3K\xb9a\xe3y\x0c\xff&gt;\xc6W"X\x8e\xd3ly\xfb\xcb\xf8\xdc\x85\xec\x16\xad\x91.\x17Jqx\x0b\xcc}\xf9&lt;C\x1bQC\x16\x97\xd4Xe1\x07&amp;\x93\xce\x93\xfe\xcd\r\xd2\xe8Ln6S\xb3\x12"X@\\b\xc5\xe2\xb0\x8fa&lt;r}\xa5r\xacP\xb2\xf4mq\\=\x02\xe7\xe1N\xcb\xdeL\xa5\xe2\x054y\xb9^\x95\xf0\x905\x96G\x1e\x0e\xeb\xe2\xaa\xa9-\x8c\xa2Q\xfb\xc2\xdeI\xff\xec\x0cz\xed-$\x93\xc9L}?P\xab\xd5\xe6\xab\xd5j\x9d\xf1 \x18`\x9dF\xe4\xbe\xe6\x8belX\xe7w;tgf8\x1bo\x1f\x1c\xc4\xe5\xfa\xa9\x10Y8x\xbdkk\xef\xe1}\x16ID\x9d{\'\xb9\x1b\x82uq\xe2\\@S\xf50\xe1z\x95@\xf9\xa0l^\xc0\xda\xce\xca=\xd1\xe6\x8bil#Wc$c\xa2\xf9f\x97\x13\xb0T\t@\xc1C\x10\x17F\xe2\xe3\xa7\x8f\xde\xce\x1e\x11\xeb\x9f\xb3\x9b\xb3\x9b\xdc\xde\x823\x94[\x0b%T$\xd7P\x15&amp;\xcd\x03\xabX\xd9\xae0Qo\xf2\xc58\xae\x8ejh&lt;\xd7\x92\x9b\x83\x97\x17q\xe1\xa0@\xb0Bp\xa8\xa0:;\x83\x11\xfbH\xd6mk\'QBE\xb0\xce\xfa\x90+\xbaF\xb4\\[\x81\xf5\x87\xdf@\xbe\xf5z\x15\xb0|\xa1\x9c\xf3\xa56.\xb5\x0c\x8dQ*\xd9\x1c\xbc\xdc\xc6\x0b\xedBY\'p-~S\x0b\xeepm-\x84R\xcb\xe5.\xfe\xf9\x86u\x93\x8b:\xa3\x82\x83]$\x89\xce\xad\xe5BP\x8e`M\xf9:\x1d\xe7\xad\xa57\xb6\xda\xba\x0cg\x86\x83\xdb\xd6T\x01\'\xb5\x8eE\x16\xa1\x16\x98..\xbc+!O&amp;\xb5\x1f]\xfc\xb4\xd8\x17J\xeb\xe6\xac\x9f\xeb\xe4\xf3d\xd9\xb5F|\xec\x05\x91-\x14\x82\x8f\xad\xfcZ\x1e,8\x9d]\xd9\xc3\xb8\xd4\x12\xf5T\xcd\xc1\xe0v\xddC\xb08\xa1\xb8\xe0P!\xc6J\x94\x99Iu[\x8c\xf7\xec\xcc\x9b\xeb\xf7\xfb\xc2\xaf\x9c\xb7\xc3\xf8\xf2\x1d\xa2W\x7f\x91\x90\xaf\x90\xfd\x1b\xd4\xb2\xbe\x0c\x16\xfe\xd5\x8a\x8d\x0b\xeb\'\xd1\xd5\xbb\xe1`0\x98a\n\x85,\xc7\xb1\xe8\xa6\xa1N\x8el\x8d\xa2\xf6\xccl\xb7;k\x0f\xa1E\xec\x9d\x90\xe8\xe7Nr\x8b\xdeh*\x93?!\xcb\x88\xfe\xe2"\x04MxT\x1e`\xcd\xbf\x0c6\xf3\xfb\xa6\xb1\xcd6\xa2/\x1f3\x83\xc10C\xb0"\x1cK\xdac\x94D\xde9\xb3\x99ja\n\xdd\xccd67\xd1P\x81u\x01\xae\xce\xde~+\x83\x8e\x01\xb0\xbe\xd7\xdbI\x90\xa5\r\xb0h\xf2o\xb0\xed\xf1Y\xc5\xf3G\xfd`\xd0\xb4\xfb\x04,]x\x1d`\x0c\xda\x91\xd3\x9e\xcc\xa0\xa3\x07,\xb7;\xb2\xdb\xee\xb0\x99L\xe6;\'p\xfb{\xcef+\xe3\x8c\x9e\x00\xac\xef\xcd\x11,\xb9\\\xb5\xbd\xcd@\xf1\xa1\xfc\x8f\xf1\x19k\xd1e\xa5\x89\ta\xa6\xd4\xcenpt\xbd\x9e\xa9\x93\x01\xd9N\xda9&amp;\xfaz\r#\xdf\xee\xee\xedp\xd8\xdcL6\xf7S\xb0@\xa9Tf\xc6\xb9\x17%\xfd!\x87\x1c\xcaY\xb6\xb4\xbd\x9d\x1f\x0e^\x06[\x87c;\xaaE\xa2^!\xa1O\xe4\xd7\tVD\xbc\x9f"\xf6\x02\xd6k\xb3\xd9D\n\xebr\x96\x0c\xab\xda%Yw8\xecZpz\x072\xeb N:\xa3\xd1\x0e"\x9a\xf0@-`%\xd1\xfaR\x1f\xc6\x97C\x83\xe8\xea\xa0\xba\x15\n\xe9\x0b\xedl$b\x9dm\x01f\xbf\xd9l\xa6Z5K\x8d\xb7\xd2:~zI\r\xc1d\x16\xd94\xcc\x86%\x1c\xca\x13%\x93\xf6|\xf4[/\x95\x0bX\x99\xc1KW\xf5\xcb8\x97#\x8d\xe72&gt;\xa7\xa9\xcaA\xd6f\xe3%p6\x81\xd9\xd9T\x0b\x86Gf\xe1\xab\xbarqN\xab^Z\x9d\x9e\x96\xad\xee\x06w\xa7\xad\x89P\x82\x99\xc9l&amp;\xed\xce&lt;\x0e\x1e\x86\x01V\xb9\xb4]\x82\xb4\xbew\x87c\x9d\x9a\xaf\xa7X4D\x82e\xacA"\xd8\xad\xd9\xee\xce\xd2\xd2\xaa\xcc"U\xda\x8a\nG\x10\x86bu\x95\xa428g\xdbB\x93\xf5e\x9a\x19\xc8\x95\x8f\xe2\xd4f\x05,v\x06_\xf0\xe7\xf1\xael\xae*\xfaw\xefW\xc8E/\x8f\t\xcf\xd5m\xb5j\xbbj\xed\xd2\xaa\xdf\xefW8\x1cf\x87\x19\\\xab\xc4\xa0\x05\xcds\xc7\xd9BI\xa5\x0f\xef\xa3\xec\xed\xf8`\x19\x86\xd5\x95\x815\xc5\xe4=\xe1?\xc6\xbaw34\x8eT\x89\x99&amp;\x07,\t\x19\xfe\xba\x81\xee\xaeZ\xd83\x04\xcdf\x87\xc2\x91\xa6\xe6\x82\x08\xadZ\x8b\xbf:\xa8\xa2I\x19\xd1Tg\xe1\xc5f|\xf8\xc1\xb2\xe5r\x01X\x8c\xa72\xeeE\xd2oGe\xeb\xc1=\xc1r\xc5\\\x12I`\xe7\xad\xb0FR\x07c.K\xad\xc6\xcf#Z\xf3\xbc\xc5\xb2\x1c)*@\xa6\xa0\xa8e\xeb|\x9d\xd8\x7f\xe2\x13\xcb\xf0\x89\x95\x92.|4\xeeK2C\xe3\xea\xf0\xb7\xde}V\xc3\xbbbn\x89\xa4\xb6\xf4V\xa0\xda\xb5tk\x18\xeaA\xd6\x9d\xc7\xa7\x99"[{\xce\xe8\x9f3\x07\x83\x8e\xb4\xc4J\xd73\xeb\x99u\xb2\x18\xacloUJ\xf1\xf1_)\x8a\xc8\xd3\x8c\xe7\xac\xc6(qK\xf9\x80d\x17T\xea\xb7\xda\x1dX\x9f9E\xfa\xf8\xb4h*\xf2P\x8d\xe7\x8d\xd6\x88\xce\xca\xbb\x83Ho\x8c\xaf\x0bX\xb4\xae|\xb0=e\xd7\xab\x8e&amp;s\xa3\xf8E\xc0rI\xf1\xbf\xc7\xb4o\xdfj\xd5?\xff\xac\xfe\xf7\x9f\x7f\x8dF\x8fw\xa3\xc7\xeb\xeb\xd1\xf3ht\x7f\x9a\xa6\\|j\x7fZ\xad%;B\xb2[\xaa\xd3\\\x1cmk\xeb\xfd\xf5d^C\x88\x1a\xa3\xacf^"\x15\xb0\x82\xa8\xab\xb9\xb9\xa0V\x91\xbd\x7f|\xbc|\xb8|\xe8\x1d&gt;\xfcrx\xf8p\xf9\xd8.\xc6d5\x19\xca?\xa8\xb0\xae\xaf\xd7\xebu1\xb0\x9e\xaf~\xfbr&gt;\x99\xab}\xc3\xf9\x1d\xc1\x92H\x96%\x12\xd7\xaaZ;M\x15#\x11[x\xeb\xf3\xaf\xa3\xeb\xeb\xde\xe1a\xafwu\x85\xdf.\xef\xfe\xf3_@\xa1Y(4a\xba^\x15\x8bu\xf1\xc2c\xc30\xb1\x876\xa2\xcb6Y\xd8\xf0\xcbP\xcc\xaf]\xf2\xa7\x8d\x91\xb8\xeai\xe5\xd3\xd9\xeb\xeb\xeb\x87#\xc4\xdd\xf5\xd1\xd1\x87\xcf\x9f+\xc7K\xda\xe0\x92\xdaLU}a\xba*\xd6\xb1\xf1\xc2uc\x82\xcfY\x1e\xda\x1b&lt;\t\x89\xcb\xe5\x0f\x06\xfd&amp;\xa31\xc2\xea\x9f~\xff\xf4\xe9\xf5\xf7\xef\xf1\xfa\xba\xf2TV\x1a%\xd3KZ\x87\x91fu\xb4\x98\xd6\xc5\xe3\xf7\xbd\t&gt;J2\\\xddoH%\x81@\x00\xcd\x0bM\x00j\x19MV:\xfc\xf4\xb4\xf2\x7f\xa6\xd7\xd7\x90\xbc\\f\xd9\xaa4\x18\xa4":\x1d\xb0t\xc0z\xbe\x9a\xa0X\x86\xf3\xe7S\x93\x14\xc5%`\x05\xe7\xa8e\xe3\xb2T2_\xad\x83\xec[tV\x9e\x9e\x84\xbbY`9\x94\x11\x8e\xa39`\x95\xdb\xa3I&gt;I\x12\x89.\x81%u\xb9\xa4B\x12\x15\x94\xc9\xc8K\xd1Mk\x90,\x93y\xc2O\x84\x9c\r\x03K\xbc\xec\xa0\x8c\xb6\x88\x98\x16\x13\xac\xc2\xe5$\xdf\xec\x8a~\xba\xfa\xcb\x04$W\xcd\x05\xb9\x80\x956Zy\xcc\x80\xbb\x98$j8\xbe1\x1f\xc2\xe0[\xeba6,6\xe2\xf8\x01\x96\x98\xa6\xc5\\\xf6\xbe7\xd1\xe7n\xa2\xf3\xbb\xe3\xb4\xdbm\x01\x99\xdbovPi\xa5\xd5*!kRL4\x98\x031\x7f\xc9bR+\xed\xf3\x01+\x96V\x12,\xb1\x98\xe3\xb2\xcf\x8d\x89b\x19\x0c\x0f\xa7&amp;\xb7;\x16s\x93\xe2\xf2\x03+R\xb5J\xc8E\x06\x99&amp;\xb4\x90\x8d,\xd9\x04*\xd3w*q\x84k_N\xf6\xd1\xa2\xc8\xd0\xfbZ\x94\x02+\xe6vS\n\x05yB"\x16[\x03\xc2,\x0f\xbd\x90Li5\xecc|a\x8d\x89J\x17\x05\xaaH\x049\x9c\xf8\x1b\xcf^\x9b\xc8\x85\x90R\n\xbf\xc2TTr:]\x95\x87\xb1X]\xddAny\x9a!C\xb2N\xf9\x1dKC\xb0\x1e\x1b\x13~I):l\x7f\xfd[*\x05V:M9\x1c\xc5\xa2\xb2,\x07E\xd5\x8a\xc9\x81\x0c5L"\x91\xf0x\xe4\x11P\xa55\xdf\xb04\x1b\xed\xbb\xc6\xa4\x1f\x9e^\xb5\xbf\x9e.\x03K*\x95*\x1cf\x85\xc9\xc6\xc5U\xe4\xfe\xbe,\xacT\x13++!\xf8B]\xd1DQiRZU\x8df#[\xf8\x01X\xf7\x1b\x7f\x17\xc1%\x95\xa6\xcd\xe6\xa0Y\x91Vn\x94KS\xa5R\xb9\xac\xd7{\x12\xf0&lt;PKn$7\xaf8\xc6\xb9\x88Fc\xdb8\xf8!X\xd9\xa2\t-\x151\xf7&amp;\x08.\xea\xb8\xb8\x01S\x0b\x06\x1d\x1c\x0e\x0e\x1e9\xc7\xa5a;\x14J\x8e\x13\x13\xac\xec\x0f\xc2:\xa6\xd2n"\x97\xff\x8d\xf6\x8d\xe00\xd2&amp;\xd3\xb2\t\xd5\xafT\xda\x94\x98RM\xe4\xb9\xb3\xd9Q\x8cpbP\xd9\xb2?&amp;\x89\xd9SJ!|\x8b~-\xe9UA\xa0\xa1S\xa0]Pi\x8a\xfc\xa1P\xc0\n\x05\xc9\x89Hn;l\x1b\xa8\xad\xc7\x1f\x84E\xfd\x8f\x97\xb3\x8di\xeb\xbc\xe2x\x1c\x04\xc6\xc8\x8e\xef\x05\xa6al\x82\xb1\t\xd7/\rvI\xb0A\xb6\xeb\xd7\xc8X\x0e-\x08)\x89\x8a\xdd\xabP\xf9\x8d\xa8X\x953\xa3X\x859(\x08\xa5\x8d\xc4\x94FTE\xa3Q\x84\xc6:\x13\x1c\xf7C5!\xa1-\x1dL\xa8Zj1\xad\xfb\x90T#K\x02C\xd3\xa4(kR\xe5C6i\xffsM6\xad\xdb\xaa\xb4\x83&lt;\x987!\xa1\x9f\xff\xe7\x9c\xffs\xce}\xaeM\xce\x05,a&amp;k\xc2\x14F\x93\xa2\xe7\x90G\xb8;\x1d)\x87N\xbe\xde\xacV\x9b8N\x197\x1e\xdd},1a\xf5\xd6\xd7\xdbi\x1d\xa1)\xa3C@\xa3\xed\xa7\xe9\x08\x9d\xe67Qh\x81u\x88\xe3x,t\x11\xb5\xcf\x01\xebG\xc0zW\xa0\xd2\xe9\x8e\xd0Lv\xb0C \xdb^\xfb\xe8\x03d\xfb\xbfW\xcd3De\x0ehk_\xfb\xcd\xeec\x9d\xe8\x8b\x87\xaa\xedv\x8f\xce\xe3\x19\xc0\xf4s\x10K@\xeb\xd8\xfe\xb6\xbfc\x7f\xd3&gt;\xf4\xf1\x16\xf4\xd6\xa0\x8a\x1b\x9f\x03\x16\xf6\xc4\x11\xc2:\xe4\xa15\x00\xb9JXOW\x89\x0b\x9f\xfb\x06X\xc6\xcf)\xcd\xe6\x00|\xf69a){\xeb\x05\xaa\x81\x81W\xf7\x1f\xfc\xfa*\xddH2`a\x19\xe4;\xecLKX\xe7\xf7\xec:V&lt;\x1e\xe0X\xfb6\xd7\x0f\x9a:\xfe\x0bV\x93\xc7\x82\xa9\xcd\x84\xc42\x13V\xc3\xef\x9f\x07\xd6{J\xae\xb7\x1e\x19\xaf#.\x08\xd6\xd1\xf1\xefXMG\xec\xe8\xf7y\x0eVj\x0e&lt;/\xac\xcf\xe3f\xf88\x1b\xac!\xb0\x01\x8f\x8e\x04\x13.\xdelg\xd6\xab\x03\xf6 \xc6n\x9e3\x11\x96\x11\x85\xd8\xdc\xf0\xd3]\xc6BwJX\xd8b\xda[kt\xc2\xa2\xcc\x17\\K\xb8\xda\xe5\xd1\xd5\x04\x83\xac\xcf\xc7q\xea\x18:@3z\xf9ZU\xe7\x1b\xbb\xdb\x06\xb6\xbc\xf9\x93?\xf7\xc5i\xe3\xc3\xa0\xd1\xaa\xab\xd9&amp;\xd3\r\xe0\x81\xa5\xd3\xd9\x83\xed\x96v\xc6\xe53\x99\xd4rE\x97Bn6\xcaa\x10\ro|8\xd3\xb2\x8bT\x1f\xfee\xdf\xbb}\xef\x99\x95J\x0e\\A\x08\x83a\x8cb\xa9\xa3sk|A{\xcabn\x04UL^\xc2\xa2\x01\xe3\xe4\xd1\xd7G~{~\xb7\xb8\xc4\xe2_=\xe9\xf8\xfeH\x9f\x19n\xc4\xeby\x96n\x85\x08\xd6\x94\x14\xab\x11\x16\xa0\x18\xde\xef\xf7\x99b1E\xd7\x90\xa2+\xda\x15\x08(\xb4\xc6\xda\xe6\xd7C/&gt;ys\xd7^\x8a\xf1\xa4\xf8b\xdfH&lt;\x80\x06\x86\x0b\x81\xab=H\\d\x15\xba\x12`k+\xcb\xea\xf5zN\t\xa1\xba\x84\x85\xa9G{\xb2\xb6\xe1\xc0k\xd7\x8a\x8f[vG\xab\x99\xc7++\xef\x8e\x8c\xc4\xcdj\xb4\xed&amp;\xa4\x17M\xfc\xf6\x1aT\xa3\xbd\x06\xdf\xf13\x02\xa8\xd7+9\xa52\xd0\xa5\x10\xb8\x14\x98\xf6O\xd6\xd6v\x1e8\xa1\xdcX\x7f&lt;\xb3\xe3y\x0f\xa8\xf3\x8f\xd7\xdd+_\x12\x16\xc42\xc5L0\t\x96\xca\xd1CX\xc1 \x1eA?52\xb0P\xb3YNX\x8a.\xb9\xdcf\xd3\xd6\xa2\xc5?\x11\xd8XY\x7f|\xbee\xa7o\xc1;\xff\xf7\'\xebNg\xf1\xd7\x02V\x88\x83^\xbe\xdejvp0\xe8\xf1\xbc\x80\n\xd4\xd9Q\x83,KTf\xeaH\xd5\x8ah\x14ji\x1b\x85\xb3\xb4\xce\x97\x1b\xd4\x1b++\xebOv\x14L,n\xd9\xbc\xbfnp;5+\xcb#o\xc3\xb6BJ\xbd\xded\xe2\xaa-l;\xfa\x9b\x81\x17\x06(\xb9Z\x19\xb6\x97G\x00\x95\x84e\xa6#4T\xa2\xd6\xa6:v\xac\xf3\x80\x80\xe56\xbc\xb3~\x7fai\xe7\xce\xc7fV\xd7\xee\x1a\x80\xe5u.\xbf-`\x85B\xbd\xbc\xcf\xe4\xafF\xd6c\xe6\xc7\x1e\xe4\xf1\x04\xdb\x91Wz&gt;\x04\xb9\x94\xc4f\x05V\xc0l\x04\x96\xaa\xb9\xf9\xc0\x01`9\r\xef\x18\x1e\xcdN\xaf\xee\x88`b\xb1xi!7y\xd3\xe0vk\xbc\xce\x1b\x84\xa5\x0c\x858=\xebw80\xc6\xd2\x95\x1b\x1d\xd5b\xfb \xc3\xebi\xd6\x00\x15\xb0\x95PK\x11\x8f7\x82\xaa\xf6h\xf3\xcb\x07\xb8E\xa7\xd3m0\xdc\xba\x1c\xceA0\xf1\x0eH\xb59\x1d\x0e\x13\x96S\x93\xf0\x16??\x1aW#\xe59\x1f\xcb8\x1c&gt;\x1f\xcb\x0e\xb6\nX\xc1A\x86\xe5yL=J5\r@j\xe5\x90\xd5*7\x9eDji\x9b\x91\xf3\rz`\x19\x0c+\xc0\n\x87\xc7Wg\xfe\xbf\x97\xf4\x8b\xf7\x887\x17r\x12I\xf8\xb3\xbb\x02V\xc2\xf9\x87\xa3\xf0-\x9e\xf3\xfb\xfc\xac\xaf\xc7\xe1`\xda]t\xe9\xc6c\x0f\xb6"\xe3y\x9e\xc3T\x86m\xc7\x1a\x8dY\xdb\xda\x14q-2\xcb\x86a\xbb\xb9yY\xa3q\x1a\xdc\x89\x1b\x17D\xf9\xb0(&lt;\xb7\xfa\xdd\xcd\x02L3\x9b\x0b\xe3aQ\x85(&lt;\xfb\xc8MX\x19\xcd\x8d\xbe\x93\x01\xa5\xde\xe7s\xf8\x18\x7fOO\x8f\x83e\\H{\x8f\x9d.x\xa1u7\xa1\x14\xe56\xab5\x16m\xb3\xb6\xd9\x8c\x8d\x94\xf0\xaatgs\xe3\x86\xc6k0x\xb37.\x89\xf2y\x91D\x94[\xd8\xfc\x8e`BRM\xa7"\xf4_D\xa7\xb7\x0c\x06`e\x13\xc5\xb8V\xae\xe6\xe9\xe0\x89A\x14\xc7z|\x0c\xc9\x05\'u14Q\xa8y\xa5\xba\xcb\xd6\x16\x8d\xd1\xcd\xcdV\x9b\x91\xe4:\xd6y\xb4\xf3\x8b\xa2Wcpf\x0b[\xe7$\xa2\xbcH$\x89$S\x00\xfb\xf6\xc9/\xde\xd3BP\xa9d$/\xa9@\x14\xef\xac\xbc\xe4\x06V\xb6\xb8\xac\x95\xc7x\x82\xb2\xb0t\x02\xdb\xe3\xf2\xb9\xb0;\xda-&gt;\x17z,\x9e\xd3C,\x95M\x1d\xb5\x96no6\x1a\x1b\x1b\xb1)\xaa\x965\t\xa7;S\xd8x_\x8a\xe7\x98\x17\xe5#\x91\xd1\xd1\xd4\x1c\xc8\xf6|+\xb2\x92R\xc9$\xb8\xf2\xd2\xf2\nI\xf8O7_28\x13\x99Bv1\xae\x18\xf3\x13\n\xc2F`.\xc6\x81_\x82\xed\x0eT\x00\xcfq!\xb5\xc2\xa6R\xc8Q\x86t\xc9\xcd\xa6\xd2\xc6\xe3\xc6\xe6t\xbc\x98\xf0\xba\xbd\x85{\xb7.\xd0s\x94\x08T\x91H$5&gt;\xb7\xfa\xeceI\xe1[\x9dK\x81i||&lt;\x15\x91V\xe0_\xfd\xfc\x91\xdb\xe0\xf6f\n\x85\xc5\xe5\xa1!$\x16\xbab\x97\x8b!.\xc6\xe5`,A\x0baa\xf3\t\x05\xbal\xb6\x18\xaa\x10\x82Y\x87\xe4\x82\xc9\xff\xd0v\xc3\x9bq:3\xf7\xb2[\xe7\xe89J\x92\xa9H$\x99\x1c\xc5\x8a\xa4\xe6\x9e1\xc9\xe8}:V\xe7\xc6\x93\xc9\xe4\xf8\xf4\xf4\xf4\xdctD*\xad\x80\xf4w`\x87\xceD\xf6^v\xf1\xcb\xd8\x98\x83a\x80\xc4\x80\xcb\x07\xb9|.p\xb9\x08\x8b\xd3\x87P\x87\xa8\xc4\x18\xf4j\x1bR\xd8\xb4\x87\xd3\xc7\xd2\xe9\xe5b\x86\xc4*\xdc\x9a*\xc7\x92Js\xc8\x8d\xd1\xc8\xe8\xc5\x8b\xa3\x91d$E&gt;&amp;~\x86\xf0\x01*\x95\xcc\x81jnna\x01X{e2\xa9\xe8\xb3\xbb0\x1eM\xa6p/\xb3a\x1a\xf3\xa1\xd5c\x19\x04\x91\xe4\x1a\x04\x9e\xc5\xceP&lt;\xf9^\xde\xa4\x1e\x8aA&amp;\xeb\x90\xda\xaaV\xb4)T\xe9t\xfa\x8bE8\x8b&amp;[\xc8lMH\x89\xabB*\x1d--\x04r\xf4\xe2\xe8\xf4\xea\xd27+\x86?\nP\x08]&gt;)P-\x8cKeu\xfd\xfd\x95\x15\xa8E\xa7\xdb\xed\xcd\xde\xbb\x97X6q\xb0x\x17\xd2^\xc0z\x8b%\xac E\x96\xaf\xd6c\xb2\x18\x8a\x9a\xa2\x84\xa5\xb0\x1d\xee\x02\x96b\xd1\x9b\xd18\x13\x85\xec\xad)\x99t\xef^\xa8U^91\xd1\r\xadF\xe9A\x9aM\x0b~!\xfe\x86\xdd\x8f\x94\xa2L\'\xb1\xa6\xe7\x16\xa6\xf3\xa0\x1a\x1e\x1e\xae\xab\x98\xba\t.\'\xe4Bz\xf1\xbe1\x87\xb0\\.\x98\x97K\xf0.\x94\x01k\xa9\xee\x85^Q\xc2\xb2\xd2k \xd26U\x9a\x12K\x10+\x01\xb1\xa4D%)\x1f\x9e\x9f\xef\x97u_$&amp;Z\x90\xad\x94\xfc\xe2\xff\xb1\xcf\x00\x8a\xe2\x070$V*\x97\xcb\xe5\xa5\xdd2Ye\xffp\x7f\xf7\xb9\xad\x15\xb7S\x90\xab\xb0x\xcd4\xe67!\x99\x1c.G\xcf\xd8\x99\x1e\xa8\x16&lt;\xc4\xbb,\xbd\xd5\xf5\xd5\xbd|\xf48\xdc\xd4\x1aU\x18\xb1Ok\x8f\tT\x1axK\xe6\xee\x94L\x82\x8c\xaf\x90H\xcb\xe6\xe7\x87+e\x95\x95\xd2\xee\xa7X\x00K"\x96\xffy\x8a\xb6\xed\x9e)\xb2*T\xe0\xf4x*\x97G)\xe7\xd6r\xc9\xb5\xd9su\xfd2\xc9\x85G\x06g\x89+\xbbx-\xc6\xf1~\x9e\xf53\xbe\x9e3g\xce8\x18\xbf\xa5\xde\xe2\xb7X\xe8\xd2[\xec\x95\xe3\xc7c\x8a(\xbae\x98\x96\xd6\x06\xc7J \x84p\xbc;\xc3{%\x80\xaa(\x97A\xfe\xbarY\x9dLVU\xd6\xfd/.T\xe5\xd7\xec\x82\xde\xbag;~(]\x085\x9e\x93H\xa5\xb3\x0f\x1f\xfc\x8d\xd6W\xf7\x7f7%\x84\xf1\xeeS\xae\x0c\xf42\xf1\xb45\n\xf7\xda\x9cy\x8ba\xea\xeb\xfdt\x80P\xcdE\x8f\x1f?\x1e\x95+\x1a\x0f\xa7\xd3*\xa3|\xb9\xe8\xf5j\x9c\xdel\xd6\xfb\xd7\xf92)\xb9\x96L&amp;;G\xab\xaaJ&amp;+\xeb\xef/\x9b(\x9b(\xc5\xb1\xe4c3\xff|g\x1eDoisa\x0e\x02%Sp\x13d\x16b\xf7\xc1\xd9\x87\x0f\xbez\x00\xc0\xb55\xfc\xf0\x8b\x8f\x86\xe7\x87\xab&gt;)\xba5\xc4U(d6\xae)\xa9\xa3\x1f\x1bC\x10O\x9d:\xe3\x80\\&lt;a\xe9\x87 \xd6\xe16\x85QET\xca\xe5\xa2\x06{\xb47\x93\xf5\xde\x9d\x1a\x96\xc1IOKg\xd7\x1e^\xbd~\xfd\xfa\xd5+\x1fM^\xbe|\xe1\xd2\x04\x12w\xb8\xac\n\x89\x16\x11\xc0\x16V\x97(\x96\xd0iiU`\xa2\xf8%s\xf9\xfc\xda\xd9\xb5\xd9\xab\x93\x97.\x9f\r\x9f\xfe@r\xfa\xb4\xb4Bt:\x7f\xfb\x97\xb3\xdde\xb2K[+N\xe2\x82\xabzo(\x95\x80\xc2\xea\x01\xd6+\xa7|\x96z=\xc5\xd0t\x8a\xb0\xd2\x87\x8d\x18.\x02\xdc\xb5\xc5\x12U&amp;q\xf3\xce|\x15\xf6B\xc9\xd9+\xb7o?\x98\x9c\x9c\xbc&lt;y\xe5\xc7?\xfb\xf4\xe3\x8f?\xfd\xe3\'\xefO\r\xf7\xd7\xd5\xc9\xa4y\x01,\x92B\xa1\xad\xeei\x11t\x1a/1\xe5\xc2\xe1\x7f\xb4m\xbe\xa1m\xe3g\x1c\xb7eI\xd8B\x82v\\\xa9\xaf\xe4\xe0H\xf7b\xe4\xee\xc5.\x8c\x8c\x12\x9a\xccd}\xd1\xa3\xbaB\xfa"\x07\xc5\x85{\x93[\x08\xeb+\xd1\xd0\xc2\xd8\xa9h\x18\x16qz1\xe1\xa1!d\x84\xd9\x0bS\xd1\x9b\xcaL\xdc\x17\xabm\x9a\xb0s\x88k\x07\xb7\xc7\xd2\xd0\xc6=J.\xb8\xa4i\x9b\x1e\xb4\x81\xb5\xfb&gt;?9m7\xf6\xe4\x8f\xf3\xc7\x96?\xfa&gt;\xdf\xe7\x8fB\xac[z[/-\xdd\x0e\x8av\xc1\xa9\xebZ\n\xd9\x94\xc5B\xd9\x8ac`7\xbf\xcf\xe0i2\x83\x97\x90\x94\x95\x0fG\xe9\xe53\x17\'/\xce\x9e&gt;}z\xf6\x00\xfb\xab\xee\xaf/\x12\xd6\x85\xdfC\xaa\xd1\xf7\x8f\x8f\x80j|\x1c\xf7\x9e\x19\xff\xc1\x9c\xcb\xa9q=\xd8\xf6\xf5b1(*\x8a\xc8\xe5l3\xef\xd6\xbb\xddn\xb9a\x9eM*T\xa2W\x19\x18*.\xf6\xcf\xbf\xfc!\x82"\xa6l;\xb4\xaef\xdb\xa5\xde\x9f\xbe[\xaa\xb9\x96\xdbj\xb9\x00\x03\x96\xd5\xd2q\xae\xa2\xbc\xb9\x96\x99\x18\xcc\xd0\xd0\xc6\x8esttt\xfa\xfc\xf9\xe9I"\x99\x9a=x\xe4\'G\x0e\x90r\x10\x8b^\xe66|\xfc\xe0C\xd2\nT\x97\x06\x9f\x9b\x89\xa4"\x15ZA[S\xb4\xe0F\x80\xb35\x1c\x13\xd6\xbf\x820\x1be[R\x92\xe8\x1d\xa9\xab}\xb0\x18\x83\xa2\xdcA\x8dT1\xd0\xb3\xf1bm7\xeb&gt;\xbawo\xa3\xed\xffni\xe9s\x1d\x897\xdc\x00\xe7\x82\x106\xd7\xc61u\xb1\xd6\xa3\xbeV\xa6G\xdf\xff\x12\xcd\x93aMM\x8f\x1c9\x08*\xc2\xa2\x17\xdd\r_\xfe\xd5C\xd2\n\x19\x87\xb1\n\xc9$\xaf\xe8\xdb\xbe\'\xc9\x9as\xfb\xde\x8dv6\xee\xfc\xac|\x85a\xe5\x94\xfc\x88\x93\x84\\\x9c,S\x9e)\x991\xe4\x0ePqz\xceT\xdc\r\xb2W\xb3V\xcfr\xab\x7f\xfdv\xf5N\xb5Z\xbdvm\xf5G\xd8\xdf\xad\xdb\x02NF\x84\xd56_\x0f\xce\x0cfh\xf9\x9a\x80^GO\xfe\xfc\xc3\xf3\xbf\x9cb1y|r\x96a\x91XS\x17\x8f\xdf\x9c`\xbe\xfa\xdbW\xb7\x9eo\xe2Y\x15\xa5\xb3\xa1\xa9\x89\\~\xbdG\x07m\x1e8t\xa2l\x12V\x823G\\\x9e\xc3\x88\xe3\x00\x86A\x87\xb6\x14#&amp;\x16\xd9l\xbc\xdd)f\xb3\x85\xde\xdf{5\x7f\xe3\xce\xea\xb7\xffj\x17k\xd7V\xbf}\xd2\xdex\xbc\xb5\xb5\xb0\x1f;k\x13\xc4\x85\x0b\x8e\xc1\xf1\x953\x1f\x9d\xc4\x82\x85\x8do\xf8\x02\xc0`\xb1\xd9Y\x96\xc3\xa9\xc9\xcb7\xd1D\x07\x89\xea\xfaS[\x81V\x8a^\xd3\x05Y\xb1\xcbu\xbb\xb7\xfa\x8f\'\x8d\x03\'\x0e\x1d"\xae9I\xc8\x8f\xe4\x05\xa2R\x92i\x89K\x11L\x0c\x86\xca\xd2zM75\x1f\x17\x13e\xb7]\xd4\xec\xcd\x7f#\xf6*{/^\xec\xedU\x1f\xef \x96\xa3\xd8\xd9\xa9\xbc\x8e\xb8\xc6\x07\x07\x17WN}q\xf2#`\rc"\x03\xect\x94\xc3\x0b\xc3\x93\xe7A5\x0e*\xcc\x9c\xa7\x0b&lt;\xa0\x14\xc5\xafz\x02gt\xd7-\xdb\xbf\xb3z\xa7n6N\x1c&gt;\\6\x81\xe5\x95\x1b\x9e\xaa\xca\xb2\x9a\x90\x14\xcc\x00\xda\x14\t\x0bJ1\xbd\x8a\xd5\'\xc0rr\x92\xa46wv\xb6\xb6"\x89\x9a\x9d\x8d\xa2fh\xa2Fa\xe0\x03\xcb\xc4\xc4\x04\xae\xae\xe0\xb0\xf1\x0c\xf4\xa2\xcd\xf8\x02\x14"\xbdX\x0e/LMO\xde\xbc\xce\xb4\xfa\nZU*\x95\xe5\xe6\x82a\xf8\xdbEUq\xd6[\xe5r\xf5\xda\xa3\xa5n\xc1\x199\xfc\xf5\xd7\rx\xcb)\x17\xd0\xeeUI\x92\xd1pU\x99FA\x0c8"v\r\xca\xa1\x16T\xdb9\xdcMM\xa5D\xfc\x10S\x02\r9\xec\xf9\x86d\x9ah\xc9&lt;\xf9\x83\xd6%\xf4\t$\x10W}\x99Lfh\x05\xeb\'\xae\xb8&gt;\xfd\x94\xb8\xd0)(\x97\xb3\xd3\x8cj\x86\xa8^\n\xfc\xc2r\xe5\x01\xd8\xf6\xaa[Fa\xdd1&lt;[\x0f\x9e}\xf3Mk}\xfd\xc8\'\x9f|\\W\xf3\xe5P\xc9!\xd0A\xe60\xcbi\x9c\x8b1\xe2\x11\xd2s9\xf4\'\xd5\xac\xd5\x8a*\xc9\x89\xaa#(\x9e7\xbb\xe5\xbc\x92\xcc\xd7]3\x9d&gt;\x8b\xb74\xbc\xcb\xc9\xa9\xcd5\x86\x050\\\x91\xfe\xf97\xa7~J\xffLL\xaa\xe3\xf7X\x00\x00\x05#IDAT/}\x05\x16\x12y\xf9\xe6\xf5\x89\xc1\tF\xf5\xc0\xc0\xa4Wxc\xa1\xd9\xdc\xac\xbe\xa8\xbc\xfc\x01\xd2-/7\x1b\xdf--9F\xfd\xe3g\r\',\x872\'\xe5$UR\x13\tY\xc5v\x87\xe2\x8a\xb1\xfc\t9\xa4X\x95=\xabV\xb3&lt;|\xc1\xb1\x89j\x14\xdcV\xc9\x04M\xde\x05\xd6\xd9(\xd2h\xc8\x82\x86\xfe\x95\x19\x1a\x1b\x1b#\xb0[\xb7\xbf8\xf5\xc1g\xe0\x1a\x1d\xf8\x05\xb9\xfe\xe2\x977g&amp;&amp;\x88\xea\xd2]\xa2\xc2\xaa\x80\xf7$\x9f\xb0j\x16\xe8@\x05\xe9^\xbel\x81\xf0A\xc1v\x1a!\x84\x90r\t$Q\x92\xb0`\xc0\xfa\x82@I\x8c\xa7\x04J,\xf4\xb2\xc1\xd5\xd9\xdd\xd5\xf5\xa2\xe7\xe9a\xadU*$I\xa2+\xf9\x02C\x9a\x9b\xc3\x86Ch\x8a\\Y\x1b\x8a\xb0\x862c\x8b\xf7\xce\x9c\xfb\xe0\xd8\xb1cGG\x07 \xd7\xf9g\x0fg\x08\x8aQ1( \xb1\x06a\xba\xa5\xd0\xe3x\n&lt;\xbd`\x18\xc9d\xbe\xdb(x\x05H\x91\x83\xdd%\t9\x13%t\x081\x86v%r\x82\x84\xc4\xc9\xc8\x9fg\x05\xd5\xc7\x8f\xb7k\x9d\xedN\xa7c\xd9\x12\x1d3\x91&amp;\xa5\xf6\xd5bXIU\xab\xac\x8dE\x01&lt;\x14\xe49\xc4{\xef\r\x0c\x0c\xc3V\x13\xfbT\x15\x03Pi:\x06Q\xf1\xc4\xe5\xe6mUE\x8fRU\x9e7\n\xf5F\xe8\xa9\xa6\x13X\x12z\xb6$%rrJV\xb0\xbd\xca1\xda\xcbp/\x99\xd5\'j\xd0\xd3\xf5]?\xf0-\xdd3X\x83\x13&lt;OI\xe2\x178\xb5\xbe\xbd\xd2\xf0\xbe,j\x95\xfb\x045\xcf\xd0\xe6_\x7fN\xaf6?50\xb0\xbeBP3\xc0\xba\xf4\xfd&amp;\x1e\x93LGX\xc4\x05\xbd\x9cR\xc9u\n\xbamc\x1e:\xdd\xaec\xaa\xb2\xea\x85!*\x11P\t\t\xd5&amp;3s\xc5\xa8y\x8b\x1c\x07\xa5\x12\t\x86\xac\xa8\x1a9K\xf6\x10E[/\x06\xbe\xae[\x96\x1eh\x1cJ\xa0\xff\x0c\xa8\x95T\x9c\xb8\xe6\xe7\xfb\x8a\xdd\xbf\xf1\xd9\xb93gn\xdf\xc5d\x8e\xb0f\x9e/\x93T\xe9\xf4\x1b\xb5\xe8,\r\x8c\xff\x12\x8bz\xdd)hq\xc3c9"*pI\xb9\x1c\xd4\xa2\xa9\x1d\xe3i\xe9\x17\x88*W0\x0b\x81\x15\xf8\xbb\x1bzJ\x0f\xf4N\x07\xa2\xe9U\xbf\xb3\xd1\xa9&gt;\xde\xf0\xabm\xd8\x81c\xce \r\x92\x10x\xe7\xd5\xfc|\x9fkl\xec\xfe\xa3?\xde\xbb\x8b\xb5\x1aM\x96q\xa1\xb5+\xc9}\xa8$\xcfs\x8a\x87\xf5O\x13\x04c\xc1n6\x9b\xb6\xa7\xd1\xe5\xa7l\x82\x0by2".d\x11K:U"\xaa\x97\'\xb1@Z\xea\x94:\xc1o\xab\xdb\xbe\xaf9=\xbfZ\xdd\xa8U\xfdm?\xf8q\x1bX\xdb\xd5]\xb49Q`\xc1\x8c\x8c\x82\xdd\x8a\xb8\xe6#\xef/.\x0e\xb1\x16K\\\xb7^.(\x91X\xcc[h\xf3\x9c\xd9\x08\xeba\xbd\x1e\xba\x05\xd1\xce\xdbX\x00M[\x0f\xedzH\x91\xefz\x11\xd6\x150\x92L1:\x1f\x1ebI\t\xb3\xd5j\xf5j=\x98\xdd\xd2\x9c\x9a\xef\xeb\xbe\xef\x07\x1b\xba\x8f\xc2\xa4\xda,\x12\xd6\x9b\xa0\xcbPQ\xdbz1\x1f\t\x86z\x9cge\x19q\xad\xb1v\x95\xdc\xf7;a\t\xe8\xef\xad\xa0\\n\xd5\xbb\x9aSv\xcae\xa7\xe1\xe6\xcbX\x05[\xeb\xadR}\xddRTf.\t\x97l\xb2\xc0\xc7\xd8\xf9\x10V\xb2\xe0"BK\xd7\xb1b\x15\x8bE6l\xe83\xdb-\xb0\x85\x8b\xa9\xff\n\xca\x81V|q\x9f\xb0\x86\x86\x08\xad\xcf\x95\x19\x87\xd9#\xaa\xc8V\xa0",\xb7\xde\xa8\x91\xab\xbaZw\xbd\xd4(\x95\xd6[\xf5\x92\xe36z\xc0j\x94\x1d*D$Q\x92\xb1\xaa$\xd31*\xad4+N\xc0"\xc7\xf8\x8dD\xd7\')\x8dq\xbce\x89\xf0\xde\t\xf6\x9d\xb6w\x9f\xd2Hd\x91\xf93\x99\xc5WM\xe5\x1d\xaaH.v]\xe1y(\xc1\xd0\x96\xf3V\x987\x9d0t\xdd\xbc\x13\x16\xf2a&gt;o\x9bj\xdf\xf4\xa8?&gt;\r,\xb4\xa1\x04\t\x98\xa37"\x96P38;\xf6\x17\x91\xffQ(\x15\x7f\x0b\x96".,`;\xaf\x86"\xa8(\x9b\xe3kd+~\x1f\xa7/\x16\xaf\xd0\x12\x81\xf6-p"\xbd3\x17\x90\x194\x9a6\x91\xafX\xc0\xf3J:\xc2:KX9RKb\x95\xca\xb1S\xa5\x9e\x85\x87\x92\xa3\xd8G\x9f\xeb\x1d,\xf6C2\xd8\xe2\xd0\x18\xb3\x18\x96\x9d[O\x97\xd1\xef\xf6\xa9\xd8\x17\n\xeb\xeb\x1cG\xc7c\xce\xc1-\xfb\x06S\x1f\xda\xd0\xea\x90\xa0\xb7(d\x19\x85"\xc50P\xce"o4\xc21\x01X\xef\x12\xde\x94\xb6\xd2?\x9c\xcc\x1c\x1e\xb1\xbd\xcda\xaa\x8f\xabU^\xb3A\x84\xcd\xf0\xee\x03Mx\xab\x15y\x9dQA(:\x10\x03\xa2R\x8e\x18\xa3?\x93\xa8\xb2\xc2\xb0\xfa\\\xa0\xc4\xd4\x8d\xb1\xcb\xb4\x04\x89\x15A\x11\x16\xb7_\xdc\xfd*\xe2\xd9\xa1#\xf5\x18\x9aH\xf9\xa3\x1b\x96\x071\xbe\xf5\xf4\x16\xb5\x85\xebO\x9b\x9a(0q\xf8~\n\xa3o\xe8\xc1\x11\xd5~\xb0/\xe9\xd2_T\x99\xab\xa8\x0c\xa3wEJ\'\xb9\x08\x8b\xb6\x9d\x88\x0cw\x90\t\xeb\xffx\x96\xcc\x81cG\xa9KE\xa9\xc5vH\x9f\xe3\x0b\x0f\xee\xce@\xaabJ\xa6\x9e\x8b\xf3 $\xd2\xaa\x8f\xc5\xbf\xd5\xa7\x1f|\xdf\\\xa2\xaa\xf6\xdd\x9e\x88\x06\x90"\xc1?\xff\x01\xe2\xe3VR\xd9,y\x99\x00\x00\x00\x00IEND\xaeB`\x82'</t>
        </is>
      </c>
      <c r="M359" s="3" t="n">
        <v>45492.67872685185</v>
      </c>
    </row>
    <row r="360">
      <c r="A360" t="n">
        <v>981019</v>
      </c>
      <c r="B360" t="n">
        <v>1980</v>
      </c>
      <c r="C360" t="inlineStr">
        <is>
          <t>João Lucas</t>
        </is>
      </c>
      <c r="D360" t="inlineStr">
        <is>
          <t>João Lucas</t>
        </is>
      </c>
      <c r="E360" t="inlineStr">
        <is>
          <t>LD</t>
        </is>
      </c>
      <c r="F360" t="inlineStr">
        <is>
          <t>LAT</t>
        </is>
      </c>
      <c r="G360" t="inlineStr">
        <is>
          <t>LD</t>
        </is>
      </c>
      <c r="H360" t="n">
        <v>181</v>
      </c>
      <c r="I360" t="n">
        <v>2</v>
      </c>
      <c r="J360" s="2" t="n">
        <v>36040</v>
      </c>
      <c r="K360" t="inlineStr">
        <is>
          <t>Right</t>
        </is>
      </c>
      <c r="L36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4f4d3e-7b45-4de0-985a-d30c2725d0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f0y\xc0\x00\x00\x00&gt;tEXtComment\x00xr:d:DAEewil2SDw:3719,j:7953779670898685258,t:24032500\x7f\xf4\xea\xa1\x00\x00\x00\tpHYs\x00\x00\x0e\xc4\x00\x00\x0e\xc4\x01\x95+\x0e\x1b\x00\x00\x03\x00PLTE\xff\xff\xff\x03\x03\x02\x02\x08\x05\xfd\xfe\xfd\x01\x01\x00\r\x06\x02\x0b\x04\x01\x12\t\x03\x10\x08\x02\xff\xff\xfe\x14\n\x03\x05\x0c\x07\x06\x04\x02\x18\x0b\x04\t\x08\x06\x0e\x0b\x08\x1f\x0e\x06\x11\x0f\r&amp;\x11\x07x\xb4\x8e\x16\x14\x12\xfb\xfb\xfb{\xdc\xb3\x1b\x18\x14{\xb7\x92\xf8\xf9\xf8\xe2\x9cv\xd4\x93o\xd9\x97sw\xd9\xb0\xe3\xa0{\xef\xca\xb0\x1e\x1c\x19\xd1\x88c\xc8\x87d9\x1c\x0e\xd0\x84]\xe9\xa2|\xdd\x9av\xe9\x9ev~\xbb\x95" \x1d\xe1\x98q0\x15\n\xd2\x8ej\xee\xba\x99\xdb\x94n\xec\xaa\x83\xec\xa5}\xef\xbf\xa0\xf0\xb2\x8d\xe5\xb1\x92\xdf\x88[C\x1f\x10j&lt;&amp;\xe1\x92g\xef\xc4\xa8\xe2\xa4\x82\xec\xaf\x8a\xe3\x95ke6 \xd7\x82V\xef\xa2v|\xd5\xab\x83\xc1\x9a2\x94q\xef\xcf\xb8\xd9\x87\\v\xaf\x8c\xd0|R\xde\x8ed\xc1\x80^\xeb\xb4\x92\'\x17\x0eS*\x18\xc7\x81]/\x86d\xa4hI\xed\x9cp\xa9nN\xd8\xdf\xe6\xe7\xa6\x83@\x8fp\xcc\x8ci-*&amp;\xc9vM\xdb\x8ba\xe6\x99p^.\x1a\xd8\x8fiI&amp;\x16\x8aT9\x17\x0f\nr\xab\x87\xde\xa0|\xafoO\x9ccF~\xdf\xb9b\xaf\x8b\xe7\xab\x89\x98^@\xf0\xb7\x93\xf3\xf6\xf5l\xa5\x82\xf1\xad\x85\xb3sR(%!\xb6yX\xf1\xa8~32/~K2\xd7\x9c{|D+\x91Z&gt;:\x87i\xe9\x96i)\x7f^\x85N34\x8el\xf0\xd4\xbf\xc1pI\xbb}\\\xe7\xb9\x9d\xf2\xf0\xee4}a\xcb~WsD,6\x98yX3!\xadwZ\xc5zU\x95S5\xe1\xa9\x8a\xb7iDX\xa4\x84\t\x13\x0c\xe4\x8d^\xe0\xe5\xec\xbesOI\xb9\x96/\x1e\x15g\xd3\xacg\x9f~F\xb1\x90r\xd4\xab\xe8\xef\xeft&gt;&amp;\x87D*\xbd\x85gKv]+\x8dk9&amp;\x1c\xe9\xe8\xe6/u[\xbdyV\x8fL1\xa2_?P\xc3\x9da\xcd\xa6F\x95v\'\x87ao\xdd\xb4\x88\xc6\x9e\xeb\x91`Z\xc7\xa1;\xa1\x81\x8d\xcb\xa3\xabfE\x8f\x91\x8e\xd8\xa3\x85\\\xab\x89\x80\xe6\xc0J1#\x89`J\x92kU?\xaa\x8a@iQM\x9c}N\x92tY\x84jr5\x1f\x12\x1f\x17\xf1\xdc\xce\xe0\xe1\xe0[?0?&gt;&lt;W\x9b{mN&lt;\xc0\x91s\xac`&lt;\xd8\xdb\xdaYYU.oW`\x91r.N&lt;JKH\xa1X6\xc1\xc3\xc0\xeb\x90\x8cL;0\xd2\xd4\xd3\xba\xe4\xd2&gt;1(\x92\xcf\xa7\xcd\x9d\x81d\x98x\xbb\x99\x83\x9fmRcI:fid\xb1\x87n\x81\x83\x7fqsp\xcc\xe8\xdb\xa0NG\xc0\xd5\xd2\xc9\x94u\x9e\xa0\x9d\x8exf\xda\xae\x93\xaa\xad\xaa\x9d\xda\xbfG\x85ic\xb7\x95\x8a\xd4\xb4\x9eu[\x89\x9e|z\x9f\x81\xcc\xcd\xcb\xcf\xa7\x8czUA\xe1\xc6\xb21]G\x89\xb9\xa9\xdb\x8a}#@0\xda\xed\xe4n\xc2\xa3\xb4\xb7\xb4\x9b\x90s\xa5\x85fw^L\xc1\xa8\x94\xccng\x1c2&amp;\xac\xd5\xc4\x9e\xc6\xbb\xe5{z\xec\x9e\x9c\xda\xb8\xa3O\xd1\xad\xbaaV\xd0\xb4\xa3\xe2\xd6\xca\xa1\xa3\x81\x8e\xad\x8eT\xa8\x0e\xec\x00\x00 \x00IDATx\xda\xc4\x98_L\x13\xe9\x1a\xc6w\x1c\xaa\xe0\x19g\xf8\xc84_\xda\xdd\xf4\x8c\xf2/S\x17V\x97\nV\xc0\x8b\xd3P[\x89\x9af\x87\x02:\x01\x92z\xc82\x9ba1\xc6Dij\x94?\t!\xbdY\xdc\xa4\x04\xb9\xe3\xc2nB\xbd"\x81\x06\x81\x8bJ d\xa3 \\\xc8\x91\x9bM\\\xbc3\xc6;\x13/\xce\xf3Ma={}\x06\xfd:L\nW\xbf&lt;\xef\xf3&gt;\xef\xfb\xf1\xd5W\xff\xf7\xe1y\'\x9f?N\xf68\xf9\xaf\xbe\xf8\xc9\xd3\xb8xg&lt;&gt;\xbe\xba\x1a\x1f_\xdeY\x9e\xb5 \xbf4\x94\xd35\xfbz9\xbd\xb9\xb4\x943s\x1bK\xaa\xa6-\xcd\xc6\xbb\xa1\xd9\x17\x12\xcd\xd2)\xfe\xfa\xed\xce\x96\xa9\xa8\n\x91$U\xd1dU\x16\x05\x92\xcd\xe5\xd2\xabq\xe7\x97\x10\x8dw\xf1\xbckqg3\xa7H\x82 \x12\x15P\x84\x10Q\x10%\x91\xe3\x04N47\x16\xe3\xb3\xf1\xcf\x8d\xc5\xbb\xbaW!\x93\x9aU$I\x04\x05\x11eU\x92U\x81\x03\x97P\xc0q\x87D1\x9b\xcb\xe6\xde\xba&gt;\'W\x11\xcf\x8f\xbf\xdd\xcc\xca\x12\x91E\x19o\xa6\x8f \x89\x04\xc2\x01\x91\x03\x16G \x1a\'h\xcb\x9f\xd1aE\xbcsu\xcb\xd4\x88H\x14\xd1\xc8\xaa2\x118\xc0H\x84P\xd4Q\x90\x88XPP\xc0\x15\x14\xe0\xbb\xb84\xfb\xd9\x0c\x06\xa3\xaf.\xa9\xa6\xac\x12\xa2\xa8\xaaAe\x19\xee\x92%\x89\x9a\xd9\xac!q\xd0\x0frA7bH\xa2\xbc\x15w\xba&gt;\x83bE\xcc\xe9\xe9%\x03\xcd\xa7\xa0\x84\x92,\xa3\xffD\xfc&amp;QM1s9U\x10(\xb0\x88!r\xa2\x04:e{\xbc\xdb\xf59\xb0\xba\xb7s\x9aFd\x99\xc9E\x89L\x14\n\x8b\xc1\xf8"\xfe\xa6\xaa\xb2$0\xa5$\x85U\x92\x99L\xd9L\xbf&gt;\xe8\x0c\x83\xabf\xb7\x0c\xd5\x90\x99H(\x1f\xea(\x13\x99*\xd4\x94\xd1\x90"t#2s\xbd\xc0\xa9\xd4\xea\x03\x81;D\xe5\xad\xd9\xb8\x93/:P[\x8do)\x8aiJ\xb2\xa9\xe1\r\x99\x14C\xa3\x8a\xa2\x82\x91\x88\xa2\xa1\x8a\xcce\x08\t\x8e@&gt;\xca\xaa\x88v\x90\xb2\x1b\x07\xd8\x91l\xd0\xc4\xd3H*\x82&amp;\xd4T\xd4\x8c\x12\xaa\x9ap\x15\x81\xc7T\xc4\xbc\xa9\xb2\xb8PE\x11q\xc1\t\x84\xb5\xa4$\xa3\'%)7~`r\xf1\xb0\xd5\x92A\x81!S\x08\xc3\x90$BM*\xe9a\x9cdX7\x80\x06\xcd\x14\x0c \x81=\xa2\xc8\xa4\x02$\'\xaa\x8b\x07\x96\x13&lt;\xbf\xa8\x89\x84*\xe0\xc1\xa0ad\x1a\xd1Q&gt;\x99\xae\xa5\xa6\xa7\xd7R\xf0\xbe\x83e&gt;\x93\x8bM$Ia\x03\x80\x13\x99\xfb\tk\xc8\x03\x81B4\xacj\x9af \xaa\x0c\xe4\x01\xc6\r\xa1\xb2\x84\xef\xba\x9c\x9c\x9e\x9f_YK\xaa\x94H\xba\xe3\xb0$;D\x96\xfa@\xc4,\xe2\x18"\xc7\xc9\x1b\xe3\x07b/\xde\xe5\x8a\xef\x18\xa6&amp;SMS\x0cJ%P\xa9Zr-\x99J\xa6R\xeb\x99\xcc\xeet\x8a\xea\x125d]\xd7\x8f\x80\x0b\xaa"ZE\xcb\xf4\x18\xe1\x82\xf9\xday\x00e\xe4]\xb3\xb3i\x03\x9d\x87\xdeC \xe82V\x06\xaa\xac\xac\xac\xcfM\xcf\xad\xdf\xbd\xd1\xf5\xfc\xfe\xe3\xf95U\xa5\xa6\x11.\xa6\xc5\x94\nl\x1a\t2\xe1\xac)\x89\xac`yo\xbf\xed\xf9\xd9\xc5\xed\xac"\xcb\x86Iu]\x91\x1d\xba,C\xa7\x95\xf9\xdd\xcc\xe3\xcc\x8d+\xcd\xc7\xbf\xfe\xe6\xe5\xe3\xf5T\xf8\xa8\xae\x17\x173\xffS\x07s\x17\xd2\xcc\x92\x8c\xe5\xaa\x9c\xb6\xbf\x8cE\xfc\xf8\xf2\x92\x8cE\x0f\x81@\xa9\xa9\xe8T/\x0e\xeff2\x99\xe7\xcf\xef\\\x98\x98\x18\x08\x04\xdb\x7f\xb8\x9f\xb9WZZZRRz\xf5^\xc3\xbd\xe9\xa4\x8eJ\x16PY`\x0b\x98\x95\xf8\xca\xe6j\xb7\xcd`\x88\xf74KwE\xcb*\xeaZ8\x99LN\xf7\xde\xcd\xfc\xf1\xeb\x89\x13\xcde\x81@c\xa21\x10&lt;\xde&lt;\xd1y\xed\xd6\xad\xde\xbe\xde\xc1\xeb\xd7\xaf\xf56L\xa7t\x07r\x02q"YX\x05\x05\xe2\x96\xddz\xf1\xce\xf1%\x95*\x86\x89]][\x99\x9b\xbf{\xa3\xb3\xf9\xf8\xf1o\xbfmo\x8f66656%\x9a\xca\xa2e\x038\xa3\xb7GGG\x87\x1fM&gt;\x1ck\xbb\x9a,&gt;Zx\x18\xb3R\x82ThF\xd6\x8e\x8b\xf6r\xf1\xddi\x95 \x0c\x0cM\x0b\xaf\xcd\xf5^{\x94\x08\x04\x02Q\x1cH\xc5\xb0\x9a\x00\x96H\x0c$\x12-\xa3\xb7\x87\x87\x17&amp;\x9f\x0e&gt;\xa8m\xbbXZ\xa2\x17\xc2bL,p\xe1E\x96\xc6\x8bl\xed\xc3\xc5\x9cB\xb2\x1a\xd5Lmm\xbd\xf7\xd2@S#p|\xf8aX8MM--\x03\xa3\x03\xa3\xa3-\xb7\x87\x17@\xf5\xf4\xe1\x83\xb1\x86\xb6\xab\xa5%\xc7\x8e\x1c\x16&gt;a\x89\xe6\xaa\x9d)\xc1\xbb^\x9b\x06\xa10{je&gt;\xd3\xd9\xc4X W\xc0\x17`r\x05|&gt;\x80\xb5\xdc\xbe=\n\xad\x98X\x0bO\x07\x07\x1f\xf650\xb9\x8a\x8f:\xf2\\\x05\xec}H]\xb6\x15\xab{G#D3\x94\xb5\x95\xddLg\x028&gt;_\x14O4\x1a\xf4\xb1b2\xdd\x98`@cj-0\xb5\x1e\xcc\xb4]&lt;s\xb2\xf8\x88\x03\\\x96\\l\x03\x93\xdf\xda\x89\xe5t\xa5\xb1\xf1e5em\xfdqO\x19\xca\xe7\xf3\x05\x83\xd1\xba\xba\xba\xfa\xba\x91`\x14_a2\xcbb\x00\x1b\xce\xcb\xf5\xa0\xef\x13\xd6aV@\x0ep\xdc?\xb6\xed-\xe26&amp;\xb4i ?3w,\xach\xb0\xae\xde[_\xdf\xea\xf5\xd6\x83.ha\xb1\xc3\xf4b\x82=}\x08\xac\xab\xc0:V\xb8\xc7e\x99\x8bK\xf36F=\x1aQ\x96\x14SK\xad\xefv5\xa3\x80&gt;\xdfH}\xbd\xd7\xeb\xf1tT\xb8\x19X\xb4=\x18m\xfc\x8b\x8aq\xa1\x8a\x0c\x0b\xe6\xb2\xb0\xa0\x94\xc8\xd4\xe26\xec\x9c\x8c\xce\xf8\x96L%8k}\xf7JY\x80\xd5p\xa4\xce\xed\xe9\xf0\x0f\xf9=\x1e\x8f\xdb\r\xc1\x82Af{\xab\x8a\xac\x90y\xac\x8bg,\xcf\x03\x0br\xe5\xd5\xca\xd9y\xdf(\xeaN\x13\x82\xbdsm=s?o\xad\xba:w\x87\xc7_\xd3\xdf_\xc3\xd0\xdcP,\xc8\xca\xd8\xc8|\x0f\xcd\x16\xf6\x13\xe2$\xc3br\xe5\x07P\x81\xadX|\xf7&amp;\xbbB+\xa9\xf9\xc7w\xf6\x1c_\xd7\xea\x89\x80\x8aqE*\xdd\xf5\xd5\xde\xfa\x80\xcf\n0\xab\x94\xc3\x0b\x83\x0ff\x1a,\xcf\xe7\xcd\xb5\x8f\xb5ac\ry\xfe\x97\rvgVV\xe6\x9f_(\x03\xd5H\xb4\xce\xeb\x89\x0cYT\xc0rC-ou\xbbe\xfb\x96DS\xcb\x80\x855\xc6\xb0J\xff\xc2\xca\x87W\xdaF\xac"&gt;\xbe\xc1\xae\xcd\xc6\x1e\xd6Hp\xa4\xd5]\x1e\x19\xaa\xe9\xb7&gt;5\x11?\xc0\xaa\xdb\xdb\x03V\r\xad\xf9\x83\x84\x18\x83\xb9\xac\x9c\xb7\xb0\x84\xfc\xbdq\xd3f,x\x8bjs\xbby\xac\x91\x9b\xad\xa8\xa1\x7f\xa8&amp;\xd4\x7f\x9a\t\x16\x8b\x94\xef\xf9\x8b\r\xa1\xbdN\x1c\x9bi\xd8\xf7\xfc~\x15\xb9\x82M[s\xeb\x97\x9c(\xea)\xec\xec\xc0B\r\xa7n\xd6W\xb8=\xfeX\xa8&amp;\x14\xea\xaf\x89\xc5"\xb1\x88\x1f\\uhG\x18\x8b\rF`\xf5Yj\x9d,\xf9\x1fs\xd9\xab\x16\xcf\xcf\xe2\xae\x1afi\xdau\xa1,0252U\xef\xad,\x8f\xc4j\xceA)PE"\x08\x8a\x8ajo0\x1ahJ\xb0\x11\x04o!O\x99Z\'\xad*:\xf6\xb1\xb6m\xc5Z\xd4\x88b\xe8\xa9\xb9\xf9\xce\x89\x04j85u\xb3\xb5\xbc&lt;\x12\x89\xc5\xce\xc5"\x90\r\xd9\xe5\xf5VW\xb7W\x03\xabi\x00z1\xcb\xc3\xf3{X\x85\x9f\xb0\xec-\xe2\xb8I\xa9\x9a\x9c\x9e\x9b\xbf\xd2\x0c\xb1@u\xb9\x92\xa9u\x8eI\x05[\xb5\xbaq\xd0\x8a\xd1hY\x99\x95\xf4\xc3\x93\x18\x8ac3\x08\x88\x92\xbfa\t\xf6b\xc5\x97p\x95N\xdd\x9b\xbe\x8b\xf5\x81aM]\xae,?\xf5\xdd\xb9\xaaP(\x04\xae\xcaJ\x8f\xdb\xe3\xa9fr\x01\xad\xb1i/ ff\xda V\xf1\xb1#\xe0\xdaWk\xcb\xd6N\x9c\xcdb\xdbZ\xbb\xdb{\xbd\xa7q$\xaf\x16\xa0BU\xfdUU!\xb4a\x04XnwEu\x85\x17\x83\x08\xfeJ$\x98\xe7\xfb\xfa\x1a\xd8\xc2\x05\xac\xc2\xc2B\xc7\x1e\xd6\x86\xdd\x96\xa74U\xdb\xf5\xd3h\x1e\xea\xf2\xf9S\xe7B\xa1\xaa\xaa\xd3U\xfd\xfd\xe8\xc3r\xb8\xab\xa2\xc3\r8\xf4c\xb4\x0c\xeb\xf3\xe8\xe4 \x9b\x8a,\xe5\x8f\x02\xcb\xe18\x00\xb5P\xc4-\xa2\xd3\xe9\xbb\x97\x06\x02\xac\x82y\xb1\xfe]\x15:}\xfat\x7f\x08\xc1\x15\xc1`\xf4\xe3\xc1\xf4\x8e\xf8\xab\xdb\x9b\x07\x06z\x1eaC}P{\x91\xc5i!S+\xbf\x0b\x1eJ\xdb\xbb\x9dnJz\xf2^\xef#\x16\x0e\xa8\xe2\xe5\xf3?~_u\xf6\x9f\xf8\x9c}s\xfa,\xb8bCC5\x8ck\x08\xdf:\xbe9~b\xa2\xa7\xe7\xd1\xa3\xc9\xc1\xb1\xb63\xe1\xbfaq\xdb6c\x11\x1a\x9e\xbb5\x1a\xf0\x8d\xf8|7\xcf\x9f\xfa\xf1\xfbP\xff\xd97o\xfe\xf5\x06\xe7\x835\xaf1\x84\xfc\x1d~?F\xa4\x1fX\xcd\x13\x13=\x9d\x97\x06{!\x17\x1b\x8a\x96\xb9,\xac\x1d{\xb7\xd3\xb4\xa1\x84ko%\x02\xd1\x11\xdf\xcdS\xdf\xc5\x86j^}x\xf3\xe1\xe3\xc7\x8f\xef_}x\xf5\xea\x15`j\x10\xac(d\r\xc4\xfa\xe1\xc4\x85\x0b?\xf5\xf4\\\xe9\xba\xd6\xd7\xc0\x16TL\x9f=\xcfs\xc4\xde+\x86s\xc7\x08\xa7j\'\xcb\xb0\x1c\xd7\x9f\xea\xf8\xf9\xe5\x93g\x7f\xbe\x7f\xff\x0c\x0f\xce\x93\'\x7f\xfe\xf6\xdb\x10\xa3\xaa\x80\\\xfe\xafO\\\xb8\xffGWfw7sm\xb7\xf6j\xb8\xa4\xa4X\x87\\\x8eBk\xa17\x16\xed\xfd\x8f\xdb\xb2\x11N\xd6^\xc2\x1d\xac\xba\xe2\xe5\xaf/\xde\xbd{\xf7\x9f\xbd\xf3\xe2\xd9\x8b\x17\xbf\xff\xfes\x87?\x16sW\xff\x97V\xf3{i#_\xc3\xf8\x11O\x92\xc9\xac\xd9\xcd\x86J\xa9\x8ai\x92IC\x13\xc7$c\x13\xc71\xcdEJ5&amp;4"ik\x8ca\x15\xe2,\xb1\x8dID\x82U\x89\xc4\xfc\x00\t\xde\x9c4`Q\xef\xbcp\x03\xeaU\x89J\xdd\xf5b\xb7t)\xe2\x16[J[\xf7\xa6P+\xecE\xf7\xb4w\x07V8\xef;\xb1\xe7\xfc\x01\x9d\x1d\x15\xc1\x1b?&lt;\xef\xfb}\xde\xe7\xfdNZ/]\x02\xad\xe66\xdf?\xdb^_\\\\__P\xc2b-#\xf1,V\xb1~\xde\x12w\xab~w\xb3g!=LQ\x14\xfc\xd3\x8d\x8d\xcd\x8d\xcd7\x9b\x1f\x9fm?{\xf4~\xe3\xedaiw\xbf\\\xee\x08\xf7\xb5j\xe0\xf1\x97\xe66\x1e\x01\xd5\xd3\xcb\xe7\xcf\x87B2\x02\x07"!8W\r\xa6\xc0\x7f\x89\x89%\xaf\x07\xac\xc5 `y\xe7\xe6vK\xc0\xb1\xbf\xbf[\x9a\xfbm|\xb8\xb7wn\xaa\xdb\xdf\x04\xe5\x0bw\x0cd2\x99\xee\xa9\x1b\xb1tpq\x11\xafS\x15J\xa5\n\xaf!\xa4R\xa1\xb9\xf0:\xe9\xc5\x8c\xa8j]\xf8uga\x01\xb1\xfc\xf1\x1cv7\r!\xab\x1co\xf4w\x8f\x8e.uk\xfd\x03FH9\xcd\xd4=0\x85A\x0c\xf0\xf0e\xf3\xa4\x1d\xb3\xb3\xb3i\x9d\x12Gb\xb5\xe7k\xbe\xfeA\xc4(/\x07\x83\xd8\xda[x\xba&gt;Bi\x9a:\xdcn\x9ew\x87\xa1\xed\xfd\xa5\xbb\xc3\x83\xc9\xf1\xa1\x82W\x03X\xe1\xb01\x95_\xcb:l*\x95\xc9d\xb2\xd9c\xe3\xc3\xc3\xc3\xe31\x07\x18\x17I\x92\xd5\xf1S\x03K\xb5\\\xbcc\xf8}=8\xc4\xe2\xd3\xf5\x1b\xd4@s\x98\xe38\xf3@aj\xf7\xe0\xd3\xbf\xe7F\x06\x13\xc5\xf1\xbb\xdaV\x08_n\xf7\xa5\xd4\xbd\x95\xa2M\x05\xa5S.~&lt;&lt;8(\xf5\x0e\x02T\x0f\xccj\x05\x0e \xc0\xaa\xbb\xf9\xabhX\xb53\'\xbb\x07\xa7\xb5\xbf?Y\xdf\xee\xa5\x8cz\x80j\xa6\xd6\xbaK\x9bx\xd6l\xe9\xc4rv\xd4;\xd0o0\xbb\xe9\xe6\xab\xb7V\x1c0\x03\x15\xca\'\x07\x7f}\xfa\xf3\xcd\xc7G\xe9tP%ST\xb9\x04\xb5v\x1e\xd4\x8a\xf5"\xaf\xfeT{\xe5\xfa\xdc\xe9\xe3\xed\'\xdbw)\xa3\x99\x8bX:\xbdK\xc9\xed\xbd\x9bc\x97\xebBO\xd6\x1d\xd9\x1f[:\xfb-\x8c\xdbm\xb8z/\xeb\xc1\x1c\xb3xp\xb0\xf1q\xe7bM\x8dT\x16\n\x91\x84\xca$`\x11u5_\xef]\xa8\xbd\xf0\xd3\xbb\x07b\x80\xd5\x9e\xfcH\x19\xaeh\x0f\x1fm?\xf2^3p\x8cY\xdf\x99\xc9n\x1c&lt;~r\xf3\xe2\xb9\x85?\x0f\x93/\xd7Z\xfa}f\x86q\xf7_\xcd\xdf\x0f\x82{\x12\x1f7=o\xde\xbd\x18\xfb\xea\xab\xd0\x82R*!B\x90m\x10KZ\xf7\xed\x0f\xff\x98\xf9a\xec\xce\x9e\x18\x9eZ{z\x8b\n\x9b\r\x9dS\xcf6R\xb7-\x0c\xc3X\x8c\x9a\xc2\xd4\xab\x937\x0b\xca\x9e\xedO\xa5\xb9\xf2\xab\xb8\xcfg\xe18\xb7\xe1\xca\xad\xfb\xd0\xf0\n\xa5\xc7\xf6\xfe\xe4\xf4\xf9\xf9oB\xca\xf5\xedu\xecx\xa0\x12\x9a\xeb\xdc\x87\xad\x17\xdfJ\x08R\x84\xf3(\xaf\xad\xcc\xeb\xfbx\x9a3n\xfcF\xb5\x9b\x19\x9e\x0fw4w5\xc2\xf8y3k\x7f[Z\x1b*i\x9b\xf4\x06\x8b\xd9\\\xc5\xc24j*\x0eCsm\xebl\xe9\x8dM{\x8f\xe2\x7f=_s\xee\xc5\xce7R8\x93{3"`M\xaerf3o\xe5\xde\x8e^\xeb\x8f0&lt;\xc3\xb99\xbd!\xf7\x9f\xbf&gt;\x95\xee\xe6\xf3\x05o\xbc\\\xee7\x80Z\xb4e\xfe\xd6\xb2\xcd\xd4\xa3\x92\x05\x87{K\x87\x87s\xe3\x83\x83\xc9bP\xa5P\x99z\xaaY\xb0\xaeN\x025U\x90\xd2\xb1\x07"\x18\xbcz\xd5\xcc\xa89\x9a\x99Z\xba-`14\xcd\x84\xc1\xb8\x1a\xfd^\xafV\xdb\x18\x8f7\x80X\x10t\xf4U\xb5\x80#6U\xda\xed\x1e\x85\xbc\x15\x0b@Uu\xc0\xaa$!\xd0\xd7\x01\x94L\xa1$\xa57\xb7\xbe\xb8\xe9\xe5\xf5\xecj\xb3\xb5\xc2r\x91no\x97\x85\x03,\x1e2)d\xc0\x93\xe9\xdcwqx\xca\xcdPAP\xb0\xado\xbe\x8a\xa5Ry\x86\xb4~M&amp;\x0f{F1\x10\xf4`\xa2W\xa1ZR\x89\x0c\xdc\x03\xb0\xf05\xde\x97b]\xb0N\x18\xd4\x15\xb5\xd9\xe9\xa5\xda-\x1c\xc8eU\xe3\xe3B\xae\\9\x97\x0bs\x0c\xd4\x95vO\x87\xe7\x85\x96W\x99l\x9e\xf1\x92\xbf\x05\xb8@\xafd,\x96\xb4\xdb\xce\xd6\x1f\x02\x9a\x0c\xd5:\xff\xc5\xf7\xcdr\xc0Z5\x03F\x9f\x8f\x02,hy+\xabvM\xc2\xe3R\xc3\\l\x83\xdd\x07\xb6\x1fX5\xdcU\xb5P,\x9b#\xd6\xabml\xd1P\x99\xc2ho\xef\xf0\xf8\xac\xa7\x07\xb1dp\x06\xe1\x97B&amp;\r=\x16A-v\x9e\xb7\xf2\xce\xab]\x1a\xaa\xdd\x10eh+\x0bT\x95\xca\xa4\xcb\x05!~\xda\xcaZi\x1eV\r7\x17\xc6\x93\xa8C,\x9d}yd\xc8\xdf\xd2\xa2\xf1\x02\xd7\xd2\x8dl\xc2cR`o\x11\x04\x89\xe9K\x0c,PKm\xa0\x19\xe7\xfc\xf5\xae\x16\xaa\x13\xb1X5H%PY\xadXK\x16vX+\xcd\x99-\xfd\x88\x85Y\xc6\x14X^Y+h\x06\x06P\xaf\xc2\xd0g,\xe0"e$X\x98(j\xd5\xbb\xc2t\xd47\xd1`\x11\xb0"4;)\x88\x05ET\xbb\\\x08G\xc3\xc6\xc8q\x16\xbdo\xfe\xfa2,\x140\xa9m\x89\x95|&gt;\x93\xa24\xb81\x0e\xad$=\xaa3\xb5$\x10\xbd\x08Rr\xee\x9d\x08X\x93\xd3|4\xca\x9b\x99F\xaa\xdd\x87{\x98\xcb\x05X\xc8\x05\x8a\x01\x1c\x08\x85\xa1\xc2\x80XY\x1dNj\xa5\xc9\x0ej\xa5R)\rpeF\xcf\xb0\x08\\\xf9\xf1!\x88;"D\xe7\xda\xca4\xe3\x8c\xb0n\xbe%\xd5\xee\x8c\xe2A\x04\x9a\xc9\xcf\xdf\x88e\x81]\xd6\xac\xb7\xf8\xe6\xaf.c\x80P(T\x81\xe5|!\x93JQT\xaaPX\x1b\x99\x05O\x15"W\x95KB@\x90\xf8\xf2\xa1Xi\x8b\xfa"\xd0H\x03\xde\x01g$\xc2Cs\xa9A\'\xd7\xd9\x8f\x9a\x06\xa1,\xd0Za\xfd\xc4\xed_t\x02\x96\xc2v\x7f\xed3V~%)DAa\x89\x95\xe1m\xa5T&amp;Ft\x96Wr\xceU\';MW\xb1\x18\x9eUW\xbbjRPM\xed\xd6\xeb\r\x06\xa8#\xcd\x19\xba\xee\x05\x95*\xbc\xfeS9V\x962\xd0\\P\xc2\xb5l\x117\xfe*\x17)\x01*\xa9\xec\xb5\x08\xa3Z\xfe \xc7\xf9V\xd9\xcat\x8bw@/`\xb1x\x00]\x08\x07TV\xa8!\xca\xc5V\xd8&gt;c\xe6\xa1J\x17\xb0)\tB\x97\x1c\x02\xacL\xaa\xb0\x96M\xd8\x83XZ\xac\xa2L\x01s\xb1Nz\xf1\xb1\x085\x94\xcf\xb8\xf5\xfc\xaa\xa1Ri\xf1j\xfa\xa3\xd1\x08:\x97\xe0\xf2\x82f,\x8d\x93\x07\x0cU]q\xeb\x8d\x05G\x8f\x0e\xd2\xbcL\xaa\x0c\x80\\K\x85\x0c\x94\xd0\x9e\x0e\xf6\x84\xaaj\x91\nP\xabN2\xf6\x93\x085\x84\xa18\xd1`\x98hw\xc7\xbd\x1a\xe8y\xd0\xeb3\xd6\t\xda\x03x\x03c\xa5!\x9c\xf2\xfa\x06\r\x18\x84\x0eJFJ\tUqh\xa9\x90\xcf\xac,\xe3%\x97\x90\x03\x01K\x86TRbO\x8ceQ.\xaf8\xe7\x9b#\xbe\xfeF/u\xdb\x87X\xbc\xc0\x85\x0f\xcbN\xf3n\xcel\x9c*]\xea\xd3\xb7j\x86\x02`[*\x1c\xc6R\xc2T\xbc1\x9a\x07+\xb5\xa7m\x98k\xaa\xb7\\Bg\x85\x9e\xd7\x8b\xb1\x8e\xc9g\x98\x89\x06\xab\xcbj\x04\xac\tg\x14=\x82\x15\xc0X5\x8baB\x7f\xed\xbe\xc9\x94\xf0j\xef\x0e\xdbM\xd2\x7f\xd6\x10J%n\xac\x84\n\xcc\x0b\xdf\xa4C\xac\t\x918\x0c16C\x88\x90]\x16\xe7U\'\xf8\xbc\xb3\tf\xb4\x1e\xb0\xda\x9dN\xa1\xbb&gt;cA\xfb\xb3\x1d\xf9\x87\x0f_\xbe:*\xdd\x0f\xe8H0&amp;\x88\t\x82k\xcaT\xf6\xc1l\xc2\x11\xd4A|\x80MQ\xc0\x82\xbf\x12\xd2\x1dQ6k9\xc8\xe5n\x80i\xd8\x07X]&gt;\xf0\x08\xe0\xc2\xb6\x17\xa8X\x18&gt;\x1d\xde\xd6\xb0U\xdd\xe6\x1f\x0f\xc2j/93M\xa9D\x11t\x14\x81\xaa\xe7\x8cJ0.\x92\x94\xc8\xc4\xba\x10\x84\xf9\xd3\xa7\x8f\xf0a-u\xad\x0b\xab\x88\x9e\nu\xb4\nPV+\x04C\xde\xdd6\xdd\x96+\x97b:\xe1\x9d\x85D\x10\xcd\x14\x0c\x04&lt;H%\xcci\xc0\x82\x1f\xc0\x1e\xdb\x12\x07\x0b\xe5\xa2\xa3\x10n\xfc\xa9k\xed\x13&gt;\xac\xa2\x90P\xdb\x10\x8a\x86X\x03\xcbX8wT\x8e7io\x14\x1d\x9e\xa0\xcdd\x12\xc2` \xe0\xa8^\xe9\x92\xff\xc7\x92IB\xafE\xbb\x86\x80\xed\x87\x81\x10\x13O\xdd\x9e\x10\xb0\xe00\xd2V\xa1~@\x05\xd94\x9c\xcb\x1d\x1d5\xfa\x9b\xb4\xbd\xb3\xb3\xb1\xf1\x91\x11\xfc\xb0A\xc0Q,\xda\x1d8\x8cP$\xa1\xb5\x10\x8c\x14\xf5\x86\xab\xbe\x02\x87\xaf,`\xf9\xa2\xf0\xf04^~\xd3&lt;\xcf\x81P\x90\x9d\xcbGe\xbf7\xde8\x94\xb0\xdbc#+\x90\x95\x13\xc5D2!`\xe1\x8a(#\xcf\xd2\x16y\xe7\x83\xb8\xf7n3\x15u\x19\xd2&lt;^\xc9G\xd1$\x00\tt\x02\xa0\xe3\xe3\xfd\xfdr\xb9\xdc\x94\xf2\xc6\x9b\nI;p%\x92\xc9Y\x87\xe3\xa1\xdd\x1e\xf0,(\x85f\x17\xe4\x82-Vy\xf9\xb5\xa8\x9f\x8d\x85\xfe\xaa\xaf?\xd5R\xed\xfd&gt;\xa7\x13\xbb\x1e\xf7\xc5H_n\xff\xf8\xf8\xf8\xe8\xf8\xb8\xfc]\xb3\xf1z\xca\xd8Z\xc8\x16\xe1\xb1\xdb\x1d\x8et\xda\xe3I\x839\x84\xaa\xe5\xc3\xfeR(\x17~\xfe\xf0\xfd\xdf\xf0\x11\xaeWB\xcb;\xe1\x1b]"b\x89#\x15@\xc1\xfa\x13\xee\xebl7\x0c\xe4\x7fY\x86\xd2\xd9\x01j=h\xd3\xe9t=\n\xc1F\x85\xe6"w\x9e\xff\xbe\xf57|\x0eO~a_\xd3\x8e\xcdU\xd5+\x12\xd5\x97\xf7Q\xab\xa3\xb6\xb6\x8e?(\xea\x8fK\x85\xb5\x97\xd9l6\xe6p\xd8\xed\xdb\xd5k\xca\x90\xa2z\nQ\xac\xcb\xff\xa5\xe5\\c\x9aL\xb38.\xadH/J\xabr\x7fKCKo\xb4\xb5mv\x02\xa4\x96H\x93\x99P\x85\xd4\xa6)\xa1\xb6%\x05\xc4e\x06+\x94\xc6\xf0\xa1K\x96\xb4\x8e\x99&amp;\x13L\xbc\xd4H\x80Lb? \x9a\xa1\x99\xa8\xac\x17\x88f\xc7\x95Aq\x17\x87U\x82+\xb3\xca\x8c\x995xY\'\x8c\xd1\x8d\xce\xb8\xe7&lt;\xef[\xec\xae\xbbf.\xf4\x00%|\xfb\xe5\x7f\xce\xf3\x7fn\xe7\xe1r~J\x9a&lt;\xb9\xec\xdbP[$\x8b\xc8\xb5k\x97\xd8\x7f\r\xcaj\xaf\xd1\xebZ\xdc\xb3\xb8\xb8\xf0bf&amp;\xd0\xd9\xde\x01\x15\x15\n\x95}\x8aJ1PH\xc5\xcb\xb8\xd8\x95\x9a\xc6S6\xfb%]\xf2$\x8d\xbbv\x19\x14\xc7\xaf\xcd\xceR\x94\xec\xe3\x17\x18\x8b3\xfd3\x87N\x97m+--\xd6\x14\x87`5\x83U\xbeD\xc5\xe3\x0c\xe5\xa7\n\xeb\x1f\xd2*\xc0\xda\xbai+a\xdb\xa4\xf0\xcf\x06\xc3\xe1\x86\x99\xfe\xfe\xfe\x99\x99\x99\xfe\xd3\xdb\xc0\xd5a\x03\xbdN\xc8[\xe3\x0eU\xf7\xd0H\x0c\x15\xaf\xfeq\xca\xda\xf9\xff\xe0\xa829\xb7\xd2\x81X\xd4Xx\xca\xd3\xe9\x99Y\\|\xf6l\xf1\xc5\xa1C\x00w\xba\x1a|=c\xcb\xf5\x8a\xd0\x96%\xaa\x0c4\xac\xda\x89TQ\xb1\xbb\xae\xb9L\xa6\xad \xd8\xee\xdd\xbb\x01K\xed\x88J\x83\xd1\xe8\xc2\xf8\xf8\xf3\xe7\xe3\xe3\xcf\x9e\x8d\xc3\xc7\xe2L{Y\xe8l\xdcS\x16\xa2\xd5\xa2\x1d\x1e\xdd\xbd7UX\xdc\xfc\x7fI@.\'@\x91\x1aSj\xa5Z-\xb5\xb0\x90\xe0B\xac\x17\x87\xc0\x1d\xc0\xb7*\xaa\xb7\xd0B\xd13"\x8fw\xa3%eX\xec\x1f\x1c\x92r\xa7\xd3\xb4\xbb\xbc\x0e\x86\xa4\xd3\xe9r\xa9\xd5j\x1d\xc1\xfa\xdd\xf3\xf1g\x0b@\xd5\xbf\xcd]\xed^\xa7\tU\x97\nik\'9\xcc\xe0\x15\xcd\xa5\xaca\x1e6A\xb3\x12\x97i\xb7\xc9d\xaa\xaa*\x87O\x93Z\x0e\x0bx\x89\x16\xc0\x9e#\x16\xa4\xb0c\x9b\xbbX\x98\xa1q\xe3\xf5&amp;\x9d?:\x87mgR\xf8\xee!\xfb\xa5\x14\xd2H\xda\xb5\x00\x0c\xf4\x92+\x9d.\x89\xacF\x02\x82-,,.\xce\x1c\x0c\x15\x0ba\x85\xac\xc1\x06\xa9\xc4\x82\x86`\xddH\xe1s\x0c\x90kL\xeaB\xa2\xaa:\xec\xc2\x83:s\x9a\xaa\xea\xb0?\xd7\x1ah/C{\xc0\xad\xc4\x1a\xa1\x06\x9b2^/\xb28\xbc\xfa\xb9T\xbe\xf6\xe1f\xbf\x0cJ%u\x00V\xf7n\x15\x81*GDY\xdf\xb1@\x99\x9bl\xf4A"\xd8\xfc\xac\x13\xd6\'\xd2G\xb08Y\x97S\x8a\xb5\xe2\x87\'AK\x8d\x04oaA-\xa2\x15p\xb9\x88^;\xb0\xd3\xb4\x14gh\r,\x1cx\x19K9\xe4p\x04\xb9\xf7R\xfb6\xaawz&gt;l\x91\xc9d\xefB\x161\x89Xh&amp;\x93\xae\x1c\xc8j\x1a&gt;\xec\xef?\xd4\x01\xdb\n\r\xa8E\x06 Y=\xe0G\xd1DJ\xd5\xe2\xf6\xfa\x83Sa\x8b\xe5\xf7\xc0U^\xeeT*\x95\x98I\xa7\x13|\xc2%\xe9;6\xf0\'l\xca ][\xf4\xf9_:\x87\x16l\x19\xce\x96\xdf~ \xe17I\xe7\xc3\xbe&gt;\x99\xa4\xae\xdc\xa4Tn2l\x024\xa5\xdcn\xdc\xeb\xd5I\xfa\x1a\x10\xac\x83\xe9&amp;\xa3\xa5\xca\xc8\x10@\xdd\xef&lt;\x93Z\xb5\xba\xfcj%5?\x15\x0e\x02W\x9dZi\x90\x1b\x0cz\xbd\xbd\xf9\x1dXs)\xb4{&gt;\xc6\x9e\x0cX\xda\x90\x0eJ2\n\x05\x84\x8aS\xdb\x9b\xca\xca\x82i\xd1_.\x97{\xa7\xe3\xe1`\x8dLfRn\x92\xef\xfa@\xdf\x8cT{\x15\x94\xc4\x12\xee\x1c\x18\xe8\x07\xac\xd2\xe2\x1efsH\xa828m)\xc5\x02\xb5\x8e\xd7\xc9\xf5\x06\xfbX|\xcaWS\xa3\x83\xf4\x19\x0cv#\xa8u\xfb\xb8HZ\xb3\xa7\xe1\xc3\x81\x81\xcen\xd8\xb4\xc2"\x9e0A\x90T\xb6\xf5rS\x99E6`)7n\xb47\x8f\xc5\xe3&gt;\xa9D\xa7\x83\xe9G\xec\xf7{\x8d\xc7E"G\x8d\xd4w\xecX\xe0`\xc8]zdK}=\x81\xaa\x17p\x18\xacT&gt;\x9f\xe4r[nK\x9c\x06\xe02\xce\xc6\xe3A\xa9C\x0bs5E\x89D\x05^?%\rZZ\x07&lt;\xdd\x15\xee\xe2\x1e\rP\x11(\x01=\x16\xd7\xb4]8s\xf9B\xea\xe6\x1fn\xfem\x89I\xa9\xdf\xb0Qn\x1c\x8b\xcfG\xa3\x0e\x9d\x8b\xa2\x1cZ\x07|\xd7\x04\x1bZ\xad\xb0\xcer\x1f\xe9\xc1\x0b1\xa0Z\xbbV\x80\x9d\x06X[\xb9\x17k\xd7\x9e\xc3=F\x8a\xd4\x82%W\xb9\xd2\xf0\xc1\xe6\xcdvo4\x1e\x9f\x0eG\x1d\x0e)\x84\xcf\x17\x0e\xdbZ\xad\x81\xee\xd0\xa7G\xb6\x08\x85\xf5\x04\n\xa9\x90\x0b\xfd+--\x8d\xbfs\xa8%5\\lv6`9a\xf8\xfdv\xb3\xd1\x1f\x8d\xffm&gt;&lt;\x1d\x85\x05j8&lt;\xd5\xd8\x18h$T=\xb9\xb9\xf5\x04j\xad \x934\xb2\x10[M[\xb9\x92\x1f)\xfar"\x15\x82q\xd9\xd9\xa0\x96\xce\xa9\x04\xb3\xda\xfc\x8eQ\xe4\x98\x1a\x8e\xc7\xe7\xe7\xc3\xe1x|x\xd8\xf3m\xfb(l\x0f{r\xb3\x10)+\x0b\xa4Z\xc5\xf4\xd7\x00\xd6J\xc0\x82h\xbb\xd5\xbb\xfc\\\xd9\x13\x8f\xe7\xa6\x11\x0bla\xe3\x86\r^J\xea\x1b\xbe~\xfd;\x88\xd1\xd1\xd1\xebg\xbf\xb8Z[RR\x94E\x87 \x9d\xe9\xadA*\xc0\xca\xcc\xe4\xf3#\xfcH\xd6\xa5{\xcb\xfd2*\xfb\xca\xa9\x92\x92o%\xa2\x02l\xee\xd4o\xfcM\xb3B+\x91\x86\xbf\xfb\x02\xe2\xea\xd5\xab\xf8F\xb0(\xb7(7\x17~\xb2\xb0\xac\xe8\x8b\x14z\xae^\xb52s-\x0b\xe5\x8aDjo-\xeb\xaa\x9e\xcd\xbe\x19;,\x88\x8c\xcat\x05\x05\x88\x05!\xd6J\x1c.\xad\xed\xec\x11@\xdaY\xc2@\xe5\xd2P4\x15\xa9-:\x89P\xf3\x84\x8b?2tf\x19_&gt;p\x0fL\xc6\x0e\xf33Geu\x05b\xb1Ao\xd7\xeb\rJ\x17\xec|(*\xda\xae\xe1\xa4C}gf\n\x98 \x07\x95\t\xb9\x10\x8c\xf4\x94\xf1\xe9\xc8\x1c9wk\xd9\x12\xc9n\xb92\x18\xfbLp$PS\xe7\x94\x1b\x01Jo\x97;uZ\x17\xe5\xf7_\x9b\x9d\xaa^\xc3\xa8\x93\x99N\xb8Hs\x14S\\d$\xaefj\x9e\x8e\x9d\xb7\x96gD\xc2\xccqsr0v\xe9lc\xab\xc5\x05%o\xb7C\x1a\xe5&amp;\x97\x8e\xd2\xe1\xe5\xfe\xb5\xa8\xa7t\r\n\x94\x89\x9e\x00T\x89\xbb\xc3U\x8cA\x90\xf6NH \x1d,\xe0j\xf9\xf5\xb3\x11L\xb3-7\xbf\x02\xac\x8b\xd6`8\x086/\xd7\xdb\xedv\xc4r)D"?\xfe\xf8\xa3\x1d\x1a\xfa\x90\x99\xd1\'A\x95\x8c\x95\x08\x16\x8b_\xf2\xe5\xe5\xae_y\xb0\xc4\xce\xefz\xf84699h\x1e\xee\x93\xce\xf7\x81\xcdc\xc97C\x12].\x9d\xc2\xab\x10Q"\xbf\xd7o\xe9(\xc6\'PX\xe4\xbc\xd7b%\xd4JK\xc2b\x01\x16x\xeb\xa5\xa1{\xbd\xbf\xf8?lpW\xb0\x1f&gt;\x9d\x8c\xa9\x08\xd6\xbcll\xaa\x8f\xf8\xa9\xdc\xd0l\xf7*tZ\x9dN\xe4\xf5\x8b\x00L$\rlsk\x84\xcc\x0eli &amp;a\xa5E\x12Pi,\x9a\xaf\xe4\xe2\xd0\xbd_\x94L.\x17J\xfdn\x9e\xd9l\x1e\x9c\x9c\x9c\x8c\xcd\xbb\xc6\xa6|2\x9d\xda\t~j\xd07\x83N\x94H\'\x82\xa0\x1c\xd2\x86\xce\xb2n\xbc:$&gt;\xc5\\d\xbcVku\x02\x8b\x95\x84\x05\xeeZ{q\xae\xf7g&amp;\x13\xcfq\x0f\xdc\xfc\xaa\xf2\x91\xd9\xac2\x83X\x93\xb1\'\xba1\x9bO\xeaR\x17\x80C\xc8a\xa5\xa5\xa0(\x1d(\xe5rQ\x0e\x8b\xcd\xd3\xe9\xf1\xb4W\xd0\xbd\xd5\xe9\xe9o\xd6\x16+\x19\x8b\xc5\xe4\x92\xcf\xcf:74\xd1\xf23\xc0\x10\xea\xca\xdd\xcaJ\xc0R\xa9\xcc\x83\x83\x93\x83\x83?\x8eM#\x16\x18\xaa\x18V\xa5\xf2\x02XkAh)\xad\xc3\xe2\xb35\x06\x02\x1eOw\x08w=\x19\xffa\x0f&lt;\x1a\x8b\xff&amp;\x16M\x16i\xfb\xeb\xc4O\xe4\x02\xa6\x96\x87\x04\xaa2\xe7\x91\n\x92\x18\x1b\x84x\xf5\x1aK\x0ce/Vc\xc5S:J+\xb5\x04[m;\x00\xab\xbd\x0c\x8f\xbd\xd7\t\xe9Q\xc9aN\x99\x11+\xa9\xb4\xd2\x08\x0e\x8b\x95\x0cv\xe6\xa78\x19\xc9\x1e\r\xb5?g\xffz"\x17\x80\x99\xff\x02k\x18\xa9\x0b\xb2\x08`\x90\xc5\x02\x91Ha\x040\xc8\xa1\xaf\xc1\xda\xb8#0\x8c\xabS\xb7;\xc4\xbcLLO`\x81\x9d\xf2\x93*\xfe\xbf\x82\x1f\x19\x19\xb94w\xe0\xedS\x12\x96TB\xa8\xca\x9c\x9c\xfd\x85\xfb\xd7\xe7\xe5\xe5\xa9b\x80\x15\xfbq,\xec\x93juj5\xea\x85\x8f\xed\x80\xcb\x0b\x16\xa1\x95\x06a%h\xb36\x02V\xa8\xa2\xbb\x13w?\x1a\xf2\xdc\x81\x9cp!V$\xc2\xa4\x90\xe40\x19j\xe4\xfb\x07\x9fC\xdc\xb8\xfc6..;\xff\xe1S\x1a\x8aDa\xce\xd1;\xaa&lt;U\x9e\x19\xb9^\x11,J\xa7.P\x8b\xc5J16W\xfb\x150 \xb5\x0eH#\x08\x16\xf0t\x97U\x94y@\xb7\xce2\xf2"\x97&gt;\xcf\xcdHOcE\x90+\x81\x95\x96\x0c\xf5\xf9\xfd\xfb\xf7?\x838&lt;t\xe1\xffd\x12\r\xe1!\xc9\x1e\x125!T\xe1\xfe\xa3w@-\xc4\x8a\r\x9a\xa7}A\xc0\x12\xa9\x0b\x14\nPK\r\xaee4\x1aq\x7fa\xb1\x00\x97u\x87\xa7\xbd\x9bn\xd0\xb5\x02X5i\x15\xa4\xb1"Kj\xa5\x81\xaf\xd2X\xf0g\x04\xa1\x80\xe8\xef\'O\x9e?\x7f\xf2\xd4\\\xef\xffP\x8c\xbb\x82\x0b\x93\x0c\nu\xb7\t\xa1\x9a\x9aP\xad}G\x1f\xe5\xad\x87\xaf\x18\x96\xfd?\x11KD\xb0\xbc\xf8\x10\x8aR(0\x9d\n\xca\x81z\xd9vx\xc8\x1dY\xa3\xd5\n\x95\xd6y\x10\x1fk\x91k\xce\xd5\xac$,p\n\x86\x8a?\xf2\x00u\x02\xa8\xf3\' \xde?\xff\xc7o\x1e\xbfa\x16\\6\x03UY\x08PM\x04\n\xe2\x93}\x8fT\xeb\x81Ke\x06\xb0\xaf\xc3\x80\x05\x0eJh\n\x14`\x0e`\xa6:\xa8yi\rz\x04\x8a\xd5\xedi\xb4\xdal\xd6\x01@\xac\xc0a)\xac\xe7qVGF^\xe7\x90\xf9\r\x85\x0eR\x11\xa6\x8fNl\xc78q\xe2\xa3\xf3\x7f~5\xd1\x95\x0c\xb6\x04\x95\x83T9\x84\xaa)\xa7\xb0\t\xb0\xee\xa0X\x90F\xe0R=\x89:\x00\xc5\x8b/\xdb\x8cb\x82\x05\xc6E\x97\x16PA\xad\x1flol\xb454\x10\xac\x83`\x17\x90G\x9e`\x04\xa8"\x91%\x8b\xa7\xa9\x1e\xdcg\xa0\xb6\xd3\xf1&gt;|\x03\xd8\xa9o\xee-\xdd\xc3\xe0\xe8#P\x85\x85PN\x85D&amp;\x9a\xac\xa9p\xdf\xa3\xed\xaa\xf7\xde[O\xb0\xcc_\x13,\x85\x02\x1f8@\x12\xc1J\xb5\x84\xca\xd7`\xc3\xca:\xd8\r\x95ek%\x7f\xa0t\xf8\xa4FX\xff\xfd\x83\x91\x12 cT\xfaw\x13\xe7\xfb\x9a\xc6\x1d\xc7\xf1\xfc\x0f\x92p\xd7\xd4\x07q0d\x8c=){P\x18$\xc2A\xd8b\x88\\\x1ee\xc34\xd9\x82\xe2\x02m*\xe6\xa0p\xec\xda&gt;\x10\xc4\xdd\xe9\xc1\x94\x1a\xd0h\xd1&gt;H\x07F\xa5\x1b\x84\xd2ia\xb0\xac\xb8\xb1A\xb0\x0c\xf2c\xcaF$\t\xe9F\xe2\x83&lt;\xe8\xf6~\x7f/+\xfbDO-M}\xf9~\xbf\xbf\xef\xfb\x1e$\xe5\x03\x94:;:\xd4\xdf\x08\xf5f\xe2[\xf5L\xa6\xf7\xfd\x7f\x97\xa5b\xf5\xa5\xdd\xee4\xa9\xdc\xe3xt3\xf0\x8b\x8b%\xb3\\NI\xae\xff\xb8\xbc\xaffGE\xa0\xae\xd0\xc6\xab\xacxt\xfc\xe4rd\x86\xbd\xb5zs\xf5\xf6\xc2\xf4\rP-\xf0\xc7NW\xd0b\xb8\x98\xfd|\xf3\xe8\xe8\xec\xe8\xec\xec\t\xd0\x9e8\x87\xb3#\x96\xc2aS\xdd\xd8\xdf\xdfw\x80\xc8\xb7\x11\x8f\xd7\xea{\x99L\xc3\xb9\xcer\xce2nG&amp;\x82\xa5\xd3\xa6\x00[4\x93\xa9T\xbe&lt;\x98\xa0\x8d\x13\x9c\xee,\xc4\xba2\x7fe~~\x1ej\xcd\x8d\xce\xcd\xa1\xe3\xd7\x885\x8d\x9a\x07\xd5\xcc4\xd4\x02\xe3\'\xabP\xeb.\xb0&gt;\xccl&gt;\xbf\x9c\xc3\xe7\x8d\xc3\xe7\x02\xe8\xb0\xd9\xd4\x9b\x18=Z#\xd9\xfe\xff\xb0\xd4\xbd\xbd=\x11*B\xb9\x89E&amp;A6^(\x9b\xee\x11\xb3\x9c\xaa\x12\xab\xb03@\xa1\xa2\xeaq\xce\x96^\x11\x0by\xc7\x17\xb66\x10kl\x0ce\x1a\x99\xa6\\K\xd0j\xe6\xc62^A-\xe1\xe1\xfbo}\xf9]\x86\xad\xb4\xc9\x1e\xc84\x06\x99\xcdf3\xa7\xe3\x9d\xeb\x00XW\xa3\xd1\xa8\xaa\n\xb2\rA\x05\x131{CN\xd2\xa1\xcf\xb8H\x95\x835\x92.\xc3\xba\x9aaT*\xd5d9_\xde9\x9e\x10T8J\xdd\xa7\xd8\x90r\xde\xc1\xfd=\x8856;;\x05\xb9`\xdd\x02\xd3\xbe\x0c\xaa\x19A\xf5\xc5\x17w\xb1\x14\x7fll\x82+\xb3\x99i4Z\x8dA\x00b\xa8,\xa9Z|\x03P\xea\xfa:\xd1r9\xa0]bm\x11l\x88P\xe9\xf1t\x9aj\xa51\\\x87\xe9r\xca\xd0\xfc~U\xc5\xc7\xd1|\xbe\xf5\xca\xb6|\x0e,\xa1\x98\xcbu:zk\x1e@\xd8\x01\xa2\xdf\xe7p\xeds\xd9\xf1H\xd4\xf4\x8d\xe5\xc8\x1d\xd6\xbd\xb0\x10\x1e~\xf4\xf1\xd7\x8dL\x06L\x10\xaaeY\xcaq ^\xc3{o\xc4I\xb0\x0e*U\xd5\xf5\x1c\xddl\xe6\xa2 E\xe4\xb7j\xe0\x1a:\x18\xa1Fi1nQ\xef\x85d\xb5\x9aJ&amp;\xf3\x85B\xa1\x9cOU\xab\x95\x8a1\x90\xed\xbe$!\xf5^\x84\xbf\xf7\x14\xe7A\x9c\x08q\xe6yotn\x0cb\xa1\xb4\xd6"\x91{LUd\x12Og\xd0\xf17\xe9\xe1\x07w\xef\xfe\xd5\xca\x88i\xb4\xdaV\xb8cw\xe2\xb5Z\x8dw\xa8\xa4\xaaQ=\x97\x03T\x8e\xa3\xebp\x13d\x1bTl\xc8I9\x94\x1a\'\x97\xdb,\'\xf3\xf9\x8b\x82Yb?\xb8M\x81\x96L\x8d\\E\xdb\x00\x00\x04\x87IDAT\x1d\xc8\xc3\x1dd\xde\xe5"\x96\xd2\x1d\x9d\x17\\(RPy&lt;\xa0\xba#2\x0f\xac;\xe8\x8a\xc8\xf4\xd2\xea\xcd\x15x\x88\x13\xe4\x9fm\x98\x97\x81b\xa0\xb2\xfav\xa0\xf3)l\x13LH\x15\x89\x90z \xe5\xa2j}\x9dQ\xd3\xf7\xe0f&lt;~\x89U\xa2b (\x97\xf3\x17\xa6I\xa8\x91\x11\x13Px\x8e{yW\x96\xedG\x92\xe8zr\x9d\xbe\xedP\xb1J\xc7\xa6&amp;Ek!\xef\x88\xfb\x1d\x0f^`\xe7\xb5\n\xb5VVP\xf9\xdd\x86\x98L\xcb\n\x87\xc3;\xf6\x0f\x81`\x94@Q\x9d\x93kR\xa4\xe8\x9e\x8e\x88\xd5j`\xd2\xa9]\xbf38\x19rsFJf\x01\xa2\xa4\x928\xc0\xbd4\x0b\xdet\x86/J\xbbrH\xeex\x15\x97\x82t\xc1K\xd8\xf8\xb6\xd8\xc4\xdf\xc2\x96fjm\xcdi-\x9c\x9f\x97!\xdd$6\x84\xfc/Z0+7\x7f\xb3`^\x0ba\x07\x95\xd5\x0f\x05\x9e%\xfa@\x8a\xfa\t\xe5\xcf\xc5\xf4\xa8\x86|\xd5\xeb\x94\x0fP\xc2\xcdf?\x10\x08\x00\xabTBe\x82)\x85\x14U\xb8\xf4`c\x9e\xf7&lt;\xc43Mw\x89j\x85\xe4\xe3G\xae\xa0\x823#\xf4r\x9d\xdeB\xdcy}8:;u_8\xb8p{i\x1a;\xd7Y\xee\x9fY`\x18\x1c~\xef\xb5\x9c\t\x87\x83ak\xc7~\x96H\x9c\x03\x00\xcbI\x8fa\xfcQ\xae\xaa:W$\xf5\x83x4T!V\xa9\xf4x\xfb\x00\x00y\xaaU\xad\x18&gt;C\x0c\xf0\x18\xfc2\xb2\x95LV\xcf\x81\x15\xda\x9dP$V\xbd\xd7%\xb5\x7f\xbd4\xf1]\xcf\xfd\xfb\xd8\xd2 MKK\xa0\xc2\xa5\xff\xbb\x93,\xad\xdb\xb7\xe1\xe9\xc2\xcf]\xab\xd5n\xb7\xadVX\t\x06\x99\xac\x80m\x076*\xa0\xc2h\x1a\xd7\xe1\xba\x88\x99\x0eJ\x1d~\xc6\x08(\xb0\x16\xb7my\xb7\xe4d\x1bd\x86/\x8b\x8f\x12\xcd\xe2\x9b\x8c*\\\xe5B\xacVw\xe4Ph\xf8\xf8\x11;\x82\' I\xfa\xe5\xa7\x97\xfca\x03\x11-\'[3\x915\xcfU\xac\x84Y\xcf2s\x86MD\xe4\xdei\x10LV\xd8\x12TV\xc7\xfe!a\'\x12\xfb\x86O\xf3e\xc1\xa4a\xb8\x1a\xfd:&lt;\xf5\xc7@\xc6jU\xd58\xb1\x12\xb2&lt;\xbc\x8d\x93r\xc9\xcd\x88\xe7\xa1\x97!\x14\xf3\xf9|h\x06~\xa7a\xec\xdb\x10K\x96w\t\xe4}\xc8\x9d}\xa3\x85\x05\xd9\xed\x9e\xbe\xfa\xca35\xc5\xd6Z\x9e\xf4\x8crO8\x7f\xd5\x03\xb5\xa6\x7f\xbew\xef\xd5\xef\xa7\xbd\xb0\xc5\xa4\x93*\xdc\x96\xecg\xf00a\xf7\xb3&gt;g\xf0og\xb3\x9a?\xe6\x17~\x02Js\x96\xe7\x16\xb1\x86\xe5a`=\xc6\xd7b\tk\x91\x19K&amp;\x93\xcc\x99A\xe54\xcd\xa8T\xcfC\x9c\xe1\x9d\x87\xcc\x95\xa8\xfa`\xc3\xcb\xe7\xae`\x8fhh\xae\xd9Q\xf1;\x8a\x9f]\x7f\xc9_]\xecv{\xbd\x1e\xf2D\xaa`\x18Pak\xab\x13\xe8$\x02\xe0\x1a\x08&amp;|l\x14u\xb6X\xc4\xad\xa8\xf95\xe1\xaap\xd7\xc1\x92\xc1\xb5]\x02\xd6c\x80-\x9a\x0cS\x81n\n\xd9\x8c\x8a\x01\x177\x12\x80\x82\\\xf6\x0b\xaeC\x89\xa1\x97Z.Rq\x14\x05hO_\xce_\xbfv\xed\xda\x1f?\xbd\xee\xf6\x82A\xa8\xc3Q\xc2\xa4\n:T\xfdD\'\xf0?,\r\x9f\xb9\x98\x05\x93_\xcb\x8a\xa8\xf9\xa3\xc0\x8aQ;a\xa2,\x0b,g\xb8\'5E\x812R\x95*\xa5\xabV\xfa2\xb1p8\x07Q\x10\xd5\x85\xd0[\xc17X\xb8A\xb4\xd7\x7f\xff\xfd\xfa\x1fl\x7f\\\x12\x0e\x8a"\xd8h \xb8\x90\xae\xb6\x15\xa0X\xc4\xea\xa8\x8e\x8b\xd9,\xa9\x8ax\x11\xf5g\x8b\x08\xb4\x1f\x8c\xd9X\xac\x18wL$\x16K\xfd\x12\xcc\xbc\x10k\x12\xcb0U(\x9c\x9c\xf4\x0f\x92\xdb\xc4\n\x89\x8e\xc0\x9b)\xdc\xa9J\x8a\xc5\x9d\xb4$\xa0\\\xfc\xc3\xa0x\xee\x15\x9c\x8a\xa28"q\xacp\xdbjo\r\xb0\x0c)V \xd1YGv\x11\xac\xac\x00\xcb\xfa\x9cU\x99\x8d\xe5@\x14\x03_\xf1R-d\xcbDw9\x8a\x95...\x92\x0c\x17t*\x9f\x9c\x0c:\xdf&gt;;9\x96\xc5\x80\xcc\xee\x0c\xfa}6\x04:B\xe2\x16L`\x08P\x85[\x0c/OP\x82\x93j\xb1B-2YJ?aS\xa9\x80\xc0\xa2TH;\x02\x86\r\x81\xa6\x15\x91\xa9"c\x0f,\xa8V\xac\xbd1Q`A\xae\x12\xa9D\x83%O\xd2\xe9G/\xb6\x1f&lt;\xf8f\xe7\xc0\x16P\xe26&lt;,\x87\xec\xe3\xce\xf9\x0bo\xcbE\xb5\x84\x93"\xfdAx\xeb\x9d\xb8\x94\x8a\x06"\xefL\xbc\xa2\xf4\xcfw\xec\x90\x9dp\xc4\x82\x97u\x88%|4*\xbe"c\x0f\xf7\x8a\\\x8a|\xc0\x12\xa8\xe3/\xfd\x0b\xd7\x07\x85\xdbf\x8a\xfc\x18\x00\x00\x00\x00IEND\xaeB`\x82'</t>
        </is>
      </c>
      <c r="M360" s="3" t="n">
        <v>45492.6759837963</v>
      </c>
    </row>
    <row r="361">
      <c r="A361" t="n">
        <v>981586</v>
      </c>
      <c r="B361" t="n">
        <v>1999</v>
      </c>
      <c r="C361" t="inlineStr">
        <is>
          <t>Lucão</t>
        </is>
      </c>
      <c r="D361" t="inlineStr">
        <is>
          <t>Lucão</t>
        </is>
      </c>
      <c r="E361" t="inlineStr">
        <is>
          <t>GOL</t>
        </is>
      </c>
      <c r="F361" t="inlineStr">
        <is>
          <t>GOL</t>
        </is>
      </c>
      <c r="G361" t="inlineStr">
        <is>
          <t>GOL</t>
        </is>
      </c>
      <c r="H361" t="n">
        <v>190</v>
      </c>
      <c r="I361" t="n">
        <v>40</v>
      </c>
      <c r="J361" s="2" t="n">
        <v>36947</v>
      </c>
      <c r="K361" t="inlineStr">
        <is>
          <t>Both</t>
        </is>
      </c>
      <c r="L36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ef371a09-48d3-4f87-a72a-cef8f14929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8\xc7E\xf1\x00\x00\x00&gt;tEXtComment\x00xr:d:DAEewil2SDw:3129,j:9030118292309124670,t:23082714\xb3\xea\x8f\xec\x00\x00\x00\tpHYs\x00\x00\x0e\xc4\x00\x00\x0e\xc4\x01\x95+\x0e\x1b\x00\x00\x03\x00PLTE\xff\xff\xff\xcc\x98z\x10\n\nUB&gt;\x07\x04\x05H+"Q=9\x0b\x08\x08\xda\xa3\x87&lt;"\x1aA%\x1b\xe0\xae\x90%\x19\x17\xe3\xb4\x95G&amp;\x1b\x1e\x13\x11\xdf\xaa\x8e\xfd\xfc\xfd\xdd\xa6\x8b8\x1c\x12L94\xdb\xaa\x8cX3&amp;\xd9\x9e\x84{\x89\xdd\xd3\x9b\x827$!J0(\xe2\xb0\x93O,\x1e?)$\xe3\xb0\x996 \x1a\x15\x10\x0f\xd9\xa3\x8c\xd4\x99|N3+c9%\x87\x97\xf4\xc6\x8eq\xea\xba\xa7S81+\x1d\x1f\xd5\xa4\x86\x82M8\xc7\x95y\xe0\xab\x95\xc7\x90z\x8c\x9b\xf5\x81\x94\xf3P/$0\x1a\x11\x83\x91\xe3@!\x16\xd5\x9c\x89z\x8e\xee\xd1\x96wV-\x1f\xe4\xb6\x98\xea\xb1\x9fvE1\xea\xb6\xa3H3.\x1b\x0c\x08L(\x1ai&lt;+\xc0\x8an\xbd\x85hC.)\xde\xa6\x90\x87\x94\xeds\x88\xe9\xcc\x92u\x9e\xad\xfb\xce\x9c\x7f\xc0\x8ft^4$}J4,\x14\x0cn\x8e\xf0Ra\xb4\xc6\x93t\xe7\xaf\x99\x94\xa4\xf1\x80\x90\xec\xbc\x85rby\xdfq@*\xe5\xb5\xa0\x89R9\xe9\xb8\xa0\x92\xa1\xf7q}\xd3\xe7\xb6\x9b\xe4\xaa\x94{\x8b\xe6dq\xc6ky\xcf\x9acJ\xcf\x95\x7fu\x82\xd9\x8e\x9c\xee^\x86\xe3\xd2\xa0\x81Xe\xba\r\'`\x8dW=\xab\xb8\xf8\x89\x97\xe6\x92\\B/\x1f\x19[GD\x98\xa7\xf9\xee\xe9\xe8\xc5\x84f]j\xbf\xa3\xb3\xf9\xf9\xf8\xf9\xb7\x80c\xbd~fiv\xca\xee\xbd\xaen\x82\xe1\xa5pQ`;-\xc4\x89u_n\xc7\xdf\xb1\x92%\x10\n\x93\xaa\xf6\xd8\xa6\x91k\x85\xe9\x9d\xac\xf3\xc9\x97\x80\xb4\x82n\xce\x9e\x87\xad\x7fjb\x8b\xea\xb8\x8ar\xd9\xaa\x97\xc8\x8ak\xa8yc\xbaz[\xe5\xdf\xdf8--T\x7f\xdf\xa6gG\x9b]AsQEHV\xa7\xb6\xc1\xf9\xce\x8fo\xf8\xf3\xf29F\x8d\x9fr^\xe4\xaa\x9c\xb2{`~\\T\xaduZ\xbe\x8az\x89\xa2\xf7nC0?33~SB\xb0\x84tBO\x9cO]\xac\x87]I\xb1rP\x88d\\\x0c!U\xf3\xf4\xf7Y;3\x8feR\xd1\xa2\x8e\xdd\xb1\x9cx\x96\xef1&lt;\x7f\x93oe\x92\x9f\xea+%)Lu\xd4\x86\x9d\xf0\xa5jV\xc3\xbf\xbfCj\xc8_A8\xbd\x93\x81\xc4\x95\x86\xd6\xd5\xdc\x9fyl\xe8\xcf\xc5\xed\xed\xf3gH@hz\xd4pH9\xd1\xcb\xc9mUPl\x90\xe8"1g\x98iX\x175y\xa6\x80t+8q9\x10\rx\x9a\xf6y\x84\xd2qed^NKF\x17\x15\xb2\x8b\x80\xc6ov\x9f\x9a\x9f\xa7\xa7\xd0\xcc\xa4\x9bWy\xd6\x7fom\xdb\xde\xf6\xd5\xb1\xa1\xb4pk\x80|{\x88\x86\x88\xad\xa9\xad"C\x90iq\xb3\x90\x95\xc5\x99MO\xdc\x94\x99_\\^ECE\x9b\x8e\x90/O\xa37[\xb5\xb6\xa9\xbc\xcf\x8f\x8b\xde\xbd\xb2\xbe\xa8\xaa\xc1\x9d\x92}=&lt;\xd9\x8e~\x8eDG\x93\x82~\xaa`b\xcb\xb5\xafq25\xce{\x81\x81\x88\xb1VX~\xc6\xcd\xf6\xb0\x9b\x99\xa7PN\xbb\xbd\xda.*@vt\x9bCIxV]\x99\xc1\x7fI\x08\x00\x00 \x00IDATx\xda\xdc\x99\xddK[k\x16\xc6\x9bh&gt;\rIL\xa2a\xa7\x1aw\x12K\xaa6\x11\xb2\xb1D\xc6\x93\xc4|@\xd0\x1ap\xa0\x8c\xce\x85\x17\xf1B\x10LI@e\xd0\xc3H@\x13\xf2\xa1R\x03\x91\x8c\xb5h\x84\xb4h\x14\x8ap\xc4\x8f3\x8a\n"\x05\x9d\x8e\x14\xe9I\xbc\x18\x92\xc2\xa1s\x98\xe9\x94\xb98s5\xeb}\xb7\xb6\xfd\x03\xb2\xed0K\xdd\x89x\x91\x1f\xcfz\xdeg\xad\xbd\xbds\xe7\xff\xb8*++W\xfd\xfe\x99\xfdax\xf3?B\xb4:\xb3uu\x91\xcf_\x9e\x15\n\x85\xcb\\\xfe\xe2\xc8\xbf:\xfc\xad\xa1\xf6g\xb6\xf2\x85\xe5M\x91D\xa2\x81b\xc3Oc\xb1\x90\xbf\xda[\xfd\x96\xa2\xadn\xe5\xcf7%&lt;\x1e\x1b\x8a\x07/\xe8\x8b\xcdFh\xf9\xad\xd5o\x05\xe5\xdf\xca\xcdjx\x1aL\xc3\xe3\x95\xf3\xf0\x85\xadA\xbf\xf04\xb3\xb9\x8b\xbdo\xd1\xcb\xfd\x9f\xcf\x965l\xf65\xd4u\x95_\xe3\x81r\x92\xcd\xe2\x85\xff\xb6[9\xbf\x97\xa7\xa1n\xea\x0bY\xf9\x8dt\x9a\xcd\xc2-\x83\xf9/\x8a"\r\xcd\xa3\xf9|\x016\xa4\x16.\x1e\xfa\xe2\xb17/\x8fn\xcfc\xabG9\x11\xedm\xfa\xf0\xd1\x85\xb1\xcao\xa80\x19\xaf\x9c={\xe1\xbf-W]\x14Q\x1cH4l\xc9W\x85\xb1x4\xd1\r\x1cj\xedfn\xefV\xe2\xd3\x9f\xdfDP\xb8D"\xf8\x86\x82w@\xca\xbeq\xd75\x1bm2Qa\xeb\x16\x8e\xe4\x0c\xa2B\x18\xa2\xeb\xf2\xa9T&gt;\xf4:!\xb1\xb2Q+i\xa0/X&lt;M\x91q\xaeJ\xff\x99\x08S\x01\x8e\xcf\x07H\xf0F\xa5V\xf9|X2\r\x96\xec\x86\xaa\xfc\xf3\xd9,\x1e1| \xfd\xf9\xc6/T*\x92T\xa1\x17\x95\x8fR\xa9I\x11j*\x1aBX\xa2\xf2\xf2\xafr\x8c]`\xd6_\xab\x17\xb3@\x05\r\xa4|$E:\x9dj\x95jV\xa5R\xab\xef\xae\xad9}\xd8aPV\x14\xb17Z\xd1\xcai\xce\x98&lt;\x8f\xc3[ED\xe5\xa3&lt;\x14I\x92\xce\x86\x06\xa7\xdaiQ\xab\xb7\x13\xcf2\x89\xedz\x15\xed}l~&lt;"\xaf\x8f&amp;\xaa\xcd+\xe6\xdaX9S\x90`,Rh\xe2\x88M\xdbP\x07\x89D:\x93\nG\xa6R\xd9Lb\xad\xfe.\x87\xc3\x11\x8b\x85\x14\xd8\xdfjE\x01\x8b\xbb\x88lv\xce\\\x1b\x87\xc1X\xd0$\x0f\xc9\xa9?&lt;\\ZJ\xa4\xb3\xa9pg\xe7dh\x80`\xb1\xdcz\xc7B&lt;\x95:\xf1\x0e\xf6\xf6v-=j\xe5\x08(\xcf\x84\xd5\x8a\xf7\n\xa4\x99\x889\xb9\x8e\x96\x91\xab)\x81i\xfc0\x03D\xcf\'C\xda\xaa*\x19\x9f\xcfW\x0e\xe8\xcc\xee\x98\xc3122\xfd\xe2\xc5\xd3\xa7sC\xbd]\xbf\xbbWm\x13\xca\x11\x99\x15\xb7\xb2\xbc0\xc3\x94\xdfs(\x9eHu\xf5a&amp;n7\x0cTU\xd4\xd4\x18\xa52\x19\xe6\x02\xacd\xcc1==\x8d\xa8\x00\xebA\x1bp\x99lB\x01IMX\xf1\xac\xd4\xe4\x19\x9a\x8eGED\xd50\x9e\xfe\xc1\xce\x1a\xe0\xcb***\xa4F\x17\xa6\x02,\x9d\xd9\x9c\x0c\xd0X\xc05\x88\xe4j\xad\xad\xad\x15#0+&gt;\x01E\x86\xe4\xba\x9a\x85\xb0\xe2\x1cd\x16\xdc:\xa5L&amp;\xed\xeb\xeb3\x1a\xa5.\x99\x16\xa8\x00\x0b\xb8b\xc0\xf5\x82\xee\xe2\xe0\x03\x1a\xcb&amp;\x16\n\x05\x94\x04\xb2\xac\xbc\xf1\x82\x11w\xed\xe7T&gt;\x95z;\x1d\xd7\xeb\xcc\x80\xe52\xf6\xfd\xb6\xcehti\x91Z\x04\xa2\x826\x06\x02\xb4\xb9\xe6\xb0\xb9jm\x80\x05z\xc9=\xd8\xfb\x05F\xb2k\xef\x1c\xa8\xd6\x12\xd9\x11\xb7Y\xa7\xe4\xcb\xa4\xd2\x9a\xba\xba:\xa3\xcb\xa5\x05\xbd\x94\x04\x81\xb8h\xac\x17\xd8\xf3m\xed\x8fZkM\xd0E$\xd7\x84\x04\xfc5\xbb\xc5Dh\xed\x9d\xab\x81*\x93\x9a\xa2\xb1\\R\xa3\xb1\xc6hD\xee\x92A\x17\x95\xc4\xd7j\r\xf5\x82\xe5\x1f\xb5B\x1b\xc5\xa8\x8b$\x05c\x9c\'\xbabB\xad\xad2uC"\x93\rw\xb2\xcc:&gt;_\nT\x15\xa0W\r\xe8\x05X\x84\x92p\'\x93\xb1\xd8(v=4\x11c\x81\xb7\x90\xb9Z\x10\x16\xac\x179\x06\x16\x89\xe1+E}"\x9b\x8awv\xe8h,i\x05\xc2B\\U\xfc&amp;h\xa2[\xaf\xd7_g\xc4\xdc\xe0\x03\x1a\x0bS\t\x05\x02\n\xcf\xf0\xc2&gt;\x03\x8e\xcf[\xc63\xd9\xf8\xd4d\x87\x19q\xc1QD\x82\x81\xbb\xea\x8cUA\xed\x00A\xb8\xa1\xf4\x81Q\x9c\\_a\xb5`s\x89&lt;0*\x99\x88\x08\x7f\xae!\x81\x86M\xa8\xc3l6\xeb@/\x99\xd4\x05T\xc0e\x94VI\xa1\x8d`y\xb7;\x86\xb0p&gt; ,D\xd5\xd2"\x10\x80\xb9\xd0\x18/\xee1\x81\xb5\x9d9\x89G:;:\xcc\xc9d\x12\x9b\xdeHc\xb9nr^\x1f\xa3\x93\x0b\xd4\xea\xba\xc6\xb2a*!\xe9\xa3`S\\f\xe0(\xfa?\x1edSS\x9d\x86I\x969\x19K\xea\x08%\xc2B\\\xc6\x9b|\xd0\xc7\x02\xa3\xa3\xf4ID\xb1\xf5\x08a\xd1b\xa9\x05$\xdae7/\x98\xc0J\x9f\x84#\x88\na\x11\x04\xa1u\xb9\\A\x97\x8bN-\x96\x99\x05\xceB`\xd3\x9f\xb1Z\xb1Zr\xb9@\x05E\x92\xbeFQ\xae\xf49\xef\x7f\x0f\x91\xd5\xd9m\x80\x83\x98\x0c\xc4\xfa\x89&amp;\xad\x16\x81\xa1\xd4\xc2\x93\x07]\xc0[1\x9c\\\xd7\\\x10\xf2\x80%T\xaba\x8b\x855\xb6\x91\x81\x84\x98\xff5\x1b\x8ft\x1b\xbaQ\x0f\x031\xb7\x92OS\xe1\x81\x88\xce\xa6N\xd7\x81&lt;\xef\xa6\x05C\\\x80\x85\xa8\xe4\x02\xb5\x13\xc0\xd4\xce\xd9\xd9\xdc*\x03Xp\x0c\r\x18+\x19\xd0\xf7\x03\x16\x04\xbd\x14g\xa9\x0eU\x87\x8e \xfa\xcd\xfd\xe6\xeb\x90\x18B\xb3\xdav\x83eq:\x9d\x96\xe5\xd9\\\xe9\x83k\xfe\xefp\x0cY4V\xd2M(\x81\x0b\xb0 \xb5\\h\xf2\x00\x13\x01\xd9\x05\xd5\x0f\\#\x8bc^\xbc\xda\xd8&gt;cY\x14\n\xc5\xf2Y\xe9\x83k\xfeS\x18\xf5\xb0\x1bR+\xe9\x86\x83\xd8\xa4\x95\xc1P\xac\xeb\xe9\xa9\x93\xca\xf8\x04\x01\xbdD1\x01\\,\xb7\xdd\xb1\xf0\x83w\x08o\x82\xc0E\n\x90T\n.Wa9?*\xfdn\xfa)l\x87\x1e\xba\x11\x96\x19\xb0\xf8Rc\x0f\xd4w\xf7{@0&gt;r\x9a\x16\xd5C\xa2\xbf\xf9\xfbk\xac\xb6\xf6q\x93\x18\x02B\xedt*\xb8ee\\E\xd9V\xc9\x8f\xe2\xf0\xa7\x15d-\x18\xc8\xd0CHS)\x08\xd5s\xff\xfe\x87?\xf4ll\xc0\x1e\x01a\x11\r"\xac\x8e\xfe\xe6\xc7\xf1T6}\xb84&gt;^]\xcdA\x13\x11\xec\xce}\xf2\x84!\xac\xa3\x08`\xc1\xf2\x02\x95$\x9a\x9a\xa2\x1bP\xefPmlD\xa3\xc1`4\xba\x11\xd5&gt;\xd4\x86\x9a\x9b#\xf1\xcc\xc1\x9a\x05e\x02\xac4$)\x10\xa8\x18\xc4\xaa&lt;\xda\xe9\x04kA8\xc4\x02n\xe5\xe4N\xe8\xed/;o\xde\x9c\x9e\xbe\xd9\xd9\xdd\r\xad\x07\x11et\x9d &amp;\x9f?\x0fg\x0f,*\x91\xc4\x8a\x1f\nx(\x8a\x04,E\xd9\x13n\x19\x97\t\xac?#,\xc8\xf1@ \xa6\x9b\x8c\xac\x9c\x9e\x9e\x1d\x9f\x9f\x9f\x1f?{y\xfa\xe6\xcd\xcez\x14*\xf8\xb0\xb9\xd9&gt;\x15N%\xd6\x9c\x8d\xf8y\x17\xdbj\x9d\x98\xf0P*p|\x19x\x8b\t\xac;3;\x9d\x93\xddv\xa0\n$Y\x8f\xc3?\xbe:\x86\xaeX\xb8\xc0\xf5\xe3\xca\xe9\xca\xcez0\x08Tp\xab\x18Oe\xb6\xef\xaa\xf0\xc3\x08\x89\x07\xb4\xa2&lt;\x1e\x12\xd2\x01i\xc5\x0c\xd6.`9F@,\xb7\x1d\xa8^&gt;;&gt;&gt;8H&lt;\x83egeeeg7\x14\n\x19\x1c\x8b\x10X\xe9%\x93\x80\xa2\xe4\x02\x8e\xa9z\xbc\x9a\x03\x81J\xf9\x9c\x10Z\\\x10\x8b\t,\xff/\x11\x03\xcb&gt;\x1a\x08\xe8\xa1Q\xa8q;\x91p\xea\xe4$\x15\x0f\x87\xe3\xe1\xa9H7\xcb\xd0\xb90\xf6t\xa8k\xdc$\x94\xcb[j\xc7\xdb\xd2\xe9\xf4\xd2=\x98?\x02\xa1\x85\x8b\xa8p\x13\xf7\xfd\xf3\x95\xa5\xc6b\xb1\xf4\xa3\x81\x98\xfe\xf1\xf3\xdd\xf5\xb7\xef\xa2\xeb\x93\xcd\x91\xa9\x851\xef\x18\xd4\xe2\x88]\xdfm_|:\xd8\xf6H,GT\xed\xbd^\xef\xd0`\xd7R+\xc2R\xa0c\x88\xd0~&gt;\xfax\xf9\xbe\xb4\xffF\xa0\xb1\x1c\x8e\x98~2\x18\xfd#\x04B\x90h\xeet@\xd7\xe6\xe6\xbc\xde\xb1\x05\xbb\xbb[\xbf\xe8\xed\xbag\x93SH\xab\xc3L6\x9b\xe9j\xaf6\x89\x05\x08\xeb\t\x17\xb5Qqy.hi\xb8\xdc+\x95^\xf33\xfe\xca\xf9O;\x06\x84\xe5f=\x84\xe0\x84D\x886\x19\xec#c\xa0\xc9\x9cwl\xc4\xce"X\xac\x11o[\xab\xdcC\xc9\x85\xb6\xea\xc4\xcbg\x89\xc3m\x93\x10\xed[\x1c\x05N-\x05WM\xca[\xc4\xb5\x9c\xf7\xa5\x91kx\xe6\x9d6\xf4v\xe6\xc3\xae\xa1;6\n\x9f\xdf\x14l\x02\xac\xf5\xd0N$\x959lo_\xea\xf5.\xda\xfb\x9b\xaa\xaa\xf8\xfa\xb16\x9b\xdc#\x07\x94\xbb\xe7gOT\x14z&gt;\xe7\xa3(a=\x8a\x07\xb0=\t\x7f\x13\xbf~}\\\x9a\xdbk\x7f\xd4\xc5W\x06v\xdf\x85\x0c\x06\xfd\xa8\xde&lt;\xa0m\x1a\xe80\x80\xed_\x1d\xa3\x0f\xaa\xb5\xdd{\xb0\xf8}\x93\xb1\xae\xc7\xa8[\x04,\nn\xee\xa9\xe3\xf7\xf9\xa2\x84\xcdF\x8f\xc3\x80K\x8d\'\xb5B!\x80\xfe\xb6x^\xaf\x95db\x0f\x7f\xf8\xe9\'m\xdf?\x02h$\xda\x1dz\xdd\xc0\x00K\xbf\xe0\xcd\xa4\x13\\E\xb1\x91\xad:\x18om?i\xae\xaa\xfb\xfd\xfd\x1e\xe5t\x97\r\xb6Q\xcf\x84\xf3\xe3\xd5\x99\xc8j\xb5\x8a\x1a\xe1:\xe1\x91\xab\xf1b\xa3\x10\xca[L\x7fy\xfd\xba\xba$\xb7\x1a\xf3\x0f\xff\xf3\xb7\xbf\xf6\xf5\xf1u\xb0m9\x00\x8b\xd5\xed\x18\x1bl\xabn8;\xdb\x14Y\'\xea_\xa6\xdb\xff\x19\'\xaaj\xbe\xfb\xae\x87\x1f\x18j\x85c\xe8\x91\xaf\xbd\xfa\xf5\xa3\xc5\xe3\x91\x0b\xc5\xa4o\x02BU tZ,\x16.G\xcc1A\x13M\x9fJ\x84\xf5\xaf\x7fk\xff\xf4\x9b\xbe\x0e\x038\x9e\x05\xb7\xcf\x0b\xff\xa5\xdd\xfc^\xdaH\xbb8^\t\x11MwC\x8c\xe9\x04M\xa3%N0ac\x02S\x1c6;\x89\xcd\x0f\x03b\xc6\x82\x03\x831`.\x92\x8b\x82\xe0\x06\x053\x04\x12(\x01S\x89U\x17\xbdh0j\xf0\x07\x14Y\xb5\xe0M^jV\xb7\xd8\x82\x88\xd0j\x17\x91\xd7\x97\xbd\xb0l/tk\xac\xeb{\xd1^\xbd\xe7L\xec\xfb\x17$\xdfV\xbc\xfd\xf0=g\xces\x9es\x1e\x83KK;+_\xbe\xbc\xfb\xf9\xbe|i\xd7d\xcae\xd7\xef\xdce\xec&gt;\xdd\xb3)\'6~\xec\xce\xda\xd6\xd6\xf3\x9dX,F\xc1\xa5\x07@\xabe\r\x80\xa5"I\x12s\xabdn\x9d\x9ce\x1a\x19F\xd7\xe2\x82\x0f\xb1\xa9\xb3"\xceof\xf9\xfc\xa7\xa3\xc3\x95\xa5\xe7P\x9e\x82I:\xa1\x0cp\x06\x9f\xa7i\xc2d\x05.vi \x18\x84\xfet\xc1\x89\x9d\x8d\x0c\xc7#\xd26\xe8P\x8dFM\xab\xfc\xa0D\xb9\x95\xd6M\xbc\xff`\x8f\xfa|\xe6\x11\xb7\xe0\xae\xc0\xcb\xc5\x98ol=\xf1\xe2\xdfGy~~jz:\x97\x1d\xf3\x00V\xd4\xeeQ\x0b\xd3z\x87LN\xd8L\xfd\xbd\xc5\x89\xa0\\\xee\xc0\xa1\xa0\x1c\xb1\xda\x8d\xabR)E\x1d\x94(\xe5\xc7\xde\x9fe\xecQC\xa39\xe4\x9ep7A[\n})\\]3c\x89\xd0P.\x97;\xc9\xae7\x06\x02\x1c\xf4\xa9\x1e\xf5\xd0T\x8f\xa3UJ\xe8m&amp;S/\xce\xb8\xe0\x12\x1b\xd3\xb3\x84V*\xd5\x90mmFi\xab\x94Z\x95\xbf*\xd1\x97X\xf8\xe0c\xa2Q\xb39$L4\xd7)o7\x8a2\'\xe8P\xdc%\x08\xf1\xfc\x98\xcf\xa7\x00\xb3\xa2\x80\xf5t\xaa\x07\x0c\xb2\xb2=]\xbd\xbd\xfd\xfd\xa6.\x1bhA\xcfj\xb5\x1a\x8dQ\xd5FV\xd7\xca\xa4\x84\xfcMIn\x1a5\x93g\x85\x8c\xdd\xde\xd8\xa4\xae\x88D:\xaa\x14\x80\xe5\xfb\xc9\x07\xbdrBW\x17\n\x85\xd6_\x18\xec\\ \xc0DE\xb7\x82\x80\xd5\xea`\x9d\xb6\xae\xde\x81\x81~P\xaf\t&lt;#(\r\xa9R\xb5id\xad\x10N\xeb\\I\xcai\xcd`\xa2`\xb63j8\xa4\x85\xa1\n\x88a\xa3\xcf\xef3@\'\xff\xc2\x0c\xdd\xbb\x19\x1az\xc0\xe2\xc0NF\xd9$L;\xad\x90\\V}\x8f\xcd4\xd0?0\rh\xbd\x88\xa5\x95\x92F\xb0\x0bw\x1c\x0e\xa24X\xb7\xd2\xe7\x85\x0c\xc3\xa8\xe3\x1dC\xc2\xd3&amp;\xa5\xe2n\x9f\xdf\xe0\xf7\x1b\xec&gt;\x1c"\x99\xed\xd1\xa8\x81A,\x83\x81\xab\xfaq\x02\xb0 \xc1\x1dVg\x97\xa9\xff\x06K\x9c\xee"V\xa5JCi\x1dZ\xebJi\xb0\x86\xb7u\x01&amp;@\xd3\\\xdc\xdd\x01\xa9\xc5\x01\x93\x01&lt;\x02\xac\xc6\x8c\xcf bq\x1c\xc30\x01\xf5\xb3\x89\xe9\x1e\xc4\x02\xbb \x8a\xfd\xa2\x8aX\x14i\xac\xac4j(J^2\xac\x9aIO\xc0\xee\xa1\xcdQ\x8b\xd0\xa1V\xdc\x15\xb1\x0c~\xa4j\x14\xa9\xec\\Q\x88\x15\xb4\xb1Z\xb9\x18ELz\xcc\xfb~\xd3\x82\xde\x8aXp\\k\x08\xe2\xc0a=.\xd1\x9d\x7f\x90\xe1\x0c\x1e\xda\x17\xb5D\x10\xab\x0f\xb1n\xa8\xec\x86"\x15\x86\x91\xcb \x16\xf4X\x80\xa5e!\xb9\x10\x0b\x84X\x0e)Y)bQ\x80\xb5\x91.Q\xbbe\x08\xd8\xd5\x05C4\x1eiV+\xef~\xef\xf7\xfb}E*\x08%$&lt;\xc3p\xf8\x9f\xcbx\n\xc2T\x973FhE,\x00\xea5\x99L8\xa1\x87\xbaE\xe2U\x91\x94\x1f\x1c8\x88\xcf\xa5\xc2\x8a*\x99B\xc1n\xe0\x05\xc0\xba\xfd\x13\xd8%\x821\x8c]\xa4\xf2s\xf0E0Pp3ja\n\xee\xf8K\x0bZ)\x04\xd1$\xaa\xcb\x06G\x90V\xaa1J\xc2\xef$\xed\xfb\xfb\x07\xda\x92a\ro{\xfc\xca\x82:\xe0\x12\x9a\xeb\xaa\xc4(\xfa|~t\xc9.\n\xcd\x82hF\xa3v\x9d\x90\xeb\xb5-=_\x8ai\xd9\x05\x1b2\x89T,\xe5\x10\xb1\xc2\x92\xea\x87\xfb\x0e\x82\xfaR\xaaf~2\xc3q\x85\xa7\x05w\xc4%N\x1f\xfaD,(\x11\xc0\xe4cD\xd3\xa2\x88\x95\xa1\x85`\xd7\xc2\xceBl\x87\xb0BAE\xabl=X\xb5\xe4R\r\xc40\x1c\xae\xdeo%V_\x96l\xcf\x9f\x8ez\x02\xea\xa1!!\xe2\xfe\xb1N\xad\xbb\x8bX\x80d\x10\xadb\x98F\x8e\xe6\xf3\x99\x8c/C\xc7s&amp;gL\xf6\xb0\x96\x94\xb6\x02\x17b\x01\x15KP\x90Z`\xd6;I\x83\x8cx\xf5\xea\xb8t+\xa9m&amp;\xc0\xa9\x9f\t\x02t\x81j\x1dn/\xb0\xa4BQ-\xa6\xbaz\xda\xca\x8e&amp;&lt;t\xfcd\xc0I\xd5&gt;x\x0cw\xe9V\xb1\xa2\x8a\x875AQ\xc5\xd4\n\x87\xa5r\xe2\xe5\x9b\xbf\xd3%\xc3JG\xe1p\xe1x!\xe2\xea\x08\xa9q\x08\xc8!\x94\xdf/\xd6QO\xe1\xeb\xc5\xc5Z&lt;\x14\xcf\x05m\xf2\x87\x8f\x1f\xde\x7f\xb8_\x0b\x85\x1e**b\x11`\x96\x06\xca\x03\xc4P\xa2\x91;V7J8\x12\xac\xd9\xc6\xba\xc9\xcf\xce\n.KH\xa9\x00\xbf\xf0s\xeck4\xc3\xa9\xc3dtq\xe1\x8c\x0eY\xe6{{\x1cHU\x8b\xd7.\xab\x95u\xf6@\xbe\xc31\r\xe7\xb4\xb1\x88EJ\xa9W_Jg\x16T\xd4s8\x8a\xf9\xd9HD\x88w\xa8\xe1\\\xfc\xbe\xaf\xaf\x8f\x03\xaa@\x86c2\xa2&gt;\x84\xe2A\xb8\xf8\xb4\xb6B;\nP\x04\xabw\x82\xc4\x18\x82Yp\xd3\x87\xbb\xa2\x86|\xf5\xb9\xa4\xf3\xd3\xf46|\xff\xa9Y!"\xa6\x97\x12\xed\xea\x83v&amp;\x90\td2\xc8\xe5\xd1\xd1t\x1d\x9f\xeb\xb7\xe9qO@\x10,\xcb"\x13\xcb\xde\x98\x85\x83\x91\xf0\xbb\xb7\xc7\x7f\x97\xf8\xfd\xdb \xb4y\xfc\xac\x00ru4U\xdd\x81\xae\x8bC,\xa0\n\xe0\x88\x92\xae\x0b\x8d\x84,\xaeHn\x00[\xf8\x18\xabg\xf5\xfa\xa2U@\xf5\r\xeb\xf8\xb7\xdfK\xbd0\xa8\x99&lt;\x1f\xcb\xceF\xdcn\xc1\xd5\\\xa1\x06\xac\xdb\xb7\x03\x8a\x809\x90\xc1\xbd\xb08\xc9\rY,\xf18?\x9b\x1b0\x01\x18v\xcb8&lt;\xa54\x1a0\x0b\xc7[\xc0\xf5\xb9\x0c\xdb\xea\x9a\xc1\xc9\xf3\xe5Y\xb7\xdb\xcd\x03\x16n\x13\x15\n\xdc\xed\'\x12\xdf\xb0\xe2 K\\\x98\x0fB\xcf\xe0\x8c\x89\xa2H\xf2\x1b\x96\x04\x92\xebc\xfaV94\xf8)\x19q\xbb\xe2\xcd\x1d\x8fp\x85\xaeP*\x15\t\x9c/\'\xfeO\x15\x8f\x0bW\xa7\xfd\xd0&amp;#\x16\x11\x8b\xad\x1a\x91\n\xb0\xc4i`\xf8cy\x9e\x97\r\xff3\xeavy\xbd\x96\x8a\xce\x1f\x94\x00\xe5\xf1\x98\xc7\xc6\x12c\xe0\x15}vvf\xc9\xf2\xd9\xec\xc9\xe9\xa5\xe9b!\x86)Ei\x8c\xab1\x8ca\x1bN D\xb7\xfe(\x0b\xd5\xad\xf4\xeb\x14`\xb9\x9a-\xf8j\x04\x97&gt;\x89u\xf8\xa7K\xd0g\x16\x0b \x9d\x9c\\]^\\\\\xc7\xe0\xce\x8a\x1b\xd7j)\xa6V[\x1b\xa9\xba\x99\xe8\x86\xff,\x0f\xd6\xad\xc9\xbc\xcb\xd5,b\xfdP\xa5\xab\xd2%\x12\xeb(:\xcb#\xd2\xd7\xd3\xd3\xcbk\xab\xd5zpP{\x1f\xaa\xeaw\xf7\xabI\x82\x94\xb6\xa9T$b\x81ao\xfeU&amp;\xac\xc1#o\xb7\xa5\xbb\xa5\xa2\xa2\xa2S]E\xd3\xba\xf5\'\xf9\xcd\xc3\xcd\xe5\x99S \xba\xbc\xb8\xbe\xbe\x06&amp;Q\xfb\x8f\x1f&lt;\xf8\xae\x814R\xc5Y\x8d\x18C\xc9q\xb9\x9e\xbc\xa5\x8f\xbc--\x15!\xe0\xea\xac\xab\xa3\xe9\xf5\xf5\'\x87\x1bs+s\x17\x17\x97\xa7_\xbf\x82[_///O\x91\xcf(\xadn\x80\xf0\x19\xc9\x86\x06q\xfa]\xfc\x10\xcb\xf5\x84\xeb\xd7s\xc4j\x81\x9f\xceN\xc0\xa2\x9f\xe4\xf7V\xe6\xe6Vv\xaf\xde\xff\x17\xf4\xbe\xa8\xab\xd3\x8b\xeb\x97/W+U\xedR\x92\x925\x14\x13\x1eT\xb6\x18\xc2\x89\x9d\xef\xeen\xb1 [E\xa8\xeeI\xe7\xc8\xe6\xf2\xde\xe1\xa7\xfc\xd9\xd9\x07Q\x00\x06p\'\xa7\xd7,\xf1\x12\xb7&gt;R\r\x9avC\x15&gt;.\xd7\xc32\xac\\|s\x8b\x85\x07\xae\x96\x96\xd0\xc8H&gt;\xbb\xbc\xf9\xe9\x08T\xa4B,4\x8b\xa5\x8cFMC}\xbd\xac\xa1\x1a\xb1D*\xc9\xbb2\xbeZ\x1c\xfe\'\xe5\xea\xb6\xf0\xa9\xeen\xaf\xc522\xb2\x99\xcd\xe6\xcf\xf2\xe0\x16\xfa\x05&gt;]]A\x89\xb8\x86\xb2\x80Ks\\\x8e\xdd\xbb\xf7\r\xab\x9cf\xe1B\xca\xe5j\x89{EA\xb1J\xa5\xb2\x16\xf8\xc5\'\xa1@\xec\x02\x11K\xe0\x1b\xa4\xea{\xc8t\x0f\xd7v\xf5E\xac0\x98U\xce\x17\xc4\xbf\x1e\xa5\xbc)\xac\xf4\xde,(\x95\xe4\xb3q\xe0\xe2Gg\xd6\x96\x16\x08)\xbe\xc5h\x95\x89k\xc4Z\xd1\xab{\xf5\xed\xe2\xb9#\x91\xbc-\xa3Y\xa0\xd7\xcb\xc9\x14\x9fJy\xbd|\n\xb1\x92&lt;\x9e\xcf|29\xbe\xbb\xb6\xb4\xb4\x83\xc2\xb3\xa7X\xe6o\xb0p\xad"\xf9\xb3\xbc\xcf\xad\x077\xc7\x93\xbc\x1b\xd0\x92\x00\xb7\x9c\x1c\x05\xb0\x1bEf\xe7\xe7\xe7s\xb8\xa5.n\xa0\x00\x0b\xb7\xfa\x8b*\xd5".^\xcbJU\x93^\x1f\x1fO\x8e\x82\x92\xc9e\x10\xd84\nH`\x99\xc5\x0b?q^\x98\x87\x86\xcbi\x15\xb1 \xc7\xda\x17A\x7f-.\x86\xcb\x8bu+=\xc6\xcf\xcc\x8c\x83\x80\x0c\xb0F\x97\xd1.\xa0\n\x81\xea\xb0\xbf\x89\xe4\x82&amp;\'\xe1\x90\x89\x0f\xa4\xea\x1b\x16\xdb\x10\xcc\xf8\xe6u\x99\xb1^&lt;\x1a\xdd\x9d\x99\xd9\x02\xb4\xad\xbd\xad\xbd\xe5d\xf6\x06\nO\xa3P\x08:\xaeyt\xcb!\xc7\xf4\xaa\xaf\xff\x05\xa1\x16U\x95o\x7f+7V\xd5\xc8\xf8\xee\xee\xcc\xc6\xd6\xcc\x16ho\x99\x87/\xd1\x12\xa2\x81J\x07\x972\xb70\x8b\xf7\x0c\xf1\xa9\xa2\xac\xbe\xbe\xe1\x1b\xd6\x7f\xca\xfc\x97"\xc3\xe7w\x94-\xe3kk\x1b\x1b\x1b"\xd6avD4\x8aF*h\xe5\xe7\xe7\x83\xa6\x05\xb6\xf8\xb0\x13\xa9~\x010\x15)\xf98\\n,\x85\xe2\x91w\xe6\xf9\xdc\xca\n\x82\xed\x1dn\x8e&lt;\xa1E\xe9F\xf8\xc8x.\xb7;\xd0\xa5\xa7\xb0\xa6\xd6\xa3Y\xa0\xc5\xb6v2\xfcG\x99\xff\xecax\xfb\x7f\xbc\x9c\x7fL\xd3w\x1a\xc7\xd3,\x98B\xad\xfc\xf0\xea\x0f\xa8\xd5`)\x96Zi\x87\xb3[\xe3\xb1\x80\xac\xd5:\xa0\x1c\x8dS*)\xca\xa4E`\xd6\x149\x82\xa6E\xa1V4D\x88\xad\x91E&lt;\xcd\x04n\xf2\xc3\xa1\xc0\x1d(w\xc0N\x84#\xb93Fd\xf8\xc7\x84dQ\xc8\xe1\x1f\x8b\t\xb8\x80z\xef\xe7\xf3\x85\xdb\xedr\xb9\xdby\x96\xa7I\x0b\xfc\xe3+\xef\xe7\xfd&lt;\x9f\xcf\xa7\xdf\xe7\xa3 $\xc4pz\xe0\x0b\x8e\xeb\xcfW\xaf\xd2\xd3s\x8f\xa7e\x8b\xfbd\xe5\xef\x06\xf677\xa0\xaf\xae\t\xa0^\xcaQU%%\xc5\xcb\x0f\xfd\xe0_*,?8]\x88\xac\'\x9b\xb1\xa1\x01\x18\xb8n\xdd\xbeu\xdb\xed\xf6\xb8wV674|\xe1E;}WB\xd3m\xf0{U[[U\x95$I*\xf7\xdb~\xf9G\xb5\x08K\xe1&gt;5P\xebe\x82\xdd\x80\xbdn\xdd\xc2\xeaX9\xd0\x806\xdf\x85#O\x00\x9b\x05$\xac\xaa6\xa4\x12X\xf7\xa6\x16A-A\x88(\xd2}r\xc0\xeb]\x10\xec\xfe\xd5\xab4\xee\xe3\xfd\xbaI\x8e\x88\xa7\x1b611\xa4T[\xccg\xebH\xad;\xbf_\x04\xb5\x04\xb0\x17?\xf6\xd4\x97^\xef\x1d\x12\x0c\xc6\xff\xc3\x8d\xe6foo\x97&lt;\x82\x06\xdb$\xe111Kc\x88\xabmi\xf0g\x81\x0c\xebO~W\x8b\x1f&amp;\x16\x93\xedcO5x{\xbd\xb5\xf0\x182Y\xeb\xf5\xf6\x02\x8a\x99&lt;&lt;\x86\xae!\x80*fipi\\\xa0$B\xda\xe4\xefn\n\xb5\x80%\x14\n\x04\xf0W%\xf2\xe6\xbds\x07d\xb5wz{\x97\xd0\xb5\x9fp(E\xb1\x94\xe4\n\xfe\xb04%.0\t\xa7}?okH\xad\x95\x91!\x02p\xc1\xf7\xcaSP\xa9\xb7\x97\x86m\x0e\xbd\xb3\x84F\xb6b\xe6\xa1\xd8[0=&gt;_\'\t\x90\xca\x9b\x16\x03K\x01,\xadX \xe2+\xdc\xa7+\x9b\x01\x86\xb3\xe9\x92x\xb2\xd4\x02\xd6&lt;\x14\xc3\n\x8aX,\xac0`\t\x85b\xea\x13h\x0b\xb5\xde.i&lt;\xa8\xaa\xc2Y\x0e\xd7\xe1E\x83\xd5\x1c\x15\xb3\x96\xb4\xe9\x1b\xffc\xd1\xf07\xb0\xb4\x99\xc2\x10\x855{\xe7\xa9\xcfo\xd4\xce\x0f\xdd\x853\x95\x82\x83K\xe9&amp;\x19GE\x1bAX\xfe\x9b\xc3\x8b\x85%\xd4j3\xc5\xfc\xd5\xb4\x8f\x1f\xf8\x12\x82I\xd6\xc5\x95\x96rw\xb4&gt;\x0c\x0e^\xca\r\xba\xc5\xad\x0b\x94\x04D\xc8\xbb\xbe\xefY\x94$\x8a\x85b`\xad\xcd\xdc\x14\xb6\xda\x1d{\x9a\x0e\x18_\x1f\x0b\x08b\xf7\xb3(\x82\x01\x08\xaa\x94\xe5\xcb\x03\x83$\x11\x84u\xc1\xffX\xfc0\x11]\x89\xd2\xfeJ\xbbV\xec\xe2\x1b\x94\xb1\xa7q\xc0hH\xa6EgyJ\xe9B\xd0\x04\x1e\x8e?\xc0\x92\xca\xbb\x9e\\\xf0\x7f\xdf\x8a\xc4\xaa(\xa0\xaf\xc0\xb5\xa8G\xf4/^\xe2\xb6"\xec\xe0\x93\xaf\xd0\xb4V\\J\n\x88R\x18T\x1c\xa9\x15\x00\xacC\xfe\xdena\xbfeU,`e\xa2\x1ai\xdd6D\xd3\x14\xf3\xc1\xe4\x84\xf9\xa1\xef8\x8a\xe5\x14\x81AA\xc8\xa1\xbc\xd7\xefX\x17\x1e\xad\xe7\xf3\x91D\xa1\x905\t\x11]\x8aRXy\x89\x17\xc1E\xb3\x05\x1f\x13\x181q\x17\x0b \x16\n\xf1\xd0\xf7\xfe\xae\xc4\xc3\x0f\xb3Q\x89"1U\xa2\x10\x8bc\x18\x7f\xa5\xc2j\xe0E\'\x92`\x05\x1b?I\xc0q?\xe8\xbd\xf7\x96-cwi\x82\x02\x08K\xde\xe5\xf7\xbe\xf5G\x0f=\x8b\x02\x15\x92(ta\xcd\x16\x85\x11\x16]\x9b&lt;J\\[\x13V\xb0\xa9\x82\x0f&gt;X\xc3qQ7\xed\xf2\xf7\x0e"\xf4Q\xac\x87/\n\xa1\xf6\x90\x99A\x8e\x17\x08\xc2\xc2\x90E\x03\xb8\x98\xc1p\xa4^\xb1"\xeaXT\x14\xfb\x96d\x19s|S\xd7\xbd\'g\xfd\xe8\xae\xd0#g[\x94\x1e\x91\x08\x8e\x07V&amp;e\x11zQ5*VS\x1e/2\xbd\xae\xb0\xa0G\xe9\x01\x014\xf3#\xa7\xaf\x06\xbf\xf3\xdf\xdd\xea\xc6\xee\xc9g\xb1\xca-"H\x04\xb5\x10\xc8\xa2K v\xb9\\"\x91\xd5\x90\xc6\xfcu\xb4`\xcf\xc6d\xf6&lt;8\xe1\x1fX\xf2\xa6%\xf1m3\xfe\xb2\xd7\xe8\xf8\xccw\xa7cc\xad\x91h\xa6B\xb6\xf8\x80\x0b\xf6\x12Q(\x14\xca\xb4\xc4\xc4m\xa4\xd7\xc1\x82\xe6\x82\x86\x8d[\xa3`\xb2\x00\xce\xf2MK\xe41s\xd3\xfeY\x80z\xc6_\xdd\xab\x8c\xe6\xc5\xae\xe6S\x8fg}\x0b\xcb\xb5\xcb%\x100*\x0f/-m\'\xab\xc7\xfd\xe4\xfd=\xe4}R\x8bVj\xf9/\xa4\xe1\xd7\x86\xc6\xfdq\xfb\xb5q\xf6\xf5\xa1\xca\xed\xbcl\xa5\x81\xcf\x0f\x11\xb8\xc4\\\x1a\xb5\xc8 \xb2(:\xa1P\x18\x94JpQA"\xf6\x1f\xe4\xb0\xa8CH\xa5ri@\xdb\xb5\xdc\xa1\xe9\xb7\xef\xfb\xc6\x17\xe53\x03\xd9\xd9\xeb\rJ\x83\x82\x1e\'\x8a\x17\xdc\x85\x10\xb8H.\x83\xc1\xc0K\x03\xd6\xa5K\x97\x18V\x14a-\xe3\xb2(\r\x07Vn\xee\xcc\xb7\xddg{B\xdf*\x95=}\xe6\xe4\xfa\xf5\xd6\xd5\x06\xcf\x16&gt;\x1d~\x18\x17Q1o\xa1E\x10\x15\xd4*\xbax\xf1"]\xa8\xb9BX\xcb8\xb5\xa4IDu\xed\x1a\x14\x9b\x99~{\xa3\xd6\xa1=\xe7\xed\xe6\x03/\xef\xaf\xb4*\xacVO$\xb7V\xc3^B\xaaA\x08\x85\xb0\xf2x\xc8a4\xb8\xb6\x15Q\xa3`Xk(\x89\x01\x11\xf1\x11\xe1s\xd7\x88\x8a\xe2\xee\xcc\xf8\xec[Ifh\xcf\x8br\x95\xd9l\x1f\xbf\x8f\xed;\xbc\x1d\x19\x19\xc2\xb2(\x16\xb2\xd6\xc0Q\x19x\xb0|\xf4N`\x91`\x0bX\xc8!\xb6\x81\x11\x12\x96B\x0e+\xf7\xee\xd0\xab\x99\x97\xd3\xff\xe7\x7f\x0c\x14\xda8\xfa"]\xa6\xd7\x99\xd3\xed\xe6\x07-!D\x11\x19)bI\xa4p\xe1w+\xc2\x00\xad\xd2H\xaf\x9d48_tt?\xeb\xf6kX\x87H\x92\xcc\xcd\xa7\x90\xe0r\xef"\x86Z_\xbd\x9c=|\xe4\xcd\xdb\xfah\xde\x01\x9dE\xad\x97\x99w\xec\xb0\x8f?CSWD~\x14\xc9\xa7\x8e*\xe6\xb08[A,\x1e*\x91\x0b`\x15\xd0\x95;\xc8E\\\x92\xb9\xbb\x84\xc3\x98\x18\x14\x03\x1b\x02\xd8\x1b&gt;Q\x0f\x1d=\x9f.\xd3XL:\x99Lv\xdc\xbe\xa3|\xf8!q|\xc4\xa9\xe5\xfa\',\xca\xa1\x92\x81\x01/\r\xbb\x1c\xc2\x8a\xfa\x98M\x9cJ\xe6\x86\x06s\x17bpphh\x88Q\r\xb5\xb6\xbe\x9e\x1e\xee~\x83^6z\xde~@\xa7V\x9bL\xc4u\xb9|G\xfa\xe6\x07\x8f\xae\xbbN\x84\x88\xb86\x0foQ\x12\xadL-\x83\x81\xc6\xd5\xe9Q#o;\xa9\xb5q\xeb\'W\x12\x12\x8e\xbd\x1b!\x99\xaby&lt;\xb8\xc04\xd8Z\xd3\xdaz\x97\x90(\x86Z\xeb^O\x8f\x86\xfe\x8f\x9e:\x7f3\xdfdR\xebtj\x99Z\xa3R!\x8b\xe6\xaf6O=\xba\xbei\x93\x88[\x13I,\xac\xd2T\x83n\x83G\xe1\xf1\x18\xdc&lt;\x08\x87\xd5q\xdb\xd1s{\x92\xb7&amp;o\x85\xbf\xe2_\xf9\x9e2\xacA\x8a\xc75\x08p\xb5\xd2Gk+\xfd:6\xdc\xd3x\xe4\xe7\xa25\x8e\xe6\xa5[J,&amp;\x8bEc\x92\xc9\xd4z\xb5If.4\x9b\xd3\x87\'\x1f\xba\xae\xbb\xe6\xd7D-m\xe6\xc3\xac\xa4\x90\x9b\xbe\x11Tx\xac\n\x11\xb69\xbcm\xbf=\xc7\xe6\xef\x92\x13\xde\x991N&lt;\x1d\x1c$\xa8\xc7\x88:\x04\x80\x86jj\xb8\x9f\xf0Yo\x1c\x1b\x9f\xed\xee\xf99\x85y\xa4\xe7\xc5M\x99\xa9\xa4\xc4\xa2S\xa95\xa0\xd2\x94\xe8\xa1\x1b\x8a\xd1\xbe\xe3\xe6\xf0\x14M\xe8j\xd9\xa6\x19\xf6\x12\xf0\xad\xbc\xedJ\xa5\xdb\xd3\xe2\xf1\xb4(\x14\xd4Z\xf9&lt;$\xf1`\xc1\xb9\xfd\x05\r\x7f\x1dk\xef\x84X\x0c\xea\xe9\xd3\xa7&gt;\x9f\xaf\xceW\x07\x9dj\xea|\xf5&gt;"\xc3\xa7\xb1\xbe\xbe~l|\xb8{\xb4\xf1\xbf\x19\x1d}Jf\xd2\x83J\xa7\xd3hL\xea\x92]%jYY\x19\xaa\xd1\xae2\xe5\xe7O&gt;\xdf\xad\xa5]`&amp;M\t\nE\xeb\xb7\xa3_\x81\xcb@W\xc9\xa8\xeb\x87\xbd\xffk,?\x97.U\xdexY\xdc\xde9A*\x81ibb\xc2f\xf41\x9c\x1a`\x19\x8dF\x02\x03\xa8\xd1f\xb3\x19\x8d\xb61B;\xf2\x1fZ\xc2\xf9r\x15\xa8L&amp;\xcb*\x93Ng\xd1[L%z\x8d^_\xa6\x87n\xf6\x8e~S\x87*\x7fx\xea\xf9\xee\r\x194\xe9\x99\xa1\x15Xy\xd8i\x11W\xcb\x89\xeb\xda\xdd\x19\xbf\xdc}F\x89F_Tt\xfa\xc9t\x0e\xa8&amp;\xa0\x12\x98:;;\x9dN\x87\x11\x14F\x1f\xc3\xb29\x1c\x8c\xb2\xdeh\x03\x98\x03\xaf\xfa\xd7H\xe7\xbf[2C\xc9\xe8\xe5f\xd5\x01\x99\xda\x02K\xe9t*\x15\xeaP\xad)\xdb\x85\x00\x9aZ\xa5IM\xd5\\\xbe\xdcqsx\xf29\x8a\x92\x1d3\x14\xbch,:n\xcf\x893\xd7wo\xd8\x90\x91\x91)z?:\xf17\xf7\x1f\x8c\x7f:BT\x13\x0c\xa9}dd\xc4isd\x19}6G=\xb0|F\x873\xcbQ\x0f\xc8z\xe8F\x8c\xce\xac,\x87\xcd8F=#\xf4_\xab\xefE\x9eY\x06\x16\x9dns\x89~s&gt;~\x82\xb1t&amp;\xa2\x82\xd1\xf4\xa9\x1a\x8d&gt;5\xf5+\xf3\xf1\xe3\xf6\xe3\xe5y\xc3\x93(K\xec\x02q|Egw{@\xc5\xe6P\x85\xfc\xec\xdb?&lt;\x98.\xa9\xaeno\xefd\xd1^]\x9d\x93\xd3\xd7\xe7\xb49\xfb\x8cuF\'\x87\x85_\xf0\x17\x07\x97A\xc8\xe5\xc8*F\x10\xd9pw\xcfO\x96&gt;T\x9fY\x86\x92\xd3iL:\xd4 \xf4R\xc9T&amp;\x9d\x06T\xa9ez\x84I\xa6/KM\xbdl7_\xee\xe8H//\x07\xd8\xc33\xa2\x16l\x97\xb1\xe8\x18NlZKX\x99\x8f\xa6\xbe\x1d/\x1e\x01\n\x04jo\xc7{uNE\xbf\xbed/\xfeIg\x9f\xd3gs\x1a\xa9\xfel\x0e\xe7\xbe\xbeb\xa7\xc3\xe9\xb0\xf9\xa0\xa0\x83\xc9\x95U\xbco\x9f\x83\n\xe0\'-\xc1nVQ\xc8L\x1a\xc8e\x81\xd9u:\x19\x8a\xb0d\xd7\x08\xc0Fv\x95\xa9\xa1#\xb2\x98\xaa\x96!\x8f\x1d\xe5\x85y\x857\x89\xac\xc5\xb0=66V\xa9\x10\x8836\xfc\xed\xf9\xe4\xf8_F\x98B9xU\x8f\xe4TT\xf4\xf7\xf7[V\xed\xdd\xdb\xe7p\x14\xf7\x15\xe3\xcd\xe1\xab\xa9\x87\x9f\x1cY{\xf7B\xc0\xe2,\xa3\xd1\x91\x95\xe5t\x16\x17\xe3\r\x7f#\x01\x7f\xdcO\xe5\xa5\xdb\xd13\x0f\xc8\xe0&amp;\x9d\xe5S\x93J\x07\xb9\xd0J\xcbv!\x85\x94\xc5\x91\x91\x12\x8dF\xa3N\xa5\x8a4w\xa8;\xecy\x85\x85\xe5\xe9\xc7\x0bgg\'\xa7\x9e\xd1dD\xe4\x99\x87\x93\xc3\xf9\xabr\xaa\xdb\x19UEE\x0eEE\xff\xdf{.cVW\x95(\n\xe7g\xcc/\xb0V\x18\xf0\x1f\x8cX%0\x92Fa\x1c\x989\x042\x85p,d\x8a\x80h\x93\xf2\x15\xc7\xda\xe6\xf5\x82\\\xe1\xb6\x16\xe9b\xf78\xdd\xe3\xbc\xeaV\xaf\x7f\xb7{k\x9b\xcb5\x89\xc1D\x98/k\xaf\xbd\xf6dzxf\nmLs\x83Z\x97SY\x9eH,Tm\xbd\xdd.\xe0\xd0\x80B\x05\xb5\xd6M\xd9\x18V\xe8\xdb\xedWNa\xf6Eq\x84\xf5\xc8\xe3B\xb0\xd5\x07\xe8\xc5 \x88\x130u]\xb2\x93y\x9cc\\\x05\x95\\\xc6&lt;\xed{`\x89\xbc\xee\xaf\xa8\xe6\xcf\x9f\xff\xfe\xfd\x97\x8b\x8fw8\xea;\x1e\x10\xe9NL\x8f\xc7\x14{]\x98\xa20\xbe$,\xb2\xf7\x07\x8a\x08*\xbd\xaek\xa9\x991\xa8o\xa9u\xa1!fY\xe0\'\x14\xcd+&lt;\x87zI\xd0\xff6G|za\x1dgp8tKH)\x9fD\xde\xc7\x99?+@\xfa$\xf1A\x1e\xa2\x88\x98\xdc\xed\xb8\x8cu\x1e\xc9\xbe\xea\xe5?\xdb\xf4&lt;\x02e\xc7\xda\xa9\x80\x05\xa8LaY\xc3\x98J&lt;\xd4\xa2\'\x92\x80\xd2\xeatj\x94*\x9a\x821\x804MaH\xd1\xa2,\x8d\x02\xd7\xafM\xde\x88\xa9\x97K\x8b\xc6SLpg\x05\xc5B\x0cy\xceIr\x86X\x08\xae\xf3\x1aG\xf1YEQ\x02\\DEZ\xa7-\xb8\xfaJ\xf6i;\xf7\xea\xf3\x01,P\xa1\xff\xbe\xfd\x01\x03\x82\xca\xaf*3\x1a+s\x1c"cZ\x1b\x18\x08\xcdF\xc1~\x01Vf\x1a\xbd1\xf8\x0eZ\x01\x9d\x9e\x85fL\x17\xe4\xf4\x1c\xcb\xc4K\x95\xa3\xf1\xc2\xd0\n\xce\x1d\xde#(\xa3\xfc\xcbV\x94\x0f\x9f\xb8\xc48\xc2\xadI\x14\xc1Yi]\xa7y_\xd7\xd7\xeb5m\xd3k\xcf?I\xad7R\x0b\xbe"\xac\xfb#\xf6\x1eZ\x14\xccY;[\xaa\xc1\xd64\x1b\xb8\x88\xea\xf4\xaeW\xa6\x8a\x12214D\xd3@P\xa6\x0c\x03(3\xfa0\xf4U\x10g\xb6\xaa\x82(\xc3\xce8t\x9b\xb3x\xc3t\xee\xe2p\x89\x8f\x1d\x12\x0b\xe6\xda\'\x91:\xe3\xf7)\x81\xbdD*ATI0\r\x03\xb0\xaeC\xef\xdf\x9e\xcf\xdd\xe4\xd0\x0bX\xf7\xe3#\xb2\x96\x17\x86\x9b\x8d\xcfR\xca\x19l\xceC\x9b\xad\xf9\x82T\xe8\xc3\xc6d\x84\xb51.8\xd30\x95R\xc0RF3n\x0eH\xaa\x98\xb6\x9e9\x0c_\xe1\x7f\xc4\xb6\x81*@:t]L;\x9a$\x0b\xc3\x04\xbb\x084\xa1\xf2\x9dRI\x1c--\xf4I\xebk\xdb\x12\xd5\x80\x8e\x1c\x86\xfe\xf1\x00\xd5\xfd\x85\x05_=\x9e\x93\xb0\xf3\xc29k\nn\xe5,-\x8a\xc0\xa1\x1d\xdb\xb6/\x04\xfb\x05\xd5,2\xc1\xd0{\xf8^p\x03\xef3\xa3Pl\x94\xd2\xf1C\x10E\x01l\x02\xa2\n\xdb\xe2\xcam\x1c\xe38N\xa2\'\xea@\x99\x9edU\x0e\xb2\x081\x8ai\x18\xe6~R@\xfc\x00\x00\x01IIDAT\xcb4e\x8b\x95\xad\x94\xf0VMX\xc3\x8e5=\x00D`x\xdc\x8fS;r\x06\x1c\xe7(\x19\x1c\xd4\xb2\x9c9\xc7\xb9R\x1cX?&gt;.\x8d.\x98p\xc0\xd2\x86CG\xc2\xe2\x8a#/\xc1.\xc4!\nB\x99\xd2Q\xd1K\xb2M,\xf1tL\x9e\xc0\xea\xba\xe3\xf38\x8dc\xb4\xa0A\x8f\xcf\x91\xec$-\xb4J{)\xdb~7\xd6\x000\xc0\xfd7,\x14\xe6\xafP\x98\x96W\xd1\xe4&lt;\xcf|]=s\x10\x0bj\xe1j\xdb\x94b_\x7f\xfe8!\x10P=\xc7\xca\xcb;\xa9i\xb9nPLK\xb7q&amp;\xec\x01\x7f\xb4\xfa\x1d\xab&amp;\xc9\xf8\xadQ\x13\x90\xba#\x84\xea\xee\xc0\x8a\xb3i\n\xc2j\x1cQ\xb9\x1e\x02\x8d\xb2m!UK^\x7f\x1duJ\x06[P\xbe=\xa8\x16\xd9\xceNH\xd9K;\xcf\x8e\xad\xb7\x95\x03\x12\xab9;;Z\x14X\'\x9a2d*\xb6\x07(\xd4tEcp\x87\xb4\x90\x14-r\xd8yv,P\x89\xf2\xb4N\xbf\x85\xc2)\x9a\xc60\x9e\xa2\xbcj\xc7\x96P\xd2\x11\x99@\xb9\x80Q\r\xa0\x9e\xce\xf8\x1cXn\xfd|\x9b&amp;\x085\xcfr\x16\xf8\xbe\xb7\x90\xc7q\xbf\x1a7\xcf\xd61,\xe6\xb0&amp;H\xcb\x8f\x0bZ\x12!e\x14+\xdfw,\x94\xa9\xd9;\x16\xf5\xc4\xad\xf6\x7fsv+\x00)\x8d\xab\x8e\x00\x00\x00\x00IEND\xaeB`\x82'</t>
        </is>
      </c>
      <c r="M361" s="3" t="n">
        <v>45492.6769212963</v>
      </c>
    </row>
    <row r="362">
      <c r="A362" t="n">
        <v>981619</v>
      </c>
      <c r="B362" t="n">
        <v>1958</v>
      </c>
      <c r="C362" t="inlineStr">
        <is>
          <t>Igor Jesus</t>
        </is>
      </c>
      <c r="D362" t="inlineStr">
        <is>
          <t>I. Jesus</t>
        </is>
      </c>
      <c r="E362" t="inlineStr">
        <is>
          <t>CA</t>
        </is>
      </c>
      <c r="F362" t="inlineStr">
        <is>
          <t>ATA</t>
        </is>
      </c>
      <c r="G362" t="inlineStr">
        <is>
          <t>CA</t>
        </is>
      </c>
      <c r="H362" t="n">
        <v>179</v>
      </c>
      <c r="I362" t="n">
        <v>99</v>
      </c>
      <c r="J362" s="2" t="n">
        <v>36946</v>
      </c>
      <c r="K362" t="inlineStr">
        <is>
          <t>Right</t>
        </is>
      </c>
      <c r="L36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6&lt;/Attrib:Created&gt;\n        &lt;Attrib:ExtId&gt;bae4d50a-50b3-4740-8b49-c816a38307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4\x08\x9f\x83\x00\x00\x03\x00PLTE\xff\xff\xff!"%\xff\xfe\xfe\x15\x15\x13\xf5\xf5\xf5\xf8\xf7\xf7\xf4\xf3\xf3\xef\xef\xef\xe8\xe8\xe8\xf3\xf2\xf2#&amp;)\xe5\xe5\xe5\xed\xec\xec014#$&amp;\xfb\xfa\xfa\'(*\xf7\xf6\xf6./1\xf9\xf9\xf8,-/\xf9\xf9\xf7\xe2\xe2\xe2\x1b\x17\x14#\x1e\x1a(*.\x18\x16\x14\x1e\x19\x16% \x1c\xf1\xf1\xf1\xed\xed\xed)$ \x12\x14\x10\xe4\xe4\xe4\xfe\xb7\x92\xeb\xeb\xeb!\x1c\x17\xef\xee\xee\xf3\x9bk\xfb\xb0\x81\xfd\xba\x95\xf5\xb0\x84\xea\xea\xea\xf3\xb3\x88\xfd\xb5\x89\xfc\xb2\x85\xfd\xb6\x8f\xfe\xfc\xfc\xfb\xad~\xf5\xb7\x8d\xfd\xbc\x90\xf9\xb5\x8a0\'\x1f\xfe\xbc\x99\xfd\xb9\x8c\xfe\xc3\x9f\xfa\xb9\x8f\xe7\xe7\xe7\xfe\xc1\x98\xfe\xc0\x9d\xe4\xaa\x83+,,\xea\x9fr\xfc\xfb\xfb !"\xf0\xaf\x84\xed\xa3u\xf7\xb2\x87\xfd\xbe\x93\xfd\xc5\xa3\xf0\x96d\xec\xb3\x8b\xe6\xae\x88,)%7/\'::;\xf1\xa9{\xfe\xbe\x9a\xd8\xa2~\xe0\xa5\x80\xfd\xb2\x8a\xf7\xac\x7f\x12\x11\x0e\xfb\xaf\x86\xf8\xa9z\xf0\xb6\x8f\xf5\xbb\x93\xf1\xac\x80\xd0\x9f}\xed\xa6y\xfe\xcc\xae\xeb\xae\x86?4+\xdf\x91d\xec\xaa\x7f1+$\xfe\xc8\xa8\xb6\x8bm\xe0\xa0x\xbd\x92t\xd7\x9cw\xe7\x88Y\xe6\x9al\xa7\x7fc\xff\xff\xfeCDE\xd0\x80X\xc7\x91p\x10\r\x0c\xe6\xa2y\xaf\x8amfZL\xf6\xa3t\xd6\x88`\xf9\xbe\x97\xdc\x8ca*\x1f\x18\xe6\x9dp\xe0\x95i\xce\x99vdde\xc7\x9b|\xba\x84c\xca\xc9\xc9\xf3\xa7w\xf6\xa0p\xeb\x8f_\xe6\xa6}\xa9\x86k\xc5\x96u\x92|e\xc5\xc5\xc4\xd1\x94pcM&lt;\xa0\x83i\xd6\x84\\\xbezWKKK\x7foZ\x99uZ\xe3\x98j\xb0\x82dF;0\xf1\xa0r\xdcyNZXY\xe9\x93d\xbe\x8cl\x9f|a\xfe\xd2\xb8\xf4\xa0\x81~fO\xd9\xd8\xd8\xed\x99i\x8at\\TRQ\xbfoJ742\xc8\x80\\\xa3W9\xd4\xd4\xd4\xb9\xb8\xb8\xf9\xa5u\xc8qJs`LtiZ\xb0\xaf\xaf\x92\x92\x92a=)~ZC\xb3dA\xa6\xa5\xa5IA:\xbf\xbf\xbf\xcbxUnmm\x9b\x9a\x9b\xd3\xa5\x85\xe0\x82X\xa4jK\xf8\xa7\x85\xd0\xcf\xce\xf6\xed\xe9\xf9\xb2\x90\x83\x82\x82\x96lQ\xb5xV\xbbVD\xce\x87d\xdb\xaa\x88\x92w^VI&gt;\xc6\x8ag\xa0uY\xaauW\xa7\x90zvts\xdd\xdd\xdcD+\x1c\x88fL\xdf\x97t\xe2\x80S\xeb\x8es\xdbr[\x8alS\xd6\x90iUA2R0\x1e\x97\x82l\xd2xO\xb1nM\xea\xb7\x97\x8cY&gt;\x83I0\x98cE\xde\xb1\x93oA*9$\x19\xe8\x98v\xe6\x81ic_[\x8c\x8a\x89S7%tQ;\xed\x9f|\x90O3\xf1\x96{\xb9\x98\x80\xfa\xe1\xd3\xf5\xc2\xa6{{{\xb2\x93w\xcceO\xdd\x88h\xc4\xa1\x84\x83vf\xdf\xdf\xe0\xfc\xed\xe4\xe6\xb2\x90\xec\xbd\x9f\xfe\xf7\xf3\xa2bB\xf7\xd0\xbb\xd7kD\xe2\xd4\xcb\xed\xe1\xda\xdc\xba\xa6\xef\xd5\xc7\x9a\x95\x8e\xb6\xa3\x90\xc8\xab\x92\x8a\x80u\xb7\xad\xa3\xe7\xc9\xb8\xc0\xb7\xad\xd3X.\x8fZe\xdf\x00\x00 \x00IDATx\xda\xc4\x98\xffO\x13i\x1e\xc7\xcd\xd4s\xdd\xb8\x89\xf16k\'3c\xa6\xcb\xcd\xd2\xd6~\xa1\\\x07A\xcbJJ\x05\xed\xd8j)l+\xee\xd0\xc1.\x88JY\xbeX\xe4\xacV\xd6\x83\xbazHU \x01\x0f\xd9\x13\x8eu\xa9\xd6\xe0j\xcc\xd9\x8d\xb7\x05t)^\xa4FW\xb9\xd3\x08u\x93s\xef\x87K.\xd9\x1fL\xd8h.\xf7y\xa6\xb8\xff\xc0e\xf0\x93~y\xda_\xfa\xe2\xfd~\x7f&gt;\xcf\xf3\xb0d\xc9\xffQ\x18\x86\xa5_\xd1\x02[X\xa0\xd5\x9b,\x0c\xcbZY\x00\x08YK\xdf?\xd4\xd6\xb7b\xed\xfa\xbe\x0bW\xae\\h;\xb4z)\x86\xbdA(\xec\x9d\xcb\x97\x06\xd7b\x05\xd7g\xfb9no\xff\xd3\xfa\xb8\x95b(+w\xe2F\xdb2\x0c{3hX\xc1\xf2\x0b\xa3\xe1\x81\xe8\xed\xf9\x1b\'\x06h\x8a\xe68\xab\xd5J\xe1$\xc9\xe0\x14\xbd\xf5\xc7\xebo\xad\xcaz\x03\\\xd8\xd2C\xa3\xe1\x0fq\xdc:0\xc0\t4N\xd2\x82@Q\xb8\x9c\x903\x0c\x89\xe3\xb45z\xfb\xab\xb6\xf5Y\x8b\xab\x18\x86}0x;\xces\x1f\xe2r\xdc*\xd0H#\x8a\xa6i\\.#H\nO\x83q\x03\xd1\xa7W\xda\xd6\x16,"XA\xdf\xcbh\x98\xe7\x04\x81\x04\x0c\x1agH9\x89S\x14M\x89X \x9d\\.\xa7\xc0RA\x08\x7f9\xb8f\xd1\x14{\xefB=\x82bY\x9c \x80\x87\x01\nx\x030\\&amp;\x03\xdd\xe0\x0bBF \xf9h\x81\x8f\xde\xbe\xbe8\x82a\xef\xbe\x8a\x03\x15\xc7\xb24I\xc8\xe4\xc0\x03b\x91\xe0\x1b\x14|\x96\x8b\x9c\xc0\x87\xe3$\xce\x02}\xfd\xf5\xc5\xc8&gt;\x86\xf5\xa5\xb5\xa2!S\x84B\x06X`"\x92\r8\x08(\x06E\r\xe4"\x0894\x02\'\xf0_\xf6-\x02\x17\xf6\xf6,\xe4\n\xa4\x02\xd7\x18\xf8u\x86B\\iu@$B\x86\\d\x00P&amp;\x9314\xcbq|\xf8\xe5Z\xc9\xf3\x85-\x9b\x8f\xf2&lt;\xc7\x02\x0bRG\x86TbpR\xa1 \x18FN"\x16\x02\xe9\x07\xc0N\x05\xc2bY\x94\xaf\xd5Rsa\x97\xa3\x9c\xc0q4\x04\x08Y\xa5\x90\xc9\xc1B\xc0r\x82e\x10}\xc4\x85\xecDXN\x19C\x01\x16\x07\x05\\\xd2R\x9d\x7f*@\x83\xb1\x14\x85 \xe4H\x1cxc\xe4\n\x85\xb8 DP\xc0\x92\xcb\x9c&gt;\'\xa4\x1f\xc9\x05)\xe4F\xd7K\xc9\x85\xad\x99\xdd\xcb2\x0cLN\x8a$D,\xd4{\x0b\xe6\xa18!,d+\xe1t:\x15r\x06GS\x02\x91\xf1\x97\xde\xc5$\xec\xc2\xf3g\xa2\x80\x05)G]\'b!\xba\xb4y\xbf`A\x89X\xa8\x1dh\x8a\x12\xb1\xfe\xfd\xb6\x84XY\x97\xb6\xb2\x14\xc2\x02\x13\xc15\x98\x0fH$BTk\xa1\x14\x08\x94$\x14&gt;\x1fD\x9eA{\x00\xcbR,_\xff\xbe\x84X\xab\x7f7@A\x07R\xe8\x91\x96G\xe4\x92\x03\x8c\x0c\xe2\x85\xca)\x93A3@\xb4|N\x19\t\x7f\x00I\xfaY?\xcdE_\x9e_)\x15\x16\x88\xf5k\x11\x0b\xb8pY\x1a\x83 \x16\xf0\x10\x96B\xe1\xf4\xc1(\xc3E\xb5|\xd0\xa5h\xb4\x02\x16\xcb\x0b\\|P"\xbd\xb0_\xdd\xb0Z!,h0\xe1\x0c0@\xfb\xa5\xd1\xd0;|t*\x14\xa0\x91\\\xcc\x96O\\A\x06I\xdc\xefg9h\xdf\xd9,\x89\xb0V\xcerV\x1am:h\x17|\xed\x9ala\xb1\x80\xa5\x90\x89\x93\xc3\x87\xb2\x05\xb3\x96\x01#q\n\xb0(a^*\xb5V\xdd\x80#(\xc2\x12\x87\xc2k,\x98P\xc8?h=@\xf3\xa1\xf9E\xa0h\xa1\x15\x89N\xab\xd0\x1fV8#\xb2\xa3k\xa5\xe1\xc2\xfa\xfa\x05\x01Q1\xe2p@\xca\x80D(E\x90s\xa0Bz9\x01\x061\x8a\x1eB\xb6H9\x9a\x12\xf0\xc7\xb0B\xff!I\xb6l\xac`p+\rb\xc1\xe6\'\x0e(T\xc8&lt;\xb4\xcd\xc8\x16\xb8\x9c\xe27\x88\xca\xa7\x00\xb1`\xcf\x16\xd5\x82\x99\xca\t\xa3\xcb1i\xa6\xd6\xe5(`A\xcb#\xac\xf4\x04E\'\x1a?\xc3@\xb3\xf9\x19?t \xda~D\xad|\xe9A\x81v&amp;4\xe5\xe0\xa8\xcf\xceJ4\xe8\xb1\xef\xce\x08\x1c\x8d\x8b\x0e\x12\xd0_@\xc2&gt;\x9e\x9c\x9b\xbbwo\x04\xd5\xdc\xdc\xe4\xe4c\xbf\x1fX\x08\xe4%\xcc2H\x99xp\xa5\x18\x9a\x13N\x9c\x97jn\xad&gt;#X\xe1"A\x90,\xeb\xe7\x01g$\xf2p\xe6\xda\x0c\xd4\xc4\xb5\x07\x0f\xd0\xfbL$\r\xc7\xfa\x91pi\xb5\xd0\x94\xc0\xe1\xf8|E\xaa]q\xcf\x8a3\xa8\x0fI&lt;\x9c\x9c\x1b\x89\xcc\\\x1b\xf3\x967\x1f\xa8\xd8\x7f\xf5\xea\xd5#]\x15\x15\xfb\x1b\xe1\xb9\xef\xf8\xb9s\x17g~x\xf4\x8f\xb9\xc9\xc7\xa0\x1c\x08\n.\xc2\xfc\x85\x1b\xday\xa9v\x1f\xec\x9d\xa7\xe8\xdaE\x86\x13\xb1\x891ok\xb9\xc6\xec\xde\xb8\xfb\xc0\xfe\xab\xd5G\x8a\xa1\xba*\xba\xba*\xaa\xab\x01\xf2\xf4\xe9\xfb\xe7.\xfe4\xf3hd\xf2\xde\xa4\x9fD\xe7\x1c\x9c\x12\xfa\xbf\x93\x0c\xeb\x83\xa7(\xf2\\$\xe05\xab\xd5f\xb7\xd9\xec./\xdc\xb8\xb1\xab\xab\xeblf&amp;puu\x1d\xa9\xae\x86Gu\xf5\x9d;\xa7\xef\xdc\xb9\xff\xe0\xa7\x87\xa99?\xa8\x05\x17mk\\\xb2haK\x7f\x84\xdb\x9f5\xb5k\xbb\xdb\xed\xb1y&lt;n\xb5\xdbm\xb6\x94\x9c:[\x9c\x19&lt;\xdc\x90\x99\x89\xd8\x8a\x8b\x8f\xa0Bl\xd5\xa7\xef\xdf?~m\x04\x1a\x03\xd4b\xa5\xc3Z\x9258 X\xc35\xdb\xeal6[ayy\x89E\x93\xddd\xb2\xebK\x1a\x82\r%\x86\xb2\x86\x86`0\xf3,\xa0\x01\xdfk\xb4\xae\xfd\xc7S\xa8\x01(\xeb\t\xc9L\x84#\xf3^\x8e\x1f\x0ex\x0b\x0f\xbb\xd5j\x8dZmt5U\xee\xdcY\x94\xa76\x18tJ\xc3\xd0P0\xf3\x97J\xcbV\x9c\xb9\xfb@ \xc5\xb30\xb7F\x97I\x87\xb5\xbc\x9f\x0f\xddm\xa9+?\xac\xce\xce6Z,\xa0V\x8e\xa9(7\xaf\xb4D\xa9T\x1a\xca\x86\x82\xc5\xa2Ti\xac#\xe2\x87S\xcdc\xb1$GY\xb9\x1bY\x92\x99\x88\xad8\x93\x1c\xae\x81\x1e\xb4\xa9\x8dF\x8bZ\r\x0f\xa3\xca\x94\xab\xd2kuJ\x1d\xd2+\x98\xd6\xabX\xa4\xca\xcc\x0cf\x06O5{\'BI\xd6:0+\xe1\xe9\xb4\xaf&gt;t\xb7\xbb\n\xa2e\xd0\x89\\\xb6\xc22\xa5\xdedW\xe9\x1d\xa5\x0e\x87\xb2lhh\xa8a!\xf8\xa2T\xc1\x86\xa1\x86Suc\x91P\x98\x1b\xf8J\xba\x8bO\xd6\xa1\xfa\xfa\xd8\xae*O\tdIkQ[Jle%\x06evNN\x86\xb6TW\njA\xea_\xfb\x07\xdd\x19\x1c\x02\xd0\xc3\xe5\xd3\x13\x89P8&lt;/\xe1\x85\xec\xbf\xf5\xc3\x1d\xb5^7\x04IWZj4\xe5f\xe8`i\xcc\xb1\xab\xb4J\xa5N\xab\x83\xd4\x8b\xed\x98\x0e\x18P\x19\xca\xca\x0c\x85S\x9d\xb1HRJ,\xecU\xef\xdd\xf1\xb1V3H\xa4u\xe8T\x95E\x0e\xadN\xab_\xb7\xc9\x84\xb0\xb4z\xad\xd2`0\xc0\x13FECp(\xd8P\x06\xccJ\x87\xbb9\x10\xeb\rE\xe7\xa5k\xc4U\xf3w;\x02\xed\x1e\xb3\x1a\xa4\xd1jU&amp;U\xde&amp;\xbb)w\xc3\x86\r\x80\xa5\xd3\xeb\xd79J!\xf9:\x04\x07\xee\x81PJ\xd0T\xe7n\xbe9\x1e\x89\xc4\xa5S\x0b\xfb\xcd\xcb\xd8x`\xcal\xd1X,J\x8d\xeb\xf9sWSnee\x91i\x83=g\x9dV\x9f\x91\xa1G\xe5p@WB\xce\x0c`\xab\xae\xd4\xa1\xd7\xaa\xeb\xda\'b\x89\xd4%\xc9\xd4\xda\xb3\xfae\xacs\xac\\\xad\xb5hZ\xbb;z{\xffpl\xd7\xc1\xbf\x7f\xefjj\xb2\xdb\x7f\x0bT\xa8T*\x11Lk\x84\x17\x90\na\x19=\xed\x81\x9e\xc4\xf0+\xc9vj\xac\xef\xf75\xddUn\xb5V\xd9Z\x13Jr,+p\xe1Pd\xe2\xe8\x16\x17\xf4"\x88\x05\xcf&lt;\xa3\xc5\xfc1\xd4\x96\x1d\xdb\xf2[\xf3\xcd\x16\x8bC\xe7P{k;c\xbd\xd2ae\xb5}\xbb\xab\n~\xca\xfc\xcdp&lt;\x1e\x0f\xf3\xbc@\xb3,?\x97\xea\xdc\xe6\xb2\xe7\xa8T\x00\xf6\x17O\xd5\xd8D"\x12\t\x85\x92\xc9P(\x14\t\xb4\x96B\nmU\x81\xf1\xc4\xcf\x92a\x15\xbc\xea\xa9\xcd\xd7\x18\x8d\xddq&gt;\x1c\x8e\xc7\x93\xc9p\x98\x0f\'\x93\xa9X\xedGv\xbb(\x98\xa6*0\x93\x82\x13 \x0bw\n\xc1\xca\xf3\xa1\xf1|\xa3V\xa7\xf6v\x07jn\xbd\'\xd55q\xe5\xcf=\xb5f\x8d&amp;?\x11\x1a\x1e\xfec\xcf\xa7=\x1d\x1d\x91H*\x91\x88\xc4j7\xabrr@\xad\x0csU \x96\x1aIN\xf2&lt;\x80G\xe3a\xf0\xb8\x05\xb8\xdc\xed\x81\xf1[\x92m\xd5\xabn\xd5l\xd3dg\xb7$v}\xfd\xd7\xef\xff\xb3%\x7f\xbbw\xfa\xe6\x17\x8d7\x03cS\x9e\x85\xc4\x9b[\xc1\xc4X,\xf20\x95JE\x12\x89\xe1\xe1\xde\xe1\xd8\xc7\xeb\xb4\x90\xae\xd8\xb15Ra\xbdu\xeb\xd8\xb6l\xc0\xfa\xfaye\x91k\xb3\xa7\xae\xee\xc9\xdf\xa6\xa7+\x0eLy\x9f\xb9\x8dz\xbd\x18y\xa3\xc6S\xf7\xcc[\xd5&gt;\xd6\xde\xbe\xe3\xe8\'\x07\x0f~\xd2\xd3\xb1\xddh4\xdaZ:\x8fI\xf5\xff@l\xcd\xadow\x80Z\xae\\\x93Kcnm\xad{255}s_cEs\xa1M\r[\xb5\x03\xe9eT\xdb\x9e=\x99zRW\xd7\xea\xd1|TT\xb9\xf3\xf9\x96\xfcl\xa3\xd1\xd3R\xf3\xd9\x0b\xa9\xd4zq\xac\x06\xb2\x95gj\xca6{&lt;\xadu\'+\x1a\xd1E\xe7\xdc&gt;\xe0r\x1baH\xe9U9z\xb5\xedd\xe3\xe7\x9f\xef?\xb9\xb1\xdcm\x81i\xbbsg\xa5\x0b\xb0\xdc\xb5\x9d\xffz\xb1G\x9aa\x8a]\xff\xec\xd3\xa3\x9b5\x9bT\xe6\xf2\x8d\xbb\x1b\x1b\xdb\xbb[&amp;\x1e&lt;|\xf4\xe8\x87?}\xb1\xbb\xd0\x9d\xa1\xd2:\xf4v\xbb\xa3\xe4\xe4\x9f/^|\xf0\xcd\xf1\x9b\xd3^M\x8e\xdd\x0e\xbb@\xae+O\xefn\x97L-\xec\x9f\xff\xe3\xd5|_\xd3\xc8\xf38^\xe4v\x8f}\x14\xcaR\x0e\xee\xe8=\x18X\x9d\xa9?2\x8e83\xe7\x94Y2:i\x0f\xb4q\xceIDs\x06[\xa2\r\x86\xeei\xdc\xa4\x903\tw\xa4\x98\xe3\xb2\xe8\x99\xd3Cp\x15\xd6\'Y9\xe6\x81\x11\xe5\x12\x97ms\x90\x8d\x86TL\x93k\x1aa/Z\x03\xe6 \xcd\xcf6t\xb9^\xefk\xd8?A\xf3y\xe0\x03\xf1\xc1\xcb\xf7\xe7\xf3\xfd|\xdfo\x9d\x97@\xad~))e\x9c\xfe\xd8\xcc\xf8\x93G\x8fV\x9e\x820\xbd\xbd\xb51\xa6\x97\x8c\xb0\x06\x08\xa2(\x05\x13\xabnooonn\xfec|x\xba_m \x08\x82\x1a!\x07\xa6\xbf\xf8\xec\xac=?\x8c\xd4\xb5\xabO\xee\x0f\x0f\x80\x8e\x8czR\x1b_\x97J\xbf\xfd\xf27\xbf\xfe\xfb\xca\xca\xfc\xd6\x86\x87\x91\xe8X\x16\xc3\xd5\x06\xc8\x96\xd8\x9e/53\xff\x8bG\x7f\x9e\x8b\xe7\xa5\x1a\rA\x8c\x90Ss_\xdc\xfdO\xbd\x1dXG\xc5\xa0j\xee\xafs\xb7\x95Z\xfd\xa8\xebx\xbb4\xbf\xf9\xc7\xbf\xfc\xe2\xcb\xdf\x95VJ[1\x81\x96\xeb\x08\x02\x97\xe12\xbd?\xb1UZ\xf9\xfe\xe9\xcf\x7f\xf6\xa7o\x9f\xceo\x1e\xc7-\x18\x05\xb0z\xc6\xef/\xaf\xe7\x0eZ\xcf%:8\r\xf2\xaf\x9aX\x88\x9e\xb6y\xe23\x8b\x0bO\xfe\xbd=\x0f\x1a\x96\xd8\xf0\xcc\xeae\x00Kf\x94\xa1\xe2`\xb2\n\xde\x9d\xff\xfc\xf3o\xbf\xdb\xfc\xbe\xb4\x99\x12\x18\\\xa3!\xef\x8c/?F\x82\x87\xadocg\xfd\xd4\x11P\x0e\xcf\xdd\x92\x82\x90\x03&lt;&lt;=\xf0`5\x1eK%\x12\x89\x8d&lt;\xad\x97\xe3\x1a\xd6\x8e\xe32t\xc2\x11\x14\x12\xe0\x18lmm.\x8f\xe7\xf3q\xc1\xef\xd4\xe3\x00\xeb\xee\xb0Vr\xbas\xd4j,Q\xe7\xc9{\x07G\x0e\x0fwi\x01\x96Vk\x06\x87\xd1\xeb\x8a\x01\xaa\x98\x8dA\xe5\xb8Nc\xb5\xea0H\x8e\x8a\'\xfd\xb1j5\x15\x13\xbc\x0f\xa4\x08\xe3\x9c\rp\x88LG\x0e\xde\xed!\xd1\xd3J\xeb\xb1&gt;}\xf6~\x12WM?\x94\x02,\xb9V\x8b\x98\xe91\x8f\x10\x8b\t\x9e1\xbd\x02\xc30\x8d&amp;l\xd5i@\x04\xe2\xdd\x01/X\x11\xa9X\xd9F\xd3; \x18\xc9d8F\x0e\xce\xf5\xe2h!\x9dm\xf5\xea\x12u&lt;{\x1f\xd0E]w\x94*\xe0TpX\xa1E\x18\xda\xe9\xa4G\xf5$p\xcd:\x9d\x868\x01X\x04\xa5\x06~\x9e\x0f\x15\x82.Apym\xd1\x00\xdft\xd7Z\xf8\xe6t\x1f)/\x9c\xb6\xfc,\x02\xacS\x12/$o+\xf1\xe6\xd77\x18`\x15\x08\xaffD5r\xe1\xe5\xc1\x1ah\xaaE\x11\x14\x88\x8cF4\x10J\xa7\xfd.[\xd4\xcd\x99p0q8\xd4?h\x81\xa9\xf4\xe9y\xab\xffV\x14u\xbc*\xb0*\xc7Z/\x89\xe9t:\x8a\xb5\xb3\x04@3\x9a\xb4J\xa5\x1ah\xa5\xd1\x19\x00\x96Zm\xa0\x0cj\xc8\x941\xa1\xeeh\xc8\x16\x9d@eX\xf3\xe3\x18\xae\xbcw\xeafo\x9e\x9e\x88\x86Z\xaeV\x94\r8v\x95\x18X\x8fv\xbb\x15\xdcuv\x83B\xc23\x8c\x1enRaD\x98\xc5`\x08\x83Aev\x02&lt;\xda\x8cfr\x19\xde\xec\xaf\x06\xc3\xc9\x9d\xd3\x00\xbb\x97&gt;i}\x13\x0f}d(D\xf5\x81\x01b\x01T\xd8je\x15\xe8W\x13\xd1(\x07\xd4\x02e\x0f\xab\x15\x90\x0cdE\x85b7\x14\nM\xa0F`u`\xac\xd9^BC\x92\xd2\xe0\xa4\x8a\xdd\xd9k\xfdI\xdc\xe3s\xdd\x1c\xdbK\x82\x05e\r\x87\xc3V;\x8cND\x1d\x8eI7\xac\x00\xc3F\x85\xadp3\x92\xc9$\xb2\\\xcd\x01\xde\x16\xa3F\xe0X)\x96`YB\x83\xa9\xfa\xf6\x0b\xdd$}\xd8\xfaxq\xc2Cn\x84U\x92\x9af\x07\xc3a;e\x9c\x98L\x97\xcbi\x1e\x86`\x03a\rS\x10\xa4\xa6\x0c2\xde\xcd\x89\x0b\xc1\x82\xc3\xd1\xcd\x1ba\xaa)\xac\x1d\xa8u\xabW\x99.H\x02\x87\xad\xbf\x13\xeb\x1cD\xcaG\xfa.\xd4\x02X,\xc4O\x16\xca\xc9\xb2\x182Pv\xd6\x1e\xb6\x83\x1e\x12V\xbb\xda\x14\xc9\x88\x83A\xc059\x81B\xd4\x85\xae\x1a\x0c\xebU\xb2\xe9 \x17\xddk\xb9\xe5\x12\x1d\xa98B\xa5\x1a!u\x04k\x07\x05\x9b\x9c\x9er2\xe9\x89@P\x0e\x1c\x82\x13\x162\x1a\xd9\xb0\x955\xe4`S\xfa\x82\xab\xdbm\x82\x9bXaB\x86\xdf\x1a\xe9=uh\'[~\x12\xc1p\x85M,\x81\xf5\xa9t\x148w0d\xd4\xdb\\\xc9X\xd2\x16\x89\xb8\xaa_\xcfIa\xd8\x846\x7f+\xa1Fr\xb0\xbaX\xb8\xe0\x12\xf3@\xbff\x17qU\xef\x9e\'\xa4\xe0\x1cuQ\xeb\xe5:\x00\x03\xacA\x80\x03\x96#\x12\xa3\tq\xbaR\x89\x94\xcb\x9c\xab-m\x97J\x0b\xb5H`\x025\xe5\x1e~\xb7\xbd\xe52\xd5\xd2\xc9X9\xe8\x88\xba\x8d\x06JC\xb1\xacL\xda\xd7\x17\x8cP\xd1\xddl\x1b\x1c\xd7\x91\xd5\xa0\xc1\xcd]\x1c\xb8\xf5\x02&gt;\x8e.\'\x00\x95S\x0b\xe7*k\xfb3\xb1}:\x14\xe5#\xeb\xd5\xd2\xca\xfcRw\xa4\xe8O\xa5\x92\x85\xe8WF\x18\x97\x03s\x81JG87AF\xf7:\xda`\xb8DuB\x87\xa9\xba|\xe2\x808\x14\xb5\xb8\x12\xffZ\x8c\xaf\x0fH\xbb\xa4\xe6\xd5\xd5\x9d}\xbf\xc7\xe5\xa7w\xc0\xcb\xfeZPl\xcaD\xf6\x81\x94i\x1eR\x81/\xe1\xd3\xf1R\x15\x8a\x19\x90\xccA[\xdc\xfcQ\x18\x8cU\x17?\x19\rD\x03\xf1\xe3\x99\xe5\xc5\xc7\x83\xfd \xc2\xde\x9b\xce{\x84$\x98\xb3r\xb9,\xe4\xa7"\xb5\x0c\xa8\x88\r\xf48\xad\xc0$|\xc8\x81KH\x13\x07nw\xfb\xa7\xed\xc9\x18\x07v\x8dF\xc9\x85B\xbe@41\xfexy\xfc\xe1\xed\xfe\xfe\x9e\x9b\x80l\x0c`\x81*\x07\x93\x82g\xa7\xb6\xbb\xb3\xbb\xfb`l}=~\xec\xc5\xe5\x12\xaf\x0b\x97+\xe4\xa8LM\xb4G\xac+CC\x07v\xed\x80\x99q\xfa\xdc\xde\x85\xc1\xc5\x85\xf1\x1e\xa9\xd6\xa8\xca\xe5\xa0\\&amp;\x94N6b@\xaf`\xbaR\x04=\xdd\xd9\x9d\xba\xf7pnx.\xc5\xe0&amp;\x97_&amp;\x93\x18\x81O\xacw\xb6\'(^\x19\xea&lt;\xaa\xbf\x1b0\x8f\xd2\xbc\x7ff}akq5\xe0s3\xbb\x99\\\xa4XY\x0b6\x1a\xc9F2\x98.F2\x11\xd0Dm\xff\xe0\xf8\xe2\xc3\x19\x0f\xa6M\x86\x14\xcaYD\xc3\xd6\x8f\xdaD\x05\xb8\xae\x88\xb2\xbd\x083\xeb\xb3\x8d\xad.l\x1d\x1f\'\xaa\xa9\xa5Fc&amp;\xd6X\xfa\xb1\x1ak\x95\x08\x18\xf8\x0co\x94\xde[\xdc\x8c\xe7\xfd2s\xd2\x87\xf7\xbe\xd9\x0b\x1ft\xb6\x8d\xaaY\x1d{]\x8c\x97f,\xf4\xe2f\xb5\xf4\xe2E\xa2\xd1h\xdc\x1d\x17\x96\x96\x9aa#q\x01\x06Jp\xe5\xf3\xc2F\xd55\x16\x95\xcf\n\x1c~r\xed\xa8\xcd\x8f\xe1\r\x89N\xba,^\x1b\xc3[\xe2\xa9\x14H\x84[\xc2\xea\x9d\xf3\xe7\'==g?,\xbey\x13\x1f\xbc3\xfdC&lt;\xbf\xb4\xfd\xe2E\xa9\x9a\xa8\xbaFy\x89\xcb\xcf\xe1\xf5N\x91\xa8\xadZ5\xb7W\xbf\xde\xe9\x1f\xd53^\xc1c[\xacn\x7fvv\x9e=\xff\xe8\xbc\xfeq\xf6\xfc\xea\xd5w\xaf_\x9f\x7f\xf2\xee\xec&gt;\xa0Z\xf0\xa6\xaa\x1e\x1fJ\x0bNd\xe4\xa0\xbdL\x17y\xf1\xe0\xb6e\xd6o\xf31\xce1\'\x87\x8c\xc56\xde\xfc\xea\'7:&gt;\xbaz\xed\x83\x8f&gt;\xb8\x96\xfd\xf0Z\xf6\xe3_\xfe\xfeo\xf3[3\x01\xb1\x90\xf0\xa2&gt;\x97\xdf\xa7e\x8f.\xe1A\xca\xec\xb3{N\x9b\x87\xb60\x8cE\x05\xc3\x91\x8a\xff\x9b7/\xcf\xcen\\\xbf\xfe\xc9\xf5\x0fo\xfc4{v\xf6v9\xb1\xb4o2\xf9\xfc1\'\xeau9\xf5\xda\x93\xce+\xed\xc7\xbav85j\xf3:\xf5f\x8eS\x19\x08u\xa6X\xdc\xdd\xd9\xcf\x0f\xbf|\xfb\xf6\x7f\xff\xfd\xe7\x1f\xa6\xe3\xf1\x98\xb0V\xcc\xc1F\x9f\xd7\xa6\xa7]6\x06\x91\x9e\xb7\xbf\x87`w\xbd\xeby0k\x1b\xb3 \x88\\\x01\x92\x0e\x11)\xd6rT\xaeX\xac\xf5&lt;\xbfSY\x03\x1bb\xbfR\x83\xd4j\xa3\x8f\xe6x\x7f:\xeaCn\xd5/\xe5\xe1\xe1\xf3o\x06h\xe7,\x8d\x989\xe0\xd6)\x96\x02\x97\xa0=W\xabT\x8a\xc5b\xa5R\xa9\xd5j\x99f.C\x18\x0e\x8f\x02K\xcf#\xbd\x07\x97\x81%z\xfdj\x80\x19u\xceZ\xcc\x8cD\x01\xdc\xba\x9d\x82r\xb9He\xed\xa2*\xb5H$G\xb0\x04\x05q\x9c\x16\x89v\x8b\x03\xfa\xaeg\xd9\xa1\xcbP\xeb\xf5\xf3)\x86\xa6gG\xf5z\x9fV\xa1\xa6\x08\x82\x00\x83\xff\xe3\x9eoT"\xc0\xa2\xb2\x14l\x94H8\x9fX&lt;\x11\xb0t=;\xba\x0c,Q\xf6\xf9\x14M3\xcc(\xedt\xeaU H\x1b`p)\xee\xbb\x845AX\xdb\xaf\x19\x81\x1b%\x0c\x90I\x82\xf2\xbe\x89\t\x9f\xcf,=\xec\xb8\x0c\xb1:\xb3\xafn&gt;\xb8\xe0r\xfe\x9fw\xb3\x8fi\xe3&lt;\x03\xf8\xe4\xde\x1d\xdc`:n\x87\x93\xaa\xad\x99J\xea\x81s\x10sf\xb0Kr\xd830\xdde8wE\x89\xcdY7,\xf9C\xd0\xc4\xb2\x1d\x8c\xc01\x8d\x84\xed\xba\x06\x19\xbbQ\x06\n\x9b\xa3\xa0$\n\xc9\xa2e\xcaP\xb2\x96D\x98\xf215QE\xa6,\x89\x9a\xb5J\xa6H\xf9\x03\xe5c\x99"\xa5\xdd\xb4n\xd3\x9e3L\x9a"U\xd5\xba\xc4\xaf8\x03\xb6x\xfc\xf3\xefy\xeey\xdf\x17\xfb\x06\xcd\xd6\x02\xd6\x85\xc0\xc7\xf7GF\xf6NM\xf5\x7fva\x0b\xe8\xdb\xdeT]_\xd3i\xdb}b\xdf\x01\xa7\x95\xffgQ\xae\xc9\x80\xc6\xa5\x04`Rl\x85&lt;\x0e\xd8\x1aa\x8fZ\xfd\xe6\x85\xbb\x1f\xf7\xed\xfd\xc3\xde\xfbw\x0f\xbfY]\xdb\xb4\xb3\xa9\xba\xba\xce\xe0\xb2\x1d8qb\x9f\x8dV\x8a\x86e\x1d\x1e0\x9b\x9d\xceL\xc0\xe5\x82\xeaj\xda\xb2\xcbv\xf7\xb3\xbe\x91\x91&gt;X\xd4\xc0\x16\x1f\xb8jM\x8dtWgC\xc3\x89\x03]\x8a\xf0\xd7"a\xdd\xb2*\x9e\xc1Lk\xc0#\xb9\xac4k\x02]\x1f\xb4\xdd\x1d\xbc\xdf\xdf?x\xb8\xb3\xf0\x9eA\x93\t\xb0\xdavA\x1e\x9d47\xf3\xd4X\xa4\x92\x17\xac\x01_O\xab9 q\xd66\x96\x85-\xfeNv\xd7.gO\x7f\xcfa\xc3\x16\xb0Uk2\x99\xda\xe8\xfa]\x9d\xce\x80\xcb\xaa\xcc&lt;\xd5\x14\tK\xb2\xba&lt;\x9e\x80\xfa\xb6\x8e\xd5\xc0\xb2\xb5\xdb\xb6\xd5n1\x18\x9cN8\rZ?\xa8\xad\xaem\xdf\x16fi\xba\xbe\xd3\x15\x08X\x15\xe1\xc1\xe7\xc5\xc2\x12\x15\xd0\xe5\x19\x1evA\x12\x19S\xd3\xf6\xeda\xda\xd6j\xee1;mNv\'\x94V\xd8\xc10\xb4\xc1\x16\xb8\xd2e\xe0"\xf9?\xbfU\x1c\xac\x99\x08\xd7\xe5\x1c\xb8\x92\xf4\x0cK\n\xcf\x87\x1d\xe1p\xd8j\xee\x19\xcc\x0c\x0e\xb8h\x06:\xc6\x0f\xc3\x0e\x87\xe2ry\x06\x9c\xf5\x06\x8ew\xbc\xff\xad\xe2\xf4\xad[\xf9\xbc\xb5\xabu\xf0jR\x928\xde\x0e\x0cv%0\x90\xc9d\xba3\x03\xc3\x8a\xc3\x1e\xfe1P\r\x0f_\x19&lt;\xd8P\xdf(r\x7fy\xbf8\x97\x1f}~kF\xb4\x1al\x03\xddW\x93&gt;\x8f\xc0\xdbyA\x82\rlwf\x10|\xf5x8\xf0c\xb7\xc3\xd6q\xf0\xe0\xee\x9a\xe6fA\xbeQ\x14,\x8d\xf1\xe9\xea\xaad\xad183\xfdsSI\x9f\xcf\'\xfa\x92\x0b\xa3\xa3Sj\xe3\xea\x07\x85&gt;I\x90|\xc9\xben\xf3\xee\x9a:S3-\x7f\x81\x15\x05\xcb\xf2\xaf{\xaby\xba\xb9\xb1\xb35\xd3\xbfwjaaahhh\xf4\xd2\xa5K\x85\x03\xf0\x16\x92\xbe\xe4\\\xf7\xcf\xcc\x07\x1a\xea\x9bM\xcdm\xf9/\xc8\xa2`a\xffX\x8e\x89\xb4\xc9T\xd7i\xce\xf4\x8fLM\x8d.-]_:\xbf6\xae_W\xc9\xe6\xe6\xba\x7f\xb1\xaf\xa1\xa6\xbe^\xb5%\x16\x05K\xa3\xf9\xf9\xdf\x96\xa3*Vs\xa3\xcd&lt;\xd8\r\xc2F/\x9d\xff\xe4\x93\x9bgn\xde\xbc\xa9\x82]\x1a\xed\xeb\xee\xf9\xfe\x89\x06\xf5\xe3ouP[\xf9\xbf\xe3\xc5\xc0\xa2\xee,?\x10"|\xb3\x89Q\xac\xb6\x81\x1esOw\x7f\xdf\xd4\xe8\xf5\xf3O\x9e\x9c\x7fr\x1d*\xac{\xf0\xe0\xc1\xce\x9a\x86z\xc0jnf\x1b\xa5\x99{\x1b\x8aq\x05\xd9\xdbG\xee\xcd\xc8\xaa-F\x92%\x9by`\xe0j\xa6\x07\xa4\x8d\xec\xdd;\xd2\xdf\x9di=\xd0\xeaqv\xb6\xd57:\x9d5u\xcd\xb4\xc1 ]\xfb\xf2\x8e\xfe\x85ci\xca\xf6\x9f]\xcd\xe7%\xc6d\ns^/\xd7\x15X\x80v\x7f\x05\x96^P\xf1KY\x7fW\xa3\xe43H\xd6:O\xd2P\xd7(\xc9.:\xba\xfc\xe5\x9e\xd9R\xe2\xc5\x81\xc1\x14\xa2!\xf4\xbf\xe98\xbb*\xcbV(-\x93\x10\x8f\xc5y\x83?\x9e\x94\x92&gt;\xb3yh\xe5\xf2\xe4\x8a\xdb\x1e\x8e\x8a\xf6\xa8Cq\x8b\x8d\xac\x98us\x8cpc\xb9\xa3\xe3\xd7\xf8\x8b\xcb\xa3\x91"\xb5Zt\xf6\xbb{\x96gD\x90\xc50\x8c\x18\xbc\xe6\xe6\x95q9.\xb9\x036\xffd(\x14\x9a\xb0?^~\x9c\x8f\xda\xdd^\x86\x15S\xa9\x08\xcbr\xf1\xd5\xa3-\xa7I#\x81\xa3\x84\xe5\xf9\xafp4h\xf9V\x9d\xd1\x88\x9e\xab\x04[\x1c\xd3\x0e\xa5\xa5\xd8\xe5T.\xee\x88\xc4\x833A\xaf\xd57y$\x14\x8a\x85\x1f,\xdfX\x15\xe4\x14\xd78s-\xe1\xe6M\xac\x12]=Zq\xa8\xcch)\xaf\xc2Jt\xe4s\xcd\xa6\xc6BP$\x8aQ\x1a#\xb9\xbf\xe5\xbd\x07^\xc0jo\x17\xe2\x1c\x1f\x9fO\xc8\\0\xee\x8d\xe6d\xcf\xca\x91\xd0t\xf4F\xd0\x9b\x8f\xf2A\xd9\xe0K\xe4\x82\x02K\x9bX\xee\xdeO*\x8e\x1e7\x1a\xa9r\x14E\xf0\xd2r\xd2\xf2\xdcz\x82NO\x12\x16\x0b\x06\x07\xf5\xbb\x8a\x8e\x07j\x12\xd9v\x87\xec\x15\\C\xe9\xc4L\xc4\x9d\x8d\xce\xf7\x0e\xf7\x86BiQ\x9c\x98\xf1r\xf1q:\x92K\xc7\x04\x87\x00Xv\xef\x0f^\xdbq\x87",\x90E\x14\xd5mxT\x8e\x13\xcfC\x14\xaa\xd7c\x08AX(D\xc5\xbaSy\x14j\x8b\x85\xd2\n\xf3\xee\xa08\x1cK\'\xc4X0;\xbe\xe2\x1b\x9f&lt;\xb9"E\xdc\x918\xef\x97|\xf3@e\x978\x96gh\xff\xa7/\xbfv\xae\x84\xb0\xa0$(\'u\x8f\xaap\x1c\'\x8c\xff\xdf\x7fK(}Y\x15\x84C-\x04A\x90\x14\xc0\x9d\xfaNKN\xce\x03\x96\xc2;\x1e\x07S\xa2\x94J\x07\xe5\xde\xac\x7f1\xeb\xbf\x1cZ\xf1,$\xfd\x8a\xc2yzs1\x81\x11E\x86\x93L\xec\xf0G\x1b_\xbd]E\x10\x14\xa5b\xa1\xa5\x1bP\xb2\xaa\x1c\xc3\xc8o\xecLcDKJ0\xca\x02\xf2U,\x94\xb2P\xc4\xb1=\x15\x1f\xca&lt;\xcf;\x18\x8f\x8f\x11\xb21I\x84\xf2\x8a,\xf8#\xd9\xb9\x8b\xef.\xb6z\\.\x96\xe1\x93\xd9(\xb8\x12\xed\xbcl75w\xfd\xfe\xa5\x8d\xfbK\x00\x0b" $\xa5\xdbPB!\xa5U\x08\xa6C\xbf\xc9\x99i\xb4X\x8c\x16H\x1b\x18R_\xa8\x8a\x85B\xec\xb2\xfd\x95;\x16\x1d\x9cWfh\xd1\xc7s\xee\xb8"e#\nl\x82\xae^\x1d\xbd8\xe7tq\n\xcd\xd8\xa5a\x86\xe68Z\x88\xda\xdb\x19\xb6\xeb\x97/m\xbc\xad\'\n\x11\x10\x94 7\x94\xa2\x90\x83\x12\x14\xc5\x00\x92\xfa_.\x05\xd7\x18)\xbd\x1eU\x81\xd4aY\xfb\xa6:\x03q\xa7++\xcf\xe6\x05o*(\xdaEY\xe19E\x8e\xc4\xbdC\x8bc\x8bK\x8b\x17\x17\x17\xc7\xc6z\xb3no\x1c\x16\xfb\xb0\x18\x8c\na\x9ent\x02\xd6,\xf5\x9f\x10\x04Z\xfe:N`\xa5\xa58\x8a\xe8t\x18\x8ea\x08\xf5\xf5\xbdVm\xe5F\n\xc5 y\xc4\xb3c\xcd\xd9\xb1=-;r\xbc\x18|\x98\xf0\n\x82\xc4+\xee\xe9D*799y\xe6\xcc\xc9\x93g\xce\\\x1e\xeb\r\xba\xb3\xbdQ\xb7\xcc\xb6\x0b\xbc#/\xb2m\x03\x7fz\xe5\xe5S\xeb!P\x08\x81\x97U\xa1h\xc9\xd6\xcd\x08\x85\xe9p\x1cAp\xbd\x8e\xd4\x1a\xbf.u\xe4\xe6\xd7\xf5\x08J!\x18PX\xd6\xf3GQj\xbdj\xb5\xea\xcf\xc8le\xcbO\xbd\x90\xc6\xd4|0o\xe5\xc6\xd3\xb7\xa7S\xb1\x89\xb1\xb1\x8b\x17\xc7V\xc6@\xd6x&lt;\xee\x8fG&amp;rQ\xc6\xc1\xcbP[mW?\xddx\xf4\xb7k1(\x14\xa5\xb4\xc8\xa6\xcd\x18\x85l\x02]$\xa6\xda\xc2p\\\xa7\xd7\xe3\xda\xaft\xa6\xb1h\xb1\xf2\xad\x9b0T\x0b\xbe0\x08\xb1\x16\x8b\xd2\xa2( \xc1-\xdcE\x11\xeft\xb4|\xfb]\x81\xb1C"\xdd\x82\xfcpz:\x94\x8e\xb9\x83Y\x18\x90\xbf`\\\x8c\xc6EN\xf6&amp;rQA\xf6\xd9\xdb\xd9\xae\xa57^\xdd_\x05A\xe0\xef\x01K\x8b"%P\xf0(8\xc2H\x04\xb0p5\x8f$\x82\xeb\xf0\xc2\x14\xf0\xd6\xb3\xcb;#\t\x0f!0\xef\xc1\xa0P\x04Q\xdd\x14,A\x7f(\x00\xa91!\xb8\xeeNeE\xcb$G3p\xfa\xcb\xd3\xb7\xd3\xf0\x95\xcb\xcd\xc7\xdc~\xff\xb8\xdf\x1b\xec\x9d\x18\x0b\xc6\xbc\xb1D\xea\xda*$\xd1\xfeX\x8c\xfcq\xe3\xf7N\x91ha\x00\x19\x89 XU\x15\x86\xaa\x1c\x18\x82\x15\x06\x82 \xa8\x16\xc8\xca7\xeb\x9e\xa93\x8d\x91 q\xb2\xf0\xd4\xeb\x82H\xd5\xcc\x7fa\x01\xea\xa6\xaa\x82\xb7c\x87Zv\xec\x98\x8c\xcb"G\xc7\x0f=\xbc\x16J\x07\xbd\xf1t(t2\xb789yye&gt;\xebN\xe7\xa6\x13\x89D\xd4a\x97WS\x89\xb1\x8f^\xd9\xf3\x08\xa5\xd6d\x03\x16\xa8\xc1K \x15*\x12XZ\x1f\x10\x17n\xf1\xd2\xb2r\x92 \xb4Z\xb5s\x18\xd53\r\x14\xad\x13Q\xebU\xb0\xf6[\xc1\x98\xfa Zr\xfc\xdc\xdb\xe0\x10T\xfe\xeahK\xc5\x8e\x0f\xa7\xd3\xf3Ao\xfa\xe1\xf4\xed\xdc\xfcXD\x8cg\xc7VVB\xb9\xac\xd7\x1b\x9c8\t\xd3P"%\xdfK\xa5\xa7\xd3\xd3\xef\xbe\xf1\xa3\xd3\xe8\xdaK#A\x17\xd4\x93z d\xa1\xb0\xc8\x02\x18Y\xb0E"(\xdc\x89\xebJ6\x97m\xc5\xa0\xd7\xe2\x88\x9a\x1d\xf4+\x06\x10\xa9\x0b\x9a\xaawf;:\x8e#\x85\xc8\xfa\xd9\x96\x8a\x7f\xb7]6\xa1\x89lY\x00.!\xb1\xca\xd2*\xaeEE\xa6\x86\xa7A\xc4\x8d\xbdz\xcb\x82\x14\xe3f\xc8OA\xf7*\x8f0\x1df&amp;\xd8 EC\xb2l}nl%\x01\x13\xde\x80D\x88(\x01\x05\xa3\x0b[b\x16Bf\xd1y4Q\xde\xa6y\x08\xbd\x08\x03\xdd\xbcEh\x1b\x92\xd0\xbd{\xd0Y\xcd9\xf7V\xa9\xf99\x96\xf5c\x9d{\xefw~\xee\xb9WbTwww\xcf\xce\x00\xebhw7\xf9r\x7f\x7f\x7fo\xbb\xb1\xf3\xfa\xd5F\xf2\xecc\xe3\xe8(\x97\xd8\x1c\xe6\xae\xaf+\x07+\x7f-\x94\xe7\xa8]\xb3n\xff\xdc\xecM\'\xe3u#!\xf5\x97\x1d\xdcYDB\xa7A\xa6y&lt;!\xaf\xc0\x07\xff\xc6Q\xa59\x86F3\x0b\xd0\xe9y\x0e\xaf~\x88\xba\x9ei\xa5LI2\x9b\xe8m\xd0\x1e\xa4\x0c"\x1b\x8d\xec\xe6\x97\xfdl\xe3\xe3\xc7F\xe3\xa0tv\xb0\xfd\xeb\xafg\x8d-(\x17G\xc5\xa3\xdd\xeb\xcd\xb7kk\'\'\'\xaf\xfe\xf8\xcb\x0f\xad\x19:\xf2,N\xa3\xb9\xbceV\xfb\xadz&amp;\x93\xcfg\xe0\xd4\xa9w:\xf9|\xbe\xe6\xf1\xdbX8/\x05\x9f\'\x18\xe3p\x92\xcd\x8d\xc1\xa8\x87\xfc\xf6\x07\x8e\xd9h\xad\x9b2\r"\x01V{\x86\x8d\x00\x9d\x83\xbfVJWkK\x0b;\xb9J\xe5h\xeb\xe0=`mC\x86\xc1\xee\x06]\xb5\xb1\x00\x0b\xd4\xeaOO~\xfe_\xdc,SW!\x16\xef\x9f\xf5\xa6\x0c\x95\x10\xa2\xa8\x86\xa1H\nXG4\xe8\xb9\x9a\xb7s\x8c\xba\x0b\x8a\xa6\xa7\xcc\x8d=\xe4\x9fcQ\xf3;\xde\x82\x8dH\xb9}\\0%E\xd5\x14h\xddr\xfb\xfd~\x9c\r\xee\xba\xa5\x11r\xb8\xb5\xb9\xb0\xf8\xf4K"}RJB\xf0\xf6\x0e\x0e\x1a\x07\x90NW\x9b\xb0\xb5X]\\x\x9aN\xef\xff\xfe\xc3|\xcbM\xbb\x05\x83\xdcP\xaa\xf8\xae$)\x9a(\xbb@d\x108\x89\xa2\xa8\xb4\xdd3,\xffi\x1d\x03)s\xfe\x87B\xe7\xf2\x0c?h\x8e\n\xe0$\x00bX\x9f\x82\xe0k?\xfa;\xd84\x89H\x96\xf7\x9e\xbeZ|]\xca\xae%\x92o\x17\x16\x9em\xfcw\xafT\xda=\xbfJ&amp;\xd3?\xc2b\xbe\xb4\x96\xd8\x9e\x9f/\x06\xb0?h\x82\xcd\xe0\x9a\xb1&amp;X.\xbc\x00\x95\xe8:\xe5qb\xbaY\xc9\x808\x06\xbd\xdc\x8c\x7f2Q\x1dq\x97\xeb\xcd\xeeq\x15\x89P\xc0[*\\Ny\xfa\x12k\x8f\xafkj"Yo\xc0f&gt;Y\xca\xa6K\x9b/\xf7\x7f\x862\x9f\xccU.\xb3g\x1b\x8b\xab\xabkk_W7\xfe\xb5\xac6\x1d?\xcc\xb8)Z \xa5P\xacx\xdc\xc5\x84b\xa5\xc2\xe0!7=h\x14\xf9(7\x81\x99\xd0\xe9\xc7\x9a\xe8"\xca\x98JQ\x11k\xc4O\xb8=-\t\xe2h\xe4\xd6\x9e?+U\xb2\x9b\xa5_~\xd9\xfbm\xef\xddNn\xb8Q\xc9-=y\xbe\xf4\xe1dsc[^&gt;\r\xb9\xef\x1a\x1c\xea\xab\x92J\xe4x\xdc\xe6\xa2A\x14\xad\x1eTW\x8f\x1d@\x0f\x1f\x0c\x06\xb9\x99GD8\xd6 H\xea\x04KQ%E\x1a\xd11l\xdb\xf5\xaeB\x96\xc9\xfa\xfbg\xff|Y\xc9]fK\xd9w\xbf\xbd\xcbn\xe6v\xb2g\xe9\xc5\x1fW\xd7`\xed\xf9]\x9e\xaf\x0e\xee\xf7\xcc\x9f\x02\x961\x85\xe5B.\xb3\xc93wQ\x97\x05y&gt;\xc8\xb9\'2\xe3\xdc\xc4\xfa\x88\xa5\x8d\xdd\x05dp&gt;\xd6m\x1d\xaa\x17k\x99\x86\xbc\xbc\x9e|\xf1b\xa3\xb2sYJ&amp;+\xc9Db\x08!|\xb9\x01\x19\x9f\xde\xd9\x9e\x97\xcd\x8e\xfb\xbexZ`\xa0B\x18\x16\xe6&lt;\r\xa4\xd2\x0eQ\xa4 8\x8a\xa7\xc2\xb1u\xfcNS\x8f\xd0\'`\xc3\x18\x0b\x90\xe0VMy\xed5\xdfV\xea\x9a\xc6\xb2\xb1\xfe\xfe\xe5R"w\x99Hf\x87\x89\x93\xcb\xf3av\xe9\xf5\xd90\xbd\xfa\x02\xa8\x8cn\xd4\x0e\x8c\x1d\x1dtE\x1b{\x9b`Q0\x91\x9c\n\xec5p\xd9XA\\\xc4\x19\x99\xc7\xc1\x8a\x8d4\xc0b\xee\x02"\x86\xa7\x16o\xe8K\x07+\xc8\x03\x97a\x1c\x96\x16\x17\x86\xc3\xcb\x9d\x9da\xfa\xe2\xfby\xf6\xed\x93\xe7\x89Je\xe7\x8f\xf9\xb8&lt;\x8a\x04m\x1a\xbaQ`X\xcdC\xe8\xd1pQ.\xdb[\x10\xc6\xd4\x80\xaa\xdaL\x88\xc5\x8f\x83:\x11\xdf\xa9JD\x99e\x97\x82d \xaaR\xe89Jv\x83H\xdd\x02\xae\xf5\xe4\xd2\xc9\xf0\xfc\xfczxu\xf1\xfd\xcb\xc9\xd2\x02\xecy\x0e\xccy\x91\x1c\xdf\xe0@0\xdb\xa7\xbd\xe5\xe9@\x1944y:\x88\x80U\xec\x8d\x89\xa2\xf0\x01\xac\xd84\x0fk\x1f\xf4\xb5T\x98\xc4\x10\xc6q\x08UH{+c+9\x81\t\xf2\xf5\xaa\x8a\\\xabW\xb9\xf3\xdd\xe1\xed\xc5\xd5\xf7o\x0b\xaf\xd2K\x8b\x07\xf3\xb2\x8c\x0e\x08R0\xd6\';\x073\x16T\x08\xc4rMc\x15z\xfc]\xe1\x04\x98\x8e,\xd5\x82T\xd0\x93\x91\x96\x04\xd5D\xb6\xb3\x8b\x16\x08\xf0\x97YG\x15\xe6\x02\'\x0b2\xb8\x9a\xac\xec}\xcd\xe5\x86\xd7\xb7\xdf.\xff\xfc\xfc\xd3\xd2\xebDi]\x96?\x96\xc7y\xc2\xb3\xae\xf1\xc2\x07{\x05\x86\xe5\x1ac\xd1\xa9\xd8\tNCE\x01\x8b\x7f(1\xac\x96.\xc6E\xe3G\x8f\xc3v\x88\x8epGu\xd0W`}\xdc\xbd\xdc\xba\xee\xdf\xde\xde\xfe\xe3\xf3\xdb\x0f_\xcfVD\xf9\xb8\x16\xe5\x1f\x95rQU5\xc2*&lt;\x13\xc4\x92\xda\x13$\x10_\x94\xd3\xef7\x84\xfe"\x88\x85+\x96\x86PXKi\xe9j=\x0f\xa0\x80\x88\x00\x00\x03\xdaIDATfB\xb8%\x11cy\xebl+\xf5\xfd\xf6\xcf\xcf\xff\xfe\x90N\xfc\x87\x90\xd1 \xf88\x15\x7f\x93\x825\x83\x88.\xd7\x1d,\xad;\xb6"\xe4\xf3\xc1\x97\xbby\xa4\xad\xafm*\xe8.\x17$=\x0b \xbd\x9e&gt;\x86\xc5\x0bm\x8b,\x1bo\x1a\xc5\xeb\x8bo\x17\xdf\xfe~\xf5\x86\x18\xa3\x81c 5\x7fZ;\xd0W`y\x90\xc7\x8b\x0f\xad\xf3\x84\xb4B\xe0\xa4P\x08\x8eP\xc8\x07d\\\x87\x9fn\x16\xc5N\xa2\x91\xa6\xa9\xa8\x04f\xb1\xacRo\x19*\x16A\xf58\x10u\xc6\x88:\xaap\x84:E\x02[\x1f\x0b\xb0N\xae.\x1a\xe4\xf04@Y\xa0\xff\x10\xbe\xc6\x11\x1d\tyOa\xf1\x11\xe9\x9a\xe8,\xd8P\x89\xc8H\xf0!\r\x1c \x91\x88\xce\xb5b\xbe\xd0D|\xf8\xe0\xa3X\xe0\xae8\xb8\x0bE3TL\xb2T\x19M\xa16EC\xec\x965\xaa\xf5%\xd8E\xbd\xc9\xbe=\x19n\x1bR\x0b\xe8\xa1\x9fH,\x10\xb1\xc7\xa1g\xda\xbbO\xff\x04\xb3\xfa\x0e\x168K\xd5\xfa^\x80q$\x16\x19p\xc7\xd0\xd8n=\x16\x86\x05\x89\t\xd9\xa5j(\xe8.\xb5\xd8\xbb\xab\x18\x1a\x9f\x02]S&amp;\xe2\xfa\xfb\xd2\x1br\xd8\nG(@$\xdf\x85\xae#\xf7z\x16p\x8d\x9f\xec p\x08\x02X@\x11\x89\x81\x08\x02=\xf58+\x13b\x9d3k\x901\x14\xe9X\xe8#\xc8z\x990,\r\x13\xac\x90\xbf\xcf\xefsL\xd2\xebE"\xcb\xc6\x8aZhzY\x1c\x84|\xb1+\x80\xe9&gt;Ff\xdfEbm\xd8\xebb\x1c\xee`\xa9\xc5r,\x86nb\xde\x12\xea\x9c\xd4\xf4\t\xb1\xc8\x949\xf8\xaec\x01\x07\xe6\x80K\xd4\xd0_D\xc3(Z\x9d\x18\xb3\xc8\xb6)&amp;\xc4\xd8m,"DjP\xc1`\x81\xea\x08\x11\xa6\x90/\x98m/\xde\x08\x82}\x8eQ\xfd&amp;`\xc9w\xb1 E\x8aeaZ\xba\x9c\xfa\xc9\'\x08\xb1I\\q\xb0X\xa6 \xc2v\x0b\xb3\xdeE\xd0Wp\x02,\xb3-\xdc\x93\x98=*H\xa7\x08\x95\xf7cFg?x\xeb\x05\xc3l\xeac\xb5\x89\xd4-bca\xf1\xc2*\x04k/\xa4\xed\x94\x8a\x1e\x1eqj*,&lt;\x90Z\x157\x10\x10\xc6x\\D.x\x82(\x9a]\xfd\xa1\xaa\xa0{)F\x15\xb8S=\xaa\xa0\xeb\xe1\xb6I\x0c+\x0fo\x1e\xb4\xe8XD\x94]\xd3u\x0b\xb0\xd4jo\xaaCa\x90\xe2\xd4B\xed\x11\xac"\x82`\xd6\xc7\xa1\xd4C\xf9\xc3X*R\xeb\x11\x0b\x04o\xa6\xa7\x87\x9b\x05\xe9PJ\xe5i\xa7B\xa0\xdc2afZ\x19\xaf\xfe\xd0\x8e|\x01\xca\'u\x93\xf3/\x03-.d\xa6:\xf4\xf6,N\x91\x9a\x13LG\x06)"\xb2\xe8\xe1n\x9b\x10\xdc\xe5\x00\xe6\xe8\xe6\x81\xab\xe0\xe8\x16\xdbm\x0b\xffW\xd5\xf0I\xf7z\xcb#\x82\x02\xde\xd2\x1d.\xfbF\x17\xf4^\x15\xea\xa7\xb3\xd3B:\x0c\x84T\xc8`C[\x84\xba\tX\xdd0\xfc\xc2~t\xde\xdd\xc0f\x1eI\x14\xd8I\xc8\x14\x8bz/UvZN\xfa\xf0z\xeb\x96dBzT;\xf6s\xaf\xaf\xa2&gt;)d\xc2\xde\x87R+\xba\x98\xb7d\xbbr\xd1\xfc\x00\x13h\xaf\xf8\xf1\xeam\x95S\xd4\xfe\xcd\x83\xb6\x14\x8b\x92\x10\x99\xfe9\xa1OZ\xaa\xe6(L\x0f\xd8\xa9*\xe0\xdbB\x9d\xfd\x16\xa8\x1dS\xef\x12\x86\x15\xf6\x86\xc3w\xd4\xcb)Yd\x01\x1c\xa7\x16L\xa7B&gt;&lt;\x96@`\xa4q\xaaZ\xada\xab\xf0\xb4\x04\xfa*\xa1\xfbS\xd5\xa0a\x14\xd9n\xb5\xda\xf3\xb2v0X \x00_\xf8\x84\x03\xb5"\xee\xfcS\xbd\x00m\n+\x115\x05\x83\x18\xa0\n\xd8\x02\x0e{\x84\xf21\x06\x91b\xc9\x18L\x0c\x8atX\x00\xdd\xb1\x0cR\x1a\xa7\xa9V\x86=\x85\xa7\xde|\x02\x07\x88\x98\xed\xb07\x82\xbd6\xf5\x16\x0c\xd4\x99\xd6\x19\xf7r\n\x8b\xaf\xe6*\xb4\x07p\xdf\xb4\xe2\xe8\x07\x16\xc4\xc0\xa3\xda\xf0Jd\x7f\xc4\xe8\x05\xf7\xe6\x87V}J\xa5W\x95\xfe\x0fY\xa7p\x9e\xf3z}A\x00\x00\x00\x00IEND\xaeB`\x82'</t>
        </is>
      </c>
      <c r="M362" s="3" t="n">
        <v>45492.67696759259</v>
      </c>
    </row>
    <row r="363">
      <c r="A363" t="n">
        <v>981703</v>
      </c>
      <c r="B363" t="n">
        <v>1957</v>
      </c>
      <c r="C363" t="inlineStr">
        <is>
          <t>Matheus Bidú</t>
        </is>
      </c>
      <c r="D363" t="inlineStr">
        <is>
          <t>Matheus Bidú</t>
        </is>
      </c>
      <c r="E363" t="inlineStr">
        <is>
          <t>LE</t>
        </is>
      </c>
      <c r="F363" t="inlineStr">
        <is>
          <t>LAT</t>
        </is>
      </c>
      <c r="G363" t="inlineStr">
        <is>
          <t>LE/ME</t>
        </is>
      </c>
      <c r="H363" t="n">
        <v>172</v>
      </c>
      <c r="I363" t="n">
        <v>21</v>
      </c>
      <c r="J363" s="2" t="n">
        <v>36283</v>
      </c>
      <c r="K363" t="inlineStr">
        <is>
          <t>Left</t>
        </is>
      </c>
      <c r="L36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2e6199c-b6d7-4dbd-bed4-991934a73e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E\xd4\xdf\x00\x00\x03\x00PLTE\xff\xff\xff\xf7\xf5\xf1\r\r\x0c\x10\x10\x0f\xee\xed\xed\x07\x07\x06\n\n\n\xf7\xf6\xf3\xfe\xfd\xfd\xf9\xf8\xf7\x13\x12\x12\xe6\xe6\xe6\xeb\xea\xea\xf5\xf3\xef\xf3\xf1\xee\x91eO\xf0\xef\xed\xf7\xf6\xf5\xef\xef\xef\x16\x16\x15\x03\x03\x03\xb3wV\xe9\xe8\xe8\xb8|Y\xe5\xe4\xe3\x19\x19\x18\xe8\xe7\xe6\xf1\xf0\xf0\xf4\xf4\xf3\xed\xec\xec\xf7\xf7\xf7\x9afK\xafz^\x1f\x1d\x1c\x88T6\x94aC\x99iQ\xaftV\x8fjW\xf9\xf6\xf2\xb6zU\x1d\x15\x11\xb0vZ\xb4yZ\xa5jJ\x94\\&gt;\xb6|^\x9flQ\x0f\x0b\x08\x14\x0e\x0b\xed\xec\xe9\xd3\x8ee!\x19\x15\xe2\xe1\xe0\x9edC\xbb\x80]\xba\x7fZ\x9ar^\xaaqU\xbe\x82]\x95mX\xf9\xf8\xf4\x94iS\xc1\x85a\x8f^?\xbb\x83e\xa1gG\x81WC$""\x99aA\x8f`G\x8baK\xafrO\xb2vQ\xd4\x92i\x93cJ\xd0\x8aa\xa4oR\x8bY;C-!\xb4\x80d\xfb\xfa\xfa\xdd\xda\xd9M2%kH6\xa9vZ\xdc\x9an\xf2\xf2\xf0\x9anW\xabpO\xcf\x8eg\xc3\x89d\xb9\x7fb\x91o^\x94tf\xa3u]- \x19\x80M4xH/\x8cfS\xdf\xdd\xdd\x90W:\xc8\x8bg\xa9mK\xb6\x84k\xa6sW\xabg?qC+\xc6}M\x8d]C\xd8\x96l\xc4\x80Y\xc2\x8al\xff\xff\xfe*\'%\xe2\xa0o\x1b\x11\x0c8\'\x1d\x88[D\x9c[9\xb1}b%\x15\x0e&gt;(\x1d\xc6\x8fq\xd1\x93q(\x1c\x16\xcf\x88Y\x93U2\\@1yQ=\xc9\x84Z\xa4c=\xb7qR\xcb\x83R/-,\xa3xcqN&lt;\xc0xIaF:L&lt;3\xbd\x8br\x9eoW\xb9rFT5%1#\x1c\xd4\x9d~\xd9\xd7\xd5\xd3\x97vT:-\xab{f\x89O1\xbcxR\xe2\xa1yD3)f?-\xc0\x86h\xca\x82`\xad\x80m`7!\x88U&lt;/\x1a\x10\xe6\xa9y333\x82]Li9"\x91XI\x80I+\xb7\x8byxUDlPC];)\x9bzk\xcd\xb3\xa8\xdb\x9cuO-\x1b5!\x16\x9a`ExK6\x88j]\xda\x96d\xbf\x92}n&gt;$x\\O\xc9\x96z\xa3fW\x80eZ\xb5kD\x81Q;\xee\xbb\x8d\xe8\xda\xd2\xc1|R\xa2\x86{\xe8\xb1\x82\xa2pX&lt;867,&amp;\xcd\x8cpZ.\x1d\xbb\x97\x89\xdb\xa3\x8a\xd5\x90`tF5\xd5\x8dZoWMTRP\xb1mE\xc1zZ\xdb\xc9\xc0\xe2\xd0\xc7\xc4yl\x85dRB?=zC&amp;\xbf\x80e\xa1\x9f\x9e^\\[\xaf\x86t\xd5\xbe\xb4\xcf\xcb\xc9\xb1\x91\x84KIG\xec\xe3\xde\xb5ja\xa8\xa6\xa6?"\x13\xd4\xd1\xd0\xc9\xa5\x96\x80~|\xaeiL\xf0\xe8\xe4\xacdZ\xa3\\RK!\x18\xd3\x8f\x84\xb2\xb1\xb1\xba\xb9\xb8\xacdF\xe1\xc2\xb5\x9aUJw:\x1e\xc1\xc1\xc1hgf\xcd\x80v\xc1\xaa\xa1~@5\xca\xc5\xc2\xcc\xb7\xae\xc8\x9b\x84\x8a\x89\x87\xd9\xb5\xa6\x88I&gt;\xa9m_\x96\x94\x91\x8aH&amp;\xda\xa8\x9assr.\xe6u3\x00\x00 \x00IDATx\xda\xdc\x98\xedOTg\x1a\xc6\xcd9\xce\xc9\xe1l\x13\xa3g\xba\xeeI\xad\xe6`c\x9c]qg\xc2K\xd9\xb0YT\x0e"H;E\x08\x9b\xa5\x91\x82\xac\xd8\x15\x05=\x0c\x92\xa1\x0c\xf2\x12\xa7\xf2\x12\xb0H\xa0he\x87\xd1\xf0\xa2\x01\xb2\x826\xb6\r\xda\x01\x0c\xb1\xc3\x17\xc7\x9d10\t\x90\xf9\x06_\xe0\x83)\x1fH\xdc\xeb&gt;\x87&amp;\xfd\x03\x0e\xda\xec\x9d@\x9ey\t\xcf/\xd7}=\xd7\xfd\x1c\xb6l\xf9\xbf.\x9e\xbfH\xbf\x7f[H|T\xfc\xca\xab\x1d&lt;\xadx\xfe\xed\xe3\xfc\xf2\xc3\xcf\x06\x97\xd6\xd6\x97O\xfc\x16\xb0\xf8\xa8(\x9e\xcf\xda\xbd{{\xfb\xec\xabHdy-\xe4_]__\x0b.f\xbdM2\x9e\xdf\xb5\xb4t\xa2\xfd\xd5\xfc\xf2\xecZh=\xec\x0e\x87\xfd\xfe\x80\xaa*\xde\xd0J\xd6[\xd2\x8c\xd7\\\xf4*\x04\x12\x7f \xbc\xe6\xf7\x86\xbc\xb2\xec\x05\x95,\xcbJ`uq\xeb\xd6(\xfe-\xf4\x13\x1b\x9e\x98\xdd\x1e\\\x8dxU\x9f\xcf\xedS\x15UVd\xc57!1\xac\xe2v\xfb\xc2\xaf#K\xef\xf3o\x1a\x8c\x7f\xaf}q6\xb2:\x1f\xf1\x86U\xd9\x1d\xf6y\xd1:Ib$UdA\x85%+*\xbe\xd7+\x8b\x8b\xed\xef\xf0o\xd0R\xed\xc1\xd7~\xffj(\x0c(E\x11\x03n\x05X2\xc3\xc9\x92\x89\x91@\x058\x96\xc5\xca\x17\x08\xfb\xd7\xe3w\xf3o\xe8\xf8\xb5\xbfZ\xf5\x07\xbc\x81\xb0\xdb\xeb\x86\x97\x04E\x95d\x89e\xcc&amp;\x891s\xb2*\x8b\xa2 p\x8c\xc9\xc4q\x82\xc0*\xfe\xe0\xfbo\xa2\x91&lt;\xff\x87\xf8%0\xf9\xfd^0\xa9\xb2 \xb2\x92 \x08&amp;\xb3\xd9\xcc\x99\xa1\x96\x08 \x93\xc9l",\x06\x1f2\xdeytr\xd3\xc1\xf8]\x8b\xedk\xee\x00z\xe8\x93DAT\x80!\x08\x0c\x07,\x93\x89\x15X\x16D\x9cI\'\xe38\x8e\x15$\xc1\x1b\x99\xdd\x91\xb5\xb9P\x17\xb7\xf0\xb3\x91\x90\xd7\x8d\x1e\x06|\x12\x14a\x19\x93\x99\x95\x18\x13\x07,F\x14e\x89\xe1\x18\x96\x81P$\x1a\x0b\x97\t\xac\xe0\x0e\xad\xadl\xdf\\\xad\xfe&gt;\xbb\xe6\xf3*\xb2\x1bq\x00\xb7\x9bI\x1a3C\xa6\xe2\x80(J,\x91\xca"t\xc2\xc2\xc4\xb0Xp\x8c\xa8\x04B\xcbQ\x9b\xd8\xc7\xa8\xdf/\x85\x02\x92\xd6&lt;\x1c&gt;U\x15Mf\x8e\xba\x05\xbf3V\xc8\x04\xcd8V\x92Et\x95xp\x1e\t\x8c\x15\xdd\xfe\xd5\x13\x9b\x18a\xf1+\x11\xaf\xc2\xc01\x82\xac\xbaU\xb7"\x12\x08\ntVr\x14\xa8\x00,K\x84\x85\xc6"\'\x04\x86\xc1\x0f\'\xca\x91\xf8\xed\x9b\xc3\xc5\xf3\xbb\x97V}\x12\x0e?\x8e\x98,KP\r[npQ\xdbt\xe1\xd0J\x81\xd5\x8e#\x9dF\x86a\x04z\xcd\xc9\xab\xcb\'\xa26\x07k\xd1\xaf\n\xd8\t\xe7M@T\t\x82\xc4r\xda\x19\xa4p\xb0Z\xb1\xb4\xe2}\xca0\x08\xa4AQ\x07e\x19\xf4\x88\xb2\xc0\xfc\xfcl\xd6&amp;\xe8\xc5\xff\xee5\xa5\x12\x99\x86a\xc9_\x02\x1d:-\xa2\xccf\xab\xcdfEQ\x0bY\x12O\x97\x8b\xbeK\xf1\xc1P\xdb#\x8b\xf3\xf1\xc6\xf7\x91\xdf\x15TY\xf21\xa7\xa5%vb)?\xb1?\xf1X-\x16\x8d\xcb&amp;a\x0ci\xb1EA\xa6w\x97\xe4e\xe1\xfb\xf9\x95\x15\xe3\xa9\xf8\xf6\x90H\xaeb)$A\xc4i|$\x93\xcdaq:+\xae9l\xb4FN\xe1 \xe8@&amp;\xddv\x84Ep\xfe\xe5\xa5,\xc3\xa9\xb6\x06C\x02L\x82\xc2,f\xac\xd8\xcd\n\x9dLV\x87\xc3UQe\xb7g\xdb]\x16\x87\x83\xde\xb2\xda\xe0p2\xbb~\x1a\xb4c@\x02rBxm\x97\xd1r\xf1\xb3~U3\t\x9a\xa5\xab\xa0\xb9\xc9fsz*:rr\x9aj;\xecU\x15#N\x87\x8d\x14#\x07jT\x1b\xdddD-\xf9\xc5\xf0\x8a\xc1\xe6\xe2\xf9y7\xc5\xa3M@\xab\xa8E\xba\x99\x1c\xce\x91\xaa\xb6\xbb7\xea.\xd5\xd5\xe5dgg\xdbG&lt;\x1e\xa7\xd3\x89O\x08Y\xf3\x96\xee3\x9c]2\x98\x02\xb9xC\xa9\xe2C\x12\x02\x89!1\xb0\x9f\xc9\x16\x07,@\r\xf7\xdc8U\xf8qj\xc2\xa1\xefo\x0cg\xb7\xb5\r\x0f\x0f/,,\x8c\x10\x9bC\xff\xe2\xaf\xc66\xba\xefo7V.&gt;\xa8\xe2\x1eE\x91\x8d\xb1g\xd5L\xee\xf4,\xb4\xdd))\x8c\x8eI8\x93&gt;\x9e~\xa8\xe4\xee\xdd\xbb=\xa8\xa9\xe1)\x1d\xce\x032Hf\xa6\xe9\xa8wR\x16\xd4\xa0\xa1\xb3\x91\xdf\xba\n\xa9\x18\xed\xc2\x00(\xa7\xc5\xe2\x19Yh+)&lt;]\x99\x9a0\xd3:^\x96\x97\xf4\xd1\xde\xc2\xe8\xe8\x92;==w\x1e\xa0^\xdc\x99\x9a\x1a&amp;0`Q\xa8\xd2\xe4fXY\x12C\xff4R.~1@\x17a\x16\xb6\x82\x9f&lt;N\x8bga\xb8\xa7\xaf\xb3\xb2\xa1\xf2l\xeb\xb9+5\xf5\x99\xc5\xc9\x89\xef\xa6\xcf4\\\xee\x03R___\xe7\xe5\x17\x00\x9cZ\xf08lz\xfe\xa2p[\xc5\xe5k\xfd=\x03\xb1\xb2^\xf9(\x12Y\n\x04\xd7\xc8\x88\xc3U5U\xd2w\xb9\xb2\xe1\xec\x0c\xa0\xa6GGG\xab\xab\x87\x862\xea\xc7\x01\xd6yY\xaf\x17Sz+\x1d6n#\x84)\xefp\x18\r\x9c@\xfc\xb2\x9b\xae\x9e8^\x0e\x8f\xa7j\xc4\xb9\xd0S\xd2\t\xa1\x1a\xc1\x94\x9b[\xde\xfb\x84\xea\x87\'\xb9\xd3W\xc6[g\xce\x9emhh\xa8\xbc\xdc\xf9\xa2gx\xeaN\xcf\xb0\xc7i\xe5\xe8ZO\xc1\xc5J\xac;\xb2\xc38\xac\xa8\xa0\xc2P\x86\x9al\x9e\x8a\x91*\x8f\xa7\xe7TtCk\xe3\xb9+\xcfF\xcb{{{\x7f\xd0\xebIo\xf9\xe8\xf4\xf4\x95\xc6\xc6\xd6\xef\xbe;K`}}/\x1e\xdc\x19\xf6@.\xba\x11\xd2\xbc\x92D%t\xc20w\xf1;"t\xe3\xa4\xf0\x1c\xb1\xdb+*\xb2\x0bc\x0e\x80\n\r\x1c-\x87J:\x14\xa8\xcasGG\xa7k\xae\x9c\x03Y+\x81\x81\xac\xe4\xc1\xb0\xd3f\xa5\xeb\x17\xe6\'\x9eE0\x1a\x8d\xc3zgUOx\x8b\xa7\xaa\xad\xa9\xe9\xea\xbf\x13f\xba\xc65\xac\xe9\xf2\'\x1bLOz\xbf&amp;\xaa\xd1\xe9g\xe0:w\x0e\\\x00\x8b\x89\xee,,!.\x12\x0b\x7f\x02\xd1%\xaf\xee0\x8a\xebb|\x08\x91%\xc6Y\\\xf6\xda\x81}?\x1e;\x96\xde5\x8e\xad\xd1D`\x01\xa9\xb7\xb7&lt;\xb74w\xb4\x14T\xa3\xcfj4,t\x92\xb8*O\x9f\x8e&gt;\xd5\xe6\xa21\xc9\xd2\x8d\x10\xd7\xb4\xc0\xa2QX\xfc\xac\x8f%\xac\x82\x8a\x8e\xc1\xa2/\x0f\xee\xef\xea\xea\x1a/\xbb\x82\xaa!s\xa1w\xa5\xa5\x19\xb1\xd3(\x88Eo\xebm\x9c!\xef\xa7\xc6\xc4|\xfc}SU\x1c\xe68\x06\x17\xb8D\xf7\x92AX&lt;\xbf\xe2\xc6\xc5W\x94\x0b\xba\x9b\x06\xfez\xeb\x93\x0fw\x82\xaa\xbe\xbe\x9e\xb0J\x87\x86\xca\x87rA\x15\x1b\x9b\x19;\x1d;\x9dY\xf3k\xac#\r\t1\xe0J\xa9\xab\xb5W\x14 \xf5YQ\x96\x955\x83\x92\x9e\xdf=/cNC\xad\xe6\xc1\xe7_~\xfe\xf9\xe1\xc4\xae\xb2\xe4z\xaa\x9a\xd8R\xa2\xca\xcd\xc8\xd0\xb9\x08\xab\xa6\xa6\xe6\x17,\xb41!55\xe6\xfc\xa5\x94\xba\x1bm\xf6\x918A\xbbT\xbf6("p1U\x90\x85\xa2|\xad\xf9\xe1\xc9[\xfd\xfd-I\x89\xc0*+\xab\xcf\x8c\xcd(\xcd\x05UiF\x1e*3\x0fd\x99\x1a\x15\xb0\x1a[g\x88+!!u\xef\xf9\xb4K\x039w\xb3\xab\\\x16\x88%*F\xcdE\x1e!\xcf\x08\xa2$O\x00\xeb\xe5\xd8XKrR\x195\xb1\x86\xb0JK\x81\x15KP\x99yy\xb1y\x1a\xd6\x86\xe7\x89\x0br\xed=\x9a\x96\x96r\xb56\xbb\xaa\xc0b\xc1\xf3\x92w\xd90\xcb\xe3$\x02K\x99h\xfe)\xffe\xbf\x8e\x95T\x06,4O\xc7BA/\xea%\xf4\x82\xeb\xce\x8dk\\0}L\xea\xde\xe3ii\xb7\xebr\xda\xaa\n\xe2,\xa2 !\xb8\x0c{\xbc\x88\x08\xb8,\xab\xc0\xba\xf7\x12M\xbc\x99\x94DjA,\x8dJ\xc7\xca\xa0W\xe41\x02+#\xb94\xd7\xa7\x02k[QZ\xda@\xad\xbd .\x0e\x0fLj\xd0\xb8Q\xbdN\x8f\xabP\xeb\xd1\xe3\xa7c\xfd-\x87a.\x1d\xabtH\xf3V\xacf\xf8\r,,\xc15&gt;\xde\xd5\xd8\x05\xae\x84\xd4CG\xb7\xa5\x15\xed+\x1a\xe8\x98p\xc5\x91Z\xc6a\xf1AE \xacp\xfe\xdc\xd3\xa7c\xc0"\xbfk\x1cC\xa8R\xbdy\xf4\x1a\x0b\xcd\xfd\x84\x05\xb0\xf4cg\x8e\xc0[\xdb\xb6\x15\xed\xdbW\xf4\xb0\xf9\x1aay\r\x9c&gt;\xf3\n+\xc9\xaa\xcf\xff\xf8\xe9\xdc\xd3\xfe\x96\xff&amp;\x17g\x16\xc3\xe1\x19\xd5\xd5\xd7\xbfBU\xeb\x1a\x11WuF^F^\xf17\xdf\x94%%\x8e\'v\xedO\xff\xc7\x81#{\x8en\xdb\x87:y\x7f\xb0\xbb\x80\xd4Z2\x0c++\xa8\n\xb2\xe2\x0e&lt;\x9a\xd3\xd4"*h\x02(\x8d\x8a\xb8Pxg\xf2\xfa\xf5\xeb\xd5\xd5y\xc5\xc9\xc9\xc9\x89;w\xee\x7f\x17Xg\x0e\xec9\xaec\xe5?l\x9e\x90E\xd1@\xac\xa8uE\x94U\xb7\xff\x1e\xa8\xb4\x93\x98\x94\xf4\xe1\xcd\x0b\x17.\xb4\xb4\xb4\x8c\x8d}\xfb\xf3\xcf_\x01\x86\x8a\xa8&amp;\'?=\xfc\xc7\x7f\xfd\xf8\xc1\xd1KG\x8f\xffy\xcf\x9e\xbd{\x8f\x7f\xf0\xb7"\r\xeb~\xd3\x04\xee\xcd\x06b\xf1\xf3*\xb0|\x8f\x88\xaa\xbf\xff\xb3\xb4\x94\x81\x81\x94\xdbi\xb7\x07\x06\x07\x9b\x06\x07\x9e\xff\xa5\xff[\x9d\x07X\xd5_\\8\xf8A]mG6\xa6M\x85\xbd\xa3\r\x8fi\x1dW\xb7iT\xf9\xf9\x83\xdd\xb2(x\x8d{X\x84\xe5\xd1\xc3\xe6\xfbsO\xe7^\xdez\x9e]\xd5\xdd\xdd\xdd\xdc&lt;1\xa1\x16\xb8\\\xd7*:\x9aR&gt;\xfb\x02r\x01\xabz\xb2\xf8\xe6\x9f\xce\xb7\x8d\x14\xb8\xe2\xe2,\xf4_\x00\xaa\xb8\x82\xda\xe7\xfbN\x9e&lt;\x99\x7f\xef\xa7f\xc5X\xac%\xaf,\xbb\x07\xf3\x1f\xcf\xf5\xdfznw\x15\xd0\xb6\xd8X\xdf4\xbb6\'\xed\x93\xc9\xc9\xc9\xe2\xc9\xe2\xe2O\x93\x0f~\xf4\x1f\xbb\xc7E\x9f8\xfe\xc7\xaa\xf9\xff\xa4\x9d\xdfq\xbc\x97&amp;;\xcf\xe4\xea\x96K\xe7\x9a\xfd\xc0\xa7R\x9c\xc5\x0f\xb2E\x83\xfa\xc1\x9c\x15\xaa\xe2U\x84;\xc0\x88\xf5D0h\xe5\x8b`\xd1B\xb5J\x11:\x15\xe7\x97\x8b\n\x88V\xb40\xaat*h\xd4\x13\xae\xa6\xb6Z\x8aFc&lt;\x9a\xf5\x96kn\xbb\xd1\xa4\xc9\xd1\xb8%\xcd\x96\xbb\xcd\xcb^\x1f\xba\xfe\x05\xf7y\x05\x12\xf8\xe4\x9d\xf0\xc8\xeb\xf5z?\xdf\xaf\xd7\xebMkr2\xa0\xb5\xb6\x9e\xaf\xb3\xd6\x03U\xed\xbdU\xeb\xd5\xe4d\xe2T\xfe\xc4\x89\xef\x1e\x9e9\xfb\x10\xb4\xf4\xd9\xb3\xfc\xd1\xb6\xe1\x9c\xbaG\x8f\xc6q\x8f\tF\xa1\xc7\xc7\xb1\xa8O\xb5\xda\x86\xad\xcbLf\xdeiR\x00\x8e\xbf\xc56\x1e\x8f\x87/\x19\x85\x15\x9d9\x8fv\x97p\xae\xf5\xb9G\xc9\'\t\xc5\xbas\xe6"\x8eu{\xcc=:\xce\x1b\x9d=L/\xc8/((\xf80\xa5\x14\xfa|\x93\xa9\x04\xcbz:\xa1m\xd0\xd8\xcb\xca8\xa4\x90\xa9W(\xec5\xb1KS\x12V\xca\xb6\x8e\x83\x0e\xe3\xb9\xb5\xbe\xdb\xff\xc1\xc9\xdf\x13\x8bu\xf5\xe1\xea\xbd\xdbc\xf9\xb3V!\xbbJ"B\x0c\x06\x04AD\x18\x1d\xb6\x1a\x99\xec\xa7SR\x99\r\rLNcc#&lt;\xb8@&amp;\x93\xe8\x18\x86\x8911\x97\xcb\xa5\x93\xd8\xd6\xfe]&lt;\xb7\x96v\xfbsN\x12\xb8\x13O\xfc\xe3\xe1\xd9\x8b\xfd\x80\xd5S\xe0.\xad\x12\x89DT\x11\x95\nX\x08\x15\xe3\x92\xa0\xd0\xf33PN^\xf5\r\x8d\x05\x85B\x06\xbe\x93\x19(\x85J\xa1`bq\xa3X\xcc\xa5\x9fKY]]\x02w\x11\x8d\x95\xf4\x97/\xf1\xdc\xaa\xed\xe9\xa9*\x90\x8c\x01\r\x05\xa3P\xc1D\x18`\x91\xe5r\x1a\x8d\xa1\xb0W7w\xd9\x15z\x9a\\.\xaf\xa0\xa1\x1853\x93B\xe1\x00\x16,\xe1\x0e\x14\xd4\x1f\x82\xbb\x12XD\xee\xc4O\xbe\xfe\xe0\xec\xf8\xee\xa7=\x92\x81\x1e&lt;xT1Z\\\xa1V\xbb\xa42\x994\x14\x92J\xd3\xe44s\xdf\x93\xca\x9d&gt;\x851M\x9e&amp;\x95\xba**\\.u\x85\xab\x82\xc6@\x1b1\xaci\x13\xb8\x96\xc0V\x01\xebk\xe2\xc6\x10I\xbf\xfa\xf3\x19\xc0J\x97H$\x88H\x84PQ\xb9L\x16\xe9\xed\x15\xe23\x1a\xcf\x8aR)\xb3\xd9\xf4};:\xc0\x82\x9e\x15\xbe*\x95\xca\x88\x89m\nD\x94\xca\xb4b\x14\x135\r\x14\xa4\x03\x15\xa4|g\xf2?\x7fM\x1c\xd6/\xdfb\x89\x9a\xe8M"\xbfW\x19\xb9\xc9\x1b\xfe\xb2\xeez\xdb\xc2\xf6\x14`)\xa3^\xbdjyf\xa7\xcf\xec]Y\xf1(\x03\x81@\xc49j\x15\xf0\x86|N\xa7\xb2\x82\xc4\x1d\x80\xf3gi}\x1d\xb0r\xce\xfc\x9d\xb0\x1b\xf6\x16\xa8\x03/\xe6\x8c\xcf\x01\x16\xd2\xc4m"\xcb&lt; M\xc3\xbf\xbbz1\xa7n\xf4\xe5\xcbm\x8f2\x1a\xf5\x9ao\xe9f\x9e\xa8\x14\xc7\x9e\xa9)\xf0\xd6\x94\xcf:|\xe7bN\xce0\x90y\xa4\xa4s\x97J\xdc\x87\to\x9d?\xfb_\x02\xb1\x92\xbey\xd4\xd9\x9f\xc0\xa2r\x81\x8a\xb7\xb8(\x10\xc0\x99\xc7\x138\xa7\xa6\x9c\x105\xafm\xef\xc9\xcc\x03\xdd\xad\xa0m\xc5\xe3\xf1Lm\xfb\x84s\xbc\xe1\xba\xb6\xe1\xf1E|b\x18P\xab\xd5\xd7\x0e\xc1[\xab\xfd\xadW\xbf!\xea\xf6\xa7%\xe9\xc5\xc1\xe3\xfeN\xe8\x11!\x88b\x9a\xcc\xe9\x03a\xef5\xcd\xba\xd9\x10-Y \xe4\n\xd9lF{\xf3\x83/t;\x83\xc6(\xe4Z@\x1ab\xb3M\xbdN\xdfM\xa7\xaf}zza\xdb)\x93\xb2\x0f\xd7\x97\xd6W\xc7\x7f{\xe7\xbb\xbf}\xf2\x8b$b\xa8\xc2\reCu\xd6\xd5*\xf0V#\xcd\x15\n\xb1\xaf\xa9/\x90I\xa4\x92\n\x97\x14,$7\xeb\x15\x9a\xca\x99/fv\x06\xcd\xc7G\xd1(lO\x97\xbaD\xed\x02\x93\xca\x9cC\xbe)\x0f`\xb9qo\x8d\xff\xec\xe1\xfal\xedW\xef\x12\xc0\xd5\xf2\x9bW#Ov\x8c\x0bV7`5\x89\xc5b\x12\xd9O\xc65T\xed\n\xe1\n\xe1\x92\x9b\x15\xe6\xc1\xee\x04V\x9f\xd9\x18\xf5\xda\xbc\xf0X&amp;MKK\x93\x83Z(\x9dS\x1e\xa52\x90\xc0\xdamkm\xdf\x8e\x92\x9f\xdd\xff\xe9qlIz^\x13/_\xeeBS\xea\xabD\x08\x92\x9a\xc1iD\x8bq\xc5\xc2\x7f:$\xf7\xa3\xb1\xbd\xa0"\xa8\xaav&lt;\xc0\xb1\x14\xfac\xafQ\xaf\xa7\xa5\xe1[\xd2\x93x+\x13KM\x80\xb5\xda\xbb\xf0r\xcaKC7\xff\xf5\x1e\x01X\xf7\xe3\xc7\x9c\xc9\xec\xf2\x9a\xfc\x01\xc4\x90\x9b\x9a\xaa\xe9*/o`f\xc0\xa9\xcc\xb1\xec\xefk4\x1a{0\xb8\xd1\xf5\xd1[,\xe3\xb1\xd1\x1c\x8f\xc5P\x06\r\x9fn\xe1P\xde4P\xd8\x90\x1b\xd44\xb2\x12\xb51\xc4\x0c\xe3\xb7\xef\x12\x80u\x10\xd4S\n\x1b\xaa\xb5=\x9b\x08\xbf\xb0\xb0\xe1\xa3J\x9dN\xe7\xd0A\x8b_\xde5\t\xb6?\x18\xdc\xc8\xcen\xd6\xbd\xc12\x1b\x8dF}|\xcf\x02\x16\x8b\xc7\xcd\x0c\x06~J\xca/\xb8\xd8\x80\xe56Ii(\x153\x1e?~\x87\x00-}\x15\x8c\xffA[\xb8\xd5a\x10\x19\x8a\x1a\xaao\xcc;\x1c:\x87cff\xc6Q\x89\xb7a\xe5]*\x15\xb4\xd7\xcd:&lt;\xb7T{\xf8\x10P\xaf\x88\x07-\x16\xfb\xbe\xddn\xb7\xc0\x07\x0b\x87\xe5\xbfTR\x9a\xfe\xe9\xa1\x9a\x86R(\x88\xfe\xf8\xd9\xa9\x96\x16"\xb0\xd6\xb4\xcc\x06-\x1f\xe1k\xa1\\\x07\xac\xffsA\xe3\n\xafr\x95\xaa+;\xe1B\xdd\xce-\x88\xa2^oV\x04\x83A\xcb&gt;\xee\xca\r\x1c-\xa3\x8cK"\xa5@\xe1|\x8eE\xc1P\xc0\xba\xfdsb\xb0:\x98\x19\xb9E\x06\xe4J\x07\xde\x81\xcd\xcf\xeb\x00\x02\xe0\x1c\x005\x19\x8c\x07U]O\x9a\x1d\xf8\xe4t\xa7[5\xa80+\x14\xc1\xc1\xbe\xbe\x8d\xfd\xc9\xf2\xf2\xc9n\x8df\xc3\x9eq\x9a\xc2\xa5\x7f\x98^[+\xc1\x10Z\xb1\xa8\xf8\x88\x08\xac\x96W\x96\xcf\xff]\x98\x91\xc1G\x00+\xd1\x16B\x7f_\tP\xf3\xcd\xd9\x1a\x8b\xdeh\xde\xd8Y\x06\x0fV:t\xcb;]\x1a\xfb\xe0`\x1f\xec\xccA\x95JS\x0e--\xce\xa5\xd1\xa4RE\x9b8V\x0f\x15a\xb0\xa8\x8c\xa3\xbb\x84\x04\xd1\xf24\xdc\xb0\xc7\x82\x82\xe6\xca\x1a@\x85\xc3\xe1\xca\xe6fGx~\xa4\xda\x1e\xd7\xcb\xfd\xb1j\x87#\xfc\xa3c&gt;\x1c\x9e\xcf\xee\xd2\xe4\xa5\xda7 \x92\xe6\xe0\xc6$\x9ex\x93\xdd\xdd\xdd\xf0,\x93\xdaTUP[;\x80\xd1\x8a3k\xd0\xe3\xc7\x04\xe8i\xcbA\xe1V\xf5\xbe\x825\x81\x88\x12X\xc05\xd2&lt;\xff\xd9g[\x93\x96\xb8\xde\xe8gQF\xc2x+]\rMb\xf5d!3/\x95\xa9\xd9\x83\xb4\x8f%r\x0b\x0c\x9c\x95e@\xa0\xb6\xa9\xcd\'\xd1\xa26qY#\x8d\x18\xdd\x1ai\xae\xde\xe7\xe4\x8e MW\xd6\xd6\xd6\x12X\xd97F\xb6\x9e\x02\x95\\\xcf\xe2b\xa9\xb9\xa8\x9a\x04\xc5|!\xf4c\xb9\x99t:%\xaf\xcc\x96\xa6\xd7\xc7@\xd5\x12\x02\xb2\x8fcI\x06\xf2kkK\xa5G^=\x0b\x15\x1d\xfc\xf4\x1b\x96\x96\x96\x17\x10\xb4n{\xc3\x08\xc2E\xb4\x1d\x1dkk\xe1\xf0\xd6\xe4\x16P\xc5\xf4r\xb9\xffs\n\xe6\x97n\xffu!\xc2\xcdcB\x97Hr\xbe|\xb9\xe2g\xc8\xbcF \xc6\xc1@oSOg\x1a\xc6$\x9b\xf9\xb5\xf9\xa5\xae\xa3\xa8Q\xcf\xba\xfb\x9c\x80\xc3\xe7\xc4\xfb?\xbe\xc1\x12\xd1\x9b\x8a&amp;\x00\x0c\x8f\xdf\xe4\xd3\xd4\x18K\xee\xfa#\x1d\xa3`.\xcf\xf6\x94\xd3\x19\xa2\xe62\xf3H\x91\xed\x85m(\xc0\x94R\xa3\x11*\xd68\x88\xd7\xfe\xbe\xdd\x82cI\x00\xeb\xd2\x85\xa3#\x9b\x91\xf1\xed\xfbD\x1c\xd5\xef\xbd\x9a\xaf\xbce)\x1cA\xe8\\\xa4\xa6H\xab\xedX\x9b\x80\xc0pP\xb9\xd4\x95\xb2\xf9\x1f\x8c\xce\x16\n\x85\x91H\xa4\x04\x13\xb3B\x01\xa5\xd3\xe9\xf39\x03.\x1a~\x83\x91\xc6\x88\xe1r_F1\x8c\xf5@\x10\xf1\xdc:\xf2\xda\xfc_\x11qK\x96\xf4\xf1\x81C\xd75\xc8\\3\x9c\xa3\x8b\xb2\xb2\x8a&amp;:\xb4\xfb\x96L\x0b*\x0f\x84\xd8\xf5U\x03\x03\xe7\xdcs\xb3s`\xa6\x10\x0e\xe5\x1b\x1a\x1d\x85j,\x84\xd75R\xa5\x94\x16\x070\xce[,\xba&lt;z\x14=\xa6\x1f$\xb5\x10\x80\x95t\xdf\xa1\xdbQm\\\xe6\x03\x165\x8b_\xa4\x9dH\x85\x03\x8f\x16\x11\xce\xba\xdd\xf5\xf5\xf8\xe0\xc6\x9a0\xa1\xd0\'\xe0\xb5\xf3\x04C7\xad\xc2^6\x98I\xe8\x94\xc9Y1NL\x8c\xbc\xc1\xbad\x8b\x1e\x1dy\xc7\x9e\x13Q\x06&amp;%\xbdx\xa0\xd3-\xdfbf\xd17\x11\x03\x9f_TTs\xda\x12\xf3\x07\x84s\xab\xabn\xf7\xac\xd5:*h\xaf\x1b\xee\xec\xac\x13\x08\x87\xa6[\xcf_\x9f\xeel\xe3\r\x81\xc3zgMB\xa1S\t\\(*\x1a\xeb\xa9\xca\xbf\x97/]9\x82\xe4\xba{\x8a\x98\xea\xf4\xd4\xf7P1,3\xb3\x06$|&gt;\xdf\xc0/\xaa\xb1X\x18\t*\xf0\x13&gt;\xca\xe2\xb5O/v\x9e\xbf\xbe\xe8[H\xfc\xdf\xa0\xf5\xfa\xf5\xe9v\x81`\x14|\x96\xe0BQt\xb3\x07\xc7J\x9f\xda\xf6\x92\xe5\xa4?}L@\x0c\xc1]\xef|\x7f\xf9Fsva\xcd\xa6\xe4\xca\x15\x00\xe3g\x95\xa1R!`\xcd\xdd\x14\x08|\xc2H\xef\xb5k&amp;6{\x96\xcd\xfe\xe1\x87\xd7\xaf_G\x9cCCC\x82\xa1\xa1\xf66|\x96\x03\xbd\xa4\x8c\xd5\xc8\x1a\xc8\xef\xa9\xaa\xba\xf7?^\xee?&amp;\xad\xfd\n\x00xm\xff\x10L\xdenMc\x7f\xa5\xf1R\xb8\x98\x00\xca]\x1b\xdb\r\xc2\xee\xa4Th\xc6@\xfc\xc1J\xdf\xa0\xd8G\xad\x90\x85\xa5&amp;J\xd4\xd6\x04\xf6\x0fD!\xd2\xaetS\xe3\xb3\x89\xf5\xe9\xab\xee\x89]\xd7\xba4\xc4\x10[\x9d\xe9\x1f\xa8\t/R\xa3\xef\xb5\x8bU\xb2\xe8\x12\xed\xda\xa8\x89\xd99\x17\xb3\xed\xef=n\xbf\x8a\xd1\xff&gt;9\xe7\xdc\xc3\xf7\xcb=W\xe6\xab\xfbJ\x9348\x9b\xa5\xbb\x18\xfcT$\x08-\xfc\x86\xcb\xee\x0c\x82\xabYz\xe9\xfc\x0c$\xa9\xbd\xba\xb5\xba\xc6C\x8e\xe3\xda\xdd\xdd\x1d\x1f_]\xdd\x805\xc0.OM\xf5\xe8($\xb3\xdd\xfbHT_\x1cR\xc0\xf2\x13\xc2\xf2f\x01=\xb8\x92\x95`\xe1\xb6y\xea\xd9\x9d\xdf\xff\xf6of\xbb)\xe8l\x16\x98\xc5\x97\xa2p\xa6\xf6V\xb4v\xfa\x00\x10\x85\x179\x8e,\x80mD3\xa8\x01\xfd\x80\xa6\x06.\x80\xd1\xd6\xeaN\xe3\x15\x03\xcb\x1a\xd6\x0bK\x0c.j$[7\xd1y\xb9\xa9;\x7f\xfa\xe3\xaf~\xa7\xb4\x9b\x9c\xcef\xb3K)&amp;}C\x81\xce\xceGc\xcf\xc7 m\x90\xbb\x9d\x81\x8d\xd5\x8d\xd5U`A\x1e\xff\xf9\xfe\xfd\xc3\xee\x19\xf6L\xe6\xc5\x93\xb5\x16X\x16\x8c\x16)\x14R\x91\xa9\x95\xec\x1d\xf6\x97`\x87\xf0\xe7?\xd0\xf6f\xb5Z\xe0\x02\x16\xad\xd1\xf4\xfbff\xba_\xc2\xa1\xfa\xfd\xea\xea\xea\xbb\xd5\xd5]x-/\xbf\x83,\xeell&lt;\\[[\xfb\xb2{f\xac\x06\xab\x9e\xac\xa7-\x16\x0b\xb2\xa2Fr!\x91\xbd\x8f\xb7x\x95\x89;\xbf\xf8\xe5\xb1^\xbf\xd9dbYJ\xad\x87\xd0i\xbe\\ky\xf0rg9\xbd\xb9\x99N\xa7G\xde\xa6\xd3\xd3{\xf0\xfb\xe6\xdc\xe6\x1c\xb8\x1e\xb4\xac}\xd3\r\x97B\xc0c(\xa6-\x8c\n\\d}\xb1k\xea0\xaf![\xac\x03\r9\xeb\x1f\x9f\x8d$\x16\xcc\x02\xb9\xc0e0(\xa5\x94\x8e \xa8\x99\xb5\x96\xd6\xfe\xde\xa9\xed\xf4\xde\xfa\xdezlv{o}v}\x1ah\xe9\xe9w\xef_&gt;h\xfc\xbe\xd3\xa7\xd7\r\xf9he1\xcd\x10*\xc8\xe2\x85K\xb2`"\x9b\x03\x82\r\xbc\xca\xc3+\xf9\x87\x17\xed\xf8\xc9\xa4\x81VJ\r:\x1d\xb3;&gt;\xb3\xd6&gt;\xb1\x95\x9a]\x9f\x8d\xad\xc7\x96\x96R\xdb\xb1Xl{=\xb17\xb2\xbd\xfb~\xad\xa5\xa5\xfa9\xa9\xf7\xf8&lt;.\x03ea\x18\x8b]\xb18\xe5\xfc\x98\xc8\xcd\xf2d\x19&gt;\x9e2ew\x99\x05.\x9a6\xb8\x0cZ\x1d%\xb5J\x07\xfa\'&gt;$b\xb3\xb1\xa5\xd8\xca\xd9\x95X\x02X\x89\xc4l*\x95\xf2\x8f\xad}\xffr,\x1a\xf5h|\x8c\x81\xa6(P\xf9\x87?\x1c\x8e\xadd}\xba\xb9\x01\\\x1f\xfcq\x97\x19\xa2\x05.\x8a\xa0\x94\xd6\xa4|ww\xf0m*\x01\xa1:|ve\tT\xb1\xd9Db\xe4\xed"1\xf6p\xa6/J\x8a\xa0\xcf\xd2\x06\n\xf2\x1d\xb7\xdb\x87_Wr2\xaa\xcb\xe3\xdd\xfd\x0fKIy\xf4J\xb95\x99L\xce\xcd\xbdHo\xaf\xa7R\x89D*5;;\x9bz\xfb$2\xbe\xb1\xb3\xb33@\x92\xa4\x1bY4\xb0,\xb0\xdd\x9a\xe0j\x80\x98\xb72a\x89\xbb0\x89\x06\x03\xa9\x87\nK\xc2\xae\xb0gn\xee\xf6\xf4\xde3g\xa4\xd7o\xef]\x18\x8c\xbc\x83F\x01\x9d^O!K\xa3\xd1\xbbh\x82`Bv\x85b\xf1(W\xe3\xc3\xf9[\xaaP(D\xd3\xb4\xcb\x05\xd7\xa3A\xcanV\xe7\xe66\xd3\xd3\xd3\xe9\xb9\xb9eh[\xf0\xfdn|\x9c\xa2(\x9a$\xf5Z\xad\xc6C\xbb(=AAw\x18\xde\xba\xcc\xd1\xb05\x8f\x97P\xa8,\x16\x9a\xa2!\x95q\xca \xb5&amp;\x81\xd5\x83\xae46\xac\xf4&amp;\xda\x805\x1e\x8fS\xa4\xde\xed\xf6h\xb4.\x03\xa1\'\x18\x95J1\xfc\xa6\x923\xd6\xca"c\xa1\xc0\x152\x9b]q\x17n\xa1o\xddL&amp;\x97\xe7@\x96ye\xa2\x05\x11\xa5H\xad\xc7\xe3\xd1\xd1\x90\xc3\x0ck\xf1$g\xa3\xe9\xbc\xcf\xb6T\xc0\nQT\xdc,\xb0\x9b\x9b\xadVu\x8f\xda$\x90\x82e\x19\x17\xd4\x15\xa6\x90\xd0\x91\xc0\xd2\x83\x8b\x08\x85\x08h\xbc\xc0\xba\xfa\xa1\xb0\xe1\x00W\xac\x9c-\x85\x85\xa2,\xd0\x1d\xec\x11\x7f\xc4\xa4N&amp;{z\x9a-D(&gt;N\xed\xefg&lt;\x9a@\x8d\x8f\x80\xd2\x82\xca\xd2i\xa9\x10\x83\xac"\x95\r\xae\xc3\x03\xdc\xb1F\xfc\x0c\xa8XV$b\xba\xd9\xf3\xf3\x9e\xa4\x80\x08\x0c\r\x05j\xeeuz\xbd\xf7puv\x0fQ4\xb2t:\xa8uT\x01\xeb\xeaV&gt;\xa7\xac\x88\x85\xa1p\x85\xfc\x91^g\xf0\xe6\x8d_\'\xadq\x1f\xec\xe6\xc3\xa5\xa5\xe1pm[\x18v\x86\x1a\xd2@\x93Q=A\xe8\x18\x0b\x03*\x07Sd\x9bx\xc3k\xe0\x8e\x95;\xd2\xebW1\x08\xb3\xd8\x81\xe5\xbcu\x1b\\\xf2\xb8\xa6\xba\xb5\xa9\xadQRZ\xda6Z\x1d\xd0\x92\x86+\x17\xa0=\x10\xf0\xb6\xc9\xa6\x90)*\xc2\x1c\xf28eE\x14\xc8\x82\xfd\x93\xbfw!x\x0b\xb6\xd27zz"&gt;\xef\xbd\xa6Fp\xd5\xb6\xb6\xeb\x0cJe}\x14z)1\xefp\x149p2Ce\xbb\xca9\x0b\xc3\x05\x01c,\xc0\x1a\x0c\x02\xeb\xf3\x17\xb7\x9cL\xc0\xdb%ill\xa9m\xf5jH\xa5\x92\x8cB\xb0\x1c\xa8r\xa8T\xecm\xfd\x89s\\\xb3 \\x?X\xa5\xf0/@\xb8&gt;\xbfq\xfbE\xb3E\xd3\xee\xad\xa8m\xab\xc5\x19\x831\x8dV\xeb\x86\xc2r\xe8\x1c\x08\xb3|"\x16\x9c\xdb\x19\x87\xc5\xa2\xc2\xc6\ri\xec\xb1\xaa\xcd\x84&amp;\x00I\x1cm\x82\xef\xd6\xeaG\x8f\xbakf4\xfd\xfd\xf3\xf3\x10,\xbc\xa5\xcd\xce@p\x1f\xad\xe6H\x88m\xdbP1\xc3\xbdpZ\x06\xd4\x10\x1cr\x9a\xc2\x10,8\x1c\xb2\xa7}\xaf\xb7\xfd)\xb0\x8al*v\x8eE\xa1\x988\xce1\xcb\x19\x89\xd8)l\xdc6\x9b\xed\xf1\xe3\xf9\xfe\xfe\x00 :**\x9apV#&lt;\xda\ng\xec\xd1\x8a\x8a\x8a\x8ev\x9c\xc9PAuA\xc5+l\x13G\xb9e\xc1\x89,\x12\x893\xd8#m\xb6\xa7\xf8I\x8d\xb7\xab\xeb^WS\x134\xae\xd2\xb6\xb6\xda\xd6V\xf0A\xe0&amp;;\x9eB\xac\x1c:\x9d\x03+\xd16q\x92cV/\x8e\x1a\x84XW\xd1\xab\xf6\x8e\x8e\x0e uu\x85\xc3m\x92F\x89\xa4\xb4\xad\t\x93Y+\x91\\\xeczj\x03\x14tzFU\xa4Pq\x9b\xc4\x9c\x11\xa7\tYf\xdcr\x12\xc4\xab\x8e\xae\xc9Ih\xee\xe1\xa6p\x18g[ `\x99\xdf\x8f\x1c9\xdd1?\x0f[\x08-l\x1f\x18\x88\xd7\xa7aI]\xb0E \x88\xaf;&amp;/^&lt;\r\xb9\x83\x08I\xce\xec\xcf\xdc\x84\xdb@ub\xf2\xeb~\x8f\xc7\xed\xd6\xea\xa1W\x80\x8c\xdb+1\xc3\x92\n\xa4f&lt;\xcf\xe85\x81\x8a\x13\x92\x13\'p\x0e\xa84\xefL)\xc8J1byyy\xa7\xbd\x1a\x88U\x19\xb2\xf4\xc8\x1a\xae\xe2\x9c%\xc0\xc9\x0c\xa5\x81\xdd%\x04&amp;\x8f\xe0\x90e^\xa3\xe4\xe0A\x89\xe4L^)\xfc\x85OFU\x040VF\xb7\x16\x16\xb8\x8a\x86\xefr\\\xf2&amp;\x93L*\x96*a\xc1I\x83\xa6\x86\xba08\x8d\x87\x0e\x1d&lt;\xc8&gt;\'y(\xef\xd0\xc1\xbc\xb6.P\x95\xed/7\xd6\x17\xc7\xac\x0fN\xa7U.\x13\x8b\x95b\x84)]\xe6\x90\xce\x1b\x06\x18\x80\xf09\x90\x1f\xa3\xabt\xb2F\xe3\x86P\xa1\xc9h4\x82\x0bXo&gt;\x05K*fef&lt;\xfbSC^l\xa5x%\x9e9#i\x83\xb7E\x9f{\x1f\x84?\x8c\x90I=3\xfc\xba\x81\xc3\xfd\x16?\x05,\xabL\x8a,\xb1Y*\xc0\xcfR\x05.\xbd\xaf\xfbQg\xf57\xd5\xd5\x15\x15\x9d\xdd_\x8c\xf5iEencf\t\x85B#\x1b\xad\xd7\xdc\xa9\x80\x95p:\xd5V9\xb2\xe0\x95a5\x0b\x94\xa4\xe7\xf9\x17\xbf\xf9\x0b\xde\x98\x1e\x03F\x99\x08\x83\xd5\xd7\'d\x97\x91e]\xfd\x17W\xbbS\x1e\xaf\xb2ri\x0b\xa3%\x97\xb1,)\xb0\xe0\xc24\t\x94\x06\xb2,s\xaf\xff\x1a(\xcap\xac\xac\xcc(\x14\xfe\x97\xa5\'l[\xb9&lt;\x8eT\x85\xa7\x96\x16\x87\x07\x9dj\xb5\x1cg\xb3@%\x93\x9b\xf0\x93g\x99\x18\xf6\xee\xa2\xb2&gt;\xe1sD@E\x81\nX\xd7\xaee\\}\xd0%\x88\xa2\x89\xbb\xfcJ\x0e\x1e\xe6\xac\xe4\xe7\x9f\xba\xbc\xe5\x88\x0c\x06\xd5l\xb8\n\xc4R\x19\xb0\xd4j56\x0ce\xf1\x85hy\xc9~G\x10eX\xf7\xf7YF\x96\xf5\xf8\xdb\xaa\x93Y~j\x92WY\x98\x9f_x\xaapeB\xd5\x8b,\xb9\\\xc6\xaadr9\xb2\xe4\xd0_\xc5W\x8a\x8b/\x9c\x8f\x96\x8b\xf6WY\x9dPx\x1f\xbe\xb0\xd4X\xd6\xfc\xdf__?\x9e\xbd\xc7\x13yXR\x85\xb9\xf9\xe0*\\Z\xf0/\x04a?\n,\x88\x90LV \x95[\xd5\xa8\x84\xbf\x0b\xe0\xd2\xac/&amp;\xcba\x9d\x8fFE\xa2:\x08\xd7\xfd\xfb\xc2\xba:\x08\x9f\xd6\r\xac\xbf\xfe\xe3\xfa\xf5s\xd9q\xa1\x89\xcf\xcf\xcf\xcd\x05Sa~\xe1\xd2`\xef\xe0\x93`\x0f\x1b.\xb1\xb8@VP \xc3p\xc91l\xf2c\xc7d\x10\xb2\x0b\xb8H\xb2\xbc\xa4\xae\x0egl\x8cuu%"\x11\\\x8aE\x8eW\xdfU]\xaf\xba~\xb4\xf0\x07\xc3\xd8\x82\xca\xc9\xc9\x05\x16\x9f\xcf\x07\xd8\xca\x94\x13Xj\xb6\xb8\n\xc4\x05\xb0 \\VP\xca\x00u\xec\'?\x85\x88A.\x8b\xd9q\xca:v\xe1T\xa5\xa8\x0c\xdf\x15\x1d\xaf\xbe\x05\xd6\xdd\xbb\xc7O]\xfe!\xb0L\x91\xe7\xc0\xca\xfdYn\xfe&gt;\xebc\xf0\xc9\x93\xe0\xcd\xffa\xc9dl\x16!Z\xb2c\x10&lt;\xf1\x95+\xf5\xc5Xd\xe5%8\xb3TV\xc2\xb2D\xf8\xd8\x83\xe3\xe9wU\xe7\xc0Uu\xfc\xdcY\xfcG\x1f\r\xff\x1f\x8a\xcf\xcf\xcd\xf9\x0cQ\xb8\n\xf9\xac\xebGoo\xb1,\x84\x14dT\x98E\xabu?\x87\x97.\xfd\xbb\x92\xfb\x07m\xe3\x8e\xe2\x00\xee\x83\x83\xc3\xe8N\xdc\tt:\xcew\xca\x10\xc2\x1d\x98z8\x90u \x0e\xd3\x80\x13\x8b,\x8d\xa0\xa8&amp;\xa5KE\xdcn\x1a\x0b\xea\xde\xc5\x93\x96\x0c\xa2S\x87\x0c\xf1TD5\x85lY\xed\xa5\x05\'d\x88\xa0KWc\x9b@\x87~\xdf{\xbf\xdf\xe9\xe2?$}&gt;\xfds\x06\x7f\xf8\xbe\xf7\xfb\xdd%\x91|oo\x1f\x8d$\xd7.\x93v\xbf\xd8\xc5*x\xf4\x00\x7f\xf1\xff\xe3\x9f\x0eX\xc8k:\x1d\xc5\xed(\xfa\xdf\xef\xc5\xa3_\xe5\xe3Y\x06\'e\x91\xabhKZ\xd6\x87\xc9\xfcr&gt;\x9e\xd18!\x1aRmnm\xa2\x8d\xddV\xdej5\x9b\xfd&gt;\xb7\xf1\x80Yp\xd1\xfc\xd3\xda|D\x9f]\xf9\xeeMG\xbb\xdeO\xf1\xd8\xa95\xd6?\xff\x1fS\xb9y\x96\xa0\x88T\xb2\x00{|r(\xaco\xbb]v\xa1\x91\x08\n\xafP\xad\xb4\xd9o\xf6\xf7\xf6\x0fH\xb5\x8d\x83\x17%\x1d\xec\xfa\xed\xdfA\x10tF#\x808\xb1\xf7\xd3\xe9\xa0cG\xeb\x9f\x03\xa3\x95\xd7\xd6&amp;\x81\x81U\x94\xacw\xf3\xc3\xcb\xc5x&lt;\xfb\x13\xf9`\x96\xa8\x93[\xdd\xeeV\x0b*\x8e\x0b\xac{4]\xbc\x1e\xb7\xa5x\xb6\x1e&lt;\xfc\xfd&lt;\x00\xab\xc3\xac\x01\xd3\x06\x03\xec\x18\xa1\xe9}j\xf3\xa7\xa0\x80\xb2\x12p\x12p\x92\xc4Hh\xb2\no\xdd\x13\x97s\xf4\xd5\xe5b2\x9e\xed\xf4\xc0Je\xbe`\xcaY\xd5\xda\xdcL\x9b\x98\xad\x83\x03\x1a{\xa2\xe1\x86\xb8\xee\xec"\xad\xef\xff\xea0\xab#\x81\x8d\xa8\x06#\xfa\xde\'`&lt;Q\x91\xa5Y\x042\x84\x85\x9dK\xb1\xbc\x97\xcf\x0f\xc1\x1a\xcfzp\xf0\xcc\x93+\xa7\x1e\xe6\xdd&lt;\xcf\xd3\xfe\xc1\xc1&gt;\xc1\x14\x8e#\xbb\xb3}\xf7\xd1\xc3W\xd3 \x10\xd7\xa83\x92\xc2c\'\xa8\x85\xbe\x9f\xb9\xd1m0\x19s\x8b\x87)\xe1\xf6%\x14\x97\xa4\xb5\xae\xab\xed\\\xfc\xba\x98\xc0\xb5C\xa3\x84J\xfb\xcd\xb4\xa5\\\xc8\x8bfkOj\x9f\x87\xec&gt;\xa9\xb6\xef\xdc}\xf1&amp;\x0c\x02\x05\xe3\t\x83\x8f\x9f\x07\xa1\x9fe\xb1\xe9:7\x0c\x19\xfdw\x0e\xcez\xe20\xa8y\x14\x17\xbb\xae\xb0\xda\x7f\x9f\xcd\'(b\xc1\x95\xe2.m!\xa6n\x8f\x87\xab\x7f\xafOo\x19\xdc\xa3\x1b\xbdw\x9e\x87\x1f\x9b\xfe\x8b\xf3\xa0\x86*e\x8c\n\xe4;\xa1\x9d\x99T\xc3+0\xd98-]\x89\x8c&lt;\rV"]\xf4*\xac\xf6\xbb\xa3\xc5\xe2\xe7\xc9\x135\xe2\xfca\x9e\xbc\xd7\xed\xf6z\xe8"\x07\x08\x12\xd3\xd8u\x7f\x97\xceE\xaf\xde\x84a\x18\x84!;j\x81\xa8\xf0"\xe4B\\f\xe6\xa2&gt;Z\x964\xe7+\x14L\t\x1d\xaa\x7f\xdc\xd4B\xe2\xc2\xe0\xb7\xc9\xf5a\xb1\x98&lt;\xa5tR.D\x06b\xb7G\xa3\xd5\xdcC[Qi\x9fhj\xf8\xbfy\xfb\xde\xf7E\x10rf\x1c\x15b\xc2X\xf96\xdd\xb2\x0c\xac:`\x95V\xb6\xb9}\xabR\x9e\xc4\xd0,C\xc5%,\xcf\n?\x80\xf5d\x87\xdb\x86J1\\4_9\x1b\xb1uA\x962\x0es\x86=\xff\x97\xb3\x81M,_\x95\xea$e\xc5 \x94O.b\xb9\xeeP\xff\x06*l\xde^\x91TT\xe2J\xf4\x16o\x94qI\x17=/;\xbe\x84\x0b\xb0\x9cf\xbd\xa5p\x94\x9e\n\xf0\xd93\xc8\x04\xf6\xe3\xdb\xf3\xc0\xb6)\x13_\xdda\xb6T\x03Y\x15gq\x9cI\\T\x80\xad\xf3U\x7f\xa1\x16\xa0\x91|\xc4\xb2JVe\xe8\x0bRyV\xfd\xe5r2&amp;W\x8f?\xb6\x95\xe7|\xcbs\x8e\r\xb9)]\xbf\xf9\xf5\xf3\xa3\x81]-\xdf\xe6\xb9\xe7\xa9\xa2\xee\xc5T\xae\x9b\xf1\xa1a\xbc]x\x9ae\xc8`1\x0b\t\xe1u\x99aQ\t\x0b\xb0(\xca\x8e\x97\x0b\x82\x95\xc5\xc2\xae:r\xeej\xfa\x13P\xb1\x19kR\xcc\xa9a\xb6\xe8`\x15Xf\x8c\xdd\x01\x1e\xeea]\xca\xad[\x8f\xd7t0\x06\xef\x0c\x1cUa]-\xe5\xa2\xac&lt;bEQx\xc2\xb0\xb2\xd8\xc6\xc7\x0e\xaf\xca\xad\x1f\xde^\x0c\xe2\x06\xfd\xc6"A\x89\x00\x00\x02\nIDAT\\\x88\xe2Xt&gt;\x0f}\xad\xc6\xd3\x9e\xd9\xb4ee\xa6\xabD\x9a\x05\xa1\xb3V\xe9W9\xef\xb7\xb1h\xbfg\xd5p\x18\r\xb3\x97\xa7\xe8e\xb7\xfb\xe4)\x8ae\xf8b_/\xffr\xbe&lt;\x1f\xd9\xa6\x19\xe3@\xc9=\xb1x\xaa\x98e\x0b\x8b\xb7\x06\x1d\x94\xe3\xe0p\xe8\xd9\x1a\x9d\x8e\xd5\xaa+neaU\xacX\x9c\xd6F4\xdc0\xdf\x9d\\,\xe7cv\x89\x8cj6\x9e/O\xa7AlJ\xb1\x8a\x80\xb1\xa8\x14\x0bF\x1ax\xfc\xc9\x8a\xe5\xd0\x17\xab\x98%Q%\x96g\xdd^z\xf3\xa2\x0b{RI5\xb2\xce\xc9\xe9\xf2\x12;?]\x85\xcdf\xb3\xc3\xf9\xf2\xe8x\x10\xda\x1aU\x16\xc2\xf2u\x0b%,f\xb9\xae[e\x95\x81\t\xcbPi]\xc3\\eQ\\\x0c\x1b*Y\xc3\xb4\x83\xd1\xc9\xf1\xe9\xd1\xd9\xeb\xd7\xcb\xb3\x8b\xe3A`\x9b\r\xd3\xbc\xae\x82\xabV\xabUFK\xa5\xb5\x1av\xee\x9ffY\x95}\xb3P\x92\xe2:\x8b\xafo4\xcb\xb2\xa8\x8fCqm\xb8\xcc\xb0\x03\xc9\xa8\xc1\xaf\x1a\xea\xb1\x8c\x8a\xd2\xaa\xa8l\xda\x1dp6t\xa9\x87u\xcdb\x9as\x8d\xe5)\xc8\x8d,99zt\xedj\xc9\xdc\xebN\xca\xcfn\xe8\x12\x11=V\xa3R\x1d\xa4{n!\xadO\x98(\xad\xfaFe\xe0\xa5\xd6,um\\X\xceUI\x81\xd6]\x1f\xb02-ndCsD\xb8\xa2m|\x9c\xd6*+5Y\xb4i\x91\xca\x1dr\xd5W$f\x15L"\x9a\xe3TO\x8ct]\xa3\x8dE\x89-d\xec=\x96\r\x87\x1b\xda\xa3\x83S(Sh\xa6$F\xd3\xcea\xf1"\x0c\x15\x0bk\x93W\xe1P`\x15\x96AiY\xd4&lt;\x8a,\xa2\x0b\x89\xc82V\xfb\xc5\r\x8d,\xb0U\xc8\x8aEX\x80\r+"\x1a4yfRZ\r5^1H\xa1\xf4\x90X5_\xad\xc3X\xb1PN\x95e8\x8a\xa5\x06\x0b\xac\x08\x899\x91\x08=\xeb\xe6\xf5Y\xa8\xf3UT\x99{\x98L\xddKyT\xa9\x992U\xa1\n\xaa&amp;\x97\x12\x92\x96\xab\xd2r\x89\x05\x0b\xee@2\x88\xf5\x1fL\xb28ZUgu\xa2\x00\x00\x00\x00IEND\xaeB`\x82'</t>
        </is>
      </c>
      <c r="M363" s="3" t="n">
        <v>45492.67708333334</v>
      </c>
    </row>
    <row r="364">
      <c r="A364" t="n">
        <v>981733</v>
      </c>
      <c r="B364" t="n">
        <v>1967</v>
      </c>
      <c r="C364" t="inlineStr">
        <is>
          <t>Christian</t>
        </is>
      </c>
      <c r="D364" t="inlineStr">
        <is>
          <t>Christian</t>
        </is>
      </c>
      <c r="E364" t="inlineStr">
        <is>
          <t>VOL</t>
        </is>
      </c>
      <c r="F364" t="inlineStr">
        <is>
          <t>VOL</t>
        </is>
      </c>
      <c r="G364" t="inlineStr">
        <is>
          <t>VOL/MC</t>
        </is>
      </c>
      <c r="H364" t="n">
        <v>178</v>
      </c>
      <c r="I364" t="n">
        <v>88</v>
      </c>
      <c r="J364" s="2" t="n">
        <v>36878</v>
      </c>
      <c r="K364" t="inlineStr">
        <is>
          <t>Right</t>
        </is>
      </c>
      <c r="L36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85a1ecb7-a1f2-4692-8664-aff3f411e60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!\xba\xe8\xf6\x00\x00\x00\tpHYs\x00\x00\x0e\xc4\x00\x00\x0e\xc4\x01\x95+\x0e\x1b\x00\x00\x03\x00PLTE\xff\xff\xff\xfe$&lt;\xfd0I\x12\x10\x16\xfe!9\xfe.F\xfe3L\xff\xfe\xfe\x15\x14\x1a\xfd,D\xf5\x0c"\xfd\x18/\xfe6P\xfe\x1f6\xfa\x0e%\xfe)A\xfe&amp;?\x1a\x18\x1e\xfc\x13*\xc3sW\xbahO\xfd\x1c3\xb9dJ\xf6\x14*\xbdpX\xb2bJ\xef\x12\'\x95N8\xbdmR\x96R?\xc8y^\xc2u]\xae_F\xec\t\x1e\xf1\t\x1e\x9dT&gt;\x8eK7\r\x0c\x12".F\x88J9\xdc\x03\x13\xacY?\x9cO8{=/\x8cC0\xe9\x05\x19\x1e\x1c#\xabT9#!(\xbfiN\xb8jU\xb8`F\x9eG/\xa0XB\x8fO=\xceva\xa5W&gt;\xc2nS\xf8\x19/\x94B+R!\x1c\xe2\x05\x17\xc7mV\x83D3\xc9sZ\xa6ZC\xab`M\xd4\x01\x0er8+\xb5fOl2&amp;\xa3S;\xce\x80e\xb1Y&gt;g6/\'%,\xb3_C{H?\x14\x1c.-*2\xdd\x98\x81e.#\xc1cK\xfc#:\xfc\xfb\xfc\xa9_E{8)\xd6|e\x8c&gt;)\x96H2\x8bQDpE?\xbbY&gt;H-+\x82OFq=4`&gt;;hGF\xcdiN\xaffR\x83&gt;.\xca\x02\x0f\x91F2\xc8}d,\x1f "\x1e!\x1b%9\xbf\x03\x0f\xa5J2U63\xf7\xf6\xf7H\x16\x13\xa3O6\x9aWE\xc4gO]$\x1e\xda\x8f{\xf9\x1f5\xadM4%\x17\x19S-*\xa3[I6""\xbbra\xd0qZ=\x13\x11\xe3\xa7\x95\xb4\\C\xda\x87u\xd1\x08\x18\xe1\xa1\x8cp\\c\xc1kX\x99\x8d\x96\xa1\x96\x9e\x83VR\x1f\x0f\x11\xc5]C\x85:\'\xac[Fj?92/7\xd7\x80nzB6\xd2\x86n\x86_^\xd1{j\xb0kY\xbe_D\xc1wf\x0e\x14#\xa6\xa0\xa7\xa1`R4)+\xd2\x8buYV]^72\xcaaIJ56\xf3\xf0\xf185=\x94VL\xb6S8\xd1mU\x87il]/(\xfe\x93\xa0\xb4\x06\x14t3$jPU&gt;,,yNJ\x8etx\xe5\x0e"\xe5\xe2\xe3\xa7g[\x82{\x82gciJHNV;;\x8aXR\xee\xeb\xec\xfb\x85\x8f\x91|\x83}2#\x83ow\xdb\xd9\xda\xdb\x98\x8b\xadPP\xaf\xa8\xaf\xd9s^\xda\x0c\x1e\xd4\xd0\xd1\xcc\x86r\x8a\x89\x92\xb9XV\x95\x82\x8bD"!\xf1\x1e4\xfe\x99\xa6\xc7\xc1\xc4[CEydj\xfc\xf6\xf6\xfe\x8d\x99\x89?&lt;\xe8\x1d1\xd5%3@;CwVW\xf5\xdf\xe1\xc2\x7fn\xafQD\x97FB\xbeTE\xb9\xb6\xba\xd2\x8f\x83\x8ecb\xa1MJ\xcdfjvt{\xa618\xc3\\]\xa1mi\xee\xbd\xc2\xee\xcd\xcf\x99`Y\xe8kk\xd7qy\xf9\'&gt;\xd7RW\xe8\x81p\xedDT\xe6}\x88\xcd&gt;H\xebTa\xba+2\x8e\x96\xa3\xee\xa8\xae\xa2\r\x1a\xb0xq\xf1.C\xe63E\xf58M\xc4\x17%\xd9\xb3\xb1\x98/8\xb9AH\xbd\x97\x9a\xef\x8dz\xe4\x99\xa0\xae\x88\x8a\x8c!0r\x1e+j\x0b\x16\xc1|\x84)7\x93\x10\x00\x00 \x00IDATx\xda\xc4\x98\xddO\x1a\xeb\x16\xc6M\xb8`n\'g\xa7\xb1q\xd3\x9a(1\x8a\x19FAq\x87\x1dQ\xa3(L\xc9(\xc1O\xa4\xf8A\xba\x87\x04\x89e\x1b\xa1`\xd4t\xd7Z\xad#Z1n\x1c\xd4\xa9\x95\xc4\x8dF\x01K\xdab4hj\xd2\xf6\x8a\xc6\x0b\xdd\x89\xc9N\xfa\x17\xf4\xfa\\\x9d\xf5\x0e\x9e\x9c?\xe0\x8cv\x15\xac\x1fM\xe6\xd7g=\xef\xb3\xd6k^\xde\xffUR\x8bE\x8a\n&gt;Z62G\x17{\xf0I\xde\x0f/\xcb\xde\xc5Ez/\x9dI\xa73\x99\x8b\xa9D2\x19\xcf\xec\xa5,y?\x98L\x9a\x8e\'\x93\x1c\x97\xe08.\x99\xccf\xd1\x8b\xe3\xae.6\x00\xeb\xc7\x91I-\xa9\xe7Y\'E\x13$EQ\xb8DBP,M\x93\x04\x9e\\\xd9\xdbK\xb9-?\x04\t\xca\xbd\xb7\x92\xe4i\x9a $8E`r\x0c\xc7p\x12\'\xe0\xeb,\x97\xb8:J\xbb\xa5\xb7n3d\xf0\xf4Q\x02\x84\xa2\t\x9c\xc0%\x04\x8e\xc9%\x18&amp;\x81?8\x86a\xb8\x04c\x13\x17\xa9\x8d\x94[z\xdbV\x8fs,\xc8\x83\xe3\xf2\x1c\x0fh\x06%\x97\xe0\x04\x81\xe1\x04\xa0\x11\xc9\xf8\xd4\xe9J\xda"\xbdE\xa92W&lt;R\t\x07\x009\x82A*\xe1\xf0\xb7\x1c\xf1\x01\x144\x15\xc7\xd9d2y\x95\xb95.\x8b\xfb\x82cI\x0ca\x81N\xa8i\x98\x044C\xc2AI\xd0wH\x02\x15\xc9\xf2|&lt;\xb3q;\xe6GN\'i\x1a:\x88\xa1\xbe\xe1H(\x00\x94\xa0\xde!,x\x0b\xe2\x91\x14N\xd2,\xcf\xad\xa4\xa4\xb7\x91\n\x99\x04\x0f&gt;G4H\x1a\x89\x04\xf32\xe1X\x98a\xbc\xd0J\xb9\x97\xc1\x91r\xa8\x9f\x18\x05\x9a\xb1&lt;\x9d\\\xb9y\xe3K\xa5\xa98\x8e\xa18\x90 ip\xc6\xcf\xc4|\x91\xb9\xb9!_d\xc8wvf\x1b:\xb0\xf9\x9d\xb9\x9f\xc9\x91\xc9H\x9a\xa2\xb8\xcc\x8d\'\x85\xc5}\x94\xc5rQ\x00\xfd#c\x9f\xad\xc1`I\xb1\xecqP\xd7#{\\V +.)1\xcd\xd9\xfc^\x89`3\xd4]H\xb2\xd3\x8d\x1b\xe6r\xa7\x9fs\x14&amp;$\x81\x04#\xc3\x07V\x93\xac\xa0lX\tU\xda\xdc\xac\x1c\x1du\xa9\xd5\xae\xb2\x82\x12\xe3\x90\x9f\x81\x16\x0b\x87\x01\'\x89\xe4\xc5\xdeM\xf6Qj\xf9\xc4\x81a\xe0a(\xac\x9c\xebs\xa6\xea\xe2GZ\xb5\xcb5&lt;:\xba9*\x14p\xa9\xd5\xdd\xe5:{\xd4\xc6H\xd0?\x84 #i.\xfe\xe9&amp;s"\x15\'QX\xa11C\xc5|\xc1\x92\xf2r\xad\x16\xf4q\xb9rL\x9b9.\xadV\xdb\xd5\xa5P\x18\xfd\x98\xa0\xaa\x93$\xf9\xe4\xd1\xcd\xc9%\xb5\xa49\x1a\xd4\x82g9cF{P\xe7\xe8BT\xa3\xd0\xbc\xcd^T\x9bP\x00\xe6\x02\xb0\xae\xf7\xef;\xda\xce\x98\x17h\x12\xc14\xe7WnltK-\xee\x95,O\xc1\x04\xc4\x19\x9f]\xa7\xe8\x98\xedB\r\x1c\x05\x16@\n\xcd\xcc\xac\xad\xcd\xcc\xcc 8D\x06\\\xdbmggg\x10\x1b$Ie\xaf&gt;\xb9o\xc6\xf6\x96\x14\xccf\x96\'\xc0-\xfe\xa8B\xb1\xbd=\x0bR\x8dn\x1a\x00i&amp;d6\xaf\r\x0c\xd4\x0e@!\xb6^\xd0L\xad\x9d}\xbf\xfd\xfb\xafQ\x9f\x17#p\x8a\xe7oh\n\xb93\xa7\x1c\xcf\xd2$\x98\x98\xf1):\x10\x95\xda\xb5\xd9\x1b2\x87B \x13@\xbd\x81\x1a\x10jF\x00S\xa3F\xb6\xfdn\xf4y\xc1\x8c4\x9bM|\x12\xff8B\xb6s,E _a\x8c\xaf\xb1q\xfb\xfdl\x97\xda\xa5\x0c\x85\xcc\x1e\x8fg@`\x82\xf7\xd8\x98\x00\xb6v\x8d\xa5\xed\x02\xc1\xf4\xd13/\x0e\xa9JS\xc9\xb8\xe8\xeb\x84\xd4}\xca\xb2\xb0\x82B\xba36\xfd\xf65U/HU\x0b4\xc7\x9a\xe31(\xf4AP\xec\x9a\x0b\xf4\x9a\xed\xd8\xd6\xfb\xfc0\x1f\t\x9a\xa5x\xb1\xa7\x90 \x16\xac\x9d(\x1cmQ\xc0\x12\xdc\x0eX\xe6\xb57c\x9aNMg\xe7\xab\xce\xce\xf9\xceN\xcd\xd8\x9b\\/\xd7\xc0\xf9\xaek\xae\xb63\\\xb0\x17M%\xd2\xa2\xda\x1e\x06\xe1\x15-\xc4(\xee\x0cG\x80\xaa\x03\xec\x0eG\xb07\x14\xf2\x0c\x8cu\xbe\xd2h^\xcd\xcfO\xce\x03\xda\xb1\xd0G\x8f\xc7\x0cj\xb9\xd4.\x81K\x7f\xe6\x85m\x1a\x92\x85\xce\xaeX\xc4\x15\xeb\x82\'\x04*\xdci3\xea\x81\xaaK\xad\x1eV\x1a&amp;\xc0\xf1\x9eZ\x8dfL#\x80\xcdw\x1e\x1f\x1f\x8f\rx\xcc!\x95\xca`P\xba\xae\xe5j\xfc\xd5\x0fr\xc1=\x84dO\xdd"\xa7;\r\rDKT\xd8\x07T\xef\xa1\x85\xc3\xa3J\x83\x01,_\xf1K-\xaa1\rh\xd5\tZ\xd5\x02\xd5\x84A9\x8c\nq\xcd\xceB\xacza\x15\x03,&gt;\x9e\x12\xb3\x8b0\ny\xc0\x82\xd1\x8b\xc7"\xfa\x0eh!\x88\x85\xd4R\x85\xee\xdc\xa9\xa8\xf0x*&lt;c`1d-\xb0{(\xd4\x8b\xf2\x14\x86\x92:\'\x97\xde\xc68It-\xe2\x13\x191\xbd\xb5\xf1\x1c\x9c!\xec\xa2\x02\x96\x03\x895&lt;j\x98\x98\xe8\xed\x9d\x98P\xa9 L\x91\xc5\x90Z\x08K8\x86.T\xc3\x10\x12\xe5\xd0\xc5\xa8\xdfIQ\xb0\xe5\x83\xb9\xdcb\x8e\xc2\x04\r\xd9\x80\xae\x10\x82\xb5\x1c\x8f\xba\x91V\x06Hx!\xe4{C(\xba\x00\x0c\xa95\x90\x1bA0\x81P#s\xe6\x8a\xc4\x18\xc8a\x0c\xa7\xe9\xab=\xa9x\x99\xb5\xc2\xb2&lt;\x8eVb9`5v8\xca\x11\x96R\x99CB\xa7\xf1M\x0e\xebx\xec\xf8\xf8:\xe9\xcd!\x032\x18`9\x1c\x8dF[,\x0c\x07\x99`\xd9\x84\x88X\x1b\xa7$\xba\x9e\xca\x85\x84GX]\xdde\xd7\xd6B!_\xabA^?\xee\xfc_\xb5\xb4h\xeaj+T\xa5\xc3\xc3\xdd\xda\xd9\x0e\x85b\xce\x17\x0b;\x9d\x04A\xa1\xe4\x12\xf5\x1c\xa2\x95\x0e\xda\x90\xc3\x02\xb9 L\'T\xe6_\xea4\xf74\xafVGF&amp;\xe15?\x89^##\xad\x87\x97\x97\x97\'\xbf\xdd\xafP\xd5\x0cwC\x0f\xedAS\x9f\x8dr\xc2\xe8\xa2\xd8DF\xbc\xe4J]\xa1|\x97 2&amp;jlT8\x1c]]\xdaa\xa5\xea\xa7\xfc\xfb\xbf\x9d\x9c\x9c\\\x1eB\x8d?=l=l\x9dl=\xcc\xd5\xe5\xc9y`i\xe9IQ\xc1#\x87\xc2n7Y\x87\xc2`.\xb8\x9e%\xa7\xc4\xbb\x9d\tM\xfc/\x96\xbe\xb1Q\xa1\x8066\x176U\x06\x96\xcf\xcf\xcfO.\x81k|\xfc\xdf\xe3@6\xf2t\xfc\xf0r\xf5\xfc\xfb?\x8b\x7f\xff\xbd8=\xfd\xd0d\n\xeatV\xeb\xc3\xe9\xfe\xf50\x89\xe3\x14\xcdr\xa2u\x11\xbc\x95%\xd1\xfd\x19\xc3\xbdp\x10\x81\xab\xc3\xa1+\x96\xbd~;\xbd\x08\xcf\xfe\xba\xf8\xcf\xf7\xef\xe7\x97\x87O\x9f\x1e\x8e\x1f\xb6\x02\xd9\xf9\xfe\xceA,\xcc\x86Y6\x16[__\x8f\xcc\x99vv\xa6\x17?\x83\\P\xb4\x88\xe6J\xc5a\xa7A\x11\xef\xf4G\xf4z#pE\x87\x0e&gt;\xaf\xc7\xc2P,\x15&gt;\xe8\xdf\xf9v\xbe\xdaz\x08m\x1ci\x1d9\xd9\xb7\xc6`{\x07u\xe1\x8c\x10\x00\xe7?\xf8\xfauq\xeb\xeb:\\\x18I\x82\x121!RW\x14\x89F\x8f\x136x\xbd\xbe\xad\xcdhc\xc80\x95\xfb\x05\x04A8\x19\xc6\xb6\xb3\xb4\x00N?\x9c\\\x1dY]~{\x10\x86\xff\x80\x13r\x1d2\x05\xa2\x1ds~\xfe\xf2uk\xb1\x9f\xa5\x90\\\x89\xbd&lt;1\xd5BWV\'\x9cC\xbd1\x1a\xb59\xe1S\x0c=\x9a\x81\xf2\xfb\xfd6\xeb`\xcb\xc2\xe4\xc8\xe5B\xcb\xc2\xc9\x925\x06\xdf\x88\xf4\xf5Y\xad\xfd}p\xc5\x86\x9b,\xf9\xd7\x97-A.\x18\x8b\\F&lt;oM\xb14\x8e\x96\x1a\x7f\xb4\xd1h\x04*\xaf\xd7\x1f\xf6\xdb\x86\xfa\xad\xa6`\xd0d\x8725\xd4\xd5\xb5,\xac\xb6\xdck\xb9\xb7\x14\x8c\xdae\x7f\xfe\xd9\xb0$\xd4\xfe\xeb\xd7\x0f\xa3\x0c\xff\xc7\x87\xdd\xad~\x9e\xa2\x84\x8b\xbfhk\xfc\x11\x8b\xae\x87N&amp;\x161\x1aa7\x7fa3\xf5\xbc\xfesp)\x10\x08,\x07\x96\x06\x1b\xaad\xb2\xf6\nOm\xcbB\xcb\xbd:OaQQaSSe\xfe\xf2r P9\x88j\xdf\xb4\x0eX\xbb\x7fd\x91\xe9\xc5\xb3&lt;\xdc\xa5\x93\x02V\xd8\x06T\x11\xbfw\xe8\xedR\xfe\xcf\xf9\xf7\x03\x01H\x87\xf3\xe5\xe5\xfb\x95\xede\xcd\x06\x95\xb9\xae\xa5\xa5\xce\xfc\xa0\xa6\xb9\xbd\xa9\xb22\x1f\x90\x97\x06\x01\xf9n\xd3\xdd\x86\xc7;_&gt;|\xd8\xfd\x92d\x05o\x89\x17\xf3\x99$,\x108\x13\xf3\x01\xd5P\xd8\xd7\xd3\xd0\xf4\xf3O\r\r\x83\xa0\xd7wx| \xffn\x99\xb6[\xf9\xa0\xa2\xae\xce&lt;\xd1\\\xd0]\xda\x04*\xed\x7f{\xdbSR]T\xd5^\xf8\xa0\xbd\xaaz+\xbe\xfb\xee\x03\x97\x05w\x899\x14\xd3p\xeb\xc1\xf0\xf0z\x04aEJ\x9e\xb4\xdf\xbd[/\xab\xae\xee\xf9\xf6m\xfa\xdb\x124\xac\xb2\xa6\xdc\xd1\xad\xbc\xf3\xafg\xaa\x9a\x02\xdd\xa3\xc2\xfc\xc1\'=\xd6\x83\x98\xcd\x16\xb1\xeb\xaa\xabJK\xab\n\xde\xee\xbe{\xb7\x9b\xc8\xb2,-\xe2I\xccKs&lt;\x85\x11\x08+\xd2w`\x97\xd5\x97\x16\xb6\xcbtA\xa3m=\xc6\xd8\xac\xd5/\xf3\xf3\xeb\xcb\x15\xe5J\xd5\xb3gwjJ\x14\x8f\x9a\x02\x8f\x8d\xebN\x9cF\xbf\x83\xf3)\x8ak\xea\xeb\x8bz\xb6&gt;~|\x07]dy17\x1b4\xabqg\x0c\xb0\xfa\xfa\xfa\x82\xb2\x9a\xd2\x97\x8f\x83\xb0\t\xcb\xe5&lt;\xe5\xe4\x0e\x8c\r\xf7\x9bu\x80\x05\xeb\xc4\x9d\xc2bEq\xd3\xbe\xfd/\xb8\x91$\xf1\x17,\xe9\xb5\xd9\x0bj\xda\xeb\xab\xa7?NM\xc59\x90+\x9e\x12s\xe1\xe2I\xb0\xd6\x01@\xf5YK\x8a\xea\xdb\xabt\xb0p\xb2/$\x90\xf1SS\xd3\x8e\x97e\x8a\xc6\xf2\xd1^\xb3\'d(S\xfc\x87U\xf3\xfdib\xcd\xe2\xf8\xcb\xee\xfbk\x1a\x9ba\x80d&amp;\x99\xb4\x9dl\xc5:\xd3\x12L\x7f\xa5Xa\xdb\xb86\x94\xda)\xf6\x87\x90f_P\xd7V\xc2\xa5n\xef\x85l\x0bE\xa9\xadT\x08\x93\xa0H\x81\x9b\xd8H(?jX\xb4\x92\xbb\x02\x89\xb8i\xa2k\xa9WP\x9a\xcb5\x92\xf5\xc5\x867*,7\xd9=\x0f\xded\xff\x81y\x926\xed\xab\xf9\xe4{\xces\x9e\xf3=\xf3P\xb6\xc2\xe0\xe1\xfeh\xff\xef\xfa\xaf\xbd\x9d\xfbS\xff5\xa3L\xcd\xb0\x96\xc5\xbe&gt;\x84\x85&amp;p\xc2\xf5\xf2\xaf\xe7\xff\x001\x04,\xaf\'\xc9\x86\x0cz\xf2\x87o\xfb\xd7\xdf\x8e\xf5\xf7\xf7\xaf\x1f\x1e\x96\xe54i4\xd6u\xb6\x94\x86\xc0\x1c\xb6%I\xed\xceN\xf9\xe5\xc5k\xdf\xad/\xbd\xbc\xd8\xdf\x7f\x95&amp;\x18\x9c\x03\xac\xd5\xb9\xf9\xf1s\xbd\x02bA\xce\x9f8qsla\xdd\xeb\xf5&amp;q\x9b\x81\x91_\xeb_sNe\xd6\xd6\xfc/w\x02\x01\x92\x96\x1b\xe5u\xed\x13\xd0,\x97\xda\xdb\x8cI\x96\t\x85\xe0 ot\xbb\xcf\x9c\xef:}\x86\x04y\xf1\xa9\xde\xbe\xa7\xcfG\xc7o\nh\xac\xd1\\\xeb\xf7\'\xc6\x01+\x93\x89[\x18\x89\x04?\xb3\xb6v\xfa\xeayw\xd2\x99\xdb\xe1o\xb7\x124\xf4\xd1u\xed%4I\xea\x04D-ah\xe5\xb3&lt;N\xfa|t[\x9b\x96\xc5C6|p\xb1\xaf\xf7\xed\xe8\xf8\xf8\x13\xe1\xc6\x10"\xd1\xcc\x1c\xb4pc\x0b\x99L\xc6I\xd9\xeam\x84\xb6Y\x0e$d\x00\xe7\xe1\x80\ta\xf4\r\xda\xe1hoAju\x02I3\r\\P\xd6Z\xabmzh\x04i-\x15\xc0c\xd3\x90\\s/^\xbc\x16p:"\xba\xf7\xf6\xc4\xb9\xf1\xb1\xf5L$\xe3d\r\x12\x06\xa7}\x0e\x99i\x00\x9e\x0c\xc5\xb4\xd5\x04&gt;\xc2\xe1\xabko\xb9\x8b\xd4\x82_\xe0\xb9\x07N\x1e\x8fF\xab\xaa\x8e\x9f\xac\x87b\xaa\x95STl\xa9wdvv~^\xc8Yx\xd3\xe5\xa7\'\xce\xbd\x18[\x8f\x00\x16i\xb3\x11\xa4Of\x93\x88+\xa2\xe8\xe0;iV\x80\x91@X\x13\x10\xc4\x12`9\xea\xea\xda\x15\x92\x8a\xaa\xaa\xaa\xe87\xd1\n\t\xe2JZbS\xbd#O\xdf\xce\x0b:\x1c\x115\xf5\xddDXs\x11\xaf\x13"\x87\xd1\x0eu\xb5D\\S\xfbMUU\x85\xd8:\xa4p\xd4\xd1\xb4\xef\xd4D\xe9.\x04\xb1\x8e\x06\xac\xce\t\xa5\xb8BW\xa9\xd3\xe9j\xc5f=\xc3"\xac\xd5\x91\xa7\xb3\xf3\x02\xcfl^\xcf\xdf\x9c_X\x7f\x0eXZ\x96$}&amp;E\x83Yl\rj4\xb5\x1a\x95\x06\xb0\xe86\x84\x85\x8c+`\xf9\xea\xea\xae@\r\x0b\xeaT*\x1d\xf8\xb2c\xf56\x9c\x8a\rNM\xf7.-\x8d\xce\t9\xa1\x17\xa1Sqtl\x01\xa9\x95\xd4R\x98IjF\x16_\xa3\xd1\xa1G+\x15\x0ed\xd1\xda\xafON\xde\xbd&gt;\xe1\xb8\x00\x84\xed\x13V\r\x9a\xe3T\xaaT\x9a\x1a\x89\x8d\xe0\x00ki\xd6\xebr\xb9r\xd3\xfb3\x02\t&amp;jz\xf8\xec\xf9z\xe4\xce\xc5Q\xc0\x92\')B\xaa\xfcj[u\xaaT*\x05m\x83\xac\xb9\r\xc4\xba\xb4\xdc\x93\x98\xbc\xdey\x81\xa6\xeb\x14-V\r\x10\x87\x11x\xadD\x8f\xb0\xa0\xb3qc\n\xc5&amp;\xc5\xed\x0b3s\x165\xfd8\xedb1\\{z=\x03j\xc9If@\\\x0b:\x85\xd1P\xab\'\x01q\xc2\x9a\xdb\x1c\xed\xa5\xe5\xdd\x7f\xff\'1\xd9\xe2p\xd0\xb4\xd9\x8a\xa8A*M\x10\xb9k\x82\x1bDX\x16u\xc3\x00\xe9P\xec\t"\x97H\xf4\xb0\xdc\xfc7_\x83Yv~!\xe3\x8d\xbb\xb5&gt;Y\xb7\xb8V\xa3\x0b\x87\xc3v\xf0\xd1)UJ\x87\xdd\xa0\xdb\x8bV{\x0f`\x85\xad\xc5+\xa7\xe8j\x1d\x12\x0b\x96N\x13TvKe,\xc4pz\xc9E\xe8\xc9\x0b\r\x97\x86\x05)\x12 \x96\xa1H\xdf\'\xab\xd5F\x84e\x94\x93&amp;\t\x9aii@+\xb0\xf8 X\xa5\x0f\xcc\x7f\xd1\xaaJt\xf4,\x87A\x1c\xc5\xa9\x81\xb3)\x14\xdf\x94J\x13\xb4",\x0e2~u\xc9\x85\x07\x88SC\xcb\xe1OM\x82`}\x8ajL\xcd\xf7\x1d2#\x04\x11\xbc&gt;\xa6\x97\x1c\xab\x81|\x0f\x03\x11\x9a&lt;tTAq\xa5\x1d\xc5 \xe8\xa79i\x18\x90t\x9f2\xa5@\xc6D*5\xac\x8b*\xc5R\x13\xc6\xc5\x00k\xd6E1\xb5\x8a\x96\xe5\xdd\xef/\x0b\x83\xb5\xbc\\\x94\x114}\xdfs\x84\xc52\xa8hA6\x03\x16\xac\x8e\x9e*\x9f\x8f\xba\xbav\x9e,\x1677\x93]?h\xf5\x18\x91\x82\xf0\xdeJ\xa4*UQ\x10\x8b\xc0\xb8\xdc\xd4b\xef\xa2\xa5MqI\xd1\xb2{\xf0X\x90.\xe2\x1f\x9fvw\x8bR\xab\xe3\xfeyO\x04\xb0\xb4\xd0\x11T\x83^\x10\xc4#\xaa\x8e[\xc3t[\xa1q\xed\xbb\xd3\x8d\xc9\xa4\xfb\xea\x9fO\xcbYz\xe0\x16\x1a\xdf@\xdei\xacC\rj\x82\x05\xac\xd5\xdei\x0bn\x1e\xea,\x1d\xec\xfe\xf4O!\xb0.\x7f\x7fpP\x92\x0e\xc9\x9a\xbfb\xc9I\xdc$\x95v[\xad\x1a4\xf5F\x03$U\xa8\xb9\xc0\x1d\xf9\xc5$\xc7\xa7y\x03\xed\x8b\x82T\x10\xc6TUT\xdc-U\xe3,\xe7\x1a\\\xed[t\xb5V\x06\x15\xa5\x83_~\x12\xa0C\x15\x89\x10\x96U1T\x8f\x9f\xf1D2q\xb9\x9c\xc4\x18\xbdZ*F9\x9fBb\xd9\xc3\xd1\x01\xb6\xf1\x8es\xb0\x9c\xcd\xee\x95c.\x8e8\xa6\xb2\xdf:\x9b\xe8I\xa9tQq\x83\xd4\x84s\x94k\n\xb0\xd2\xaf:\xec\r\xa5\xdd\xe5\xc7\x02\xe5\xd6\xee\xc1\x8aBSY\xaf\xf5\x02\x96\xb1\x8d\xc4\t\xfd\x80Y\x19\x84\x1a\x00a\xbcuV\xa5\x0bJ\x02q\xcf\xc2Bloo0\xe3\xf1;\r5\x9a\xb0\xfd\xac=a\x87\xba%\xeeV\xcbX\x8e\x82#\xb1o\x95\x1f\xee8\x10\x97~\x11j\'\xfe\x9c\xd8]i\xb0\'\x8e\x13\x0f\xe0\xf4\x01,\x0c\x92\xcb\xacDI\x8f\x1e\xad\xd2U\x80X]\x1e\xbf7V.CW\xed\xf7\xba\x08\xe5\xd1@\x1cM*\x8fU\xcb0\x96\xe3r\x8b\xbd}\xab\xb7\x87{\xfe\x1a-M\xfe]\xa0r\xfa\xe8\xd5rI\xdc\xd1S\xd1z\x84\x05A$\x98\x01\xa9Y\x0c\xfe\xden\x87\xc3\xb8\xc2\xa6\x8dw\x8dy\x1e\xc4r\xe5\x9c\'\xf6 \xeeuZ\xf0\xea\xa3\xb3\xa9\xb6\xc6\xaa\x94\x02\x16\xcb\xc5\x10Vv8\xd1S_\x8a~\x12\xe6B\x9c\xe8\xde~\xb8t\xfcq\xe2\xe4\xed\x184\\n\x84%S\xdb\xaa\x11\xd6\x91\x1e\x06\xbc\xf1N\xdc\xe9L\xf3&lt;\x9fN\xf3\xe9\x98\xeb\x81\xa7\x91\xd2\x8b\xa1\xb2\x05\x95J\xb3\x1a;\xc2\x9a\x06,&gt;8\xb9,)\r\x0b\xd4\xdb@\x99\xffK\xb1\xfe\x8f\x89 \xf3 \x82r\x1e\xb0\x08\x02L|M\xb0\xa66\xa8\x94\x04\x92\x8dw\xdc\\@o\rk\xac\xd6\xf0v~\x83r\xfa\xbb\xeeX\x02\xc0m\xed\x86\x84\xc70\x9cr\r\x82Z\xbd;\xc5\xa1\xe8@q_\xa8\xb7\xc3\xa2\x99\xff\x16\xbb\x13\xf6\xeb\x17\x9cGXZ\x08"\xc1@{:d\xb5*\x19.~\xf1\xa2%\xa0/\xae\xacloOnmo\xaf\xe4\x8b\x01\x0b\x1aoq\xa1\xea\xee\x06\x85\x9a\xf8\r\x0b\x0cY.\x94\xcd\x86\xb2\x82\xbd\x1c\x16]\xfe\x14*j\xa2\xc5\x1b\xbfa\xb1\x04\xc3\x10z\xb3rh\xc8\x0c;\xd0\xef\x8f\xe3\x92b1\x9f/\xadlmm\xaf\xa0e\xc0\xdd~\xbf\xc7\x12P+\xae\xc80\x08"\xc5\x01\xd6\xc8"\xd7\xbaW\xde&lt;\x14\xd0V?*\x9bB\xbc\x81tF\x9eG\xe2FpX\x81\x10\x83Z\xc1n"\xe9\xf7\xfb\x9d\x01\xf5\x95\xcd\xcd\xfc\xca\xca\xd6+\xa4\x16\xc8U\xcc\xe3\xf1\xae\x05\x8f\x8bQ\x9bd\x18\x89\xb0\xa6\x16GF\x16\x03\xad{|H\xc0{\x1a\x90\xf4\x9b\xe9\xdcm\xe6\xffXzF\xad\x976H)\xff\x98\'\xc6\xeb766\xf3\xf9\xdb\xdb\xdb[GA\xcco\xc2\xff\xb4\xcb\xb3\x10\xe7\x18\x13\xc1\x92,K\xe5\xa6W\x01\x0b\xcf\x96\xf9\xf2\x8c\x90\x16\xe3Yv3\x96\r ,o\xa3\x9c%\xf1\x10C\xa8\x15\rj\xf7\xd8\xfa`6T(ll\xc2\xca\xc3Z\xc9\xa3_\x1b\x85\x02\xce\xc7&lt;\x10]\x93\x8c\x85E\xa1\x8d82\x1d\xe0\xb3\xe5\'B\x9a}\xd1\xc3\xc3tn\'\x1d\x8f,=\x07,\x8a\xc4\x19\x02\x93)\xa4x\xdc\x9f\xcb\xf2\x05\xb9\xbcP\xf8\xfc\xf9\xdd\xbbw\xbf\xfe\n_\x9f\x01Jn,\xa4\xf9\x9c\xdfIa2\x96B\xd5t\xba\xf7\xc9\xc8\x1bCv\xe7pF\xc8\xd7\xc2P#\xca\xe9t:\x99\xf9\x8aE\xe1\xb0dj)\x99\xe4\xb2&lt;\xeb6\xca\x0b\x1b\xef\xbe|\xfc\xf0\xe1\xe3\xc7\x8f\x1f&gt;~\xf9\xf2\xb9 w\xbb]\x01\xde\x05\xad6A!\xac7GX\xe5\xc3\xfdG\xc2^i\x115\xbd~\x93N\xbb2K\x11/lE\x8a\xc5qLf2ax6\x9b\xe6,\x10\xc4|\xfe\xcb\xf6\xfb\xf7[[\xf0\xd9\xfe\x82\x82h\xb1pP]q\x02\')\xd4\xd6,\xf6=\x19\xe9\x13\xfe~\x86Ht\xef\xd9\xe1\xeaTfv)\xe3\x04,\x12\x87}\x7f\xc5db\xb2Y&gt;\xc0n@\x8aC\xd5z\xff\xaf\xf7\xef\x11\xd6J~\xa3\xb0Q\xe0BY\x1e2\x10\xa3(\x14C\xc0z2\xd3$\xfc5l\x11\xb8\xb2\x99\x1fW\x97\x16#^\xb7\x16\x02C\xb2\xa4\xcc\xa4f\xf8\xd6V\xdb\xffh9\xdb\x90\xb6\xd2,\x8e\x17\xf6\x83\x8b\x03\xc2\xd4l\xc6\x9bx\'\xd7\xe4B\xbcI$\xe4\xa6W"M\'\xe46/\xab$\x1f\x02\x1ajBb\x821\xba\xb8\xa9\x86|H\xaeR\x82\x98h\x99\x04\xac#\xe2\x0b\xa2\x08J\xd5\xe8TP\xb1.\rn\x07]\xaae+\xd1]Zw\x18\xdaJ\x91m\xa7t\x86\xc1\xee\x0c\xdd\x9d\x9d=\xcfMg?\xcfK\xef\x91kT$\xfc\xf2\x7f\xce9\xcf9\xcf=\t^\xc4BR!\xc1x,\xf2\xef\x0c:gnR\x90J\xbfg}\x18a\xddk\x14dj\x17\xc0\x1a\xef\xad\xeel\x05[\x86\x94\xa4\x92$\xc9\xe6n\x03\xc3Z\xadX\x93Y\x81s,J\xa3#\x90\x1d\xee\xfc\xed\xce?\xa4\xb8\xc2@\x88\xe9\xd6&amp;\x06\xc4BX\xc7\x9bc\x0f?\x15l\x80\xabqc\xe0\xb3\xcd`\x16\x1ak0R\xaaR\xa8\x08\x91\x08#\x9a\xccLtvv=\x17\x8c$|\x91\xac\xdf\xef\x81p\x80\xb6[\xc42*\x10\xcb\xbf\xbe&gt;&lt;\x9c\x1e{8sN0\xac\xab\x0f?\xdbY\xf4\xb6\xa8\x8b\\*\x95\x9d\x10\xeb\xf5\x84\xd9\xc0D\xfd\xe8\x0e\xcf\xd2\xc4\xc4\xf4Z\xd6\xe9\x89\xaa\x0cz\xbd\x1ec\x91g\xf9\x07\xfd\x83\xe8\xb8&amp;\x7fUH\xactz\x0b\xb0\xd4C&amp;\x93\x12\xbc\x1e\xeaA\xc2AQ\x06\x86\xa9\x85B&gt;\x9b\x88\x04Z\x9c\xb0\x070\x86$\xec\xd2\x14\x87+M&amp;\xbf\xc7?8\xbc\x0c\x1e/\x1cV\xc9\xd5{\x03\xe9U(\xb9\x90\x994a)\xb8\x10AQZ\xbb\x01\x9d\xfb\xe1No\xd6\xeba\xd8\xa6\xa6&amp;\x8a\xaa\xd7j\r\x0ci2\r9A\xae\xe1\xcd\xb1\xfc\x98\xa0Xc\xe9\x1d\xd8\x16-\x16\x93Z\x1d\xd2H\r\xd0\x9a\x11\x84V[\xaf\x17\x8b\xad,$6g\x14\x13\x839\xb4\x94\x832HI\xd2\xeft\xfa\xfd\xb9\xe3\x9d|z@`\xb5`\x15\x01\xcb\xe2v\xbbCa\xa8\x06!\x12\xa9z\xa8\xa0u:\x9a\x1e\x19\x9feSu"\x9d\x18\x16\x96\xc0\xcc\xd209\x98\x03\xae\xc1\xb9\x81\xfcfZH\xac\x87\x9b;\xe9\x9dB\x83\xcdb[\xb0X\xd4&amp;\xbc\t\xd42\xa0\xba^W\x97J\xa1\xdbR\xbd\xa9\x94\xaeN\xa7w8\x08\x02\x92\x96\xc9\t\x96\x1b^\xce\x0fl\r\x087\x07^2\x93\xdfZ]Moe\x1bl`\x0b\xd0m@\x91\xcaw\x1buu":\xd5;\n\x06\\)\x1d\x1f\x9ff\x1c&lt;\xcb\xe9\xf4B\x1c\xe6\x97\xe7\xc6\x84\xc3j\x9c\xc9\xef\xf7\xef\xaf"\xb9\x90\x81\\Rs\x93C/\xc6\xacV\x9a\x1dA7=o\xc1\x95\xa2E\x18\xa8e\x06\x8f\x07\xac\\nx3\x9f.\xcc\xe5\x05\x9c\xd2\x9d\xc9\x17\x82A\xbe\xba\xb1\xb9\\.\x9b\xda\x14\x86\xfa\x99\x8br\x1c7&gt;~\xeb\xd6\xc8\xad\x93\xc7\x00G\xd3l\x94# 2\x95C\x00\x05K80P\xc8-?&lt;\'\xa0Zc\xb9\xecT`q\x7f1\xd00??\xefjP\x9b\xd0\xc4\xb7\xdf\xe3\x81 \xcc\xad\x9f\x9c\x9c&lt;\xfez\x04vo\x8f\xd3\xc3E\x95H*4k\x90N\xf7gs\xcb\xf7\x84\x1b\x02/\x01\xac\x96\xf9D"\x10\x0cN\x01\xd6|CC\x03dQ/\x9f\x04\xbc\xde\xdc\xf1p\xee\xe4\xeb\xc7\'P\xeax\xbd\x1egKv*[(\xec\xcfm\xee\xf4O\xb5\xf8\x85\xc4j\x9c\x19\xc8\xa9-.\xa31155\x9f\x80\xaf\x86D"2\x95\rx\xbd\x01o \x90+x\xfd\xc7\x83\x83\xeb~\xbf7\x92\xf5NMe\x13\x81\xc2&gt;\x84\xc8\xe2\x94\xc5\xe4Y\xbewNH,\xa7)dq\xc5\x8cFc,\x11K\xcc\x83r\xbe\xa5\x88/\x10\xf4E"k\xc1\xbd\xe0zp:\x10\xcc\x05"\xbe\x88\x0f\xfe\xe2\xdb\xeb\xdf\x9f\xdb\xdfK\xb8\xd4\xa6Ya}\x0b\xb0\x8a\\]]F\xc4f\xdc\xed\xe9\xf0\xf9\xd6\xd6&amp;\xd0\xb7\xb5`nmi:\x18\x9c^\xda\x8d\xf4\xf4\xf8|\xd3A\xe8+\x03\x88\x8a\x9c\x9d\x1b;\'`\xdeJ;\xa14\xd5\xb8m\x88\x0b\x0c\xa8\xe2\xf1\xa5\x89%_\xcf\xd2\xd2t\x00\\n\xcd\x17\x08\xf8&amp;zv\xa7{:\x96\xa6\xf7\x16\x17\x83kFW\x08Z\xb2\xd9\xb9\xbcpX\xe766\x87H\xa9\x94\x0c\x87\x16\xderu]\x8b\xbf\x1f\x8f\xc7\xd1\x10\xd0Z \xb2\xe7\x03\x16_&lt;\xce\xcf\xb8L\xef\xed\x05\xd6"F\x97\x9a\x94\xe28\xa8%\\ \x96|\xba5\xa4\x91*\x14RR\xb3\x00\x8e\xcfc]\xbb~\xfdz\xbc\xe3\x0f\xf1\x0ep\xa6\xe9\x89\x89\xa5\xa5\x9e\x8e\x0e\x00\x05\xacH"\x910\xc6\xd4$\xf4\xe0\xf8\xec\xb1p\x9bOI\xe3\x9f\xf6\x874\xcdv\xa8\x85\xa5\x1a7r|\x84u-~\xfd\xfao\xdf\x8f\xf3c@&lt;\x11o=\xbb\xbb\xc6\x84\xd18\xef\x86V\x975\xe3\x9e\xe3\xf4U\xc12D\xe3\x9f\xfb\x01KEaM\x8c*\xfc\x7f\xae.$\x18o\xbf\xf9\xf1\x07\x9e\n\x85\x84\xc5\x14e\xd9\x8c\x9d\x14\x12\x0bz~\xc0\n_\xd0:\xc4\x18#\xd5\xa8\xf9D\xd1U$\xbb\x16\x8f\xff\x88\x14\x07\x05\xaf\xa1HM\xc4l@e%\x0c*\xd23,\\a\x03X\x8bjM\xf3\x05-U\xaf\x87jJ\xa9\xb6\xc5\xc0\x90b\xbc\x97\xa1\x05}k(H\x8d1\xa0bX\x8c\xa0\xec*\xb2\xf6x@H\xb5\n&amp;XD;U\x9f\xd4[\xd9(p\xb9b\xae"Y\xd1\xfd\xdf"\xed\xf2P.\xd0*Cd2T\xb7J*$\x16\xf4\x89\x05t\xfcm\x80r\x14\xd6\x91\xe5j\x81\xcb\x85\xc6\xf2\x10\x1ao]\xc5\x07`r\xb9,\xca\xa89\x83J}\xc0\x9a=N\x0b\xf5\x86\xad\x92\x92\x8d\xb1\x82[\xa3\xe0\xa0J\x86~KO\xb0f\xe0\xb2A\xf9\xac\x86"z\x01\xf0P\xb5S4T\x8d)q\xd4\x17\xd5#,|vx`F\xa8\xb7\xc2n|\xb75\xec\xbe\xa22\xb3\xad\x18\xc2\xd2S\x06\x05\xa9\xb6,\xb8\xf9\xaeQ\t\xcd\x97I]4\xb7\xc5\x02\xadw\xad\xc2\xec\x00\xa3\xec\x8a(\x0e\x8b\xb8!\x04\x16&lt;\xe7\xc6\x0f-\x08\xab\xd9@Xi\x9a\x16\xe9\xf5I\xad*\xac1\x85B\xca\xdah4\xca\xc1\x85\xf3V\x8b\x00M\xfc-m*\x99td\xcc\x1c\xc2J\x7f\xf7\xfa\xf0~\xc9\xbbf*)\x99y\xf3\x9fD?`]\xb4g\x1ct\xef\xa8\xacB\x84\xd5w\x87C\xa4\xb4\x16\x1a\xd6q4\xfb\xd6\n\xd7H+\x1b\xe5\x0f\x00\x95\xa4\xd4\xae\xadO&amp;3\xec8\xc7\xe0\xe4\xfa\xbf\xef\xbc\xfc\xf6\x87\'\xef\xf4\xd0\xad\xa4q\xe6\xf0\xe9\xab\x17\xdf\xfb\x82\x83\x80\x05y\x0b\x03\xae\xd1^\x9a04k4R\x06J\xe6\xe2\xf8bo\xaf\x0c\xcd0\x8e\x83&lt;$\x19V\x19\xa0+\xc3Z[YN\xd1\xacY\xdf9\xfe\xaa\xf3\xe6\xb7O\xde\xd1\xad\x02\xc4t\xff\xf0\xc9\xf3\x17/\x0e\xcel\xb1)\xefm\r`\xd5\'\xc5)\xd9\xe8\xd1(mV\x85\xc3ap\xb6\x91\xd1\xa3\xbb\x8f&amp;\'\xef";\xea\x1d\xe1\xf0Z\xc0\x05\xaaV\xba\xa2\xa25\x03\xff\xa5\x99\xdd\xdc\xff\xfe\xab\x9bg\xcf\xef\xffz\x0f\xe3\xd7\x0e1}\xf9\xa0\xaf\xaf\xef\xf2\x99\xdb\x95h\xb8}\xa5\xb9[\xabM\x8a+e\x88\xab\x15v\xedf\x95\xc2\xcc\xd2\xa3w\'\'\x1f\x01\xd9\xe4\xdd\xf6\n\x16\xb6\x00h\xb9\x19\xd4\x0c\x81\xa4f\x03`y\xe6\xfa\x03\xb1\xff\xf6\xfd\xf3i\xf1\x03\x11~\x1dT\xe3\xe1\xab\xe7_~#\x91\\\xea\xebk\xab&gt;\xf8\xd8et\xf1XTR/\xaaH\xc9&gt;\x94U\xb08\x94-*\x05CX+&gt;\xfc\xe4\xc6\xe4\x8d\x1b\x9f\xb4\xcbZ\xcd\x8ap(\xa4\xc1\xb9\x11h\xce\xacX\xc6`W5\x87=\xc7\x05\xe8.\xb7\x1f&lt;{rx\xff\x97\x83\xf1L\x1b\xb0v\x07\xa0\x93\xa4\xaa\xfaru\xf5\xa5\x95\x8b6c\x0ca\xa1l*J\xf1Fs\xb8\x14W(\x14\x1ck\xa5e\xed\xbf\xbfq\xa3]F\xb3\n\xa9\xc6d\xaaeiYJ$\xc2(\xca\xd0\rX\xca\xc1\\K\xcb\xbfV$\x0f\xbe9}\xf6\xe6\xe9F\xe3/8\x1a\xe4\xd7n\xe6\xe9\xa3S`\xea\xec\xec\xec\x93\xd7\\\xbaTSS#\xf9\xc2\x82\xb0.vC\x1b\xed\xd0W\x96\xa7&gt;\x02,\x8cS\xe0\xc0\xc5!/\x92\xc9\xda\xdbG+Z\xcd8\tT\x1c]\x91\xaa\x14cI\x8a\xea\xbep\xa19\xfc\xd7\\\xd6\xa2~)\xa9Y\x91HV\x0e^\x9c&gt;/\x8a\xf6s\xa1\x0e_\x7f\xfe\xf2\xac\xaf\x1aQun\x97\xd6T\xc9K\xe55\xf2\x97\xeeX\xec\xf6\xc7\x17/P\xd0H\xeb\xc5u\xe5\xe5\x1f\xa5D\x18\x149\x8cB\xc1\x00\x17\x04\xe7\x11\x84\x01\xcb\xe0\x9a\x10\t\xbf\x8bDb\xbd\xa3^\xab\xedFj\x99Z\x1a\xdc\x9a\x83R\xb9\xbc\n\xc0\x1el\xaf\x1c\x9c\xbe\xf9Y`&lt;\xd4\x9b\xd33Pi\xbb\xba\xb3\xb3\xado[R&amp;/-++\x05\xacP\x11\x0b\x8d#\xe9\xc4\xba\xf2\xba\xba\xf2\x94\xc8JdX\x96c\x18\x86\xa5{\x8f\xee\x1e\x8d\x00\x15$2\xa6\t\x13\xd5\xbd\xc5\xb2\xdbU\x10\x02\x96y\xf5\x1f\x1f\x94\x96\x95\xca\xab\xe4\x80\x85\xec\xf4\xd5\xe1O=z\x86\x84p\x9f_\xbd\xce\x9bm+\x97\xda:\xdb\xda\xfa$+eee\xe7\xcf\x97\xcaK\x0f\xae\xf0X\xaan*)\xd6\x89*\xcb++\x91^D\x06\xe5&amp;\x96\xe3X\x96\xae\xa0\xe1\x1112\x19L\xa4\x13\xe9\x93\xb0\xf7\xbc\xc5\xb2\xb9\xd4/?\x80\xe7\x81\x17\xf8\x81d\x85\xe7:\xf8\xfc\xf5\xccO\x02\x03\xa5\x9e&lt;{q\x06qw\xb3s\xa5\n\xa8\xaa/oWI\xce\x9f\x7f\xefw\xef\x95\xc9\xe5\x7f\xf9"\x16[\xb8\x12VA\xf6\xd6\x8bt:\x1d,c]\x1d\xf8\x0f\x86\x11V+\xa0e\xccf\xd8/Y\xd6\xac\xb0\x13\x98X\x8c\xc4r\x80\\\xdd\xffc\xe4|C\xdb8\xef8\xee\xbb\x9d\xd4\xde\x9dOw=\xe9\xfcX\xb7\xab\xe2\xbb\x0c\xa3d\xb9\x81\x03!\xf2\xd3)X\x11J4\x16L\x9a\x87d\xcb\xebM\xf5\x88\x07\x1dM\x9e\x156\x06S\xf1\x8b-\x81Q\x06\xd5\x0bC\xd9K\xf7\x8d\xdf\x07:b\xfc\xa2\xc7\xa0 C6B`\x18b\x8c\x82\x93\x98\x18;!)%\x7f\xf6\xfd=r\x97R\xd6\xb2G\x89\xecD\xf1\xe9s\xdf\xdf\xf7\xf7\xfd=g\xc99\x0c\xac\x0b\xa7\xde&gt;\xb2V\xf0m\xdb\xf6}\x16\x12W\x15\xb7\xfb\xff\xbe\xf3\x7f\x80!\x10\xee\xdd\xef\xd2\x9a_Z\x0e\xab\x9d\xf9j\xbd\x0e+\x04A\xe08\xb6\x95\x14\xb6\xdf\xbe|\x1d\xfb\xad\xda!\x98~\xec\xdc\xd4T\x11\\Q\xa9\xd4j\xb5\xf0\xbb\xdcj\x9d\xbcv\xed$6X\x8dZ\xa3\\\x06\xd5\x18\xd4\xfa\xc9\x10\xeb\x9d\x0b\xa7N\xadg\x05?\x08\x00\xc6\xc2l\x19\\\xdd\x95n\xf7\xf1\xd3\x97\xff\xf8\xdbw\xbf\x94\x87H\xd8x\x90\xe1\xdfv V\xd7J\x9b\x9d&amp;Q\xb1D\x1a\x8ea\x04\x85\xd8Z\xfb\x84\x02\xe2`\xadAXJ-\x85U\xa2w[\xd3\xf8.\x97\x016Q\x9e8\x7f\xbe\xdc*EcC\xb5j\x87q\xa9\xf4\xce\xf5S?\\+\x14l\x07g\x18p\x88\xd5\xedt\xa8\x9d\xe6\x97\x96\xd6_n|\xd7V\x8c\n\xf8 \x13\xcb\xcdn\x17VWY\x15\xc2\x05\xcb\xac\xc0\x840\x0c\xc7O\xac\xfe\xcf)N\x0f6\x1a\x13g\xc6P\xc5ix\xbe8\x1e),\xc4\xc3\xef\xc1\xd6\xfaE\x0b%\x9d\x98h\x95J\xd1\xd4\x18\x81M4\x1a\xc7\xa8\x88\x9f&lt;\xe9\x17|G\x9d`X\xafv;\nI\xad\xed\xbf\x7f\xb1\xf1m/\x06Q\x03&gt;\xdc\xca\x84\\nv\xba\xcd\xf9\x95\x02\xb0\xea\x0cX!\xf7-I\\\x81\x95\xb0\xedS\xd7\xafb\x047`\x9d\xd2P\xacb1*E\x80R`\xe3P\x0cX\xf8U\x1a\x9b\x8a\xa6\xa7Jcg\xa0\\\xe3\xe0\xe1\x8bG~y\x01\x86\x0f\x84&amp;\x84&amp;\xd3z\xb59TkiI\xb1\xed&lt;\xfd\xe2[\xdev\x03[}\xb9%3\xc9C`u\xba\x96\x15W\x87b\x85\xcc\xb7,C\xd34\x92k\xed*ub\rE*E\x11a\xa92FDDXtO[\xb1V\x8b\xbem95\x85T\x9b8y\xbeq\x9a\xb0\xde\xea[6\x1d\xc6\xf3x\x9a\xd6\x9b\xcdN\xe7\xbfe\\Zz\xbc\xfd\xf2\xe6\xff($v.w6w\x85\x94\x16c\xcdf\xb5\xb3\\\x08\xe3zhs\xc2\xa2\xac\x918\x9aa\'q\xb8~\xe1\xea[\x17O\xc3?\xa5\xa3\xfb\\\x11\xa8\xa2\xf1\xe2\x01\xac\x8fp\x03Y\x14\x95\xc6J\xd14\xb9\x8e\x9a\xb4\xa1f\xe2\x91mf9\x1e\x96+\x12R\xabIg?\xdf\xf9\x8aki\xed\xde\xcdo:\x1f\xf5\xdb\xb8\xb7%\x83@\xb2$\xe0\xd5zu\x85\x15\x92z\xca\x1d\x1e\xc7qhYV\xc2=\xd7\xd3\x02+Et\xd1O\xdba\x7fZ:zt\x81\xdewJ`S@;\x80\xc1}`\xaeB\\\x88\x0czO*T\x04\xd6IP\x9d&gt;|\xf8\x07\xbf\xee\'Ls=\xcf4Y\x92\x12U\xb3\xdb\xdc\xafd\x07`\x8f\xb3l\xf3\x1bza\xe3\xf9\xf0\xc1\xee\x80\xdbR\xc6\x96#\xe3xe\xd9/(\xb1\x98\xaa\xa1\x8f\x94wM\xd73\xfc8\xe9\xafS@\x00+\x1aWC\xb0BUDDE \xacTH2\xb4\xc0\x10\x8bT+SZP\x9c\xbey?\x0c%\x0e\xe2\xe6\x068\xcd\x18C\xb6^\xadVU)\xf1\xb1\xbb\xb4\xb3\xeb\xca\xcd\x8d\xaf\x0f\xa3\xd7^\xbbyo/\x1bH\x168a\xca\r\x81\xf21\x9f\xc51\xfc^\xaf\xc7\xcc\x0e\x02$\xb3\x963M\x0fr\x85k\x17/B\xac\t\x80\x00\n\xa3\xb92\x83\xdds\x89\xec\xa5\xbcU\x1cG\x88\xa2\x1f\xc6I\xbc\xf1\x16\x9a\xb2Q\xab\x9d&gt;\xf8\xe6\xd3~\xcc5\xd3\xcc\xe9&amp;\xc3\xcc(\xa0\x00q\xaaD\x03_\xb3\xb3\xf3\xee\xf3]\xd3\x15\x0f6\xbe\x86\xf5\xf9\x9d\xcd~?\x13\x8c\x192M\x1cc\xc0\xea\xcb\xdc\x0f\xc3\x90\xb3\xb0Z\x07\x95\xa19\x81\x1f\x98\xb9\x9c\xeb\xf8q\x9c\xfd\xf6\xfb\xa7k\xe7\xcf\x94\x91VEP\xcd\x1d\x87F\x11e\x97B;Z\xa2\xcc/\x81\xb02\x87-\x0ea\x1d\xaa\xd5j\xc7\x1a\xd8\xb39(\xa0\x9e\xd7|\xa5&gt;\xcd\xc6\x14:\xd5\xe3zu\xfe\xc5\xfb\xbdg\xaek\x9a\x83\x07w^]\x84 \x16\xfa}\xc9,.X\x1dby\x0c\xe5\xc3x\xe0\x92Q!\r\xcds]a\xdb^.\x97\x83\xbbb\xb6\xf6\x9b\x83\x87(\x1f\x90\x0bx\xeev\xa52W)"\nZ\xa8$b\xabE\x81\x85\xc2\x121bl\xe2\xcc\xc4\xb5Z\xadq\xec~\x16J\xcd\xcdA,Bi\x90L\x00\x00\x07\x91IDAT\xcc\x1e\x8cW,UH\xf4$\xa8~\xd4\xeb=#\xd7\x99\x83\xadW\\{\xfd\xac/y\xcc\xe1\xac\x14\xc1\xa2\x85\x10\x8bqip*\xa4\x83c\x99\xa6\xb4}\x07\x05p5\x1e\'\xfc)\xbd\xd0Ca\x85N\x04\x17\x9e\x1f~Z@%\xd1\x05\x94\xab\xb0Y\x11\xc0\x10\xb1E\xaf\x1a\\;T;v+\x0b\xb9\x87\x03\xe4uAX\x8c\xb4B\x11\xd1Pi\xbd\xf3\xe2\x8d^\xef\x8du\r\x8f\xe3\x89\x1e=\xfc*\xf1\xfba\x96\xc98t\x04O-G\x08\x11B,\x16\x08\x87Yq(q\x0e.&lt;\x95$\x96P\xee*$\x85\xfe\xbfh\xb4\x00\x0b\x9a\xccTf*\xed\xf6\x1c\x19\x9f"+\x02\xde8\xfe\xbe\x82\xa5\xd2_\xbd\xf4\xd3\xb8\xb5\xcb\x98@\x01\xf3y\xcf\xb61^\x03Bc8un\xa5\x9d\x17\x7f\xea\xf5z\xefo#9t=\x97\x1b\xec\xde\xdbo\xc8~\x18\x8a0\x95\x01b\x8e\x1b\xa6\x90!\x0b8\xc7\x17\xb3\x84\xa8\\\xf0\xc1\x04i\xc2\\\x9c\x8e\xc0\xc0\xe6\xf7\'h\xe2\xc1J3\x95\xe1\x82^\xc5\x05\x15\xa4Q\x84\xdc\x18\xa6\xac\xf2\xdbX\xf9L\xf9\xfc\xad=\xce\x84\x0b\xaa\xd1\x1cT\x87\'&lt;\x07#\x08\x81\xcf\x97\x9bK/^\xff^ov\xf6\xb35\x81\x1a\xeb\xba\x9e\x1fd\xfb\\\x98\xe7\x10KH\x93YB\x98Z\xb6\x8c\x13\xb1\rHdq\x9c\x82GT\xcd:\xe4\x92C\xd7[\x85\xec\xcfj\x06\x92\x85\xc0t\xfc8\nV\x99\x01\x07\xe93\x15\x95\xa6\x8b3\nk\nTp\\\xf9\xd6\x9ed\xd2\xcdA\xab\xbc\xe3\x07\x1c*\xd1\xc2\x00\xc1vn\xe7\xdd\xd7{\xbd\xd9K\xb3\xcf3C3\xa1\x96\xae\xbb2\xdb\xdc \x83\xb1\xbe\x99\xc5\xa0\xd2C\x86\x10\x16\xc0\xf2\xb9\xa1\t\xf4\x80\xa6\tMQUc\x94\xb1\x80\xd3\xc9yH\x0b\x7f\xf7\xbd\xf1\xe1\x8a\x86El\xc3\xf83\'(\xf0i|\x13\xec\x01\xd5\x06d\xb7\xd6\xb9=\xe9KU\xc1Q\xcf\xa7\xe0Ii!\xe7\x91\xa4;\x7f\x00\xd4\xec\xa5K\x97\x9eq)\xdc\x1cu*\xca\x95\xa9\x86d\xbb\x04$u\xc1\xa4\x872\xd1\xf6\xca\x10N\xc08d\xc6\xbe\x81v\x12)"\xd0*88\x19S\x83g\xed\xbd\xa2\xcaM\xecN\xa9\x86mr\xd7\x89\x13\xd33\xc5\xe9\xf7\x88j\x06\xb0\xc5\x134\x12\xd1\x04\x1f\xef\t\xee\xb8\xfa(\x16\xba\xd0\x8a\x15\x92\xca\xd1y\xc4\x15I\x855\xfb\x04-\x06\xcf\xa3Uu\xcf\t\xe4\xd6\xc3\xcfG\xb2\xd1A"\x85\xccs\xe6z\xb9\xbc\x08\xa5\x01c\x89\xc0F\xfd5\xc3\x06\x15JH\x11X\xf05\xc8\xe5\x1a\xd8_\xca\xbb\x1f\xcdQ\\\x92\xed\xd1\x8c\xed\xe3m`\x9d\x00\xd5\xb9i\x05\xa5\x8a:\xbd\xb00~\xf4c\x0cZ1\xa4\xd2m\x15V\xc8\x85a\xba7\xe7\x7f\x0c\xa9&amp;\'A5\xbb.\xb9\xd4\xe8\xacQE\xc4\xa4|\xf4\xe5\xc8n&gt;\xb4\x84\xe3\x9a!\xa7^\x90\x96\xed8\x98\xf3\xb4\x8b\xd4\x0c\x9e\xe0\x10(!mvm\xdfvI.\x07\x0f\xc9\xbb\x94\x0c4l\xe0\xf7\xb6\x92k\x88\x02\xaa\x19\xea\x01\xf5\xd8\xc2\xf8\xddG\x9e\xb3O\x95\x97\x05@QZUi\xec`\xe2\\F\xfd&amp;\x81\xf5\xd3\xde\xec:\x0f\xb92W&gt;\xefj\x86#\xe5\xee\x88&gt;\x88\x99f\xe8\x03F\x0e0\x19s4\xe4\xa7C\xb5\nX\x82\x1dH5UQ/D@\x1e\xc9yx\xcc\xb6wo\xac\xb6\xff:G\xab=\\\xfbMIPm\\\xc5\xae\xce\xd1\x84\xbc\xfb\xc8D\x87\r\xa9\x04\xa8\xea\xfb\xabJ\xb7\xe7\xfbT\x97f\x81\x95\x85hVT\x11X\x88Nl\x1aF\xf2,\xc6\xd7\x8e\xa2\x89\xf3\xba&gt;\xe0x\x94t\x8466\xe6\xb5\xa2\n(\xe9=h\xc7\x91\xf5\x88\x0cR\xd2\xbc\xb1\xba\xaaxVq\x85\x8f\xd5FG\xd2\x1f\x7f\x06(\xf5\x9d\x08\xa4\x06\xa8(%\xf3\x84\xe5\xfaTB\xa5\x94\xba\xab\xee\xfcjH5IXO\xb2\xe5P \xe6!\x8c\x8b=\x19\xf4\x1a\xd1\xe3\xc4\xd3t\x9dqs4\x9f\x93\x0c\xd3\x06\x1d\xc89\xae\x04\xe0\xabN5f\x06\xd4\xd5i\x07\xe1\x04\x86r=&gt;\t\xa0\x17xH\x17@,~\xb8\xf8!\xf1\xe0\xc3_p\xb7x\x05X\xff&lt;\xbe\x05\xa3\xb8x\xa2\xa1\xdd\x0bj\x18*\xc3c\xa5;\xbfST\x93D\x05\xac\xfeJ(\xc8\xf1\xf9\xbcIO/\x8c\x91A\xca\xbdA\xdecA\x0eX\x19\xfa\x0f)!\x99m[i\x15\xd7\x18\xa8y\x0e*\xe6uS\xd06\\\x00\xcbS\\\x8e\xb9\xb9HB-^\xa1\x1f\xf2\xbe\x82O\x17\xff8\xfc?\x05\xce\x9e={{q\xf5\xc6\x16,A\x03\x07\xc9@v\xc7\xc5\x18q\xa9QXO\x97&gt;{E\x85&lt;}\xd6\xef\x86\x03&lt;\tr~\x88\xe5\x8c \xb4\x84\x99\x0f\xb8\xc0\x11\x06\xdc\xd3!\x0b\xae\xc0l\xa6\xae|X\x80\xee\xd4\xe9\xe8&amp;\x1a\xd4\x08\xe0z\x94\xd1Cr\x04\xf6`\x134\x8b\x8bgi}JwW\xd4\xa7g?\xf8\xe0\xd3\xdb\xb7o&lt;\xa2g!(P\xe5\x91vH\x18\xbav%\xdb\xc7\xc9\xca\xe5!\xd4\xe4$\xb4B?&gt;_\xe9\xf61\x07p\xec\\\x0egm@\xad\xffta\xc5*n\x03A\xd4\x16\xf2\xc2X\xd2\xad\x1aa\xd8\xce.\x8ek\xee\x07\x0c\xf9\x81\x14\x89Au \xb5\xeb\x13\xa42A\x1f\x91:\x95\x8b\x80\xab\x80\x9b\x14\x81\x14q#\xe2\x94i\x02w\x18q&gt;\xec\xbb"\n\x81\x0b\t\xe4\xbdY\xd9\xb9dl\xc9Z[\x92\xdf\xbe\x99y3\xab\xa1\x13k$J@w\xaf(Dr]O(\xaa\xc5 L1\x03\xa1\xbeC\x182\x1a{&amp;\x04\x1a\x94-\xabw/\xc1\x13`\x94\xa5\xeeZ\x9b\xcd\xca/\x9b\xc6(*@\x82\x07Q\x04=,|\xa0&gt;\xf7\x17\xbf[P\xd0\x06U\xf9g\xeb\xf7Np\x05\xfd\x88|Ce\xea\x9c\xd7A/\xce\xa3\x94~-jI\xa1k\xdd\xc2\x9d\xa3E\x1bB\x08Eg \x16D)*\xe6\xb1(\xae\x10B\xb2\xbd\x06O\xe5\x8c\xaf\x876\xd9\x05Al&lt;S@\x05\x92\x18\xf0}\xdf\xff\x8d\x06\x9f~\x9d\x1ea\xbdRXO\xf7g\x0e\xf3\x85,\n%\x08\x8a\xd9qP\x8b \x0b13S\x17\xec^\xd2\xb4p\x0cv7\xa6\xf2b\x06F\xe3\t\x96\x10[NQ\xb5V\x91\xa5\xcd\xee\xa2&lt;@:B\x9bl%\xfe\x8b\n9\xe8\x1bR\xf0\xc5m\xfc\xf1\xeb\xe9\xbfdA$~&lt;r\xac=\xcc\\\xe8\x00\xd9\xaa\x8d\xc4i\x864\x04\xac\x9a\x11gsGap\x19\xb3\x9b\x1e4t\x9b.a\x95\xaf\x9a\x9d\x11\x8d\x1de\xb0\xdd\\\xd0q\xde}\xbam\x1a!\x1e\x0f\n\x85P\xb9"M\xdc\xf5\x07\xc5\xfe\xf5\x7f\xa8\x00\xeb\xf1\x02\xa1dM/\x0f\x11E \xab\xdb\xc1\xdc\x83\xdcj\xbe\xe8"@Rpu\xa6)\x18h^\xe0\xb7\x9eU\xa7\xf1a\x046*\x06\x91\xf5\x18&lt;\xa6\xd9n&amp;G+\'\xf7[\xf1x4\xaeL\xae\\\x8d\xfa\xda\x91\x12\xd9`\xff\xb9\x055\x85\xf7\xb4P\xe3\xf8\xc5\xda\xc3\n3tu\x08\xaen\xc7\x80\xbb\\\xefTC\xc5mP\x13\xd5\x10\xbd\x08N`N&amp;\xacI,\t\x91\xef\xe1 \xf7\xb9\xb4\xb0\xf42\xd3\xec6\x9a\x84\xf7\xd8Z\xaabOWP\xd0}\'d\xca\xa3\x1a\x8c\xd7o[PS\xd5\xf7\'S\x15\xd57\xdf\x1d\xe0\x88$Q\x17^D\x93\xdc\x11\x1b[\xab\xb5\x14\xd5Kl\xbd\x80\xb0\xeb\xe2)\x8c\xc8\x7f\x94\xb0(\xa4\t\x9f\x00\x9d\x8c\x812\xa7\xae\x90H\x06\x18\x08#\x00\xba\x92\xc0\xaew:\xf6d\xa1\x90d\xed2\x87\xb0\xa0\x0b\xa3\xfe\xf8\xdb\xf3#Wj\x07\xa1\xd8\x0fQ&gt;$H\xa3\x8c=\x1e\xd8\x9a\xcfWx\xc3\xe6zT\xdd\xdc,\x97\x15\x8e\xab\xa5Z\xc5c\x8c\xaav\x04\xc3\x80g\xf2\xdb\xb9\xbft5_\xdd]^]]\xde\xf9Qk\x87[&lt;\xb0\xea\xe7\xad\xb7\x0f\xad\xb5\xc3\xdbwK\xde\r\x97\xf0\xff\xb0\xfb\x03f?S\xf7C[\x0c\xae\x00\x00\x00\x00IEND\xaeB`\x82'</t>
        </is>
      </c>
      <c r="M364" s="3" t="n">
        <v>45492.67712962963</v>
      </c>
    </row>
    <row r="365">
      <c r="A365" t="n">
        <v>982174</v>
      </c>
      <c r="B365" t="n">
        <v>1974</v>
      </c>
      <c r="C365" t="inlineStr">
        <is>
          <t>Lucas Piton</t>
        </is>
      </c>
      <c r="D365" t="inlineStr">
        <is>
          <t>Lucas Piton</t>
        </is>
      </c>
      <c r="E365" t="inlineStr">
        <is>
          <t>LE</t>
        </is>
      </c>
      <c r="F365" t="inlineStr">
        <is>
          <t>LAT</t>
        </is>
      </c>
      <c r="G365" t="inlineStr">
        <is>
          <t>LE</t>
        </is>
      </c>
      <c r="H365" t="n">
        <v>176</v>
      </c>
      <c r="I365" t="n">
        <v>6</v>
      </c>
      <c r="J365" s="2" t="n">
        <v>36807</v>
      </c>
      <c r="K365" t="inlineStr">
        <is>
          <t>Left</t>
        </is>
      </c>
      <c r="L365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bd4c037-5dec-425a-91df-f24329b5bb98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4\x10\xde2\x00\x00\x00\tpHYs\x00\x00\x0e\xc4\x00\x00\x0e\xc4\x01\x95+\x0e\x1b\x00\x00\x03\x00PLTE\xff\xff\xff\xf6\xf6\xf9\r\x0f\x14\xf3\xf4\xf8\xf8\xf9\xfb\xfb\xfb\xfc\x04\x03\x04\xf5\xf5\xf9\xf7\xf8\xfa\x01\x01\x01\xf0\xf1\xf5\xf2\xf3\xf7\x0b\x0c\x11\x08\x06\x05\xff\xff\xff\xef\xf0\xf4\x10\x12\x18\x0c\x08\x07\x19\x1c#\x08\n\x0e\x06\x07\n\x1c \'\x0f\x0c\x0b\xd0\xa5\xa1\x14\x0b\t\xed\xee\xf3\xc9\x9e\x98\x15\x19 \x15\x10\x0e\x12\x16\x1c\xdf\xa9\x9e\xdd\xb3\xaf\xf9\xf9\xfc\xbe\x8d\x84\xde\xac\xa0\xd9\xaf\xaa\xe0\xb6\xb4\xd1\xa7\xa5\xd3\x9d\x93\xe1\xb0\xa3\xba\x88\x82\xc1\x91\x8b\xdb\xa7\x9a\xeb\xed\xf1\xd9\xa4\x97\xd7\xa1\x93\xc9\x98\x8f\xc6\x9a\x94\x1d\x10\x0e\xb7\x85~\xfd\xfd\xfd\xe0\xb5\xaf\xe2\xb2\xa5\xd9\xac\xaa!%-\xcc\x95\x8a\xc1\x96\x92\xc5\x93\x8d\xadzr\xb0\x81y\xe3\xb4\xa8\x1d\x16\x15\xcd\x9b\x94\xe0\xad\xa2\xcb\xa1\x9d\xd0\xa0\x99\xd4\xaa\xaa\xe2\xa3\xa2\xcf\xa3\x9d\xabul\xe5\xb0\xaf\xe5\xb7\xb2\xd5\x9b\x8f\xda\xa7\xa0\xe9\xad\xab\xa9rg\xc7\x8d\x7f\xe0\xb0\xa8\xa2k`\xea\xbe\xbb\xca\x91\x83\xe2\xa7\xa6\xa3qe\xdc\xac\xa4\xb2~y\xd8\xab\xa6\xd5\xa2\x9e\xcf\x9d\x97S85\xd5\xa7\x9f\xdc\xaa\x9d\xe8\xb7\xaf\xe7\xe9\xef\xd9\xaf\xaf\xe5\xb2\xa9\xd0\x99\x8c\xec\xb6\xb3\x9aaZ\xe6\xa9\xa9\',4\xdc\xa0\xa1\xd6\xa5\x9b\xd4\xa1\x98\xea\xeb\xf0\xe9\xb1\xb0\xd5\xab\xa6\xdd\xb0\xab\xeb\xbb\xb6\xcf\x94\x86\xd5\xa8\xa4\xe3\xae\xa5\xe5\xba\xb6\xe3\xe5\xe8\xc5\x92\x87\xd0\x94\x94\xdc\x98\x92(\x15\x12\xe6\xb6\xab\xb6\x83x\xb9}|\xe4\xe7\xec\xde\xe1\xe6\xb4wy9" \xbd\x87{\xc0\x82v\xbd\x8b\x7f\xb3wo\xef\xf0\xf2\xa8he\xb3}s\xdd\x9d\x9c\xa6\x80{\xf3\xf4\xf41\x1b\x18\xd6\xda\xe0\x8e]Z\xe3\xac\xaa\xe1\x9e\x99\xd7\x9c\x9a\xbf\x8c\x89\xed\xc0\xbd\xa0zx\xd7\x92\x8c\xcf\xd3\xd7\xec\xed\xee\xc5\x9a\x9c\xa5yo\xac\x85~\xe1\xb2\xac\x86c`rRQ\xbe\x80\x81\xdd\xa6\xa7D&amp;"\xb2\x89\x84\xbe\xc3\xc6}\\YsLGCKM\x8ekf\xba~s]A?\x95[SO,(\xbb\x91\x8b\xf0\xbb\xbb\xb2\xba\xbe\xb9\x92\x92\xb6\x8d\x89\xc0\x85\x87\xb3\x83}\x7fPJ\xfa\xf8\xf7\x89WQ\xce\x9d\xa0\xc7\xcb\xcf\xafnm\xe3\xd5\xd3_1,\x98h_`:5\xc9\x8b\x8b!\x1e\x1b\xea\xa7\xa2gJH\xc6\x86}045\x9fad[gm\xc5x\x89\x7fDA\x8cNM\xd7\xbc\xba\xeb\xb3\xb6\xf3\xc1\xc28CH\xa3mq\xd9\xd6\xd6\xee\xe4\xe7mz\x80p;5\x85\x8c\x8eggbpro\x96trnD@\xea\xdc\xdd\xce\x8b\x84\xd9t\x8d\xd7\xc7\xca.7&gt;\x9b\xa5\xab\xc8bv\xe3\xcd\xce\xa7\xaf\xb1\x97\x98\x94%&amp;#\xa4\xa4\xa1\x99mh\x8f\x9a\xa0\xc0vz\xf3\xeb\xe9\xf7\xf2\xf1\xdf\xde\xde\xbd\xa3\xa2fD?KW]\xaaX\\\xaa\x83\x83\xc5\x91\x97\xd1\x88\x90\x908=\xa1KP?@:\xb5\xb3\xb1\xbdn\x7f\xcc\xb5\xb6\xd9\x89\x84\xf4\xc7\xc9\xe3\xbd\xbb\xd8\x94\x96\xbaqq\xe1\x96\xa5\xd5xw\xbchq\xdb\xbe\xc4\xb8VjWXS\x82~z\x98\x85\x82}fe\xc8\xaf\xaa}&amp;+\xd2i\x80\xe0\x87\x8f\x01\xc0\xa7 \x00\x00 \x00IDATx\xda\xcc\x98\xd1OZi\x1a\xc6\xed\xa4=)\x17\'\x99\x93\x98\xb3\'\x9b34\xd0\x1dh\r\xb8G\xc2\x84-\xf5@l\x8a\xd5\x80\xc8\xa0Vj\xb3P.$\xdd\xd1\xa52A\x9a,\xa8\x1d\xb2\x12\xccN\x1b\x1d\xd3\xdaa+Ve3\xbbSB\xbb\x11B:^\xb4\xd9\xc4n,\xae;\xd9\x9b\x8a&amp;\x9b\xc6d\xe6B\xff\x01\xcd\xde\xec\xf3\x1e\xdd\xff`N\xbbo\xea\x01\x0e\x17\xe7\xc7\xf3&lt;\xef\xfb}_\x1b\x1a~\x8a\x9a|;\xfd\xea\xed\xcc\xe9\xa3\x0f\x16K\xc3\xfb/\xcb\xe9;o\xf7\x0f\x17VW\x17j\x87\xfb\xafFFfN\xfd\x1f@\x9dx\xfb\xe8um\xa1\xca\xf1"\xcf3\xccG{\x07\xb5\xd7\xdb\xdb\xd3\x93\xefU/K\xc3\xe9\xed\x83U^\xc3\xf2|#\xc0\x1a\x19\x86i\xfc\xa0Z\xad\xaen\xec\xbf\x9d|onZ\x1aNl\xd5\x81\xc2\xb2\x8d&lt;\xcf\xf1`;\xfa\xc0h\xd8\xfaBmk\xfa\xd4{\x02;\xb5]\xd7\xb0,CEd`\xc3\x07\x0et\x1a\x8d\xa6\x91_}\xfdl\xe6}\xa85\x02\xadXB\xd0hpe\xc9G\x9ee5\x1c\x7ft\x0f\x9a\xd5\xf6\xef\xbcs\x0b\xa7\x0fx\x86\x85w\x04\xc1\xf3@cYQ\xe6X\r\xc3\x1d\xb3\xa2&gt;\xdax\xf6n\x1b\xd3\xf2\xe8\x80#\xf7\x1aE\x99\'\xcb\x88\x8e\xe1d\x91\xa5x\xe1\xfe\x91\x88\x0c\xbb\xfa\xe6\xe4;\x9cU#[\xab\x9c\xf2t\x86\xe1\x89\x8b\x15\xc5F\xbaJ\x1c\xcbr\xf8\xa3/\x88\xabQS\xdf:\xf1\xae\xa8F\xb6\x0fd\r\x0b\x0bY\xa6\x91%$\x8d\x86\x13E\xf8\xc7\x8b"\x87\xa6TlT\xac\xc4\xa5\xbau\xf2\xdd\xcc\x85\xc9\xed=\x96\xa2D3\x14\xd20\xac,2\x1a\x9e\x0c\xe4xY\xe0YN\xe4\x18\x96z\x94\x02\xc7h\xeaoN\xbd\x13\xacoV\x95\xe0prU\x96\xe5\x0fH\x1c\x113U\x04\x1c\x88D\x01\xd1\xe7)_\x1ca\x91\xd1\xab\x8f\x1a\xd4\x9f_\xd0Jy\x18\xd3\xf8a\xbd\n2\x8e\xba\x91\xe3\xc8F\xd0 ^"\xe0 \x19s\x9c=\xe4~\xe1\x95\xea\\\xd3\x1bU\xf8\xc7\x11\x01\xf7\xa1\x880\x89\x82\x886\x04\x06\x05\x8b\x81hU\x919\x1e\xadG.\xa2)\xb6N\xa9l\xe0\xb3\x05E\x01\xa4\x1d\xa9B\x132\xb4\xee@\x1cz\xbc\x12{VF\xc8\xc8L\x8e\xe3\x8e\xd2\x85\x96PW.K\xc3LMq\x85\xa6\x13\xcc\xe3\xc4*O\xd3\x93\x13\xc8@\r#\xca\x12\xab\x81\x8b\x82\x00b\x19\r\x01\x19\x95\xd6\xa8o\xabk\xe27U,4,/\x90D\x84\xc2\xc31B\xe4\xc5\xaa\xccj\x84*EM\x90$I\xe4d\xa9*P+\x10\x96\\\xaf\xcd\xa8*\xd7\x962\x8c\xf0\xfb\xd1\x83h=\x01\x82 d$\x1d\xeep\xac\\\xcdH\x1c/I \x03\x9d\x80\xa9O\x19c\xc5\xea\xde\xbe\x9a\x1e\x8e\x1ch\x94\xb8@\x1d0\x81D\xaaJ\x94!V\xe1\x92\x04\x11D(\xb8\x18W\xdeH"e\x8cadYE\xb9,\r\xfbu\xc2\xe2\xe8\xf1"=U\x92\x8e\x02\xce\xd3\x87L2\x8e\x1b\xf4G/\xca\xfbx\x1c_p\xbc\x86\x17WU\x94krC\x19\x91\xf0P\x8ag\xe8\x89\x8a"\xc8;\x04\x02U.\x99I&amp;s\xa8$\xbd$3\xb8\x93\x89K4\xc0XA\xde\x18QI.K\xc3\xab=\r-\xc5\xec\xb16\xff\xabL2\x83K.W(\x04v\xf3\xf9\xb9\xb9|~\xb7\xb2[\xa9\x04*\x95\xcaJ!#\xd0/\xe1\xb9=\xb5F\xbd\xc5\xf2\x06g\tN\xe08\xd8C\xaa\x14V*\x95u&lt;\x198+`\xd8\xdd\xcc\x97\xca\xb3\xbdO\x9e\xcc\xfa\xcb\xd9R\xb1\x94-\xd3\xcbfN\xa0.\xe1h\'aQE\xac\x135\x96\xf6\xec\xac\x90\xc9\xad\xac\xaf\xaf\xbf(\xbe,-\x87\xc3e&lt;=[\xcaf\xb3e\xbf\xfd\xdc\xf9\x0b\xbft8\x9a\xcf\xebZ\x12\xe9\xdeD"\x91v{\xcb\xf9$q\xf1\xd5\x8d\x19\x95\xb0\xde\xc2C\x88%dV\x80T\n\x87\xbd^\xaf\xdb\xe5v\xd9\xed\xf6\xde\xc4\xb9\xd8\x85\x0b\x8e\xfek}g\xcf\xfe\xe6\xda\xd5\xb6~Gs,\xe6\xf1\x8c\xa7\xc6\x16]\xe1M\xe2b\xb9\x85g\x16\x95\x16\x9e=\x8e*\xbe\xf2\xe2\xe5r\x18D\x13\xe9\xf4\xe2b:\x91\x1a\xff\xd2\x16rD"mW;\xfb\xce\x9c\xf9\xc5\x99\xb3}\xd7"\x0e\x87\xcd\x17\xf3\xf9&lt;\x9e\xb1E\xf7\xf2n\x86:\x85WG.K\xc3\xf4\x1eK\xc9\xca\xbdx\x19\xf6\xba&amp;&amp;&amp;\xf0\x97^L\xc5l6\x87\x01\xf5\x87\xc8`g\xcfg\xa8\xae\x9e\xceA\x83!d\xb3\xf9\xc0\xf5\x1d\xb8\xb2\x818:E\xb3\xf7J\x1d\xac;\x07\x0c/p\xf1\xf5R\xd8\x0b\xa1\x12\xa4\xd5X\xcag\xb3\xd9B\x1d\x06\x83\xc9\xd4\xd4\xd9\xd9\xd3\xd5C\xffz:#\x86\xd0\xb0\xcf7|\xcc\x95\xcf\xe0\xd7\xb0\xf5\xed\x93\xaa\x988Y\xa3]^\xa1\xb4\xecu-"\xcf\x89T*\xe5\xf1\xd9B!C\x87\xc1lj\x1a\x18\xd0\xeb\x9dFc\x17\xca\xa8\x1f0u\x84\x86\x87\x87\xbf\xff\x1e\\\x8b\x13\xe1\x1cf=/\x1eN\xaa \x17\xb6\x0f\x07\xac,I\x9b\xcbawBw\x0eL\xe3\x1e\x8f\x8d\xa8"\x11@i\xb5Z\xbd\xd6i\xed\xea\xb2\xb6\xb6Z\x8dzm\x93\xb9#Dd&gt;`\xb9+\x12a\xa9\x12.L\xd3\x05\xa8\x95)"X-:\xdd\xf8\xb8.\x16\xb3\x85\x0c\x86\x88\xc9\xa4P\xe9\x9dZ}4\xd8\xaa\x945\xaa\xd5\x0f4\x99\x152\xcf\xe2\xc4D1N\x9b\xb2\xbdg\xaa`=[\xc5j\x98C\xb2\xa0\x96\xee&lt;\xa0\x1c\xfd\x11\x822\x9bM$\x96S\xaf7\x06\xc1e\xb5Z\x83\xc1\xa8~\x00N\x9a\x1114\xe3X)\x83\x15\x8a\xad\xef\xab\x82\xb5_\xe7D\xa9P\xc2\xb4J\x9f\xd3]hnv\xb4]\x8dD\xc0\x04\xb5\x14\x0b\xb5\xc7r\x01kt\xd4\xe9\x84^&amp;S\x87\x82\x15N\xe2\x94\xcbT\xdf\xa8\x82\xb5-sB\xbc\x92\xf5z\xfd\xf6\x16\x1d\x86g\xdb \nXMM\xc0rZ\x9d\xb8\x18\x15\xb5\xa2Q\xc8\x15\xb5:\xc1u\x84U.\xc4e\x8e\xa9\xee\xab2\xe7_cA\xccl\x96i\xb8\xf7\xea\x9a\xdb"J\x1da\rh\x8d\xc1\xa8Vk\xb4Z\x8dNc\xf4\xa8\xc8H\x93y\xf8\xbb\xb1\xb1\xc5r \x19\x17\x98\xea\xf6O\x8f\x85%q\x83\xe5\xa4\\\xbe\xec\'\x17u\xfd\x97/\xb7\x19\x0c\x1d\xa1\x8e#,\xbd\xd3ju:\x9d\xe8A\x8c\t\xe8\x86\x8aZiP\x84&lt;\x1eO\x02X\xd8\xb6\xca[j`Mn0B&lt;P$,W\xaf\xae\xbf\xad\xcd\xe1\x08ut\x00\xcbDXF\xe8\xa4\xd5\x1b\xe9\x05\xe65i1\xc6\x9c]z}S\x07fj\xaa\\)$3\x82:XPKJ\x06Je\xbf\xdf\xef\xea\x8d9\xfa\xfb\x81\x152\x98\xa9\x0f\xc1`l\xb5\xea\xb5z\xab2\x1f\xa0\xd6\x80\x16l\x14{s\xc8\xe7I\x957\x03\x85\xa4\xa4\x1aV&lt;\xb7\x94\xf5\xfa].{K\xac\x19\x85aJ\x8b\x0e\x92n\x04O\xd0\xe8\xc4u\x14\x85w\x98\xa7\xf8F?@\xe9\xf2\x8d\xfb\xf3KKH\xbd:&amp;\xd6\xb8L!_\x06V:}.\x16\x8baD\x84"\x83\xb4\xe4\xa0\xf1\x82\n\x8dut\xb4\xf5\xfau\\\x8cF}\x93II]\x13\xc9e/m\xeeV\x92\xf2ku\xb0\x84d`\x0e\x1e\x02+\xa5\xd3\xe9 X\xff \x96\xe6\xe8T4x\x9dj4\xd8:z}\x08\x05\xb0\xa0\x93\xa6\xbc\tlfL\xd4T6\xbf\xbb\x94\x93\x0fU\xd9@\xd4\x84\xc2sx\x88\x8d_:\xd12\xae\xc38\x1d\xec\xf9\xec\xfe\xfd\xa9v\xa2\xba1tc4\x08\xaa\xee\xbbw\xefv\x03m\xd4\xaa\xa7\xf1o\xa6\x15\x08r\x81+P\xdd8\xd9\xa0F\'J\x81\xb9\x1d\x97\xdb\xed"\xae\xf1\x0bm\xbf\xed\xfb\x04\xbb\xab\xae\xfb\xedS7o\xde\x18\xea\xee\xbeAR\xdd=\xae\xee+\xedNZ\x98\xd0\xab\xd8z\xc5f\xe7\x9f\x072\xb5\x13*`\x9d:\x8c\x07\xe6g]n?q%\xce\xff\xfc\xf2\xa5K\x97\xfa\xfa\xfa&gt;\xb9\xdf\xde\xde\xfe7\xc2\x1a\x1a\xeaV\xc4"(\xd4\xdd[]\xfa\xa3}D(\x14\xd2=\xce\x07\x92\xb5I5\xb6\xcd\xaf3\x81\x07\xb3n\xc2\xb2\xf7&gt;\xb9\xf7\x8f{\xbf\xbfw\xef\x87?\xfe\xe5WO\x7f\xf6\xf5\xd7S7\xaf\x0c\xdd\xb8\x02\xae\xee\xee[\xdd\xb7~}\xe9\xe9WO\xbfB}\xdc\xa37\xd3\xe6f8\x14\x9b\x9d[\xca\xd5\xee\xa8\x91\xf9\xedd\xe0\xf1\xac\xdf\x8d\xcc_\x9c}&lt;77\xf7&lt;\x10\x08,-=\x9f_\xfb\xf6\xf3\xabS\xedT7\xaf_\xb9\xff\xf1\x9f\xef=\xc0\x97\xf3\x0f\x1e\xec\xac\xfd\xf0\xa7\xe6\x08\xe6)6\x8b\xb6\'\xf3K\x81\x9a\x1a\xffMoy\xb4\x17x\xec\xa7a:\xbbS\xdc\xdd\xdd\xad\x14r\xca\x89&gt;\xb7\x99u=\xfc\xbc\xf3\xd3O\xa7\xda\xa7\xa2\x9d\xe7w61\xd1q\xa4-T\xf2\xf3\x8f\xd7v.6\x0f{&lt;&gt;\x9f\x82uxZ\x95C\xf5\x81\x82\xe5\x9e-\x17+8&gt;\xa36\x81\x86S\xec\xe6\xb2;e\xa0\x9d|\xb4\xb3\x19#j}\x05wW6\xf3\xc5"\x1d\x1f\xed6\x1fq]\x9c\x7f\xbe\xb4\xa5\xca^\xfe\xdf\xb5\xc0\x03R\xab\\\xcc\x17w\x9e\xb4\xe8\xbe&lt;\x97v-\xaf\xd3\xa1q\xd9\x9b\x8eE:\xb1D\x9bc\twx\xf9\xc5:\x0eG_\xd8{/\xce\xee\xecd\xb3\xbd\xc45n\x87\xb3\xfb\xaa`\x9d\xd8\x08\xcc{\xb1Pg\x8b\xc5\xb2\xbd\xa5\xd7\xe5J\xdf~\xf8\xed\xc4\xcb\x95\x15\x1c\x1b\xdd\xba\xc1\xe0h\xb0\xa9\xc3\x83s!\x0e\xdc\xe1\xbf\xde~\xf8p\xc2\x95\xee\xb5\xaf\x95\xc3)\x1f\x06\xea\xec\x83\xf9\xff\xa8q"\xfb\xfb\xbf\xfey\x18\xc8\x03\xcb_\xcez\xed\xf6pi\xedwkkk?\xfex;\xbc\xb2R\xf2\xbau\x9d\xa37\x86\x9c\x1d\xbe1\xef\x8b\xf5\x97_\xfc\x97W\xf3\xffI#O\xe38\xbf\xdc\x1fp\xc9%\xf7\xcb\x86\x04\xee\xca\x97\t\xceez4s \x0b\xb1\xb3~\x03\xb5\x0e6\xd8\x0e9\x04\x02.\xb7x$@\x84d\x8a\xb0#\xddF@\x97\xac\xecZ\xb8\xcdm\xd6\xb55\xdd\xb1\xb6\xa1\xde\x12\x8f#\x8a\x18k\x9a\xec\xd5/\x89$\x17C\xdd^\xb8\xaa\x89\xd5j\xfd\x92tk{\xcf\xd8\xdc\xfd\x05\xd0\xb7\x84\x90\xcc\x0f\xbe\xf2|\x9ey\x9e\xf73\xcf\xc0%z"I\x83\xbd\xc6\xfau\xca\x96\x9e\xf6\x80~d\xe4\xd5\xe2\xe4d\xa5\xa9\x9e\xdc\xb6\xac\xff\xf5\xca\xbf\xdb\xf4\x89\xc4\xbarBy\xef\xd1\xc0\xc0\xcd+\xd7\xae\xc1}\x98\xb6L=j\xab\x0f\xd8Mf\xb3\xab\xa9\xab%7{\x9a_\xf8\xf9\xda\x8d+W\x06\x98\xf4\x18\x13\x84\xee\x89\xe3=\x81\xf5\x91o_\xbd\xbe\xfab\xa3\xc2X\xab\xe9r\xf9\xdew\x80\xa5K`\x92\xda\xb1\xa9G?\x00\xd4\x07\x1f\xfc\xe3\xe7\xa7\x0b\x90K\xba\xfeQ\x9corq\xc3\xce\xc1\xd6\xe9\xdd\xa7?~\xf8\xab\x7f}\xf8\xdd7\xf7\x18\x9d\x00\x86\xed\xee.\x0e\xeb\x9f\x89l&lt;^\xac\xf01\xcemm\x97\xeao\xfe\xbdM\xa7\xf7I\'\xf4w\x1f\xdd\x9a\x1a\x18\x81\x02\xf1\x97W\xcf\x07\xc7f\xf3\xca\xfeP\x0b?\xc2oj\x92!\xcb\xe5\xad\xdc\x9d\x9bP"~\xf8|`j6\x84\x83\xc7\xa0D]\x80u\xdd3\x1d?\xb2W6\\\xe7\xffx\xbaU\x12\x8c|\xd3V_\xefsc\xf5\x96|\x9eI\xd3\xb9{\xf9\x1c\x9ba\x0ff\xc7B\xa1P\x97\xb1\xd1\xe5]nB\xda\xd3\xdbe?\x9d\xb3\xac\xd3I\x9a\xb1\x84\xdak\xc0\xe4\x80u^\xff\xf66\x9f8\xdc\xc6+|\x8a\xaf\xb7\xb6\x0f\x04\xfa\xbb\xfa\xfe\xfe \xea\x0e\xd4\xb7\xe9\x02\n)\x9b,%3\x1967;\xa6\xd3\xf5!Fg$\x1a\x8f\xd7\xf4\xa4\xb7\xb7\x99df\xf3\xfe}\x83\xa7\x1d\xda\x8eL\xde+\xa7\x9aZ\xf4\x89\xab\x9a\xe8\xee\x9a\xa8\xc2X\x17\xe1\x103\xca\x01}m\xd0\x8d\xbb\x03\xbe~](\xe0n\xcff\xd9l\x92\xc9\xe7\xcbL:C:/9\x08\xefn&lt;\x9ee\xc6\xca\xe9\x12\x1ekn\x16\xf5\xc0\x04R#\xec\xed\x15\x8b\xda\x13\xb7\xbfrM\xbf=D*|/\x9e\x03,\x0f\xb6\xcea\x81Z\x020\xc2\x87FGGKI?\x93c\x18f\x14\'\xcd\xce\x062\xba\x1b\xf7\xc6\x97\xfb\x18&amp;\xdd\xd7\x82\xf7\xf44q\xcf\x01(\xb1\\X\xd3\xeeS\x0b\xb5\xd3\xd1C\xb2\xb2X\x93\xc3\xa7[\xc9L \x91\xa8\x05\xff\x87\xe2\xdc\xc8\xb3\x0c\x13`_v\xb9O\xc7\xe8\x98\xb4\xdfC\x9a\xcdZ\x82\xf0\xc6\xbd\xd1(\x90e\xe1\n\xfc\xe4\xc3\x98\r\xc3?\xd5\xd4\x1e\xac\xd3LC\xb4\x1a+\x8f\xb5\xdc\xee\xd3\x03\x16\x98e\x91,\xe6\x8d\xc7w\x97\xe1_\xc7!4L:\xe4\xcf\x10f\xb35LD\xbd\x80\xc5q\xc59\xbei\xad\x19\x0ct\xaf\x8a/j\x0f\xe2.\xa3\xf6\xf0p\xaf\xb2\xbb\xb2_\xfcz\xab\xbc\x9cM[\x12\xfd\x02\x05\xdai0\x84\xc3\x1c\xd7\xae7\xea\x1d\x05\xac\x10\xed\xcf\xa4\x9cf2J\x00\x12\xa7\xfd\xf8~\x94\x00(\xf38g\xec{\xc55x\xdfA\\k&gt;&lt;\\\xaat\xdd*\x1f\x1d\x9d\x94-\t\x1f\xe7\xe1\r\xb1X8\x0cQ\x89\xf2\xf9M!F\x17\x1a\xf5\'3\x84\xd3LD\t\xe2\x1dX\xdc\x1b&amp;\xb4\x0e\xa0\x1a\x1fwB\xb4\x842&lt;\xd0\xf76j\xf6\xee?\xa9p\x95\x7f@\x1f\x94\xb7\xb6\xdb\x12\xb5\x80\xd5\x19\x8b\xd9\x08\x82$\xadV+\xd1\x15J\xd3\xd0\x96\xd9\x8c\xcd|\x865=\xad\xd5\x92\xd1(AZ9\xa6\xf9\xf1\xf9!\xe3\x19\x96{w\xf7\xad\xd6\xdaP\xe9\xe6\xb31|P&gt;\xdd\xaa\x07,\xee\x10S\x91\x88U\xcb\xc9\xe5\xa1\xe9$`%\xb9\x94\'\xbca\x1ba5C\xee\xc3E\x87y|\x9e\xd3\x10\x84K\x8c\xa0h\xfcpw\xda:T\xf15\xec\xdc\xc1\xd1\xd6\xa9\xfezP\xaa@\xebR\r\x8d\x0eN\xbd\x8eH&amp;\x1d\xa2i\xbf?\xb9O8 \xe5\xf7\xc3\xe1\xb0\xd5J\x12Vm\xa1\x00\xb1\xda\xdb\xdb\xe3\xb0Tr\x04\xed\xe4\xb0\x88\x07\x1576K\x97\xe1\x14\xc7\xae\x0b\xa4R\xf4\xa3\x0b\x8d\xce\x82C\x0bcX\x03\x9e\x86&amp;Dc\xfeL\x98t\x14\n\xd6\x98\xcd\x06`\x90\\\x84\xb6pFu\x86%VQ(z\xb8\xe6\x9d\xb6-V~=\xf6\x87\xed\xd2\x81%!\x90\n\x14u\x17\x1a\x1a\xdf\x85+\x96\xb6\xe4B\xfe\xa4\xdf\xefq8\n\xf3{\x0e\x1b\xe4\\8\x1c\x83\xfa\x10\xe6\xb8\xe6\x81j\xdc\xa9\x12\xaa\x84\x8a\x16\xafw\xdaKnT\x1c\x8b7\xb7M{B\t\x98\xf2\xa5\x9d\x7fN\xc1\xa4\xe3h\xd0\xc6B\x16K\xce\xcf\x02V&amp;Ej\xc7\xe7\xad6Hu"L\x84\xe3\xd9\xe5\x18Y\x18\x1f\x82\x1b\xd1l\x94Sb\xa1B\xe4t\x12\xbb\x8dU\xd8\xf0\x1f\xd3I\x8f\xa2V\x12\x0c\n\x14g9\x1f!c\xa11\x0b\x03m\x99\xf5\xd3t&amp;f#\xc9\xf0&gt;\xa1\xd5Z!\xb3b\xd9\xbe\xe5\xfdH\xa1\xd1\xc1=\x9a\x10SBDm\x9e7G\xbd\xc5*&lt;\xa4\\M&amp;3\xd2Z\x0c\x93\x00\x97\xda\x90\xeah\xae\x19\x1d\x1b\xd3)CI\x96\xf5\xa7\x17\x80\xcb\x03\x8a\x91V\x92th\xc3]\xd0}b\xdc\xf0h2\xb5R\x94P\xd6=&gt;\xee\xb0~U\xf9\xd4\xe2\xf1\x8a\xc9\x83\x92\xbf\x16\xf3\xf9\x02A\x81Tm\xb0\x8b\xb2\x96\xb16%M\xd3L~vv`\xc1\xcf\xb2,=\x90\xb7\xd0\x1e\xab\xd6JB\xbb\xc9\xb6\x88\x9a[[\x85\x14E!\x94\xac\xdb\xec\xd0\x92/&amp;\xab\x80\xb5\xf4lf\xc6_+\xf1\xf9\xb0 \x86\xb9E"|\xd4b\xd1)\xfd`\xf9\xb8\x01l \x07\xb7d:\x97cX\x9b\x95\x84\x8a\xda\xdc-j\xc7\xbb\xba)\xa4\x06\x91!B\xe4*\xd4Vm\xb1\x1a/\x8fL\x1e{6\xd9Z\t\xe6\x0bbJ\xcc\xad\x16\xe1\x90Y\xf5J\xdaO\xa7\x17r\xb9\x9c%\xc7\xd0\x99}(\xff\xa9\x08$W\x844p\xfb\x8dnQ\x8d]f\x97Qb\xa4coo\xfc\xd2\x13^5\xb4q&lt;\x0cX\x82 \x98\xe6 \x17-\xe5\xdf\xea/_Vr\xc7H\x03\x1d\xf4\x9f\x18\x11\x89\xa4R\x17R\xb1\x18x\xc0N\x1cGZ)\x99\x8cB\x10\xb1\x9c2\x14.\xed-V\xe9\x95\x83\xf3K\xcf\xbf\x94\x08\xdch@\'\xc0E"7&amp;\x19\x94L\\\xf6c\x12v\xd0s\x96\xee1\xd2\xe1hH\x19\x0c\xf0\xb3\xf9\x13\x83\x1a\x17i\xc4\xdc\xdeL,\x97#\xbf).N\xf2\xaa$\x98\xf7oc\x02\xb7:\xa0\x83`\x89P\xa9T188(UpDP\xdc\xb9\x9a\x05=\xa7\xa1!b\x83h\xa5\x0c\x1e\xb5\x08\xd1\x9cA\xa94H\x91W=\x9d\xe7}\xf1;n\xad\xe2\xabw\x8bd2T!\x05eP\xb5\xdac\x03 \xb0\x13P\xe9\xa1\x15\x16HPs\xb3Z\x10\xc4)\xb9\x06\xa8\xe4*\xbep\x89WMm\xbc\x9e\x00w\xea\xebww\x8b\xc5]z(\xf0\xec\xa0\x82;=[\xf8\xe5\xff\xb5\t\xf2x\x14J\x8b&gt;\x80\xf4\x8a\xc5\x9ci\xe6w&lt;\xa9*\xd6\xf9\xb9\t\x89\x1b\rb\xd2\xee^#\xff\xee\xad\xc7w\xefYr\xb94\xbd\xb3s\xb4stT\x9a9:\x9a\xd9\x01\x1d\x95\xf3\x8f\x1fO=j\xeb\xa3\x8c\xdcZC\xae\x91\xfdv\xb2\xaaX\xbc\x07_cnT\x80\t\xd4*\xa7\xb1~\xea\xc6/\xaf\xcd\xe6\x17&gt;_\xb8\xf3\x8c=w\x7f\xe6\xdc\xf1\xfd\xe1\xb9\xfb\x17\x8f/&gt;\xbb3r\xe3\xd6l&gt;\x84\x9b\x8cB\x8dX\xa8\xa1\xec\xc5\xaa\xbe\xbf\x059?|Y\x80*`\xfa\xe9p:\xf9}\xb9\xa9[#\xffy\xbe:\xf7\xd3\xd2\x83\xc5\xc5\xe2\xe2\xa7\x8bK\x9f.-..\xad&gt;\xcf\xe5\x93\xf1\xbe.\x13\x98\x07\x8d\\\xacA\xfeT\xdd3|w\x8a(\n.\xc2\xae2\x1b\x11|t;\x9f{\xba\xfa\xf0\xe3/\x169}\x0c\x9f\x9f\x8a\x0f\x8f\x87\xd3\xe5MWSS\xef\x90S\xc5-\x81\x84\xdd/&amp;\xab\x8d\xb5\xf4=\xa6PK\x83A\xb4\xa3\xd7\xe1\x12eJ\xe5\xed\x13\xf6\xe9\xea\xea\xea\xc3\x87\xc5\x87\x0f\x8a\xc7\xc7\x17g\x9e\xed\x9c\x9clF4a\xbes\xc8(o\x15\xabZ\xed\x1f-\xf1\xaa\xad\xcf\x9e\xc2\x90\xa1\x80\xec\xaak5\x9a\xf8\n\xd6_&gt;9Y\x83D\x9f9\xd3\xce\xcc\xda\t\xfcm\x12\x11\x17\xdf\x04\xc1\xd2\x08\xc5\xe2f\xf4\xf5F\xd5\xb1x\xc5\xafk\xc18\x07}\xee\xab&amp;\x93\xab\x93e\x0f\x00k\xe5\xcd\x9b7k\x9c\xde\xac\xac\xc0\xd7f\x8c4\xb9\xf8.\xa7\x11\x9c\x96\x86\xaa\x93&lt;\x9f\xe4\xbd\x87p)\'$\x02\x01&amp;\xe9\xec\xd04w+\x06Y\xfahm\xe5\x7fz\xf9reme\x9f #&amp;\x97\xc6dT\t\xa1\xf5t\xa3_\xbe\x0f,\x08\x97\x12\x83\x86-A\xafv\xd8E\xb1NE\xf2`g\xe7,N\xf0Yy\xbb\xb9OF"`\xfeL\xa6\xc6F.Xv\xf4{l\xee}`}\xf6\xfaz\xed\x04\x98Tig\xb3\x1d\xc6\xfe\xbaLi\x86M\x96@oJ3\x9b\xfb\xa9\x86B\x03\xb8\xd2\x08\xbf\xb5\xf1\xf7\x14\xa2\xa1:oK\xfe\xcb\xbb\xf9\xc5\xa6u\x9ea\xbcG\x07\x0bt\xb8@\xaa\x14\x1d\x9dS\xcd\xe0\xf0g&amp;t \x83\xa81T\x98\xe3\x9c\x18{\tu2\x1b\xd3#\x81\xadF\x06\xc2\xa91(\xd2Z\xd8\xb4\t58\xccs\xe2\x1a\x02\x8e2\xec\xccs\x87b\xe4h\x8e\x1a\xa5R6\xf5"R\x16U\xdd\x9c\x8bfZ\xa6$\xda\xe2N\xc9\xc5\xa6J\xeee\x93\\\xec\xf9\x0eN/\xa6\xad\xea\x9f\x84\xd7\xc6XX\x86\x9f\x9f\xe7\xfd\x9e\xef\xfd\xacCW[\xb0^x\xbfx\xc6\x0b\xb0n\x87$%"8\xf8\x93\xbd\xe6\xf8\xf1\x0fp\xfb|\xea\x1c\xe6d\x88U\xdb\xff\xcb\xd1Z(\xfe\xb2\xc5o\xad\xdb\xfb\xae\xb5\xe5-\x06\xefW\xcfx{zz\xeaVQ\x1a\x8f\xf8\xc7\xc7\xa7\xa6\xceMMaj\xc0\xfd\xd19\x1c\x88\x06\x07k\xa1\xfe\xfe\x9a,\xc5-\x1f\xf45\x1a\x91\xde6\xa9U=S\xc4Q\xa3\xde\xe0EA\xb0[\x08\xd6\xdc\x91\xfd ;r\x14\x83\x04&lt;\x0c!\xad~\xec\x1a\x8d\xc7\xe3~{\xc3\x11\x9fl\x17\x96\xd7G\xb0\x9a\x1e^\x10,\x04\x0b\x93\xcc\xfe\xd6\xc0u\xf4\x87\xc7\xe6f\xfa\xfb\xfbCAY\x12\xe2q\xbb\xc7.\x0c[\xda\x85\xe5\xc3Gww\xbd\xee\x89D\xfc\x89\xf8\xb0r\x94V\x06\xc19L]33\xfd\xa1PMN\xf9\x85\xb8\xe0\xb0G\x86G\x87\xf4\xed\xc1\xf2ml\x14\xab\x1b\xf5z\xb5\xee\x11"\x89\xbd{\xa7\xe6O|~b\xff~\x1c[1\x0c\xceLL|?\x1c6\x9a\x03\x82$\xfa\x1d|\xb8\x16\xb2\xe8\xff\xd1\x1e\xac\x9e\x1e_\xb5Z-\x16\xab\r\x07/\x0c\x0f\xcf\x1foQ\r\x1e;\x06\x0bg&amp;F%6e\xe6EI\xe0\x1dl0XK\x18\xdb\x85\xd5\xdd\r\xac\xea\xc2\xc2\x83\xa6\x07`\xf3\xf3\'\xd0\\H\xd17G\x82\x83G\xce\x85\xc2\xac\xd9\x1c\xe0\x03&lt;\x0f\xb1\x82\xc1\xd0|\xaamX\xa7\xea\xd0\xaaX,&gt;X\xf7x\xfa"\xe7H\xcd\x1d\x99\x0b\x8ed\x06e7\xcb\xb2\x01\x16H\x0e\x87C\x1c\x1d\x0c\xf6[\xda\x87e=E\xa0\x8a\x0f\x8a\xd0k\xddc&gt;7E\xc0\x06\x07M\x19Sl\xc0\x1c\x08T\x02\x80\xf2(b\r\xf6\x0f\xb5\x0b\xeb\xednk_\xbdZ\\XX\xd8\xdaZ\xa87\xd7+\x9b\x9b$R\xddr\xcc\r(\xb6R\xa9\x80\xd5\xe3\xe1\xa5\xda\x9b\xc1\x89\xfe!\xe9\xef\xed\xc3\xb2\xd6\x8b\x80\xda\xdaZ\xdd\x82b\x0f\x01\xb6\xb9Y1\x8foV&lt;\x95\xca\xfa\xfa\xb6\xa7\xd9l8\xc4\xb0+37w\xa4\x9dX\x1eG\xa3^\x04\xd3\xd6\xd2\xca\xd2\xea\xd6\xc2\x83\xf5\x87\x95\x87\x9e\x87\x0f\xd7\x9b\xd0n\xbd\xb9\xde$\xe1\x91\x923#\x13s\x9dm\xc2\xba\xe1{\x1b\xc7C\x87\xa7Y]XE=^A\x112r\xb9\x06n\xc5\xfaz\xfd\xc1B\xb1\xe1\x90\x8c\x99\xd3\xa73\x13\x9d\x93b;\xb0\x9cD-`9\x1a\x84kii\xe5\xecU\xd4\xd9\xab\xca5\x19\xab\xabK0\xb5\xb8Pm\xf0\xac\xd1\x959=\x92y\xb5sRh\x8f\x89^`Y=\x15O\xa3\x0e\xae\x15`\xad\xbdNj\x8d\xd0-\x11\x01\xb7\xaa\x1e\x07k\xd4g\xc8\xb5-\xafv\xbe+\xb4G-/LDs\xc1F\xb4\xfd\xd2Y`\xad)`W\x95kXVV@\xa5hE\xa8\x82\xa1\xcew\xdbb\xe2\x0b\x7f\xf5\xfe\x84\xa8\x05\xb9\x9a\xd8\x17\xb7\x88\x8b\x9f\xae\x91"j\xa1\xcd\x8a\x1e&gt;\x00\xaa\x9d\x91\x91\x9dL\xb0\x16\xda7\x14\xb8?\xeb$\xf5\\\xa9\xca\x9fy\xc7z\xba\x80\x85\xc5\xd8\xa8C\xaf\x85\xbbK+\xe7\x89^k\xe7\x97\xee\x16\xeb\x8eT:\x952\xeaM\x90*\x93\xa9\x85f\xf6\rum\x97\xee\xdf\xc8\x16\n\xcc\xf3\x9bR;\xca\xcb\x8f\x0e\x8ca\xf7\xb1Z=\xd6F\x83\xe8\x85\xbc?\xb3\xba\xb4zW\xe9\xf3tX\xaf7\x1a\xf5zd\xc3\xce\x0e\xf6\xe9P\xff\xbe\xa1\xdf{\x1f=\xfa\xdb"Gk\x99\xe7\xf5\xc6\xce\x8e\xdc\xa5?_%X]\xe0\x02V\xa3\x89\xaa\xd7\xc9Hh\x0e\x13\x1c\xbd\xc9$\x1be\x97\x8b`\xc1\xc2Z-\xd4i9\xf4\xb3\x83\xe7\xcf\xfe;iPQ\xb3\xcfG/gy\xf1\xe3\x9f^ia\x91B\x967\x1a\xc4O\x9e\r\xebe\xa3[\x06\x95K\xef\x96M&amp;\x13\x1c$b\xd5B{\x13\x87\x0fM\xff\xe6\xfc\x17\xd9\x0e\x8dJ=\xfb\\\xdea\xa0\xcb^\xf8\xd7\xc9\x8b\xbbXD\xaef\x03-FF\x05a\xfe\x9c\\3\x99\x88\\rXor\xb9\\\xc1\xa0\x0bX\xa1\xd1\xbd\x89\xe9\xe9\xe9\xa1\xb7\x1e\x11,\x15]x\xe6\xd7p9;fs\xf9\x8fO^~\xa3\xd5[}\xf6\x88\xe0w\x80\n\xc3\x02\x1f\x10\x13n\x8c\x0f\xc4C\xbd\x0c\xb1j\xb2\\\x03\x1a\xc1\x1aN\xf4N\x0f\xbd&lt;\xf9\xa4\xac\xd2\x80K](h\x9c\xcf\xb4\xd7\xf3\xf9l\xae\xf4\xa7\x93\x17_;0\xb6\xd1m\xb5\xfb#\xe3\xc3\x12\x0f\xffx&gt;\x10`\xcda\x19X&amp;\x17\xec#F\xca\x04\x8b\x988\xda\xc2\xdag\xf9\xac\x00,pQ\x8c\x8dyf\\\xceBi\xb1\x94\xcfE/\xad\xfd\xea=\x05\xab\xcf/\x08\xe3\x92$\xf4\xc1\xc3\x00\xcb\x9aS\x03F\xd3\xce\x8e\t7\x02\x07/\xf5\xa0\n\xbaZX\x87\x87:-\xd7h\x8aR\x01\xeb\x19r9\xa9\xdc\xe2\xa5R4\x1aM^x\xfd\xb7-,\xab_\x18G\t\x8e&gt;\x07\xcf\xb3f\xd6&lt;0\x10#P@C:\xc8X\x8b\xaeLFQ+\x9e\xe8=4\xd9i\xffDE\x11(\xd8\xc80\xd1gp\xa5\xa7S]\xce\x96\x16\x17/\xe5\x80\x15\x05\xd6\x1b\xbb&amp;F\x14,?N7\x08u\xb3\xd9&lt;\x10\xd3\x93\xee2\xe9cF\x94\x8b\xac\xc5`\rb\xc5\x13\x93\x87\xa6\x7f\xd0\xb8\xd1A\xb5\xb8\xb4\x9c\x96)\x7f\xd7\x0bcU\xe5&lt;\x98J\xa5K%\x82\x95\\^\xbbL\xb0\xc6z\xac\x0e"\x17N\xfbJ\xbf\x8b\xe0\x1ap\x1bcJ\xcb\x13.Y\t\x08\xc5C`\x1d\xee=\xdc\xc8\x1a\x80\x05.\x8d.\xa9\xa5\xb4\xe5\x02\xf5\x1d\x8cT\x15\xf2%4U\xa9\x94W\xa8r\xc9\xc5\xb3\x97_;\xe8\x1d\xf3u\x9f\xb2GD\xa8\x85\xb3\xa0\x1d\\h\xae\x81\x14`\x14,"\x16\xc1\n*bI\xf1\x84\xa5w\xf2\xe7\xdb\x8c\x8aR\xe4\xd2$\x81\xa5\xd6%\xa3e\xf5\xb7\xccV\x04B6\x9b\xc7\x02\xcc\xe7\x936\x1d\x97\x84Z\xf9\xc7W\x0e\x1e\xf0\xfa6\xc8\xc0%H\x92\x94\x96D\x92\x0fD\xad\x14\xc4"\xb9\xa5`\xc1\xcf \xa2\xbe\x85\xe5\x9f\x1c\xeaz\x82\x8cW\xab5*\x03\x1d\xe5hJM\xd3:\x8e+|\x9bp\xed\x98-Gm\\4\x9f\xe3l\xf9\x1c\xa3U\xd3:[2\x99|t\xe5\xe0;^\x9fOi.)\x1dN\xa5\xd9\x00\xdfj\xae\x94;F\xb4\x8a\xc5\x8cn\xa3^IS4\xfc0&lt;LX&amp;\'=7\x0c\x1a`Qh-\x1b\x96$\xad\xa6h\xadV[(\xcc~\xc3\x10C\xa3G\x19Z\xad\xcbf9-\x97\x8bj\xf1\\Z.\x99\xa4\xef\\y\xed-\x82\xb5\xd1\x85\x88\x18\x97\xc2\xeet\xa0E5\x00*\xac\xc5XCtc\x0f\x02WM\x11kx&lt;!X,\xbd\xdbe\xd8\xa7`\xd1Z\x98\x89g\xa3\xb4:\x86\xa6\x98rA\xf5M\x94\xe2\xd0\x94\x14\xc5\xe4\xf2IN\xc7\xa0\x1dh\xb5Zk\x8b\xda\xd4\xcb\x9f\xbeG\xb0\x14\xb9\x04q\\J\xa5\xd8@\x80\xc4\xe9@Li\xf8\x98\xc3\xecv\x1b\x95\x80\xd0\x03+LL\x14,\xd6OT\n\x96F\xa5\xa1w\xa9\xc8\x9f\xc9i5t\xf9k\x83\xc1\xbe\xa4\x8e\xd6P\xb4.\x9a\xcf&amp;m\x1c\xa3\xb3A85\x93\x8c\xda\xe8\xfc\xe3\x9b\xef\x8c\x8dA\xad\x9e.l&gt;\x82\x98f\xc5\x80\x12\xf3\xc8\xad\x98B\x16\xc3\x92$.\xa2\xb5d\x82%%\x12}\xdbe\x032\x9e\xd2\xa0\xc1\x08\x92Z\xc1\xa2\xd4\x0c\xc7\xa85Z[\xf2\xeb\xecG\xceY[\x92\x03\x94\x96\xb1E\xd1\xf2I\x9d\x8e\xc1\xaf\x13,&lt;\xceh\xef\xdc\xfcQ\xcf\x18\xe4\xf2!\xe8\xfd~QR\xb0*\xc4\xc7\x81\x81\x94\xdb\x8d/d\x08$T\x90+\x1c\x1eNK\x92\x1f\x9dE\xd4R\x19\x0c\x1a\xb5\xb3\xe3)\x15\xf6"\x8c`\x0c\xa5a\n\\A\xf3\xd5\xcb\xd2\xa9\xe1\x92\x0cM\xd3\x0c\x1a)JB\x81\xe3l6\x1dCLd8\xf2\xcd\xfd\xc7\xbfS\xb0\xe0\xa2\xc3\xda%\xb0\n\x16_!F\xa6\xd3\xe6\x01L\xa6\xf0\x10X\xf8\x94\xc3\xa3\xe9p8-5\xaeQJ\xbe\x03+za9k0P_riZ\xf7\xb4\x16\xcb\xf2+\xc0\x0c\xb3I\x1b\x96\x08I\x03\xb8g#DX\x80\x9c\xda\xa0\xa1\xf1\x97\x81\x8a\xa1\xef\\\xf4\xf6\xecb\xd9\xfd\x82(\x06\x94\x7f\xcdT\x1c\x95M4~\x9aH&amp;\xcbz\xa5\xc2`\x02\x17\xff\xa4\xdc\xa1\xec\xd2\xe0\xbap\xfd\xd6\x87\xb7s\x1dd\xd7&amp;\x0f\xb5\xb8\x14&lt;\xba\xc0\xcc\xaa\x9c\xff\xaf\xd3a\x13^\x1e\xc5q\x9c\x8e\x03\x11\x1e\xb0-\xde\xbew;K\x04G\xd1\xa5\xc7\xbf\xe8\xde\xf0\xf9\xc66\x10]&lt;\xb0D\x91\xa8E\x86\xaeM\xd1\x9cNC,%We\xd9\x08()m\x14\xb7\xb3\x1d\xaa],\xdbG\xaf\xec\xd9\x03\xb0\xac\xca\xa0j\xed\x90*\xcd\x97\xcaQ\xb3\xffs\xe8q\x12(\xf2\xe2\xe8&amp;B\xc5\x11\x9dhm\xf6\xc2G\xbf\xbe\xb5\xe7\xfa\xb2\x1a*\xe2g\x0cs\xe7\xe6\x1f\xbb7\xc6\xc8\xbeHrt\xd7E\xbeR\xe1y\xe8E\x8e\x17\x84K6\x1a\x89Vi#\xbb}\xdf\xa0\xda%0,_\x7f\xf1\x15\xd4\xad\x0f\xef\x954N\'\xa2\xec\xa9\x8f\n\x17\x86\x0b\xae\xf0_\x8a9\xd5Xr\xe8)E\xaa\x02\x1c\xe4\x88P\xd1\xc5\xbf\xfc\xf3\x0f/\xbd\xb4\xe7{/\xdec\x14\x1d9\x9d:\xfb\xc5\xc5\xb1\xee\r\xac\xc5S\x1e\x05\xcbL\xe4\x02\xda\xa6(\x8e\xb3l\x9a`\x11\xc5\x14\x07\xdd\xec\xf6\r\xd5S,\x83\xee?]\x9c\xbf\x8b\xdbv\x18\xc6e\xc9wR%\x81\x85dq(B`H\x0f\x12\x04=R\x88 K\xb8\x1c\xfd\x13\xda\xdc"O\x1aD\x87\x80Gk\xcb\x12\x9c!\x14\x1ftTq7\xb7\x14z\xa2\xeb\xa1!`\x12aR\x0el\x91\xeb\xe0!`:\x95[3\xb4\x19\xfa\xbc\xefW\xfe\xd1~!\xbeK\xa2\xd8\x1f?\xef\xf3&gt;\xef\xab\x90x\x1e\xb9\x84\x15\xd9\xc9d\x9eg\xca\x97\xb02\xb7$\x9c\xab6`\x17\xfb\x8a\x01*\x85s\xf8\x85\xc3\x14\r8\x18\xa6zg\x04\xa1"\xdf\xb7#W\xb6\xca\x0c\x15\x84\x88(\xe3\xf8\x9f_\x7f\xb9\xf7\x00\x11q\xff\xe4\xc9Wd\xf4\xc6\xf5\xa8\xe7\xd1F\xaf\x87w\x1f\xd2\x7fk\xd9\xa7\xd2\x0e \x96K\'r\xed\x00\xb5\\M\x8b\xac\xc56\x03\x15\xdaLm\xf1\xfaz\xb1\xf9\xdc3\xec\t\x83\x94\x9d\xe3\xc1\xeb\xc3\x01\xd6\xd0x8\xcaWe\x14\x04\xbe\x8d#\xcb\xfe\xf2\xc6c\xc7\xe1\xe1E\xfe\xc3\xcb\x07\xafh\x9fG\xd2\x03\x8b\xfe\xfa\xef\xf4\xf4\x12\x19\x81\xef \x97\x10\x8c\xce\xf1\xae\x82\xa0\x1aV@\xa2\xa7\xa3/\x81\x15\xf8\xcbj\x1a\x03\x86u\xd2hPbS\xec\xb5\x954\x16N\x0f\x87\x83P\x94\x08\xa9\x10\xc7a&lt;\x9a\xae\xaar\x19\x98\x96\xef\x07~\x10Xr\xe0\xcb\xeb\x11s\xa19\r%\x87\xed\xf9\xdf@\x9c&lt;f\x818\xe9\xe1\xf8\xe3#\x0cm\xd8\x1e\xf7f\x18\xdc\xfd\xe3[\xa4\xc1\x96\xcb\xa8\x13\x9b\xb1|\xdb\x8d\x12\xd7\xf6\x97\xf3q\x86X\xc4\x10"\x9dp%\xfa\x91\xb8T\x8f\x9d\x9ee\xb1gPV\xb1\x1aFV\x97\x93+7\x90-+\xc0\xb1,Y6M\xd9\xec\xba+\xcc\xa1N\x18R\x82(\xc5\xef/\x1f&lt;zt\xff\xd1\xf9\xf9\x93\xa7\xcf\xc4\x00\xbaszI\xfe\x17\xcb\xc4\xdd~\xff\xf3\xfe\xa7\xc5\xf3\x83\x1d\x966\x9d\xf9,\x14\xc8\x80\x95D\xb3\x9a\xa5RH$EW\xb4\x1eO\x02\x1aP*2\x01%C:Q\x80\x86!2!\x9b\x96\x91\xe9\x98\x16\x01\x01\x0cH\xa6\xe9t\xbb]\xc7\x99\x14\x1d\xca\x0c\\\x85}\xe2\xcd\x1f?~}\xff\x8b\x93\xc7\xd8\xba \xce\xb7\xc7\x10\xeb\x92\xd6.*#R\x9ef\xd0\xed\x87\x17\x07\xedm\t\xdb\xf9\xda\'\x9d\xc4\x01\xd6\xa4Nu\xc4\xac\xe8B\x14P\xf8KQ\xa87%\xacy1u=\xc2\x00v*\xa6u\x99P\xc9Py@\x81\xc9q\x88\tTr\xe0\xce\x07\x14\x1d\x1d\xa2\xd7\xd5\xf4\xf6\xef\xef\xee\x9d\x9c\x9f?=z\x06\x13\x9d\x1d_B,\nT\xec\x12wid\x7fZ\\\x1cl\xeb\x07\'\x17k\xdb\xa7\xe3\n\xc5\xdcY=4\x14\x11\x0f(\xa1\xd8u0\xe4:E\xde\x01\xd6(\x0b\x81\x14\xd2\x9e&gt;\xae\xabI\xe2[\xb2\xd5\x1c\x99\x98\x98\xca1e\xa8\'\'\xb5\xc7}A\xa5\xc6\x8c\x1d\xfc\xf5\xe7\xf7\xaf\xce\x9f"\x05\x98\xab9G\x8c\xd5\xbf}\xa3\xee\xa4\x82&amp;\xf9\x1a\xa6\n\x80\xd5PMnR\xc3hA+\x10\xa9\xac\x15fc\x9c\xaa\x83\x12\xb5mI1\xf5^\x1ag\xc5t\xbe\x8e\x04\x8dL\xae\xc27,\x95\x83GS\x16\xca\x99\xb3\xa9\xce!\xa2\x13\x17V\xdf\x0f\x9f~\xfa\xf9\x0e\xb0\xfa\xfd\x87\xfd\xb3\xb3\xb3cf\xe3Ub\xf1\xb6\xbd\x7f\x94\xe9\x9a\x80\xa8\x81\x04\xd5z\xea\xf1\x86C\xe6\xc2\xa3\x012M\xf3\x06ak\xba\xf4\x93y&amp;u&lt;\xac\xe8\xf9\xbc\x9c]\xd906D\x11X\r\x9f\xdc\xc8&amp;\xcbL(Or\xd8]\x0c\x82\x0e\x1aRS&gt;,nO\x8f\xbe\xa1\x95\x86\x96\x87\xe6\xf4\x17\xd7zOk\xe6\r\xd9\xca\xb8\x99P\x05!\x16\xbe\x80+*s\x9d\x1cEO\xa6R\x9abU\x05e8\xd0\x87\x95\x1fEI%\x85\xc3\xe1h5q\x9d\xc3.\xe9\x02\xab[\xe4qs\xcb\xb6+\'4\x93\xcd\xc9\x14\xe3Ii\xc6&amp;\x9c\xdfn]\\\xbf\x7f\xcdT}\xe6\xea\xf7_/\xae_\xb4\xc5,f(\xad\xed\xd53J+\xeakN\xad\xe4]a\xa8\\&gt;jC\x06\xa3 0\xe2X\x19\xcf\x82\x08\x93@\x82Te\x12\xc8p\xd0\xa18\xc2\xe0\xa2|\x8c\'\xff\x07\x11\x95W\xf7\xb8\x0c\xf4\xb3\xf2\xfc\xed\xf5\xfb\x8f\x1f_\xe3|\\\xfcv}a\xf4\x9aa\xa71\xd5\xc1p\xb5\xb49\xae\xd0H\x14\xceI5\x86Ay\xe9R\xc4\xe1:\xea\x9d4\xd5\x8bY@}*e\xf5\xc4\xf7-\xd1n\xbb\x8f\x8a\xdb\x9e\x06\x92\xd5\xa3\x12\xe3I\xe7#\x0c\xedf\xa2\xeb\xb4\x88\xf1\xf4W\xbc\x0b\xac\xbf\x06\xc7"/\xa2\xdb3\xaa\x12\x0eQ\xd7E0\xa3\x86\xb3UF\xad\xaf\xee\xa8(2\xc5\x88QFk\x02w\xa5*\xc1\xc5\xc29"\tvt^\xb2\x96s\x00\x00\x02$IDAT\xcd\xd9\x074\x11\x1dn\t\xbb*\xec|\x9d~\x08\xdb\xb6\x0c\xa5q\xd2n\xb9C0\xb6\x15\x14\x03\xa3\x99\xa8\xc8W\xbe\xbb\xbe\x89\xe9\x0f\t&amp;\x96\xc9\xe0QL\x8b\x9d\xd7\xca\xca\x80.\x938\x9e\xe0\x9d&amp;\r\x9cMNm\t\x05\xd2\xe6+\xe9f-\xe7#\xf1l\xbcT\xe8\x02KQ\xb7\xfa\x90\x89\x85\\\xbda\xbdN\x92\xc4%\xa3\x03\xc9\xb5\xaf\xaa\xc2\xa3f\xc1\xf5\xfc\xb68\xe0\x8d\xc6\x13\xa1gt\xe6\x01U[r\xba\xfcb"\x07D\xa4\xff\x0fo\xf3S\xbe\x80}\xe6\'\xe54\xc6\x12m\x88\xa3\xecvsmO+\xdcP\xe8E\xb5L\xae\x80e\x13\x15\x04\x9b\xad\x06\n\xe9Ko\x83\xdfU\xf3\x9db\xf0\xe6\xd9\xd1\xb5\x1b\x97|(\xc9\xfc\x11\x92\x87\x0e\xcd=N\x82\x06\x8e\xd4\xeb2\x9bc\xb2\xfb\t(\xe0\xf8\x08h\xcaV\xf9\xb0\xc5\x1e\xa3-\x7fo7\xd7\x98\x88N\xcf\x18\xaf\xd6\xc9\xd52\xa1\xd6\xa2\n\x82\xea&amp;%k\x1b\xac\x15\xbf\xa3\x96@$,\x98\xd5\xd0\xb5|\x89\xb9\x94H\x18z]\xfahK\xd1q\x9b\xce#\x833\xca\xf6\xc1\xe4L\xb5\x042\x1e\x03,%\xc3\x96\xc6\r.B\xba\xb5\x01\xd2vP\xf4\x12\xd4Y\x84e\xdb3\xecF:&amp;\x0cn\xf6\x851\r^f\xe8)DE\r\xafW\xcc\xdc\xe52\x91| 8\xe02I\x07S\xe4\x13Wj\xfbh5;\x04\xe3m+\n\xee\xa4\xaa\x8bX\xdd\xb6Ss\xfb\'n\x1a\xc2b\xb5\x8el\xa2j\xf6Q\x9a75\xd6p\xbc6\xdd\xa0S\xe3\x91\xd0M\x1b\xaa\xf8\x15DW\xa7\xd3\x1bOl\xbc\x13\xc9\xe5\x17;\x84\\\x0cb:\x9b\x8a\xc9\xdb\xa0\x0f\x02A\xc5J\t\xad\xe87\xd1\xec\xd1\xa4\\\x8d\xbdF\xb0V\xa3\x18\xa4\xc8x\xab\xe5\x15\xa6A\xc2c\x99\xa7to\xc0\xedap"\xb0H\x86\xcaX\x04H\xf9&lt;^\xbbW\x91-\xb9&gt;\xa5C\xf7\xb3C\x92\x8b\xe7\x0c\xbdt\x03$\xea\nGm8\x9b\x9f\xd2&amp;\x86\x0c\xc3\x8a\t\xb2\xaa\xce\xb3\x98\xa3\x95\x92\xba\x13f4\xca"\xb1X\x05&lt;\x03y\xbfz76p\x9b\xaap\x9f\xd2\xa5T4\xeaF\x0e\tZ#`/H6\x82\x1d#\xf7_p\x00\x02&amp;I\xdaM!\x00\x00\x00\x00IEND\xaeB`\x82'</t>
        </is>
      </c>
      <c r="M365" s="3" t="n">
        <v>45492.67778935185</v>
      </c>
    </row>
    <row r="366">
      <c r="A366" t="n">
        <v>982405</v>
      </c>
      <c r="B366" t="n">
        <v>1999</v>
      </c>
      <c r="C366" t="inlineStr">
        <is>
          <t>Vitinho</t>
        </is>
      </c>
      <c r="D366" t="inlineStr">
        <is>
          <t>Vitinho</t>
        </is>
      </c>
      <c r="E366" t="inlineStr">
        <is>
          <t>PE</t>
        </is>
      </c>
      <c r="F366" t="inlineStr">
        <is>
          <t>ATA</t>
        </is>
      </c>
      <c r="G366" t="inlineStr">
        <is>
          <t>PE</t>
        </is>
      </c>
      <c r="H366" t="n">
        <v>181</v>
      </c>
      <c r="I366" t="n">
        <v>28</v>
      </c>
      <c r="J366" s="2" t="n">
        <v>36250</v>
      </c>
      <c r="K366" t="inlineStr">
        <is>
          <t>Right</t>
        </is>
      </c>
      <c r="L36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91f37e-9e9c-484d-b135-df4db0c899b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5j\xb6i\x00\x00\x00&gt;tEXtComment\x00xr:d:DAEewil2SDw:3129,j:9030118292309124670,t:23082714\xb3\xea\x8f\xec\x00\x00\x00\tpHYs\x00\x00\x0e\xc4\x00\x00\x0e\xc4\x01\x95+\x0e\x1b\x00\x00\x03\x00PLTE\xff\xff\xff\xd9\xdd\xf5A \x11\r\x06\x04\xd7\xdf\xf8\xdb\xe0\xf8\xd2\xd8\xf0\x11\n\x08\x16\x0f\r\x1d\x15\x13\xba\xc2\xdb5\x19\r\xd6\xd9\xf2&lt;\x1c\x0cK-"8\x1c\x10\xd1\x9cvg:#\xd4\xdd\xf4\xd8\xa3~]HCW2 \x16\n\x06\xdf\xad\x93&lt;\x1f\x14\xe60&lt;\xf9\xf8\xf9L\'\x16\xcd\xd3\xec\xc9\xd0\xea\xd5\x9fyG(\x1d?#\x18\xd5\x9d\x83G$\x14\xb8~ZL,\x1c1\x15\t\xdc\xa8\x8f\xc3\x8al,\x11\x08\xe2\xb1\x99\xd1\x97ttD,R/\x1e\xfe\xfd\xfeXC&gt;C%\x18\xc6\x86d\xdd\xa7\x83\xe4\xb0\x93\xc6\x8do\xda\xa4\x8bO6.$\x1b\x18\xb6\xbc\xd6\x8bT7S,\x183\x1e\x16\x86P3\xc5\xcc\xe5\xc9\x90s\xdd\xaa\x8b\xd0\x96z\xd1\xd5\xed\xca\x95y\xd8\xa0\x87O2\'\xc0\xc8\xe2\xcd\x93t\xde*7\xc2\x7fW\xbd\x87bY?8l@(D,%\x1d\x10\n]7#\xc4\x83^\xda\xe5\xfa\xbb\x82_\xf4\xf3\xf5gUR\xd3\xa0\x85\xa2kL_4\x1e@( j\x02\nS81\xcf\x9b\x7f)\x18\x10\xc8\x8bi\xbf\x85j\xe0\xe7\xfdV;4\xactQ+!\x1ecNJ\xd8\xa5\x87\xcf\x92o\xca\x92n\xb7\x7fd\xa5oQ\xcd\x8djI1*{G+\xb2yV\x91U8\xdf\xe5\xf8\xdf\xdd\xf2\xe7\xb5\x9aP=8Z0\x1a\xd4\x9b\x7f~L1\xde\xec\xfc\xe3\xab\x8d$\x0e\x058$\x1d\xe6\xeb\xfb\xbdyP\xe8\xba\xa3\x9c_&lt;b;+\xb1x^\xda\xe0\xf1`\x03\x08\xd3\xa1z\xc1\x8cf\xf2\xed\xed,\x1d\x16\x8fYC\xcb\x98q\x9dgF\xe9\xbd\xac\xd5\xac\xc4\x98`G\x82P=\xd3\x1e0\xb9\x87m\xda\xc1\xd8vI6s?%\xa8\xb0\xc9\xabpW\xc5\x92j\xb0\xb7\xd0\xa1q_i@3\xdc\xca\xdf\xd7\x9bw\x9aiU\xc2\x8fu\xdf\xd7\xec\x86I-\x94];\xe1\xb4\x9f[4+\xa6fC\xc0\xc5\xddy\x04\x0e\xdb\xd0\xe8\xa9v\\\xb2\xa8\xa7\xadlH\xdd\xb8\xcf\xe3\xb1\xc50)\'\xdd\x8a\xa2\xa2\xa9\xc0\x84YF\xaf|d\xea\xe7\xe8\x99\x9f\xb5\xd9\xd9\xea\xe2\xd1\xe6\xcfn\x7f\x8fcQ\xbd\xb5\xb5\xb6oHH\x18\x18\xc2\xae\xc5\xc8\xc8\xdf\xd1\xd1\xe9\xd3\xcd\xcf\xe6\xc3\xd5\x9fMT:20\xd3\xca\xe0\xde\x9c\xb1\xdav\x8a\xc4\x16)\xce\xc0\xd5\xce\xa1\xb8\xe3\xdf\xe1\x8e\x05\x14\xe4\xa6\xb8\xef\xe0\xe1\xe4\xe5\xf2SKK\xc0hu\xb5uQ\x8e\x93\xa6\xb2\x0f"\xc2\xbe\xc9\xefDM\x9e\x94\x94\xa6\x9e\x9f\xa0\x05\x17\xb3T_\xe1\x80\x95l%(\xbbr\x8a\xd3\x86\x9a\xe9\xd8\xd3\xde\x9d|nI&gt;Z"#\x8457\xbf\x87\x9e\xdbFU\xc1QlD97\xdb\xd8\xdb\xc9\x97\x84\xe1^p\xd5\xbb\xb1\xd1\xac\x9c\xe4\x8f\x9b\xe8n}\xd7\x97\xac\x83z{KBA\xbc\x96\x85\xbe\x9c\xb2\xea\xcc\xde\x8d\x89\x8cndc}mlySJ\xad\x84qN\t\n\xb0\x9d\x9a\x90AG\xcf\xa6\x90\xd4\xc5\xc1\xaf\x83\x99\xed\x9a\xae\xe6\xca\xc0s/5\xa1_O\xcb\x86\x81\x95\x80\x86\xb9;&lt;\x9b;4\x9bupj\r\xd9\x1c\x00\x00 \x00IDATx\xda\xdc\x98OH\xa2\xfb\x1a\xc7C\x17*\xd282f\xa2p\xb2\xd4\xb1\xa94/\x96\x98\xd1\x88\rbc&amp;\x9a&amp;G\x8d\xf1\x1d+\xcdZXA\xd1\xc9\xe0Lv\x85\x86(\xcee\x82d\x9aZT X\x1b\x9b\x8d\xe0\xae\x8d\x04Q\xbb\xc3\xac*f\x169P3q\x98Y\x9f\xfb&lt;\xbfWg.\xdc\xed\xeb\xcc\xe5&gt;\xda?\xda|\xf8~\xbf\xbf\xef\xefy\xad\xa9\xf9\xff\x1dw&gt;\x7f\x98?:==&gt;\xce\x1f\xfeO\x00i4R\xf7\xd1\xcdm\xb18X\xbc(]\x14\x8b\xa5\xdb\xb3\xb3\xf3c\xb7\xdb-\x95j4?\x8f\xea2\x7fz]\xcad(\x8a2\xf0\x0c\xf8\xa62Tf\xf0\xe6\xfafo\xef\xf4\xf8\xe7pI\x8f\xf3\xa7\xb7\x17\x85\x8c\x01\x87\x87\xc3\xe5\xc2\x17\xbc\x08c\xe6\xf6\xe8\xd2\xfd\x13\xa8\x8en\x8b\x05\x8ag\xa0\xe0\x85@\xdc2Vex&lt;\xaax\xb3w)\xfd\xc1\xf6\x9d\x15\xc1&lt;\x1e\xcf@\x8bE8\x10\x8a\x03\xbf\xb19\x1cxs8\\^\xa6x\xfa\x03\xb94\xd2\xfcm\x01\x02E!\nq\x90K\xbb\xc8\xc1\x17\x87P\xc1\x1bE+\x9e\x1fJ\x7fP\xc8\xa4\x87GE:\xe6H\xc23T\xac\xe3\x95EB2.\x87F\xe4f\x06\xf7\x96~\x08\xd7\xd2\xd1u\x81&gt;y&lt;Z\'.\x01\x01\x086\x9bM$\xe2r\xca\x01C\xc9x\xd4\xcd\x8f\xe0r\x9f\x97(\x03i\x03 2\x94O\xa0\xb8\x8cC\xe3\x95\xc9x\\\x9a\x92\xba\xa9\xfa\x91\xd4\x1c\xde\x94\x88}e\xb1\x08\x96\x98v\x91d\x0b\x04\xabh\xc6\xe5\x11P6\'s^\xed|I\xcf\x0b\xa4\x12\x88}\x0e\xae\x98\x94\x82\x98\x86C\x086\x99r\xc2\xca!\xe3p\x0b7\xd5\r\xbe\xe6\xf2\x13e0T\x1a\xd4A\xf7\x82C\xec\xc0o\x1c1\x87`!\x0f\x1bq\xd84\x14\x0eu}T\xcd\xd6?\xfcT\xa0\xa5\x02.\x07\x0c\xe29x\x0e\xc0\xe2\x89\xc5\xe2\xb2F\xdc\xb2RD54\x95T\xd8u\xf5\x02vx\x03ueH\x1a\x08\x97C\x0cD\x15\xac\x00b9\xc4e6.\xa7b(-\x96\x18\x1b\xec\xb2Z\x0e\x1e_\x93\x12\r$A\xa4@2\xe0\x08\x04\xe0{`\xd61;\x0b\xbf\xc1O\x07\xbc\x01\x0c\xb1\x10\x8fP\x11\x1b\xf1/\xde\xf5Ru\xb0\x8e\x07\xb1DQ.\xa0I\x02P\xd2\x04\x93\xe4\xf3\xf9\x92\x06\xa5\xb2M\xae"p0\xc0\xc6-c\xfdG\xa7\x15\xf2\xd5\x11+\x7f\x01{\x8b!I%a\x80gnnN.oo\x97\xc9\xba\x86\xec\xad\xad33\xf66\x96D"\xe1\xab\xf8\xfcfP\r\xd0*r\x91tq\xd8\xd4^\x95\xba\x01\x952\xa0Fs&amp;y\x83\xf2\x1e(\xd45%\\_\x7f=\xb9\x803\x19\x1b\xea\x92)\x9bX\xedr\x89@\x85d\xc8\x05\xb1\xaa\xf0\xf1\xae\xabrm\xe7\x8b\x18p\xa0\x02(\xb92a\xb7\xaf\xb7\xc6\xba\'\x17vvv\xf6\xdf\xbe}\xbb\xbf\xb3\xb0`\x8c\xad\xdb\x87\xa6\xba\xbadM\xb5|\x00\x13W\x86\x94,\x87]\xac\xc6J\xbdtS0`\xacL\xbe{\xed\xb2\x01\xfb\x8c\x11\x88\xf6\x11h~~\xdef\x9b\xa7\xc9&amp;_\xc7\xd6\x85@&amp;c\x01\xd87.\xb8\x1c\xb1\'J\xc7UH\xd6^\x11\xea\x9dJ\x06\xe4u\t\xa10f\\@\x8d\xe6\t\x92\xcd\xe6\xb4\xcd\x9f\x00\xd6\xfe\xc2\x96\xf1\xf5\xebu\x00C\xaeZ~s3\x89?\xbb\xecb\xe6\x88\xf9Fu\x7f\xca@\xd2)\x93|\x00\xd2=c\\\xd8?\xa1\x81ptN\x90\x0b\xc0P.\xd4k]8\xd5\xd5\x84\\*\x00sT\xba\x82\xcd\xbda&gt;\\\x97\x83 U\xd2\xd4&gt;\xb0f\xdcZ\x00\xa9\x00\xca\xa9\xd3\x05\xa3A\x1d\x0e\xc8\x05\\ \x17\xd8H\xfb(C.\x81JE\x0bFW\xeb \xf3\xe1:-QsI\x93o{\xcd\x98\n\x81{\xc0\x14\x0cFG\xac=\xfa`0\xa8C\xc9\\N\xdb\xc9\xfe\x0e\xe8e,\xc7\x0b\xb8\x04\x02\x01f\xdfAc\xb13y\xe6\xa3U\xc8\xcc\x99|O6\xb2+h\x1f\x18\x17\x1d\xe9\xe9\xb1Z{`\xf4\xa0\x18\xbc\x9d\x84\x8b\xb6\xf1\x1b\x96D"\xe0\x07f\xc5\xe4\x16\xe7\xf0\x18\x0f\x17,4P\x9f\xfd\xdbk\xcb\xde\x13\x85\x93\xd8\xa7\x07(3\x0c(F$\xd39\x15\x88\xb55\xd9\x1d\xc3p\x01\x16K\x80c\n\x04\xca\xe5\xca=c\xfa\xba&gt;\xbe\x05\xac\xfe\'\x89\x97+\x11\x05@\x11\xad\xcc\xd3\xe6\xe9\xc6\xe9i\xe0\xea\x01*5`\xcd\x9fT\xb0\x86h\xb5\xf8\xe0\xa2\x89\x1f\xa0K\x9f\xc3a\xfcZ\xcc\x97|\xfd\xe3O\xb6\xdfeWBx\xf4\xa2V\xab\x19\x99\x90\n\xb0\xa2\xe8\xe3\xb0\xd3\xa5 X\xc6\x8aZ\xb5$\\\x80Es\x89\xb9\xb7\x0cg^sz\xd1?\xfe\xecY\xe2\xf3\xf2\x8a\xc2\x85Z\xd1Pd\xcc\x16\xab\xb9G\xad\xd6\x95]\xfcnb-\xc1".\x12..\x97\xe9\xa3\xe8\xde\xbb\xe8\xec|\x96x\x97\xcd\xa5\\\x98v\xf342\xf5\xf6vtt&lt;\xec\xf5\xfb\xcdV\x88\x17\x90\x91p\x91\xa6/c!\x97\t\xb1\x02\xb0\x949\xb8L\xf7\xbc\xfb&lt;\xde\xb9\x91\xd8\xc8f\x97\xbd\xc3\xbah\xd4\x8aX\x84\xa9\xe3\xe1\xc3\x8e\xdeF\xbf\xc5j\x05\x1f]\xff\x85\x05K\x0f\x1fv\x9f$\xaeB\xb0;\x16.5\x0c\x1f\xc4\xa7\x89w\x1bk\xb9\xe5\x95E\xc0\x1a\x01\xac^\x90\n\xa1\x1e"\x17\x04\xacG\xaf\xd6\xb9\\\x8a\x10`u\x7f\xcf\x16\x9f/@,\x04\x83\xa5\xd6\x90\xc9k\x18V\xeb\xe9\xbb\xec\xcb\xe5\xcd\x94\xf7\x0f\x88V\xd0\nZ\xd1X\xf5\xf5D.l\t\xb5\xba\xcf5\x11\xf2~S\x0b\xafEp\x91\x8f\xbb\xa2\x89J\xc2V\x94d\xfaVt\x9f\x81T+\xdeH$2\xe1r:\x83f\x92,\xa2\x15`\x85{A.+`\xb9\x14\x13\xa1}\xa2\xd6\xd0\x14\xec7(\x17b%qc\xa4\xa8\xb9\x0c\xc58\xd6_k\xd9\x15\x80\xfa#\xa4p\xda\x9cQ\xe2!\xc1\xaa\x07\xb9:@\xaeit\xb1\x0f\xb1v`\x8bh\x15\x92\xb5\x8b\xc5\xaa\x85\x05\x87\xec\xb1\x14|e|\x85#)\xc3\'1\xbb\x9c\x8a\x84B!\x05n\r#\x98\xf7^:\xf3\xc4\xc50paG\xb8&amp;NB\xfb\xa9\xad\xee\x19r+v5A\xd1\xd7\n\x90\xca\x87P\x99\xc2\xc5\x1e\xc3X\x7f\xe5R\xdePh\x02\xa9l\xba\x16\x8cVc\xd9G\x94\x0b\xb1\xd0E\x90\x0b\xf4J\xd1=Oo\x11\x12\xc0\xf2\xf5\x17\xfa\x0b\xe3\x85\xc2\xf8\xc5\x19\xa3X\x1a\xe9^\xce\x0b\x06\xf6\xd9\x08\x96\xb5\\\xa4\x8d\xbdD,\x0c\x17\xb8h\x01\xbd\x861^^\xc2e\'\xcb \x0b\xb1\xfa\xfb\xc7\xe3\x9d\x17\x9d\x17\x17\x0cc\xd5H\x8f6#\x8b\x8a&gt;\xddw\xac\xef\xe1\x02,\x8f\xc7\xe3\xf7O\x93\xe3\xd8\x07`\x91\xd4\x96\xb1{\xa6UX\xa7\xc4\xc7\r\xc0\x1a\xef\x8ck\xe3\xf1x\xa9\xc44\xd6\xfb\x9cw\xd1\xf5\x02\xb1\xe6\x9d\xd1\x16\xbaK\xd1\xc1G\x8f0[\x1e2\x8d~PL?\xdc7\xf6G\xc4\xbb\xb2l\xa4\xb9\x08Vg&lt;\xae\xd5\xc6KZ\xa6\xb14_7\xbd\x8a\xbe\x176\\\xddux\x101\xeb\xf5\xf5\x8f\xde \x16\x00\xf6\x82\\\x9e0H\xe6\xb7\xa4\xd5\xc3c\xbb\x91\xd4\xf2\xcb5\xfb@\x9d\xb2A.\x91\xcc\xf9\xc6\x01K\x14\xd7\x16\x8bLc\xfd\xf9*\xa2\xe8\xeb\x9bG\xae(\x1cD\x8f\'\\_\xff\xe6\xcdo\xbf\x01\xd7\xc3p\xb8\x03m\xf4\x84\xbfx&lt;f\x8b\xa5g\xf8`w3\xbb\xb1\xfd\x04\x90`\r\x94\xcb}D-\x91\xb6\xf4\xbcx\xce\xf06\x8fX:\'&gt;\xe98\xa3\xbf\x84\xfd\xe9\xf4\xd5\x97/_&gt;|x\xf3\x01\xd4"L\x1e\xff\x17\x94\xcb\x92N\xaf\x1e\x00\xd4=\xb9\t\xb6\x86\xd9\xd9f\xbe\xc4\xe7\x1b\'j\x89\xb4\xd5\xc1\xeas\xe1\xf3\x97\xee\xfe\x03\xcb\xea\xea\xc7\x8f\x1f\xef\xfe\xfe\xfb\x0e\'}\xe5\xb7\xf8I\xe8=\xfe\xf4\xf0\xea\xd8An\xedW\x9f\t?\x8chV\xa9T\xb0A\xf80\xf1Z\xeds\x91\xa8\x1aX\x13.\x05\x8a5z?=v\xb0z\xf7\xea\xd5f\xf6\xf3\xe7l.\xb7\xf9\xea`5m\xf1\xfb\xaf,W\x96\x9e\xb1\xc5\xc5\xdd\xc8\xcbD\xff\x9c)\xa0\x12\xc8\x1b\xee5\xb4\xcb\x05*\x13\x88E\xe4\x12i\x19\xc7\xda\x8d\x84\x14\x80e\x0b\x8e\x0e\x03\xc6\xd5\xd5U\xfa\xeeU.\x0b\x03`\x91E5pY,\xea\xe1E&lt;\x83\x1b\x90*y{\x83L\xd6\xd6\xa6l\x82\x8a\x98\xfb\x86Ud\xb8\xe5k\x8e\xef"\xd0\xf1(\x96k,\x1d~\xfc\x18b\x04!\xda\xdd\xdc\xccA\xfd{#\x8bz\x88\xba\xde\xb5\x18Y1\xce\xac%\xda\x94\xca\x86\xb6\xba\xa9\xba6|\xccho\x00\x0faD8\x0c\xdf\x895\x87w^\x90\x0b\xc4\xd2\x8f\xe9\x1f\xfc\xe3\xc1\xb4\x1f:}L1\x81\xfd\xb4\x92\xf2F&amp;^\xfc\xd3\xacw\x85\xbc[3\xf6D]\x9bR\xd6Ug\x17\n\x85p+\xd6\n$\xed\x9dO\x9fB\x95\x92\xcc\x7fe\xf8\x89l\xe9\xa3\xd7\x1b:\xb19G\xd5\xea\xfb\xbf\xb4\x8cZ\xcd\x8d\xd3\x96t\xdf\xa2w\xc5\xd8m\xdcJ\x85\\z\x8bux"e\x8c\t\xe1~nj\x9a\x12\xda[c\xad\xf6\x81.\xb8\x13%\xf2\xf1\xa7X\xf1\x10y\xed \xc3\xdbi\x8d\xf4\x03\xa8\x05\x0f=\xc1\xd1\xd1\x91\xa0\xd39b\xee\xf5[\x86C\xa9ecw\xb7q2\x15z\xd1\xf2;\xfc\xb9\x15\x1b\x82M\x99\xd5\xa4lk\x1b\x10\xda\x85\x03m2\x96\xe0;\x16\xa8u\xcb\xf8g6\xefa\x07\x0c\xe9\x82\xff\x1a\x1d\xd5\xe1jcU\x1f\xec\xa6&amp;c\xc2\xa9!{\xcc\xb8\x10zq?\xfc\xa0gbR(\xe3\xab\xf8\xb5,\x16k\xfb\xdd\xe75!h\xa5\x12H\xe4\xbe\xf1_\xe3q\xac\x08\x91\xe8\x13\xe3\x1fB\xbc\xdfD\xac\x11\xebh\x14\xf6@\xe7\x84\xd7\x0b%\x91[\xdbV6\xc9\x86b\xc6\x1dWK\xf8\xf1}\xc5\xe4Pm3tU\xb3$\xf1\xf9\xb9\x08\xfe%\xe1\xabT|9\\\xd4\x9dX\xa8"\xad\xe8l\xa9\xc6}\xc8h\xea\xbf\xee\x12\xac\x16\xb0\xd0f\xdb\xdf\xf2\x1e\x1c\xe4D\r\xf0\xd4\xccb\x01\xd7\x82"\x1a~\xfc\xbb\xc2\xd8\xa5\xc2\x12\x15\xdc\xeb\xec/exb\xf1l\xb3\x89\xaf\xfa7\xed\xe6\x17\xd2V\x9e\xc5\xf1!O\x03!7\x86$\x93\x8b\x81\xdc\xfc\xff\xaf1\x7f\\\xac\x92\x1bb\x08jl\xc4&amp;ZL\xbd(I\x8cq\x14\xb2Un\x97j\x02c6S1\x84\x94\xc0\x84\x18Z\xd3\x07g``:\x0f\xdd\xda\x87\xc1\x85yX\x10\xecK\x07)\xa3U\x98Aj_\xfa0\xed\xd0v\xa1\xea\xb0\xdds\xae\xce\xd2}\xbf\xf9\xe9\x8b&gt;}\xf8\x9es\xbe\xe7\x9c\xfb\xbb\x17\xdctf\x10\xfa\x0f\xaa\xf50\xff0\x12\xf9\x89\xa7\x8d\xbf\xad\xad\xb5\xed\x93\xed\xdf\xa7G&amp;\xc7\x93\xd6\xa9\x8e\xa1\xbe\xcd\xa5\xa5\xbb\xc5\x81\xc1_\xbf\xfd\xf4r7\xa5U^\xbf}W\x97v\xba\x12\xfd]J3`\x89I*\x12\xf9\xf6S\xd8\xa2\xffr\xf9\x86\xd9|\xad\xfb*\xcc\xa6\xd0\x16\xa1+\xca"\x9dB\xb1\x8c\x9frl\xcb\xbf\x7f\xbew%\xffr\xf2\xd6\xecx\xb0fM\x0f\xdd\xbc\xb7\xd4\xb5\xf0\xfa\xd5\xaf\xb0(_\x1bx\x16\xae\xdaz&amp;\x87\x93NV:\xdc\xa3\x05,\x03)n|x\xf5O\xe8\x87\x7f\xbf\xdam0C\x07\x82\xa9Y=\x889?\x83\xfb\x19\xa9~\xc3K\x18[\x9f\x9b:J\xc7\xc7\xa5\xc9\x91\xd9\xb4U\xa5\xb2\x8e\xeb`G\xddx\xf9\xe6\xd5U\x838\xf0\xbaX^[\xcby\xc7\x93R\xc0B\xb5\xccb\x01U]\xfb\xf0\x9a\xd0R\x8d\x06A\x1a \xd9\x84bn\x88h\x97\r\nE"\xd2`\xe0g\xba\xc9\xd7o\xa6\x93\xc9d\xc7\xe3\xc9\xd9dM\xa5R\xb5\xb8;\x86\xfa\xdd\xef\x8e\xdf|x\xf6\xec\xbb\xd5\xae\xae\xd3i\xc67\x9e\xdcg\x9d\x1dw\xaf\x1b\xcc\x06\xb1=[\x86\x8eT\xacf\xc3\xd7\xc1 \xc4\xa0\x10\xe9\xa0\x10\xab}\x90\x14\t\xc8\x1bB~\xd4\xda\xae\xdc\x19\xae9i\xe9\xd0$\xa8\xd5\xa2\x92\x82\xc5\xfb|\xbeX\xf4\xa8TY]-\x14\n\xab\xd3L0i\x95\xb2\xce\xf1{\x12\x91\xd9 \xb2W\xcb\xc5b\xe1|\xf9Q:H\x12\xfa\x0fb\xc1\x0c\xd1\xe9\x10hI\xb3\x88\'\xac\xdc\xed{IZ\xe1L\xce\xcevXUR\'\xac9\x9a\x04\xb8i=U9]]==\x1dIy\xad\xc9\x9a\xd3E\'\xbf\xb9-\x00\xdb\xd2f\xcb\xc5\x02\xf8\xec\xc2\xc5\xceO)\xb5\x0e\x82\x98\x81B\x9c\xa0\xd4"\xb1\x98\'\xac\xfc\xd1\x7f6\xd35\xe9~Z7;\xde"u\xd2\t\x0fM\xe3$\x7fT/\xe5*\x95J\x8e\xf1\xcf\xd7j\xfbl\x86\xb5&gt;\xb6)E\x80%/\x7fW(\xcc\xf5\xc0\x92\x11\x1a\x1d\x95\xdb\xb1qS\x83\x88\xd5N\x90\x90\xf1&lt;a\xb5\xbd\xdf\xbciU%\x93\x80e\xb2\x02\x16\xcdr\x9bt4\xe651%\x861\xf94\xbd\xfb\xfbN6\xa3\xb0\xea\x16\xc0\xd8\x05\xcaK\xa1\x85\xae\xc2\xdc\xb9\\\x92\xd10\xb4n=13&amp;\x8b\xcb&amp;H\x10\xd3\xc1S%\xb6\xed\xf5\xdd\xacY\x1f?\x86\x9dy\xf9K\xc0R\xb8p\xbb\x002\x08\xe4\x99\xdf?\xef\xa1\x9dp\xd8\x8c\xab\xa6\xeb\xe1\xb0F%\xb6\x9e\xb9\xb99\xc0B.\tr\x113\x13\xb2x{\'\t\x05 \xa0x\x1a\xba\xf6\x98&gt;\xeb\xe6\x9d\xa5\x8e~\xc0R\x01\x96\x05\xcf\xf9\x1e\xa6\x89\xf6\x1a],w2\xae\xfd\xe1\xaeQ\x18\xb0\xb4\xd0&amp;\xa1\x7fwu\xddY\xf8\xdcf\xb3A\xcb\x96\x13D\xe7\x80,"\x1b\xa3\xd4b\xa1H\xcf\x17\x96\xa9\xa3oi.\xe7s\xcf.O\xf9\x12\x80\x95Y__\xe7\x04\xe3\x1e\x8d\x9cc\xb92.\r\xb3*\xd1\x92\x02\xed%\tbA\x14{P0\xc0\n\x13\x81\xce\xf6xDF\x10\x0eR$t\xf0\x84\xb5\xadI\x7f\xb34\x1b\xa5[r\xfd\xee ,b\x96En\x11\xc3%\xd1bq\xb9\xfe\xc4\xca\xb0\xde\x11\x9b^D:.A\x10\x01\x0b\xb80\xbf8\xb5\x02c\xed\x91\xc8\x00\x95\r\x08 \xb9x\xc2\xca\x1b\xd3\x9b\x9bA\x8b\xcb\x99J]`\xad\xac\xac,\xae#\x95\xcb\x92\xc9d\\,\xb0e\x16\x17YoeA. \xd5\xca\xd1\xdb\x0b]]\xff\x8f5!\x03,\xa2A\t\r\xfca\x1d\x03V\xcd\x92\xa1\xfb\x87\xa7Z\xa4\x10\xc4\xf5\x15\xe4\xcap9f\xc9\x80\\\x90\xf1\xc0e\x0cV\x8aY=\xa9\xd6\xcaC\x0b\x17Q\x84\xf4\n\x85\xc3\xf2@\xe7@\x1c\xb0\x1cB!\xccc$oX\xb5\xbe\xcd4\xebJ\x98t\xe0\x10\xb4\xcb\xb2~.\x172\x81`,\xdb;\xdf\xcbf\x16W\x8cS\x95BUn\x97+\xed\xe7X`]w&gt;\xb7\x81X\x17X\x9d\x06\x90Jh x\x1a\xe8[\x8f\x93V\x18H\x93\xfb\xde\x1c:\x04k\xe1\xb8 \xbf2\x10B\x05\xcdB\xe6C\x08\xdf\xbfW\x98F\x16B0\xc5K\xc2\x92r\x17\x96"\xa6\xfc9\xd6\x04f\xfc\xa0A$\x80\x11\xed\xb7\xef\xf9\xc1j[\x1fJ\xd7\xf6\xd3}\x1d\xee\xd4r\x10\x8c\x0b\xf3\x88\x0b\xe3\xa2\xc5\xc2z&lt;(\xd4\n\xfe\xa37\xb5j\x93HBe[6\x1c*"\x14\x96b\x08|^\x8e\xf6\x10\xf9+x\x96\x80\xa0\xc6x[\xca\xf6|\x1d&gt;\x96\xdd\xb7N\xe9\x86\xa7jR\xe7\xff\xb0\xd6-\n\x8f\xc6\xe3r\x19\xdf\xbd\x83\xd0z\xfc\x95\xa2D.\xcfV\xe1\x84m\xc5"\x8a\x85\x0f\x93\xecz\xce\x1e"\x9df\xa1@\xdd\x19\x7f\xc3\xdbuT\xeb\x8aO\x03\x05\xe7\x9c\x1f\xd6\x8d[U\\z#\x17P\x195\x1a\xa3\x91)\xdb\xab\x1b1c\x8c9-7f\xba\xaf\x89\x89j\x15\x86\x9b"G\x15\x02,;\xd4a&lt;\x12\x9f\x81\xe5\x83\x8a\x7f\xcd\xe3%Y~\xdd\x89F\xe0a\x86\xc7\x93*\xae\x16!\xbb@,\xa3\x07\xb0|\xab\x07\x8f\x1c\xd9\xaf\xfc\xa5\xb5B\xd5a\xfe\xec\xb3\xcb\xe2F\xc0\xa1\x97\x94\x178*h=\x81\x00&amp;\xbcl\x86\x14P\x03\xbc^\xdd\xb5\xe5\xd7\x15.\x8b\x856\r/c\x14Y\x85\x85\xc3R\xf4\xcekh\x85w\xf5Na\xe3\xf7Ri\xbaP\xa6\xccf\xb3\x10\x86&gt;1\t&amp;Q\xc6\x10\x86\x11k\x0cc\x08\xbf\xaf_=\xe4\xf7B\xb1uO\xe1t&amp;Z\x86\x01+\xd9"M\xd0\x96\x0c\x1a=\x84\xd0\xa3\xb0\x18\x99\xd3\xca\x91B\x11-\x15\xa0\xf5\x90x%&amp;\x84\xe9\xc6\x0er\x95\xb1\x0c1\x86\x88\xf5\xdb\x0fW\xf2\xbc_\xa1\xb7n\xaf\x18\xdf\x1d\x95r\x10E\x18P\x13\x18F\x14+\xa1\x80\xe0b\x82Y\xe0\xafT!$\xd7"\x13,\xb0J{\xd6V\x86yK\x0ebA\x1d\x02V\x93\xde\xfc\xb9\x92\xcfo?O}\x84\x05U\x18\x05\xaa\xc5\x8c+c\xc1\xbe\xdd[O\xad\x15\xc3ZRM\xe9\x95z\xbb\x1c\x0c\x0c\xb1\xa0\x0e9\xb1"\x7f4\xef\xfd\xad\xbd\x92\x0e6\xd8\x1ab\xc1h\xe3\xe9\x05\x0b\x83J\x80\x19\x82\xf6$41\xbf\x97\xb9e\xb3SzP\xc8~\x81\x15\x86Q\x8b\xab\xc3H\xe4I\xf3\xb0\xb6\xeb\xba\xa1\xf4\x975\xa9\x94\xc66M\xd3\x90c\x16\x05Kk\xe6c~\x9f\xd7T\xf7\xb97\x16\xe4\x14(%\xb7_\x92\x87%\xa1P\x08R\xebO\xac\x87\xcd{_w\xfb\xa5nh|\xcaZS\x81\\\x107\x18T]\n:\xe1s\x9bLn/\x93b|\xc1\\\xcf\xa8V\x0b!\xe4\xb0$Y\xc9GX?4\xef\xdd\xc0&lt;b\xa5\x11\x8b&gt;\x9f\x9c]t4h2\x99\xea~\x8d\xc6\xcf0Aon\xce\x86W\x17\x94Ci\x97\x87\xe5\xe1,7jq\x19\xcf\xfb\xa3\xad\x8f\xeb\xf1\xe5\xacn&lt;\x99\x84\xb5\x8c\xc3\x02\xa8z\xa9T\x8fy&lt;\x1a?\xec\x1bL\xee\xb4h\xb3U\xb3zXZI\x07\xa4\x98&lt;\x1cF\xb1\xda\xe3\xe8\x0f\xffj\x1a\xd5\'m\xc79\xc0\nZ[\xce\xb1\xe8Xj\xe3~\xdd\xa39cvv*\xa7[[\x87O\x0f\x0e\x0e \xb1\x08\xb5P\xd8\xad\xd6\xdb1\xf9\xb9\x18\x02\xd6\xabfb\xfd\xbb\x94ZN[\xad\xd6\x16pz\x97"Q\x1f\xd9\xf0C\x87&gt;\xdd\xdd\xdd\xddz\xfb\x16\xa8\x1eq\x87\xba\xda}\xed\x9a\xd8\x819\xa6\xe7\\\x0b\xb1\x9a\xf9\x99\xc6^)\xd7\x9f\x0e\x06\x830\rB\xbeG\xfd\xf7K\xfeR\xe1\xf0\xed\x16\x9c\xc3\xc3\xc3\xa7\xc8D\n\x85\xe2\xbfuw\x8b\xc5\x0e=\x1eL-Y\xb3\xb1\xae\xbc\x04\x9f\x9f\nNqX4\x1d-m\xdc*&gt;}zr\xf2\x14\xce\t\x8ae0@[4\x1b\xccb\n_\x1e\x84\x9f\xc0\xd8D;g\xf2\xcd\xc4j{\x9eJ-\xbbQ-X\xfai:\x96+JN\xb8\xe8\x1d\x1c4\x1a\r\xc4\xc2fm\xbeqCl\x0f\x87\xd1K9,\x0c\xe2\x1f\xf9fb\xed\xa5r\xfd&amp;o\x10\xa6\xaeD"\x11\xf5\xde_\xfb\xc7Wg?&gt;\xd8\xd9\xd9\xdd\xe2\xce\xdb\xc3\x93\x93\x83\x83G\x061\x11\xcef\xa1\x0caA\x9c@\xacx\xfcI3\xb1\xb8("\x96\x14\xb0\xa21\xbf_stv\xf6\xf3\x8b\x17/~|\xc0\x9d_v\xb7\x0eO\x0e\x1e\x91\x14\xd8VX\xae\xc7\x18\x0e`%\xc6eO\x9a\xfa\xce\xfc\x95\xe7\x1b)\x93\xd7\x1aT\x81X_\xc4\xfc1\x18\x04\x81\xebg\x0ek\xe7\xc1\x03\xa0\x82\xbc\x87yOoG*.\xb5&amp;d\x90\xf3\xb2\x9f\x9a\x8a\xd5\xb6W\xc9\xa5\xdc^\xc8yT+\np\x80u\xb6\x83\xe7\x17\xb4\x89C\xf4\x08\x87Z\rn\nM\x9b\x08\x00\xd6\x00^B\xc9\xben\xee\x17\x06\xdb\xf7\xa7s\x8c\xc9\x1d\xc4\x1b\xd8\xd8\xc5\xc5&amp;\xda)2mq\xd6EQ\x14pQv\xc8,\xa2\xb3sl`\x80\xbb\x84\xfa\xba\xb9_\xd6\xe4\xeb#\xd3\x90\xf5S\xbe\xd8\x17x\xe7\xea\xf7\xbb\x19\x86I\xe5r\xbb\xa7h\xa8\'\r;EPj5\x0e]\x01\xc0\x1a\x9b\x18;\x17\xab\xe9XG\x93k\x95\x14Tc\x8c;^\xe8\x85\xa9\xd9\xe9\xe9\xb5\xd5b\xb9\x9am4\xe4x\xb3\x89\xc7A\x11\x01b\x06\xb1\xf0z\xb3\xbd\xbd\xc9XW\x8eu\x95\x91\x8d\x14\xe3\xf6C\x1d\xe2\xf5\x1dS\xea\xaf\xdc*\x14Cr%\x8e4J\x87\x9a$A,\x98"\x88\xff\xd2r\xfe1M\xdfi\x1c?\x08\xf0G\xe5G\x07\xd7\x1c\x01)\x15\x90\xde\xc0\xca&lt;\x8e\x00Z\xe6\x18\x85P\x1aSQ((\x14\x13h\x11\xb1\x9d@s6Q~\x8e\x12~\x88\x93\x16\x04;\xc6\x00/%\x80\n\x879\x18\x98\xf9\x93\x1f1`6Dg8\x7fD\x0fw\x9a\xd9e\x86\x9bN\x97\xa0\xbb\xf7\xf3\xf9Br\xd9\xed\x96\xdd\x8e&gt;\xa4?\xe2?\xbe\xf2~\x9e\xcf\xf3y\x9e\xef\xe7\xf9\x94%-\x16Zr\xb9\xa3\xb1\xfc\x16\xb2\xb5\xf9\xf9\xa5\xe0J\x8c\xdf\x1aO\'\xaeZmSZ\xf5\xbe\xc3\x1b\xfc\xfdCh\x13\xf4\x8f\x80\x91Z\xdc:\x94C)\xb9&lt;\xc7\xd1X\x92\x97bqi~\xdb\xa9#\xe2\xb8\xf8\xad|*J\xb5\xc1\xa5\xa5i\xd5\xf5%\xe1\xe1\xec\xd9\x1fu\x15!AD\x15\xe2\x19Ebm\x94\xc3\x95\x1b\x1d\xbc\x12%\xb7\xc4Y\xd9\'\xdb\x9aOe\xc7%\xf2w\xedB\x05\x1f\x89\xd2\x944+mJ\xab\xab#\xbc7\xb8\xa7\xb8+&gt;\x04Vf\xa6\xdc\xc1X\xbf\xb9\x15\x99\xa5\xd16\xb7!\xabj\xf8\xc5\x15\xb9lTd\'\xcd\xbbE\x8a\xb3K\x9b\xf2\xeb\xaa\xb7\xa0\x11\xa3b\x19\xe9!3\xf3\x80\x1cTQ\xf0\xe5\xe7\x0e\xc6\x9a\x8c\xcb\x8a\x14\x9fjn&gt;\xa5\x15\'\xf2\x8b\xd7\xd1\xf4Vn(\xe5/1Iv\xb2\xa6\xbd\xba\xfeh\xf8aAH Q\x01\x0bT\xf8"\xff\xcc\xd1X\xbbP\xd9\x88K\x9bi\xfe!nW\xf1\x1f\xe9Qx(\x95\xcdb19\xb2.&amp;\xa6\x04T\x10\xab\x008\x07rr2\x0b\xe8\x9cS\xee\xd8\xad\x1aX;\xc5\x9a\xc4\xb8#\'\x9b!\xd8\x91\xf8b\x14^\xa1\xa1\xa1\xef\x82\x8aF3\x9a\xe8L\xfdh\x8a\x80\n\xad(X\xce\x81\xa8\x02\x85BQ\x90)_r0V\xd5\xb3\xec\xbdy\x89b\xed)\x8eKX\xb1\x13~\\\xb7UL\x07-\xf9i5\xd51%)\xdb&lt;=\x15\x05\tQ\x05Q\x99\x80R\xa9T\x84\xf5\xd8\xc1w\x9b\xfd\x1e\xbe\x85.\x83\xc6\x8e\x9a\xe1\xc8#\'\xe2\xe2w\xad+\x8eG\xd2H\x83\xd5\xd4\xc5\x94\xb4l\x0b\tT\x90DtF\xad\x12\x1d\x14\xa9T\xc0\xfa\xc6\xd1X\x1f\xbd\xa5\xc9\xcb\xd3D\x12W\xdb\xd0\x10\x14C\xa3\x88\x94Q]_M\xf9\xe1\xe8\xe1\x0e\xcf@:\x06V\x15\x90T\x07}}i$)*\xc7\x91\r\xd92V\x96&amp;/1\x11\\\xcd\xcdC\xf3\xf3\xfdC\xcd\x08\xa9\xea\xfa\xf0\xa3G\xeb\xeb\xb11\n\x12@\xb5\xf9}vr~p3:3\x1a9\x88\xca\xdc\xe1`,\xc9BvVV^X\x18\xfcx\xb2m\xe8\xa9&lt;G&gt;\xdf\xdfO\xfb4{hz\xb8#\xc1\x13P\xbb\xdfW\x15\xe0\x93\x06\x0e6o\xa6\x91\x83\x9c\xdf\x8e:\xf8\xe6\xe4B2\xc9\x05\xaeH-\xdc\xf8t&gt;\xa7\xe30\x0c\x1dF\x87@\xd0\x91@\x12\xed\xde\xbdY\xa5P\x88\xd6P\x0f\x04\xb5T\x84%?\xeb\xe0\xab\xcc/\xc5Y\x9a\xbdYy\xadaa\x9al\xa4\xfb\xfe\xf9\x96\x9c\x04D8*QOD\x15\x9b`&amp;(/j\x82\xa0\x1677"\x97/9xS|\x89\xddG\xb37\xaf\xb5\xb5\x95\t\xd6\xd6\xfft^\x9e\xe9\xa9P\x89D*\x145^\x88pE\xa0\xc8\x8b\xb5\x8b4\xed\x06*\x05U\x12;\xfey\xdf\xa17\x86_\xc6A-x\xb1U\xd8J\x01V\x8a58?\xdf\xd2Aby\x06\x92\xa1\xb1\xfe\xfd\n\x15\x89E\xdb\x90\x1c%\xd7\xc6\xf9\x1f\x1c\xf7\xd8FBXy\xf4L\x10\x86\x08\x13k\x9b\xea\xfa\xa92EA\x03&amp;\x91\xef\x9a\xf5\xcbP4\xc3\xbf\xc6\x0b"R[&amp;\xcf\x89Ry,\x0e\xddrT~\x18{\x90\x1d\xa9\t\x03\x15\x1d\x05\xfb\x08\xf9\xf0$\x14\xebo\xd9\xe6\x1f\xe4\xec\xb5\x861\xfd\x89\xa8\xbc\xd8\xe5\x02/_\x86\x85\x1a"\'Jqp\xfd\xe29\xc7\xdc\xcc\x95L^}\x1d\x8cM\x91/$,\xe8%\xac\xe0\xf3\x11bMu\xf5)\xe9\x82\xd8 g:\x9b#\xa1&lt;\x9c\x9d}iZ\xde\x8b\xaaz\xd6\\G)T\xeb\x17\xbb\xce]&gt;\xbd\xfa`\x92\xd4\xd1\xa1zTZ\x08,\x9fM\xecO(\x14\x16\xf3\xb7\xc2\x935\xfbQ\x00\xd2\xd07\x9d\x93{y8G\x04E\xd0X:\xca\xfa@U \xc9\x85\x9dh\xcdbF\xd7\x8dswNKV\xf7\xb75$\x93\x83g[\xea\xb4h\x13\xc3\x84&gt;\x9c\\B&gt;\x99&amp;\xb90\xedPL\xc9\x07\x10\x8c\xc6\x14!U\x90\xbf?\x1b\x97\'\xac@\xc2\xa2m\xdbk1#\xa3&lt;\xa3\xeb\xf6\x0fgW\xf3\xfa\xb7\xa4j\xcc\xfa\xb9\xa0\rX\x9ae\xacM&gt;|\xbe\x90o\n3\'\x17\xe6\xd7\x91\\\xdceN\xf4@\xb1!\xb1\x8c\x8b\xf5f\x81\x05\t\x99\x99\xc8\xb4\x1e\x84E\xf6\xfd\xd2\xe8\xaa\x1diHR\'\xf5\x03K\x1d\xf9\xdal\xb1&amp;OH\x0b\x91\xc5&lt;\x9f\x1f\x16f\xde^\x88J\x8b\x8e\x9e\xd2\x8b \x98\xbf\x7f\xac@\x00&gt;\x7f\x1a;\xe5z\xc6(`\xa9&lt;\xca3\x96\xb9v|\xddwiu\x14\x93T\rN\x19\x06\x1e\xb74ii)\xf2\x85\x0c\xac\x82\xf3\xa2\x89\x9c\xb8\x7f\xcb&gt;:\x12K\x8f\x8d\x8d\xdd\x90NgP\xd0+\x82\xc9\x15AA\x9fP Z,gT\x8b\xe5\xe5\xdfLOO\x9f\xb9\xb6\n\xbf\xf9!\xa9\xb2[\xd5j\xfdgGKI\xadDpUT\xf8TT\xd0\xe4\x14b\xab\xb2p\x0f\x9b\xdd\'\xb0\xf4\xf4\xa2t\x9a\x16)bn\x149C/Z\x8c\x10k\xc5\x87\xe57\x1eO\x13W\xdf\xb5\x81\xff\xef\x97e$~\x93v\xab\xce\xa0\xd4\xfd\xb9?\x98b\x8b\xc3\x82\x81\t`\x9aJ\xc8USS\xc7\xdd*\x80\xa5\x90;\xd1\xd1\x06\x11\x14\xb0\x02=\x0b\x14+b\x95g\x94\x7f\xff\xf5\xf44\x07f\xf9t*\xf5W\x93!\xd8\xedz\xb5\xce`\xd0\r7C,1s"p*\x90N\xf9`3\x99+\x83\xf7\xc0\xd2j\xda\xb7\xec\xa3ct\xd6\xc8\xc6\xb2e)\xe2\x16\xa3B\xe4\xc1Qa-f&lt;\x9d^\xc6:\xd3\xd7w,\xfa~U\xaa\xe4W\xc5\xba}\xc2\xe6\xaaT\xba(\xa7\xec\xb6\xaf\x08+\xd2\x84\x05\xc8\xe5\x06\x18a\x99\xd9\xad\x95|\xc2\n\x0f\xdfWBc\x19\xe9\x1bbY\x96\xf0\x05W\x84J\xb4\x1c\xefx\xcb\xb8\xb1t\x86\xb3&gt;z\xf5\xf5YF\x06\xa6\xfeW2\xf8\xef\xc5\\\x8f\xde\xa0\xd6u\x0f\x8e\xd9\xacg\x11\xf1\x91f\x13s\x1e\xc5\x95\x90\xd4\xe2k\xcc\x95ti\x85\xbb\x1cR\xb2\x85\xf9\x92\xa6\xdd\xc8\x8d\xc8\xf7\xa8\xe7\x9d\x19\x10YW\xd7\xb7\xf0^\xdf\x19\x0e\tv\x0cf\xe1\x8d\x0c\xfcb2\xa4c\xbf*\xfb\x8b\xde\xc62\xa5A?\xd836h\xd5\x8d~\x95\x1d\x19\xa7\x81Z\x14\xf2B.\xc0**\xe0\xc5d\xee2M{LLL;\xe0\xc2\xb9\x0b\xe9\x84\x15\x14\x11\x11\xf1\xd7e\xaa.P\xdd^"\xdf\xf51\x0f\x1e;\xc6QY\x96\xc9~\xc1\x12\xa0_f2\x96\x8d\xf5N\x1cw*\xd3[\xc7&amp;\x06uJ\x9d\xbe\xec\xec\x89\xc8\xb8x\xe6;\x96!\xd8\'\xb0\xc0\x15\xcc\xee\xd2\xb4\xb7\x1f\xaa9\xd4\xbe\x85\xd4br\xc1\x8f\x81\x81\xfe\xe5]\x19\xe5\x9cT\xe3\xe3\xe7\x88\xc7baP\x16\x0b\x11\xe1#:\xda\x12\xcd\xe3qd?\xeb;??\xa3Q\xd7\xfd\xe8\x1f\xbd\xb6F[m\xcfD\x8f\xddhP\x0fX\xd5e\x0b\x0fN\xc4S@\xb1\xccEK\x91S\xab\x92\xbb\xe2\x03Cg\xc6a\xc5R\n\xdb\xe0\x8f\x8d(c\x9ca\x11\xd4\xf8\xb7\xdf\x91&gt;\xd1\x16\x8e\x89p\xd8\'\x8f\x17\xcd\xeb\xec\xec\xe4u\x0e\xa4\xfe\x0cTU\xea\x94\xd1\xa8\xb7]\xf8\xfb\\\x8f\xcdV[{\\\xafS\x1a\x0cz\xabNm({\xfe \x8c\xdfZ\xcc\x9cG\xd9\x94\xe2l\xc5\x89h`\xd3\xf6 \xf6\x0f\x11\x16\x12\xbd`\x83@\x10\xe2\xff\xb7\xae\xf1\xae.\x82\xea\x1a\x9f\x9d}\xfd\x1d9\x8ep\x88)\x9a\x17M@`\x03\x14\xd4\x92\x8d\xc8d\xd2\xff\xba\xf4\xa6\x8c:\xa3Q9\xf8h\xaewb\xac\xdb]\xef]\xa6tU\xab\r\x86\xa9)`\x19\xcaF\x9f\xc5#\x95B*\xc22\x99L|\xd3r\xc83\x0b\x0e\x0e\x06\xd6\x07\xc0**\x12\x08\xf0~c|\x16bed@\xa9\xd9\x99\x99\x9b\x96h\xe8\xc4X\xc8x\xcc\xd87\x99L\xd6\x897\xa9\xf4\xa7#*\xd5\xa8\xd3\xa9\xd5J\xef\xda\x0b\xbd\xb6\x01w\x17oWwww\xe4\x07\xa5\xda\xa0\x9b2\x1a\x0c\x00\xbb\xbf\xb0\x93\xb6D\xaa\xb7\x80\x040\r\x12\x04\xac\xb0\xb008\x19\xee\x0c\xae!\xb5\xd2\xb1\x05!\xdf\xdf\x9e!*H5\x0b\xa8\x99\xab\xc3\xd1\xd1\x8c\x8a\xc7\xbd:\x81B/R\x8a\x8c\x07O\xfet\x94C\x11\xa5Z\xdf\xd8;7\xd1\xed\xee\xe4\xe4\xe2\xed\xee\xee\x8d\x0fp\xb9\x1e\x1f4\x18\xd9\x9f\xfd\xfc\xc3g\xb9\xac\xb4\xa1\x9ce\xd6\x90\x0f\x93a\x95\xc9\xc9f\x8d\xc6\xbc=-\x06\xc5W\xd1\xb6\x94\x94\xf0\xdb\xafgff)\xa6\x00u\xf1b\xc3\xd5\xe1N\xde\x8aDL%\x99T\xc6\x83@\x9d\x1c\x16\xbeX\x86\x9f\xfc\'\x94\xd1\xa8\x86V\xaee\x83\xb5ss6\x82r\x01\x92\xdb;\xde\xde.\xae:]w\xa3\x1eH0\xa3\xdd~et\xe1\x19\xdd\x15a\xb9\x94\xd6!\xa32\x9b\xe1R\xbei{\x1a\xa9\xb5-%\xfc\xc3\xd7\xaf.B,\xce}\x17\x1b^\xfde\x98\xfd\xff\x14F$\x14a\x05H;e\xd2\x80\x00Yg\xa7\x8c\x10\xaf\xdd\xb9~\xef\xc7!\xc5\xbc\xa7\xb3\x1e?^\xdb\xfb\xc5\xe5n@99\xb9:y{\x93^.\xae\xee\x8d\x8dV\x03\xe2\x1e`W\xc6N\x1b\xd4W\x9e\x87\xbe\xbb)\x97\xe4\xaa\x84m\x87Z\x95\x95f\x13\xa5\r~2\xb0R\xde\xf8`\xdf\xebW\r\r\x17gg\x97\xa1\x1a\xee~qI\xca[\xf6\x14\x8fb\tX\xd2\xb5\x01\xf8\x87\x00z\x07\xd7\xb5;W\xef\xdd\xbc\xfc\xe387\x00k\xc06Q\xdb{\xe1|\xa3\x95\xa8@\xe3\xed\xe2\xee\xe4\xee\xe6\xe6\xddmk\xb4*\x99T\xc6\xa91\xbb\xce\xde3\xf1\xe2\xcb/?z\x98\xeb\x13\x06\xa8\xe4d`1\xaa\xdc\xdf\xfda\x13\xd4\x8a\xc1\x1e\xf4\xe1\xab\xa4\xa4\x06\x88E1\xd5\xd0\xd0\x90t\xf7\xd1\xa7R\x80,G\x12\xf1\xc1\x9d\xd2\xb5k\xa5\xa4\xd6;\x01\xd0\xf0\xc9\xbd\xeb7/\x8fH\xff=#\xc0}j\x9dN?\xd8h;?wa\xa2\xdbU\x0f&amp;\xe6C\xbc\xdc\xdc&gt;\xb9T{\xa9\xcc\xd5EIr\x19\xa6\xc6\xc04\xd1\xd3c\x9f\xbcr\xff\xf9\x9b\xc5\x94\x1b\x82\xc9\x83\xa60\x9f\xb7\xdf|\xef\xbd\xb7M\xdb?\xde\x0f\xf7%1*\x84\x16)\x95\x94t\xb7\xb7vxx\xd8B\x89\x80\x8b.\x19 yk\xdd8,\xb7OF\x86o^\xbf\xf7dD*\r\xf8WQf\xec\xda\xb8\x15\xc7\xf1\x08\xf4\xde\x10\xde\xa4M M\x9d\xfa\x17d1\xc7\xa3\x1c\xa6\x9b\xaf\x7f\xc0-\xa5\xe5\x16)\xcb\xdd\x92\xe1\xd1\x1b\n\x82\x9c\xa6\x03A\xb5\xd4h\xb0\xf0PdS\xb0u\x06I\x91\xc0=R\x88\x87367\xd8\xe6\xea^l\xa8;7\x99\x02\xfd\xfe\xa4\\\xf2Kl\'\xb1\xc4\xfb\xbc\xef\xef\xfb\xbe\xef\x99&lt;B}WS\xb9\x91\xefgy\xd1\xf7]MC\xf3t\x14uO\x00\n\xc9\xa51\xacG,Qgr{;\x19(\xd7qj\xe5\x8a\x17\x7f\xbdy\xf6\xd5\xb3\xd7\x08\xff\x9f\x9e\x9c\x9e\x9d\x9d&gt;\xf9\xe1\xcf_\xef\xee\xda\xa6\x89\x0e\xa2\x1a(s[\xec\x97\x8b\xc5\xe2\xe60\xaaS\n\xaa\x91\xb7\x8em`u\xd1C+\xdbo&gt;\xacJ\x1be=B9\x18M\x89\xac\xcc\xfc\xfe0O\x98\xd0H,\x9d\xda\x88|\xf0\xbd\xbd\xc7u\xf8\x0b\xab2\n\x82\xc9\xed\xf4\xb7\x97X\x98\x0es0\x93\xe9\xee\xf6\xdd\xef\xff\xbc\xf9\xf1[t\x90\xa8\xceN?\xbeX\xafM\xd3\x84V\xe7\x17\x00\x03\x94i\xcevq\xc8\xadt\xb4Z,V\xab\xd5\xe10\xaa3\xe2\xed[\xc2\x1a\x1f\xb7\xa4}\xb5\xdc\x0cGvS\xcd\'R\x12\xea\xb9\xa3\xf1,\xb3\xd2=\xb2\xcaU\x86\xc6t\x88\x05\x0e\xa6\xe9\x89WyY\x96\x95^Uy\x08\xfc*\x8e\'\x8anx\x8e\xa3\x0e\x0b\xf3\xdd\xed\x1f\x8e\xf3\xe9\xbf\xcf\xbf\xbc\xfe\xf9\xfb\xaf\xcfN_}\xdc\xcdf\r\x14\xb0\xa8\x00e\xae\xaf\x03\xc1-;\x1d\x8f\xbb\xe5\xa8:\x00\xee\xe6\xe6ft\x05\xd9Zi\xda=\xe9\xa6\xdef\xb3,\x91\x0f\xad\xf1\xb8\x8eS\x98\nsf\x08\x01\x94\x0f\xaf\x07\x8cd\xd2\x940\x80\x04}\x92j\xb1\xf4\xa8*`\xf9\xc1 \x08"\x17\xd2\xbe\x84^Ld\xfd\xed&lt;@t&lt;w\xd4\xbb\xbf?\x7f\xf3q\xb7\xad\x99j,\xe2\xc2\x17\xfagn\xf3\xc8\x90\xd2\xb2l\xbb\xf6Q\x0bl\xab\x1b\xc8\x06\xb4r&lt;\xbe:\xb9\xaa6\x9bC\x99\xa6\xc4\x84\xf7)\xd2a\x16\xa6Y\x96\xe4BzE\xd1\x13\xca\xa8\xb1(\xa9\xf4\x8eH\xb3\xaa\x0f\x98,\xa5\x92\x126\xcb"\xd6!\xa1\x80&amp;\xb0e\xe6\x81B\x880\x1c.\xde\x07\xf3\xd9\xacm&gt;PQ\x99\xed\xa6\x81\x89\xc1%\xfcc\xd94*\xb8\xa0J\xb7,G\x87\x9b\xc5\xa2X\x1e\x0e\x8b\xf5\xba8T4s,\x8a\xd1\x15\x1a\x88\xecd\xbc\x95b\x8f)\xe1\xf5\x81FH\x1a\xc5\xa8\xae\xb9a\xe0{\xf9&gt;\xd08\x17\x02\xdf\x88\t\x91e\tC\xe9\x1dG\xd7#o\xb8\x8d%.\xad\xff\xa0\x1b\xe1\xf5\xccl\xd7H5\x96\xd9\xae\x7f3g\xf3\tn\x85\xb3\x89&gt;\xe4\x00\x00\x02\x7fIDATV\x16\xc9\x05G\xd7X$\x0bZ\xda-\x83\xa8\xfapw\xb9\xec/\x87\xc3\xa2\xf9\x97wqD\xed\x93)B\\\x93\xbd\xf9n\x9a`\xe2B$2M\xa3(\xf3\xa9\xf6y\xa6\xc3\xec\xbc)(&amp;4\xca}\xd6\xd1\xf5`\xb9\xed\xfb$+9\x11]7\xd2\xeb\x87\x0e\x9a_D3\xd7\xbb\xe9\x00\xf7\x0bi\x91K\x80T\xc3\xd5Tx\x19\xb7RYa\x05f\x86+\xa8\x17\x86\xcc0\xee\x11c\x82F\x12&lt;\xf2\x8a\xb9/\xb0\xf0x$\xc1\x14\xf8t\x98\t\xd3\xaa\xef\xd7)\x81\xa0\xe7\x98\xb1$\xd5(d\xb1\x14\x82\xeb-\xa6a\x08P\x01\x89\xb9.\x8b\xfa3\x92\xab\xdd\xfe\x82\x85\xac\xda]O\x12PIN\xde\xe5\xf7X\r\x17\x19\xed\xe9x\xbc\x1f.G\'\x16W\n\x17\t\xd0[\xdc8"(\x8a\xcblY\xe4\x91\xae!\x03D\x88n\t\xd7u\x13Csc$\x18c\xaeCh\xf5\xbb\xd0\x12\xca\xe0P\xe1~\xeaoc\xf7\xbdAqK]e\xca\xd5\x1a\xac\x07(\xb3\xbd\xde^\xe3d\xab\x11\x90\xd5\x90Y\x0f\xadl\xd4\xc2n\xb3\xd9G\xe3\xe3\x94\x1b\x1a\xc1c\xd6h\xdeQ\xca1u!\xcb~\x11\x0bM\xd1\x16H\xd6\xc2\x16\x8d\xd1:a\x0fM\x82m\x94\xd6\xa9Gn|\xc7t\xa6\x94\x9bL\xb7\xf3\t\xaa\x847\x12L\xc2\rC7\xa2&amp;\x9e\xdf[\xdd\x9c\x01j\xefE\xe8\xbf%\xd1\xa0\xc6\x05\x8fX\xb5\xcb\xba\x87\xcbM\x15\xf2\xa7\'c:\xa4\x18\x80\xe7\ta!4!\x95\xd7\xe4:\xcd\xdc \xaf\xd0%x\x94\xcb\x1eC\xbb\xb0\xee Y\xc7\xa9\xd9(\x15\x06A\xa8\xe2\xed\xeev\x9aS\xc5\xbd\xc9\xbf\x83\xc1 \xc2\x03\x96?\xbfh\x96\xe0z;\x9f\xc6y\x9c@y\x12\x8b\xdf?\x81I&gt;\xea\x05\xa9\x16#i\x00\xeb)\xe7P\x03\x13\xa0F\xcb#f\x182\xc8\x8b&lt;\xd1]fh\xf5\x8eC1*\xf0*zKO\x11\x08\x88\x1a\x1e\xc6\x12x.\xce\xfb\xfd\xa0\xb7\x9bO\xa0\x8f\xab\x94JB\xfc\x10\x86"\x1c\x84\xfb\x19b\x9d\x1c\xb5\xde\xe5\xbd\x81\x1f\xfb\tO\xc8\x915\x15\xe9%\xef\x8d/)+\xb0\x07^\x1e\xba\xb6\xd4y\xeb\xa4+\x1b\xb5l\x8b.:\xc2\x91\xc5\xc7\xc1*\xa9\xf7\x19\xad\xc9\x06M\xd1\x9a\x17\xdep/\x80\xc4\x94\x03"\xa5\xc2\xa8\xe7\xed\x97\xf3~&gt;\x9d\xc6\xbe_\xec\x02\xc7q\x08J)C!O\x15\xcc\xe5z\xeb\x8b\x0b\xd2)\xefeI\xe4M\x83\x84?\xe8\xc4\xef\xbb\x98J\xab\x91\xcc.W\x97+d\xa9mk\xc0:\xb6\x04\xa9\x95\xe2$\x81\x8b\xfe\x074\xf2os;6_\xa7\x00\x00\x00\x00IEND\xaeB`\x82'</t>
        </is>
      </c>
      <c r="M366" s="3" t="n">
        <v>45492.67809027778</v>
      </c>
    </row>
    <row r="367">
      <c r="A367" t="n">
        <v>982558</v>
      </c>
      <c r="B367" t="n">
        <v>1962</v>
      </c>
      <c r="C367" t="inlineStr">
        <is>
          <t>Lucas Arcanjo</t>
        </is>
      </c>
      <c r="D367" t="inlineStr">
        <is>
          <t>Lucas Arcanjo</t>
        </is>
      </c>
      <c r="E367" t="inlineStr">
        <is>
          <t>GOL</t>
        </is>
      </c>
      <c r="F367" t="inlineStr">
        <is>
          <t>GOL</t>
        </is>
      </c>
      <c r="G367" t="inlineStr">
        <is>
          <t>GOL</t>
        </is>
      </c>
      <c r="H367" t="n">
        <v>190</v>
      </c>
      <c r="I367" t="n">
        <v>1</v>
      </c>
      <c r="J367" s="2" t="n">
        <v>36015</v>
      </c>
      <c r="K367" t="inlineStr">
        <is>
          <t>Right</t>
        </is>
      </c>
      <c r="L36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1f8e4ab1-9e3e-4ea2-9830-2fd60c2aad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5h\x06\xef\x00\x00\x03\x00PLTE\xff\xff\xff+/;\x1c"&amp;.3A\xee\xc9\x9b\xed\xc6\x97\xee\xc8\x99\xea\xc5\x97\x1f$(\xfe\xfe\xfe\x1a\x1f#\xd0\xa9\xa2#&amp;,\xeb\xc2\x94\xce\xa7\xa0\xef\xcb\x9c\xd8\xaf\xa6&amp;)/\xe9\xc0\x92\xf0\xcd\x9f\xd3\xab\xa3\xc6\xa2\x9d\x16\x1d \xd5\xad\xa4\xc4\xa0\x9a\xc0\x9d\x97\xc9\xa6\xa3\xd4\xa5\xa9win\xe6\xbc\x8f\xd6\xaf\xacrej\xf3\xd4\xa4\xcb\xa8\xa6\xd5\xa4\x9f\xfb\xfb\xfb\xce\xaa\xa6\xda\xb1\xa8\xcd\xa5\x9d\xbd\x9a\x94\xe5\xd1\xb2\xf2\xd0\xa2\xc8\x98\x98)-4\xe3\xcd\xad\xc7\xa3\xa139E\xeb\xd8\xba\xdd\xc3\xa0\xd7\xa7\xabbUZ&gt;6:\xd9\xaa\xb0gZa\xd2\xa3\xa5\xc1\xa1\xa2\xd2\xa1\x9aYNVl_e\xf6\xf6\xf5\xf2\xcf\xa0\xca\xa5\x9e|nr\xb4\x88\x83639\xdf\xc8\xa8\xe1\xb3\xb1\xb8\x8b\x880.4\xcc\x9b\x9c\x81ru\xbb\x97\x8f\xf2\xef\xef\xd1\xae\xa9\xe9\xda\xc1\xd9\xb4\xb1\xdf\xae\xae\xe3\xba\xbd\x85vy\xde\xb5\xbc\xa8zo\xb9\x9b\x9b\xb4\x97\x99\xdb\xaa\xa9[JJ\xe7\xd5\xb8B&lt;B\xc5\xa6\xa6\xc6\x96\x8c\xe9\xbf\xc2\xca\xa2\x9a\xcc\xac\xaa\xa4\x8a\x88\xcf\x9f\xa2\xc0\x91\x84\xd8\xa7\xa4\xca\x9b\x91SHO\x90\x7f\x81\xd4\xa9\xa1\xcd\x9b\x95\xbb\x8f\x8czedMCI+*.\xea\xba\xbc\xaa\x8f\x8e\x9e\x8d\x8f\xc3\x99\x92\xc0\x92\x90\xb8\x94\x93I&gt;B\xea\xbe\xce\x88jciWVbQQ\xdc\xbc\xb6\xbf\x9e\x9c\xb8\x94\x88\xe4\xc9\xa2\xaf\x83\x80\xcf\x9e\x9d\xcf\xaf\xaeq`b\x8a{}\xb8\x8d\x80\x7fkj\xb1\x81v\xe3\xb6\x8a\xea\xd3\xb1\xd7\xac\xa5\xcf\x9f\x94o\\Z\x94\x85\x87\x9b\x88\x88\xdb\xad\xb5\xb7\x86z\xc8\x99\x8b\xc4\x94\x94\xd2\xa0\xa2\xe4\xbb\xb3\x95um\xe6\xb6\xb5\xc7\x9e\x98\xd9\xbd\x99\x99\x81\x82\x96|z\xd2\xb2\xb2\xb0\x92\x93\xbb\x9d\xa0\xbf\x8b\x7f\xc0\x95\x8b\x95lb\xe3\xb8\xb8\x89qo8&lt;O\xdc\xb4\xab\xe0\xb9\xc8\xa8~w\xaa\x96\x95\xe4\xb0\xb7\xae\x8f\x7f\xe4\xc4\x9a\xe9\xce\xa7\xaf\x9b\x9b\xb6\x9b\x90\xd03&lt;\xeb\xc8\xc8\xac\x88\x89\xe0\xaf\x84\xd1\xab\xa9\x9frg\xe0\xc0\xbe\xa0\x82\x81\xe9\xb7\xc5\xe7BK\x90wu\xa4\x92\x92\xe9\xe7\xe7\x9exv@Hd&gt;AT\xef\xc6\xd6TA@\xeaSX\xf5\xd8\xa9\xb0\x93\x85\xc4\x95\x87\xb0\x95\x8c\xeb\xbf\xb7\xd7\xb6\xb9\xc2\x81\x9f\xbd\xaa\xa4\xab\x8a{\xd6\xb5\xaa\xdc:C\xed\xdd\xc2\xa7}\x81\xb4\xa0\xa0\xd3\xbd\xb3\xd4\x9c\xbb\x88aW\xcd\xcd\xcb\xf0\xd1\xd4\xce\x9f\xb2\xf2\xec\xe2\xd5\xb5\x8fM42\xbau\x92JRT\x9e\xa3\xa2gIE\x9f\x83w\xb9\xa4\x9c\xc7\xb5\xae\xc3\xad\xa9{^W\xc0\xa3\x93\xde\xad\xc6\xe2\xdf\xde\xed\xe2\xd3\xd8\xa5yW]a\xdb\x96\x96\xd7\xa6\xc3\xda\xd8\xda\xb0\x8e\x8d\xca\x8b\xa9\xce\xae\x8b\xdf\xc9\xbb3-/v8:\xf6\xdd\xb0ajk\x987;\xd9LQ\xe1\xd1\xcb\xab\xae\xae\xf2\xdc\xe6\xbe\xbf\xbd\xf0\xd3\xa9\x81\x86\x87\x91\x96\x98\xb94;\xb4e_\xc8]]nuv\xc9GL\xd4\x8c\x8a\xcf\x91\xb2\xd0\x9ao\xd1\x98\xa7\xd1ww\xe5\xa1\xba\xb6t\x84\xd3\xc0\xa8\xb3\x07\xa7\xbf\x00\x00 \x00IDATx\xda\xdc\x99oH\x1by\x1a\xc7\x9b\xf1\xcd$;\x94\x9b\x17\xf5\xb6kQ0\xb7\x15\x1c\x1a\xd0\xd4\x18\x1bX\x0736\x1e\xdd6\xd6\x86\x98\xba&amp;&amp;mL\x06\x1b\xcd%\xae\xc1?\x97\x08\x8d\xadZ\tE[\x1b\xd7\xc3\xf4\x84\x06\xa4\xaeG\xab,\x05\x159_\xdc\x81\xbeK\xae\xb7\xc8\x15\x04\xf7E\xc1\x17"\xf6\x85\xaf\xef\xfbL\xda;\xb8\xd7\xa3]\xeei&amp;\xa3\x11\x9c\x8f\xdf\xef\xf3\xfb\xce\xf3\x9b\x9e9\xf3\x7f]\xda3z\xed\x19\xadV\xf9\xea\xd7Rz\xcb\xf2a\xfe\xc3\xc1\xe1\xc1\xf6\xbb\xe5&amp;\x8b\xfeW!S\xd3\xf2^\xfe8\xa7aY^\x10\x0c\xce\xdc\xeeq\xfep\xcf\xf2\xb9%\xd3\xbe;\xda\xcfq\xc5\xc5:\xe5\xa5\x14+\xe4\x8e\xb6?\'\x98\xfe\xddv~\x97\xd3\xe9\x8a\xd9OH\x1f\x8b1\xec\x1f4i?\x0f\x99v9\x9f\x13y\x96et\x00\xfb\x1f.\x1d#\x1co\x7f\x86&amp;\xd3j-\xdb\xfb\x02S\xcc\xb0E\x1a\x8e\xa1\xd2\x15p\xfeC\xa8\xcb\xe5\xf7\xf4\xa7,\x98V\xbf}\x84.\xd71\x9c\xa1\x88\xd7\x01\x8e\xe5Y\x88\xc6\xb0\x1cH\x81\xa4#@\xc6\x90o:\xe5\xe5\xf7\xc1\xc0\x91}\x9cF\xe05\x1c\xf9\x88C\xb1\x13\'t\xda\xc7/\xf9\xfd\xd3t\xd2rx\xac\x81@PF\xc7\xf1\xbcF\xa7p@\x1dF\xd1\x8d\xe18]\xc1V :\xf3M\xa7e\xa4\xe5\x83A\xa0Vga\x18\xae\xac\xa3b\x04\x9e##\x01\x05X\x1d\xa9\x07n\x9ee\xf8\xe3\xe5\xd3\xe1\xb2\xe4\r\x029\xc8(L\x0c\x19\xc8R\x98\x82TAd\xa8\xe7\x8a\t\x0c\xba\x01s\xff\x9d\xf64\x9a\xfd\xc0\t(N\xe9%\x14X8\x0e\xc2)\xd2\x80\xa5@\xcc\xd2R$BZ\x0c\xa7\xd1`\x96\x83\x9cP\xf0\x8d\xe0dY\x968\x85\x92e\x04\xf2\x95\x13H2\x96r\x02bQ\xe3s&lt;\x97;\xb0\x9c\xb8\x83\x02\xa3a\xa1\x04\xf7^|o\x0c\x07}\xbe\xb0Q\x92DQ\x929I\x80b\x8c"$\xce\x05/\x89\x0e2j&gt;\x9cl\x82\xe9\x0f\xc5b\x86\xe79\xf9\xbd\xd3\x11\x1d\x19J$fg\x03#\xd1\xeaj\xc0\x89(\xe2\xe3yj2*"#,\xc8i\xd8&gt;I,\xfdv\x0e\xde\xc8Fg\xd8\x11\x88\xa4R+\xa8L\x06oS\x04\xe7\x0b\xf6F{G\xa2\xc1\xb0Q\x969\x19\x0b\x93xH.\xd2/wr\xfd\xa5\xd5\x1e\x18\xd0\xc6R\xd8\xe1\x18\x89\xa4f\x16\x17\x9b\x9b3\x99\xe1\xfe\xfe\xfez\x1c\x0b\x0bK\x91@$\x92ZI\xa5\x12\x8e7AGP\xe4%t\x1e\xe1\xe9h\x11\xe4NN\xafm\'\xe2\x92w\xf6\x06v"\x80",@\xd5\x7f*k\x7f&amp;\x93\xa9\x9f\xaf\xaf\xcf\xa4"\x91\x9dH\xc4a\x14%\x14\xcf)\t\xc2\xe5\xf6N\x88k/G\x17\x10\x1d\x89\xd9\x99\x19 Q\r\xff\x97\xcbj\xc5[\xdcj\xed\xec\xb4\xd6on\x820\xb5\x13u`=@0\xdc\x0f\xb0\x1a\x8e,\'\x13X\x1f\x8au\x88\x84\xf0HD\xa1\x1a\x1e\x1b\x1e\x1e\x1e\x1b+ \x01\xc7Z\x1f\xaf\x8f\xc7c\x9d\x9d\xf1\xf8\x18\xfd\xab\x1fn^I\xed\xf4\xbe\xc1B\xe5yJ8\xe1\xf0D\xe4\xda#\x0b\xe5\xf0\x8eB\xa5 \xc5QV\x0f\x88 \x11D\xb2vZ\xe3\x9e\xb4\'\xee\xf1&lt;\x03\xda\x18\xb03\xcd\xa9\xad^\xa3Q\x86ZH\xb0\xdd\xe5\x13\xa0z\xb7\x8fU\xc5\x19\xa3\x05*\\\xf5\xd93\\\x1d\x1c\xdd\xdd\x9d\xdd\xdd\x8f\x1eu\xe3\x8cJ\xa7=\x9di\xfc\x08z\r\x0f\xc3\xe6\x99\x99\x11\x87\xf1=\xc7cd\xe5\x8fT\xbfmk-\xc74\xaeK\xbd[\x05\xad\x14*\x0f\x15\x11=\n=\xaa\xac\xac\x0c\x01-\xbd\x96N\xbb\xd2\x9eg\xc4L.77/\xcel\xfd\xe3\x8d$+6\xe6\xb5j7\xd6!\x8fq\x81\r\xef(\xb90&lt;FLk.\x14\x11\x11\xd3c\x1c\x95\xaeJ\x97R\xf8\xc9\xda\xda\x9a\x87|l^\x04\xd7N\x98\xe7\x058\xf9\x93\xda\xd3\xc4r\xae\x18\xb78\xb97BK\x10T`\x1a\x1f\x1f\xf7z\xfd\xfeF\x94\xbf\xb2q\x80\xce \xf3W\xfaQ\xc9\xa4w\x1c\\\xf0R\xd1+\x12\x15e\rn\x8el^\xddP\xd5\x1f04q\x1aG\x16\x9b3\xc3c\xf1gk.\xaf7\xe9O\x02``\xc0]br\xbb\xdd\x13\xee\x81\xc6\x01z\r\x98\x07\xccfs\xd2\xef\x1dW\xc0\xc6\x94\x06\xdbr\x88\x1a\xdc\xb3\x98]U\xa7hm\xd3&gt;\r*l8BR\xc5=k\xe3^\x7f\xd2\x9c\xc4\xe5\xcd\x13&amp;\x93\xbb\xd1m*\xa9*1\x99&amp;&amp;\xf0]9\xca\x8c\x17\t6\xaep\x01l&amp;\xea\xd4\x08\xb0Q\xa3j\xd6k\xb7\r\xb4\x9f!,P\xa5]0\xd0\xeb7\x13\x97\x1fD%%\xa0\xba\\\x85\xf3\x04}SR\xde\x01.`%\x93\xe3\x04\x86\x0ek^\x0c\xf8$\xba\r\x15\xab;J\xe4y\xda\xa4\xbewD6\xc7\xe2\x9d!\xafw\xdc\x05.\xea!\x7f\xa3\xdbm"\xaa\xd1\xcbT\xa5%UU\xe5J\x91Z\n\x17\xf4\x1a\xdbl\x8e\xf4\x8a&lt;\xcd\x89\xbb*f\x84V\x7f\xcc\xe0O\x95\x9d\xd1\xd4f&lt;\x96\x0e\x85\\\x05\xbd\x92\xe8o4;\xfa\n\x9a\xbd$\xd1L&amp;\xb4\x97\xf9#\xd6\'\xb9\x10\xad\x99\x99\x11#\xa6}u\'\x1c\xed;\xa7\x8e\xe3x\xd91\x9b\xa9\x8f\xd9B!\x8f\x12\x00.E/,\xbeF7Z\n\xe6\xb9\xdd \x9c\x18\x18HR\xd3\x11\x14\x9a\x8b\xe4\xf2\xc473\xa9\x11\'\\D\xa9\x18]\xda\x03\xdcmyY\xacNm\xc6b\xa1P(\xad\x84\x13Q5V"\x16\x06\xa8\xbf\xa8\xb5L\xf0\x13`\xe6\x8fTI/q\xb9\xd6&lt;\xb18\xb0\x8c\x126o\x1c\xbb\xaf\xdeC\x13\xfd\x11F:Yr\x8eLm\xc6\xd2\xb6\x82\x89D\x854 }\xa8\xd1\xa9\xb1@f2\x9d5M\xc0As!#\x94\x90X[\x8b\xc77S\x810\xb0\x8ax\xd6\xa0\xda&gt;H\xdb\xb4\x8b?T\x12\x83\x89\xa5\xd5X,\x9dN{C^\x7f\x1b\x16\xdbD\x87b\x1e\x94\xaa\xfa\x88UB\x1ft\xa0\n\xed\xe5\xa7\xdeR\\|\x8b\xf1KF\xd2s\xea\xcd\x11\xda=\x03:K\nG_\x81\nX!P\x9d\xbd{\xff\x16\xaa\xc0RU\xa5\x80U)g\xd4\xad[\x1d\xf7;\xee"&amp;`#\x16\xedZ\x1aX\xa9h\x10s&gt;\xb6\x93\x07z\xd5R\x0b\t-\x19\xab\xa7\xd6\xd7c1\x9b\xc2\xd5\xf6\xc5oK\xaf54\xfc\xd0`\x1f%\x9a\x02\x12\x9d\x90\x11\xf6?7|K\xf5\xf5\xfd\xbbd\xa5\xd7\xe5J\x83k%\xd0k\x94\x04\xeay\xd5\xb0\x0e8^\x10\xc3W\xb3\xd9\xac\xcd\x16\xb3\xc6B\x8f\x1f\x9f;\xfb\xfbk\xd7\xbe\xb7\xdb\xed\xd7q\x14"\x8bj\xf4\xf2(&gt;\xba\xfe\x03UC\xc3\xb7\xbf\x01\xd7E\x85+6\xbf2\x9b\x08K\x82\xc0\xf3Gz\xb5R+\xcf\xf2\xbc\xb1\xba=\xdb\x93\xad\x88u\xc6l\xb6\x9e\x9e\x9e\x8a\xbe\xd6\xef\x0676\xec\x85\x1a\xa5c\x94\x90\xe6\xfer\xfb\xf6\xf5\xeb\x05\xb2\x86\xaf\xef\x9f5\xb7\xf9\xbdX\xba\xb1\xd8\xfc\xabDP\x16$\x8d\xb0oQ\r\x8b\x13\xa4\xe0\x1f\xb3\xd9u\x92k\xe1\xd5l"\x11\x08\x0c\x95]\xbds\xefE\xeb\xe0\x13B\x9b\xbb=7\x07\xb0\xb9?\xa0\xe6\x00e\xdf@]+-}y\xf6b\x9b\xd7\xe5\xf1\x00\xcb\xd6\x95\xa8\x11\x05\x94jwk\xc4\x96$\xd6\xbd\xceV\xac\xdf\xec\xabX\n\xf4\xf6b\xaf\x8a\xadb\xb8\xae\xa6\xac\xecF{\xed\xe0\x86\x9dh\xec\xff"\xaa\xb9\x8d\'\xad\xad\xd37o\xb6\xb4\xbc\xb8Y\xdb\xd7\xd7\xf7e[\xd2[\xc0\xcaN\x05\x9c\xa0\xd2\xe4\xd4\x9a\xb9\xf4yDi\xcd\xfa\xfaz\xf6\x9f/&amp;\xaf`2\xa7\x07n\x0c\'\x18\xfe\xf4S\xd0Wvoz\xd0\x0e\xa0\xb99\xa2\xfaq\xa3\xf5i\xcb\xbd\x1b\x17.\x94\x95\xd5\x0c]\x98\x9d\x9a\\Z\xb0\x86\x14\x13m\xb6u\xb8(\t|N\xad\x89\xder\xc4\xcb\xc6\xab\xab\xab\xeb\xd9\xf6\x0bu\x92\xb2\x8fg8MQ\x91\x01\xe5\xac\xb9\xf1\xbcv\xd4\x0e\x0f\xc15w\xdd\xfe\xdd\xd3\x87\x0f\xca|N\xc8\x89\x9d\x7f\xb0\xaef(\x90xk\xab8\x1fC\xb4d\'\xebh\xdb\xa8\x1e\xd6\xb1 \x19\x91\x0e\xeb\xedQ\xa7\xccJ\xa2\xc4a\tpxg\x11\x1b\xbeo^O\x97R\xb7\x03\xea\xba\xfdZk\xfb7&gt;\xa7(J\xf4\x14\x8e\xe5$c\xb0\xaen\xe8\xd5/\xe7m\xab\xab\xab\xb1\xaejQ\x16\x04\xb5\xb00\x03\n\xa28\x89_{!,9\xaf&lt;xp\x07&amp;]\xa9\xf3\x85\x9dFg\xb0\xee\xca\x8d\xa7}&amp;DVa1^&gt;\xb7t\xc1\x17\x06\x15"\x85\xa3\xe7\\\xb2\xd1\x18vDg\xe7\xe7\xc1\xb5&gt;"\xc9\xbc&amp;\xb7\xa7\x92Z\xc0\x12D\xdcw\xa6|\xbe\xab\x7f\xff\xf9\xc9`kk\xed_\xa7_\xbc\x9e\x9c\x9a\x9a\x9a\x9c|\xd8U\xf1\xb8\xbc\x84\xb8F/\xdf*\xadz\xd935T\xedpb3\xcd\xd1s8\xe5\xa1\xdc\xfbpx\xe8-q\rI\xf8pW\xadM?\xb0x_\xfb\xea|`\xe4\xe1\xcf?nl\x0c\xfe\xeeRm\xedt\xedtK\xd7Rj\xa5\xbf\xe7\xfc\xf9\xb6\xf2\x0eeB-\xe9\xb8Ue\xba\xd4\xd7\xd3\xb5\x84\x0c\tD}\xbe\xa0\x13\x82\x8a2\xbc\x0c\'\x08+`\xc4\x06\xdb\xa0\x1a\xd6\xae\xc0\xd7u\xad\xbe\rt\rn|\x8f8\xfa\xea\xcb\xbe\xbe\xdai`-\xf4\xaf\xcc,b\xa5U\x0e\x94c\xa2q\x0f\x94\x97w\\l\x0bu[\xfbWV\x96\xda\xbb\x9e\xb6\xb4&lt;o\xbfs\xe7jM\x9d(\x1a\xc3\xa9\xf9\xf9\xf9\x046\xfe\x82\xb8\xad\xd6\x7f\xa2\xe48\xae\xba+\xb6\xb90\xb8\xf1\xe4\xc9\x93\xd2\xafl\xfd+\xa9W\x93\xedS\xb3\xf4\xd8hk\xab\xd9\xda\xed5\x7f\x01\xb90\xd1\x94\'CVL\xee\xa9\xbf-\xfc\xd22]\xdbw\xee\xd2\xa5s\xb5-\xcf\xefT\x071n\xcf\xcfG\xc2\xa2X$\xaa\xa5\xd6\xf2.\xcf\xd5t\xc5*\xfe\xcd\xaa\xf9\xbe\xb4\x95fq\x9c\x9d}3nJ\xa8\xe0\x8c:J\x82W\x93\xc0\x95.DcL-\x9ar\xd3\xab\x06\x13GM\xa8^\x9b\x98T\x934\xb1&amp;M4SL\x9dM!c\x8d\x9b_\x92h31d2\x11\x1a\x12j\x0c\x19\x04\x0b\xad\x19TpmFK\xd9\xd1\xb6:\x94ZdtY\x10\x96\x9d\x17\x8bP\x16\xf6&lt;\xe9\xee?\xb0\xf1\x11\x84\x90{\xb9\x1f\xbf\xe7&lt;\xe79\xdfs\xad\xb1v\x88o\xd4p\x96\xbd\xde\x8cN\xf7`\x10\xb0\xf6\xf7-\x96\\nQKw\xc8x\x12\xa7D"\x1bR\x03T(d\xb1X\x80{\xce\xd46\xd3O\xa7\xd5\xdc\xbb\xf7\x97\xaf\',\xcb\x0b\x0b\xde[\xd7\xae\xfe\xfe\x1c\x83x\xe1\xc2\xc4j\xfc\xb3\x0e\xab\xb8\xaa\xca\xb4\x94\x1c\xb6\xcb\xebO\xae\xd7\xd7?\xd9\x85\xc7[\xf6s]$\x9c\x7f2\xe8\x19|\xbe\x88\xba+\xb7\x9f\xdb\xb7@nu&gt;\xb0\x87\xc3\xcb\xc2rz\x8dX|\xa3w\xd5\x0bQ\xdc\x93\xc3\x1e=\xaf*\x8f\xba@\xbd=\xce\xa1ut\x88k.%\x97\x00\xea\xce\xa7\x9f\xbf\xfb\xfb\x1fN 4\x81@f\xbf\x8bo\xf0\xc9T\xd0e\xf9|\x12Z4g\xf1f\xc2\x93\xb7N\xeao\xd5\xdf\x9a\x08\x04\xbc\xc2f:\x9d&amp;\xaeY\xd8\x03\xacQ\xc8\xf9\xf3:\xaaA\xadO\xf5\xe1x\xb9x\x83A\xfb\xcc\xe4\xdd=\xd1\xdfl\xbd\x0e\x9d\xe6I\xd3\xcfMr\x9d_\x91\xeb\xe2\x13\x12\xd4\x8d\xaaP\x14\xa3!\xc5\x92N^\xf7\xee\xc2_\x7f\xfb\xe4\xf3\x13yx)\xb4^VF/ep\xd6\xd7\xd7A-}\xf1\xbf\xce\xab\x83h\x7f\xf7\x89&gt;\x10/c0h3F\xe1\xb2%\x00\xdb\xbf\xa1\xae\x92Y\xc7l\x81F"\xec\rii,h\xac0\x0c\xbaU\x95-\x1a\xb2\x8f\xd9\x1b\x1e\xfc\xb3\xfe\xda\x1f\xf5\'\xcc\x9b\xfa\x97\x93^!\xa7\xbf\x94\xd5|w}=\xfc\x04\xb0\xce\xad\xdf\x02\xackS\xf1fF\xc9\x8c\xd1\xa85\x99\x1a\xbb{\x8e\x962\xdf\xff0\xe5\xf7oB\xa2y\xef\xcf8\x860\x81\rCm\xb4J \x1a\x0f\x843v;\xb3\xa9\xa1i\xacA7*\x1f\xdb\xb5D\xb53\xf4\x12\xfa\xc8\xc2\xba\xf7\xce\xd5\xe2\xda\xdf\xce\x05\xab\xa8\xa8\x08\x8cO\xbd"\xde\\\xca\xc6\x8dZ\x91\xd6\xc4\xe1pL\xa69\xa8[\xc9M\xa8O\x9b\xe3#l\x87c\xc8f\xc3T2\tK\x86\x8dh\x93\xc9\xe4\xe6\xa6\xe2\xb6\x7f\xca\xbf\x9cDk&lt;*\x84&amp;\x9b6\x03X\xd7\xf5\xfa\xe2\xf3\xc1\xaano\xaf\xfe\xa9V\xbe\x1a\xaf)\xed\xc7]P*EZ\x80\x13\t\xc77\x01js3i\xc4\xd9\xec\x12\x87\n\xb3\xb9U\x12\x82`a\x02\x8d\x08\xb0\x967\xe7\x1ev\x9b\xb4FN\x9bI\xa4\x05\x0b\xd7O+\xe9\x7f\x8a\xb0\x8a\xcf\x03\xab\xa8\xfd\xa7W\x0b\x8aW?\xd7N\xc6\xcb\xc4%\x80\xe5ri\xd1\x10\x1e\x98\xf2+)4jl \x16\x98/2\x8f\x05\x96\x07#\xb5\xc9#\xd0k9:&gt;\x8e\xc6\xaa"\xb0\xe13l:\xad\xf9\xee\x82\xb7\xbe\xb8\xb8\xf6\x1c,\xc6\x95\xadf\xb6\xfaO\xf7-z{[\x95x\xc8\x06\xfe\x99t\x89\xfe\xcb\x85^\x13h\x8d\xae\x11\x12\x1bB\xdb\xd0\r\xe6PF\xa0\xac\xc7lF\xf8\xc6t\x94\xbf\xc0\x05\x81\x1f\x99\xe9gCr\xb5-x\xaf^\xa8\x05CV\xe8+\xff\xea\xb7C]\xa1 \xa6\x11\xd6g\xca\xc4\x0c\x07\xbf\x82\xcb\'I\xdc\xa5E\x1a\x08\xe1\'?\xc8u\xa1Q\x08r\xac2H.I\x1e\x8bt\t\xa3\x1f\xdfm\x8c\xc358I6\xd3i\xa5t\xceSo\xbd\xbe\xf6w\xff\xa8.\xf4\xffJ\xae\x1c\x0f\x04\x83]V\x07mTQ\xc5`8\xc0\x9c\xf2\xddJ\x12\x85\x12\x8dqq\x1cM%\x8d}P\x1bT\xa0\x12 \xa9X\xe8\x17\xe6\xb6\xd9P\x16\xa27\x08 \'\xa9\x04\xabM+)\x15s\x9e\xee\xdd\xb9\xa6\xbf\xda\xb9\xba\xda}\\\xd08\xa9\xddzvx\xa89\xa51\xc2\xab7:\xc0\xc88\x1ch\xe0\xe7\x86`~P\xda\xf8y7\xcd\x1f1\xf6CV\xc1\x02\xd3*s8"`\x0f\xb9|\xcc\xadT\x02?p\xdb\xdc|.\x8f\xcb\xb8XzQ\\\xfet\xefI\xfd\x93\\WP\xcdfo\xbc(\x80\xeb\x05qxx(HX\xc5\x81\xf8=\xab\x15\xb8d(R`\xef\xb9\xce\x7f;\xd1\xe2qmBm\xbf[F\xc4\x88X\xccG\xc80l\x88\x05\x89\x0f\x80h4\x81\x06\x12h" \x930X,\xd6F\x19`=\xc9\x055C\xea\xc5E\xf5q\x01\xb5\xfeE\xe4\xec\xf0\x0c\xcbR\xb3{\x8d7\x00\xab\xe3\xa3\x89\x97\xf0biXN\xae\x9b\x84Piq\x92O\xf8b@\xe5\x83#H\xa0\xc1mn\xae\x04&gt;\xc6\x9c\xceX\xfej\x80\x8ct\xa0Uvw]\xbe;\x8d\ry\x8c\xa1\xfb\xc1H\x01r\xb5{\xce\x0e\x05\x17\xb3\x1eF`\xed\xf5\xac\xd5j\x9d\'|\x04zb\xdalN;\xdd`\xe2!sH%\x9f\xe73\x18\xd2i\x83\xc1G\xa8\x04$Ijq\x88jL\n\xe4\xb1\xfc\x82\x9b\x00\xca\xdaQ\x16_\x90\xe7\xbeQ\r\x1cK\x83gg\x82\xd3\xc2\xb0T,\x8f\xc7\xe3_{\xbde\xb5\xa6\x0c\xf0h\xdf\xff\xa84\x03\xdf\xe28\xe4\r\x97\'\xa5(\xf3\xca\n\x05_J \xc8*\xdc\x88\xab1\x19\\\x95\x8e\xc1\r\x06\x90\xd17\x0f\x7f\xd3\x06\xc2\x12^|\x86%\xb2\x03\x90\x1a\xc7\xd5\x05\xecD\xcd\x99\x06\xa8.Z^\xbd\xd9\xb2\xa6\x12\t\x84eH\xaf\xac\xa4\xb9n\xbc\xaf\xcfVQ!\xa5\xe6\xe7\xa9\xed\x95\x84y{\x85Jl\'(\x1f$\xbe\xcaH\xe2j\x9b,\x1f\xe94\x023dS)\xeb\x16\xc2\x9a\xfcU\xa06d=\xc1\xc3C,\xf1\xffcU\x9fb\xc1\xbe\xac\xc7\xd7\xbf\xffhm\x16aQ\x94\xc17O\xad\x98\x9dn\xa8\x928\xecE\xc0I$\x12+\x94T:/\xa5\x12\t3\xe8F\xc5\x8cJ7\xa9\x11\xa8b \xa19\x8fEQ\xa9\xad\r\xf1A\xdb\xd2\xfe\xafj\x95\x0fa\x9da\x05\xa8U\xf4B\x12Tg\r\x1e\xf6\xfe\xf0\xda\xecVj{\x1b\xc95o6\x7fY\x81\x8bD.\xa8\x01.~~`#\xfd\xd2\x99\xcf\xedy\x00H\x98c\xda\x8a\n%\x8e\xdbdR\xc0\xa2\xd2\x06\xc0M\xa46\xc4%\x07\xf1@.\xf8\x8d\'\x9b\xf5=\x93\x1db\xa9\x02\xb0\xda\xb3\x7f\xd6\x18\xb6\xa9\x12\x8b\x1f\xb0\x12\x08\x0b\xf2$\rT\xc1\xfbZT\x99\\\xd1\xc5\x9c%iz\xfc\x98oS\xf2\x1f7\x8a\x84ZL"\x13\x89H7\x9ft\xe1\x15\xce\xf4\x8a\x19\xf4C\xd1\xb5\x96\xd4\xd08q\xe8\xfbCX6\x9bU\xab4\xaa\xd3\x02J}\xd1\xa9\xa6\x8fJHU\xe1\x16\xc8\xf9\xbcZh+rq\xe1\xe28\xc9W\xa2\x83\xc8\x85_\xea\xed&gt;2\xa1&gt;\xa1\xfch3\xea\r\xdd\x9f\x16\x82Rn\xa5\xcbH\xf2\xa4\x88\xca@\xc1}V\x1a\xbd\xb9mu\xdf\x92[\x0c\xb2\xb2Y\x95\xa6O\xf2\xb6\x80zZ\xf4V\xd0g0\x10|\xff\xe4\xab\xd7?\xe6\xb1\x08\x89\x93\xa7\x14-v\x19ID\x85+\xbf\xb8\xd4\xd8\xfb\xb0{\x0e\xba\xaa\xe4W\x8d\x97.U}\x01\xf5\xa2\x02j\xbb\x12\xd7\x1a\xdd\xce\xb4\x19\xf6\'R\xd9Z\xd2\x7f\x10WL\xaeG\x85$\x91\xcdFD}\x9eB\xca|Q{\xe93\xcf\xbc\xaa?#\x7f\xf4z6\x05\xc1\x80\x92\xc9\xe3\x1b\x17\x17\xd1\x01\x8c\xbb\xba\xbf\xea\x9e\x0b\x87\xfd\xfeL`\xae\xa7\xbbG\x11X\xf2\x0f\xf7\xde\xe3\xf1x\x15p\xf6\x90F\xa1\x8b\x8b*D\x16\xd4\xa2\xac\xb42H\xad\xb1\xf5\xa4\x96\x0fEN2-\xb0\x164|\xbb\xb21\xc0"\xb0&gt;\xef\x9d\xdb\xafQ\x85\xa0\xe0\x80\xe1\xe3]!\x93\xc9\x04M\xd5\xb0"\xd3\xd9P7ag\xca\'\xec\xfe9\xff\xc4\xe4`\xebhX\xd1]\x05\\$P\x0b\xc7\xf1\n\xc2\xe7\xcbB\xca{"\xf4\x83\x83\xb8]~\x973\xc2%\x0c\xd4\xd0\xb4\xec\xb4\xa0\xe6\xa6\xfax@\x13\x19\x1aX\xbe5\x85\xb0()\x11\xe1*E\xa1d\x8f"\xa3\xb3wV6]\xae\xbb\\7\xa6\x83\xc6\xbdrp\xb8\xb3\x8e98\xd8\xa4\x0bg\x14=\xbdU\xb0\x13]\xa6\xe88\xce%|\x9e,Ey"\xec\x83\xf2U\x9d\x9c#\xc4y\x84\xcf\xa0\x86\x18\x16\xd6\x9e\x9e\xaa\xe1\x14\x9b9\x1a\x0b\xbc\xd9J\xa5R\xf3\x11\x16\x97\x8c.\r\xdf\xael\xa8k`2\xeb\xea\x9a\x98\xe1L@\xe1\xf7\xfb\x07\xfd\x81\xb0\xae\xb2\xb3EWYY\xd9\xea\x1f\xee\xe96\x99zL\xcbB%X\xdal\xd6\x13)e\x97\x95+FwC!-\xa6"&lt;A\xec\xb8@W\xf6\x96&gt;\x1d5\xd6Xu\xadk\xa0V\xca\xe3\x8bpq\xefTKS]CCk\xeb\xd7\xfe\xe1\x87\xbd\xca\n\xee\xce\xfb\xf7;;\x8d\x0fwv\x1e\xce\x05\xc0\xa2551[[oO\r\x0e\xf7$\xf7p\x19\x81\xa8"\xa5\xb4\xcf8\x81\xb1\x97\x7f\x0b\r\xa8\x05\x84*\xe8(\xf4\r\xcb\x95\xado\xc7\xa3\xa6Y{\xe5\x0fp(Z\xad\x1e\x82\x8b[Fo^\xbe\xc9|\xf0\xe8\xcd\x8fN\xe7\xf3\x9d\x0f\x1f&gt;\xec&lt;\x7f\xff\xcbw\xdf\xfd\xf2\xfe\xf9\xce\x0e\x17\xf8\xe6\x06++\x99M--\xad\xb7\xe7\x96\x8c\x1f\xb16J\xc5k\xc3\x99\xb1\x97\xbb\x8b\xd3}\xaa\xc8\x80z\xab\xd0is\xf5\xdbf\xfc?\xb4\x9b_H\x1by\x1e\xc0\xf75\x08\xa5\x0f\x863\xe9\x90!kV\xe1 \x0f;:;\x9d\t\x99\x03{\xcc&amp;\x9b\xcd\xb83+\xce\xb5\x99z\xcd\x94\x1a6s\xa8\xa7\xa6p\xc9\x98\x05qFz\xa4[\xa2\xc9Y\x85t\x10\xa6\xec\x92\xd3\xc5\xb1\xa0\xa5\xeb\xc5\xac\xd0h\xb7\x1e\x15l\xcc\xaa\x0b\xdbZ\xfa\xe6Y\x0e\xf6\x1eJi\xb9\xef\xd8\xbd\xa7{\xac\xf91\xd1\x99\xbc\xf8\xf1\xfb\xfd\xfe\xbe\x7f\xe6\xf7\xfd\x9e;X\xe9\xa5\xd52\xc4\xeap\xa6\xe3\xd3\x1b?F\xfb\xa3\xa49Y*\x8do&gt;[}\xbb\x9e\xbd\xdc\xd8x\xf9\xccZ\xaf6\xdb\xc7\xc7\x05B\x02\xf5\xa2hv\xfe\xca\xe7\x9ff,\xac\xb5\xb5\xb2\x96^\xfe\xf1\xd6\x95\xa9\xb3\x97{\xfev\xf6\xf0\x9d\xcb\x8c\xc0\xf0\xe8o[9\x16e\r\xcb\xb82\x99\x0e\x7fo\xb4\x9fD\xf5\x1a\xd7w\xff\xce\x9b\xad7\x9f\xbdy\xf3f\xeb\xd7\x05\x8f[[\xab\xcf^\x8dwN\xca,\x14\xb0\xe8\x9f\xcf\x8dvd2\xc3@\xb5^\x9dO/_o\\\xf3O}\xf9\xe5\xb5\xb5w\x7f5o\xfbgf\xb41(R\x92\xbe\xb3\x1e\n\xcd\x85\xa7\x8b\xd7SCC\x83\x83\xdb\xcb\x8f\x1e=h\xff\xf6\xf5\xf1\x02Q\xad\xbe|\xfd\x1a\x14\nd7o\xde\xff\xab7TA\xc8(6x\xe5\x83\xb7X\xeb5}\xa1w\xf9\xc1\xef\x1c\xb7n\x9d\xfb\xc3\xe5\xc3\x13xgc\xfb\xa9#3\xed\xa6M\xbd\xbcSs\x0f\x87\xa7C\x07\xdfd\xb3c]\xcb\x8f\xbann,\x1d-\r,A\xfa\x021\x19&gt;\x10\x01\xe1\x1a\xd8\xb8\xb9\xbd}\xf3\x1c\xc1b1l\xec\x06Pe\x86Ck5SW\xb0\xe5\x07\xb7\x0e\x0e\xfe\xf4\x97\x96\xe1\x13x9b\xb3\xf9&gt;\xf9\xc7\xf9\x10+\x03VEp\x97:\xc3\x9eV.\x97\xc5Q,\xb5\xb0\xf70p\x04d\xdf\x1e\x05\x02KKGp\xff\xf0h\xc9z\xbe\xb3\xfch{l(\x9d\xc2\x17\\_}\x95\x81\x9d\x924MC\xea\xda\xfe\xec\xe3\x84\xfd\xfd?\xae\x9f\xd0)\xba\xef\xa7\xe7\xc1\xb4\xacW\xca\xe5\x9a\x90,v\x86\x9a\xb8&gt;NL\xa7P\xa6\xb0\x14\x08\x00\xcdC_s\xf3\xd1\x91\xaf\xd9g\xe1\x1d\x05\x06\n\xf7S]\x18\xd6\x1b\xcf\xce4MO\x873\xa1\xb5aA7tiy\xbb\xa7\xe5\xcc\xe8\xe7\x99\x93:\xdb\xb75\xfb\x16+\xaai\x80\x16#\xc9D\xb2h\xff\xb85\xc1\x1d,\xdc\xb9C\x14\x02\x8b?\xf8|\x01 Z\\\x046\x9f\xcfw\xe4\x0b,\x15&amp;R)Z\xe4s\xb9&gt;\xd7\xf44Py&amp;\x85r\xd9X\xe8\xbf\xf9&gt;\xe4\xcf\xef\x14\xa3\xffo\xed+\xb2Q\xae\xd5\x84Z^\x10\x1c\xe7\x1cM\xf6\x88{\x15\xf6\xde\xe6&amp;w\xf8t?\x10X\xdc\x7f\x1a\xf0\xf9\x16\x03\x8b\x85\xc3\xd2f\xee\xfe\xf5\xfb&lt;\xe1\xe5\xfa\x9cP\xc3\xb9\x82n"\x92\xacU\xf5t\xdb\xdf!\xd7\xfa\xfaD\xa9l&gt;Y\xd5*\xe5Z\x99\x13\x04o\xd1\xd1t\xc3S\x9a\x1b\xdf\x84\xfd\xb7ey\x84\xcd\xbd\'\x85\xa7\x85\xd2\x93\xd5\xb7\xcf[\xab\xaf\xdaC!w\xa2\xd5\x15\x0c\xda!\xf1\xa9\xd6j\xe5\xaa\x86\xfd\xbb\x1c|\xfe\xc9\xc9vp\xd9l/$\xd9\xa8T\x0c.Ox\\~GS\xa8sx\xae\xb0\xb7\xf7\xe4\x7f\x0e\xf5\xd7\xb5\xb5\n\x8eu\xb3\xbd3\x14\xeet\xb6\xb6z\x9d\xde\x1c\xcf\x13U\xa1\\\xd5Y\xf2\xa9\xad\xd9\x1a\xba9\xd1\x96\xa4\xf7\x16U0z\xd3\xe4+\xde\xa2\xcb\xd3\xe4\x08\x85\x87K\x85\x81\xc2\xc0\x9e\xe5\xdd\x01\x05\xbc\xbc\xe5\xe6_\xee\xc1\xb2N\x8a\xc3\xed\xf6\x83\xf9&gt;\xbb\xbd\x8f\x87\xb0Mp\x9c\x8ccu\xe9\x04\xb7\xfd\x8bQ*\xa6\xae\x1b\\\xd0\xe3\xf1:\\\xe1pi\xee\xeb\x81\x01\x88\x84\x1b\x1b{\x85=@\xdc\xb3\xee\xc0o\x9d\x0fw\x86\xc3_\x04\x1d\xdf\xf4\xf5%\x12\x89\\.\x97 n\xdf\x96\xa2x}\xb0^ \xac\xa9\xc7u\x9d\x17\x12v{Sq8&lt;W\x9a;&lt;\x8e\xd0\x1b\x1bO\xde\xae\x8d\'\x85Ba\xaeT\n\x7f\x11\x9ev%\x0e8\xc1\x9e \xf88\xc7q+\x1a\xde\xcf\xd6\xa5\x9f\xdf\xb6\x83)\xaaf\xea"\x18\x8b\xe0u{BP\x18\xce%\t"9\xb9y\xbc\x00\r\xd4W\x9a\x8c$;\xc3\xe7\xc3\xd3\x1d\x1e\xa7u&amp;\xccs\x90N\xaf\xc4U66(\xd6g\xcc\xe0\x05\x8a\xb2\x00\x16\x07c\x11\x04\xa7\xdb5\x0cX\x93bVU%\x05\xbe\xd6`C\x18\x15\x10M&gt;\x02%\xd8tG\xd1\xe3&amp;\x84\x04\x17\xcf\xf1\xf1\xb8\xa8!X\x7f\xfa^}\x94\xb8\xc3b\x14\xcdH\xb2(\xc69\xc2[\x0c\x1e\x8bK\xd0z1\x12b2\x86\xe2(\x82"\xd9\t1\x19&gt;\x0f\xc2\n\xb9\x9c\xeeH$\'f\xe3\xa2(f\x19&lt;64S\x1f\xac\xe6\x9a\x89\xe1\x14\xc5\xb2\x0b\xa6\xa6\x0b\t\x8f\xcbeq\x9d\x174\x06\xa5H2F\xe1@\xa5dsB\x18J0\xa0r;\x93\x11N\x96f\xb4\x05McR\xe4\xf2\xd8B}\xb0|\xd5*\x8aS)F\xd2T\xd0\x97\xe0\x02\x07\x1e\n\x83\x15%sq\x95\xa1P\x04\x914\x9e\x17\xde\xda\x95\xabX\xe4\xa0|\x94%M\xd1\x94\x85\x05\x14\x8b\x0e\xf5N\xdc\xabG\x8f\xae\xcdW\xae2$\x85\xd0\xac\xa4\xa8rU\x88\x04]\x1f\x15C\x1d\xd3\xe1\xf63\xde\xdc\xbc*I\x9a\xc8G&amp;CV\xbfHGc\xa3\x0b\xf4\xa7\xcb\x8a")\x12;3\x03\xd2\x1cK?\x9e\xad\x07\xd6{\x81\xeam\x19Gi\x16\xcc\x8b\x95+\xb5|\xa2x\xf1\xe2\x87\xed\x1d\xe3P\x14\xe6\xc5x|\x9e\xcf\x13\xeeq\xab\xbf\xa6c\xb4e\xd4\x15!tMbXX\x88\x82\xe0\xd1\xae\xb1\x89\xefg\xf7\xeb!\xad\xc5\xddV\x03\x87\x92\x86\x02,V6\xe4\\\xc4\xd3\xe4\xb5\xde\x8fZ\x87\xd6\x1cl\xcf&lt;q\x06\xd2\xf8\xf1\xd0hC0)\x88\xaa\xaa Pe04\xcaPPN\x8e=\xfe~\xa4\x1eX\xef\xed\xef\xeeV%\x84Fp\x84V\x10Eae!\xe2Lx\xbdP\xee\xe7\xe2"|\xf8&lt;\x1fqY\xbde\x17\xcf$\x93\xbc\x84\xa2\n\x18"\xc3 \x08ToX\xef\xc4\xec\xc8H]\xc6}\xf6w\xed\xf6\x8a\x82S\x08\xc3\xaa4\xcd*f\x85\xcb\xf3\x1c\xc7[\x8e\t\x90*F&gt;\x9f\x17&amp;?\xfc\xc8\xeeMNFx\xd8\x9f4\x03\n\xa7\x01\xcb\xcac\xef]\xed\x19\xa9\xc7t\x81m\x7f\xd7o\xafV(\xf0]\xac\xc2\xa0\xb0!+fV\x9b\x10\xe3y^\x97\xf3\x15\xc30\xf2|\x1e\xaaY\x82 "\x11\xc2\x04\xb9b\xe0Lh\xd8\xa1(\x863\xe2\xd5\xa9\x9e\x91z\x0cc4\x1f\xee\xda\xfd\xce\x9aJR(\xab2\x18*\xa9\xb2\xac\xaa,\xe0\x99\x90\xef\xe82\xfc4\x0cS\xb6\xca|]$L\x14\x05!Y*\x04\x1d\x02\xd5\xca\xee\xb5\x9e\xd9z`\xd9\x0ew\xfd~\x8fPF@\x08\xaa\x84\xe3\xac\xac*\x8a&amp;K\x92)\xeb\x86uoV _75\x89U\xb5\xaca\x82\x8b\xc51\x06l\x1e\xea\xeb\x94\xb6\xe2\xb8q\xa9gv\xbd\x1e\xd2z\xee\xf07x"\x82\x1c\xc5Y\x95\xc5IZ\x96\x10\n\xd4)i\x92,\x83\xb6\x18\xd9Tu]\x06\x11*\xaa*+\xb4U%2i:\x8d\xa2\xbd\xd9\x95\xa6\x0b\x17\xae\xf5\x8c\xec\xd4a\xd2\xa7y\xbd\xd5\xdf\x18\x0cF\xaa\nF+*Kb\xa8LS\x08\xc2@\x98Vd\xd6\n&lt;\xa0V\x10\x9bD\xd3\n\x8b\xe0\x10\x8a\xa0\xcc\x00\x8b\xc7\xd3Z&lt;a\xf7_\x98\xba:R\xad\x07\xd6N\xab\xbd!\xe8q\x0b\x06\x8b#\x92DE1\x85\xa2`\xbb\x81\xd7G\x8e1hE\x91A\xa7,\x8dP4N\xc6H*E#\xd6\x1c\xd7D\x9c\xb3\xfb[.\xf5\x8c\x8c\xac\xd4a\xa0\xc6Wn\xb5\x9f\xf2x\xfcnB\x07\x0fI3d\x14PXH\x1b\x14P EZ\x82c$\x95\x01\xed\xd1\x14\x8a\x93\xdd$lA$54\x98\x16y\xaf\xf3T\xcb\xa5\xefzF\xea\x11\xab}e\x87\xff\x94\'\xe8q:+&amp;\x82\xd2\n\x1a\x8b\x92\x90P\xe0\x00\x06\xbe\x80$\xad_V_\x17M\xd3T,\xd6\x1d\xc3\x18\x14\xc7\xba B\xaf$\x9c\r\r-7\xa6\xae\xce\xce\xae\x9f\xfc\x0cx\xa0\xda\x04X\xaed\x84\xc8\x1b*b\xf5\xfe\x91Q2\n\x178X\x94\xc4\xc1\xd6@\xa7\x08n\xf5\x19D\xbb\xfbI\x92\xa2S8P\xcd\x88\t\xe7\xa9\xc6\xd3\x97-\x93\x9f\xfd\xcf\xcf\'&gt;8\xbc\x7f\x1bvb0Xt:\x139S\x02kgP\xb2\x1f\xa4\x12#I\x1c\xa00\x0c\xc7\xd0\xe3w\xa9 \xaa\xeeX\n\xa5\x86\xb0hWjf\xde\xe1ih\xfc\xe0\x18\xeb\xea\xec/w\x7f\xf6\x9dp\x99\xf8C\xae\xc92\xf9`\xc4\tE\x83\xa6\x00\x84B\x83X\xa2\xb1X4\x1a\x05%\x1e_\x00\x18k\xfb}[l0\x9dNuu\r\x8d\xf5\xce\xc3\xff\xd2\xf0\x9b\xd3\xa7/\x9f\xbd\xf4\xdd\xd4\xe3_\xee\xde\xdd9\xc1\x99\x07\x9b\xcd\xb6o\xe4\xbc-\xa7@Z\x11\xa7\x97\xe0DQJ\xc1\x1f\xa5\xb0h\xb4\xbb\xbb\xbf\xad\xbb\xbf;z,\xa4Xw[[w\x94L\xa5\xd2\xa9\xa1\xae\xb1\xff\xb2n\xee\xa1m\x9dg\x18\xb7\xd0\xb9`\x0eGG;GB\x178\x8a\xb5\xe8f\x129\xa6\x86\xaa\xc1\xd2"\x91@\xaa\x18F\x1c\x1c\xbb\xc8f`\xb4\xd8\xa5x2\x91P\x94\xd9M"\xbbj\x08\x1b\xc3N\x9c\x0b\xc4\xa2cR\'*\x0f\xa3v`\xecB\xffY\x94\x7f\xed\xc0\x1c\xb6\x06\xac\x15\x86\x89\xc1\x1e\x0c\x9a\xb8\x1e\xc6\xb0=\xef\'7\xf4\x8f\xee\xd2m/\x8e\x15K\xb2\xbf\x9f\x9f\xe7y\xdf\xefK8\xa7p}1e7I\x16\xb3\xd9k{\xe3\xbd\xb7\xae\x9c\x07V\xfa\xcb\xdf\xfe\x7fn\xe5o=\xfa\xe6\xc6_\x7f\xff\xd5\xfbw\x83R$\xeeZp\x03+\xdb;\xb4\xf8\xee\x91\xf4\x08fSfx\xb4+\xda\x85\x8a&gt;\x8fF\x9f\xbf}&amp;\xda\x7fr\xb2\x80\x06\xcc\xf4\xa5?\x7f\xf8\xe7l\xd6j\x92l^\xaf\xd7\x96|\xef\xadk\x84\xb5\xbe\xf4\xd5\xff|\xc7|k\xeb\xd1\xee\xee\x8d\xc0\xb3\xc2\xd2\xd2\xd2\xcd\x0bA\x8f\x05\xe1\xf2\x80+\x9b\xbd\xf7\xce\xe2\xcdw\xd3\x994\x10&amp;O\x0e\x8fB\xb0\xae\xae\xf1q\xd0\x8d\xbf\x96F\xe1\x85\x91\x91\x8f?\xcbZ\x83\x11\x9fd\xf6\x9a\xe1\xe2\x8f\x1f\xdc\xfa\x00X[KK\x7f\xfa\xf2/\xab\xffu\xc4 \xd2\xea\xc6\xc5X\xe7\xec\xda\xd3qc\xc7\xfc\xf0G\xbd\xa1\xc1x\x1c\x93\xcbMz\x85\x10\xb0On\x1e\x19\xee\xcb\xa4\x0b\x93\xe9L&amp;3\x99\xc9\x14\n\x99\xf4\xf2h\xdfr_\xa6o\xf2\xe3\x87\x97\x9f\xa6\x1c\xd6\xa05AT\xde\xa2\xd97\xf6\xa3k7vWV&gt;\xc7o\xb84\xfc\xeb\xc0F\xf7w\xd7\x0c"\xad&gt;\x9e*\xe7J\xfa\xda\xda\xec\xaf\xba\x0c\xc0\xea\xbb\x9f\r\r\xba\\q\t\xa1w\x83,\x14\xba\x87\x1d\xfa\x87\xa0y-]H\xd3-\xaf\x80*\x8c\xa4\x97A52r\xe7\xce\xed!\xbf\x15c\xd4D\xc1\xf2\x16\xbdI\xdf\x83K\xd7n\xec0\xb5\x96\xe6\x8d\x85R\xf9x\xe0\xdc\xc6\x9b\xdf\x01\rL\x1b\xe7\xca9Q\xe0DQ\xcd\xebz\xc1\x00\xac\x8e\xf5\x83`\xc8=\xd7\xd3\xe3\x8aC/|\x04\xad\xce\x81{\x1f\xfe\xf2\xf6\xf5\xf4\xf8r&amp;\r\x89\xd6\xd7\x97\xd73}\xa0\x1ayxgq\xf1no\xc8\xe9v{\x00\x85\xb8\x9bm\xd3I\xdf\xd8\xd9K\x84\xb5&gt;\xbf4?\xdf\xd1?\xcbq\xb3\xb3jnjc\xf5?#k\x85NeQ\xe4y^\x10xU\xcf\xabk\xcbM\xac\x95\x9f:\x07\xf0/\x1b\xba\xd6\x1cXqw\xd098\x11\xba\x17\xbap\xfbz!\xd3\xf7\xa4Y\x00+\xdcY\x1c\x1a\xba\x10\x1a t\xa7\x0f\xb3\xc1\xeb5[,I\xba\xec\xf3\x12\xa2\xb5\xd27\x0f*c\xc7\x9a\x12.\xe9\xaa\xac\xca\xa5\xa9\x8d\x7f\x9b3\xe4\xe9q9\xc7\x01\x88Q\xc9\xaa\xaes\x9b\xe3\x06\x83\x81\xb0\xbep\x0e\xb8\t\xcbe\xf1P9\x83\xee\xb9\xb9?\x86\x06Bw\x87\x16\x91\xa4\x91\xc2\xc8\xc8\xe5_&lt;}\xba\xf8\xd1;\xbd\x03\x83\x83\x13h\x8dH\xc4\x94\xf4R\xdc-I\xc9DW\xa3\x02kg\x94\xb0\xa0\x96 \xe6\xd7\xf2\xaa*\xcb\xaaX&gt;\xb7z\xf4_\x9bw\xa2\x0c&amp;\x81\xb8\x04&amp;\x96.k\x0c\xcb\x08\xac\x03\x8f{pbn\xceE\x8511\xe0dw\x17\x0c\x86BY\x7f*\xd5\xdb{\xaf7\x85\xfa,\x95\n\r\xce\xc1h\x8f)\xe23%1\x1b\xcc6\xa22\xf9f~rjoee\xaf\x9f\xae\x1a7\x8e\x96D=_\xcd\xeb2\xb0d^\xcc\x9d\xf8g^\xb6\x1e\x85yH\x13OP(E\x10d]\xd5Ee\xb3\x1fTF\xe3\xf2\xce\xca\xf7\x815\xe1\x8a\xbb\x8a,aN\xa7\xd3C\x98\x83N\xab\xc3\x91\xb5\x87B\x03A\xbb\xd5n\xf5,\xb8\x17\x16&lt;\xce\x88\xd5J\x0e\xa2l\xb6\xa4E\x92\x80\xf5\xe0&lt;\xa2\xb5=OT\xc6\x93"\xaf\xe6\xc1%\x8b\x00\x03\x97X\x9a\xfaV\xb0\xee\xd5\x139d\x1cJq\xf8P\x14N\x10UH\xac\xf3\x1ca\x01ly\xa7\xf6\xb7A2\xc7\xd5\xd3S\xec)\x9amq\xc9\xe9\xf6\x0c\xba\'&amp;&amp;&lt;N\xbb=\x8b\x80\xbb=\x00B38I*\x93\xc52==m\x9e\x86\x83I\x1c \x80u\xe5emeg\x8bQ\x19\x0b\x1a\x87\x9f\x9d\xaf\xea"/\xca&lt;\xc0\xbeM\xb1\xd6\xee\x8d)\xed\x90\x88\t\xc5\x91T\xd0*\x9fW\x95\xb5&gt;\x86\xd5\xbfW[y\x1d\x0c\x0b\xb0\x90bl\xb3\xd9\xe2\x16\x9cs\x160`=Nk(\x08H7\xcc2\xb9\xa1\x96\x84\x1d\x07oHbd\xd9@\x05\xb5|\xbe\xc4\r\xfc\x84\xbdqFex\xaa\t\xaa\xcc\xe9\xd5\xbc\xca\x0b$\x18\xb2,\x12\xd87\xce\x89\x14s\x8e\x9e\xe7\x18\x17&gt;\xf1\xbc,\xaa\xf0\x13\xd9\xd2\xc5R\xfa\xd81\n\xfd\x8b\xda\xca\x17\x13\x13\x88\x16\x98\xb0\x9b\x98]\xaeG\x8f\xe2\xc4\xe4\x898\x9dA\xd8\x17\x04\x95$I\xaf\xa3\x19\xf0\x98\xb4\xd8\xcc\xac\x0b\x93I\x0b:\xd1\xe4\x1b\x83X\xb5mFe\x8cnr\xbc\xae\nj\x15\\\x02\x00\t\x8b\xbc\xfa\xa6b\xe7\x08J\xe4\x9b@0\x90\xe3\xe1\x1f\x18\xe9\xcd\xaa*p\x97\x19\x96q\xbbV;\x98C\xf5\x14\x8b\xb4\x1eV|\xe4*\xe0\x8ahT\x00\x00\x08\xc3IDAT\x82L2!Gv\xbb\xc3\xef\xb0Z\x13&gt;\xc8bw\xd8\xa1O\xd2\xc6\xe0\xa7\x93\x84\x05\xc5|\xe7wk\xb5\xda\x16\xa32\xf6\x89\x9c\x80v\x92\xf3\xe0\x92\xc1\xd3\xe4\x12x\xb1\x94{\xf5\x1f\xe4\x02=\xd3\xcc\x13=r\xa4*\xa8\x80\xc4\xb0\x94\xdf1\x13\x8d[\xb5\xda\xce\xcfA\xd5S\xa4\x9ew\xd1\x94\xc4\xbaE\x17\xb0\xec\x0e\x87\xff,jlf&amp;\x91\x98\xb1\'$\x8bE\x9a\xc6\x8eSdX\xd3\xc0\x9a\x96N\xfff\xa7V\xdb\x1bgT\x86\x87\x9a\xc0\xe7\xf3H\t\xb0\xd0U\n\x1c&lt;\x9c\x94\xa2X~\xdc\x9cc\xf8\x1a\x12\x11\x16Y)\xb0w\x08\nr(\x0b\x0ck\xb3\x8bq=\xa9C.\x97\x8ba\xc1\x1f\xea\xb2G\xc5GE\xb3\xc5d\xb2\xda\t\xeb\n\xdd,\x95\xf0%\xec&gt;\xb8F\xa7\x86"\xa9\x85\xe0\xdb\x90\xfb\x07\x1f\xbc\x84X\xdbQ\x86\x15}\xa6(b\xb5\x8a\xf4\x92\\*\x96n\xae*\x0b\xb4\xb3\x94\x02l\xc0\x92qJ3T\xd4\x17\xe8\x0c\x1e_3]\xd1\xc4\x1cW\x1aeX\xd1\x17\xb5\xda\xae\x1d\\.jz\x02\xb3\x91 \xe0B\xf7\x13\x98\xc3\xe1H$0\xacL\x16\xf6\nK\xa0\xf7\xb0\x1b\xc7\xae\x9e\xdf\xab\xd5*O\x98V\x86Q]\xd3\xd4|#/\xab\xc4\xa5c9\x02\x83\x10"\xf9V*\xe5\x8eot\xb7p\xac`\xa0H%\x8b\xd8\x0c\x91/\x96,\xb9Z\xe5\x141m`\\p\xb1~+N\x8d\xc8\xb8l\x90\x84\x19e\xb3I&amp;\xa4\x0bT\x0ek\x04PTf:\xcc\xb0l\x91\xd9\xe6\x99\xab$V\xfdP,\xc3e\x0e\xf3AmT\x81E6\xcaJ8\xac5\xb3\x83\x8c\x8b\x9cX*\x95b-\x8a\xa6iL.r\x16\xc2)\x1ci\x05*\x99\xa7o\xe5\xc5\xcbM\xac\'\x15&amp;W\xdc\xc2\xa0\x9a\xc5\xe6%\xe42E"\x08~\x84:\xd1\x82dA0\xe62{\x8fEJ\x9c\xbezc\xa7V\x7f\xc1\xc4Bm\x865Q\x90\x1b\r\x9d\'\xb9\xd0\x8c\xe1pX\x11hF\x90,\x90\x07\\- !,F\xd7\x8e\nk\xedaQW\xa9e\xf3\r\x15\x03\xf5\xfc\x19\xc2:vf\xbb^\xdb;\x15t\xb9\xb0\x10m*\xaf\xe8$6\x18hf\xa1\xe8\x11`$&amp;\xdaq\x9a\xa0\xad\x97N\x9dzY\xabW\xb6\rM\xb1&amp;9`)Bu\x1f\xbf3q\xe9B\xb8=\xcc\xa2-\x92b(\x08\xd6\xc2\xe6?\xf4\x94y\xea\xc7\xb0\x06\xbe\xb66\x85\x84\xe3\x1b\rA/\xb5?\x8b2\xb9\xbe\xb7U\xa9\xd7o\xa4\xdcqLG\x0b\x83"\xbb$\x8b\xc9\x17\x89\xf8\x12\x94v\x1f\x82\x85O\x12\xc3JbX\xc1Q4\xaa\xff\xd2\x95[;\xf5Wbul\n\x1a/\x84\x15\xbd\xd1\xc8#\xcb\x98\xa9&lt;\xb0\xc2X\xf60G"M\xd0\x16\x10\xa948Q`\xa3\xe4\x01\x90\xacT\xf8\xfd\xaaR.\x95cG\xa0\x15\xb8\x9e\xbc\xa8\xd7wO\xfb\x9d\x1eH\xc3\xa2e\x91X\xf9"\xf6\x99\x19\x9a\r@\xf2\xbd\xe1\x83\x83\x84K\x1aR7\xd8\xfd\xe8\xd2\xddz\xa5\xb2u\x98\xac\xeb\xe8"]\xd04\xb9\xba\xdfP9:\xd2\xc9\x84\x05= \x18\xc7\x9c\x84\x91\x0cK\xd7_q\xf1\xa4\x1c\xfe\x066\xb9Q\xd5\xca\x9d\x81\x8b\x7f\x18fr\xbd\xbd]\xa9\xef\x9dJ\xf9\x83n\'yEk\x93i\x84\xe5p\xd8\xedv\x8c\xd3\x04\xb1\x11\xce\xa1\xa5\xa6\x04\xa8\xfc\xfe\xfb;\xb0\xb0\x8byh\x18\xdd\xd4\xc4\xcd\x92\xa6\x85\xf9\xfc\xfe~\x1e\x00\x98\xab\xe1\xb6\xb6\xf6vJ\xb8\xf25\x97\xd8\xc2\xa4\x93\xe9l\x95\xa7\x11G\xcf\xf1z\x9e\xdaV\xad6\xc4\\g,\x10\x18b6\x1e#\x17\x0fR)G0h\xc5 \xa0\xa5}0\x10a\xa7.\x9c\x01\xd8\xd7\xaa\xe1\x05\x139\x1aa\r\x9a\x1d#\xb1\x96\x9b\x16\x1a&gt;\xe9\xec\xcc\x81J\xd3x\xbd\xb1\xdf\xd0\x05\xf4\xa4\xdc\xde\x06.M\x11\xd8A\xaf\x19\xfd\x16\xc8\x07vM\xc1$k\n\xc6\xb8t\x08\n\xceRg \x10\x0b\xcc\xa6\xc9D\xc3\xf3\x17\x95\xfa\xeeY\x0c(l6tM7&lt;\x8b$\xb0\xef\xd0\x94\xf7;H\x16\xc7\xd8\xd8L\x02S\x02y#*;+\xeb\x01\xa8\xb6\xa3$\x96\xc1x36\x1b\x9b*S{\xf1zu\x7f\x1fnr2\xdf\xf6\xe9\xa7m\xed\x8a\xc0x\x9a\xb3\x1eX0\x16\xcd\xd7Ndt\x9c\xa1\xc9\x85\xefQK\xa5N\xaa\xd8\xf1\xce\xc0\xdf\x9f\x1d\xa1t\x9d\xd9\xaaT*\xf7\xfd\x8e^?\x9b\x9d\x84ETM,\xb6\xfd\x9c\xf5\xd3m\xb1\x11:n1\x19\xe9\x04f\xff\x19,&lt;\xcc{\xc7\xfb\xc7\x81\x85?\xb9v\x05\xc3\xba\xb1\xafR\x8f\x85\x89J\x13\x9a[1\xed8\x14y\x0e=\x10\xa6\xdd\x07\x92\xb5k\xd4\x8cmm\x1aW\xca\x95\x03\xc7\xa1w,\x16\xeb\x0c\xc4\xd6.\xfe\xa0\x19\xfaJ\xe5\x00XY\xc2\x80[\xff\xe8\xd9\x0cB\xdb8\xa20l\xe1\xb5s2\x8b#t\xf0\xe2\xe0\x15\x042\x8bG\x9a%\xc5\x04\t\xc5t\xa1\xf8\xb0\x87\x82CG9\xb8\x94\x1a\n)-\xf5\xcd\x1d09d\x0e\xf6y\x92:\xa7\x85\x1a4\xe4\x10\x9f-\x82\xa0\x87@\x96\x9a^tkK/-\x14\xa9\x159m\x0f!\xa5\x14\xdc\xff\xcd\xa8\x19\xe4\x95,\xd0\xee\xb7\xff\xfb\xdf\x9b\xf7\x04rWv\x85\xd4a\xd1\x03&amp;\xc3\xc4\xd3BK\x18E\xcd\x16\xc2\xddh8\xbf\xbb\x00\xf6O2\xaeL\x86\x9b5\x8a\n\xd5\xf3\x7fV(\x03!\xd6\xffT\xf5\xf9\xea-P\x8b\x0c\xaf!\xff\xc20\xa9\xaa\x04T\x95\xb5V\x0b\x86\xcf+\x8e\x03\xcb&amp;V\x1e\xb77k\x7f\xc0\xf4o\x0e\x0e\x0fwwo\xd1\xc6\xdchDw[\r\xefw\x1c\xbd\\D\x15\x11\r\xc1Ex\xfe\xfb\xd5\xdc\xef\xb5\xfe3\x99qc8n\xd5T\xda\x86T\x17\x81\xd5\x8bGq\x8fz\xe1\xe5\xb9\xf5{I\x9c,P\xeb\x80\x8a\x10 !\xb1\xef\xd4\xab8\xb1Jq\xaeK\x91\x19\x840\xc3\x1f\x9fP&gt;n\xbc\xbfJQ\xfc\xf6\x9e\xc7\x02\xc1\xdd\xa6# \x81pt\xef\xa1\xbdA;\x8dw#\xbfZ\x9f\xb9\x10\x12\xd5\xed_8\xcfl\x9a\xe2\x86\xd3\xb1\x16\xda\x0e\xb0/\x92\x81b\n\xcf\xf5\x1b\x81\xb3\x18\xec\x04\xb8x\xa1Nn\xa7\xfaF\xbc\xd7\xae\x85\x08`\xca\x19\xb7B\xa81\xc4",i\x8cd"\xffy\xfb\x05\xa2\xf8gg\xfd\xcb{\xcfH\x995\xea\x94\xa1I\x8b\x84!,\xb2\x1cT:??o\xba\xb5\xb7\xd7\x8c\xbc\xdf\x17\x17\x1f\x9c\\A\xf6\xcc\x1a\xa5\x854c\x8de\x1f\xa1\x02a_\xf1X+\x9e\xca\xfd\x1b\xc7\x0b\xb4\x1f\xa1m\x08\xe3\xf0\xfa\x8dz\x12\x84\n\x91\x13\x82+\xcd\xcd\xd8R S.S\xc3\xa4\xcc\xf3\xfc\xf2\xd3\xb7T\x16\x8b\xce\xce\x17\x07\xdf}\xbd\xe6\xba\xf9\x08dd\xa3\x06\xa5#QEG\xdf\x1ca\xf2\xc6\xfcqt\xff\xe9W^\xac\xda\xfa%#\xe99\',\xe6\xb1\xb4\x9a&lt;_\xaa;\n\x88\x12\x8e\xc8b\xd0j\xe4\xb0\x10LL\x84+\xcb=T\x92\xa0\x82\xd7U\xc6J\xc1)_\x00\x93\xa50\x03\xc2\xc9\xa5\x10\xe0\xca\xa7\xbf\xfd\xf0\xf9j\x1b\xc3^\xf7\xc9\xefk\r\\{/\xbaI\xa1\x8c|\x87\n\xa77o\xa2\x87\xbd\xff\xf4\xec\xf1N\xb7\xf3\xa0\xff\x9a\xfc^{\xef\xa1,\xb9A\x0c4\xa3\x9b\x06\x96\xd5\x08\xa3Vc\</t>
        </is>
      </c>
      <c r="M367" s="3" t="n">
        <v>45492.67833333334</v>
      </c>
    </row>
    <row r="368">
      <c r="A368" t="n">
        <v>982998</v>
      </c>
      <c r="B368" t="n">
        <v>1974</v>
      </c>
      <c r="C368" t="inlineStr">
        <is>
          <t>João Victor</t>
        </is>
      </c>
      <c r="D368" t="inlineStr">
        <is>
          <t>João Victor</t>
        </is>
      </c>
      <c r="E368" t="inlineStr">
        <is>
          <t>ZAG</t>
        </is>
      </c>
      <c r="F368" t="inlineStr">
        <is>
          <t>ZAG</t>
        </is>
      </c>
      <c r="G368" t="inlineStr">
        <is>
          <t>ZAG</t>
        </is>
      </c>
      <c r="H368" t="n">
        <v>187</v>
      </c>
      <c r="I368" t="n">
        <v>38</v>
      </c>
      <c r="J368" s="2" t="n">
        <v>35992</v>
      </c>
      <c r="K368" t="inlineStr">
        <is>
          <t>Right</t>
        </is>
      </c>
      <c r="L368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46bdb11-9d6c-4cc2-99bf-61f5fcfa87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7\xe0\xfd\xaa\x00\x00\x02\xfdPLTE\xff\xff\xff\xf7\xf7\xf9\x08\x06\x05\x02\x01\x01\x05\x04\x03\xf4\xf5\xf9\xf3\xf4\xf7\xf7\xf8\xfa\xf8\xf9\xfb\xf6\xf6\xf9\xf1\xf2\xf6\xfa\xfa\xfc\x0b\x08\x06\x15\x19 \xee\xef\xf3\x12\x16\x1c\xff\xfe\xfe\xbd\x89x\xb9\x86v\x10\x13\x19\xbf\x8e~\x14\x17\x1e\xbd\x8b{\x18\x1b#\xc2\x90\x80\xc5\x93\x82\xca\x97\x85\xc1\x8cz\xe9\xeb\xef\x1b\x1e&amp;\xe1\xe5\xe5\xa2qe\x1e"*\xb7\x83r\xae}p%)2\x9cj\\\x8cZJ\x0e\x11\x17\xcc\x9a\x88\xaevc\xb3\x80p"&amp;.\xa6ug\xbc\x85q\x93aP\x90^MqG:\xc5\x90}\xd6\xa1\x93\xacxj\x97dV\x9fna\xfd\xfd\xfd\x99hX\xfb\xfb\xfd\xbd\x87u\x12\x0b\x08\xb9\x87{\xdc\xa9\x9e\t\x0b\x0f\xb2}l\xdc\xe1\xdf\xb8~h\xc6\x95\x86\xde\xad\xa3\xd1\x99\x8a\x0c\x0e\x13)-6\xd1\xa1\x92\x05\x06\n\xce\x9d\x8c\xa9s`\x80O&lt;\xb3\x81uxK?\xa8xk\xd5\xa5\x97\xca\x8e}\xb4{e\xc9\x94\x80H-#\xa6o`\x9ehT\xa2m[\xaf{j\x14\x11\x0f\xd5\x9d\x8f\x86R=jB:\xbd\x81l\xb9\x80nmHB\x81SE@\'\x1e\xafr[lA/\xd3\xa0\x8euNFZ5+xI6\xc2\x85r*\x17\x11\xf9\xf9\xf8\x1e\x0f\x0b\x8dVA\xcf\x93\x84\x91bV\x97dP\xf3\xf3\xf2\xcf\x9e\x90\xe6\xea\xe8}PE\xe6\xe6\xea\xd9\xdb\xdc\xc6\x8bx\x85WM\xc9\x96\x89\xa8nW_;1\xd8\xa7\x9a\xda\xa4\x97\x87UE\x8c^R\xc2\x8bv.28\xf6\xf6\xf5\xc1\x92\x88\xeb\xee\xec\xd3\xd5\xd8R3(\xb4w_iKK\xe1\xb2\xa938=7\x1d\x16rC2\xca\x9a\x8c\xaa\x81yf&lt;,\xbe\xbf\xc3\x98lb\x87\x8a\x8e\x91ha\xca\x90\x83\xadpf\xa5hQ\x1e\x17\x16\x99_F\xa2|vehn\xcd\xcd\xcf\x8df[\xcel\x82\xb9wi\xb8\x8c\x84DIR\xa0dJU+\x1fT9:\xc4\x8b}rTR\xb3xl\xbd\x80s\xb1\x87\x80\x84^W\xa7\xaa\xaf1!\x1b|WO\xc1\x85z\xa6g\\\x8ae`6$"\x94qk\x8djh\x81``yZYaDB\xb7\xb9\xbb8=FQ61\x99]P\xc9\x81\x89\xc6\xc6\xc5\xaei_\xcf\xa1\x98\xcb\x9e\x918**&amp; \x1f\xe4\xb8\xb1F10\xd9\xc1\xc3\xa7tn\x9b\x9e\xa2\xa7[UEEB\xe3\xda\xd9\x9cum\x94[Dvts\x90\x94\x9ay{\x7f\x81A9\xe6\xc0\xbaX?=\xb9\x98\x8f\xab\x90\x8c\xa2\x87\x80\xea\xe2\xdfQPLMR\\\xf1\xed\xec\xd9\xce\xd0\xacUd\x88J?X]f\xa8\xa3\x9f\xd1\xa9\xa0\xd5\x95\x88\xcf\x83z\xd9z\x90\xd6p\x88\xd5\xb3\xb7\xb0\xb2\xb5\xbfu}eca\xb4_m\xe6\xd1\xd2\xb1\x84{\xb7\xa5\xa7\xd7\xae\xa7\xbfju\xc0\xa1\x9b\xd3\x8b\x8a\x97SK\x9d\x99\x96\xd9\x8b\x9f\x93FG\xb5jw\xc8\xaa\xae\x8eUN\xf6\xf6\xfbY\\X\xcb\x9a\x91\xbbgd\x92zy\x9d_a\x9eMZ\xc7}sn)&amp;\xde\x96\x90x30kpz\xc9ro\xc7Zu\x9c\xc4\x16\xf0\x00\x00 \x00IDATx\xda\xcc\xd7\xdfOZi\x1a\x07p{\xe4b\x13\xcf\x05\x1a\xe3\x82&amp;5\xb8\x1aq\xe5\xa7"\xed\xa9R\xb0\xbb\x14\xa9\xa5\x80\xe0)\xad\x8a \x882\x01m\xda\xadP\xebODAQg\xb7\xa04k\n1\xdb)\xcd\x8em\xa6\xa6\xc6mK\xcd6l%\xdd\xad\x9d\xe1f\xd2\xdeLc\xd2\xe9\xc5\xf6\xce\xa6{\xbd\xcf{\xc0N\xff\x80\x1e;O\xe4\x87H\xe2\'\xdf\xf7y\x9f\xf3\x9e\xbc\xbc\xcfS\xcc\x82\x02f^A_\x1f3\xefWS\xcc\x821\xb7\xfb\xe2\xe4\xe4\xf1\xe8\xfcz\xd4}\xe4WAjh8268\xffnqwo7\xbd\x9cI\xed&gt;\x89\x0e\x0eN\x14\x1ci\xf8\xb2\xac\xbe\xe3\x9b\xebO\x9ee\x1e%I\x92\x0c\x93MDx\x14t\xcf\xd6\xa3\x13y_p9\xc7&amp;_/\xa7F\x93$\x8110\x0c;y\x12\xc7O\xe2Md\x139\xb3wk\xa2\x8f\xc9\xfcB\xebw\xf8\xc9\xdeh\x13\x80\x18\x0c\xa4\xa2\xaa\tGB\x9c\x9cI\xbf\xbe8Q\xf0%T\xeeh:\xd9\x84!\x14F\xd1(^\xee\x1d\xc0Fw\x17\'\x0f&gt;/\xe8\xf3\xdd0%\xc9g\xec\x17\xbc\xcb\xcf\xcf\xd2@F\xfcv7Z\xd0p\xa0\xb2\x82\xc1\xf9\xf4\x0c\x89\xe1\xc8\xf1\t+W\xd9\xdf0\x8c\xdc\x9b?t\x90\xeb\xc7\xbc\xf8l\x86\xa4R\xc91p,\xffSX6:\xe4Zw\x17\x1cX^c\xd14\xc9\xc0p\x9cb1\xa8\xde\xca\xa6\x86}\x0c,\xbb\x968&gt;\xb3\xb8~\xf8\x80\x06l\xc3f&amp;\x8c#Un\xad\xb2\xbe\xfdu\xdc\xcf\x0c\xc5\x05_!f\x16/\x1e\x88\xeb7\xf3\x19\x02\xa7\xf6\xdf&gt;\x0b\xc3\xb0_\xda\x8b\x81e[\x1f\x15\xf5\xa7d\xfa8\xfdI5\xb8\xd73d6\xa8\\\x13\xa1\xc6\xff$\xa8\xec\x18\xfb\xe8\x82J&gt;\x9b\x9c\xa0\x9b\xe5~7J\x92\xd9\x01\x9aOI\xf21\x02\xe5\xb3\x0fa r\xfe\xc7\xf6G\x0b\x89\x853\xb7\xdc\xf4^\x8c\xdc\xeb)\x9c\xc0\xf3\xa9\x91\x89(H\x84\xa3\x8c\xf0\\b\x18\x89S\\\xd8\x9b9\x17\xc0\xc8\xd4&amp;\xad\xaa\x89\x97\xa90\x8a\x03G\r\x8f\xfe92P\xa1\xe1\xd9y\xc1\xc0I\x02\xf1\xf0\x8f+\x8b\x11\xf0\xdd\x99y:\xdb\xbea&gt;EfU\x90\x0e\x8a\x0c\x82\xcbF\xc2\xa0\xba\x08cdw(\xd5f\x94\x0c\xfeD\xc0\x06\x99Y\xa7\xf3\x80\xd8\xf7.I\xe0\xbf\x8ct\x0c\xcb^f0\x8aJ\x10\x08@\x8d\xd1\xdcv\x80\xb7\xe8\x95 02\xb3y\x886\x17ss\x8f\xcc\x8e\xab\xdc.\xa34\xfd\xfd\x88\x83\xc1\x1b\x87\xa3\xbf\x9f\x8ak\x7f\xfcg_\xe1\x13\x82\xdc{M\xdbyb"\x8d\x1a\x0bC\xcb\x93\x8f\xf5\xf7;\x10\x88p\x04\x90\x06U \x80\xde\x128\xb5\x9cT\x8e\x80FyA\xbf\xe1x*z\x84\x9e\xbc\x1a\xa2)j\x8c\xe2\x08\x14\x88\xc5bz\xbd&gt;\x100\xeb\xcd\xe6\x80\xd9\xe7\x83\xdfc6}\xc0\x81\xa8\xa8\xf7\x88~\x02e\x89\xae\xe6\x0c\xf4\x01\xb9\xe8\xa6\x85\xc5\xcc{\x99\xa4\x86\xba\x03\x01,\xf6l\t\x85\xc2\xd6V\xa1Z\xe0\xda6\x99\x9c\xdb&amp;\xbb%\x86d\x8e\x00\x8a\x8e\xc0`\x85!&gt;\xb4qqr\xf1\x10=\xaa\x89]j\x13:b\xa1\x90%hWC\x01\xc4\xe5\x92\x1a\x8dCC\xdd\xfbu-b\xb7\x99\xcd!\xb5=\x14\x8b\x05\x00e\x86\x00q4T\x9b\x96\'\xe8aM\xce@\x0f\xe3\xfd\xe6\xac\xca\x04\xe98#\x06\x00q\xa7\xb8SS\xdd\xddS\xd9\xea6D\x9c\xdb\x06Cd\xdb\x19\x8c9\x1c\xe6P\xd0\x12sP}\x96\x9a\xa4e\xd23\xe7G\x81E\x06l\x16J\xe5tn\x0b\\\xa0\x9a\xd2\xca\xe5H\x85Xr(-*\x99\xb6{\xe8ZD\x1d\x84o\x9aL\xf6\x18\x81.U\xa3\x9b\xf4\xdc\xa5m\x02\x0bw\xf8BAJ%\xe0\xf3A\xc5\xd5\x82J\x8eR\xd2\xc2\xb3\x9c\xd7{\x94\x87\xaaC\xae\x9d\x1a\xbav\xedF\x04\x02\x8dl\x07\x1d\xd0_\xf9\xe1\'t\x8cTf\xde\xfa\xef\x19\xb0\x846*\xab*\x81\xcb\xe52\x18[\xda\xe5\xd9:/?\x0f?\xbc\x91\x912\xaa\ny\x1d\x90\xd7\xd0\x8d\x1b7"\xf00\xc5\x1chW\xa6\xdd\xb4\xf4\xd6\xad0F$|!\x0b\xa8\x86\x05\x10\x95\xc1\xc8m\xaf\xe9\xe8\xa0TT\xf5\x8e\\\x12\x89Dee"\xb6\x88]\xd61\x05\xebx\x83\xaa\x88\xdd\xdc\x0f\x83b\x97\x96{Z\xe6"N\x84!,\x8bP=\\\xc5G\x1b\xb0\xb6\xa2\x86\xc3\xe3Q"\x1e\xaf\xb7\xb7\xf7\xd2\x19\x1d\x94H\xc4f\xb3u"\x9e\x16\xb9\x00\x16\x89D\x9c\xa1\x00\x9c~\xf6\x06??\x8b\x99\xd7\x97\xc6\xc8\x84\xde\x83\xd2\x1a\xaerIa\x05\xeb\xea\xdae&lt;\xd4L\xc8\xd5;2\xa2\xd3\x95\x96\x96\xa2G\xa9\x8e-:*\x87}\x00.h0\xe8\xae\x00\x8932\xc7\xe9`\x8d\xa5\xf1\xf0\x9a\xcf\x13\n\x05\xd5]\xc0\x82\xb4\x00\xc6\x95u\xc02vt\xf0\x8eB[\x89t:6ESU\x97\xb2\xcbx\xda\xee\xee\\^\xdb\xd4*\xd21!\x98y\xeee\xc2a\xb6y\xa8\xb8\x80U)5@bm-\xed\x1c\x0e\xa7\xa8\xa4\x98\x05+\xa7(e\xb3\x8aY,\x16{v`\xa0T4\xd2\xc1\xfd\xc8R\xeb\x1da\x8c\x1e\xd6\xe0\x1e\x01kh\xb3\x01\xcb$\xa8\x97J]h/\xb6\xb5\xd7\x94\x14\x17\xb3\x15\nEiu\xb5JU\xad\x00XI\tK\xc1\x86\xd6\xe7i\xb9\xfb,\x93/\x91\xc0R\x17\xe9`\x1d\xce\x90kz\x9b\x0fXA5\x1fT|\xd8\x8dFnMQ\xb1B1\xfbP\x85PJ\xa5J5\xab`\x17\x97\x14\xc2\x80\xe0\x14qr,\xe8-\x93-\x00,\x1az\xab!\xefx\x06.p&gt;\x18\x10\x16\x0b\xb0\xf8\x02\x18]F\xae\x96\'\x82VR*\x95V+zV\x0e\x0c\x00\x8cU\\\xc8\x93\xb5\xb7\xb7\xb7p\xb90#"\xdb\xdbN\xb5\xcd\x9c 2\xb4\xb0&amp;S\x0e`AX\x96`\x17\x9f_U\xe52\xb6\xc8y#:\x15x\xacV\xf8A\x0f\xb1F\xa3\x19\x80\xc0\xd8\x85\x1c\x19\xb7\x05X-C\x86m\xc4\xf2\xe8\xd7\x88\xcc \x1d\xac\xe8\x16by,\x88\x05\xeb\'m\x91q\xcat\xa5*\xf0\x88\xc5g\xadg\xe1\xd5z\xc2\xaa\xf1z5J\xd8\x88\xc5\x8854\xd4\xd2\x02\x97F\xa7\xd3i\xf7\xe8\x13\xc4\xde\x04\x1d\xac\xcdG\x0e3\x84\x15\xb4X\xec\xc3\xfc\xca\xf2:Y\x11KQ\xadRj\xc4P\xd6\xb3\x88\x058\xb1\xc6\x0b\x81YU\xba2\x9e\\\xdbb\x04\x17b\x99\x84\xc0"\x97\xc7\xe8`\xad\'s\xac\xa0\xda%9}\xba\xe2\xd8\xf8\xc3\x07P\x1a\x8d\x18\xc9\xae@\x89\xcf\x8a\xafx\x1b\x1b\x9b\x1b\xbdbU\xb5n\x84\xa7\x1d\x82\xbc\x86\x10\xcb\xe2\xf1%\xc2i\x1an\xca\x80\xb5f6\xa3\xe3C\xd0.\x90H\xae\x7f\xf3\xf5\xd2\x8b\x17;;+;\x0f\x95\x14\xaa\xb1\xb1\xd1\x0b\xcf\xcd\xcd\xd3\x8f\x1f?\x9en\x86\xc4\xaa\xe1\xfa\xd3\x82\xd2\x82\x93Y\xd0\xa6_K.\xd2pIl\xc8{m\xd6\xeb}\x16\xa10\xd8U/\xed\x89\xc7\xfd\xab\xab\xab~\xff\xea\xdd\xb9\xf1\x87J\xa5\xc6\x8bbjl\x9e\x86z\xfc\x1f\xa8\xe9\xb7\xaf\x94*\xdd\x88\\\xcb\x1d\x8a\x98 -\x9b&gt;\x91|B\x03\x0bN\xf2\t\xb3\xde\x16\x14\x06[\xbb\xfet\xee\xfe\xfd\xe7~\x7f|k\xed\xd1V\xdc\x8f`\xd0\xe9\xdeFo\xe3\xf4ts\xf3[\xa8\x9f~z\xfb\xea\xed\xab\x07\x0f\x15e\x1dZ\xb4\x88v\x8b\xe7\xfe\xda\xa3\xd7\xb4\x9cN\xdf\xc1F\xf4\x08\x85\xf6\xd6\x0b\xad\xe7:o_\x7f:w\xe7vOOgg\'\nL\xe9E\xae\xe6\xe6\xe6\xc6\x07\xefwn\xce}\xff\xe1\xc3\xf7\xb0\xc2;\xe3\xc5\x85\x88eR\x0b\x81\x95\x8a\xd2\x95\x96\xd9c\x07UW\xd7U\xc9\xe9\x9b\xe3\xefg\xc7\x8fUH\xa4\x0bO\x97\xe6V\xde+5\x1a/\xeau\xcd\xf8\xcd\xa5;\xdf\xf9\xe3\xf1{\xfe\xef&gt;\xbc\xb8\xb3P\xc4\xe1\xba\x9cpn\x06V\xe60\x1di5\xbc\xcb\xb2\xd4]W\xa5\x92\xdaS+\xe3\xb3\x8a\xcb\x97YE\\\xa3\xe4\xf4\xdc\x1b\xd6\xec\x80\x92\x1aY\xb3+o\xe6\x96\xee\xf6&lt;\x8f\xc7\xe3\xabKOW{\xca92\x83Sm\xb2\xdb|k\xbbc\xb4\xdc\xbc\xbeL$\xf4\xa1\xd6\xd6\xae*i\xa5DRY^\xfb\xcf\x85\x05I\xb9D\xea\xdapU\x96W\x94\xc0\\\x15\x8b\x07J\xcbNUT\x9c./\xaf}\xf3\xe6\xe6\xf8\xce\xdc\xf5\xaf\x17\x16\xea\xda\x10\xcb\xa7\xd7/\xd2s\xab\xff2\xb1\xa6Gg\x1a~}\xfd\xd5VaO\xe7\xbd\xfb[\xf1{=\x17\xba\xd4N\x81\xb4\x8d\x03,\x8d\xb8\xb4\xac\xa6\x16Na\xed\x85*/\xb4\xfe\xabYVI\xf9m)W\x00\x8bh\xd3\xdf\x7fI\xcb\x91\x19\x06\x84\xd9\x87N\x80|\x97\xc0\xee3om%\x93\xd8\xefR\xfe\xces\xad\xadU\xf5m5\x97\xad\xd6F\xcd\x9f\x8f\xca\x8c\x06\xa3A*\xa9\x83Y\xfb\xea\xed\x83Y\xc5\xb1\xf2z\t\x1fZ\xdeg~\xbe\xf9\xd9Yc?\xb8\xe1\xe2\xb3\x95\xb0\xd9Mp\x8c\xe7\x0f\x87\x02\x01\x7f:\x15\xc6\x92\xcb?/u\x86\xba\xf8\x90\xd0\xdf.}%\xb6\x9e)\x93\x197\x86\x85\xc2s\xb0U\x17\xde\xdc,\xbe\xac(.\xaa\xad\xe4\x9bL\xc0\xf2\x7f\xf6\x0b\xf5\x0f/\x9e\xce\xfd\xfc\xaf\xe8\xbd\x80\x07\xb1\x04\x82.KH-\x99\xfb\xd6\xe3\xf3\xdc\xddY\xf9\xdf\xbf\x7flk\xdb\xd8\xf8\xc7\xf93_\x9d\xb9\xc4\x93qM1\xb3\xcd\x1f\x0f\'\xe3\xcfoW\xb6qX\x9c\xba\xda\xfaa\x93\xc5gN\xf7}V\x16\x9c\x96w\x9c\xff\xdd\x10\\\xff\xd6\xa3\x0f\xa9\xd5p+&amp;\x10\x08\x86\xeb\xebVV\xea\xda\xfer\xea\xd8\xb1\xba\xbf\xd7\x1b\x9c?n\xfc\xf5\xc4\x95\x13\xbd\xe7\xe5\x1d\xed\xc3\xb6\xd87/v\xff\xd0\xf4\xc7p\xfc\xdc\x05\x01\xb7\xa8]f\xfc?\xadf\x1b\x93V\x9a\xc5qw\xbfl2\x1f\x8c\x1ab\xac6%\xde\\"\xc6\xe1M,\xa1\x18\x07!id@/\x150\x14\xa9\xf5\x85A+Z\xc3z\xb1\x16l\x96m]\xa3cu\xcambZ1\xdbe\xa1N\n\x9b\xbe\xec\xa60L\x13W\x86\xd8\xdd\x19\xe8h\x1b\x1d\xd2bu\\\xad\xe3[}I\xea\xf8\x1a\x9b=\x97\xec\xa7\xfd|\xfd\x13\x12\x12nr\x7f9\xcf9\xe7\x9e\xffs\x1fxT\x97\x97\xaf\x9d\xa68\xa9\xc6\x04\x91p\xd0\xb7\xfa\xc5MC\r8D\xc8x\x94NW\xe5\x15\xe5\x12\xd5\xc1 A\x10*\xf5\xf9\x9e\xd8\x15\xacP\xc23*;\xc5\x15[\x91HS\xef\x93\xee\xfa\xfa\x7f\xfe\xfbEyO#\x93Y!c7\xd6\x94?\xedK\xa2\xf8\xb5\xd4hd?\x1c\xf6\xf9\xf8\xb6\x9b5`\xc5\xf8hA^Enn\x91\x9b \xddV0\xe8\xe3\x9f\xef\x89\xf8\xc59\x12\t\xef\x9c\xb8\xba\xbaH\x1d\x8b\xac\xc2\xc5\xb7\x86\x1f\xdeo\xbaw/\xa6\x96\x15\xc9\x9a\x1bo\x96\xff\xf5T\xd2iJ\xe3uz\xf30\x16\xf4\x05}\x84\x80\x03XlAA)\x92+\xcc\x12\x82\x11s:\x9dn\xc2\xe7\x8fE\x1aUzi\x97\xa4\xd6d\xac\xbe\xc2TmEb&gt;\xb1\xc7\xfe\xc1."\x1a#\xff\xba\xa2\x04\xac\xf37o\xac5P\x9c\xf1\r?\x1e\xae\x87\xc3^\xb9L\xa3\xe8\xf9\xdc\xc6\x82\xea\xcfNuq=\x1e\x8f\xde\xa3w2e\xc1\xdb\xfeU\xb5L\\2"\xa9=\x87;\xab\x83\x84\x8a\xdf\xe8\'\xf4\xa9\x19\x19B\xd2\x911\x95\x9dW\x9a\xcf\x1b\xfe~\xe7\xf4\xe4\xcbI*\x07\xae?\xdc\xdf__\r{\x11\x95FQ\x03-\n\xa5\x17\xa5\xb9\x1c\x0e\x97\xd7\x0b`z\xa7GO\xf8|2B_;\xd2U\x82\x1b\x8d\xceN\xa7\xdbM\xa8\x08\x8f\x0b\x1c\x99\x90\xb4\xdc\xe2\xce\xdb\xcd\x8d\x86\xba\xe5g\xf6\x8c\x8c\xd1\x06\n\x0b\x11\x01,XD\x95Z\xd1cf\t\xd0R\x11\xed\x84\xc3\x04\x1f\x97\xcbk4z\x85nf\x05S\x96}6:R\x8b\x1bq\xa3\xb3\xd2C\xca\xd5VRBzk.\xcc\xa8\xb7\xff\xdcXs\xbesoz\xda\xe9Y\xa0\xd0\xe4\xdf\xdf\x8f\xac\x06\tu\x8c\xf5\xb9\xaeJ\x80\xd2\xe5\xb4\xe26\xa9V*590\xe0\xf2\n\xd3\xc0M0\x85e\xd1h\x19f\xc4\xf1J\xa3\x17\x94\xea*n!\xa7V\xe99\xbcRyEm\xfb\xe26f\x9a\xde\x0b\x07\xa3\x94e}J\xc3\xf2\xe1aX\xef\x8e\xec\xab\xcd\x1c\x06\x9a\x87\xa4\x17K\xa5Z\x12\xcb\x04`\x98\x83\x0b\xde+\xbf\x82[\x18\x8dJL8\x86\x19\x8d\xb8\x03\x96\xd8\xe5\x00t\x9eV\x8a\x19+\x95\xd5j[\xa3\x11\xc3\xa6\x9d\xeb\xeb\xb3\xd4\x15\xe3\xe9\xd9\xc8&gt;\xe1\xf5\x1d\xc6\x98$V\xa9\xa8\x18\xa0\xe0\x86\xc0\x16\x8f\x9bpWzjz\xae,7\xa7\xb0k\xa4\xab\x16\xc3\xce\x01\xa8\xb4\xa5\x04\x98\xe1\x02\x88\x16`\x89;\xd56\r\x8eiM\xd3\xdb\xe1_(\xec\x11\xa3\xab1\x0f\xe1\x8f\xf8s\xab8\x8c\x02\x84\xf6\x01\xec\xcdU\xe0\x82\x88\xc5\x8d&gt;wj[qn^\x06\x8f\x9c\xe3\x0bM\xf89\xb8?\x8c\xcfe\x89\xffyVm&amp;\xfei\xa5\xb8\xd9\xa6\xc4\xb4V\x8cR\xac\x94\xa4\x85\x82ppu=\xa2\x12\x91Xr\xfb\xb7\xa4\xe5*\xe4i\xb5q\x93\xd3\xef\x13f\xb6\xb4\xa5\x89\xcaH\xc7\x13\xed\xe2a\xa6L\xdc\x01\x880\xa7Z\xc1\x0fI\xacR\xf0eb5C\x89\x99\xe2\xd3\x80\xd5E!\xd6K$\xbc~xHb\xd5\xd8\n\x10\xc0\x92tI\n\xad\xda\xb8\x83\x19\xdbJk+\xbb\xfae\xf13\xf0`#\xd1\x85h!,\x9c\x14\xc3\x1dV\t9\xd6\x93\xf8\xda\x1c\xee5\xb1\x9a\x15v&amp;\xb0\xb6)L\xf9\xa4\xc9\xa1\xf0\xfa\xbd\xfd\x1d\x11b\xa9\xa9\x82I\xaa\xad\x8c\xf4\xa7Z\xa9\xc9\x19\xeb\xe1\x8b\x8a\x8b\xed\xf6\x8c\xb67\t\x7f\xd8uU\xcb\x93\x14\xf20#\xa6%\xad\x19\x89f\xad\xcd\xb9\xa6T\xab\xc3\xc1\xb8uze\xfbh\x81B\xac\x86\xe5px\xff\xde\x8e]^UcAUno[K\x0b\xe4\xb3\t\xf3Ebh&gt;\x9dc\xd0Y\xe8\xb4\x0f\xb0\xb4W\xcf\xb6\xb4\xf0$\x12\xab\xc9X\xe9\xb2\x92\x94$\x16\xaf$\x8b\xa9.\xf2\xec\xc5\x0b\xe3{\xdb+\x93\x94&gt;\xabW\x83\xbe\xc8\x16\x92o\xd6U\xf1\x81\xcb\x03M\xbe\xcd\x81\xe1\x9d\xab~\x15\xb1\xb5\x7f\xf3\x82\xa2\xaa\x7f\xa8\xad\xed\xdb\x0f"\xfa\x96\xa2)\xa3\xc5\xe4rz\xda$\x80\x95Xki\x96\x0c\xe5b\xd3q\xebAp{\xa4\x81:(H.\xfa:\xe1\xceEP\x05\xa7\x8a\xedW\xab\xdcz\xaf\xc3\x81\x83&lt;z\xb7[%\xa0\x87\xfa\x9b:\n\xe4r\x91\\\xee&amp;\xb6\x0e\xfd.\x87\xd7\xe9\xf4\xf2\xba\xfeG%\xcd\xd2\xa0\xb5\xda\xf8\xca\xc1\xc1\xb6\xeb%\xb5\x9b\xb9\xcb\xb1UU~\xa8\x89\xc4b\xf8}\x84[\xc8\xe5b\xa4\\\xe9\xd9n:\xfd\xd6]\x8b\xc2\xc2GC"{\x86\xcb\x13tb\x0e\xdc\x19t\x9a\xa0\x1c\xad&lt;\xa8VS\xaa\x00\xe5\x8d\x14N\x1f\x1c\xec\xfdB\xe9\x96\r\xb4\x88\xbc\xad\xfe\x81\x81\xe1:\x8e\x8d\xcd`k\x08\xb7\'\xcb\xe5\x82\xce\xe9J\xcd\xae@\x19u\xed KAA\xa8\xb77T\xe1\xc51\xe8\xfe\x10.\x0c\n\x03\xca\xc2\x84\xb9\xd2\x04\x05]\xd1\x83\xa3\x95\x03l\x81\xe2a\xbea\xf9\xe1\xaf\xdf\xbd~\xac\xe00X\x0c\xb6\x9apg\x0b\xb3N\x14g\xa4\xcb\xe9\xfc\x0eN\xfb\x8d\x8b\xf5\xdd\x17\xcd\x05\x1df\xb0\xfe\x16\xd4\x8dC\x7f7\xe1F\x93\xd5\nU\x81\xe1\xb87\xb7\x19\x89J\x8e\x8e\x0eVx\x93\xd4R\xa5$M}\xf5\xc3w_?\xd1)\x00\x8b\x01X\xb9\xd9\xe9\xc54\xe4\xd6\xf0\x05\x9d\xce` \x8d\x8eNaS\xb4\xb7\xdf\xb8g\xd05\xe9\xb9\x99Ri\x0ef\xe2i\xc1r\x18\x8d\x9f\xea+XHW|\xef`e/J\xf9\x1b\xb2\xd6\xef\xff\xb3\xf6\xfd\x13\x0e\x19-p\x17\xf9D~\x1a\r\xb1&lt;\xbd\xf1\xf4BG\x7f\xc8\xedq:\xb7\x83&gt;\x98\xab\xfd\x1c\x83\xc1,\xc8CD\x999\\L*%\xa9\x8cb\xa5\x8a%\x87gB|O\xfb\x92j\xaa\xa4\xeb_\xbdx\xfc\xeb0`\xf1\xd96\xbfL\xa6\xcaCJ\x1f\x94w\x1b,t\xc4\x1b\x08x\xe7\x96\x96\x8e\x8e\x8e\xa6WV\xbc\x04\xdaa6\xd7u\x94\xd22\xb2\xf0\x04U\xa5X\xa9a#o\xde8\x8e\xf6\xa2To\x06\xa6$\x9dZ{\xf5\xa2n\xf8\x01\x0c\xa7,\x06K\xa3R\x95"\xc3\xe5\xdd\xe5\xe6\x9d\x1dbccncc~~ii0\x10X\x01\xa5\xa1[\xed\xedu\xfd"\x9a\x90\x84\xaa\x143\x99\x1a\xc6\xf3o\xfa\x86\xa6\x0b\')\x0fV\xd2\xe5\xbe\x1f^\xbdZ\x1cO`\xb1Q\x8d\xa0\xb4T\xd7]_\xae\x8b\xac\xef\xee\xee\xfe\x94\x10\x80--\xcd\x81&lt;\x84\xa2\xbc\xfc\x02\x92\x91E\xbe8\x13+\x99L\x01{\xe2N\xdf\xe2\x1b\xea\x97\x10\x94|\xfd\x1f\xdf\xfc\xe6u\x02\x8b\xc1\xd7\xa0y\xfd\xba\xf2\xfa3\xdd\x87\xeb\xeb\xbb?\xcdo@\xc4\x96 `\xf3\x00\x07\n\xfa\r\xf5\x17\x87E4\x88U\xa5\xb3S\xc9l\xe6\x0f\xfc\xdc\xf7\xf3\x9dc\xd9F"M^\xca\xa2\xd9\xd6\x0cX,\xb4\xa0\xb4\xb4\xbf\xa3\xfd\xd2\xa5?\x8d\x8f\xcf\xcenN\x8d\xce.,\xcc\xce\x8e\xce\x06\xe66 n\xbb\xb1\x1b\x97\xce\xe8\x90\xf4k\x80\xa5d*e,th|\xe2ukC\xd2\xf1(%\xa9\xefAUs3\x9b\xc1\x12\xa8\xe4\xa2w\x08]ax\xbc\xd8\xd7\xda\xda\xfaI\xf2\xef\x93?\x99\x9c\xbc&lt;\xb9\xb00\xba\xb9&lt;4\xf0\x973\xbf\xbdt!\x81\x05\x99\xc5\xd4\xb0\x04\x03\xf7\'\x16?;&gt;\xac\xa9\xe1*\x16\x8b\xc5\x06,\xd1\x90\xfc]\x1a\xb1\xbb;?\xb7\xb9\xb89\xd5z\xea\xe4\x1fO\x9eLN&gt;\x99|\xf2\xd4g\xd7\xfb\x1eww\x1b\xee\x8ah\xd7\x12\x99\x05\xa9\xf5\xe8\xd1\xf8b\xdf\xa9\xe3;\xb2\xfb\xf2o\n6)\x16\x8a\xf4\x86\xde\xa5\xcbw \xdf?~\x9c\xdfX\xbc\xb30656\xd6:55:::\xbb\xbc\xb3\xeaG\xe5\xb4\x138\xac\xa1\x8c\x99\x8f6\x8d\xaf\xad}}\'9\xe5\xd8\xb0.?T0\x00\x8a\xcd\xe0\xd3\xe9\xa1!\xfb\xbb\xd0\xce\xee\xfcG\xd0``s\x01x\xde\x07\x06A\x90^Nw\xa9&lt;\xfd\x04\xd7\xa8g\xca\x98y\x82\x81\xb1\xd6;\xad\xc9\xc7xR\xbdaBac\x00\x96\xa5\xa9\xffy\xaf\xfd\x99\xa8\x94\xbe\xb3\x01 33\x83\x83\xef\xdf\xbf\x7fK\xfe\x1c\xfc\x08T\x0ea&gt;B\xcb\xe4\x1a\x95*Y\xbe\x86\xf5\xe3e\x8a7E\xfe_\xbf\x9b\xe0\x98\xc9m7KGS\x7f\xef\xd0\x974$og#\xf0\xfe\xed\xcc\xdb\xb7ogf\x12\xdf\x99\xc1\xa5\xf9%\x87\xd4$\x027\xc9\xd5\xabT\x15\xf9(k\xf4\xb8\x8f\xce7Lp\x14U6\x06\x83a\x19\xbe\xfb\xfc\xbe\xdd.\x0f\xd1C\x012J\xc0\x03Ld\xc0\xa0\xa5:\xc0E\x16#HV*S\xc3,\xcac\xf5\x8f\x1d?\x96\x8ec\xae\xb2\xd9l\x96\x07\x0f\x1e\r\x0c\x15\xa7#\xa1\x90&lt;\x00!J\x08\xb0\x02ss\x01\x07\xcfj=k\x97#\xd9\xff\xe5\xe5\xecb\xda:\xcf8^_\x1c\x9f\x0fOG\xd8\xb2,\x7f\xe9X\xb6\x8cl\x0b\xf3e\x1b\xe39\xb2\x83\x90\x10\x8eqD0vV\x04\xb4+l\x10\xd51\xb6)n\xd2\x18\x19\x83,U\xb0:LBn\x90\xb8`\xae\xa0A2\x06;BD\xad#\x94\xa8E\x19\x12I\xb3e\x17\xb9\\\xb5L\xea\xae\xb6\xaa\xca]/\xf6&lt;\xaf\x89&amp;M\x9b\xd6v\xd8/:\'\'(\x1c~\xfc\x9f\xff\xf3\xbc\xef\xe1\xbcO&lt;A_8\x1cj{\x1am\x80Z\xed\x03\x97\xc6a\x00\x16\xb8K\xa9p\x83^\x7f&gt;$VG\xb5\x0e\x0f\x0f{\xfb\xe0\t1\xe9~\xe97\x04\x83\xe6\xb0\xcf\xd9\xfa\xf77\xea=\xa6\x9f\x0e\xe0&amp;\xb2\x81x|g\xa7X\xcao)\xe4\x0br\x83.\xe7\x004`;\xfc\xdb\xa1\\\x9e\xec\xbc\xfcA\xa7\xa9gc\xcb\xdf\x12\n\x9a}\xa1\xb6\xfc\xb3\xbaweL?\x8d\x03V{;`\x15\xb6K\xf9\x972iO\x12\xd6\xa8\x01]n}uuU\xf7\xd0\xe0Nv\xde\xbc\xfc\x8eI\xbd\xbc\xb0e\x08\x86\x82\xbe\x90=\xf5MS\xdd\xd5J\x7f5&gt;\x80[\xee\xe2\xf1\xf8\xd8N\xf1x\xcb-S&amp;\x97M\xbd\xbd\xbfu\x1b\x1e\xe6W\xdc\xc9\xe5\x99\x0f.\xdc\xfc\x85Z=\xb3\xbc\xb1\x12\x08\x85|\x0eg[\xee/o4\x02\xab&amp;\xd7\xc4\xc4\x04\xc8\xf5R\xa1\x90\xf7\xcctv\xc2\x13v\xb2g\xb9\xef&amp;y\x8a\xee|\xb7\xc3\xd4\xb7\xb1\xb2\xe20\x06\x83N{\xf3\xf1\xf3\x86`\xdd\x1a K\xf7\x89\xecD\xb9\xb4\xb2\xe2\x97\xa9\xfag\xfa:g\x92\xc9\x99\xcb\xe4m"&lt;\x17^Q\x7f\xbe\xb0\xb1r\xec4\x06\x8d\xf6Hs\xbe\x01X\xd3_\x8d7\x8f\x13,|\xbbY,\x16\xd7u~\xb7[\xb9\xf1\xd2\xbd\xb0\xf0\xdd\x85\x0b\xf8k\x9c\xdew\xaf\xf4/o\xad\xe4sv\xa3\xd3\x1eI5\xafD\x1b\x80\x95\xbf\xd4\xdc\x1c?\xe3*\x94\xb3\x95\xec\xf6\xf6j&gt;\xbfz\xbc\xb1\xb0\xe1^\xf8\xec\xf2g3I\xa5\xde\x8fZ\x95"\x11g$\x92J\xb5n\xa5\x1b\x10D\xc0j\xbb5\x00R\x01V6\xbbyZ\xa9\x8c\x01\xd9N\xf1\xe1\x16\x8c\x8d\x85\xef\x16Vt\xeb\xb9\xe3R\xa9\xb4jG\xadR\xad\xd77\xa6\xeb\x8f\xf5\xfc\xf8\x12\xbe\x88\xc27\xd4#\x95\xec\xe6\xd1&amp;\x82Uv \x9a\xf9-\x08\xdc\xd6\xc6qq\xa7P\xdc\xce\xee\xaf\xae\xe7r\xceH*\x12\x1a~\xd2\x80\x1e\xb7\xe7\xa5Kd\x01\x01\\ \xd7A\xf5\xe8\xa0R)\x14\xf6K{{{\xc7\xf9R)\xbfW\xde\xdf.\x17\xb2G\x85U\xa8c\xeb\x91H\xc8\xd7\x10\xacg\xab\xe0-X\x9e\xc6\xc9\x1b\xfd\x83\x07\xd5\x03\xb0Wy\x1fF\xb1X\xda+\xee\x93\xcb\xf2\xe6n\xb6X\x04\xac\x94\xd3\xf7\xfe\xf0\x93\x06t\xad&lt;[G\xb5jr\x8d\x8dm\xae\xed\x82Z\xa7\xd9B\xb9\xbc\xbf\xb7W*\x15 \t\xca\xe5r\xb6Z-C\xcd_]w\x06}o\x0f\x7fSw\xb5\x9a\xce\xb0\xc0\xcb\xe3q\xe0\xaa\xec\xae\xedV\xc1`\xa7\x95l\x01D*d!\t*\xa7\xa7\xd5\x07\x95b\x8d\xcal\xf65\x04\xebK\xc4\xb2;\x9d\x91\xb99\xe4:\x98\xba\xbavwww\xf7\xe8\xe84\x9b=\xdd\xdc&lt;\xaa\xee\xeeV\xab\x0f\x8e\xf6\xf7P-\xa02\x83ZM\x8d\xc1\x82\x87D\x87=5\x87\xe9X9\xb8{\xed*vq&gt;\xa8V\xab\x08\x04\x97kk\xd5\xc2vq5\x97\xd3\x99\x07\x07\x07\xcd\xa0V\xbd\xbb\'kXv\xa3C\xe7\x88\xa4\xe6\xe2\xf1\x89\x91\x1b\x07o\xad]\xc5^\xc4\xb5\xab?\xfb\xf9\xd9\xe9(\xbb\xb3\r\xe5\xc1a\xf3\\\x84\xe7\xb1\xe1\'\xd3\xd3\x92F\xa9\xe50\x82^;\x84k\xe8\xad\xa9k\xd7\xae\x92F\x07`\xba;t:\xb6\xb3\xb3\x0e+\xb0\x96\xf0\xe8\xe8\xc5\xc1\xb7\x87\x9f\xa4\xd3uoj\x06\xac6|Qm\xcc\x19\xc1^s\x84k\t{\x1e\xeeNMM\xdd\xdd\x1d:\xb816\x11\xdf\x8e\xe4\x00J\xaf\xb7\xe2n\xeb\xe1\x8dt\xbd{\xad\x89Z\xad\x18D\x00\x83\t\x0f\xc0\x80kri\x08\xc0\x86\x86\x86\x96&amp;o\xc0\xcab.\x02J\xd9\xc2z\xabk\xdee\x05\xac\xadX4\x9a\xee\xaa/\xd6\x9f\xd6\xdflu\x02VK\x0bp\xa5R`0X\x13\xfe\xe6\x06\x99\xb9GF\xda\'\xc6\xe7\xec:\x9b-\x1c\x0e\xeb]\xae\xf9\xf9_[/\x9a\x87\xf3\xf7\xbd\x82\x10\x8b\xd6\x11\xac+}?u\x0b\xb0\x8c\x8e\x16\xe0\xc2)\x0f\x14\x83\x9c\x1c\xbf\xf5\x8f\x14\\GZ\xed!\xb3\xcdc\xc1\x0f\xdc\xe1&lt;?\x0fX\xefo\x9f,R\xe2\x987V\xb7\x85\x04\x93\xf1\xbe\xd8n\x86\xaa\x85Q\x04\xb9\xec\x91\x88\xd1\x19\xb1\xc3p\x86\x82A\x9f\xd9\x174{&lt;\x1e=\x0c\x8f\xc55\xaf\x01\xb5\xf0\x176s_\xdccXZ\x8c\x8a\xd5\xc3bM\xd1X\xe2\xde\xd7\xe3\xe0x\xa7\x11\x82\x18\x08@\x18\x8d:\x87\x11Cj\xf3\xe8]\x1a\x8dK&amp;\xd3[\xf42\xc0\xb2\xc8:4D\xac\xc1\xc1\xb0\xf1\xe86E\xd1\x0c\xc3\x0b^o\xe6\x9c\xcd\xdf%\x8a\xc6\x04m\xe2\xe4h\x8e8\x1e,m0\xd8tF,\x15\x0e]\xc0\xe2\x97i:T&amp;\x13\xd9\xcb,\x83\x10\xea\xa5\x9a\x8e\xf7\xde\x9b\xc7\xb6\x83p\xb8\xfdD\xcb\xb2"\x11C\xf31\xc1+\x88\xceQ\'&gt;\xe6\xf5&amp;\xb4\xfc\x9d?L\xa6p#K\x8b\r@\xfc\x16\x9b\xce\xe1\xc8\x81\xcd\x02\x06\xbf\\\xa52\xf5\xf5%\xe5\n\x99Lf\xb1\xe0\xbb\x84+\x1d\x1d\xf3\xd6Q\xeb\xa8\xc7\xd3\xfcJ\xf8\x16\xb0D4Cs\xbc6v^\x0b\x8atfq1\xa1\xd5\xf2Z\xfe\xd3\xeaH\x04w\xb2\xd8\x0cz\xb7\xdb-\x83\xc7C\x9d\x83\xc4\xd3\xa0@\xaa\xbe\xa4B\xaa\xd7\xcbdR\xa9B\xa9&amp;XV\xab\xdeb\xb9\xfe\xca\xcb\xb0"ZD\xd34\xcbR\x02s.P\x92\x8cwvQ\xe0y^\xabM\xdc\x9ej\xb7\x1b\x8d\xba\x00F\xcd\x8d\xba\x04\x1c\x8e\x80!\x00\xc3"W\xf5\xf7}\xde#\x97\x02\x97\x0b"\xd8q\xa5\x865:\xaa\xb7\x0c\x97f\x191j\x05X\x94\xf8|\xa2\x18\x15\xbc\x89\xc4b\x82G\xb5\x84\x93\xa9\x01\xa7\xb1\x165\x99\xdb\xadp\xfb\r\xe4\xdao\x80\xbf+T\xb8M^.\x05\xad4\xd8&amp;\x02rA9\xb5\x8eZ\xc2\xd7\xf7\x16%\x88\xc5\x00\x19E\x9d\x87\xbb\x9a\xa2\x82\x00*\xc1\x81Cx&lt;\xd5\x0e&amp;o\x81 \xfaeR\xe4\xb2\x18\x0c\x01`\xf2\xfbe\xd8\xf4\xa0T\xca\xd1\xf3\xd8\x90A\xfaW4.\xab\xde\xaa\x0f\xb7\xed\x03\x16\rX\x0c\xc3R"HH!:\xdd\xf5\x7fj\x85\x96\xd2\xf2\x1c\x8fQ\x14N\xae\x8d\xc0|X\xc3rK\xdd\n\x058\xc7@\x86_\x01Dx\xc8\xe5\x1a\r\xe9\\Q\x13,0\xd7\'o\x16f%\x14bI$\xacX\xc4pZL\xc8h\xfa\xa7[?#h9\xad\x96\xe3\xc4b1\x9cx\xed\xedk7\x00K\x17\xb0\x85-2\x80RHe~?r\x85m\x06\x99\x1c|%W\x02\x16\xf8Jm2\xa9kjY]\xa3\x9f\xfc\xaa\xe0\x95\xb0(\x96\x84\xa1\xc44\xc5Qp\xa7\x84\xe0\x8de\xd2?\xa9\x88M\xc7\xbc&lt;\x0bX\x00E\x91\x83z\xb46i\x07\xb1ZjX\xa0\rd#\x94O\x8b\x05\xb2\x0fc\xd8\xa1\x94+U\x1d\x1d \x15r\x01\x16\x8cQ\xf3/\xbfN0""\x16\xcd\x89i\x0e\xee\xc7\xf3\x1cKi\xa1\xba\xfe\xf8\tI\x12\x9b\xf5Fi\x11\xa7\xe5\xa9\xd7X]\x1f=X"X\x01\x1bQ\x0b\xc2\x06\xe9(\x05\xd1\xa4J\x0c[\x8f\nl\x8fL\xbd\xbd\xfd\xfdj\xdc&amp;\x85\x9e\xf7M\xbe\xe2h\x12\xc3n\x96g\x19^\xcb\x8a9\x16\xfcO3\xe2\x98\x10\xfbQ\xcf\xb6Mia\xd6\x9ba\xe1ngX8\xc4\xdd\xb3_\x0c\xd91\x88\x81\x80\xcd\x0fXP\x9f\x14\xc4\xeb\x1a\xb9Jm"@D(\xec\x82\x00,\x8dF\x8aQ\x0c-\xbd\xe8\xa6\x91K"\x11s4\xc3\xf3$)\xc9A\xfc\x9f\xfe\xa1\x1b\x06\xa7\xa1T\t11\x03\x95\x19l\xc0\xb1b\x8a\x85\x0f\x98\xd8\xb4\x1f\x7f\x98\x02\xcb#\x16\x96\x047JE2P\x95\x84\xa8\xa9M\xfd3x6\xbd\xd3\x0fb\xa9\x94\x1a)\xc1j&gt;\xbd\xd3U\xc3b\xc44\xc4\x91\xc2\x94\x04*\x11\xdc\x94\x11\x81\xcb\x04\xfe\x07\xcc\x940#{gc&lt;\xdc\x00\xa8(\x8e\xe7\xc4"\xaa\x86\xc5\xb2\xdd\xbf\xffp\xae\x05\xa3x\x96\x8b\x10B7zL\xd9\x93\xec\xc76\x9f\x99\x1a\x16^\x9faA\x18\xdb\xf7yI\rK$\x96H(\xc8E2\xa0\xea\xc3|\x04\xdf\x062\\\xc8\xfc\x8f\xff\x92\x07\xa0fg3,\xfcd\x0cM\xc4\xe2\x80\x06\x95\xaaa\xdd?j\'TXD\xf5X\xe8-0\x01\x82\xdd\xe5J\xa0\x01\x9ce\x95\n\xb9L\x88\xa5\x91\xca`U\xf1;\xf3\xc8_\xbb\x18\x82\xc5P\x14\x03\xca\xbf\xc6\xa2k\x7f\xa2\x88\xbc\xd7\x1b\xe3\xa3\xa2\xffV\xcc\xba3h)\xba\xf6U\x80\xc5BY@,19\x83\xd5\xb8\xc7K\xc6\x96\x00\x88\x05\xd3\xa0\x0c\x87\xc5\x13\xf6\xe8\xb1\xb0\xabz \x86\xa6\x1el\x00\xc44T\xe3bB&amp;\x05\xacT9A\xc4\x82\x12/\x86\xc9\x87\x12\xd5\x10i\xfa\xf5\xb7!\x17b(fB,\xf3\x9f\x16&gt;\xdd\x19\xafW\xe0i2\xa7\xe2\t\x82/\x16\x03\x1bM\x9fa\xb1,sos\xdcf\x00(\x9b\xcd`\xd1\xeb\xa5g\\05\xf7\x00\x11\xa6"\x94\x07\x12A\xc8R\x97K\xa1T\xe9\'^tK\xceH\xa0.PLw\xb7\x04\x03\x01K\x1dbz\x04\x15\x9di\x86dBf\xfa\xdf\xa6\xe4Eo\x8c\xfb\x96|\x05\xfc\xdbZ\x05E\x8bB\xec\x13\x10J\xf2y\x11\xffxR\x07\x05\x14\x97\xeb\x1e(W\xb0\xba\xd2[&lt;\x1e\x8bB\xa5R\xa2\xf3\xf1 \xb6\x92+\x88X*\xb5\xbd\xfce7\x83&amp;b$\xdc\xa3\x8f\xbf?\xb9\xfd\xe8\x0e\x87h\x12d\x12\x91\x9f\x1c\x8c[\x93\x8c\xc6:\x0bl\xff\x92l:3;\x1b\xe3\xe8\xb3J\xc0\xc1d\x03P\x9cVX\xfc\xe8\xd1\xf7\x7f\xfcg\xd1\xd6\x13\xdaF~F5\x87\xf9\xa7a4\x8d\xc7\xca8\x95F;\xde\xe9*d\x96\x96%\xdbTak\x0b\x83\xc6\xc9B\xf0\xa5\x90CY\xf6\x92\x9ek2&amp;\x86BQ\xba\xba\x0c$\x18A\x0f\x95{\x98S\x0f\xba\x14r\xb0\x0e&amp;\xb9\x04\x83\x17dh\x93\xa05hsY\x1f\xda@a\x0f\xa9){\xf3\xa1\xef}\xbf\x91\xf7gK\xb6\xb04z\xf3\xbe\xf7\xbd\xef\xfd\x94L1\xda9\xd7\x05\x96\xed\x1c\xfe\xe3\xde\x8d\x1b\xeb7\xb1&gt;\\\',\xa4\xbe\xfb7\xd7\x97\xae60\x10W\x1aW\x91\xbb\xae5\x1a\xcb\x80\x85\x1c\x01\x88K\x0f\xbe\xb5\x1c\xd1\xb6\xd6\xe9\xce\xa2(\x8a\xf3\xe2b\xbc\xdf\xc5P\x83\xb3\xc2/\x9cE1y\xaf\xc1\xd2\xf8\x0f\x92_\xc9N\xe9\xd6c8B\xb3z\xaes\xca\x00SU??\xaf6\xbb\xfbg\xc3Q\xd1O\x82 \xe8\xef\x9d\xeb\xc2\xb7\xae\x19\xdf\xff\xee\xd3U\xc1\xf57\xc0\xa2w\xad\xae\xdf\x87\xec\x01\xac\xb1|{ieE\xae\xc7\xe5$\xba\x8ar\xee&gt;z\x96u\x04\x95ev\xf6&amp;Q\x94\xc4q\x9c\xe6\xc5|t1\x9c\x1e\x9d\xedh\x02\x19\x8e\xb6\xd0\x99\x06\xf6\x14\xb0\xcaW\x88\x9eM\xaa\xc7\xa8\x12\x93Q\x03GgG\'\xf3"\x0e\x82\x10\x0b\x07\x9b\xd6XD2\xe9d?\xfc\xf6\x83\xa5U\xe2Z\x87u11 $\xd3\xec\x1b\xac\x1cHZA\x0fr\x00\x80\xab\xbb\xbf|p\xd8\xa1N\xe5]\x871P\xa5i\xbf\x9f\xf6\xd38\x89\xc2\xc9\xb4\xc5\xb2\x18(\xe1\xb9*"s\xa2\x86/@\xe8V\xba\x19\xfed\xdb\xca\xcc\xb3\xfd\xf1p4\x9b$\xae\xef\xd7\x03\xd7\xab\x07\x84\x15\xcd\xbb\xa6\xd0\xc52\xee&lt;\xbb\xf7\xc1\xd2\xd2}\x0cF\xa9\xe2m\xc8K\xb9*\xb2\xd6\xed+D\xd7\xc0\x80l|\xb2\xf1d\xfb\xc3\x07\xdf\xda\x8eB\xe58\xddy\x14\x03\x12`\xf5\xe3\x10%(\xc6\x19s\x89\x01"5Q\x97I\xe9\xab\x8e\xb7\x8dfEY\x13\xbb\xad\xb97\x9c\x17i\xe8{\x9e\xef\xb7\xdb\xed^\xaf\xe7\xbbD\x15\xf5\xc7J\\,\xa35xv\xefg\xe0\xeb\xf3\xcf\xd1\x83\x82\x83\xa0\x80\n\xc4\x95\x8b\x97\x9b\xfe\xf4\xee\xd6g\x0f^\xd7d\xee8\\\xe3&lt;\xc9s\xa2\x8a\xc3\xba\xe7E\xa3\xbd&amp;0\xe9\xd2\xe982\xa0\xe9\x84\xe7t p\x02\xab\xd8\xd4\xb8\xae\xd7\x06\xd3y\x1eym\xcf\xad{\xae\xeby@\xb5\x06`m\xdf\xab\xbb\xee\xbc\x05zM)\xa3\xad\x9d&gt;{\xf8\xe9\x8d\xa5\xf5?\xdf\\\xff\x02&amp;!hT\x08\xc4ln4&gt;A7n\xec\xee^\xdfZy\xf4C\xb6\x98\x86V\xa75\x8a\xfb9j\x98\x04^\xdb\xaf\xe7\xc3\x9d\x1a\xab#7\xf0E\xb7\x06G\xb5\xea\xce\xa0\xda\xb1Y\xd7\n\x06\x8c^\xed\xee\rg\x89\xe7\xd7\x81\xc9\xaf\xd7q:X\x00\x07\xd6@\x99\xdfN\x8e\x0c\xc2\x12\xbet\xf3\xf4/\x0f\xff\xfb1\x84\xbf\xba\xfa\xc5*4\xcfTs\x8dVu\xe5v\x83\x97To`\x0cmn\xad\xfc\xf1u\xd6Q\xb6\t\xae\xac\xf1\xa4\x9fFQ\xe8\xb6\xdb\x1e\x0b\xd8\xd4\r[\x94\xac\xcb\xc6\x038ty8\x9cM\x07\x9a\x85\xc7\x95\xaa\x91\x1d\x1e\x8d\xfaP\x92\x1b\x10\x08\xe8\xf1\x89\xaa\xee\x06\x81\x0bm\xb9\xf8\xf6\x8a}\xd365\xe5h\xbay\xfc\xea\xcb\x87\xbf\xba\xc1\x8d\xea\x15\xa2\x11\xae\x90\x98\x97\x1b\xf0\xd3k\xbbw77\xb7\xb6\x96\xff\xfa\n\xa8,\xe1\xca\xb1~\xd2\x9d\xc7)\x8a\x07Pa\x92\x14\x07\x06\xdb\xab\xc6\x19\x02\x89sN"\x1e\xe2\x91^\x1bE\xe9l\x9cAb\x95\xd6\xf8b\x12\xb9.J\x85\xbb\xba\x0f\x8a\xeb\x84\xc6\x15\xd4\xbd \x04\xb6 \x8c.Z\xd8\xb2\x97F\x8b,\xf1\xee\xef\xf7~q\x9fS\x8f4\x01\xd5\xb5?\xad0m!\xe0\x80(\xac\xcf\xbe~\xd7\x14\xae(,\xabS\x9dB\xe6\xe0?d3\x16gL\xe1p#\xf6\x1dw\xb6\x98#\x00\x05\xbd\x1b-\xf4E\x9c\x9f\xecXZe\x9e\xe2\xfd\x01\x80\xb8P=\x14\xd2\x07g\xac#\x80\t]&lt;\\:\xad\x99\xc4e\x13\x96m\x19\xa7\xaf\x1f}\xf4\x1b\xd0\xb4\xb1\xc1\xb9\xc3\xfb\x8d\xdd\'\xd7\xaf?\x01\xa8\xb7\xbf~\xf1\xf4\xd5\xe9cN\x19\xe1\xcaq:\x07\x93\x08-\x9d$t\x88b\\\x93\xbc\xc4\xe1/b\xd7\xc8\x14\xfa\x10\xa1gg\x16\xc5x\xceh\xd0\xa9\xf8P9d\x04m\x13\x95Gl\x94\x98\x80rz\x11Y\x03\x00\x00\x03\xf2IDAT\xc9T\x00\xab\x08\xea\xfdqU\xa9Kp\x99N\xf6\xfe\xeb\x9f\x7f\x8cH\xf3\xe4rmo\xdf\x95\xeb\xc8\xfe\xf0\xcf\xa7\xef\xb3[\xce\xa2\x82\x8euk0\x8f\xd5J\xf3\xbc8jr\x86\xc8)\xca\xe8\xa0\xa648&lt;]\x7fP\x10V\x9c^t+\x145\x1b\xaf\xeds\x11\x96`q\xf1-\xf4\xf1\xae\xed\xd5\xbd\xe2\xe0\xdcVS\x0c\xcb\xd6:\xf6\xf1\xbb\xa7\xff^\xde\xdd\xde\xdc|\xbe\xb9\xbd\xbd\xfdb\x9b\x17/\x93\xac\xff\xbc?5nY\x8b\n\xb2\x0bO\xf2~L\x16\xf2I&gt;\x99f\x14\x15\xbbO\xa8\x17\xd9\x8bl\x8d\xeacs0KR&lt;3MO*k\xe5\xea\xc1\xaa\x88\x0b4\xd1D\xe9\xef\xa8\x1f\x88\xa3\xba\xc4\x00\xf7x~\xba\x92\x17\x12\x80c\xbcy\xf9\xfe\xed\xf3\xff\xf1\xea\xd7MY\xdb/\x9e\xbf\xfd\xee\xe5\x9b\xdfw\x1c\x85J\xe4\xee4\x87y\x9a`\x1c\xf6\xf3I\x1f\xd6\x0e\xb5\xd32u\xd5z8CSe\xbb*J*\xb0\xa2$M\xfa\x95\xb5\xde\xda\xda\x1d.\x85\x8c\xd8&lt;W\x94\x0eX\x80\xa6\x8c\x1e?\xdd\xe2\xb0\xe4\x9d\xf6%C\xc51\xb2\xd3\x97\xdf\xf1\xb2M.b:\xfe\xc6t\x04\x95X;\xb9\xaaM\xf3\x04\xef\x94\x82\xb1hr\x94\x19\xd4\x94\xad\x11\x13\xf0i\xfc\xcc\x84#\x11\x19\nF\xba3\x8b\x01\x0b\xb2O\x00\x8b~^B#\xb85\x98;\x05\xc6\x89\x18\x05 \xb0\xed\xbbj:\xce\xf6t\x01&amp;\x07\xd6\x18\x95\x80A\xfb\xe6\xcd\xf1\xbf\xf8_~N\x8f\xdf\x00\x93c]\xae\x12\xd5$\x89\xe1\xefI\xe8\xba\x93q\r/b\xe9jlEM\xc2\x8d&amp;\x93\x07\xf4#*\xb4\xe6(u\x8c\xd6H*=_8"\xb6^\x89\xacW\xca\x0c\x95\x83g\xd4\xe57\xe1\xac8\xa8j\x8a0\x11?\x8e\xc5Ju\x10\xa0\xd0I\xf8Q\xc6`\xb9)\xae\x9a\xd3I\x1a\xd3\xdb\xeba2\x19WKH\xb4\x07\x1a\xa9)\x93\x87\xeeeK\x1d\x9b#:\x08;\xb6\xd2\xf3\xfd\xb2v\xe2\n\xfe%q2{&lt;\xa9( \xb1\xc1\xe3\x08\xfel\xc9!J\xc7\xd7U\xf0\x14 f\x19\x9c\x04\x92Pe9\xad\xe1\xa4\x9f\xc0\x07\xebQ\xda\x9f\x8d\x9b5\xf90\x83&gt;JA\xc9\xc8\x91\xc1C\x0e\x91\xc9\r\x05+&amp;,A\x84F\xa4C\xd0\xd8=Oj\xba(\xea\x9d5\xfe]*\x8a\xd6\r1\xcdL\xed\x12\x17\xe7\xbde.\xb62%,S\xf1\x05\xaa\xac\xfd\x93I\x1aA\x0e\x10q&lt;\x1b\xb7Z\xad,#(\xd9\xfb\x9b\x92\x954S\xa2\x0c\xd5jT\xb5\xe6\x88\xf6\x10S[\xe4\x8a\xc6.o\x1e\xd0\xed\xc9\x19o\xa2\xb9\xdeZ\xa97\x99\xd9A\x18\x8f\xf6j\xa6\xae\xea\xc8\xf9\xba\xd8\xc1\xb0"\x8a7\xab\x94W\xa7y6\x9a\xf4\xa3 Jc\x14\xf0\xe2\xa0\xdb\xcaT\xf5ts\xf1\x129\x86\xd8\xa1\r\xa7G\x86\x19\xe1\x04\x92\x12\x16\xca\xc7iHkp\xcb\xa5\x9cT\xbe]\xf8~\xe0\xc1\xd6hm\xb0\xb1`2\x1c\xe8&lt;\x9c\x0c\xb4\xc5&gt;F\t\xc5\xfcQ\xef\x1d\xe3\xf0dV\x14\x93$\x0c\xfch&gt;\xddCNf\xebq|\xe1\xa5\n\x95\xcaJL\x11\xe2\xaev5\x1b%IX\xc2\x92\xc9\xcc\xccGk\x173u=\xb5\xf0;\xe7$\x94\x0f\xa7\x8f\x82:\xa7\xb6\xefF\xc9\xec\xa8\xab\x8bX5~T+\x9b7\xc2b\t\x17ve\xec\x0fgy\x8e\xcc\x8ds\xce\xa7;\xba\xec%\xe0R\x8c\n\xdc,\x9a\x96\xad\x82\xb8\xa1\x8cPvW\xd5\xd6H\x82u\x1a\x05\x15\x0fI\xd4\xa3%\x94\xb3\x07s9r\xd9\x89\xd0\x14\x1b\xf4\xd2n\x99\xbf\xf0\x10\xb3*L\xe7G\xfbY\x15\x9b\x02\x0e5S&gt;\x18\xb5JX\x16\xba\xb2\x86\x9cT\xd0B\xe1\xc2h\xdf\xb3Z\xf9\xb6\x86\xf8\xa7!\xa7\xa4\x11\x96\x84w\xfd\x12\x98\x91\x8d\x84\xab\xc8s\t\xab-,\xb9\x92\x1a\x04W\xc8\xcc\xe5+\xe9\x97^{\xe7\xc7\xc5&amp;H\x8a\xe1\xc1 \xe3\xc4\x854\xa4\x94\xb2\xbb\xb4\xab\xdc\nLGE\x1a\x85et\xe7h\xe6\x87Gx{\xe5\r|\xba\x82\xc2\xba3\xf1\x96;@\x83\t"\x85\x12}/\xfc?\xa1\x85i~\xc8\xb5}\x1b\x00\x00\x00\x00IEND\xaeB`\x82'</t>
        </is>
      </c>
      <c r="M368" s="3" t="n">
        <v>45492.67894675926</v>
      </c>
    </row>
    <row r="369">
      <c r="A369" t="n">
        <v>985766</v>
      </c>
      <c r="B369" t="n">
        <v>1966</v>
      </c>
      <c r="C369" t="inlineStr">
        <is>
          <t>Wesley</t>
        </is>
      </c>
      <c r="D369" t="inlineStr">
        <is>
          <t>Wesley</t>
        </is>
      </c>
      <c r="E369" t="inlineStr">
        <is>
          <t>PE</t>
        </is>
      </c>
      <c r="F369" t="inlineStr">
        <is>
          <t>ATA</t>
        </is>
      </c>
      <c r="G369" t="inlineStr">
        <is>
          <t>PE/PD</t>
        </is>
      </c>
      <c r="H369" t="n">
        <v>175</v>
      </c>
      <c r="I369" t="n">
        <v>21</v>
      </c>
      <c r="J369" s="2" t="n">
        <v>36248</v>
      </c>
      <c r="K369" t="inlineStr">
        <is>
          <t>Right</t>
        </is>
      </c>
      <c r="L36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212e10d-f919-4ee2-b79e-445ebc022f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\xaaLc\x00\x00\x02\xfaPLTE\xfd\xfe\xfe\xfe- \xfe\xfd\xff\xfe0!\xfd\xfd\xfc\xff\xfe\xff\xfe\xfe\xfd\xff\xff\xff\xfe\xfd\xfd\xff\xff\xfe\x1f\x17\x16\xfe\xff\xff\xa9eJ#\x17\x16\xb3qU)\x1a\x18\x1e\x14\x13\xaeiM\xa1aI\xb6tU\xaelP\xabhK\xa7cG\xfe+\x1c\x9e\\B\xe1\xe5\xf6\xa6fL\xe0\xe8\xf7\xaahN\xa0^E\x8bU@/%"\x99\\C\xfc\xfb\xfa#\x1b\x1a\xa4cI\x8fR=\x94YD\x95S=5+\'0\x1f\x1b\xb2mQ\xb5qP\xa5aE\xb1pR\xdf\xe7\xf3\x90XC\x97W@Z4)\x9d`H\xb2mMF,$I:0\x9c^Ed7*P@4P1(\xe4\xe9\xf9)!\x1d~N&gt;\xfd3(\xbawUl=/e?1\xfb\xf7\xf6\x91V@\xe6\xe9\xf4nD6\xaakQ\xb5vZ\x97`L6$\x1fuC3\x84J7\xe4\xe2\xed&gt;0)\xe0\xdd\xe9\x95\\H\x9bXB\x87N9_N&gt;yI9\x9bX&lt;\x9bdN\xe4\xe5\xf2G4+\x9a\\H\xa1`A\x8cO:\xfa&lt;.\x9ajZ&lt;*$\x85P?&gt;%\x1e\xf3E:WF7\xa5aH\x7fH9tK=\xadfH?4.\\;0\x8bN?\xa3lV\x8cYF\x19\x13\x11\xe9\xe5\xef\xbaz_|E4\xaacE\xe1\xe1\xe9X."\xe0\xe2\xee\xde\xdb\xe4\x98`HXH=\xbavYdC9\x86]Nr`O\xf9\xf3\xf2\xf8A4\xebG?\xf0\xd3\xdd\xf0OFO+!\xf3=3\x8f^K\xf7.$\xe6PK\x81p`\x98fS\xdd\xd4\xe1\xb9rR\xf3\xee\xec\x84VE\xc0|aS91\xe8\xdf\xe9lZKeTD\xc1\xb4\xaf{hU\x90gY\xaapY6\x1e\x1a\xbez[\xc1\x81f\xef\xdb\xe4\xa2hP\xa5^B\xec&lt;6\xfd\xff\xff\xb1iI\x90P8\xd7\xcc\xca\x8fPH\xe3\xdb\xd8\xed\xe8\xe6\x95P8\xf0\xe0\xeb\xf0\x9a\x9b\xa1o]\x90bR\xe8YU\xf15,\xf3\xb7\xbd\x97SLzUH\xe7\xe2\xdf\xf0\x91\x91\x84E0\xed\xe6\xf3\xea\xc0\xc7\xea\xc9\xd2\xa1Z&gt;H&gt;9\xc9im\xc6\xbc\xb8\xcc\xc4\xc2\x9a\x8d\x81\xf4\xb1\xb5\x9bqa\xe7\xd4\xe1\x8eI1\xf4\xc0\xc5\xe8\xe9\xf7\xb3\xa6\xa0\xf4\xa9\xac\xe9oo\xd9\xce\xdb\xe7ca\xdb\xd4\xd1\xf1\xa1\xa5\xa1\x96\x90\xf76(H#\x19\x92na\x88zp\xf0\\T\xac\xa0\x94\xeb|{\xb7\x9a\x95\xe9\xab\xaenNC\xe9\x84\x86\x85dX\xf2\x88\x87\xf5\xc8\xcb\xf1tp\xf4\xcd\xd5re^\x90\x84z\x8byd\xf1jc^QLeYU\xafVU\x97=?\xb0zd\xf7&amp;\x1b\xd1\xc8\xc5s:*\xa1\x85z\xb3\x87x\xe1\x91\x94}A-\xa5VQ\xc1bd\xab\x93\x86\xd5\xbd\xbb\x9bxp\xb8\xad\xa9\xe4\xb4\xb9\xe9\x1b\x14\xcf\xb5\xae\x94\x82i\xe0{z\xa7xf\x858+\xc6\xa6\x9d\xe5\x9c\xa2\xde\xa3\xa9\xfb\xea\xe8\xe3*#\xfa\xd4\xd2\xfa\xde\xdd\xb6]^\xdf]\\\x9fIH\xe0mm\xe5\xd6\xd0\xde@8\xd1\x87\x8a\\\xecO}\x00\x00 \x00IDATx\xda\xbc\x98\xcfO"y\x1a\xc6\x89\x01\xe4\x97\x8b\xda\xad1\xa6\xa5\xf8!\x16\x91\t\xfe\xa0\xb4L\x99n!=+\x9a\x8ac\xd9\x1d\xb4\x93\x1a\x83;\xe2\xc4\xceh6\xb1\xba\xa7\xb8\x98N\xd8H\xaf\xa1\xa8C\x1f6;md\x8f\xdbd\x0fK\x80\x1b\x17\xc3\x81p\x9a\x0b\x10\xbd\x98&gt;\x99x\xf0?\x98\xcb&gt;\xdfb\xec\xdd=l\xda\x06g\x9f(\xa8\x85\xd4\x87\xe7}\xbf\xcf\xf7\xad\xd2u\x7f\xa9t\x9a\x8cF\xe3\xed\xb3\xd1\xa8\xd7d2\x99\xf0\xa0\xd7\xe3\x88A\xa7\xeb\xc21\xf2\x82\xee\xb6\xa4k\xe7_t:C\x0b\xcb\xa8w\x11\x90P(\x95\xcb\xa6\xb2\xa7\xa7\xb9\\\xca\xa5\'\x87L&amp;\x9d\xd9\xac3w\xb7\xcb\xa5k\xcf-\xa3\xd1\x15r\x85\x12\xa9\xdc)x\xf0X\xa8\x94\x0b\x99\xebL\xa6P&lt;\xcd\xa6\x12!b\x9d\xeeV\xffG,}"\x95\xcd\xe5N\x8a\x99r9sY,\xd7Jj\xf2\xea\xea\xaaV*\xd5\xca\xb5L\xf1,\x97\x05Y\'\\w\xff\x1f\xb3\xd9l0\x18H\xdb@\xae\xec\xe9\xd9\xc9\xe5u\xb9T\xaa6\xaeJIUU\xd3\xf2\r\xd4l^}\xbc\xb9*\x17\x8a\xbf\xa4\xe0&amp;\xc8\xba\xbbPM\xe8\xb7\xc5j}|\xbd+\x94+f2\xb5\xd2M\xb2\x99L\xaa\xb2\xc4B1YM\xca\xf8n&amp;o&gt;^\xd5jE\x947\xa17\xe8\xda\xf3\xec\x8b\xb0\x8cF\xade\xf4\xe8\xf0\x93Z\xe9\xe3\xc7\x1b\x15\x1c\xaa\xc0\x06\x19V\x8c\n\xb1\x98 \xc4\x14\xf5\xe7fRm\xde\xa0\x9a\xd7\x85\xd3\x84\xe9?\x16\xedo\x85ela\xe9\x13\xb0\xaa\xfc\x11&gt;5UA\x91\t\xcaM\x13nEy\x86a\x04U\xfdY\x95\xd5f\xb3Y*529\xd4Q\xafE\xc6\x17r}\x91[@B$\xa4N\x0b\xe8\xed&amp;\xfa\tH\x82,\tI4\x95\x12\x83a,\xc3\xc02E\x85]I\x19\xd5\xac\x14r\t\xacX}\x8bJ\x87\xd6\xec6\xdc\'\xd6\xa7\x06\xd1\x13\xaaL\x03N\xc9iE\x10\x14EA\x19e\xfc\x0c,V\x06&amp;\x1bc\x059)+i)\xa6\xc8j#\x83(\xcb\xa6\\:4\xbf^ww\xaa/\xc5\xd2%rg\x99\x12\x98\xd2\x82\xc0\x12w$\xfc\x14\x93b\x0cz^@\xcb+B,\x8aJ\xe2\xf7(\x13S\x04\xa5\x8a\x0e\xbb&lt;\x03\x17QW\x17\xf1\xeb\xde\xb0n\x9d"\xc1\x90\xc3\xfak\xaaiA\x12\x84(\x1f\x8f\xd0y\x86\x17\xe4\x18\x13\x8f\x88\xa2\xa4\xc8i!\xadD""\x13\xe3E_$\x1a\x8bIr2Y\xaa\xd4N\x12&amp;\xfd\xbdcY\rZ\xbb\x9a\x90\xdc\xa1\xd4e\xa5t\xa3\xa2V,\x13\xe5y\x9a\xe3(\x8aGA\x19V\x89\x89\x0cL\x8b+R$B\xc7\xd3\n\x1b\xe3y\x9ea%!\x9dN62\xd8\x92\xf4\xb7\xdduOX\xd6\xae\x96U\xd8\x88C\xd9\x93L5\xd9\x94\x15\x055\xe2EpA\xe2\xf9\xc59+\x94nx:\x0eL&amp;\xcfS4\xa3 ]\xd3X\x97&lt;\x8b\xd8H7kg\xd9\x84\x8b\xf4\xbd\xe1\xae\xb9\xfay\xac\xae\xaeV\t\xb1\x03f/kU5Mz\x1dX"M\xc5\xe3y\x9e\x8f\xc7i:\xce\xd4\xa5\x08M\xbb-\x96x\x9e\xa6xV\x91bi%&amp;1|\x94\x84Y\xbaz]&lt;K\xe9uX\xc9:\xb3\xd5j\xbd\x07\xacO\xbd\xeeJ\x9d\x153\x95*\x9a\x1a\x99.\xb1\x8c\xe8\xe3\xdc\x14\x0c\xa2h\xae\xd7\xe2\xb6p=\xbd\x9c\xdb\xf2\xf2\xa5\x9bCay1\x12\x91$F\xca\x8bX\n\x84\xabQ\xce\x9c"\xc2\xb4]\xc8\xda}oXz\xf4\xfae\xb9\xd6\xa8c\xa5\xc5\x98h\x94ay\n\xd6\xb8\xdd\x14\xe7\x06\x8c\xc5b\xe9\x05\x12\xbe \x8b\x9b\xa3z_Z(\x8e\xa3i\x8aa\xa2X\xa3\x8a\xda@\x84\x85\xb4\xb7\xba\x17\xb7n\x17!\xba\xea\xbaTM\xa6\x05\xad\xd7\xe3L\x9cr\x13\x04x\xe3\xee\xed\xed\xb5\xf4\xf4p\x9c\xcf\xe7\xb3\xbb{\xc0\xe8v\xe3\x18\x01\xb5\xb8i\x14\x99\'\x86\xd5\xc1\x95u\x91=\xc2z\xa7\xf6\xba\x13\x96\xd1\x95=+V\xaaI5\x1dc\x998\xe9t\x1f\xbc\xb2\xf4\xd8}\x11"1\x18\r\x8a\xc1\xe0\xdcqT\x14E\x9f\x1dp s[`\x19\xfc\xa2EF@\x80\xc9\xd5Z1\xa5o\ra\xd6N\xb1\xacf2\x8a\x9a\xd0W\x85\n\xc6\x03RB\x9e\xa6(\x1a\xae\x00*\x02\x94\x9d\xc9\xc9\xd9\x9d\xd9\x85\x85\x85\xd9\xd9\xa7O\x17&amp;\xe7\xe6\xe6\x82\x9b\x9b@\x85w==\xc4L7\xc5\x0bi\x89p\x95\xcfR\xa1_w\xc7\xcf\x8e:\xff\x1b\xcb@\xd4\xf2*u\x92)7\xb48g\xa38\x11Gqv\xbbo387\xfbdiooouy\xd9\xf1\xab\xe6\xe7\x97\x9e\xcc\xceN\xfe\xf1pn\xee\xf0ps\xd3g\xe7PI\x8a9\x97\x04)\xad6j\'YW\x8b\xcbl5\xb7\xed\x96\xc1\x80X\x86W&amp;W\xb6Xi$e\t\x9bL&gt;O\xa3\xa59_d\xf3p\x12L\xffx\xf1~l\x02r:g\x86\x9e=\xc3\x93\xd3\x1b^]\xde\xdb[Z[[[z2y\xb8\x89\xe5J\xfc\xd2\x16\xa4\x9c\xac &amp;\xb4\\5\x1b;qK\x8b,\x93)A\xb6\xc1\xb4\xc4\xe0\xcd\x81\x85\xe2iF\xed-\xbfx\xff\xb7g\xb7\xda\x18z\xf6\xcf\r\xe8\xd9\xd8{(\xec$\x84\xabK\xb3\x87\xc41\xe4+vOV\x92\xab\x98\xc0@e\xed\x10K\xebP\x98U(7d\xacA6\x8f\x05\xe8\xb6o\xce\x11\xa3\x96W\xdf\x83fhh\xe3\xbf\x05\xd3\xc6\xc6@\t\xcd8G\xff\xf0d2\xe8C\x92\xd1q\xac^FH\xd6.\xb3\xd8\xb5\x11\xab\xc6\xcf\xecBw\xc1:\xa94\xea\xa0\x92\xce\xf3\x9c\xc5\xed\x0bN&gt;][\xfd\xfe\xc5(9;N\xef\xf7\xfb\x07\xa1}"\x8d\x0b\x9ai\xc1:\'F\x97\x97f\xe7"v\x8e\x90EYIm %\xb4\xcd\xb1C,#\x19F\x8b\x8dz\x9a\xe5\xe3R=o\xe9\xb5\x07g\xd7\xbeu\x8c\x8e\x86\xc3\x13\x13\xb0\nH\xb6\xed\x81\xc1\x01\xa2\xed}\xe0\xf97\xfc\x84\xc8\xef\xf1{6\x86&amp;\xc2\x8eU\x18F:\x0c\x19\xc6\xb3\xe9d\xed4\xd4\xfa\xacmcad#\x17\xc6zW\xf6\xba\x91\x16\x18\x9a\xceKt\xaf}sg\xde\x11\x0e\x87\xbd\xce\x89\x89o\x86F\x06\xf7m\x04\xc8\xd6\xc2\xda\xb6\xd9\x06\xe1\xdd\x06\x81\x05\xdf\xc8\x903\x10v8V\x97v\x82\xbe\x9e^7\x17\x01WU\x9b\xa3\xb5Y\xa2\x83\x80 n\xb9r\xd7U\x85\xc5~LS==\x9b\x0bo\x03^o\xc0\x8b\x8e\x06\x95\x8dh@\xfb\xda\xde\xdf\x06\xd6&gt;\xb0 \x0f\xa8\xfc#CCNo\xc01\xeap\xac-\x88vd\x18%\xb2B\xbdr\x99\xea\x0c\xab\xfb\xdfX\xc9s\x06\x83\x02g\xef\x89\xec|\x1b\xf0NxA5332\xe2\xb1\x91\xae"P\xa4\xb9\xb6\xf7\xf7\t\x8d\x9f&lt;\x0c\x02\xd7\x03\xb7\xbc\xde0\xca\xed\x98\xdf\xd9\xb4cA"\xef\xe5j&amp;e\xd2\x06\xc2\xf6S\x1e\\\x04\xeb\xb4R\x97\xf2|&gt;\xee\xb6G\x8e\x9f:\xc0\xb4\xbeN\xa0\xfa\xb7&lt;6\xdb\x16\x00\x1e\xa1t\x83\xdb}\x04k_k\xff-\xb0&gt;\x1a\x1e\xee\x1fAH\x04\xc2\xe1@`\xf7\xc3d\xc4\x0e\xbbxI\xa9\x97\xb3\x1aV\x97\xb53,c\xe8\xa4T\x97\x18\x1fMqT\xf4\xf5w\xbb+\xdeu`\x81\xaa\xdf3\xfc\xe8\xd1\xa3aPm\x8d\xf8m}\xd0\xb6VT0\xc1)\xcfp\x7f\x7f\xff\x0c\xec\n@\xbbo\xbf\x0bF\x90\xc2&lt;\x13\x935,2H\xb4\x8d\xa5]\xb0b!\x96.\xf2&lt;\x87"\x00\xeb\xc3\x9b\x95\xc5\xc5\x15\xb8E\xa8\x86\xc1\x85\x87\xe1-\xff\x96\xad\xef\xe1\xf4t__\xab\x9e\xb6a\xcf\xd4\x14\xa8\xfa\xa7\xd65,\xc7\xee\xee\x87c\x91"q\xcf^\xd4r\xe4\xfa\xcc\xdc6\x96v\xcb\x01\x17\xac\x89BR\x8aSdj\x07\xd6\xfc\x9b\xc5\x83\xc5\xc5\xc5\xf5u\xed\xb4-y&lt;\xa8\xe6@\x9f&amp;\xb2\x16\x07\x07=S\xeb+x\xc5\xd4\x14\xb8\xe0\xd5\xee\xee\x9b\xb7;\x1a\x16\xcd\x9c\x97\xcep\xddh\xd6u\x88\x854-\xd4\xe3\xa4\x82\x98Q\xa2\x0b\xf3\x8b\x8b\x07\x07\x04k\x1dV\xack\xe5\x04\x18\x9a\x89\x04\x98V\xc2-$\xc3Lx\xd4\x11^!\x87\xff\xde*\xe2\x9b\x1f_\x8b\xda\'\x8bK\x8d\xa2v3\xa7\x13,#\x99 \\\xc5\x0b`A\xb48\xb7@\xdc:8\xd0\x80V\xbc\xde\xb1\xb1o\x86\xb4&amp;\x1f\xdc\xf8\x0bY\x83\xfe\xad-&lt;!\xe8\xbda\xc7\xf7\x81\x95\x15\xbc$\x8c\xe8\xd2\xb0\x82\x14&gt;\x1aE\x9f\x97.CZ\x11\xbb\xdb\xc72\x1b\xc8\xdd\x19\xcd-(\x1e=&amp;X\xe0\x82Q^\x9c\xd2;61\xe4\x19\x18@b\x91l\x80c\x1a\x1b\x92b\xd0\xd3Of\x89\xb0\xb7\xd5\xf1\x81\xc0\n\xb0"\x84\x8b\xbe\x00\x96\xae\xc3\xde\x82[f}\xe8\xfa"N\x91\x122\x9f\xb0\xd6\x89\x0f\xde\t\'\xac\x1a\x98ni[\x13\x08\x7f\xfa\x89\xfc\xfap\xa0\xdf9\x86-\xaaE\x15\xd8\x05V\xeb\xa3\xd5\xd1[\x08\x08kw\xfbn\xe9\xc8=\xb6\xbf\x86jy2\x90\xd2\x98\x01\x8e\x9f\xbe\x05\xd6\x8aV\x1d$\xaag\xa0ozz\xfc\xc1\xe3\xa3\xf1\xf1\xe9i\x82\xa31\x1d\x1d=\x1e\xc7\x1f\x06&lt;3\x13\xa3\x88\xf8\x00^\xabaE\xc8\x9b\xc4\xcf+9\x93\xce`\xed\x0c\x8b(T\x06\x16\xcd\xd3|\xf4xg~\xf19\xa1B\x1cy\x9dS\xc3\x0f\xbfz\xf0\xea\xd5\xabw\xef\x1e\x03\x8cpA\xd3\xe3G\x8f\x89\x8e\x8e\xbe\xfazx\xc4\x89\xbd\xda\x11\x08x\x03X\x89A\\W\x02\xeb\xa2@\xeeyu\x80e\xc5dK\xc8\xf4\xc5s\x9aP\xa1\xb5^\xff\xf8\xa7\xe7\xcf\x0fH\x01\t\xd5\xd7\xbf\xfb\xfd\x0f?\xfc\x19\x02\x18\xe1\x9a&amp;\xa6\x8d\xbf{\xa7\xfd\xe5\xc1\xbfX5\xa3\xd0\xb4\xd2,\x8e\x87\x90\xa4fs\xb1\xa8W\xb9\x88ZS\x13\x93\xdbHR\xd3\x9a\x84\x91&amp;\x19\xbc\xba\x91!f\xa3\xa4\r\xb7\x81\xaaI\xaa`B\xc1\x1a\xdb\x97A\xa8\xb4F:S\x9d\x04%Mw*\xe8\x8b\x83\x0c\x86\xce Ba\x19J\rK\x10_\xda\xa1\x810\x99\x10\x98\xf6!0\t\x0c\xccK_\xf6\xff\xddd\xbao\xdb%\xf6\xc3\xe4AD~\xfe\xcf\xf9\xcew\xfe\xe7\xbb2\x83\\q\x8d\xd1\x82\xcb\xdf\x1b!XS$C\xbb\xb6\x7f\x19\x15\xb5\xd6\xd3\xcb\xc3\xd0\xad\xb5\x11\xac\x07\xaf\x89o\x9e\x9bB\x8d\x07\x15\xe4\xea\xec\x1c\x0f\xea\x94\x9c\x01T\xab\xc2\x02FH&amp;\x93\xdd\xc7\n-/\x937\x02\x01\xab\x0cz\xe9\x8c\xda^pE"ao|\xea2I\xd1\xed\'M\rk\x9f\x00\x0b\xcd\xf7\xbf\xb0\x15\xe7\xfe\x12\x8bD\xd1\xe6J\xf9\x92\xc9\xdf\xb1v\xf6\xf6\xf6N\xd0\x02+\xa0[!P\xab;\xc2\xfa=\xe9\xf3\xa5\\\xc1\x13\xae\xa5\xf8e\x98\xa6\xaeW\xdf\xb5\xd4\xd74\x7fPK\xf4\xe0\xc5\x06\xf2}P\x10\x0b\x1b\x11T6\x7f,\x1c\xceW\xc9\xf2\x86\xf9\xec\x8e\x80\xb5\xbc*(\xb5\x9a\x8d\xe4\xc2\xf9\xb0\xb0r9\x1c\n\xe3\xa8\xf2\x91\\~~\n\xfer\xe3\xf9h\x9d\x16\x03i\xd9v\xe6\xb8k\xfe\xe5\xcd\xdc\xdc\xe5\x1bK\xb1h\nZ\x05]\xd1\xb0wi\xe9\xc6`\x1c\xae\x7f\xear|&gt;\x1f\x8e\x82\x0b\x19E\xfe\x96Ww"U(35\x87zrc\xa9\xea%%\xc5\x1f\xc9\xe5\xc2\xf3q\xb4\x92\xdb?\tC\xe1\xfa\x82\x88%X\xfd\xa7\x9bs\x1b\x837\x96r&lt;\xb0l\xaeh\xce2?\x1f\x8f\xc7\t\x14\xb0\xe2\xd5|,\x15\x00R \x10\n\xac\x04\x02\xc9p\x15\xc2\\\xef\xbaN&amp;MC\xf3\x96\x08\xc4\x05V\xae\x8a\xee\xa8\xeb\xf5\x03a\x00\xf7\xd1A\xfd\xff\xe8 &gt;`5\x8c\xfe\x08;u\xc3B\xb0\\Q\xdeo\x19\x18\xa9\xe6\xcd^o\xbe\xba\xb4\x04?=29\x93\xb2\x06VB!\xabL\x16\xb2Z}~\xafe\x1e\xeez\xe8\xcbKp\xdd#\xb1\xa8\xc6\x1f\x05U\xa2z{pn\xe3\x19\xf1\xfb\xcdd\x10\xd1z\xea\xc6\xe6\xbfW)\xcf7\x06o\xff\xa3J\xb0\xa2|dxx2\x16\x89\xbal\xa8\x15\x9a\x99\x99\x99\t\xbb\xa6\xd7H\x03I,6\x88\xc5,\'\x1d\xf7\xcfL\x92e\x8e\x99\xf3\xf8`\xd4k\t\'\xb0\xf2\xb0\xe4\xdb\xdf\x91\x10\x9e\xf9\xf8\xd8\xe6\xff\x18\x8d\x9ciX\xfb\xfa6\xa8\xf2\t&gt;\xe5\xf3E\xcdf?\xd9\x89\xbe$\xa7\x12\n\xf9t\xc7\xe7Z)\'\xc62\xb0,\x0e\x1d\x93\xf6s\x9c:\x9d\xda z\x1fl\\W\xc4&lt;\xe2M\xf0\x89J\x18rm\xde\xfd\x80\xd5V\xbfZ\r?l\x7fU\xcd\xe7y\x9e\xf7\xf1\xb6\x88\xcbe\xd4\xa9\x92\xc9$\x97\xba\xda\xa9\x99\x98\x98X_\xef3)9\xb6_B&lt;P\x0f\\\xd8\xfa\xf4\xc4\xb4\xa6\xb73hL\xa5HC8&gt;\x89\xddZ\xa9\xd4\xaa_\xbdyq&lt;\xe3\xaa\x17\xab\xf5\x18k\xed\xa7W\x0f\xf3w\xc2\xa0\xca\xfaP\x8bHW\x9a\x1a\x8fy-\x17\xe7GF\x86w\x0b\xd3z\xa7Zn`%r\x05\xe5f\xf4\xd3\xf6\x85\xb1a\x92r\xde|\xd8\xdf\x1b\x94\xaaM\xbd\xb1X\xa2T\xa9=|\xb8\xfd|\xf4X~\x94\x9eSc\xb5\xb5~\x98P&gt;\xdd\xac\xd5j\x89\x12\x8f\xd0\xa58\xb4\xc9F\x8dw\xe4R\xf7\xd9\xbf\x9d\xbd\x1c\xbf8\xb0k\xd7;\xd4r\x9a\x95(\xd4n\xb5s\xdd\xbe0|qh\xe8\x8b\xee\xb3\xdd\xd7\xe7\xab\xde\xb1i\x93V;\x1e\x89V*\x89\xda\x9dW\xcf\xda\x89\xd3o\xc4\x0fm\xfc\x04XMw_\xe0[\x81\x95E\xe8\xe4\nepaxh\xee\xb3\xaes\xe77\xb6\xef\xc5/\x8e\xdd\xd4;\x99\x1ejv6\xcd8\xf4\xeb\x85\xc2\xc2\xf0\xad\xa17\x1bs]\xe7\xcf\x9d\xff"&gt;\xb2;\xa1\xed\x1cwE\x13\x95Z\xed\xd1\xe6\xb7\x1f.?O\x8d\xd5\x06,\xe1\xea\t\xaf\xd1\xaf\xdfU\x12\xa5,\x9f\xf5\xa5T\x14\xa5\xee\x18\xbbu{\xf3\xf6\xb9\xcf\xce\x9f\xdb~\xf1\xc829\xd3\x01\xae4\x19B\x14Ae\x9f\x19\x1bx\xf8\xfa\r\xa0q\x02\x0e\xbe\x1c^\xe8\xd0j]\xd1(\x9f\xa8=\xfa\xf1\xa9`][\xeb\xc5j\x125\n\xd75\xedO\xdeU*\xc0\xf2\xa5R\x9c\x9c2v\x8c\rWk\x0f\xafwwO\xdd\xfb9\xef5\xdb\xa7\xf5zgq\x11}M:\x03,\xcf\x98%\xff\xf3\xab\xebg\xbb\xff\xfef\xf3\xce\xc5[\xc0b\x8c(,\x95\xca\xbd\x7f?\xbdK\xee\r\x9aE\xcdub\xb5\x10,\xd1\xe8\xe8\xfb_+\xa5\x12\xb2=\xa5\xe4h\x95\xee\xaaf&amp;\x86\x8c\x1f\x18\xb0\x98\xbdc\x9e\x19\xec\xc5r\xc6\xb9\x88\x96kQ_\xd8/\xd8\'\'-\xde\xfc\xd2\x97\x97\x96jy\xafe\xcc\xd3\xa15\x1dc\xd5~\xdd\xdaz\x8f3\xb1\x99T\xd4\xd6z\x82\x88&amp;\xa4\xa9\xe9\xc1\xb3\xdf\xb6\xdeU\xde\x95\xb2\xa0Rq\x9cJ\t\xabe\x1b\x87\xff\xbbi\xb7\xdb\x17\xc8\xf8\xad\\\xce\x10\xb5f\x17\x9d\x85\xfd}\xbb\xc7\xb3\xb0\xe0!\x055\x16\xf3\xfb{I\xa50\xda\x08V\x0c\x07\xc3\xbb\xf7"\x91\x90\xb3\xadut\xa7-\xe8\xe5\x9b\xda\xdf&amp;bd\x8b\x97\xb2\xae\x141\xac:\x9d`\x98\xc9pr}\xba\x80U\x06\x95\xb3\x98F\'\x9fv\x96\xc1\xb5\xbf\xbf\x00\xde\t\xd4\xd9N\xb82\xed\xd5\xa0\xd1\x14\x8c\xf2|\xc2\xec\x99\xb8\x199h\x17\xb5\xac5\x9c\xbe\x838i\x9a\xe1_\xb7\xe0\x0bm\xd1R\x89\'j)\x81\xa5s\xbb\xf1\xaf\x87\x11&amp;\x92`\xcad\x9c\xe9t\x1a\xfe"\xed\xcc\x08\\\x05(\x08\xb3F\xcc\xb7\xd4h2\x01\x0bQ\xcci:\xf4\xe5\xc2Q;\xb9\xc0\xad\x0fK$\x8cN\x7f\xd3\xeb\x94)\xbe\x94%\x85\x14\x85\x9c,2\x9ca\x18F\xdf\xe7\xd0C\xa8b1\x9d\x86ZHyg\x06\x98\xf6\x02\x94\x02\x95\x1a\xec:\xfc\n\xb5\xc98\x8e(\xf2\xe3&amp;uy\xff\x80\\\xc6\xe2u\xdaA\x122\x8b\x1c\xf7M\xa2\xd1\xad2\xc5\xa9|Y\x82%\x97\xd3\xc2\x80mV\xb1\xb8\x98V3NG\xd1\xe1\xa6\xe0\x0f\xd3\xc5\xbf\xb02\x99\xf5\x8e\xf5\xf5\x0e=\x99\xca\xf5\xf4\xe8\xc8\xa4\x02\\A\x82\xe5\x92\xba3\xe5\xb7\xa2\xe3;\xe2:\xb0ZD\xc25\xf0\x91Se\xe0\x08\x96\x8fS\xd1\x06\xc1\xe4H\x1e\x83\xcc\xcd8\x18\xb7DBA8\xe7I\x81 X\x19 \xf5\xc1\xd92j\xb7[\x81\x83JII\x83$\x88\xa5\xa8T\xcd\xf4=\x11\x91\xe9\xa9\xa8\x1e,\x14\xd35|\xc5\x81JAs\xd9\x12\xb88\xce`\xb8p\xbcP\r\xd2\x0c\xa3\x90HT\x94\x02Z\x81\no.\x16!V\x86\x08\xe5p:\x197\x19^\xe2\x03r\x85\xa9\xd3&amp;`\xe1\xfd\xb7\xe4!\xa1z\xd4j&gt;\xb9\ti?H\xb2\x12\xe51\x16\xac\xa1,t\x05\xf6\x10\x0elv\xb1\x87\x92\x90\x11\x97T\x8d\x10&gt;&amp;\xbeG\x90\x8b$\xbbZ\xcd\xe0=\x85\x84\xa6\xd1\xecH\xe4R\x18\x00\xbe\x12u\xa4u\xd2\xb7\x82Vu\xe5\x96\xf0\xd0\x91h\xf4\xc8\xc0\x16\xf5$\xe5\t\x96\x15~\x15\xa65t\xff&gt;Z\x99Y2&lt;R\x1a\xe1\xfa\x1f\xb3\xa0\xea\x7f\x8c\xbd\xa8\x87Zj\xb5\x9a\x0cq(\t{Al0\xd0*\xa5+\xe8\xe2K\x9a\x02\xa3L~\xdfD\xce\xeazvb\xeb\xf1\xb3Pw\x8f\xc4\x12\xa7\x93\x1c\x88&gt;\xc4\xd0\n\'\x88\x96}y\x85\x08\x06(\x95D\x05]$\xf7\t(P)\xa6/\xd3\x07\xb1\xae!\xbcr\tK\xbaC\x9a\x96\x13\xac,?q\x98qs\xdf\xe3\xf4i\xac\xbfn\x89\x9a\xfe\xdcc\x17{\xd8d\x82\x17\xb0\x10\xc0\x00Y\xcb!1\xcb\xb2\xc0R-\xa6\x17%\xec\xca\xea2\x1bZY\x0e\x18tH\x7f`\xb9{\x14\x02\x95L\xcc\xd2hc\x8dF\x17\xcf\xf7\x1e\x96\xf5R\x14\x88O\x80\xd5"jz\xbf3\xdb\xc3\xca\x80\x95M\x01Kl\x15\x8b\x05\xae\x90L\xe0R*)\xb8|\xf1\x8a\xe0\xad\x97W\xc5\xd8\x01\x0c\xd9\x84\n\x8a\x92\xd3\xd0\x8aP)uR`E\x8c\x99\xc3\xb2\xe3\xa8\xbd\xbe \xb6\t\xfd\x169{\xb8b\x8fL\xec\xcb%\xb2&gt;\x1a&amp;Bf\xa0\xad;\x01k\x08x\x10K\xa2\xa0\xc4\xa1\x10\xcb\xca\x88\xa7\xbe\x12\x92\xa9\xa8\xd9~\x8aq\xaa{\xdc\x14\xa5\xa2iZ\x85CTI\xc6\xbb\xc0\x92J\x0f\x0b\xfa\xad\xd1\xfa\xb0\x1a\x85\xa7\xfb\x80u\xa0\xce\x14e\x17\x92\xb9\x1aO\xb0dV\xa4}\xc0*\xb6Z\x89Z\x12\xca-\x0f\xc9\xb4cf\x978t\xe5\xfe\x15\x19g\xec\xd4r,\x850\xbaU*lB\x9aSr\x802\xc2l$\xfcJ\xe5\xe1\xe1\xfa\xd6hKs#9lO\xab\x16\xc1j\x11\xaai\xb9\xdc\x7f%\x19\x0eG\xb1\x13i\x12Dk  \x16\xd2\x86`)\xc4}\xb7\xbe\xf9\xe6\xe5\xaeQ\xde\xcfJ\'o\xbd|\xb9@Q\x8cC\xed\xa6$B\x04Q\xe5\xa5&amp;\xa3Q\x1aMD8\xed\xeeay\xab\x9d`5\xd4\x85%\xdcb\x1c\\\xcd\x94\xaf-\xef\x84\xf3a\x94S\xda@\xc8\xa0\x96\x98\x16\xcbX\xc9\xac"\xcd\xb8\xa7w\x07\x06\x06\x86=z\x87v\x0cT/w\x9dj\x87\x83\xa8E\xb3\x06\x8e\\\x1b\x10\xac`4\x1c\xe5\xd0j\xf4\x1e\xb4\xb74\x88\xea\xc0jlD\x91\xc7\xf1\xd3\xfedo\xe7\x1a\xb3\x12\xc8y\xc3\t4\x81\x06\x95\x12`\x06HE\n\x84\x9cr\xab3\x85\xc3i[j\xdc\xee),x\xfc\xff\xf4\xec\xee\x162\xe4&gt;H\x85r\x85\xbcB\xb6K\x8dA\xa3-\x97\xe7\x8deyr\xef[\xe1\xf8\xff\xd8P\xf7cX\xcd\x8dM\x7f\x1c\xed\x85f\xfb/\xb8\xbc\xf9\x9c\xd0\x9c\x92L6X\xc52\x99P (E\xb1\\(\xdc\xd4h43\xf6\x19\xb3\xd9\xb3\xbf\xbb_\xd6\xa3y\xc0\xa7T\'\xdd\x19Z\x9b\xa0-\xf7\x1fZ\xce7\xb4\x894\x8f\xe3!4u\x926&amp;[\\(\xd2N\x93n\xd2\x8b\xeb\x92N\x19;7t`\xc60\xbbf\x8a$q\x90v\x83\x9d\xa0\x13\xc8l\xcau\t\xf4HW8\x82\xb0\x0b\r\xe1\xce\xd3\xc0\xed\xe1][_\x9c/\xe2qoV\x0f\x84{\'\xd2\x95C\x96}\xe3\x0b\xb5\x8b\xa5XW=\xe4T\xd8\x17"rp\xdf\xdf3\xd1Ww\xe8\xd5\xb9G6\xc2\xa2\xe6\xe3\xf7\xf7{~\x7f\x9e\xe7\xf7\xa8\x1c\x1d\xfc\xf4\x93\xad\x07t\xfd\xda\x8b\xa2\xb7\xef]\\\x9eFk\xe2/\xb7~\xf1\x87\xfd\x9f\x0f\x94\xcbKG\xf1\xf7G\xba\xde\xf3\xd1\xbeO\xe0\xf2\x845\xc4:V\xc7\x90$CQ\x14\xa9\x06c\x16A\xb5\x7f/\xc4\xda\x83_KT(\xb7r\xa7\x9aJnx\xe8\x87\x1b?\xc5\x19\xd6\x9b\xce)\xdf\x88\x15\xe0z\xce?;\xdb\x7f\xa2\x7fB\xaf/]8\xda\x95\x8b\x85\xaf}t\x99\xf2\xf9\xfe\xc1\xbcc\xd4\x04\xfc\xa8I\xc2\xfazCR\x12\xe3\x93H&lt;\xc8\x96\xf0\xaca\xd8p`2w\xaaZ\xd6\xd3\x93{\x7fx\xc0\xee\nz};\xc7\xa2\xd3\x1a\x86\xe5;\xf9\xf8I\xff\x9e}\x13Z\xe5\xe2R\xf2kl\xc6\xa1=\xefw\xb1\xfa\xfbO\x0c\x0c\x8fO\xab\xb5\xf5F\rH5\xa9\xb6^Z\x17\x0c+3\xf8\xfb\x13\xfd\xa8i\\\x0bNL\xe6\xaa\x17\xebz26\xb0\xf5g\xea\xc8\xd8e\xf3;\x1a\x91n\x0c\xd6\xb6\xce\xee\xfep`\xa9\xfe]\xb3\xba\xf8\xb5k\xc5\xdd\xbb?D\x1b\xbd\xf7\x83\xc94\xda\xc2Z\xa3\x01\xebI5\x03\x9d+\xf4\xaa\xc1\x90\xc8\x8b\x03,\x8cNb\xc5\x92\xcd\xef\xea\xca\xf0\xf0g\xcf\xd8\x95p\x00m\xde;a\xd1]7M\xd8&lt;~r\xf6\xbd?\xdd8r\xa4\xd9\xe4\x8f~&lt;\xf4&gt;\xca\x95\x8f\xdeCc\xf6\xc1\x04\r\x15H\xb5ZM5\xac\xd5Ug\xb5\xb3\xaa\xe8\x80\xacI\x86]\xc8$\'\xd9-\xd9\x04\xa8\xf8\x8b\xc0:\xfa\xd9\xd6\x1a;\xde\xf2\xb3\x9d\xb8\xe3Ka\xc4\x97\x1e\xae\x97\xf6\xf3\xf2\xe3\xad\xad\xc7+\xb7\x8f+\xcdfzb/a\xc1\xd9?\x98\\\xb4lU\x12T\xc3\x04Sg\xb5\x83\x85\x8f\xaaA\x9ch!\xf9\xe4\x04\x99p2\x16K[\x17\xebG\x1en={\x89\xae\xa7[\xc4\xbd\x1b\x96\x8f\xb0\x024}\xb7|p\xf9\xfaq]9\xc5g\x06\x10\xb8\xf6\xec\x1b\xda;\x99VT\rq\xd4\xca\xe5Viu\xb6;\xec\xe7U\xb0\xd6j\x82j\xf2\xb3\xb1d&amp;\xb9\x98\x84X\xe5\xca\xafW\x96\x11\x1b^A\xed&lt;\xf9\x00\x8c\x9dr\xd2D\x0b\x9b\xcd\x8d_k\xd5\xcbM\x1e\xcd\xe8\xc7CC(\xfe\n\xa6&amp;\x08\x1a\xac\xe78L)\xc2"0\xcb\x82\x88\xd8\x99\x92\x99N\xa6\xf9j\x9a\xe7\x95r\xbdu\xf3&lt;\x07\xa9\x82\x81@\xd0G\xd7\xba;&gt;;\r\x04\xdc\xe9\xbbW\xe76\\\xcf\xa3\xe3u\xadl\x1dZLN\xa0\x9b\x19\xc8-\x90\x01M\xcb^\xb0!\xd4\xf6\xf6\x8b\xed;\xdb/^lw:\x8em\xdb\xbaV\xa9\xd44\x8b\xae{\x10g\x9b\xe5\xfa\x81\xeb\xf0v\n\xa3\xc1\xeeA\xf3;\xa8\x15\xe8\xa3\xb3W\xf8\xa8\xff\x1c\xed\xca\x95[\x15\x81\xee\xc8\xd2\x99E\xb82\xaf\xaa\x1a\xdc\xcaP\x17V;/\x00\xb4\xb1\xb1\xf1b\x83&gt;aDU\x07WC0y`Y\xb6R.W\x0e\\\x8bs}\xbd\xc1\xb7\x9d\x06\x7f\x9b\xb9S\xc2\x02\x97o\xedf\xbd\xa2\xe9\n\xfe\xfe\xe9\xc5\x89E\x05\xdfm\xa8\x12\xc2\xa7\xb3\xc1\xd6\xd3\xa7\xec\xe3\xe9\x86\xad6j\x9a\xae\xc9\x14\xc0`A\xa3\xac\xd7[?\xbf\xdcCs\x94\xdeMRv\xb1\x10\\\xd7\xbe&lt;\xde\x12*\xe5\xa6\xc5\xf3\x99XN\xd1tC1\xd5Z\xb9\x03\x99\xb6\xef&lt;\x7f~\xc7]/6\x1c\xa5\xd6\xd0tI\x16t\x18\xd00M\xad^\x9f\xb9\xbdF/%\xbc\xc7\xf2\xd3Q\xe5\x01\x19r\x95\xcd\xa6e%y]\xd2\r\xcbj\xdav\x07L\xf7/]\xbat\xff\xfe%\xfcx\xfe|\xbbc\xab:`\x04Y\xb7,\x13\x9aVZ\xad\x99\xeb\xe79\xef\xd5zuT\xd9\x9a\xa9\xd4\xeb\xf0{S\xa9*\x9a \x19|\x95G`\x00\x15\xb0\xfey\x89\xad\xfb\xcf\xef\xac\xda\xa8$LU\x10t\xc5,k\x9a&amp;\x8b\xe2\xcc\xdf\xe9\xae\xc7c,vf\xc0\xf5\x1c&lt;\xfdKq\xa6R\xa9\x08u\xbd\xac\xe8\xc0\x82Kg\x12\x99\xce6\x13\x0bD\xf4Aj\xadZ\xf6\xb4\xa2\x0b08\x9c\xbd%\x8b3\x87\xbf\xb9\x1c\xf7y\xae\x96\xcf\xcdC\xf1\xbf\xde\x12\xc5V\xab%\xcbB\xa5^\x91e\xc9N\x8c\xc7\xc6\x18\x17\xb3\xe1}2\xe3\xfd\xedN\xc2)\x14x\xde\x94\x10\xd5\xf4:Iux\xee&amp;r\xb4\x7fW\xe0\xad\x9fd\xbc\xb5Zd\xc5\xbb\xbf\x99\x9b;|xF\x04\\\x05X\x82\xc1\xc7&gt;\x1d\x1cK$\x12p\xaf\xee\xda\x9e\x1dw\xa6\x17\xa6\xf9$oj\x8d\xee\xccg6{\xf8\xdaI\x1f\x17x\xf3\x9c\xc1\xff\x84\x15\xec&gt;W\xe9Y\xf9b&amp;;2\x92\x9d\x13\xe9\x92\tXzubx8\x96\xa0!E{as\xd3\xd84h\xb2\xf2\xde\xc2t\x91\xe7\xe1|\xf2\xdc\\\tL#S#\xdf&lt;\x8a\xfb\xe8p\xd2[\xacn\x7f\xcd\xad}\xd9\xca\xa6F\xa6Rs\x87\xe7J%\xb1%\x0bf2688\x9e\x99\xdedS\x9d\rdhU\xdd\xbc\xf7\x17\x98\xb0\xd0,\x0b"\t\x95\x9a\x1a\x8d\x8c\xdc\xba\x8b\xdfN1\xd9\x1f\xf0\x16\x8b5\x06\xe7\x1f\xd6i\xa0n\n\x82\xb5\xb3\xe2\x8c\xd8P\xf9d&gt;\x9f\x1f+.t\xb1T\xd5\xa0a\xc6"o)\xa6.\x88P*\x15\t\x87\xa7Fn\xad\xf4\xb0\xbc\xea\xf7\x10+\xf8\x1ak\xf9\xc7\x8brvjt4\x1cI\xa5"4.\xac)Vbll,Q\\@\xbc\x17$6`Y,\x16\xa6\x11!4\x88\x15\x89D\xc2!\x1a\x88\xbdu\x95\xfe\x84s~o\xb1\xfa\xa8\xc0\xe9\xe5\xb8\x937\x96\xea\xa5\xa9\xd1P(\x1c\x8eDR\xd9\x92\x88ZK\xe1\x13\x89b\xc16`\xc7\xcd\xcd\xcd{\xf7\xe0W\x96i\x96uA.\xa5\x08j&gt;\xfa\x7f\xc3\n\xf6\xbaX\x07o,\x95E\x9a\xb2\x1e\r\x8fN\xa5R\xd9\xb6XQm&gt;\x9dFD\x98^\xb0\xe9\x90\x1e\xff\x01\xcb\xd0*\xb2\x98%\xa9\xa2\x845\xf5\xb3\xdb\xaf\xb0\x02^bQ\xf1\x06,\xf4\xfd\xa7\x149\x1b\x81\x15\xc3\xa3\xa3L/A\xb7\xd2\xb9C\xb9d.\xc7\'gsi\x87G\xbd\xd0T`Ph\x15\x0e\x93\x05\xe7C\xe1\x919\x96\x11}o&gt;\xc9\xdd\x01\x16;\xae&lt;T\xd5\xe6R4\xff\r,x\x18\xb0\x94\xea\xa1S\x87\xaa\xe94\rF\xd9\xf6\x02\n\x1d\xd3\x90\x84\n\xe8A\x15\x8d\xbaX_\xacu]\xdeK\xac]t,HO\xa2\xe2\x8f/\xe4 \xd7\x149\x17\xadH\x16^_VL4\xae&amp;\xf2\x91\xa2\xa2\xd0\xd2\x04M\xaa\xc9\xb2\x18\tGC\xc0\x8a\xce\x87"Y\xf9\xb7W9\xce\xbd\xd5\xf2\xd4\xb7\x82\xac\xa8\xec\x89_\xbe\x90\xabj%x\x17y\r\xbe\x14\xdf\x08\n\rE\x1f\xea\x05\xc4}\xe4KA\xae\xc9\rq.\x1b\x89\xd2\xaf\x80g\x85"s\x95\xef\xaf\xfa\x18V\xaf\xcf\xcb\xc7Z\xc1n\x94\xefyp!\x976e\xec0r{`\x85S%\x04{\xe4dAh\x94\x10a\x91n\x90\x03K4)\x1f\t\x85\\\xacH[\xd6\xbf\xa7\xa9\x0c\x8f\xd5z\xdd4\xf6rw\xbfJ\xa6-\xc8\x15\x19e_\n\xb9\xda%Ql4h\xe4!\x9b\xcafA\x06\xa6v;\xc5\x1c\x8ba\x8d\xa6\xc4J\xf9[\x17\xcbS\x97\xa79\r\x7f\x1f\xcb&gt;+\xc7\xd0]\x99\x8d\x12\xb0\xa2.X\xa4\x9dm\x97\x08%\x9bB\x8cMQ\xd4\xa0\xb7"0!3"LH\xbb\xf5\xccU\xba\xb7\xf0\x1c\xcb\xcf:\x96^\xee\xea\xb1d&gt;Y\xd0\x85T\xd8\xc5\x9a\x8f\x86]\x18Z\x11h\x84\xa8\x81p\x85\x15\xa5\xd0\x10%\x136$\xdb:\xb3\x82\x9d\xec\xbdZ(\x99i\xf4\x80{ye6?\x8ez\xb9\x045\xe6\xe17\xd8g\x00\xeb.\xecL\x8a\xfe.T\x94\xc0A\x95\x12\xd1I:\xc0b\xf74\x9e\xa6j\x86E[\x91[\xbb\x92\x9b\xcd\xc7\x12f\xa3\x8d\xfdOAi\x1e\x9f\xe1\xa8\x1b.\xc2\xec!\r\xc5\r\xfc\xaf(y\x1e\xb6\x84X1\x0b\x0e\xb0\xdc\xeb#o\xd5\xf2\x9fs\xaby\xdf\xda\x95\xc5\xd9\xc1\xfc\xb8CC\x10\xc4\xc5\xb0 \n\x91\x85\xd8"*\x86\x15e\xbb0+\xebv\xc1\xe1\xcf\xdc}\xfd\xce\xdaK,\xbf\xdbe\x04\xd7\x9e\x1c\x9a\xcd\xe7\xc73\x8e)\x94(\x0f\xe3\xaba\xc70\x82\x05\xbd7\n\xb9\n\x85\t\x92\xb9&lt;b\x83:]\x80Z\x17\xee2*o\xe3\x16\xab\x029ry\x17\x8b\xcad\xabNa"L\xbat-H\xcf\xa0\xe6\x89\x93\xe8\x98aA%\xd9\xc5b\x11X\x0fhl\x8b=\xa6\xf10\xcaw\xb1\xc8\xb7\x18\xd6X\xe2\x8f\x8e)\x89\xed\xc8(\x8b\xa9\xcc\xddCL&lt;\xf6\xb6\x8d\xd90\x9cj\x97j\xbaI\xf5\x97\xc3/]\xee\x89s\x1c{\xda\xe1iu\xcaFc9\xec\xc4E`\xe5\xc7\x01\xe6X\xfaz\x1b\xa5j8\xdc\xdd\x86Q\xe2\x82Z\xf3\xb4#C\xd1HI\x96\x0cX\x90\xc4\xe2\x97N\xc7\x99T\x9c\x979\xb1\xef\xd5\x8bm\xee\xea\x95\xc5X~\x90\xf4\x1a\x1b\xcbX*6$\x0bT\x91\xc8\x14\xb6\xa1\x1b\x1a(\xf4\xd3j\x0b\x9aQ(\x10V"\xc1/\xdd8\xc9u%\xf7\x1e\xab\x07Q~\x11=\xc5\xb0\xcb\xc5+zm\xbd\xdd\xce\xa2\xdeKM\xb9\x9a\xa5\xc0F\x05O[l\x08\xbai\x83\xca\x01U\xd1\xa9\xfe\xb8\xcc\xb6b\xaf\xb7\xbe\xd5\xebf\xea\x9e\x07\xc7fc\xa0\x1a\x1e\x1c\xcf\x8f\x8fgP\x1d\xabBC\x96\x91\x04\xdb\x94r\xda\xee\x82S5$\xdd\xb0\xedi\xecA\x12\xabXl&gt;\\\x8b\xc7\xe9\x88l\xe7X\xf4v\x8c\xd2 ;\x8ab\xc3V\xc1\xd7\xff\x80\xc0\xe9\xaffI\xad\x89\xc1A\xc2Jd\x9ci[\xd5\xe8\xa8\xb4\xd1X\xa7\x85\xa4-\xd3Y8z\r\x9b\xb4J$2\xd8\xb5\t\xa7\xfa\xed\xe5\xdf\xfd\xe4\xba\x97\x8f\xd5\xa9\x01$Y\xca\x91}\xff\xe5\xf1\xf0\x7f\xc2B\xc1\xd0-\xff\x82\xbb\xfcA?=C\n\xc2\xdf\xb9\xe5_\xdd ,zO00\x0c\xb0L&amp;\xe18\xe8\xa1\x17\xa8\xefQ%\xba\x8fBC\xa6\xea\xac\x89e\xd3,\xd4\x16\x8d\x11\xd6\x99G\xff\xf8\xd7\xdfN\xc6\xe9Yn\x80.\xb9\xfa\xa8V\xc2\x1f\xee\xeb\xeb\xfb7%\xe7\x1f\x9aF\x9a\xc6\xf1\xa41\xc1p!`4M\xcc\x0fH\xb0\xb7\x90D\t\x1b\xe8\x1f\x81\x16\x12i\n+s\x1cte\xef\xa6\x1c\x83K\xe1r\x08+\n\xe5\x8832\xebpf\x0f\x06B\xc21[\x97\x86=\x9cV\xfd\xc3\xad\xb3\xf4z\xae\x98j\xc4\x95\xc5\xb3b\xd5\xfc\xe1_\xbb\x04\xe1\x9aT\x0e\x0f\xcc\x8f\x12r\t\xdc\xf3\xbcc\x97\xfd\xe3\x8e\xeb\xbddH\x94\xa0\x9f\xf9&gt;?\xdewf\x9e\xe7\xed}G\xb50o\x92\xfbl}}\xb8\t\x00\xa9=\x81u\xfc\xd2q\xb3\xf9\xea\xf6\x14b9LC\xa6\xa1\xc9\xeb\x10\x91\xd7\xf0K\xc1T\xbf\x84k\x8b\x0f\xbe\xfa\x8a\x14\xd7|\xf012a\x89\xcd\xf2\xf2{\x18\xb4\xd7\xae\xfd\xee\xe5s\xe5&lt;+\xa7\x8e\xb1\xcfT\xdby\x18E\xee\xefj\xbb\xdeQ-\xf2\xafp\x05L\xeeK"\x10I\x83K\xa7r\xb1\xd5\xdc\x07\xac\xa9\xc9\xc99\xec[1\x99&amp;\xc1\xc7T9\xf0x\xf8\xf0\xd7\x18wx\x99\x08\xbf\xb1\xc7\x0c\xac&lt;\xdfQ\xeb\xe5\xeb\xa4\xcc\x06/Z\xa0\x98Vm\xe0\x87\xe4\xdc\xd7I\x87\xef\x88\x05ja\xc7\xa4zbd\xcb\x95\xb5S9|\xc1\x16\xb7\xdfb\x01\xd7\x18\xa9\x02\x1a\x1a%il^\xc5{\xf8\x10\x14\x02\x0f\xc7\xfa\xce\xa9)\xe0\x82\xf7\x97\x11\x0b\x12\xd7\x97\t\x81&gt;9\x11b\xa7Kd\x1b\x17\xa4\xea`\xf5\xbe;\x96\x16\x07^\x9ck\xfb4\xd3\xc7\xa7r\xf6\xe2$\xc2\xc6\xbe\xdc\xbf\xfd\x11\xb6ia3\x88I\xed\xf3\x01c\x82h\x806?\nq0:\n\x96E\xa6\x8f\xaec?\xd7\x14\xb8\xdf\xf22\xb8\xd8o\xbe{\xe6\x89\x87\xe9\xa0pq\x91M\x1fOOk\xd4\xda&gt;\xb5~\xe4]\xd5\xd2h\xfa\xbb\xb4\x9d\xbb!}\x9a\xcf\xe2\x8d3\xe1\xac\xe8\xf3\ni\xe9\xc5c\x08\xc2\xebCss\x0f\xe6\x06\x1cc\xf8\x10lB70`r\x98H=\xc6U\xac\x9e\x9a\xc4\x86)|xq\xfd\xfa\xe8\xd4\xfc\xcfA\xac\x87\x80\xf5\xd7\x80G\xc9\xd2lL&gt;\x03\xd1\xd1\xf7\xc9\xd6-}\xda\xff\xf6&lt;\xe3?a\xf5\xf5\xf5\xf6w\x12\xd5\xf4\xda\xbf\x8e.//\x8f\xe2\xe9\x02-$\xa4\xbfl\xbe\xff\xf5\xd7\xa0\x96\xc3qu\xe0\xaa\xc3\x81\xcf\x0c\xcdf\xb3nX71&lt;\xac3\xe8\x0c\xc3\xd8\xe96a"\xa1\n"\xa2%\xd1\xb8\xbf\xfd\xfd\x06\x15P2t\xf0&lt;W\xba&lt;\xbb\x10*\xd552\x15iqg\x8d\xff\xc3\xb7:\x89J\xbb\xf4\xe7\xed\x83\x7f\x1c\xc4\x95f,\xcb\xd0\xe1\xa8\xe4\xd9\xbf=\xfa`r\xd2\x01Ja\x1d\xd7\x84\x0e\x1f\x95\r\x9ag\xe0\xc70c\xc6\x8aX\xa0\x9b\x18\xc0\xca3\x0cU\xf4/\x0c\xc5?\xee\xef\x12\xac\xc8\xc9E\xa6]\xba|*\x9cu\\l\xba\xef\x7f\xb9&lt;\xe9V\xee\xff)\x93vzM\xdc\xfd\xe1\xd9A3W\x14\x82\'y:\x9c\x92B\x1b\x9bC\x0f~5\xe7\xb8:\x86\xc5F\x13:\x1d\xc0\x0c\x92\x82\x15,\x10\xd1\x9b\r:x\x0bk\x94\xb0P\x8f\xc85\x7f\xe7\xbdeX@x&lt;\x01\xa5\x0eX\'A!\x16m\x1e\xb5\xfe~&amp;\xbf!\x9b\xf0\xa8\xcbCu1\xa0^\x8d\x92\x84\xd1\xd5i\xa0&amp;\xbd\xca\xe4\xc1\xc7\x95\xaeN\xcb\xeb\xda\x1b%\xde&lt;j\x97\xeb&gt;&gt;\x1f9\xa1\xe9B\xf7p\xed\xd1\x00\x00\n\x11IDATJ\x14=\xfb\x1f:\xe6\xe6&gt;\xf9d\x00\xb1@-\x18\xaa^X\xb7\xa1G\xd1\x0c\x06|&amp;kB\xffB\xae;w\xe6\x7f\xf1\xe9\xab\x00\xe5\t\xa4\xc0\xe5\xcf\xce\x85 S+\x1dl\x97ZO\x9f\x96\x00\xacs\x0b\x00\xef\x02\xa8\xdbX\xe0\x0b\xacY\xfe\x11\x0b\xc95]\x9d\xfaW\xed\xf1i"\xd6:?\x13\x04\x96\xa7y\xf6\xbc\x18\xe6i!*\xda\xac?|3\x84-\x92\x04\x0b\x1c~`@g @z,LG@\xc4\x1a\xbe\xea r\xc1\\\x00\x11\xf2\xe9\xe1\xb6\x9b\xf2$\xa3\x02\x1d\x8c)\xcd\xf3 \x1f.\x97\xc0/\xda\x97\x8d\x03\xdcQI\xdd\xfd\t\x83\xffm\xc6\xe8R\xb1\x88\x01\xaf@\x96"9\n\xc8\x96\xde$*\x05\x86\x8f\xf8a\xdc\xc8\xb3YYQ*,-\xa4C6\xbbs\xe3\xee\xe7\x03\xf7\xeeM\x0c\xabFD\xbc\x99A\xfd\xe0\xac\x1e\xc7\xec\xacY\xad\x03G+:L\x0e\xc7\xd0\xa4i\xe8\xfd\xcd\r\x1bb\xa5Y:XK\xa7\xa2-\x96\xe7}\x99F)\x1e?8\xd8\x96\x964ZL\xda}\xfd\x88E\xaa\x8a\xfb\xfa{\x01\x0bt\xc2\xa1&gt;\x03\xc3\x84\xa0Yz\x93\xae1\xf9\xbc\xbf\xbb\xdb\xef\x8fD\x82\xe1F\\\xe2\x10\x8b\x95E\x9b\xcd)&gt;\x7f\x04\x9e\xae\xbbG:\xffH3\xae\xc1\xb0\x00&lt;j\t\xdc\xc2\x02\xe9\xce%u\x8d\x04m\xec\xf3?\xbc\xa0\xdc.\x0f\x95\x8c\xf17 \xf7e\xd2\xa9\x16\x1b\xc9\xe7y_-\x06\x9a)\x12N\x94\xa0\t2}A&lt;\rKp\tV\xbfJ\xa9!\x1bwL\x1f\'jB\xb03.\xc2\x99F\x9c\xe3\xe2\xb1\x0c\x1b\xa1\xf9\x8a\xe8\xb69w&lt;\xafV\xc1PXQf0\x0c\xabm\x89\xd8y\x04z!\x15Q\x0b\xb1\xe0\x183\r\x8c\xddZ\xdd\x0f\xd8\xddn\x8a\xe2jt\xfe$\x028\x95h\xe3,\x98\x070\xc6W(\xca\x89*\xf10\xd5\xf3I\x06\xc7\x15\x06\xc1\xfa\x198\xdb\x17j\x1f\xbcf\xe94\x16\x0e\x9f\xb7\x1a\xed#\x18\xa5f\\\xe1\xb8(\x18\x14\xecI\xd35\xc9\xe9\xb4[wv\xf7\t\x97N7\xa3\xfe\xd2\xa1Z\xfa\x9bH5\xbb`F22\xc0\xef\x86\'\x80j\xdbn\xb4\xb8m"\xba\x96\x90\xc92^\xa6\x96h6\xb2`I\x9a\xf6\x02Z\xbd\x92~\xb3\xa4\xed\x05=p\x02&amp;\x91\x08\x8b\x8a\x1f\xd5\x82\xd9S\xa3\x9d&gt;Ng\xce\x1bM%\x19\x08\xec\xee\xee\x06\x02\x10A\xf1X\x81\xa1iV\x08b(:\xedN\xa7u\xe7\xd9\xe1\xadA\x00\x1a\xc6\xba? 3,\x90\xce\xb1\xf5Y\xa2\x19\x1c3\x0b\x90\xc3\x0c\x98bo\xad\x1e&gt;\xb3\x1bA-\xb7T\tB&gt;\xe6\x94F\x98g\xeai%\xde.g}\xf0\xb9\x80\xc6\xf8j9\xc8b\xe8A\x1auE\xd6\xfb\x13#\xe2{k\xd5\xc6e;\x95\x84h\xde%TI%Q\xc9\xb2^\xafP,\xa5b,\xedK;\x17\x9d\xce\'V\xfb\xc67[f|^\xad\xb6_,,\xcc\x90\x86\xb6\xd9Y\xd2\xd5\xa6\x9f\x9d\x99\x99!\x99\xc2`X\xfdf\xc3m4\xbamn\x1b\xcc\x88|1\xe9r\x8b\xd1\x0c\xeb-\xc4\xaa\xc9d\xbc$\x97!\xd6\xc3&gt;\xc6\xeb\xab\xcbU\xe2c]d;%X\x86\xbe\xcd\x9eZ\x8c\xbfR\xa3T=M%r\xb2\x1c\x8b\xc9rN\x8e\xd5\n \xbaPLp6\xb7\xd2b\x98J\xc8j\x05\xb9\x16m\xcf7\xb7\xb6\xb601`\xae\x02}\xd46;d\x02\xba\x05\x14\x0b\xb1o\xad\xde}n3\x1a\xed\xa0\x96(C$\x97&lt;\x1e\x8a\x12\x95\xb2\xe0\xf5\xd5\x12{\xc9@2\xa9(\xf0m\xa8\x9b/\x1b\xab\x92\xa2u\xe4R\xef,\xf4\xe2\x9c\t\x8b\x978@\xa5\xe4L\x98ex\x9e\x8f\xf0&lt;\xc3\xf0`}\xa1\x96\xe0D\n|6!x\xeb\x9c\xd3j]\xb4.\xeeP\xdf&gt;\x06\xac\x95\x95\xfb\xf7\xef\xa3\xd5\x10\xebO\x1d.xe\x86\xdc\n\\\xe6\xad\xbb/(\xa3\xc5b\xb7[\xec\xc9\x9a\x97o)\x14E\x01\x19\xd7\x0e\x83@59\xc5\x81\xaf\x04&lt;\xae\xa4\x92+\xc2\x97\xd6\xe5\xd3%-b\xf5]Q\x97\x88\x10\x00\xd3k{G\x8dD\xa2\x0c\xea\xd0\xf9\x1bo\x07\xcd\x08\x99\xdc\x1ed\x1d\x1c\\\x91\xf7E\x9f\xecX\xc7\xc7\x17\x17\xad\x81W\x9b\xab\xc0u\xff\xfe\xca q\xa7\x8eT${\x91\xbcj6om=z\x110\x8e\x83X X\xbc@\xb39\xd1\xe5&amp;`\xc9\xe69x\x06\x83q\x18\x8d\xc6\x95=I\xe2\xa2\xe5\xb0\xcfW\xcf\x81\xf3w*\x83\xc8\xc4\x84\xf6kC\n\xf5Bl\xb0l0\x18\xc1\x01aR,q\xa2\xe8\xa2(\x17%&amp;\xf7b,\x9b\x0b\xedX-\x8b\x80e\xa5\xfe\xf6\xf2\xc3[\xc8\x85\x18z\xc0Z\xd1\xeb\xc9\x01\xafT\xaaGw_x\x8cV\xa3\xd1b4\x1aC9\x06V5q.\x04\x1f\x06z\xa1!\x19/\x0fh\xbeB\xbdV\x84\x04\xc6!\x18\xc3\x00\xd8\x1a\xce\xe0\x1a\x0c\xc0\xe9\xe3f\xe3(\n\x11\xc7\xb3\x85r\xbbTj\xb7\x1b\xe5b\xa6Un\xc7\x93@\x04C\x94\xf6r\x99\x02\xef\xe7+\x92\x95\x8c\x1d\xab\xd5\xf6\xfa\xe5m\x03V\x08\xaa\x03\xac\x07\xc7\xcd\xf5\xf5\xf5Y=!\xdb\xfa\xee\xb9\xc7\x02\x164\xa2\x11\xa5"\x7f\xc3\x1f\x81\x90\xdb\x0b\x89\xc0\xe5qI\xcd\xb2\x80)\x82\xa6U80\xe9i"\xcb0\xber\xe2t\r\xb3\x98f\xe98\xde\x86\xf5T\xcd\xe7\xf5eJ{RH\x14\xa5$\xc7q\n\'I\xf0\x11\x94(\x8ax&amp;\xc1\x88\xbf\xfb\xfb|M\xb2\x80o\x01\x16p\xd9\x9f\x1d&gt;^%\xe5ef3\xe1\xc2\x9f\xf5ub\xc8\x95\x95\xad\xc3\r\x97\x05\x1c\x0b\xa4\xb2\xd9-\\\x9d\xee\xe9\x1e\xe9\x81)#\x96\x92\x90\xcb&amp;r\xa9\x06\xb8q\x10\xdc\x98\xf6B\x96`\x0b\x95D\xa2%`\x1e+\xed}6\xddu\\=:\x8a\xa7@*&amp;\x9b\xe3\x9e@\xe2s\xb9`\x15\x12\x80\xf4\xe0\xa1\xe0/[\x88K\xd7\xd8\x93\xefGFF\xbaG\xfc\xc5\x90\xc52N\xb8\x16\x17wvv\xbf\xdd\\E\xb5`\xa15;\x081\xa8_!&amp;\x05\xd0\x95\x7f\xbezf\x07k\xdb\x01\xcbn\xb3\x00V\xbe\x1bFO\x8f\xff$\x9c\xe3(\xf8h\xca\xe6\x0cq\xa9R\xa3\xdcj\x9dg\xc3&gt;/h&amp;T\x12r\xc6\xc7\xfb\xea\xe5R\xb5\xeb\xa8\xa9Tsu\x90\xaa\\\r\xd9\xed\x00\x85T\x98\xb6v]\x90n\xa4\xaa\x9ce#\xfe\x91\x11\xc2\xe5/Jp\xfe\xe8Z\x8b8\xc6\xa9\x8d\xc3Go\xd7\x0e7o\x92\xf2]=\xd8uek\xffu\xc0\x8e\xa1\x01\x1eot\xdb-\xe3R\xcd\xdfs\xa3\xc7\xdf=\xd2\xdd\xe3g+{\x1e&lt;c\x97\xddnu\x8ah\x98\xbdT\xba\x0c\xe9\x91f@\xb1\\\x06\x14\xab\xc9]q.\x01\xebt&amp;,sN\xa7\xcd\x06\x0en\xa3\x92\n&amp;S\nN\'Z\xf9w\xd3f\xac\xda6\x14\x85a\t\xed]2\x04\xa1g\xd0\x03\x04\x94\xc5\xd4\x8b\xd0x\x17/y\x00\x05\x84\x02Yb\x8b C&amp;C \x04\x81\x87,r\xb1\x0557\x19Z\x8c\xb1+\xdb\x18\x0f&amp;)!BC\x96\x18\xda\x0e%\x90!\xb4\xd0B\xc7\xfe\xe7\\\xc7\x89\xb0\x85l\xe4\xa3\xef\xfe\xe7?\xe7\x9e\x0c\xe9\xb6\x11\x8c\x88\x88,\x8e\xf2\x14Y1\xe9\x89\x84e\x99\xd3\x9b\xc7\xe7*\xfc^\xad\xee\x1e\x9e\xef\xef\x9f\x9f\xefn\x1d\x92T^(L\xba\x01X\xd0WdQl\x18\x90k\x1b\x8a9\xed~\x03v\r\xbc0t]\x14\xa6\x17`.IF\x1d\x06\xc3\x88\x81\x8b\xbd{\xad\xe8/\xf1q\x92\xa5\x80\xc2\x81\xf3\xf0\xea\xf2j:Lq\xe7\xa4\x0e\x1a\x9d\xb0\x94Zz\xdc\x1c\xf8\x8c5&amp;\xc9`3\x11~\xbey\xae\xf2A\xff5|\x0e\xb4\x87\xef\xa7\'\xf0\xbaY\xd9\xb1l^\x83\xedg\xcb\x05\xa8(\x0cb\xe8\x0e\xf4J[\xae\xe7b\xb0@\xe3\x1aRU}\xf4[E\xbf\xbbW;Zv\x8aQ\xbf[\xd7\xee\xf7\xb0\xb9\xdc\x96\xa9/D\x80\xfdN\xa6e\x96\xe7\xa3b\x045{\xb1A:\xa9xD\xa6\xeb\xbd\xd9\x08\\6\xc95V\x8a\x99\x1e\xc0\xce\x14\x18C\xfd\x9a\xba\x02\xe08\xd8\xf0\x96\x99f]\xa2\xd2\x99\ti4\x16m\xa5B\xc0Xh\xa8A@\x8a\xb42\xa4\xed(\xba\xce\xca\xecZ\x83\xd7f\xf3Db6\x10\xc2\xaf\xc8\x06p\xea\xcd\xd9?\x18*\xd6\x95\xf0\x1c\x8d-\x0f\xb9z\x93B\xbe\xa6\x11X\x95\x8a\xe9}\</t>
        </is>
      </c>
      <c r="M369" s="3" t="n">
        <v>45492.67704861111</v>
      </c>
    </row>
    <row r="370">
      <c r="A370" t="n">
        <v>986233</v>
      </c>
      <c r="B370" t="n">
        <v>1963</v>
      </c>
      <c r="C370" t="inlineStr">
        <is>
          <t>Maurício</t>
        </is>
      </c>
      <c r="D370" t="inlineStr">
        <is>
          <t>Maurício</t>
        </is>
      </c>
      <c r="E370" t="inlineStr">
        <is>
          <t>PD</t>
        </is>
      </c>
      <c r="F370" t="inlineStr">
        <is>
          <t>ATA</t>
        </is>
      </c>
      <c r="G370" t="inlineStr">
        <is>
          <t>PD</t>
        </is>
      </c>
      <c r="H370" t="n">
        <v>174</v>
      </c>
      <c r="I370" t="n">
        <v>18</v>
      </c>
      <c r="J370" s="2" t="n">
        <v>37063</v>
      </c>
      <c r="K370" t="inlineStr">
        <is>
          <t>Left</t>
        </is>
      </c>
      <c r="L37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305b7b28-5db5-4e1d-a555-08f0531bdb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\x8d1\xaa\x00\x00\x03\x00PLTE\xff\xff\xff\x00D, \x12\n\x008#\x11\x07\x02\x0e\x04\x01\x006!\xfe\xfd\xfe\x004\x1f\x001\x1d\xfb\xfa\xfc\x00/\x1b\x00;&amp;\x01?("\x16\x0e\x1b\x10\n\x16\x08\x02\'\x19\x10\x01*\x17\x15\x0c\x06\x00H0\x00L3\xf8\xf8\xfa\x08\x02\x00\x19\r\x06\xf5\xf5\xfa\xfd\xac\x871#\x19/\x1c\x11\xb3iK\xfe\xaf\x8e\xc5{`A\'\x17\x98[C\xfe\xc3\xa0\xb9oN\xfe\xba\x95\xabgJ\xe9\xe9\xee\xfe\xaa\x7f\xc1zY\xc9yW\xa8bG\xcd\x7f[\xf2\xac\x85\x89K2*\x1d\x14\xf5\xa5}\x01%\x13\xe4\x9e\x7f\xff\xc9\xa5a&lt;*\xce\x84f\x1e\x0c\x05\xf0\xf0\xf8\xed\xed\xf3\xf5\xf4\xf58 \x12\xee\x9fv\xd3\x82_\xfc\xb5\x8e\xea\x9cq\x91S&gt;L,\x1a\xbdrX\xec\xa5{\xf1\xb0\x8f\xed\x9ai\xd2\x87m{B,\x83H0\xd7\x86b\xff\xc0\x9aV2\x1f\xb2oS,\x14\tk7\x1e\xc9\x7fd\x8fO5\xde\x90e\x02R9\xe7\x90n\xbfsO\xfa\xa4v\xed\xa4\x84\xec\x9e~\xff\xfe\xfe\xcf\x8dh\xfc\xba\x9b\x9faG\xa5dM\xde\x9ax\xe7\x9fv\xf4\x9d~\xe7\xe6\xe9b2\x1a\xfb\xb4\x94\xf3\xf1\xf0\xd5\x91n\xda\xd7\xda@ \r\xb9z`&amp;\x0e\x06{J2\xd7\x8cc\xafbF\xe6\x96hs?&amp;\xdd\x92m\xe5\x96v\xdb\x93w\x88S&lt;J%\x0f\x96S8\xe4\xe1\xe6W:(\xfc\xa5\x84\x9dW&lt;\xf2\x92p\xde\x88`rO;\xb5s[\xfd\xa1|\xf3\x9fnT.\x146\x18\x08\x00\x1d\x0fpF1\xc5uPI3$\xf7\x9bu\xbe\x82c\xd4\xcf\xd0\xd3\x8ds\xa1[B\xee\xe9\xe8\xed\x95y\x7fO:8+$\xdd\x98p\xe1\x7fY\xcd\xa0/jg,\xe0\xdc\xdf\xb6xT\x82WE\xe4\x9ao\xabjT\xde\x89i\x8dZB\xc7\xc9\xc9\xfe\xce\xaeiB*\x15;!\xaev`\xfd\xfd\xf6\xa8^?\xc1eI\xc7\x87a\xa2p_=_S\xb7[NfF8\x91cI,I%\xb8\x90+\xd8|V\xfc\xf6\xf3\xb8]A\xacpO\xa3nP\x12B+\xd5\x96}\xafT&lt;\xf4\xb7\x9a\xa5QB\xa4\x8c6\xc5\x89p\xe0\xb3F\xe3\x93e\xe8\x88e\xe5\x82`\xcdpL\xe6\x8eg\xf6\xa8\x8b\xf7\xed\xe7\xe3\xa7\x8c\xd9\xad;\x8a`UX`+\x9agS%&lt;\x1d\xb6\xae\xac\xc4\xbd\xbd\x85uo\xc4\x80lrje\xc5s]{s0\xfe\xfe\xfaNwl\x132\x19\xd0\xa7=\xc3\x9c8\xb9\x81p%I5\xed\x8diEZ/\xe6\xd4\xd1\x98G7\xb3\xc1\xbf\x8d\x84=\xd3ib\xd6uO\xd2y]\xd2\x9d\x89j\x89\x7f\xcb\x90{\xa3\x9d\x99SFA\xe1{s;M&amp;\xb3\x99@G;6\x8b&gt;.\xca\xb5\xb0"UE\xd6\xdf\xde\xc0\xa4M\x96\x93\x8f\x8d\xa6\xa0\xde\xb4\xa9r\\S\xf6\xe2\xd8\xd2\xc2\xbd\xa2N4aVQ\x8a\x86\x82NR!\x9f~u\x8dy*\xc8\xa2\x9a\xdc\xe5\xe5\x9e\xb2\xad\xa6\x8c\x85\x99\x80-\xb2\x9d\x99\xe5\xc5\xbc\xe0\xbbV\xf3\xd2\xc3\xa0\x95O\xb7\x94\x82swI\x16"\x1cX#\x13\xce\xb2YC32/\x00\x00 \x00IDATx\xda\xcc\x99\xcbO\x1bi\x16\xc5\xa3\x92\xad\x92\xbc\xa8r\xa9$(Q\x05\xb1\x03\x08c\xda\x85:\xc6j\n\x08\x9e(\xc1\x8e1m\x04\xe1\xd9\x12\x18\xc2\xc3\x10\xa0\x8d;0t\x02\x08\x9c\xd0\x10\xbc\xc9c\x82\x85FL\x16\x13)\x12\xbd\x1b1J\xb2j\x19\xc6\xb3\x9fU/\xec\x85WH\xa8\xdbl{=\xe7V\x99\xe4\x1f\xa8\x90\xfex*D\xf8\x97s\xcfw\xee\xbd\x95+W\xcc9,{\xe5\xcfr\x08\x85-\x9d\xb22\xe3\xeb\x9f\x00\xca8\xb6\xe6\x1f\xd2\x99\xd3\x93\xec\xf9y\xeex\xdc\xf6\xa5\xc9\xd8\xb2\xd1\x89\xad\x89\xf4q\xe6\xf4,)\xcb\xb2\xa2\xa8\x82*\x17s[\xa3\xb6/\t\xc6\xb2\xe3[\x99\xf3\x93b\x12@aE\xd1\x14M\x96\x05N\xe2S\xc5\xdc\xce\x17\xe4b\xd9\x9d\xcc\xf9\xe9y&gt;%\x87\xc3\xc0R\x14\x81\xe1\x18\xc9n\xb10r\xf1\xb8\xf9\x8b\x95\x92\x9d\xc8\xe6\xf3\x85\x94\xac\x94\x8e\xa6\x01\x0c\\\xa2Eb\x92\'\x99\x9d/RJ\x96\x1d-2\x0c\'\x08\xb0\x14\x87o\x18\x86\x11\x14r\x98\xc0K\x12\xc7%\x1f\x9c\xfd\xf1\xcc\xc6\x0e\\:U\xf3\xb9h\xb1\xdb\xed&gt;\x1f\xc3q\xc0\x03\x99*\xcb)\x88\'0\x12\xcf(\xc9d\xf2\x9f\x99\xf1K\x16\x8ce\xd3\')\xab\x85\x8c\xc4\x83KP\x05\xe8F\xa2\xe1\x8b\x00D\x9eI%\x93\x8ed6]v\x99`l\xd9qAf\xa0\x95E\xe2y\x1e\x14`\xf1\xc1\xedV\xab\xc5"J\x8c\xc0\xf8$Nv8\x14-y\x82\xb4\xb8&lt;\xaaLR\x16\x18^\x84Z\xfa\x07\xb9\x89\x07U\xb9\x95\xc0\xac\x16\x18MR\x11\x19\x82"\xe4\x8f\xcb.\xe5R\xe2E\xc6s\x05\x87\xacr\xbc$\x8av\x89\xb1[\xc1\x85:\xaa\xa8$\xe3\x13!\x99\xd5j\'\x05\xf5\xfb\xa9\xa6N\x9e]\x06\x98m\xfc\xd9yJ!#\xa1~\x92\xc8\xf3P\xc7.\xf1\\\nv\x97U\xdcJ\x9fd\xc1\x81`\x1c\xd4B\xc0\xaa\x85\xdcNY\xd9\xe7\xac%\xee_\xfa4\x9bOi\x8a\xce%\x89\x16\xd1P\x07`\x8c \xd3\x81\xdf\xe12\xbb\xd5\xcas\x8c*\x0b\xc4\xc9\x172\xe9\xad\x89\xd1\xe6\xcf&amp;\x19\xbbs\x9a-\xcazF\xe1\x05\x05\x81/Q\xc1Pv^O\x08Y\xe1|p\x1b\xfe\xa8\\d\x04\x95S\x05F\xe0S\xd9\xd3L\xfa\xd9\xe8x\xd9g\xe2\xb2\xe5\x8ay\x9d\xcaGY\x00\x9b\xc3\xe5\xe5%.\x91\xd7\xb1T\xe4&lt;\x98\xe8P!\xa1\x19\xcf\xc9\x85|\xf6\xf4\x18\\\x9f\x07l`+\x9fJ\t\xe4\x1a\xfd\xe5x\x9e\xb4"\x00PYDN\x00\xa8\xde\x14-\x06V\xb9\x05\xc6\x93\x18\x11\xc0r\xaa@`\xe3;\x9f\xa1\x92\x08\xf6T\xb1\x00\x1e\n+\tv\'\x91J`8"\xdd\x00\x03\x14?0\xb8DJ6\x9dK\x90\x0b\'\x99\x89\xf1o\x9aM\xc7\x1a\x18\xcd\xe7\x8b*9\x1a\x04\xa2\x88\x94\x12y\x86$\xd3\x03K\'D4\x90\xdd\xad\x16\x1fC`VJ5\x9e\x11\xa9\xc4&lt;/\x9f\xe5\xd2\xdf\xec\x98}%\x07\xd8c\xf9\xac@U\xb2\x8a\xa4J\xb9\x95\xa7\xc2!\xe5%4A\x86\x01\x81$\xf9p\xa6\xa7\xc3\xeb\xebZ\xd8\x87&amp;`\xf7!&gt;x\t\x17\x16X\x9c\x90?M\xff0\xce\x9a\x9d\x0e\x99T\x91\xd3\xbd\xa3\xdf@\x91\x13yP!\x06dU\xd0\x1d7\r\xa4\xf5\xf5\xf5\xc9\xc9\xc5\xb5\xb5\xb5\xc5I|\x0b6pI(.\n\x89\x7f@\xe1\xe4x\xd4f6\xd6qJ\x15\xed\x84Eu\xc3g\xd2@\xbf~\x82\xde\xa3\xa1R\x98\x90\xa2]t\xe6\xe6\xa2\xd1\xe8\xda\xe44\xfe\xbe]\xc7\xd2\xefe*\x9bi6\xdb\xf2[\x82\xa5\x9c\x12\xdc\xaa\xbb\x08~\xa2P\xa0\xc0\xc4gE\xc0\x8c\xba&gt;\xb9\x18\xed\xea\x88\x1c\xcc\x1e\xfc\x1e\xf1D\x12\xcb\xbf{\xba\x16\xc3v\x1f\xd4B\x99E\xba\xbdB*;a\xf2ed\xb78\x98Y\x14\roS,H\x94]\x1c\xa1\xa9\x98\xe7Q\xbd5@Unn\xd6o\xf6\xfe\xe3\xdd\xbbwo\xdfm\x1e\x04\xa2\x8b\xeb\xe10CnDCgx\xb5\x901\xd7\xf4,\x9b3"A\x8f%\xfd\xf2\xc1\xebh:\x98\xb4\x88JC\xfd\xe6"\xb3\x9b\xad\xc1\xd6\xfa\xb7+\xef\xdf\xd3\xfb\xca\xdb\xcd\xea\xed@\xd4\xafA+\xc9\x184\xe4\xe2\x84\xb9X\xcdg\xc0\x12/\xc2\x92\x00\x91\x06\x12\xa6@t\x19\xcc\n\xa0\xeaZ\xae\xae\x0fv\xb7\xb4\xdc2\xce\xea\xad[:\xd9A \xa4\xc1\xef\xe4/\x8cCyS\xe5bm\xe9\x94d\xbd\x88pc\xae2\xa6f\x1f\x03\xaau\xc7\xe2b\xd7rC\xb0\xa7\xa5\xb1\xb1\xae\xee\xee\xdd\xc7x\x7f\xbc\xbaz\xeb\xfeQw\xb0\xa12\xe6\x17$\x8e"\x9fC\x87\xcc\x99\xd9\x82\xd8\x9d3\x95f\x18\xfbE\x1b\xb4\x96\xb8\xec&gt;.\xac\x84\'\xfd\x8b]\xdb\xdf\x02\xaa\xa2\xa2\xaa\xa2N?wWWu\xae\xa3\x95\x06\xf7\xbe\x860\x91Dj\xa4\xc2\xa9\xa9X9Y\xb0\xea\xd9X\xea\xcd\x86\xcd\x00\xeaC0h\x8e\xc5\xa8\xfb\xf6\xc2HcEUU[\x89\xcb\x90K\xd7\xab\x1ara\xe4\xa0\xf8\x15\xb8\xe2\x8eyX\xecxQa\x80#J%\xa5J\x07zM\x87\x95u\xa4U\xa2i\xa1\x1fZUT\xb5\x19\\\x8f\x1e\xdd\xbd\xab\xcb\x05\xaez\xe7\x03EUe\xba\xb6\x1c\'\xa7M\x8b\x08\xd6v\x8c\xd9\x01\xbe\xd2\x87\xf7\x8fP\xd4\x03}F^y\xaa\x83O\xfbG\x96\x88\x0b\x1fu\x15u\x8f\xc8b\xab\xba^\xdd\xad\xb5\x1b\x0e\xca]\x8e\xc6\x0c&amp;g\xdaf\xcb\x96\x9d\xa3\xbf\xd8\xf5\x80\xb0\xebS^y\xe9&gt;\xa2\x05\x82\xaa\xcbS\xdd\xf0\xea)\xdc\x8e\x12\x02\x8bjX\x01\xaa\x0b,T1\x89pKa\x86\xc6\xaf\xc9\x9av\x15\xd9\xf1,\r\xa3\xfaM\xb4|\xc2\xd2\x9d\xb5\x8e\x14\xf5\xd46\xbc\xeay\xda\xd2\xb8D\xce\xaa\xa8(\x99K\xe7BR\x1c\xcd\xd4\xef=\x90i\xbd\x85^\xc0*3\xef\x81C\x12m\xd9b\xb9(\xa0\xa5\x94\xf3\xe4wPE\x0e\xea_\xf5,\xf4\xc3\xf1mpV[\xe9*\x1aE\x04\xd7Qw\x83\xd3\xebPi\xd2F\xc3\xe6\xb2\xa6Y\x9e=V\xb0:cw\xf8\x18[\xfa\xd8\xe23\xa8\x12\x95\xf5+\xafz(\x1d\xc8\xefmm\x9f\xd4\xd2\xc5"s\x1dn8\x14\x0cg\x0c\x8d\x1dE\xd3\x12\x82\xcd\t\x9c\xac0\x17\xb3\'\xa0\xf4\x19\x86\xbc\xde\xb1\\\xb9\xf9\xeb\xca\xfb\x9e\x9e\xbfR&lt;\xb4\xd5\xe8e\x04\x93QC#\xef\x8d\x88\xa0y\x103\x91\x9a7-!\xd8\x13Zw\xf4\x19\xd0\x88\xd0i\x88\x84\xe9\xc5\xb3\xec&amp;\xa8\x7f\xbf\xefy:2\xb2\xb4TUU\x83SJ\x88\xba\x8fX\xf7\x8f\x82\xbd\xf1P\x98f\x7f\xcc\x12\xf2\x89Y\x96gmYF\xa2\xa5\x9e\xcaH\x99\xb0\xbe\x18\x9d\xeb\x08$\x0ef{\xeb\x7f\r\xae\xf4\x90T\x8fG\x90\rc5:W\x8d!\xd8\',=\xe8}4\xaa1B\xf2\xd8\xbc\xd1\xe6\x94*`\xa1\xbd\x9e\xae\x1e\xba\xf2\\ \xb2&lt;[\xdd[\xdf\xbaB\x05l!\xb1\x80US3t\xe7\xcePMMU]E\xc9\xf2Du\xbf{%\xd80\xec\x9d\xa6\t\x9a\x91\xcf\xccKyvB\x16K\xbdfz1\x1a\xed\x9a\xeb\xf0$\xb6u\xaa \xbc\xde\xd3\xd22\xb2\xf4\xa1j\x0cb\r\xdd\xb9~m\xe8\x0e\xa9\xb5TW\xd7\xd8\xd8x\x83R\xfe\xa8{e\x06\\\x0e\x08\xce\xab\xa9s\xf3\xb6\x1f\xe4\x96dd\x834\t\xa6\x8e\x0e\x0f\xb4\xaa\xec\xad\'\xac\xf9\x85\x85\xfe\xfeFP\x8d\r\xe1\\\xbb~}hhl\x8c\xb8\xfao6\xde\xbc\xd9r\xc3\xc0\x9aiuy%z&amp;\x90\xca\x98\xd8\x12m\xa7\xbc\xf1\xb4!\xec\x8d\x05p&lt;\x89\x83\xca\xea\xca\xce\xce\xce\xa9\xab\xb7\xbf\x07\xd7\x87\x0f\x06\xd5\xd05\xbc\r\x8dU}\xf8\xfa\xf6\xc3\xbf=\x9czr\xd89\xf3\x92j\x18\x04W\x9cv$\xb5`\xe6\x188\x90\xa6*\x8aV\xbb\xb6\xe1\xf1x\x020\x96\xdb\x19\xdb\xdf\x0f\x85B\xde\x8d\x17\xbf\xfc\xfd\xa7\xef\xfb\xfa\x00Fh\xd7\xae\x8d}\xfd\xed\x7f~\xd9\xf5&amp;\x93\x0e\x87?\xb4\xb1\xe7z9\xdf\x1dl\r\xce\xb4\x1e*\x08.5k\xea\x14\xd8|\x8e*J\x16_(\x10\x01\x97\'\xb1\xdc\x1e\x0b9\xb4i\x1f\xa39\x14\xc7\x83\xd8w\xdf\xbanC2\x94r\xa8\xef\'w|\xdf\xafi\xfa\x7f!8\xbc1\xa7k~~~&amp;8\xd3\xe4\xf2#d\xd4\x9c\xa9+\x86\r\xa6\xc7\x9e0\xed\x8dG\xc0\xd5\x1e\t\xcc\x85\xfc\x08n\xcc\x9b\x8a\xa29\xbcs?;\x87\xff\xbb\xd0\x07\xb0\x0f\xf7\xaeFb\xfb\x0eMsh\xf4X\xdc\x1f\x8a\x06j\x9f\x0f\xce4\xcd\x0c\xbe\xf6b\x820q\xac1\xe4:\xc1\xd4+)\x1b\x91H\xdc\x13\tt\x85\xd6B~\x7f\xc8?\xa9i\x93\xda\xfabh#\xde\xe1q7A\xaf\xbe\xfe\x86\xca\x84\xb3\xcb\xbb\xe6\x0f=\xf0n\xfc\xb8\xef\xf5\xee\xc7\xf6w;_\x0f\x0e\x0e6m`\x1d\xc9\x8f\x9a\xbc\x8fe\x044A-\xd6\x1e\x89\xb4\xc7\xbb\xb05\xfb\xbd\xfb\xbbo\xde\xec\xed\xc6\xb0\xa8v\xc5\xdaQW\xd7B\xdfW\xfd\x0bA\x97;\x11\xc0\x9a8\xdc\xe9z\xfd\xaf\'SO\x9e\xc7\xf7\xf7c\x87\x83M\x83\x83?\xa2W\x9f\x98\xfcp\x84\x9d(\xf8\x18F\xdbm\xc7\x99[\xc3\xf2\xb5\xf7s\xe7\xc3\xa9\x87\xcf\x0fk\x87\x9d\x89\x08\x96\xd5\xd9\xea\xab\xf3\xfd}\xfd\xf33\xf5\x95\x07\xeeZwmm\xe7\xf3\xa9\xa9\'\xae{\x83\xaf\x9f\xc7c\xf1\'\x90kO\x96\x0bi\x93\x97\xfd\x81\xb23F\x08;\xe2\x84\x15\x8d\xc6\x9c\x878\xdf\xe1\x0c;\x9d\xcea\xb7\xfb\xe0\xa0\xd2\x85\xb1\xf9\xab\xc6\x97\xdd\xf5\xd5\xd5\xd5\xb5\xdb\x89v\'~\xba\xbd]\xdb\xeb\xba\xeaz\x1e?\x1c\x1c\xbc\xf7F6\xaf\x1f~|`\xc3\xe6\x14\xf88\xeelo\xef\x98\xf38\x9d\xdb\x89\xc0\\\xc7\xee\x8b\x17\xbb\xbb\x1ds\x01gm\xad{\xb67\xb8\xd0X\xd1x#\xb8\xd9[\xe9^\xf6\x04&lt;\xdb\x9d\x7f\xa9v//\x83\xd7\xf5\xda\xd5\t\xac=\x87\xe3\x0fsW\xfd\x01\xdb\xff~\xfb\x8d\x82h\xcf\x99p\xfe\x9fV\xf3\xfdI+\xcd\xe2x\xb3\xe9\xc4\xc4\x17;\xcc\x9bn\xe2\x88@\xee\x92zA\x97\x18\xe4\x850\xc0u+\x18\x04%\xd0V\xc2\xafuK\x15\xbd\xfe(\x1a\x05\xaa]\x02B\x07\xa5\x90\xcch11\xae`\xa8\t\xfe\xc8R\xd2\x14D\x9b\xc6t\xc6!\xf3\xa6!\x92\x0c43\xd3d\xf0\x15Z\xb2iL\x9a\x9a\xc9$f\xcf\x83\xdd\xff\xe0z\xc0\x9b\xf0\xee\xe3\xf7\x9c\xe7\xfb\x9c\xf3\xdcgb\xc2n\x9f\x90CE\xf1\xa5\xf5_\xd43\x15n\x99l\x82M_\xa5\x8b4\x805\xcc\xd5b\xab\x13@%\x1f\x1c\x0c\xd8X~{O\x0f\xa9\xe5B\nA\xadY*\xb7\xe9\x8b1qE\x12\x902\x99\x8a\xa5\x8b\x94\xd9\x9bU\xe7\xe3\xcaz\x1a\xed\xd1o_\xfc\xe0V\xc9\xe5v\xf6j\xc2\x93\xe1]\xe7\xa9=\x1el\x95\xd3&lt;\xa2\x98\xb5~\xf9\x88f\xed\xef\x937\xdb1\xee\xd0\x90\xce\xa2[\x9f=\xbe{\xb2A)\xd6\xa1!Y\xea\x932\x15,\xbd\x9e\xcdf\x93\xfe\xe6&gt;\x97UzlU\xfe\xed\xb7/?\xfe\xb10"\x9f W+\x91\x0c\xa8\xe5\xdc\xf1xH\xbbl\xe1\xc3\x0f\xaeG\xbf\n\x98O\\.\x95]+\x1aR\x8fZ,\xdb\xb3\xc7\xaf\xb5eJ]~\xeeq\xc5\xde\xdc\xc7\x9c\xd4\xeb9t:\x9d\xf4\xcb\xcf\xc7\xcf\x97\x17\xa4.e?\xff\xbdM.\xb1\xfbW\x01\xcbi\x9e\xf2:wv\xb4Z\xcco{\xff\x9e\xe9rY\x8f\xd7\x96\xc7\xc7\x9b\xb5"\xf5\xf0b\xd0\xb22{\x9f,v\xecQ\xb9\'^{\x9dO\xfaem\xcb\x1c\x0e\x9b\x0e+\xadZ=\xcdr\xdb``\xdf\xc0\x01Pru5Q\x89\xa4\xccS\x8eta\'\xe2\x11\xe1t\x8e\xc1\xe6\xe6\xf3\xf7\x97\xc0\xe7Vq\xe7\xf0\r\xc0\xf2M\xeaEq\xd1\t\x95j\xed\rT*\xab=\xff\xb2\x01\x16P\xd1I\xd2\x0fNE\x92t\x82 \x00\x8aN\xdf\xdcL$vR3\xe6\\\xa8P(h=\x1e-\x96eLOs\xe8\xa0\x9c6\xee|&gt;,\x06.\x9d\x9b1\xb4\xd3yB\xe5\xcb\xcfC"\x91\xacL($ \r\x86i\xb1\x0b4:\x1d#0xx\xe2;\x91\xcd\xc4f!\xe7\xf5\xe6B\xf1x\xa1\x80\x8b\xb8Z"\xcb\x15\x89D\\\x8f\x87\xab~\x0eX\xe2E\xa3e\xb0\xb5\xb3\x90\xfe\x9d\xba\x97\xb25\xb5\xe5X"Q\x99\xe8c\xa1\x1c\x82\x18 \x07$\x8e$1\x9c\xdb\x19\x0e;\x9d\x17X\x0e\xaf#\x15\x8a\x87B\x85\x10t\xd2a\x11\x97\xcb\x15\xc5\xe3"\xd0jx\xf8\x86X\x1c4.E;\xd3\xa9\xa7\xb5\xd4\xc9\xb5\xf1&amp;\x01\\\x13#\xa8\xb4\xb4\x1e\x9c\x8b{p\x9c[D-3t\xf2\x1a\'\xa8\x15Il\x86\x1c^o*T\x8d\x9cC(\xe4\xf1\x84\xd0\x01:\xa1\xae\xc4\xf0\x11\x02\xd6vc8\xe5\xf8\xfb\x06eX\xbd\x1b\xcf\x12\xb1\xcddI\x0e\xe6@\x07"\x1c\xf2\xd3\x89FV\x14\xb9t\xba\x9a\xc4\x9dtU\xadP\x1a\xbe9\x87wfj\xe6\xd3\x00+\x16?x |\x00Y\x9c&amp;2\x9a\xdcS\xea\xb0j6\x0e\x12\x91\x18\x99ofs\xaabq\xabP\xf3\xf3\x9a\x9c\xc3\xe1\xc8\xa5\xaaX\x9b\x85\xd4\x05V(\r\x01X\x9f\x02\x9d\x0c\x02\x9e\xd0\xb4h\xf4\xb5f4\xa9\xa7?R\x88\xf5\xf3&amp;\x11\x8b%%\x9f\xb0D\x9d\xa3\x00\x05\xe1\x9dwh\xaaXPZq\x84\x98\x8eCm\xa5S9\xc7\xcc\xcc\x14\xc4u\xf4A3\x90P(4\x05\xa3\xad\x1a\r\x94\xfc\x15\nk+\x92%bd\x0f\x9b\xbc\xc0\x1a\x1d\x03&amp;3\xcc\xacf`I\xa5\xe2`\x0f\x9b(\x87\x8et\xbc\x10\x0f\xa5RU\xb1\xa6\xea\xd0\xa0\x8dN-a\x9a\x05,c\xb4C\x93\tSh\x105\xb5\xa7\xb1H,F6s\x10\x96\x87\xdb1\x8a\xa8\xa6\xa6\xcc3f/$.\x0e\xf5\xbe\xb9\x933\x03I\xd5\xb7B9/\x12\xab\x0e154T\x8f\x96x&lt;\x13\xa8\x15\x9e\x9fo\xd9\xa3\x12\xab\x9c\x88%\x11\x162HO\xeb\xe8\xc5\x99\x03p\x81\\\x19\xa8,\xa8\xad\xa2\x03!\xc0RD\\\xd5\x1c\xa2\xdf0\xd3\xc2\xf3+\xc0\x02\xb5tc\xbb\xbb-w\xa8\xc3\xea\xad9\xablV*\xa4\x0ca\x11xk\x18a\x99w\x1b\xea\xa6\xbc\x8e\x1c\x98\xd6\x0e`\xed\xa4\x1a`\xf01\xa7\xd2\xb0\x12\x0bi$WC\xf5L\xe2\x9f\xe8\x94\xf7zSS\xbb\xc9\xe8k1\x9b_l\xf4R\xd9A$\x13\xc9R^\xa6Gn\xfa\tk\xb7\xa1a\xd7\xec\xc8eB\x80T\x80\x95XD\xa8\x9ax&lt;\x95\x83\xe5\xe8\xbd\x89j\xab\xe1\xafh\x96E\xe5\xd5\xc4k7\x1a\x07\xc2\xa9\xf9\x17\xb5\x94b\x91\x15:YR\xb1\xd8t:\xc1\xa8b\xc1\xf45e\x9e\xcf\xa42\xa8\xb2\x12\xf9|2\x12\xd6\x84\xc3"\xbcXL\xe7\xd2!\xc7MT\xf3 \x17\x9a\xfb\x01\x0c\xc4\n\x1a\xbbv\x9c\x9a\x17T6\x10\xbds\xd3\x15\x82 K\x12py\x82\x01\xfe0\x7f\xeb\x96y\x17\xa82\x9aL1\x92\xcf\xe7U\xae\xf1d\xb1\xb3("d\xd2\xbeR$\x1ew\xdc\xbc9s\x13\xe5\xb1Z\xf0H,S\xf0\x1eG\x14\x16\x95\xa9\xdc\xa9k\xee\x1cl\x12YzO\xc0\x00Y\xac\xfaV\xcb\xed\xdb\xb7\xc7\xc2`\xf4a\x9c\xcc\x97J\xf9\x92J\x15\xcbfIU_&gt;\x91\xa8\xeeC\xe8\xf5\x8a\x19\xad\xc7\xba\xba)\x1eP\x19\x83\x16\xb6p\xacX\xee\xa5\x90\xab\xb7\xe6\r\xd1\x9d\xc5&amp;&gt;\x15\x17\xe2\x9a\x1f\xd3t\xc2\xa6("H\x89\\\xa6R\x95\xec\xf9&lt;\x873\x91\xac\xd6`\x04\xed&gt;\xde\x07\x1a\xb4\x05U\x0f\x94\x90X\x96h#\xefV\xf8wJou\xd5\x9c1\x18E\xc2\xaf\x82\xe6\x14\xd3V\xb9\xc2\x9d8\xbd\xab\xeb1\x8b5\xa8@\xa7\x11\xe32\x89\x1d\xd6\xa9A&amp;S\xc9\xfd\x18\xee\xcc\xe4n\x80wf`E\xf2n"\x8b\x07\xaco\xa3uM-\x94\xb6[W~\x9c\xebf\x10\x8f%#Kz6\xb4[Z\\$*\x92\xb2\x80\xdb\xcdw\xf3\x99.\xa6\x95FS2\xf9\x12\x83\xc1\xc6\x87\xf9\x9f\xc9\x1f\xf1\xd3\xb9x\x16\'\x08\xadS\xe8\x05\xcb\x12\x8bMF\x8bnk\xf4\xab\xa6[{\x14O\xaf\xe5\x83\xd7\x1fd\x01\t\x0b\xb0H\x90\x0b\xe7\xa8\xd0\x11\x04S\xdaf\x15Xi\x9f\xd1\xfe\xa4l\xe3\x07\x96\x99\xf5V\xab@Y\xaf\xe4\xbbY\x86\xc1\x00Ld\xf4Nh \x86\xa1\r\x0cZt\xfa`\x13\xd5X\xd06\x9f\xbe;Z\xb0\x05Xz\xacq\x15\xc3=Xs?\xf0\x08\xac\xcc6\x9a\x00\xdd+\x10X\x95\n\x1b_)\xb8\xfa9\xed\xeaU\x81r\x92\xcf\x9fdJ\xa5|\x1b\xf6\xfc\xc6\xf0\xf3!\xc0\xd2EY\xbe\x17/\x9enP|a\xb0\xe6\x9b\xa3W\x0b67\x8b\xd5\xd5\xbd\x8aq1\xb6\x82\xf6\x99\x80FsI\x95V%\xed\xcf\x7f\xb9*\xe8\xe7\xb3\x1e\xbb\xad\xd5\x17\xec\x90\xd2I\x80\xaa\xb7\xd6\xb7\xf1\xfd\xa2\xe1\xe7\xea!\xe8Mu\xbem\xdfY\xf9\x84\xeak#\xbdw~y\xcf\x7f\xb2\xb0\xc4\xea\x8a\xfa\xd9\xad\x98D)\xb0\xf6\xf7+\x026Y_\xdf8S)\x95%\xb3o\xef\x19\xaa\xa7K\x8a6)L\xd4\xfd\x8a6\x81\xd5\xdaf\xc3\x87\xd5\xeaNX\x88\xba\x95\x81g\x87\x0f\xa9\xbf\xc8U\xfb\xea\xfb\xe3\x8f\xa7\xeb\xfa\xae(\xdb\xafc\xc8\xad.\xfe\x88L6\xa2:?\xefS\xc9d\xa5|2\t\xbe\x15\x83F#\x99L\x1a8\x06\xf6\xe0\x12\xbf\r\x12\xbc\x8c\xab\xd5\xea\xa1v\x93\xce\xb7\xb2\xb6v\xf4\xdd\x15\xca\xa3\xb7\xf6\x1fs\xd7\x8e\xd6\xf5\xd3\xbe\x81\x1e\x86\x8e="\xeb\xb1\xdbK\xe7\xd6\xcf\x05\xca\xf3\x15C\xc9\x9fG`I\xe8\x15\x93\x86|\x12\x0cV\xc6bI&amp;]\x08kth\x08\x9a\x1a\xdf&gt;\xf3\xf8\xe3\xddK\xb8*\x85\xae{?|\xb9\xde\xe5\xf3\xd9\xba\x82\x16-\x86\xa6\xc3J\x9ft\xf6\xd7\x97\xa7\xe5\xd7g\xa7\xa7g\xe57o\xcag\xaf\xdf\x94WN\xd7\xee3\x05\xfd2{\xcf\x88[\xc6\x1d\x1d\xb5\x04\xdb\xa1\xb4\xfe\xf8\xee\xdd\xdd\xda+\x97\x125w\xd6\x96\xb6\x07|z\xbd\xd1$\x02W\xc5\xb3\x91d\xa9\x8f\xff\xf2\xf4\xf0\xe8\xf0\xf0dccn\xef\xdf{g\x87\'\xef\x0e?~?\xa9H\xc2$\xa2\xe5FG\x17M\x96\xf6\xf6\xa8o\xe5\x08\xfe\xab\xcb\xba\xb7[\xf3\xc1\xbd\xb4\xed[\x914\x9a\x16q\x0cL\xd5C\x87\x84\xe5\xd7NO\x0f\x1f\xceml\xec\xedm\xec\x1d\x1e\x82pk\x92|\xac\xe8\xcc,r\x87L&amp;(\xf7\xf6\x96g\xbe\xb5o.\x8f\xeaJ\xcd;w`\x1f\xc95\xda&gt;\x845\xe2\x9d\x88+\x86\xe2`\xa5\x0c@\xe5\xb3\xf2\xcf\x07Y\xd4`G\x8aa\xb1X\xacV/\xb6C\xa3e\xfc\xcf\xb3\x95\xf7w.\xf36\xe5\xdc\xcb\xfb\x0b\xdb\x03\xdb\xac\xc6\xa0\x8e\xc0\x1a\xbb;\xba\t\x18\x89b?]\xc4[\xf4\x87\x1e?e\xc3\x1a1l:\x8b\xc3bS0h\xb4&lt;[\xd9\x7fu\x99\x97&lt;{\xaf\xfd\xc2w\x07\xb6\x07\xd8\x9c\xd6\xe0\xb7[]Dk+#\xcb\xc8F\xaa8\x100x\xcc\x03Vq~ll\x8c\xc7Cb\x99L:\x9dE7\xb0\xb6\x7f\xf7R\xef\xc4\xd6&lt;|\xc2\xbf\xbf\xbe\xbd\xa5\xdf\x8an\x19\xc0\xf1\xf1\xee,\x83\xd1\xdaQ\xfc?\x18DZs\xfb\x16tc&lt;\xa1\x9a\xcb\r\x06\x83Q\x9d\xc5\xb7\xb6\xfe\xa1\xf62\xa9\xc0\xbd\xfe\xabX\xbe\x1f\xd8\xd6\xb3\xb6\xb6\xf4\x066\x81s\x19\xd9\xe9\x83\x83\x8e\xaf\xbf\xee\xe8x{\xef\xde\xffx9\xdf\x906\xd2&lt;\x8eo\x11\x12\x13\xdd7\xd2\rd\xf7d2\xf4\x12F\x8dh\xc8\xacI\xb4I&amp;%\xd1\xcb\xb4cK\xd1Jb6\x92\xe8l\xd2\x9a\x18\x9b L\xc0"\xa2\x89x}\x91\xc4\x10\xf1B1!yqh}#}\xd5\x12B\xadW\xe8\x82\x85\xe2\x8b;e_\xd9\xb2e\xaf\xdc!W\xc5w\x07\xf7\xfbM\xdc]8\x8e\xbd\xdb\xdb\xa6O"\xe2\x9fd&gt;\xf3\xfd~\xe77\xcf\x93y\x9e\x99\n\xebt\xba\'C\x80e\x1b6\x8fP\xeb\xeb\xeb#\xeb##\x85jf\xa7\xbe3\x88oIwb\xb1\xd8Z\xae\x9c\xcbm\x909\xf7\xa56\x8e{\xced\xdd\xd5B!\xcf\xf3\x89\xed\xed\xed\xc3\xc3DB\x07X\xbd\xe6\xe0zz\x9dJ\xaf/,\xe4\xcbB]\x03/\xf6\xbc\xa2\xd09\xd0\x0b\xcb\xb9\xe5\\$\x92SSm\xcf9&amp;\xbe\xect\xeacB\xa6Z\xa9frU\x96\xd0\x81\\\xe6\x95\x11vca}=\x9d\xde\xd8\x14J\x8bu\x9fm\xbd\x94\x81\xd31\xe4~mn9B\xba\xd5\x14\xc5q\x149\xe6\x9c0\xc5\x84\x98P\xca\xe8\x97\xb3\xf6\xe1\xa1\xaeaHV\x1a\xa4J/l\x963\xc2\x87\x9b\x92\xf13\x85\xde\x89=)\xe8\x99\xae\xcd\x05H\x96jk#8\x06\xfa\xa5(bi.\xa3\'\xed\xc3\xd0w7\x9b\x83T\x9a\xa2@\xaarY\x88=\xad\xfb\xdct\xa9\xefxrV\x15\xb3\xae\x05\xe6\xd6\xd6\x02\x11HW[\x9f\x9df\xe2\xe5\xe5\xb9\x8c\xa0/\xe7"j\xa0\x1a\xee]A\xb16\xd2\x9b\xe5\x9c \xc4J\xaf\xea\xbeZ\xe4\x96\xf14pm\xd6\xe9\x8c\x89\x97^\x03.5\x85\xe3\r\x9a\x88g\xf3\xf1*\x99e\tz\xf8\xab\xde\xde; \x16\x05Jm\xe4\x84Rl\xbe\xfa\xd7\xbacI\x8d\xa7\x8e\xc91k\xad\xc3\xa7\x0f\x90"W\x9f\xddnOL\xc1\x03\xca\xc4\xf0W\x88\x15Z\xdf`!U\xe5LI\x1f\xcb\xec-}Rw\xb5\x14g\xd0\xfb\x9bUYa\x1c\xa6r\xceE6\xd5j\x86\xfb3m\xb7Oaa\x18\x9a\x82\xd2\x00me\x04RU]\xce\x08\xa5\xd2\xbc\x90\xdf{\\w,\xa9\xfc\x1f\x0e\xe4rZ!\xf8*\xfd\x1c\x0c\xd1X\x82x\xce\x01\x97N\xb7\x05T\xe1\xe1p8t\x7f\x84O\xa7\xcbB\x06\x1c\\s\xa5\xb7\xeb\x8fuK~\xe4\xe8\xefw\xe0\xb5\xea\t\xd5\x84u-\x12\xd9d\xb3\xd98\x03.n\xe9\x10\x0c\xa0\xfc\xf4:\xd4\x85M\x01s\xa5w\xa5\xa9\xed\xc7\xf5_ %=\xea\xef\xef\xec\x9f\x1c\x9b\x9d\xb6\xaaL\xa6\xd8\x9c\xb0\\\xde\xcc\xc6\x89\xdd\xc4\xe1\x166\xfb.\x97\xf0\xfb\xf9\xf8fY\x98\x8f\xcd\xc7@+\x8a\xda\xf6\xd5\x7fQ\x8d\xf4\x1dbA\xecgg\xad\xa6{&amp;\xa8\xf8\x99\xeaf\x96\xdf\xdd\xde\xdb\xdb;\x84/\x18\xe1$v7!\xee\xfay\x95s-\xc7\xb6uP\x87\xf5\xc7\x92\x8aju:\xa0J\xccZ\xa7\'\xae\xaab0J\xcb\x15\xf2{{\x85J\x01F7\xf9|\x9e/\x94\xa1\xb2\xc7T\xaa\xd8\\d\x83\xea\xe8\xa0\xfe\xf2\xc7\x8f\xa2\x968s\xc4q\xcd9m\xbdw\xf5\xaa\xa9TZ\x16*\xd5JA|\xe6\xf3\x85j5S\x16jT\xcb\x1bT\xdf@G\xdb\xc7\xc3\x1a\xb4t\x02\x17\xca\xf5\xb5I\xaf/\tB&amp;S\xa9d\x04\xa1\x02\xbdW\xa1$\xc4\xe6M\xaa\xb5@NM\xd0\x03\x1f\x07K\x8aX\x83\x83w-\x83\xc05;;=}\xefK\x935\x16\x83\xaaY*\xe9K\xc0\x87L\xf3\xa6\xabV(\xb5\xe0\xe0@_\xdf\xc7Q\xcbx\x86\xb3/\xee\x0eZ,\xfd\x93\xd7\xe0x\x9c\x98\xc0\xd9\xc3\xd8~o\xfaB5\xafR\x99~\x03\xbf\x00\xaa\x9c;M\xf4]\x0f\x02\xd6\xf6\xe3\xba\x9f\xa9\xe5\x8b\xc7\xfd@uw&amp;I\x0e\x06\xf0pD\xb0{\x13\x13\x805a2!\x9f\xe9k\x93S\xbf\x16q\x91,\xd11\x803\xdd(\xfe\x95\xb4\xdeT\xd1\xa7\x15\xc4\x9aI&amp;\x93\xa4\xc5!.\xb9\x98\x06+\xad\xd3V+\x1e\x9aN&lt;SBW,@\xbaY\xaa\xaf#\x08X}m\xe9\xa3\xa8\xb1\xae`r\xef\xeaY\x05\x17Z$\x93\xed\xed\xed\x96N\xb0q\xec\xda\xd8\xb5\xdasr\xd2\xe1\x08\xf4wZ"\x11\x92$\xd5i.\x18\x1c\xc0\xcfE\x00\xeb\xf8]\xca\'\xaf\xa7V\x8b;\xa7\x19\xc4z\xd0~[\xadn\xc7xM\x02M\xa0\xd3b\xb9\x8b3$\xda\xd5b\x83\xef\x0c\xe7\x0f\x85\xae\xdfy\xf4(\x08.VN\x17\xa3&gt;y\xfd\xd6\xdc\x8d\x8f\xef\x1c\x07:\x07g\x92\xed\xb7[[[\xd5I\xcbr\x00$\xea\xb4\x90\xe25\xec\x9b\x14E1i\x96e\xd5\xeaK\xc4H(\x14ZY\xb9\x83X\xe9\xca\xf7OSK\xbe\xba}02\x9e\x1a\xdf\xa9\xe0\x84\xc5$P1\x0c\xab&amp;-\x9d\x81\xfe\xfeA\xa0\x82j\x0e\x8d\xe6\x08\x8a\x01.\x86\xa2\x11\xcal^yt=\x08j}{\xbc\x18]\xaa\x93^\xc6\xc5\xf1Tj\xe7o\x81\xc1\xc1\x99\x07\xb7[/1\x14\xc5\xb6\x03\x17\x94V\x12\xd4\xa1\x83\xc1\xa0}\x84&amp;\xa0\x03\xcf0\xf0S(\x146\x9b{\xcdw \\\x149_:J\xf9\x96\x0cu\xd0Kj\x1c_\x1c\x8fFwJ\xc01\xf3\x00\'\x1b0\x04\xd3\n\\\x11\x8b%\xa9f)\xda\x1e\n\xf9G8\x82\xe0)\x86\xe2F\xee\x87\xc3\xe6p\xaf\x19\xb0\x06\x06\xdaZ\xe7\xbe8K\xf9\x0c\x9a:\x9c\xb2\x81jq\xdc\xeb]-YP-\xa0"\x08\x82b\xb3.\x8b\xc5BB5`h\x7fx\xca\x0f&amp;\x12\x14O@\xb0\xc2a\x8f\xd9\x03&amp;\x02V_\xc7M\x97\xe9Y\xd4\xe8\xd3x\x8d\x1fx\xf1\x91\xdc7.bi\x10\xeb\xee\x0c$\x9cy\x0e\\q\x8c\x17`a\x17\xd5\x1e\x0e\x8bX\xd0h?\x88\xd5k\x06\x17\xd1\xc4\x81\x8e\x9b\xe91\xc02j\xbc\x1f\x94K*\xf5\xae\xa6D,\x8df\xb1DZjX(\xd7sV\rr\x91.\xb7\x1a\xe4\n\x85h\x8e\xe3v\t\x8e\x06\xb1&lt;\xd8\xa5\xff\x11\x8b\x9a|\xb6d4\x1aD.\xe9\x87R\xca\xfb\xb6\xb8\x9fJ\x89X\x86\xd4\xf7\xa4\x85L\x02\x16\xc5\x10\x1cG0\xac;\t\x1e\xba\xb3l\x9c\xf0\xdb9@\xa2i\x0e\xfc\xf4\xf4\xc2P\xc3#\x1e\x89\x90\xf9\x9b\x94\xe3\x1cK\xa31~\x88%"R\xa9\xd4xR\x94\x15\xa3\xd1h\rK\xf3\x0c&lt;\xfb\x01\x0b\x1e\xf1\xac+\xe9r!\x16C\xdb9\x0e\x86@v\xbb?\xe4\xb1\xd9z{m5\xb5\x80\xeb\xe6%\xc7\xf1\x92\x12\xb0@.\xef\xbe\xefW.\x00\xc7[\x9b\xbcy[|(\xeb\xfe\xbb\xc1\x8bX)\x8d\xc1p\n\'aW\xbb\x1a\xea\x03\x81\xca0q\x9c\xb9\xe8\xce\xc6\xe3\xa8\x1em\x87\x8e\xbc\xff&gt;Pu\xe1\xe4\x073f\x1e\x8a}\x1b\xeb8\xf3)\x94\x88\xa51|W|\xfb\xe6W,MG\xa8\xd5\x83\x97\xb2\x96\x96\x96\xee\x13\x83\x17\xc25\x9e\xd2\xf4\xf4\x1ce\\.1K\x14JCs|\x16\xa0@,8\xfe\xe0\x17\xfe)\xfc\x90kx\xa8K\xdb\xd5e\xc3\x0bv+\xd0\xee\xf7\xb1\x8e#\xa3\x88\xa5\xd1\x18V\xff\xd0\xf8\xf2`\xff\xff\xbb\xc3\x86\xf4\x13\x10\xea\xe4\xc5CYSKww\xf7?\xf7\rQ\xc4z\x0fX\x8b\x15\xb7\xdb\xa5\xce\xc6Q,0\x0c\x87\xf90 \xe3yQ+\xff\xd4\xe8\xe8(Pi\xb5]"\x96\xc8\xe5Y\t\xba\x03\xaf\x945,\x83\xd1\xfb\xb2\xa9I\xf6\xb0x\xf2^!\xbd%\xfd\x85:I\x8d\xfb\x07\xaf\x9b\x1b\x9b\x9aZ\x10\xeb\x9bUM4\x05-\nXK\xcf\xaa\xb5\x84#EB\xe4\x82\xc6\xef\xee\xd28\xe0\x1f\x1d\xd5yt@\xf5yM.\x9b\xcd\x83-\xe4\xae&lt;V\x9cc\xf5\x18\x8b\xa0\x7f\x93\xecB\xf1`\xf5\x17\xdc_\x06oM\xf3~\xff\xa0\xf8\xb0Q&amp;\x03\xad\xd0\xc2\xeeo\x16\xbd\x80\x15\x8dz\x01\xcbpV\xcdfad\xc8s5\xc7\xec\x04\xcf\xf3\x0b\xbb\xbb\xdb\x0055\n#X\xcf\xb0\xf6\xca\xe5\xcb\xda\xcf\xb5Z\xdby\xf3\xdc\xb7\x9c\x1a\x15\n\x8c\xbc\xc1\xd0\xa3,\xb6\x80\\\x8d\x92\xe6O_\xbf8\xf9\xdfR\x06\xff\x82:\x15\x1b\x1a\x1beM\x88\xd5$b\xbdLy\xe1P\x04*x\xd3\x9ew\x95&lt;fi\x81F\x8c\xd1Q?\x87\xa9\xaa)\x85T\xe0 P]\x06\xaa\x1f\xb1l\x89\xfe#\x85\\\xd1\x83X=JcQ\xd2\x0c\xbb\x0c\\\x17.|\xf6\xfa@&lt;0\xa5\xff\xc5;\xcd*\x1cy\xcd\r\x92F\xd4\n\xb1D\xae\xa2\x06\xa9D\x0b\x94J/\x8c\x05\xe3y\x96\xa7\x13"\xc7\x14\xd4P00\x91@&amp;\xdd\x104\xed\xe5\xcb5.\x11i\xc8\xa6\xb5\xf1\xb9W\xe7X=F\xa5\xb2(\x934Hp\x13\x92\x86\xe6\x8b\x17o\xbcx\xfb\xc6\xf83d\xf0\x17\xaf\xc8\x84MR\xc3\xaa\xe9\xd5\xfd\'C\xd4\xeb\xd5\xd4,P*O\xab|&lt;\x1f\xe7i\xbb\xe8\xd9\xe8T\xc2N\x9f\x1b8\x0cZ\xa1X\xe2r\x1f\x90\xcb\x83PZ\xedh\xfc\xd8W\xc3\x82\xd7+\xd0D\x99L\x02\xad\x11\xc8\x9a\x9b/\xdex\rd\xff\x11L\x14\nB\xfe\xb0\xa1\xb9Y"\x01*\xc4\x82W5\x8a\\\xdd\xdfi\xa2\x9a\x1a\x15`)\xde\x95\xf3&lt;\x1f_\xd8M \x89M\xa7\x83J\x95\xc0\x98\x01U\xcd\xc2\xdf\x9ec\xd9&lt;\x10~\xad\xf6\xc9V\x16&lt;\x94+{\x0c\xb8[\n\x05D\x1e\\@\x1bq\x0b\x12\x08\xd9\x85\x1b`\xe6\xfb\x7f/\xff\x08\x85e\xb3\xa1Y\xdc\x87\xda~\xfc\x84\xd5\xd4}\x02X\x06|S\x11k\xe9\xb8\xc0\xe7!\xe5\xdb\xe8\xdb\xd0\x10\xe8\xb5\x85)\x0b\xe3\x94\r1X\xbf\xfbA-lW\xae&lt;9,\xa4\xe4r\x85\x88eT*\xe4/Z\xf0M\x9b\xc4\r\xe0\xa6$H\xf6\xe9g\xc5\x837?\x81!\x92\x0f*\xd4\xeb\x0b\r\xe7\xb2\x9e#\x89Tb\xf2\x9bZ\xf6\xbdQQ*\x11K\xa9xZ\xe0\xf7\x16\x10kk\x14\x8a\xc1\x10\x18\xf9\xaf2\xce\xdf\xb7m3\x8d\xe3"\x080\xa2$.\x82\xa4 7\nF&amp;\xe3\xe0xh5x\x12n\xd0\xa8!(4\x052\x82\xfe\x03\xfd\x03\xbc4\x07\x03\x05\xc4\x1b\x0ep\xc0\xd3\x10\x0f$&lt;H\x10\x18N\xb5Y\x82\xd7\xb4\x90L2\x02\x0bs\xb0\xddB\x02j\xbb\x0e\x12\xa0\xaa\x1aW\xa8b\xbb\xf0}\x9f\xf7}\xe5&amp;\xbd\xc7zMJ"\xf5~\xf8}~\xbdt\xa0&lt;\xe0\xc1\xce&lt;Hb\xd5jKk\x02\xaa\xba|\xf8\xf9\xd5\x8e\xc0\xa2\xab\xca\x1c\xe5U\x96Oj\x96\xab\xc5fUdM:9\xda\xfa\xf8\x0e#\xc2m\xc3\xdbs0\xe5\xe0&lt;\x10\xa9,\xd4y\\\xf1s\xe8\x15c\x0b\xf1\xce\xa9\x18\xd6c`\xbd\xfc\xe69\xc3\xc2\xb4\x0f\x1f&lt;d\xc1\xbe\xbc\xfc\xe5r\xb5\xc9\xa0\x08k\xedo\xd5\xe5\xb5&amp;\xc4\xea\xfe\xfbM\x86c\xb1\xb33?\xe7\x19\xd4\xed,\n\x17 \x8d&lt;@\xfc_\x1c\xa0\xce\xa6\xa0SA\xd2\x18U:\xfdW,\\\x03^\x12X\x1f\x0b\xaa{\x99\xcao\xff!\xac\x7f\x00\xeba\x95\xf4\x80H\xb4\xf3e\xb5\xda\xac\t[Z\xa32\xd1l6\xab\xdd\xe3g\x9b\x1c\xeb#\xca\xc3R\xe6bAu\x1b)&lt;\xefi&gt;\n\xb3\xed\xed\xa3\x94\xa4\xc1\x94\xb4\xcc\xa9\xd4E\x02\x8a\xbd4\xcb\xc8\xe1c\xcaC\x8e\xc5.\xf8\xeb\xaf^&gt;\xa7\x7fH\xe9&gt;`X\xc2\x9a\xcd\xb5&amp;\x94Z-\xaf\xae\x96\x97X\x91\x80?\x9b\x87\xddO\x7f-\t,\xa2*e\xb6\x8c\x0f\'\xa1\xcd\x02L\x96sZ\xa1^O\x91P\xb2"\x84\xa4\xf7\x99\xd3\xd5\x0flx\x8a\xd8\xe2y\xc8\xdd\xf0\xd9\x8b_\x9e\x1f??\xfeg\xf7\xc1^\xb5\xd7\xabV{@j.\xb1/\xdc\xd5\xca\xe5\xd52w"\x9e,5\xf6\xba\xddg\xdfe\x18\xd6\xbd\n\x9d\\*\xbd\x1d\xf2\x88\xff\x13\xeeO\xa3H\x03Y\nx9\x99\x12\x82\xc7RZ\x14\xd1\x0f\x0cX\xac\x90\xa2\xf0|vzz\xfa\xf6\xfe\xfaO_\xbd&lt;\x86q\xac\x1e}!\x8aQ5\x96\x1a5hE\\\xec;\x81K\x8djw\xef\xf3\xab\xcc\xfbX\x99R\xe5(\xcf?\xf7/HiV\x04\xf0KVR*\xe0`Z\x8e\xf0`\xa4\x1b$c\xa7\xe5\x85\r\xb7\xb6\xfe\xfb\xfdO/^\\\xff\xf0\xc5\x1fd\xc3\xf3\x7f}\xff\xdb\x15\xfd\xadto\x0fR50=\x80x\xa8\x03\x8b\xcbU[j6\x1a\xbd\xbd\xbd\xee\xb3\'D\x852z\x8fSeJ\x07\xc1\xe2\x82\xd5\xdb*\xc1\x84b%\x93\xf6RY\x155C*\x14%\xa9P\xe0C\xd3H\xbf\xb4*V\x0f\xf9\xc0\x1f]\xf7u}\xe2Mg\xfa\xdd\rf\'\x07\x95\xcd7W\xc7\x87\x87\x1c\x8b~\xc8{\xe5r\r@Pk\x95\xb6\xb5F\xb9\x87\x03\xbe\xb9Z\xcfpcj\x91\x1b+T\xe7\xf1\x93}\xdf\x85\nk.\x8a"\xb0\x18\xb1\x8c\xb8\x97@U,J\x00\xebtL\xd34\xb2\xa6\xdeg6\xb3\xacI\xb0\xb2\xe1\xdb\x96\xce\xa9V\xf2\x9d\xf3\xf5\xf6\xee\x1b\x8eU\xed\x81\xa8FT\xf0\x1e\xed0\'\x96\xcb\x8dF\x03\x07\xfc\xfa\xe3\xe6\xc1\xfe\xf6\xf6\xb7?\x9fo\xe1~\xbfR\xa9\xac\xaf\xef\xee^\x07\x81\xc1b\x85q\x19\xb1\xe7M\x0c\xc50\x14\x86E\\P+\xcd\x9dEk\r\xb9c\xc6zr9&gt;;\x0b#\xdb\x9c\xb6\xac\x89\x1f\x04\xc0\x99A\xb5\x8d\t\xe88\x15$\xcc\x1d\xddo\xb77_\x91X=\xfa\x9e\x1dyn\x95a\xd1\x86v\xca\xe5^\xf7\xf8\xf7\xd7\x95G\xe7\xc3\x8d\x8d\xbbw7\xee\x8e\xec\xcb\xabo\xf7\xf7\xf7/\xcf\xce\xac\xa9=\r\x8c\xd1dd@3\xc3n\xb5ZV\xe0\x8dmO]\xc4X\n\xb0\xe6h\x14O&lt;O\x8f\xe3K\xdb\xb6\x93\xbe\x1e\x8fL\x1c\xaa[\xd6\x94x\x81\xa3\x83d\xa5oY\x7f\x17T+yU\xde?m\xb7w\xbe{\xb5\xd7k\x94\x99P\xb0\xa7O\x17{\xf0b\xa3z\xf8\xe3n\xfb\xd1\xc5\xb6\x92_\xc1I\x1b\x1bz\x14\xd9\x01.\x7f\x12E\x91ey\xfa8\x0c[\x96\x1e\x8c\xfa\x80\x9a\x98Y\x8f\xda.\x87\x00\x00\x03\x83IDATlf\x81*ZLj\x94\x8c\xc7v\x92$\xfd\xben\x1a\xa6\xef\x9b#O\xef\'v\x843Z\xad\tR&amp;?\xb5,\x1fQ\x16\xd8\xd6\xf4\x8f\x15\xfa|\xe6F5}r\xd0n\xb7\xd7\xdf\xbd\xea\t$\x18S\x89\x89\xd5\xa8V\x7f\xdflW\x0e\xb65\x85\x02\x94\xae\x84pf^6HZ-{\xe4\x13\x8cna\x8aq\x88\xbd\xfe\xc8\xf3\xa6}\x9fU&amp;\xe2J\x85\xee\xcc\'C4\xe5&lt;\x9b!\xf6uO\x0f\xdd\xe9\xac\x15\xe1\xb8\xac\x0f\xd1p\x91\xf9`\xe4\x07|\x02.XV\x1e^T\xda\x83\xf6\xee\xbb\xd5\xf2Sa\xab\x02\xaa\xdc\xeb\xbd\xdbm\xef&lt;9\xea`\xdd\xbd"\xb0\xf2\x9e\x1d\x85z~\x14\xb5Z#|*`\xe0\x12\xcb\xec\x03+\xd2\x13\xd7\r\xc7\xa6&gt;\xb3\x13\x0fN4R\xae\x1b!\x94`7I&lt;wl\xb3\x83N$\xab\xba\x1b\xeaQ\xcb\x0e\xa0\xa9\xa9\x8f\xfc\xac\xfa^\xb9\xe0\x86i\xd2\x9d\xf3\xd2\x00\xb6\xfbzA\xc5\xc4B\xac?}\xbd\xd3nW\xce\x879\xf9\x83\xb3\x02sd\xe4\xf50\x9c\x06i\x1fp\xd3)&lt;\x84\xe7\x10\xc60m\xd7\x9d\x81\xcdu\xfa\xaa\x99\x8cSn\xa4{^\x1c#\x9c:\xc9|~]\xaf\xd7\x87\xc3\xf8\xfa\xcc\t\xf5p\xacc%D\xfdR\x13#\xc7J\x9dX\xc0\xe1\xf6C\xee\x1c\xd1\xff\xf58\x18\xecp\xb02\xa5_\xaf\x0c\xa1`O\xf6;\x9a\xf2\xff\xa5\x19\xa1&lt;\xf1\xd5\xb4A\xae\x9c\xf6=5\x18\xbb\xa1\xa7\xc8\xc6\xd8u&lt;\xdbu\xec\xd8\x88\xcf\x1c\'\xe5\xf41#M\xa9u.\xe7s\xfb\xfa\xf2\xecf&gt;\xbf\x19\'\xba9\xea\x00\xaaX/\x160XECK\'LI\xe2[T\x19Y\xdb\xbfOw/\x83O\x00F\x11\xd5\xec\xbd#\xa1 \xd5\xc5\x90\x8a\x9fr\xdb\xfa\xb3\xf4\xc8\x8a\xce\x86\x8b2t;\x82O\xd58\x0c#_Q\xcc\xd0m\xf9^\x08\xb1|P\xd9)7\x96\xd8&lt;\x9af\x00\xeb\xe6\xe6\xec2\xb9\x8e\x87\x1d\x89\x172`\xd5\xf1\xa8\x03\r\xa3X`\x85\x8d\x0f:\x00\x8b\xb7}ZT\xde\xb9\xf3\t\x81-\x84\x1a\xb4\x1fQT)\xa2|\xa7E\x1f\xe6\x8b8U\xf4\x18E1:\xa6\xa1\xc0q3UA\xd4\xb833\x9e:n\xe49\x8ek\xa6"Sb\n \xa2:q&lt;\x04P\x81XH H$\x15\x98Z\x0c\x8b\x1e|\x97\xb0\n\x8b\xb6 \xb8p+\xba\xb3\xbb3\x18\x00jPz\xbc\x8dU\t\xaf\xd9\xb7d\xa2"Q9\xe7\x05\x1d\xdd\xd8\xa0\xdcr&amp;x\xe5\xd2q\xbc\xc4\t\x1dg\xac;\xf3\xd0K\x99\xdc-\xe4\x14%\xcd\xba#s\x1d\x10 MA\x0c\x8e\xc6\xb1\xa4\x85j\xd4\xb1\xf0vq\xff\x94:\x0b\x91\r(\xce@\xb5\xb5\xcd:\x18-MDC\xa1%\n\x85%\xad\xe08\x91L#v`3\x03\xc2\x0fc\xcfH\x90{\x89\xc9^K\x15\xa4[\xae\x1c\xad\x10\xe9p\x8d\xf9\x8e\xe6&amp;\x03%\xf6\xb9L\x1c\xab\xc0\x1c)1g\xd2\x1d\x15\xf4b\\\x9c\xadtpR$\x07S\x96\x88\xfe\xcf\xdd&amp;/\x86\xccV\x07P \x06H\x9f\xa84\x86o\xf8\x86*w\xaeo\xe6\xe3T\x915g\x01&amp;\x04gd\xbcE.\xc2\x9d\xd0\x8alp\x07\x8a\xc1Z&lt;\xb8\xb0\xce\x03\x14\xfb\r\xaa\xba\xb4\xc0b\x92\xd1\x8c\xf2B&amp;n\xdc-H\xb3\x8eA\x19\x07~Y\xa1\xf8\x93)\x9c\x10I)\x92C\x13\x8d\xba\xa0Q\xf6\xc0\xfb\xb8\x8d\xe3\xde,0\x06\x1ef\xd2\xfb;\x94\x98\x84\xc5\x9eQ|\x11\x11[V\x1d\x9c\x14D\xaaj\x12\x17\x85&lt;&amp;\xee&gt;\x17d\xb9\xdc\xe2-\xbeQ\xf8R"\'\x960\xd2\xff\x00\x11\xcd%;\xfa+\x1aT\x00\x00\x00\x00IEND\xaeB`\x82'</t>
        </is>
      </c>
      <c r="M370" s="3" t="n">
        <v>45492.67770833334</v>
      </c>
    </row>
    <row r="371">
      <c r="A371" t="n">
        <v>987168</v>
      </c>
      <c r="B371" t="n">
        <v>1962</v>
      </c>
      <c r="C371" t="inlineStr">
        <is>
          <t>Patric Calmon</t>
        </is>
      </c>
      <c r="D371" t="inlineStr">
        <is>
          <t>P. Calmon</t>
        </is>
      </c>
      <c r="E371" t="inlineStr">
        <is>
          <t>LE</t>
        </is>
      </c>
      <c r="F371" t="inlineStr">
        <is>
          <t>LAT</t>
        </is>
      </c>
      <c r="G371" t="inlineStr">
        <is>
          <t>LE</t>
        </is>
      </c>
      <c r="H371" t="n">
        <v>181</v>
      </c>
      <c r="I371" t="n">
        <v>14</v>
      </c>
      <c r="J371" s="2" t="n">
        <v>34519</v>
      </c>
      <c r="K371" t="inlineStr">
        <is>
          <t>Left</t>
        </is>
      </c>
      <c r="L371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bf1a51d-e426-4771-8e41-a81889f42c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a9\xce\xad\x00\x00\x03\x00PLTE\xff\xff\xff\x1e\x1b !\x1f#&amp;$)"!%\x19\x15\x18\x1c\x19\x1e$"\'\x1a\x17\x1c\xff\xff\xfe \x1d"-(.)%+#\x1b\x1c%\x1e\x1f\xadwb\x1f\x18\x1b\xa9r]\xeb\xa6\x8d\x83M;}I8\xc6\x83l\xc9\x84mD0*\xa2aL\xb2yd+#$\xc4\x80i/%$\xbfxa\xfd\xfd\xfc\x88Q&gt;\xd3\x90w*  \x16\x12\x15\xd2\x8et\xca\x87q\xce\x8br\xb5|g\xbf\x83m\xba\x82m\x88aP\xa5nZ\x96hT\xe1\x9b\x823.2\xef\xaa\x90\xadhR\xa3eQ\xb1pZH3-\xc3|d\xce\x88pwG7\xdb\x95{&gt;-(\xd6\x92yM6.\xf4\xb1\x97\x9f^I^:.\' !5%#\xb2lU\xb9~i\xadr]\xf1\xae\x93\xbf}f\xe5\x9e\x84K0\'\x8beSyD4\xb8pY\x96kX\x9an[\xe9\xa2\x89-%)]A8\x8d[I\x95\\H\xe902sL=\xbbu]|YI\x91ZG\x9dfS\xb2v_\xb8yb7)(\xdf\x98\x7fX&gt;5\xb7t]\x81_O\xc3\x87p\'!%\xf39:\xabmX\xf6\xb4\x9b\xa3jV\xd1\x94~\x96XDR8/c=0\x90hV\x82R@\xee46\xce\x90y}SC\x82ZJ\xa8fQwUG\x8dUB\x90bPdF;\xd0\x9a\x86\x88VDY8,\x9daM\x9a[G\xb3\x81miK@\xa8iTT3\';)$\xb1~j\xf5\xf4\xf3\x92_L\xbc\x88t\xca\x90z\x99_KyN=kG:\xca\x8cv\xd6\x96~\xdc\xa2\x8ejA3\xd4\x89o\xa6aL\xce\x84k\xa4r^\x9er`\xda\x91woOBsB2\xc5\x8auR;4tQCD*$\xb6\x85r~M=\x93VB\xae|g\xbe\x8bx\xc3\x90}\xe1)+\x9eo[=57\x9djW\xd9\x8ds\xee\xeb\xe9qG8\x97cPdB6\xa9dN\xc7\x7fg0" \x88[I\xca\x95\x81\xe2\xa6\x90\xec\xb0\x9d\xd9"%\xfa\xf9\xf8\xdc\x9d\x86\x9eZE\xe4\xa1\x883)*\xf6=&gt;\x92R&gt;\xa7wc\xd6\x9f\x8a\xa2we\x8eM;\xfbEF\xda\x98\x7f\xa9|i\xe8\xab\x95\xf9ABn&lt;-\xd4\xd1\xd0\xca\x81i\xdd\xdb\xda;\x1f\x1eomm\x91\x8c\x8c\xc246\xf2\xf0\xee\x88C4\xbfu^\xfdJJ\xed\xe0\xdb\xdb9=\xc3\xc0\xbe\x9f(,\x84rmc3(\xcb\xc8\xc6\xcf-/\xe6\xe3\xe2\xc9!#\x9aS@\xcb\xb2\xb7\xe4\xd2\xcc_ZY\xbc\xb8\xb5FBC\xc2qu\xca{~\x848.v$%\xe4\xaa\x97\xea?B\xb023\xa8\xa2\xa0QOPW)/K\x1b\x1a/\x1a\x18\xb5df\x81\x7f\x7f\xa0\x99\x97\x90qcX \x1e\xd4\x86\x84\xf6\xb7\xabkYP\x92\x80}d\x1b\x1f\xaf #\xbc\xab\xa2\xb7kl\xb4\xb0\xb0\x8d $\xda\xb0\xa0\xbd\x9b\xa8\xdf\xbc\xb1\xb2\x8d~\xb8\x9d\x93\xa4\x81t\xa6\x88\x86\xae_a\x9d?&lt;vbZ\xadMB\xc3^V\xe8YY\xfbUQ\xef\xfe\x12\xe6\x00\x00 \x00IDATx\xda\xcc\x98\xddkZy\x1a\xc7{\xd3\x8b\xc3\xd0:\xa2\x83Z\x1ce\xbb\xd4hd\x89\xa6H\x10\xdd4R\xd4U\xaab}\x0bI\x16\xc4\xfa\x06\xd1\xa85\xbe\xc6\xc4\xaal\xa5DtM|\x0bI\x88\xa6\xd3dJZB\xb2\x06\xb2\xc4\xcd4dnJ\x12z\x93\xf4f\xa1\x03C\xd3\x8b\x14J\xafv\x07r\xb3\xcf\xef\x98\xb2\xff\xc01\x9d/\xf1\xe89\n~\xf2}\xbe\xcf\xf3\xfb\x1d\xaf\\!D\x18\xe8\xffO\xbf\x0f\x01\xcb\xda\xd2\xee\xd1\xeb\x93\x93\xa3\xd6\xee&gt;\xebw\x81\x86]\xc1\xf6_\xef\x1d\xbf]X_\xbfw\xef\xde\xfa\xc2/\xafN\x8f\x96X_\x9b\x0c[\xdb}w\xbc\xc0d2\xfb\x99\xfd\xfdL\xe6\x8d\x1b\xcc\x1b\xcc\x85\xe3\xd3\xd6$\xf65\xab\xb7\xd6z\xffv\xbd\xbfob\xa2\x0f\x1e\xa0\xc1\x89\xc1A\xa0c.\xbco\xb1\xb0\xaf\x055y\xf4ja\x82F\xa3\xf5\xf6\xf6\xca\xe5\xb3\xb3\xf2\xd9\xbe\xb6\x80m\xfd\xed\xde\xeeW)%@\xbd/\xf6\xf6\x8a\x1db\xb1\xd8\xe1p\xc4\xe5q\xf9\x17\x01i\xdfD\xdf\xdb\xd3%\xd6\xa5C\xb1\xde\xeci\x10\x8eT:\x0e\x82c\xfcB\x88+.\x96\x8b\xc54\xda\xf1\xe7K\x8e\x186yr644&gt;$\x95:\x9dN\xe9\x17\xe1\x80@6\x1eo\xbf\x90\x8b\x0fZ\x97h\x18\x8b\xb5\xfb1\xaa\xd18\x9d\xcb\xcbNg\xd6\x89+\x9b\xdd\x01@\'N\x89\xfe\x10\xecx\\z\xf6n\xe9\xb2\x0c\xc3\xf6?\x9f\x052\xd9\x0b\x15\x90vv\xe0\x05\x1cv\n\x85\xec\xce\xce\x0e\x1c\xb2\xd9\xb6\x8d\xcb\x1fw/\xc70l\xe9c4S\xaf\xd7\xb3\xd9z]$R*\xa9\xd4\x9f\xa9J\xa5\x08\xa9PP\x82\xe0Za\x07\x87\x05\x0f\xb3\xce\xf3\xa3\xcb\x98\x15\xac\xd6A\xb4^\xd7\x03W\x1dG\xa1R(\x14*UT/\xb4\xcf\xa8\x88SY\xc0\x01\x0b"D[7|\xea|\xf2YGg\x99\xba\x1e\x11\xe0Xm\x7f\x00#[\xc0\xa1\xa8"\xe5\x85DJ*\x00R\xa9\xe5r:}\xba\x8fu\xda\xab\xb3\x8c^\x9f.\x97\xa98E\x1bL\x84\x9f\x00G\x99\x8a\xdc\xba\x10\xa2\xa2 \xb9\xdd\xe9\xbd\xcer\xb1Z\xc7\x01}\x1a\xa8\xca\x88\xa0L\xa1R/\xf0\xa8\xb8\xd8\xa8\xa0\xca\x0b\x9bp*6\x92\x9b\x92\xde\xebdCb\xbb\xc7\xcb\xf5t\xd9\xed.\xe36\xb0\xf1c\x9b\x08\x9e)m)\xdb.\xa1\x07{\x8b\xbd\xe1\xf3\xb1\xe1s\xe9\xd3\x0e\xe6k\xe9U\x00\xa7\x82\xff\x1f\xb9\x00_\xc8ns\xb5)\xd9\xe8*\xc0\xfeL\xa1l\xb1\x11T\xa5\xb2\xb1Q\xd9\xd8\xda\xf2\xb1\xdd\xe9O\x9d\x9a\x13\xd8\xda{\r\xe4\x8a\xea\x06\x05\x01\xca\xe7\xabT|\xc8\x0c\x9c\x0e?\xe2\x07D\xe5\xf3mmmm\xd8+a\xbb\xdd\xae\xabT\xa0\x90c\xaf;\xc4\xc5\xfa\\\x0c\xa0\xb8\xbb\xd9\xec \xd0\xf8*\xf0\x95\xf6\n\x8eVi\xc3\xf9\xda\x15c\xb3\xb76\xc0\xa6\x8a]\x12\x96\x84\xc3)\x9d\xce\x0e\x9fq\x9f\xefb\x9d\t\xd6/\x9a\x0cN\x15\xd4\x1a\x8d\xc6\x8a\x0e\x9c\x08K$)\x9d\x11\x97\xcf\x87\xdb\xb7\x81\xf0\xc0\xa8\xca\x06PI\xe8\x82\x90$\x14\xd2\xe9\xc2\x95JP\xff\xb1#\xf1Z\xdb+f2\xe94$+h4\xeat\xa1T8,\xa1\xd3\xe9!\xe0\x022\x1f\xba\x06\xfe\x81M\x00W\t\xbf\x04\xd1\xe9\x02\x01\xdd\x0bh)\xf8P\xd0\x9d?\xe9\x04V\xeb,\x90\xd7\xa7G\xddA\xa02\xa6B!@\x12x\x05`\xc8\x17\xbf\x80K\x87\nf\x0f\x87\xc3\xf4\'t\xfa\x93\x9e\x9eXLh\x8dYm\x02AHg\x0c\xa6\x0f&amp;;P\xc3\xbd\xa1\xfcLzt4\x18\xd4NM\xa5R\xa9\x10@y\xbd\x02\xb0\x0b\xach\x83\xe9R:;*\xad\x04\x11\x81\xee\x08q\xc9\xac\xe4n[\xc3\xa8\r\xce\x10\x9fz\xac\x15\r\xe4gFG=+Z\xadqJ\x97Bv\tb\x08\xcc\x06V\xf8*F\xbb\x1d\xc7\x02\xb3\xeca:\x0euG8l\xb1\x98\xcdf\x0e\xc7L\xeanh\xb5+\xa3\x07D\xa7\x0b[\xdb\x03*\x83\xc7\xb3\xe2\xd7j\xa7\xf0j\xa5\x04\xdeX\x0c\xc8\x04!&lt;^a\xe8\x01\xc8\x1b\xea\xce\xb0\xe4\xc9\x93\xa7O{z\x84\xc3f\x86\xd9\x02X\x0cR\xb7\xc9\x04\\#D7#\xf6\xe6,:f\xf0\x18V\xfc~\xa8a\x03\xbc\n\x85\xa0\x80\x02\x085`\x85\x01\x12\xb0 \xd9\x92\xf0KD&amp;\x91&lt;y\xea\xf5\xf6\x08\x85f\xf3\x00P1\x18\xa4\xe9\xc5\x06\xdf?\xfa\x8e\xe0*b\'\x9a\x19\x83\xc1\x00%\x9c\x02*Sw\xb7M`\xa2\xd3%\xa8\xd7Ba$4\xa0R)\xb8"\tC\xe4a4\xd0\x01\xccj%\x93\x81\x893\xc0\xa9&amp;\xaa\xf3\xf3j\xc5\x07b\x97Fl\xf2c\xc0`\x18\x19\xe1\xf9\xfd~\x84e\x83@\xa1^\x04\xaf\x04t\x9cJ"\t\xd1\xf1\xee\x84\xc1\x00\'\x12\x1c\xd9f\x95\x91I\x0c\x06\x97\xcb\x8dp"\xd5\xcd\x9cJ\xd1"\x14\x8b\xf5\xe6&lt;o\x18\xe1!,\xbe\x1f\xb0@!\x84\x14\x03\xa1v\x0c#B/\xfcy\xe9\x88\xc9n\x7f)\x018z\xcc*\x93\x81W\\n\x92\xcbM$\xb6sj\xc5\'b\xdd:\x89"\xaf\x14~\x17\x1f\xd4\x00.\x81I`\x8d\xd9\xbacV\xe8\x7f\xab\x17\xb7\xcd\x8bC\xc2\xc0\xa2\xdb\xc3\x00\x05\xc3V \x90\x999\xe0U2\x99\xe4&amp;J\x91\xed\xa6\xea7B\xc3\xc5\xda\x03,\x85B\xc1W\xf9\xf9j&gt;^F\xb2\xcc,\xb3v[\xd1\xd1\x1a\x8b\xd9\x90u\xf0\x0c\x0f\x18\x1at\xef\xd3\x1e\xd4\x8a=\xe0\x16i` \x89TK\x96"\xcd\x1c\xa1\xe1\xc2\xf6\xcf\xc7\xc0+\x85\n\x90\xf8|\x98\x10\r\x9b\x8c\xc4\x011\xa0H\x0c\x92L\x06-`\x05\x04 \x14"\xc8\x18\x0c\xd1;\xc3\xc3\xdf[\x86\x852\x08}\xa4T\xab\xcd\xcd%\x91]\x1f\x08\r\xd7\xeeY\x1bK\xd5\x98W\xc3\xe0\xd2\x9a\xba\xa77\xab\x89D\xa2\xba\t"WId\x12\x99\x8c\xe6\x93\x85a\x06\x0ex\xcd\x18\xb0\xdc\xbd\xdb\xd5u\xd7\x8c\xce\xab\x91$`\x95\x92\x08\xeb\x84\xc0\xdb \xecu\x1e\xa8x\xbc\x9czs\x9a\x0f\xd3Z?c\xe0)\xd4\x90`\x1e\n\x9cK\r\x8c\x1c4\x07@\x0c\x98\xe7S\xfc\x86\xd6?O"\x016\x83\xc30\x93\xc9\\\xa0ZM\xa2*~\xf8\xcf\x1aqXk\xef\xf2\x90,\x9e\xa2\x99\xdb\xce\xf9\r\x99\xa1\xa1bqH\x13\x08\x14\x8bE\xf1P op\xcdoGJ\x11.\x87\x93\xe0rI\xf3~7\x80g\x02Q\xf0\xd7\x85\xc3/\x92\x13\xb5\xb9\xd5\xd5Z)\x92h\xe6~\x9b$rj\xe5y0\x1dT90\xc8\x13\x10\x8b\x8b\xc5\x85~&amp;\xf3\xfa\xf5??\xebsD\xa3zx#R*E\x92\x03\x8c*\xc2Z\xf1{\xc6\xf2\xe8\xc7\x1cqoo1?\x96Ok\xa7\x13\xb5\xd5\x87s\x90\xad\xed\xe6\x7f\xf7\t\xdc\xc3\x9f\x8f\xf1x&lt;EN\xadV\x182\x1a\xf0\xcaA{v\xed\xda\xf5uf?m(\x9a\xd7\x8fB\xc5\xaaUN\x8d;\x00\xf1\x87"\xfa=3\x1a\x07m\x90\xc9\x1c\xec\xef\xef\xd5d\xf2\xfa\xe0|\x02\x85\x0ba}xCX\x11\xb1\xdd3\xc8\x92K\xa5\x86\xe5cF\x9f\x0fD\xf5\xfa|~\xc8A\x9b\xa5\xc9\xc7\x97a\xbf\xbab\xb2u\xa3E\x06rn\x15\nm\xa6\x86\xd6\x93\xd1\x88\xfb\x06\xfbz\x1d\x0e\xc7r\xde`\x18u/\x96\x00+\x01X.\xe2Z\x11k\x9d\xa1h\xa9\xd5j\xd5\x8a\xde\xc3s\xa9\xe7\x17\xf9~\xedJP\x9f\xcd\xd6\xd3n\x98\x17&amp;\x18Zf\x98\x0f\xc2\xfb\xc3\xf7-0\xc8\xc8\xe4\x86[\x04\xef\xad\xc0\x02\xba\x08\xe9r)\xb4\x9b\xb5\xb9Hb\xbb\xd9T\x1ca\xc46\xa2\x02\xa8\\\xa3+\xdb\xb5*\xda\xa6\x98`\xdaCK\xd6\x0bT\x9f1e\x13\xf4xa\xa1\x11\x0e\xdf\xbf\xfd\xc3w]\xe6a\x8b\xd0\xe6\x0b\xc2}\x88\xdd\x1e\x8a\x99\x07\x1e\xad\xd6r\xfeF\xa4\x16\xd9Dn\xbd&amp;\x0e\xeb\x1d\x8e\x95S\xabx\xbc\xed\xb9\x12\xd9\x96\xd2i\x83\xe5z\xc6)\x1d\x1f\x97:\x95l]*f\xed\xb9\x83\xcc\xba\xfd\xaf[\x7f\xfc\xce,\x8c\x85|l\xd8\xc5\xeaRt\xd8\xdb\x0c\xff\xfd\xf1\xf3\x7fl\xf2avU7\x9bM\xd7\tqK\xcfit\x84\x07\xed\xa6r\xf1\xd4\xd5\x12\xc9f\xd2\x95\x0b\xa2\xb2g&amp;\x03X\xf1\xf8\xe1\x0e\xc5g\x17X{`\xc6\xff\xe5\xf6\xad\xbf=0KL:\n\x15\xb6\xd7e\xb7/,\x90uu\xfd\xf5\xe1\xf3\xe7s\xeaMn2\xb1\xd9\xcc\xa9\t[\xac\xd1|\x18A}\xe8R\xa8\x13\x91\x04\x04\x87\n\xf7?\xa2\x99\xbcxV\x1e\x97\x8fK\xe3\x87\x05JH&amp;\x14r\xcc\xc3\xb7^\xbc\xe8JQ\n;\xe8\'\xc2ei\xb6P6\xda\xbaV\xe7\x1e!\xbb6\x13\\N.7\xaf"\xec\xee\x1a\x9b&lt;\x18\x83\xc8\xabU\n\xc54\x0c&amp;2?\xedQ\x184\x13\xfd\xd7\xbf\xbd\xf6\xebO\xb3r\x8d\xf3\xf0\x90m\xe3vY\x06,\xb7_\xfc\xf31W{\x18\x97\x8e;\x9d\x9a"mV\xec\x84v\x98[}\xf4\xe0\xc7\xc7\xc9j\x82\x9b\xc8\xe5\x9a\xeaOD\xad&gt;\xac}\xc0\x1aQ\xa8\xf8.\xfe4\x89CZL{\\\x06\xda\x1fn\xde\xfc\xd3\xd5\xab\xcc\x85g\xb3\xe3\x19\xe7a\x83\x91\xec\xb2\x98\x85\xb7\x1f\xff\xfb\xf1\xaaj\\\x1a\x88J\xc5\xcckWo^\xfd5\xe0j\xaa\xe7V\x1f\xbc\xf8\xf1a\x89\xcb\xad\xc2&lt;&amp;\xd0\xad\xa5\x03\xd8l\xa1\x9d\x96\xaa\xca\xe5\x92\xa7&lt;\x9e\xc0O\xc5\x83\xeb7_}\xf3\xed\xc2\xde\xb9\\\xbe\x9c-\x98`5\x14\xfe\x8f5\xb3\xfbI3M\xc3\xf8\x9e\xf4\xc0\x03\x8b2\xf2*C_G\x16\xe4EdJ\x15\xd7\x8f\xd1\x11\x1d\xd4\x02\x06\'\x82\x88\x8a$V\xa6\xc5\xf8A\x15\xe3\x80\x1f\x15\xaa\x88\x08b)j\xd1P\xb1*\nd\x80\x06\xd1P\xe2\xb2f3c\xcc\xa6M\x1a\xdb\xcd$\xad\xc9lj2m\xc8\x9eL:\xbbm\x0f\xf7~\xdd\xf9\x0f\xf0I&lt;"\xc4_\xae\xfb~\xee\xe7\xban\xba\x06\x14\xaa`P[X5$\xae\xd7\xff\xfd\xe1\x97\xff\xfa\xf3\xa5\xc7?W\xab\x9f\x0c\xaej\x83~\xf3*\x931\xe1\x16\x89\xd4\x17\x86\x95\xbb\xfeTs\xfe"\x17\xba\'\x0cL\x82P:}8\xf4\xe2\xb7\x87\x19\x972\xce\xc4\x9f\xdej\xaa\xc6f\x97e\x04r\xd1\xc0\\%\x87\xd2\xab2\xaao\x8d\r=\xfd\xfd\x97\x87e?_J\xff\xe7\xf3_\xb3\x9d\x83.m\xd4\xef72kt6\xb7H\xf8\xe2\xc2\x8c \x8e\xd5P\xa0\x16\x9ec\xed\x16NmV=\xfa\xf8i\xe1\xb0\xfa\xf0P\xbc\x00C\xa2j\xba\xbf\x90\xd5\xc5\x01[\xba\xc5-1\x1a\xdd\xfaz\xfd\xbf?~\xea8\xcc8;{z\xe7\xe5\xa7\xaa\xbe=\x9f\xd6\xec7b\xcc\t\x9bP(zq\xb1j\x15\xa8\x0b\x856\xb8M\x99\x83;\x05\xc2\xdd\xc9\x9e{N\xa9saz\x13\xa8n5\xefltw\xf1\x06rr8\x12/]\xe9\x9e\x15wl.h\xf4\x1d\x8b\x87c\x1f\x7f_b\xed\x15Lh\xa3f\xb3Q\xc9\xac\xb1\xc1\xb5\xb9\xb0E\x04\xf4\x96\x13\xc7\x12\x8av\x19L\x06k\xcd\xed\xb6\x19VdM\x83jQ\'L\xd4\xcd\xd9\xe6\xbe\xa6\x8d\xee\xa2\xa2\x81\xcaJ\xc0\xf2\xcak\xa76\xc5\xe2f\xc8\x94S\x07\xd7\xef\x1a|\xa7\xabK+\xdah4\nj\x91\tBu\xc3\xc5M\xf9\x1f\x9f:\xa5\x9d\xfd\x83B\x91\x8d@\x06#J\x00+\xca\xba{\xfb\xb3\xac{\xf7\x1e5\xf7-O-7\xdd\x1d-R(8\x80\x85&amp;\x12\x92\xa2\xee\xe5\xe9\xe9\xd9G\x7f\xc9\xfal\xbfR\xee\x0f\x9cF\xa3&gt;\x9fV\xab\x05,\x06\x01f\xcc_/p\x9cBt\x05S\x07X@D\xc0C2\xebn\xcb\x17=\xc3\xf0JO\x0e\x7f\xd122\xda\x85\xa2\x12^\xce\x1c\x8fk\xb1xQ\xb4k\xb8\xa7i8\xeb\xde\xf5\xfd\xca"%.\x94\xcfaT\xa9\x1c\x18\x84X\xb7\xfa\xed\x85\xe5\xfd\xdc\xdc_\x174\x1a)\x0c.7\x8e\xd5Jf\x80Cgu\xc3\x91m|\xdb\xd22rmT\x81\xf2\x01k.\x04Xv\x8b\xd7Ki\x95\x8d\x8c\xc8\xbe}\xf0]%\x07\xf39\x1c\xbd&amp;%p)\x95PEw\xe1\xc5\xf9\xad\xb4\xb4\xdf\xf4\x0b\xe7X\xa0\x16\xa1\xb5\x15\xdf\xc2\x80\x8d\xe9\xaa\xed\xba6\x02\xf9\x9e\xc3+\xe2Sp\xaa\xca\xd0\x96\xc0jo\xb7\x97\x94 \xf2Q\x88g\x90\x81\x8a\xe4\x18\x9f\x82\xe4\xe7\x9bLF\xcc\xa1\xd4\xb9l\xa2\xbd\xf5\x8b\xda\xd5\xdcY\xffE\xeftj\xce\xb1p\xa5Z[\xf1\xad\x15\x18\xbe\xd1k99\x03\x10\xbc$\x14\xae\x84\xc7\x99\x0b\x85\xe68\xa8\xa7\x9dm\xa7\xd1\xac(8\x1d\xe87\x85\x1c\xe5R\x80\x8bf2*\x95L\x1d\xc1\xad\x06\xd3|\x11?\xca\xa6\xad\x7fx\xfbvP]\xe0t\x16\x14\xe2o\x0fC.\x97C\xfe\xc3\xc9\xba\x06 \xa5\x16\xa1\x12\x05\x05A\x05&lt;\x1e\x87\xb3\xc5C\xad\x16v#\xbb\xbc$\xe1=\xe2\r\x0c\xf0\x04pP\xae\xd5B\xcb\x9bQ\x99 \xef\x13X=\x9d\xffx\xf9\xb7\x1fS\x1f]?|\xd8 3\x08\x13\xf3RM\x03`\x91\xb1\x1a&gt;\xca\xe5r\xf9|\x08\xaa\xf8nMpt\x84\xa2\x08W"\x90\xa08\x82\xd5\xe3a7\x12\xd94\xab\x17\x95p\xb68&lt;\xc1\x11\xd7k\xb5xJ\xdb\x833\x80\xc5 d\xcaZ&amp;e\xbb\xab\xc7\xb9)\x8b5\xf8,\x8b\xe90\xe8\x06q,\xb7N\x89Q\xf8\\\xae\x97{.\x0f\xa8!\x91\x1cq\x11\x8aD\xc0\xb5\x02\t\xea\xb5\xd8\xed\xa5\xec\xab\xc4R\xb8\x8f\x12\x1e\x0f&gt;Gq*;;\x1c\x0e\x1a\x99Lr-F\xe2\x93T\x8cJm\xca\xa9\xecx\xf2\xe0\xde\x88\xd1\x88\x894PD\xf7\xca\x8aCI\x02\xb5P\x89@\xc0\x03\x85`.\xf0\xe9\xf9\x02\x1e7\xcfN\xcb\'QJ\xecuu\x1e+\xfb\x9b0\xcd\n\x02\n$\x02\xdeQ\x02.A]#\xd1\x1fT1k\x08\x04U,\xe6\xdf}\xf7\xba&amp;\xe5\xbe\x7f.\xfb)\xa2\x88\x1a\x95\xacf\xc0\x12\xb9\x0cF#\x9d\x0bR\x08\xf0\xff\n|\x12\x05=\x9f\x8bZ\xdb\xd9\xedasoy\xac\xee\xabd\xa3\xd5J\x0c\xc7, (||\x04\x8dU\ne\x8d\xfb\xcd\xbd\x18\x93@\x0e\x9a\xe3\xf1\xe57\xaf\x94\xeb)\x17\x91\x15\xda\xf2\xc6\xe8Xws\xa7P\x08q\xcfgT\xe2ZI\xf0\xea\xf1)\x14\n\x89\x8e \xe5\xe6d\x80\x1dO\x06K\xd9u\xc9\xe3$\xdbb\x8f\xc5,\xd6D"a\xb5&amp;\xce\x1b\xab\xf1\x9b\xc0i\x10\xb0l5a\x7f&lt;\xd9\xf2\xe6\x95)e\xb5\xd6\x190\xbb\xad\xa8\\\xa6\x91\xaa\x07q,\x07\x1f\xfd\xff\xa1 \x08\x85\x84\xd0\xe9H\xcc\xac5\x07\xd8\xb1\x19;\x94\xeb\xea\x8dd\xb2\xd1^B\xf3X\xce\x0f\xae\x154V\xfcF \xd8\xab\xd4\xada\xc1pi\xe3\xe8\xbb}m\xaa\x1b\xe7\xb4u\xdd\t\x87\x8b"\x03kNi\x83\xda\xe6\x82\x14\xea !\x08\xe2\xf5z\x11\xe4\x1c\n\xc9\x0b\xf6ff\x9a\x83\t4Qz5\x1e\x8c\x11\x93I\xa2\x17\xb5x&lt;\x1e\xfc\xaf=\\w5pz\x1a\x08\x98\x8d\x8e\x895\xb2\xa9\xdcb9z\x1dz\xffC\xcaj\x11"\x1c\x04AOX\xfd\xce\x06\xa1\xcd\xa53\xac\xfazMt\x12\xfd\x8fc\xa2+M\xd8\xed\xc3\xb3N\x87\x80\xe7\xb5\xc7]\xd3\x9b\xb2\xf2\x1b7(\xbc\x12@\xf2\xd8\xed \x151\x1e\x80sjV9&amp;6Z\x15[vO\xe2\xd5\xdc\xfbT\x07j\xeeqfD\x10\x9c\x11l\xd5J\x17\x1a\x84\xee\'.\xd7\xea\xaa\xa9W\xd5\x0bD\x7f\x88E\xe2\x8f\x1e\x8c\x8d\xcdfV~\xaf\xa0\xc9\x9f\x9d\x9d\xbd\xd9/\'\xf2\x04%PA\x8f\xbd\x9d\r\xcd\x14\x08$\x03\x01\xbfY\x0bja\x91W\xbc:{\xe4$\x9aj\xccH{\xd9\x1d\xc9\'\xb6\x97\xa0\xe4\x1d}A\x81{\xd75a0\xac\x1aU\xbd\xf9%\xd0Y\xd0Z$\n\xb7(\xf4S\x8f{\xd76\x99%\xc3dM\xf3;\xd7#G\x829\x14o+O{\x1d;\x1c\x8f\x03\xd7i\xdc\xef\xd7:v7h\x91\xd7\xa1\xf0W\xad\xfb\x86\x94\x7f\xcdx)\xdb/o\xb7\xdb\xf3\x98\x85CR\xa9{\xcf\xedZZ\x81$\xd3\x9bO?\xc7"\x01\x96\xfc\xda\xf02\x98\xc4\xfe\xe6\xfe\xe1\xd9i\x8dzr\x94\x07o\x90\xc7b\xb5zJq\xb1\xe2~\xc0:\xf5\x9bU\x86\xdd\xc9\x99\x93W\x02b2\x1a\xc1\x8eS\x9e[\xf3\x0fhv\x8f\'h\xb6\r-4\xef\xa8\x85{\xf8\n\xcd\x08j\x01\x11%A\xa1p)\xe4\xc2Gc7;4\xd2\x85~\xa7xqq\xb3\x8f\x05w\x14\xbe\x82c\xd5\xc5\xe3D?\xde\xefpT:\xf7\xdd\x99P\xc8J\xf4\xcf&lt;\xe0\x1f\xa7Z\xc4;\xff\x95\x91h*Z\xcc\xec\xd2\x0f\r9\xc19\xcf\x1b\xce\xb1\x10|\xd8S(|yf\xd3\xec\xe2vu6\x9c\xa1\xe2\x9b\x15\xe3\xe3\xf5\xb7z\xe4\xfc\x92r\xbb\xc5\n\x8f\x8e\x1f\xaag\xf6\xfb\xc1\nFW\\\x85\xdd\xb4\x93\xa3\xd2r\x85$\x922\xd6\x9f\xd2^\xb0x&lt;&gt;-/\x8f\xa9\xbf/^\xe8S\xabE\xbb\x86%\xa6\x03\x01\xb1\xbc\xf0b\xb7v\x0fWUoS\xa9\xe3eW\xd2\xb7\xa9\xdbmW\xaa\xc7\xeb\xc7\xfaj\xe5\xa6\xf2r\x0b\x8c\xb1p\xdc\xec\x87|\xa1]\xf5\xf9t\xb6~\x16?\x84`\xdf\xef\xcf\x9d(S.b\xdas\xdd\xd6\xc9\tG\x8e\x1a\xa4\x15\x15C\xd2\x82~\x90K\xe7R*\xa1\x84$\n\x9f\xb1\xd6\xd7\xb1\x9d\x9e\x91\xfe5\xf5\n5#\xfdr\xfa\xe5\xcf?\xa7R\xb7\xeb\x9b{j\xe9\xa5\xa5xk\xf9\xcdf\xdc\xc8k\x97\x0c\xf3\xf3R\x02\x7f\xff\xf6\xc1\xb3\x83H\xc8\x97\xf2\xa62\xed\xce\x87\xdaP\xa42\xa7\xdb\xd0PQ|_/\x85\x17\xfb\x89-\xb3F\x89\xc1-d\xb0\x9a\xa6\xefS\xbf\xbe\x9c\x9e\xfe\x18\xa8.e\xa4S\xaf\xb4\xb5}\x9d\x91\xbe\xbdX\xd5\xdf\xad\x8c\xb5\xd7\x11\x01\x0b\xb4Z1\xac\xec\xee54L\x91\xbf{\xf7\xe6\xcd\xbb\x83\x90\xe0}\xca\xeb\xe6\xb4\xdc\x17k\xccL\xac\x86\xb9\xd2P\xfc\xb0\xacxH\xdf\xd90_\x08n\x10\xa3\x932\x87\xfb\xab\xea\xdb@\x1d\xeav\xf1b\xfd\xe1\xe1a}EEq\x19\x95\n\x85\x1c\x17O\xada\xb1p\xfc4n\xd6\xfa\x0c\xba\':a\xe7\x82\xb4\x8fy\xed\xd9A\xd6\xf5P&gt;\xfd?\xa9\xfb\xd3\xdc\x97\x83\xdd\x98\xca\xe40t\x96\xb5]\xc9\xae\xa8\x80\xb4\xd1\xbf\xe6"`J\xd6\xf2\xa3\xe9\xecjju\xb6\x18\xdf\xa0\xf6\xf5\xecL\r\xf7LMw,.\xde\xbc\x9f=~s\xa8\xb9@\x17\x84\xe1\x1e\xd5.=\xd9\xdb\x13i\xc4\x15\xfaiL\xa5\xe0p%u\x88\xf2\xf8\x02l\xf3\xfa\xc75\x15\x8e%-k{\\\xd6Q!\x16w\xfc\x8fv\xf3\x7fi#\xcd\xe3x\xa7m$\xda\x9b\xc9d\x15\x06\x87!u\xd2\xad5\x89B\x19\xd6\x8e\x81LNa\xb3G$#\x04\xd7v:\xc4\xb0\xb87F:!\x9bow\x06\xa3\xa9g\xb4\xfdA\xf1\xcc\x17i\xa4\x86\xd5@b\x17\xcb\x06\xaaK\x85J\xd9\xd2\x1f\xfc\xa1[\xca\xd9\xdeZ8\xe8\x1e\xd8=\xe4\x16\xd6\xa3v\xbb\xf4\xb7\xfb&lt;\xe9\xbf\xe0&lt;$#\x82\xe0\x8b\xf7\xe7\xfd\xbc\x9f\xcf3\xf3L\xbar\xdb\xda6&gt;R\x8asN\xc6)\xaa\xe1`\xf0\xb3p_\x0c\x1dCH\xd9\xdc\x95po0\xc3q\x8a2\x1c\\\xf8\xd7\x9dh\xb4\x90\x9fs\x07\xbc!\xc5.\x8b\x97g\xee\xb7\xdf\xbft\xe5\x1f\xd1\xe3\xb87o\xda\xbd5y\xe1\xc2\xe4ZB\x92\x18\x9e\x03\xbd8eeu\xc0\x10.\xd9)\xbe\x9c\x8cTb#j\xacr\xb6\xf1O\x7f?\x1bkj&lt;\x1b\xebK\x85\xc7\x032\xc7S\x99xx\xe3\xceRa+\xe8M$B\xf3\n\x97\xe1\xfe\xda\xf2\xf1\xcc\xb7\x1f]\xbb\xfc\xe68\x9ed\x98v\x96&amp;\'\'\xa3\x93\x11\x86a\x19\x86\xe6y\xde^\x9a\xea\xb3y]\x14\x97t*\xd9\xa6\xa6\x91NtFj1\x16\xb4X|A\xef\xcabc\xcc\xa6\xda\xd1\xcdo\xefxtmi4\x1br(\xa2\x9c\xb1g\xec\x8d\x9f\\\xf9\xb8\xeb\xa3;\xd1\x9dc\xd9*\x9a\x9e\x17&amp;\xa3_\x1ad\x0f\xcd\xd2\x04\xce&amp;9\xfb\xf0\x94\xcd-\xe68\xde\x99s8\x1e45=H\x84~9\xda\xde=\xda\xdd\xdd=\xfa\xe5I\xba\xa9sq$\xee\xca(\x9c\xd8[X+l\x85\xb2i1\x82\xe2\xd6\xfe\xe0\x8f\xedh\xe5~~&lt;\xf7lL\xeb\x0f\x7f]\xfa\xfd?\xcb\x82\x87\xa6\x05\x9a\xb1S\x99R\xd6\xed\x93s\x14\x8a\xce\xb1\x07\x8d\xdf5\x06\xe6\xde\x1d\xed\x1e!\xac\xdd\xa3\x9f\x9f\xfc\xfb\x87\x1f\xc6\xc6r\x9c]\x96\x83[\xe3[\xeel"\x94\x103\x94\xb4\xbc\x1c\xf9\xf3\'\xd0\xe6\xbc=\xb6\xa7&gt;\xf5\xeb\x8f\x9f=}\xe1\xf7\xd0\x02A\xb0N&amp;iO\x07U.\x97K\xe6\xe41G\xe3\xc5\xfd\xfd\xf7\xef\xf7\xf7\xf7/\x0e\xbc\x7f\x0f\x9f\xf7\x17\xbf;\xfb\x00\x1d\xd5\xb5\xdb\xc5Hp\xae\xb7?\x91\x903\x1cEI\x1d\xcb\x8fv\xa37\xde\xee\xac\x9f8\xb6Q_oz\xf8=\xa2\xc2\t\x96f%{&lt;\x1d\x02\xb5r\xa5\xa9\x91\xa6\xaf\xbe8\xdcC\xe3p\x1f\xb1\xed\xef\xef\x1d\x1c,\xac:J%W\xce\x15)\xa5\xfb\x83\t9!\xcb&lt;/uT;^\x99L\x13\xc7|\xe2`}\xfb\x85\x1f\xa8\x04\x01\xfcU\xa6\xc6JY\x91\xcb\xc5\x83a\xeb\xec\xed\xe6\x85\x97/\x0f\x0e\x0e^\xee\x1d\xbeD\xe3\xe0\x9bo\xd6f\xfb*^G\xce\xe1\xf5EB!\x85S8*\xc9\'\xe9\x8e\xe5\x9fO\x1c\xfb\x11\x7f\xd3\xf6O\x04`\x81\xebi\x82\xe5!@Kcc\x8b\xc5\xa2q4\x9f\xcf\xb7\xed\xed\xbd\x04\xaa\xc3\xbd\x1a\x1f\xac\x82\xf9\xd1\xa2\xad?\xee\xed\xf7Y\xfaC"T\x10\x1d\ng\x00\xeb\xf8\x0f\x96\xd5?{\xe1?\x8da\x04\xa8\xc5\xb2\xbc]\x89\x97\x86\xd5\x94\xd1\xd0j0\x8c\xe6\xaf\x03\xd7\xe1\xe1\xfe&gt;T\xb3\xc6\xb5qc#\x9f\xdfTCY\xf7\\\xbf(\xcb\x1c\xc7\xf1\x8cT\xedX~\xa5\x01\xd6\xc4k\xff\xe9\x06\x0c\n\t\x92Av)%\xb5hh]\xb8^\x0c\xdbl\xee\xb9\xd9\x1e\xab\xd1x\xd8\x03e\x9c\x8eF7j\x9f\xb5\xdb+\xde\xb9MoD\x81\xc8\x97\x9c\x9e*]]\xfe\x9f\x06\xe7\xb7L\x8fN\x9dBr\xe10\xa0QP"j\x9f\xb5m\xa1\x90\x1aYL\xcb\x8e\xb8"\x8b\xa5\xd2\xca\x8a\x1a\x0cZl\xb3\xf9\xc2Z\xf4\xc6\xc6\x92E\xb5\xf8 \xb0xX\x1d:\xd0\x8b\x1a\xcb\xff&lt;\xa1\xc1x\xd5Q\x87\xd5\xd5\xe1\x04\x0c\xe8\x112rV\xb5\x8d_/\x84\xa7V\xc6r.\x8aa\xa0\x17,;\x93\x94k,\x1d\x0c\x8c\xafA;s}\xdc\r\xce\xe2y\x86\xa6iH\xbc3g~\xda\xd6\x02k\xfb\xc7\xba\x86\x86\x06\xf0=!\xd0N\'\xe7\x9aO\x07\xee\x8d\x8e\x86GTuXI\xb2h&gt;\x08\x8c\xd3i\x8f\x97\x82\xe8\xf9\xc0\xc6\xd2\xd6\xe6\x1c\xe4(\xc53\x02p\tU\xda\xff\xe2\x99\x16X_\x7f\xef\xc7N\x9f\xc6\xc0[\xb0\x02A?#\xcb\xfd\x96\xd5{\xc5)\xef\xca\xb0B%\x9de\xa7\xd3)%]q\xc7J\xb8X@\xcf\xcb\xdd\xbd\x16\xf0;\xb5,1\x1e\xbf\xe0\xa7\xfd\xd5\xd7\x13Z`\xad\xbf\xea\xc0\x1a0\xbd\x1ek \xc1^\xc0E\x89\xfd#\xabE\xb5s*\xad\xd89(\x9f\xe2\x82\xf9\xb9\xb2\x982\xdc\x1b-\xdcr\x07C&gt;\x9f\xa8d$\x9aA%\xa4Oy\x96\x9fjr\xc0\xd3\xf4\xf4\xc7\x93\x18\xb8\x0b\xc0H\x12\x1d6prb\xb6b[\xed\x8bu\xc6\x1d\x0e\xc7\xcdN\xef\xcd\xa9\xc5\xce\xa9U\xabq\xc8z+e\t\xcdC\x059\x8ef\xaa\xa8\x88\x9e3\x1d\x8f4\x11\x0b\xaa\xf8\xbaJ\x80Zz}C]M/\x02R"h+\x0e\xfc\xad/5\xb0Z\\\x1dH\xa9\xb5V\xf0/=_\x0c\x15-Y\xe8e8\t\x1a\xa1*\xb8\x8a&amp;\xfcU\xf9\xa9V\x87\x9a\x9f\xfe\x97\x05\xb5\xeatPK\x1c\'1\\\xe2\x14o\xc56\xf0y\xaco \x96J\r\xd8\xd0\xe3\x83\xd5\xaf\x06z\x8c\xabj"\xc3%%\x0f\xcb\xd2\x02\x0b\xb3\x81\x16\xceP\xa1\x87ZaM&lt;\x91p\xc0"1\xac\x01\xae\x02Z\x85\x1cYU\x8dM\xa9A\xd5\xa2V\x02\xb6\xb9\x91X\xa5s1U\xf1\x96"\x19\x8aa\x05XAa\x8bF\x08\x02\xc1xGw\xb4\xc2z\xfc{)I\x90uz\xc8/P\x8d\xc4u,/\xc6K\x11\x88\x81\x84/\xeb\x0b\x06\x02[\x9fMy\xbd7\xbd\xd9\x84\x9d\xe2\xaa4\xe4:\xcd\xb0\xb4\x1f\xd6w&amp;m\x98\xd4\n\xab\xfe\xf1oE\x95\x02\xbd\xc0\xf8z\x9dY\xa7\xd7\xb3\x12tU\x8al\xa7\xa0\xe5\x8bx}&gt;_\xb6$FD\xd8\x85pR\x15D\xa2q\x92`Q\xcc1\xe9\xd1A\xed\xb0\xbe\xce7\x1b\xb2N\x0c\xc3\xf4u@\x05X\xf0_aOH\xf1\x00\x07`\xf3\x91\x88(\xbb\\\x1c\xc5Q\x8c\x87&amp;i\x82\x80\x19\x0b)\xeba2\x86\xe9\xf3\xd3;\'\xb4\xc2\xfa\xad\xb5\xb5(\xb3\x98\x1e\xc5\x97\xce\x0c_\x02V\x1cI\xfa\xc0%*\x14g\xcf(v\xaa\x0cR\xd1\x1e\x1c\xa0H\x12\xecE\xb0T\xa8\xad\xa5\xe5\xfcs\xcd\xb0\xf2\xad\xcd\xc6J\x86!\xd1t\x84\x01\xfe"\xa0\x01\xabV\x19\'\xec\xd4r\xbc\x84~p&lt;Z5\t\xd8\xf37`\'I\x9c\x16\x18*Q\x1c\xd4\x18\xab\xd5h\xed\xcf0\xa0\x16T\x11\xdc\xa5\xc3\x05?\xf4\x14\x04[\x86\xd5G\xa2\xf12\\%\x01\xdd#!\xd0\x9d\x12?`\xd3|\xd6\xddv\xad\xe5\\\x8bVX&amp;\xc0\xea\xee1\xcc\xceK\x04X^\x0f\x06\xd3\x99\xc1b\xa8Z\x02\xa8\xc6\x08\x10\xb1,\xc9\xb2\x10\xb54A\x12~\xd2\x03WZR\xfa\xc7\xa7\xcf\xcdt\xb5&lt;\xd7\xca\xf2\xcf\xb6\xee\x8d\x1a\x8dV_\x86!H\xe4xsM1\xa0\x82p\xc5I\x81\x04\xed\x08\x1d\x89&lt;\xe5\xf7cz\x0c\xeb\x00\xd5\x18.mk\x9bn\x99\x99iy\xab\xd1;[\xa6\x9d\xcd\xde{\x06\xa3\xb5\x12\xe1YB\xaf\xab\xd9\x0b\xe0\xe0K\xea\x01\x13}\x00\r~\xc7q\x80\x02V\xff\x1f\xfc,\x88\xd5\xbb\xf0q\xd7\xcc\xfdsZa\xd5?\xdc\xec\xed\x05\xb5\x06\x12\x94\x13\'k\x15\xd4\x03\x0c\x8a\n\x1d\x92\xcd\x8c0\xcd\xba:=\x81\x9d\xd4\xe9\xa13\x83\x8e\x94\xe1\xc5@\xe5\xc2\x02`ui\x85u\xe2y \x00X\xc6bl\x98*\xe3\xbaZv!\x8d\x10\x9d\xd9L\x12f\x1d\tU5\x9ba\x82\xc2z\x0e\xb3\xd1#0I\xcek\x1b\x1f\x9c\xbet\xb5\xbd\xeb\xcd\xbaFX\xdb\xee\xc0f\xab\xc18d\xb3\xcc\xbb8Vh\xd0}\xd0\xc7l\xc6\x10\x16\t@\x1f\xe4\xc2\xf0:\xfdI\x1cZR\x86\x93\xb3n\xc3\xe0\xe0\xb5\xfb\xedW\xbb\xde\xackSC\xd3\xf6\\\xefx7\x98\xabXQ\xd3\xf32\x83\x83\xb7\x89ZP \x1a\x84U\x9b\x02\xfa\xba\x93\x02Zu\xa4*#\xc9\xdeT\xd1\xd0v\x01a]\xd2\x08\x0b\xfa\xc0\xc0\xad6\xd8\x18\x1a\xad\xb0kV\x87\x93x\x99\x81|\xd2\xc1,\xace+\xf9\xc1k0 \xb1ph\xebyJV\xfb\x86\x8c\xc6\xeek3w\x01\xeb\xc6\x84Fj\xed\xde\xee\x06\xb1\x0c=\xd6\xa2\xcd\x16\x9e\x12\xed\xd0\xc1\xb3~]-\x1dtzh\xc1\xc0i\xa8?\xc4\xf1r\xb9\x9c\xe4\x141\xed\x9e\x1d\x1a\xea1t\x9f\x9fi\xff\xb4\xfdR\xf4\xb16j\xad\xffj\xe8n3\xcc\x82\xe9\xadVT\xc8P\x82\xe2\xcb4\xce\x00\x04[\x13\t\x82\x0b\xd2\xd4\xe9,\xbb8\xce\x95\xb6\xcc\xdd24[\x87z\xba\x07g\xee\xdf\xfd\xf6\xd3KQm\xde\x05\xac_\x7f\x076i\xae\x15\xb1h\xb5\x86-\x96`6\x92\xe1y;\xc7\x03\x89\xc0\xd2\xd0\xc7@CA\x89\xe2|z%a\x99\xcb\x17\xf2\xf0\xa7\x97\xaf\x0cN\xcf\xdc\x05\xac\xab_j\xd4\xd9L\xbc3\\\x18lkmn6Z\x87\xacC\xab\xb6\xb0\xcd\xe2\x0b%"\x91\xb8\x8b\xa2\x9c\x0c\xcd0\xb0\x7fu9\xbc\xfdA\xcbf\xaf\x1b\x9d\x90/\xfc\x9f\x96\xf3\x8fi\xe3&lt;\xe38\xbe\xbb\xf8\xcc\xf9\xb4\x0c\x13[P\xcf\xe9M&gt;\xe3\x8c\xda\xa6\x9e]\xcf\x03\xb5\x18\xec(lF\x8dg%q,\xcb&amp;\x84h\n\x96P\xaaf\xda\x94Nt\xa0\xd9J\x00\xa1"\xb1f\x12#\xac\x15hU\x13\xe2\xa1M\x03\x89\x86\x84\xb8\x0b3\x88:\x8d\x92 \x05\x85\x82\xa2H\xfd\xa7\x91\xa2\xaa\x99*\x94\xb4\xfb&gt;\xaf\x83\xaaM\xfb\xd5-yEL\xb0\r\xf7\xb9\xef\xf3}\x9e\xf7|\xefs\x87\x88W\xdb\x87\xd23\xa1\\.\xe7H?\xa5#\x9b\xf7\x1fl\xb7\x0f\x05\xaa\xab\xa9!\xa9\xf6\xf0\xe13g~\xf3\xc3W\xbe\xf3\xbb\x1f\xfd\xf2\xc7?y\xed\xfb\xbb\x87_z\xe9\xe7w\x86w\x9f&lt;\xfa\xf6@\xed\xc0\xaf\x07~\xf6\xce\xab=C\xd8\x85\xa6\xa4=\x9d\xf5;r\x86\\\xdc\xf6\x94&amp;E`%\x87\x92\x81\xed\xd4\x90T[\x0b\xb4\x8a\x81\x1f&lt;\xf7\xca\xd17\xdf|\xeb$\xc8v\x0f\x0f\x0fS;^-^\x0f\xec\xeay\xb5\xe3\x9d!\xbc\xb1\xc6nT\x14_\xcee\x08;\xac\x9f=\x9dL\xec~P\x93\xcc\x0c\xd9w\xc5p\xd4UK\xd7\x10\xd4\x0e\x0c\x9cy\xee\xf5\xe3Gw\xbc\xf0\xc6Ip\xed~my\xc7\xbe\x8a\x9a\x9a@\xc0\x9eIwt\xf4\xf4$\xed\x81@@U|q\x03\x86C\xf9\xf4\xe9\xdc\xf2\xa0\xfbA \xd9\xd3\x03\xbdb\xe4\xfb\xedM\xdb+\x06\x06\xf6\x9f\xd9\xff\xf6\xeb\xc7\x8f\x1f}\xe1\xad7\xde[~oO\xef!\xba\xda\x08\nu\xa4\xb3\x99L\x06N\x0c\x1ag\xe2\x0e\xc2\xca\xf9\x7f\xf5\xd7\xeb\xe7\x9e8X9\x8e\x02\x03C\x99\x9eL\xd2\x1e;\x10\xabf\xbde\x15\x7f\x80\xc9\xf6\xef\xdf\xb7\xef\xd8\xcb/\x1f\xab\xdcS\xb9\xf7Du\xcd\x90=h2f\xac\xbe\x99lG\xdaf4+~G(lpA-\x7f\xac\xf2\xcd\xcf\xaf?\xe1\x89\xb1|\xe7\xf5_\x1c\x06V:\xa3\xaa\xc1X,\x10\xa8\t\xd4T4m\xdf\x8e\xa4\xac\xdd\xdf\xbb\xb7\xb7w\xef\xb1\xcag\x0f\xc7\x82\x89\xa0\xd1\xa8z\xc1\x12\xca\xa6\xedV\x9b\xd5\x1fw\x84\x0c,\x88\xd9`o\xe5\xf2f\xf8/O\xea@\x82n\x03S\xde\xfd\xe9\x17\x0f\x81\x95\xeeH\xa73\xc6`\xd0NX5H\xcb\x9a\x03\xb1\x03\x87\xe8\xd2\xad\xde#\xcf\x9e~&gt;\xe61a(\xf1\x9c!\x9c\x9b\xccf\xacV\xbf\x8f:l\x0c.\x97!\xe7\x0bv\x9d\xde\xf1qa\xec\xb3sO\xe0\xc4.C\xbaz\xe1\xe6\xe7\xb7\x0b\xd7j\t\xab\x83\xda \x92ps\xac\xa9\xda\xbe\x0b\xe6\t\xc6\x12n\x02;\xf2\xa7\xd3U\t\xb3\xd1\xebU\x1caCss\xd8\xa1(\xd6A\x9f/\x14F\x0c\x9b\x9b]a\x9f\xd9]udy\xe9\xcb/\x1e\xdc\xbcx\xee\xff\xb9\xe3\r~\xb3|\xe7\xd5\xfbwo\xac\xaf\x8cnN\x17\x8e\xd4\xda3=\x1d$WF5\x19\x83\xd5M\x87\x02v{\xd2\xa8\x1a\x83\x89\x03M\x87\x9e\xafj\xf8iW\xc2lR\xfc\xf1\x90\xa1\xb9\xde\x95\xf3\xf9}\xbex8\x142\x84]4\x0cqs\xb4\xb1j\xcf\xd2\xc2\x97\x9b+\xeb\xf3\xf3wo\xfe\xaf\xb7\x95)\xdf\xf9\xfe\xc5\xc5\xcb\xebz^\xeft\x8e\xe6g\xf3{\x81\xd5A#C\xfd\x06f\xc8\x14\xb4\'UU5\xc3k\xeeCu\'\xaa\xfa\x1a\xa3&amp;[\xdc\x01\xb1\xea\xeb]!Z\x15\x0e\x93\xab\\.P\x02\xcbk\xb6\xd4U.M/\xac\x8d\x8e\x8e:E=\xddV\xe6\xeb\xfa\xac\xbc|g\xf7\x07\x97o\x8c\xea%I\x10\xc1\xf5\xdd\xc24aA,\xbf\xa2(i\x1b\xb8\x8c\xac\x1fIUMAx-\xe1v\xbbO\x8c7^\x99\xf0\xc2\xe2\xae\xe6\xf6fC(\x1e\xf79\x0c\xaep\x98\xa8\x10D\x83\xc3f\x9bh9}o\xb6\x84\xc5K\x92\xbc2\xff\xd1\xc5\xafc\xb4\xf2\x9d\xbf\xfd\xe0\xf2\xba\x93\x17yQ\xcb\x89\x84\xb5q{:\xdfPAXY?\xc0\xac6\xd5h\xa6Ut\xa3I\xb5\x99L\xe6\x18]\xe4\xda\xe4NX\xbc6HD\xea\x84\x1c\x0e\x00\x02\n\x01\xc5hv\xb9r~\xab)\xf1\xe7\xe2\xc2\xc2\xa6\xd3\xe9\xd4\x8b\x9cF\xd4\xeb\xf9\xd1\xf9\xfb ++\xffo\x98\xba/\x80I\xd0H\xa2(\x8b\x9a-\xac\xd9|U\x85=MT~\xc5\x9f\xb6\xdaLFj:\x80\\6\x0c5i\xc7\x08\x06\xcd6r\x96\x0b\x06\x8f#\x05\x99\xdb]\xf5\xf5\xed\xed\xed\xcd\xcd\x86\xb0\xdf\xe7m\xb9UX\x98\xbe\x05,\x99\xe34\x82\xec\x14\x05A\xbf2\x7f\xff\xea\x7f\xacf0\xd4\xcd\xf9Q\x81\xe3$\xadF#\xca\x82\x16A\x94\x9d\xc0\x9a*\xf65%\xb7\xb0\xfc\x90KU\x19\x96\xd7f\xb5ZU\xa4fr\x08\xd2)\xa5\x82\x80\x10\xfa\x07Y\x1dE\x12\x12V=\xa5\xe2\xa07\xba\xd4\xb6p{YOX\x92F\xe0\x81%\x82L^\xbf|\xf1\xdf\xd5\x7fZ\x08\xfbh\x9d\xe7\x04\xfc\x0e\'I\x1a^\x16\xb5\x12\'\xcaz\xfdF\x01X\xd5\xc9L)\x86\x8a\xd5\xaa0{a\xa86+\xfek4\xda\xedCI\xd5Fy\x08\x8d\xc2\x8e\xb8\xe2#,\x98\x8aQ\xb5\x13\x96\xdf\xda\xb86\xbbP\x18\xd6\xeb\x11C\x8e\xb08\xb2\xae\xc8\x0b\xc2\xe8\xfcb\xf7\xbf\x02\xa3\x1b\xf9\xac\x88\x9c\xc0\xd1\xf9d\r\xc7C\'QK\x8e\'\xcbO\x15\x1eV\x0f\xa5\xb3L-`Ym^\x821\x1a\xbd6/u\'!-\x83f\xa3\xc9ke\\a\x87Oay\x08\xb7\x93\xb5\xea\xdb\xeb\x91\x8ak\xcd\xd4\xb2\x00\x00\x081IDAT~\xdb\xf9\xe2\xec\xf4\xdaA\xbd^NI\x14\x0b$\x94$q\x00\xc3p\xce/\xfe\xb3\xc3WT\xcdE\x8a\x9e HZ\xfa\xa4\xac\xe1E\x8e\x97y-\xc7\xeb\xa1\xd6\xf7\xf2S\x9d\x0f\x0380\xc8*\xa5\x01,/\x85\x11j\xe1\x9b\x99:\xf3\x82\x16\xc2\xa2(\x86\x11C?S\xab\x84\xd4N\xee2\xc4\x07\xcd\x9b\x91\xe9\xa9[\xce\x12\x96D;M+\x10\x1c\x072l\xcdy\xe3\xe6?*V^~nq^&amp;pNC\x9fKu\xb0:\x82.\x8b\x92\xc4\xb0~\xbf\xd6\xd6\x96\x0ff\xd28\xa6cP\nE\xae\xd4*eRM\x1eK\xd4\x12\x8cE[&lt;\x84\xe5\x00\x97\xc37\xc8,\xff\xd8Y\x88"\xd4r\x0cv\xad\xcd\xce\x166\xf0\xf7dl\x06(\x88\x8b$\x90\x8fA\x86\xcd\t\xfa\xf9\xc5\xbf\xf3\x18)Ei!\n\x1a-;\xe5\x01o\xc1Xl\xf1I\x10xp\xad\xb6\xb5\x15\xa3j:\r\xbf+\x8f\x83\xa8\xb2\xcae\xec7\x99-\xd1\xe8\x95h\xc2\xdd\xe2\x99\xeb\xa7\xf9&amp;NT\x83\xa4\x16J\xc5c,\xd4S\x87w\xb38;\xb5v\xb0U\xe6EX\x17\xe6 \xc7c#D$\x90$\x02\x85rK1\x16&gt;\xa7@P\x9cV\xc7\xce\'h\xc1\x82\xaaBXZH\x0c\xc16n\xb7E\x1e\xa9\xe9\x0e%\xad(~PY\xe1(j\xe1\xf2\x00\xcdlq76\xb2^a\x0b\xf5\xe4\xfa|\x83c\n\xb5\xebR\xa9\xd8\xc2\xaao68\x12K\x91\xe9\xce\xd5V\xc4\x00\xea`\xb7ef,|\x07\xa7Hz\x01\x92s\xce_`\xe5\x02\x9f\x96\xa1\x14^\x10\xc9U:v\x1a\x86\xbd\x99\xa7\xe7$\x9d\x84\x1d\x91[\x0f\xe6\xdb:\xf3jG\x96y\x8b\x89\xc5\xda\xf0\x82A\x8f\xc7bI$\x1a\xbb\x1a\xe8\xbe\x06\xd4\xfe:68v\xcak\xb51\xcb\x7f\x85\x85\n\xeb\xb8V\x9c\x9a\xca\x0f\x13\x042\x906\x07\xab\x10\x17\xcf\xb8\xa8T\xd0#\xef\xbc{\x91\xee\x82vw\x94=Y\xa2"\xb7k5\x10X\x06&lt;"\xc8\xe9\xb4\xa4#\xdfz\xab\xb3m\xe4Qvr\xc6oe\\\xa8\xa1^\xe4\x1f\x88\xa2\x89D\xa2\xa5\xb1\xae\xaf\xea|C]K\x94\xb8\xfa\'\xe6\xfam\xd43\x1cf\xf3\x0e\x91\x81\xca\xe0[\x8b\xcc\x92X,\x84\xd0F\xa3\xdb\xa6%\xd9\x04p\xf14D\x16MQ\xe0W\xca\xae^^)Aa\x0f\xd8\xca\x89N\xa7\xc5\x84Co\xa2S\x91\x92\xa0\xd5I\xf4G\xe4\x8dBgg\xde\x96\x9d\x99\xa1\x10\x92\xe3\x99\\1j\x8aw\xbb\xeb\xba\xea\xba\xfa\xea\xa8\xb9\xda2\xd7?7\xe1\xf1\x98N\x8d\xf9p\xf0@u\x8b\xca&lt;M?\x86\x89"\xd2f\x98O\xa5`$\x94+:\x8f\xa2\xd5P"\x96\x1c\xf6\x18\x8c#\xb4\xb2u\xf6\x03I\xc5V\x99\x98V\xa0`\x9c\xb0\xbfF\x84\\\x1cj\x98\xdc\xba\x14\xe9&lt;\xfbhfr2\xab\xd8\xbcp\x16\xa8\xcc&amp;\x13\x9b\xa3\xdd\x8d\xe3\xe3U}\xe3\x8d\x89\x96\x96\x96\xe8\xc4\xc4\x84\xe7\n\xf5\x82\xfbJG\xcbHFd#D\xcb\xadE\xda"\xab\xdfN\x01\x8bJ\xbcH\xfbOk5\xc4Ed%\xcd\xc0\x05\xb0\xb2\x92R\xe0\xa75\x00V\xaf4\xcc{\x88\x1b\x9e\x12\x00\x84\n\xc3\xa5\x90\xd3\x1b\xc5\xc8H\xde\x0b,?\x19\x0bcn\x0eQL\xb0\xb6y\xc2\xea\x82Z\xd4\x80}\x85\x1e&amp;\xa8\x8f\xb24\'\x02\x8b\xb9\xebJ1\xd2\x99\xbf\x94",I\'\xf0\xd26\xad\x88P\x00M\x12\xb8R\xed*\xa5%E\x92\xb0\x88\xb0\xb4"\xa7\xa3\xd5B\x96\xa9\xc4\x8f\xc9Z\xe6%\xbd\xcc\xe94)T\xc0o-\x8d\x8c\x9c}Hr\x95\xb0\xfa\xe7\xe6\x8c\x1er;)U\xd5\xd0\xc0\xb8\xe8\x82\x02\xe4$\xb0N!\x88\xa1\xd2\x81\xa9\x8b\xd4\xca\xacE:G\x98X/~\xe3\xd2\xf2A\x19&lt;\x82\xf0\xd56Kd[\x05\xa3\x8c=R\x00\xb7\xdeA/\t\x98\x0f1;`\x8e\xe75\x82~t\xe3NJ\xdf*?\xb3\xf1\xe1\xc8\xc8\x87-\x93\x93\xcc]^\xd3\x9cin\xc2\xec\x89Z,n\x98\xbd\nc|\x1c5\x02\xca\xf5!#\xe7\xbccq\x16Dx\x1e\xff\xda\xdf\xcd&gt;,F"\xf7.\xbd\x98J\xf1\xa9\x8f\xf3\xb7\xd7.m\xd3\xe88\xb2\t\xdb*\'\xb0\xd8\x95\xc8@T\xc6?\xce@\xfa\xc2\x0epd+\xaa^Z\r{\xd0h5\x1b\x8f\n\xf7V\x87\x9fI\xb5\xb6\xae\x9e\x1d9\xbb\x16\xfb\xe3\xa4_aX0\x11\xca{\xd0dJ\xf4\x01\xab\xab\x0f\xa3\xe1|C_\xdf\xf9\xf3\xe3-\x1e\xb2&lt;\x1d\x98\x92Z\xf5\xf5\xef\xf6\\\xcb\x8fD\x8a\x9f\x90V\xc3K\x85\xc8\xd9\xe2\'\xdfDE\x94J\xce\xd1\xe9$V\x1d\x04\x96\x97\x14\xa92f+m)\x01)-(\xa4[?\x12\xd8\x9d\xd5{\x91\xc8\xc8\xdfz8\xdf\x90&amp;\xc28\x8eO\xbd\x9d\xc3\x9d\x11\x85\x88:)\xcd\xb4?Ha\x9aY8\x0c\x0b|1\xf0^\x98\xd9\x1fw/\xd2\xe8$\x91H$\x14zSF\x1a\x95%\xf9\xe2z\x97\x88z`\xbb%;\xf1@\x06c\x8eq/\xe4|\xe9\x98\xd0|\xb37\xf3\xc5\xdeF/\xfa\xfe\x9eg\xeba\x83\xe3\xc6s\xf7y~\xff\x9f\xfbqS\xf7\xec\x9c\xbf!z\xack\xce\xdf\xfb\x08^\xdc\xbcv\x08\xab~\xfe\xec\xf9&gt;\xf6\xdf"s\x1b\xfba\x8c\xc8\xfe\xc6\\\xdf\xee\xfcG\xc4x^\xd7\xdc\\_\xbb0r\xa8\xc9Z~%\x18\x8c\xe6\x93\x86\xac9\xf9\x8cH\xea@\xad\xe2a\x8f\xab\xb9=\x03\x88g"\x17\x99\x95\x87K\nJ\xe3\xfe \x88\xa4SH\x0e\\\xd9=M\xd3dEU\xd2\xb1T4\xe7h\xba\xb3\xdc\xbc\xf0dvl\x8c\x07.`\xb5?\xb8^\x05W\x1c\x1f\x9f\x8a\xc4\xe3\xf1\x83x\x1cXWv\xdfS9\x08\xaa\xf5\xed\xf5\xed\xd5KK\x7f\xe0/\xc7\x99\xee\x13\xd9\x98a(\xb2s|\x1c\xa5.\xaeP^\xc4\xaa(\x1a&lt;I\xac\xa2\xc2\xc5B(cb\xf9\x922\x81T\x86#8.\x12\x8f\xdb\x9d\x01\x89.\xab\xb2l\x98V,\x97\xd75\xcd\x9e\x9c|\xf5\xfcrM\xcb\xc2[\x90U\xf5^k\xbfs\xea\xc6\xa3\xe5[a@\x1d`\xc4!\xad\xe5\xbe\x1dz\x83e{{\xed\xdd\xe6\xe6\xea\xaf\x97\x1d\x11,\xce\xc9\xadd\xec4\xa88\x16\xe9\xa2\xa2\x90\xed\xe8y+\x127\xaa\xe12\x9em\\\x1efF"\xa3b\x9b\t/e\x02\x81\x14\xca\xba\x86Y\xbd\x80\xa5\x80Ks\x1c\xa81S\xd9]\xeb[|\xf8\xec\xea`K\xd3p]\xdd\xb9\x9fk\xb3=\x8c\x8a\xc9*\xb2\x8f\xb8Z_\xd74\xdc\xfc\xfd\xf1\xd7\x17_\xba\xaa\xab;\xfd\xd0\xbe\xae\xdb\xf9\x18\xa0T\x05X\xbac\x1f\x89\xac\x01X\x0c\x00"\x15\xe7By!\xa6\x96\xbb\x98Y\xb3\xd3\xa0\x92P*\x80J\x92H\xc9\x98\xd5\xd8\xd8\x98CT\xd05Y\xc6\xe5,S\x91U\xa8\xc0&gt;\xaa\xec\x0e\x04\x82\xa1\xea\x1f\xafo7\xf7\xf4\xb6om\x9d\x1f\x9c\xea\x1f\tG"\xe1Hxidd`\xe2\xdb\x9b\xd1\xb6\xce\xa1\xa1P\x08U{k\xc8\xd7\x90r\xb0\xb2\xb4\x99\xb0,E\xc5 \xdb\xaa,\xd8\xae(\xbaE\xae0\xdab\x15\x82\xbd\xe4*)eU\x1fb\xad@\x9c,\xd2\xa2v\x10\xe0\x1bb#a\xc9r\x11\xcb0\xb1V\xcbL\x98\x87\x19jP\xa0\x96\xf3u}\xba\xf8\xa1\xa7\xa5\xa7\xe6^\x7f\xff\xc0\xc4\x99\xd3\x1d\x9f\x9fN.\xce\xf8\xf1[+\x1f\xdeP\xa8\xb62\x9a\xdbK\xab\x8a\x91H$,\x83\xb0\xe0Bz\x9e:\nt_\xeaLz\xb8\xc8P@\xd1^\x8b\x12\xb7K\xa0p\xe0\xf6\x90\x0b\xc2\xd6\x05Ds\xc0"OK\xadA\x86\x95%,\xac\x15\x03\xe2WT\xc32M3i\xff\xc6\xbd\x99hk\x87\xaa\xdbFG\xa7\xa7\xefv\xce\xf8}\xe0A\x81\xfd\x9f)\x10\x0c6Dsv2)\x1b\xb4(\x8e%\x13\x15\xb0\x98\xa5{\x90GJ\xd8\xc3|\xc8\x8bE\xac2\x96\x1e\xe1\x89"\xc9\x8aj=\xa2!$:\xc0-K\xdd\x05,f\\\xb8\xaeAl\xc4\x950\xad\xa4\x9d\xf53\x89\xd1\xd7\xeb\r0\xc8\x02\x13}\xbct\xce\x17M\xd9\xc9\xb4e\xd1l\x85\xcdcXd\x16\xa9\x93\xbc\x8fUB\xf9\x85\x9aF\x1e\xda\xff\x15\xf23l\xabTdU\x1f\xed#\xbcT\xcd\xe2\xc2</t>
        </is>
      </c>
      <c r="M371" s="3" t="n">
        <v>45492.67599537037</v>
      </c>
    </row>
    <row r="372">
      <c r="A372" t="n">
        <v>987589</v>
      </c>
      <c r="B372" t="n">
        <v>1999</v>
      </c>
      <c r="C372" t="inlineStr">
        <is>
          <t>Andrés Hurtado</t>
        </is>
      </c>
      <c r="D372" t="inlineStr">
        <is>
          <t>Andrés Hurtado</t>
        </is>
      </c>
      <c r="E372" t="inlineStr">
        <is>
          <t>LD</t>
        </is>
      </c>
      <c r="F372" t="inlineStr">
        <is>
          <t>LAT</t>
        </is>
      </c>
      <c r="G372" t="inlineStr">
        <is>
          <t>LD/MD</t>
        </is>
      </c>
      <c r="H372" t="n">
        <v>178</v>
      </c>
      <c r="I372" t="n">
        <v>34</v>
      </c>
      <c r="J372" s="2" t="n">
        <v>37247</v>
      </c>
      <c r="K372" t="inlineStr">
        <is>
          <t>Right</t>
        </is>
      </c>
      <c r="L37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c202ad-b1b1-4141-b52a-d03dfe4413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|\x9d\x0f\x96\x00\x00\x00&gt;tEXtComment\x00xr:d:DAEewil2SDw:3129,j:9030118292309124670,t:23082714\xb3\xea\x8f\xec\x00\x00\x00\tpHYs\x00\x00\x0e\xc4\x00\x00\x0e\xc4\x01\x95+\x0e\x1b\x00\x00\x03\x00PLTE\xff\xff\xff\x05\x07\x04\x03\x05\x02\x8cU.\r\x0e\t\n\x0c\x08\x0f\x10\x0b\xff\xfe\xfe\x07\x08\x05\t\n\x06\xf1\xf0\xf1\xe5\xe5\xe9\x12\x13\x0e}J)\xef\xef\xef\xe7\xe7\xeb\xec\xec\xef{N.sB!\xe9\xe9\xea\xf3\xf2\xf3]4\x19\x86Q,\xde\xde\xe3\xee\xed\xf0\xec\xec\xed\xd3+$\xd9\xd9\xda\xda\xda\xde\xdc\xdd\xe1vD#]6\x1eg;\x1e\xeb\xea\xec\x81N,\xef\xef\xf2b7\x1ep?\x1dk&gt;\x1f\xe2\xe2\xe6sG&amp;\xe9\xe7\xec\x80Q0oA e8\x1aJ0\x1d\xe0\xe0\xe4\x91W0\x82K\'\x85N(\xe0\xdc\xddwH&amp;uR5\xe8\xe7\xe8\xfa\xfa\xfa\x16\x17\x12;$\x15\x84R1zG$\xd4\xd4\xd6oD(b3\x15\xe5\xe4\xe4Y5\x1d\xcd)"K&amp;\x12\xfd\xfd\xfda8\x1aF$\x10^6\x13W3\x1a?\'\x18#\x18\x0f\x1b\x1e\x17{R3R3\x1c,\x18\r\xd6\xd7\xdc\x87V4W+\x12Q(\x11]0\x13\xe2\xe2\xe34"\x15xL+K+\x16zI(@!\x10R/\x14uL2i@(\xe5\xe4\xe8\xd0\xcf\xd1qF.\xf7\xf6\xf6\x8dX33\x1b\x0ei;\x1b\xd51,sO,W/\x17-\x1f\x14\x80U4n&lt;\x1a:\x1e\x0e\xcb$\x1e\x18\x13\x0c\x94\\2\x8cQ)\xd6\xc1\xc4yW8\xc4 \x1cL4\x18\x9cb7yD!pM1d;!P-\x1a\x90Y4x@\x1ckH,B,\x1d\\D,g?$\x98]3uH, \x12\n\x8b\\9\x99T(fE(Z:"\xb3}N\xd6\xb2\xb5k8\x16_:!K4$\x99f?\x97`9\x91]9`&gt;(\xe7\xe0\xe0\xa0oI\xe2\xd7\xd99&lt;5S7!\x7fH"\xa0jA"&amp;\x1f\xd3\xaa\xad\xec\xe5\xe6E*\x15gM4\x84Z8\xa9qC~Z=cF.\xa0g;h3\x15^a\\\xdd\xd3\xd3\xd6\xbb\xbdoS97)\x1b\xd7\xca\xcb\xf0\xeb\xea\xc1\x8a\x8d\x7f^D\x92eA\xe1\xc1\xc3\xc4x|\xcc\xca\xcdU&lt;\'FIC\xca\x90\x92\x8bb&gt;\x1a\n\x06\x97kI\xc9\xc7\xc5\xc7\x97\x9b\xce/*\xa6tMvZB\xdc\xb8\xbb13.*-&amp;\xc5\xa9\xaeV8\x16\xd0\xa1\xa4\xb5\x17\x12\xea\xdd\xdb\x85cI\xd8\xce\xd3\xde\xcb\xcc\x83\x84\x81wxtt:\x19\xa9\xa9\xa6llg\xc7\xb5\xb6\xce\xbd\xc0\xc0\xbe\xbd\xd0\x84\x86\x8b\x8c\x88\xb7\xb7\xb6\xa2\xa1\x9d\x9dtW\x8fXA\xd9\xa0\xa2\xe8\xd4\xd5\xe0\xaa\xac\xa8dR\x9a\x9b\x99SVP\xd283\xbb\xa9\xa8\x8bt`\xb0\x94\x92\xbeko\xc7\xa0\xa4\xd6\x90\x92\xcdjm\x92\x93\x90\xa5~]*\t\x06\xe6\xcd\xce\xb0\x7f_\xca\xbc\xad\xa5\x96\x85\xafsx\xb4\x89n\xbf\xaa\x92\xd5ww\x8dM7a+\x13\xceGB\x9d\x84p\x91iU\xabr]\xb9\x9f\x85\xc0\xb4\xa5\xb0\xb1\xaf\xceZX\xbeL&lt;\xba\x9e\x9f\xb47+R\x1a\r\xa0\\F\xa3"\x16\x83\x1c\x11\xbd\\\\\xc28\'\xa1gg\xabO.\x80iWl\x17\x0eOB9g\x94\xb3\xbe\x00\x00 \x00IDATx\xda\xdc\x98\xddK[\xe9\x16\xc6g\xc7\xfd)[!V\x85\xe2`\xadX\x11\xeb\xa0Nm\xb6vT0\x95\x9am\x83\xdf\x1a\x15\x8d\x0e\x93X\xd9-B\xfd\xaa\xb65\x85\x81\x1e?\x86\xb2\xdb\x06:\xc5\x99n\xd0\x8b\x164\x9cV\x18I\xae\x84\xa4\n\x12\x9d\xab\xe4\xd6\xc2\xb9?\x17\xfe\t\xe7Y\xefn\xff\x02c;\x9c\x85Iv&gt;4?\x9f\xb5\xdeg\xad\xf7\xfd\xee\xbb\xff\xef\x90$\xb7[\x92\xa4\x7f\x18T~O\xf3\xce\xd1\x8f\xfe|\xb7\x8d\xf8\x0f\xc1s\xed[\x07\xe9t\xaa\xe7\x82\x0bP\xee\xecf\x1b\xef[\x86\xdb\ru\xfc\x89\xb0\x1e\xd6#\xc7E\xf9.\xb7\xbb\xe7\xe8x\xcb\xffm\x05s7\x1f\x1e\x8e\\\xbc\xbe\x93\xb2tM\xd5#\x89\xfd\xa2\xdc\xec\xc3\xe3\xd3\xadfp\xb9\xbf\x19\x99\x94\x9bJG\xac\xe3\x94eEtUTu\xd3:\xde9\xdc?&gt;\xdcI\xc6\x7f\xf2\xfb\xbfU&amp;%\xd7H\x1a\xd93MJ\xa1\n\xaep$~\x928\xb0\x0e\xacX\xd8:9\xfd\xd1\xf5UY\xa8\x9a$\x7f6\x0c!w\xdf\xd45M\xd3\xc3\x9a\xaa\xa9\xc4\x15KG\xcc\xa8\xae\xeb\xf4Z4^D\x9e\xf1U\xd6\xa5\xe4\xfe\xe9x\xc4\xe5\xce\xbf\xb8\x1f?\xfa\xfe\xf2V\x1c@\xa4\x92\xce\x83J\xe5E\r@\xaa\nR\xbaE\x13G\xcd\xae\xaf\x83\xf5]\xfeI,\xbd5\x92JD\xc3f:a\x99\x9a*\xf2&lt;\x98D\x11?\x14x&amp;\x12)\xa35\xad\xe4N\xcf\xc8WH\xa6\xe4\xdf\x8f\xc6\x0e,3\xa6\x92(\xba&amp;\x08\x82\x82\x1b/\xf2 \x12\xf0\xa3(\n\xc3"L|$\x1c9\xb0\xe2E\xfe\xf3\xe7\xba\x98\x8aP}\xf3\x8a\xc0\x0b&lt;\xaf\xc8\xb2\xc2\xe3\x02\x0c\xbc\x80k\x05\x94&lt;\xaf\xa9\xbchs\xa9*\x96Db\xe4\xdc\x17\xa5\xfb\xe2\xd6A\x98Q\xd9\xa1(\xbc*\x12\x96((\xb2C\x06\x13O\xc4&lt;\xa9\xc7\nN\xd3u\xf3\xd4}\xeeb\x9d&amp;L]\xd5H)\xca\x1d\xd2&amp;|\xbe#\xb1\xecWH4zU\x06\xb6J\x15\xb6s\xcee/I=IrN\x91\xa0\xec\xb2\xc2\r\x15%\x8b\xa2"s\x8a\xc8\x92I\xc5F\x9c\x1c\'s\xbc\xaaE\x93\xd7\xcf\xd7\xf1%W\xf6H\xd2\xd4la\x18\x8d\xec\xe0\x14E\xc6#\x95\x19\xc7A-\xa4\x94\xde\xe3\xed\xacr\x1c/\xea\x89\xadf\xd7\xb9\xd6\xd5a\xd2\x8a\x84E\xc6\xc3h8\x87\xc3\xc1\xc9\x14\x82\xc2\xd1\x13\x14\x17\xb4\x929\x99\x16\'O\x17\x8a\xaa\xc5\xac\x93\x9e\xf3K\xa3\xe4:\x8c\xe8\x10\x81\xd5\x11\x072\xdcs6\x16\xbbC\xd28*\'\xe0(\xcc+@\x86*c\xbdr\xc7/\x9d\x9b\xc1_\x88\xeb\xb4\xf4\xe0\x08\x8a\xc3A\x06!\x13\x08\x98\x88\r\xf2PuQ\xd1)\xf6\xf2\x04\x11\xf3\x08Q7#\x89\xc3\x91\xd3\xa2s\xc9\xa4\xfbr*J\x15\xae\xc8\x04@k\x8e\xf2\xa8P&amp;\t\x8e\xa4akQ\x90\x91K`\x11\xa4`\xbb\x97\xae\x87#\x113\x95\x9fy\xc5\xa4\xfc\x9d\xb8\tS\xa7\xaf\x06\x10\x15&lt;\n\x9f\x95=\xab2`\n2\xe3\x12 \x9e\x8c\x05I\x1a*\xb6\xfd\xb3\xfed\x1e\xb92\x8f\xe5?\x821`6PQ2\x82\xc2\xd6\x9am\xf0\x02\xca\xc96,\\\xd1J@\x82\x1d\x02\x9c\r"\xe2\x03"\x89\xa8\xf0\x8a\xa8E\x8er\xdd\x99\xb7\xd1dL\xc4\x97id\xa2\x02\'\xb3\x07\xdb\xb8h\x1dRe\x8bTStI&gt;\x01\xed\x08\x0b\xca\xa2!P\xe5\x91\xad&amp;s3\xbc\x1e%\xff\x91\x15\xa6\x15\xaf\xd0Z\xa3\xe2aJ\x81\x86\xd9\x95B=\x08\xb2\xd0\xdbtM\xf5\xc7\x92h\xcbE~A\xd5o\xee\xe7gz\xca\xb2\xc2*\x04RH\x02&amp;\x03t\xc0\xea\x17\xa9\x01\xb2e\'\xd0\x1d\x91\x91f\x1c\xf9\xbdL6\x06\x994\x15\x82R\x95\xa9Zd\xc7\x9dY\xc7\xda\x8f\xe2\x8f\x0b\xf4\x8fC\x03\xac&lt;R\x81U\xf3\xfbP(\xe4\rz\x0c2\x02\xde\xf0\x84B\xc6{\x04\xaf\x1a\xaa\xe0 \xafE\xb1k&lt;[\x12\xa8\xfap\xe2\xb2\x94A\xad\\\xb9\xa9\x18\x1be\x98\x04\xcc\x0e\x0c\xcd\x00\n\x1f\xf2z\xc7\'_\xb5\xd6{=\x9aj\x18\x9ez_\xeb\xe4\xf8\xe4\xe4\xb8\xd7\xeb\xf1\x18\x8a\x8d\x051iM\xa0kkz\xfa\xfb\x8cuG\xe9\xfai&lt;\x11\xa1F\x88\x041\x058\xde\x08y&lt;!\xc30\xde{\xbc\x93\xad---\xad\xbeq\x8f\xe6\t\xfa\xfa\xbb:\xbb\x10x\xdeV\x1f\xf4\x88\xd0\x95,\x85\xacC\xa0\xf10\x9c\xe8\xc9\xce\x94\xdd\xbbR1\xcc\xe6\xb4\xcex\xde\xc1B\tyI\x12J\xdf\xb8\x8f@\x00\xe6\x83&gt;\xbdx\xf29\xba\xba\xe6\xfa\xdb\x82\x06\xe7`\xf6\xc1|\x03\xd5\x88\xfdP&lt;Se\xdf\x9c\x88\xc6\xc2\x1a\xaa]\xa0\xa5\x0e\x01\x94\xd0\xe4\xa4\xaf\xb5\xd57\x89\x87\x96\xce\xee\xa6\xee\x00(:\xa1\x90\xefU\xa0\xa9\xbb\xb3\xb3\x9bE`p\xae\xbf\xde\xa0^\xad\xc8v\x03\xc7\x8c\x861\xdb*\xca\x8c\\\x17\xd8\x94\x0cWP\xc8\xa2\xf0\xff\x87\xc6}\xbe\xd6\x96\xfe\xb9\xc1\xc1\xc1@w\xd3\x9b\xa7o\x9a@A\x8fUeUU\xb8nj\xbay\xb3d\xb6\xec\xd7\xdbs\xb7\xdbB\xb4*Y\xf7f\xc6\xca\xab\xe6\xc9\xc5\xcc\xb4B\xffN\x04\x7fTf\xdd\x98\x1a\x0b?\x0e(P\xdd\n\x14\x144U\xfd|\xe7\xca\x95\x9f\xab\xaa\xaa\xde&lt;\xfd\xf8\xe0\xc1\x95;\xe5t]UU\xf2hxx\xf8\xb7\x7f\x95]j3\x80\x05\xbd\xd8`\x81\xd0\x0e\x8a2R\xf4R\xf3\xe9\xd1\x01\xf5B2J69\x84\xa8\xc8\xfb\x03\xb7\n\xca\xca\xca\xca\x1b\xaf\xe6\xe5\x15\x17\xe7]\xb9s\xe7\xe3\xc7\xe9\xe9\xbc\xbc\xabW\xcb\xcb\xcbKJ\x80\xb50\xba\xb00&lt;\xfck\x90g\xc6\x8f\xba$\x8f\x10D\xf3\xe4B&amp;\xac\xde}j\x9a\x98\xfch\xc0\xa2\xf1\xce\xe1\x10\xbd&gt;T\xf8\\\xa0\xa0\xac\xa4d\xb8\xb1\xb1"\xaf\xf8\xc6\x8d\x1b\xd3\xc5\xc5\x0f\xa6\xa7\xa7\x07\x06n\\\xab\xa8\xc8kl\x1c\x1en\x1c\x9d\x99\x19\x9a\x19Z\xf8\xc1\xa0F\x8e.)\xb2\xb1\x83\x17c\xfb\x19\xe8\xd8\x92\xfb(\x8a\xbd\x8bH\xbb\x1a6\x8c\xca\xc6xkKWKW\xe0\xd2\xec#|\xf7\xd2\xd2\xd2@NNMMN\xce\x8b\x175\xa5\x08g__\xdf\xd2\xd2\xe8\xe8\xe8\xd0\xd0P\xddL]\xdd\xc3^^af\xc7\xc3\xf8\x90K5\x96h\xce\x84Z;\x98\x1c\xa8\x17R\xc7!\xb1&lt;\xf5\xc8aW\'\xb0\x86\x87\x97\x86\x9c\xed\xed\xce\xd2B\x8a\xda\xda\xc2\x06\x8a\x89\xca\xca\xf6\xf6!\x8a:\xc4\xd4\xc6\xb2a\xcf\xd6\xd44y&gt;fY\x91\xfd\xb3\xeff\xa5\xdc\x13S\x17?\xcf\xa1(xA\x0b\x02\xabkn0p\tZ9\xdb\x9d\x95 \x19\xcb\xca\x1a\x1b\x1b\xcb\xea\xe8\xe8x\x82\xdb\xc4\xeb\x89v\xc6\xb41T\xb7\xbb\xbb\xfbG\x10R\x03\x0c\x9d\x0b\x03a4\x9eJ\xc7s\xcf\xaeV\x8f\xa5\xa9*\r\x7f\xb47\xe58U\xff\x82U6\x0cA\x9c\xed\r\r\xa5\x85`\x1a\x9bG\xac\xad=y\xd21AX\x88\xba\xa9\xa9\xba\xa9\xf5\xdd\xdd\x8dE\x8f\xe2\xa0\xdf\xa6&amp;*hf\xf2(\x03\xc3\xb3\x94\x7f\xa2S\x87\x86-\x12\x96l\xa0\xc3P\x12\x03\x81\xd9\xc6\xd1\xa1\xa5\xa1\xf6\xca\xca\xd2\x9a\xc2,PUW\x8f\xcdC\xac\x06\xe7P\xbb\x13oPL\xad\xbf\x05\xd6r\x90\xe7\xa8.Ev\x80\x82]\xe3\xe5L\x94\xfca\x94&amp;=\xb8(\xec\xd4\xa1\x18\xe80\xd4\x04\x03\x05\xb3\xc3(kTVea-aeU#\x91\x1d\r\x95\rN\xa7si\xb4\xb1\x11o\xd6M\xbd%\xac\xedMU\xa6\x16$\xb0\x13\x1d\xe41\x95-\x9d}\xa49\x8d\xd9;S\x99C\xa3\xe6=A\x1b\xab\xb3`\x96\xbe\xd9\xc9\n&gt;\xab\xba\xba\x1a\xb7\xf9y\x88\x05\xac\x9c\xa5\xa5Fp\r\xd5\xad\xef\x11\xd6\xc3MC\xb1\x8fL\xc8\x1f\xe8\xdc\xeb\xe4\xf2Y-U\xf2\x9f\x84\xa316\x18;\xb0y\xf8\x82\xd5ec1s\xa8\xbdw\x8f\xb8\x08-\xab\xb0\x16V1PQQ\x01\x87\x98A\x0e\xdf\xeenl&lt;l\x0b\xb1\xf9\x1a\x0e\x81n\xadE#\xe1\xe8\xa9\xcb}f,\xdd\xb2Tf\xa4\xb6Z\x93_\xb0\xb0\x12+l\xaa{\xd0\xea\xee\xe3\xcfX\x08p5.,\xd4\x81\nX\xbf?\xfc\xc1#\xd2A\t\xf6fp{5v\x10O\x9f\xd9Q%\x7fR?@\xf3A\xd7\xe1\xc0\xc6{\xc6\xbf`\x95=*o,\x86\x91\x02\x0bB\xdd}|\x9f\xb8\xee\xd5\xc2\xbe\xa0Xqq\xc5(r\xb8\xc7\xb0\x16=\xe8\x85t\xd8\x84)D\xe6\xf5d\xf3N\xf3Ygg\xb7{\xeb$\x19\x11\xa9\x1b\xd2\xde^\xf4\xdaX-]\x05U\xe5y\xd7rJk\xb3\x90\xc0\xc7\x8fW\xef\xdf\xbf\xffx\x9e\xb8\xee\xa1\xf2\x0bk^\xe4\xe4\xf4\xb5C\xad\xbd\xf5\x8d\xdf\x9f\xd7\x07U:\xc7\xa1\xdd\x10\xa6\xa3p&lt;\xdbu\xf6\x89^\xc2\xc0\x1c\xe6\xd9\x14\x07\xf72\xbcl\xa8\x81ZMO\xaf\xe4\x94v\xac\xad\xac\xde\x85R\xab+\x7f\xfey\x7f\xd5\x8e\x95\x0f\x1f&gt;\xace\x15\x16\x96VN\xac\xbf\xdd{;\xb5\xf1|q3\xa8\x89\x8a}\x1c\xa6(Z:#3\x84{\xc4",\x9a\xc6e\xc5\xf0N\xdaX\xddo\xae\x0c\xbc\xfe\xf7\x87\xbf?}X\x9b\xbf\xbb\xba\xf2\xf2\xd9\xb3\x97\x88g\x88\xbf?}\xfa\xcf\xa7wO\xc6\x1a&amp;&amp;\xc0\x05\xac?\xb6\x97\x97{\r\xfb\xe0\x90\xceW\xcd\xc3\x0cl\x7f\xfc\xd8\xe3\xeb\xecX\x94vZ\x9f\xb1\xba\x027K~\xa1\x85\xb6\xbe&gt;\xe5lX[[y\xf6\xd7_\x84\xf4\xec\xe5\xca\xca\xbbw{\xff\xdd[\x9fj\xef\xfb\xa5\xfd\xf5\xebuV\\\xdb\xdb\x9b(/:\xc2Q\xf5h\xc4\xcc\xc0\x08!5\xc7\xd31\xb6_\xa6\xe0\x8d`\xbd\x0fs\xcd\xe0\xad\xc0\xed\xed\xed\xed\xe5\xc5\xc5\xb6\xc5\xdb\xb3}9\x85\xabP\xea\xe5\xcb\xd5\xf9\xd2\x81k\xb3\xcf\x97Y&lt;\x7f\xfe[\xdd\xfa\xfa\xfa.\xe4z\xb8\xbd\xe8Q\xd9\xa9\xa6\xaa[\x89\xf4i\x06\xb0.$\xcc/X\xa8\rO/\xb6\\\xad\xfds\xfd\xaf\x96\x1777\x83\x1e\x8f\xc7[\xdf\x7f\xab\xeajM\xd6\xfc\xea\xea\xdd\xac\xe9\xaa\x82\xdb&gt;z\xd5\x13\x0e\xf6\xf6nn\xcf\xec\xedMM\x91\\\x8bA;\x8b\xaa\xfe?\xda\xcd\xf75\xad4\x8b\xe3\xb3\x98V\x18r\x17\xbcS/,;\xa8{\x89"zE\x8d\xd2D\xf1\x8eDM\x93\x98\xe0\x8f\x8d\x1a\x95\xb5F4^I\xb22Q\xa3\xe6\xa7m\x16\x8d\x9a\xc9L\xcd2\x89$\xebt\x9b\x86\x08\x9bbS\xb0\xb4\x14Z\xe88e\x86\x99\xe4\xd5\x0c\xed\xbe\xca\x92\x96\x16B\x03\xfbb\xd8\x97C\xf7\xdck\xff\x84\xdb\xfbN\r\xdc\x0f\xdfs\x9e\xe79\xdfs\x9e&lt;;zz\x8f\x8d\x8c\xff\xe1\xe9\xb3;C\x1d\x8cV\x17\xe1\xe8\xe9\xdd\xb4l\xba7{!\x8d\'\x06\x87\x06\'\xc1\x99\x8d\x8fy\xcd\xe2\n\'\x9d\xe6\xe8C^\xda1\x82Q\xeb\x19\x1c\x1a\x9a\x98\x98;\xd8?\xdfnc\xed\x0e2-\xa8\x0b\x0f~\xfa\xa4\x9b\x15\xebs\xf9\x0f\x9f\xfe\xf0\xac\x87\xc6\x02\xaa\t\xc0\xdat\xbb\xdd\x9b\n\xc5\xdc@/\xe3R\x07G\xc6-^"\x83q8*\xb1\x13\xcc\xeb\x08\xf84\xf8\x0e\xc0w\x07\x14k\xfb\x0c\xd6\xfc\x01\x9c\xd7t\xb7\xee\xc2\xc3\xef\xd8\x1a\x1dpMPE0m\xad6\x96\xdb\xed\xe5\x17\x16\xb2\x06\x919\xe2\x05\x8cq\xd8\xca\xfa\x9cb\x15\xa6\xd6\x87\x1cc@\n&gt;{\xcc}%u}\xa1`\\)$\xdbA&lt;X\xdd\xed\x00C7\xf4`\x88-?Fwr\xbf\xed\xa4}UGg\x1b\xcb\xeb$$\x12\xb9T.2\x1b\x877\x81\x0b\xdcb?\xaa\xa6\xb1\xec\xb4Z@5k\xec\n,\x81\xd90,\xf1\xacZZ\xad\xf9\x83\xdd\x8b\xbf\xbb\xd0\xf3\xcb\x8f_\xdd\xf9\x0bkn\xff\xbdZ\x17:\x96i\xac\xcf\xbdd\x9e\xb6]\x053_\xb8rC\x11\x1b\x8fY\xec$\xca\trp\xb1\x93\x96k|@qc\xc5X\xf0\x9bE\x12\xa9+\x1amc\xcd\xefvB\x04\x8f\xba\x8f~\xfc3kj]\xfd\xf9\xefL+\xeb\xe2\xf2(`\xd1\x9e\x95\xb4;\x84;+\x9b\x8a\xd5\x83\xb5aK\xcc\x12\xa9e\xa0\xde\xc2\x04\xa4\x03\xe4\x1a\x98\x83\xf5\xb0;\xb7\xba\x96L\x89\\\xb2\xa8U\xfb\x1e\xab\xa3\xf3\x9bO\xb9W?a\xad\xaf\xcb\xfd\xd3\xb7=\x17;a\xd3\x81\x858\xda\x0b1t\xda\x1d\x96YE\xef\xc4d\xcf\xc4\xa8bv\xd8\xedp\xe63PGL\xeb\t{\xc4\x12\x8b\xad\xbe{\x08\xa6~\xb9w&gt;\x1b\x91h\xa2U\x1ak\x07\x8a\xae\xc1\xdd\xa3\xab,\x0e\x17\xb9\xbf\xff\xf9A\xcfW\xbf&lt;dRkt\xe0s\xc0rX,\xb1\x89\xe5\x9e\xce\x9e\x87\xefn)f\x85]\x04`]S*\xd5\x14\xb1\xe0\x18\xb3\xdc\xffm\x02\x8e\xe5\xd1\xb9^EA$\x95\xb5\xb1\x0eFc\xc6\x9d\x17\xdd,6)M?=\x1c\xba\xf3\xdd\xd1\xbb\xc96\x16\xc4\xd0i\xef\x1b\x1f_\xdd\xbd\xdb\xd11q\xff\xc5\xad\xe1+\xfe\x10\x8dum\x91#\x08I\x1c\xb3\x85\xe8\xfe\xdc\xe4\xe4\xc8\xfc\x96b\xc0h\xd0\xc8\xaaq\xc0\xda\xbaaI\xb9\xf8\xc6W\xec\r\x16\xb9\xdc\x7f}\xf3\xf4\x8f\xdd\xbf\xcd\x8e\rB\xc6\x8fnz\x9d\xa4\x13V\x9c"9?19\xb8\xfa\xa4a0\x0e\xa7@\xadk\xf0,\xda\xe4"p\xdb~\xb400p\x90M\xadm\xf9\r\xaeh5\x9e\x04\xac\xb5T4J8n\xddd\xb1\xa5k\xfa\xec\x92\xe9H1\x16q\x8f\x8f\xb7\xb1\x80\xcb\x11YH\xee(\xdc~+*\x12B\x10[\x15\x1ak\xa6(\x13\xf1\x1d\x8e\x08\x9f\x1f\x11\x16\x84\xa9\xe4vU&amp;\xabV\xab\x80u+\xc9k\x1c"d\xd7s6{\xa7\\\xee\xc7/bc\xfc\x94;Fg&lt;\x19\nI\xe4\xe6H\xa4\xb0&amp;\xb4\x9f\x9dA\x99*\nQ\x99\n\x04\xf1Zi\xbd\xce+D\xdcn\xc7,\xf8H\xbe\xc8\xc0\xd3\xe9l\xb9\xea\xb6vg+n\xd5\xad\x9f\xe6\xc4go\xd9\x1cdp\xb97w\xc6\x1d\xb5\x10\xe1\xee\x85\xd4"Cr\x0fO@\xf0#\x11\x07x\xfe\xae\x05\x91$\xd3jcMm\x00\x97Hh4^\xa1\xfb9\x12\xb9\x06\xb7\xe5\x1a\r\xc8\xf9\xadm]\xb0yZ\x17\x9c\x9d\xef\xb18Y\xe4r\xef\x1d\xc4\x9c\xf9P\xc8\xb8\t14\x87\x04\x18\xa6F\xa4\x12\x11\xd1%2HQq"\x91\xc90A\xbcV\\/\x96mK\x06\xbf\\\xee7,y&lt;\x08\x18\xc8\x1c`%oU\x83\xc5\xf5\x93\xba\xbev\xfe5\xcbXc$\x95\x90\xf0\xdd\x9b^&gt;!\x86\xd7\xa5\x83\xe0\xf2\x11\x0f\x98/}E\x95heTL\xca\x976\xea\x8d\x9cM\xc6s\xb9\x10\x1c~\xc7\xa1\xae\x07\xb9\xe2Zm\xb5\\\xdch\xd6\x055\x96\xd5\xba\xb9f!(\x0cqz\xdd\xde~\x02\xa5}\x05\x98/L\r`\xb8\x0eSA\x10\xd5\x8cZ\xe9b\xbda\xa3\xbd5\x0fa\xba8\xe0\xb6\xcbm,\xd5\xf4b\x11\xb0X\xce\xad\xcf\xee\xf7\x91b\xb5\xbe\x9f\xc1\x12\x00\x16\x07&lt;\x0exBD\x17\x0c\x82X-\xd8\xb6\x16\x01K\xc9I\x97s:\xf0\xd6to\x89\xfe#e\xb9\\olk\xb5Q\xaaVI\x17\x97$o\xd8]\x89\x97^\xf4\xf1\x13\x15\x8aQ+\xa4\xc7\x82\x9c \xed\xbd\xd4\x98\xad\\\xb6\xe9\xa9|\xab2\xbd\x08\xdegqQ9\x8d\xd9p\x86\xc9F;5\xe5T\xb9^\xafok\xe3\xd1\xfcYK]Z\n\xbcdu\x16\xc55\xbdr\xf3\x13\xad3\x87\x17\xca\x07\xaa\x02\xb1\x99\xa2M!\xdd\xa8)\xeb\x04T\xab\xc2\xd98=m\x9e\x9e\xaco\x94\xa7\xd5\x90\xea*\x1c~SN\xd1N\xed\xf0\x10r&gt;\x9e\xc3\xf3\xb5\x16\xb6\xe4\xfb+\xbbX\xdc_\xafHZg\xff\x03\xacG\xfd\xf9J\x90\xb1\x87J%\xc0\x05s8\x9a\xc1J\xc5\x93\xd7\xa7\xcd\xd7\xafO\xc0\x00\x95q\r\xeaQa\xca\xf4b\x11\xdc\xe3\xc6\xfaa#\x1a\x8e\xd7\x8bX\xbe\x96pm\xdfd\x19\xeb\xf9\x82\xbcfw\x90\x8f\x18,\x0e\x18\x9d\xd2\xd4\xd4\x14\xdd\xa3\xd1!z\xac\\R\x967ff6\xd6\x8b\x8b\xc5f\xf3PFe\xf4\x98rj\x866\x8f\xeb\xc7\x90\xf2\x80\xb5^J\xd4Z\xb2\'_\xb2|+\xe3W\xbf\xf8\xccN\xa0\xfd4Vf\x1a\xb0\x8a3\x8b\x80\x15\xd4!\t\x95rj\xbaR\x99\xe6LCXUx\xb0\xd8\xcc\x89\xa9\x8c\x8a\x03X\xa0]\xf3\xe4\xb0a\r\xc7\x0f\x01\xeb\xace;\xff\x82\xdd\xe9\xf9G\xff^\xc8\xdbI\x1cic\xa9\xa7\x8a\x10\xa0\x19\x08\xa1\xce#H\xa8\xd4z\x82D+*\xa4\xa2\xf2x-\xa4&gt;\x9d\xd3PTbZY\xdah\xfe\xadyrr\xdc\xc6\xc2Z5\x049\xdfcY-\x1a\x8b\xc0U\xef\xb18e\xe0\x9a)-r\x10\x01\x9aI\x84\xc6\x96\x97-D\x88\x08\x89gG\xee\x8e\xd8\x13\xb8\x07\x05\xb9\xa6\xa7@\xad&amp;X\x7f\x1a\xab\x91kel:\xf4\xe4\x12\xebjI\x9cgr\xc4\x0cX\xf0J5\x0e\\\xe0W1\xbd\x1cE\xa9\xc8\xc8\xdd\xe5\xd8\xac\xa3\xcf\x9b2ZF\xfe3&amp;\x82\xbd_\x80&amp;\xda\xec\x87\xc7\xc7\x8d0\xacD$\x8f\x15q\xf4\x95\x89e\xb5\x9e\xa7D\xa13R@0X\x89\n\x92\xa3\x9b3iL/\xd0\xa0d\xdfx\xec\xc6u\x7f\x97\x9d/\xe5\xf9\x87\xfb\xf8\x1a\x1c\x03\xbd\xe4zf?\r\xd6\x8f\xab\x80U\xc5\xd5\xa5\xa2\x07y\xc3\xf2\x04\xdd\xf4}\x96\x14\xe7\x9dyZ\xad|^\xacG`\x1f\xa5\xb1p\x1c\xf7H"\xf6\x94\xb5\n\'!\x0f\x97Y\xb5&gt;\x9e\x8d\xee\xbbIET\x02\xa1[\x83\x98-\x1a\x0e\xc7s\xb9t)\x8dT\xff\xc9\xf2u\x03\xeem-!\x16\x135&gt;`\x91y*\xa1\x97\xe5r\xa5r\x9a\x1e\x12\xc0\x99-\xb3Ue\xba l\x16&lt;\x9e5*\x8b\xe2H\x05\x91\x86jy13\xa4J\xb8\x00\xabQ\xe6\xa49\xea\xe3\xc7\xec^80q\xbf\xdc\x17\x89\xc5\x14E\xab\xd5\x1f\xcaS(\xaa\xd1\xe5\xca\xf4\x80 \r{W\xd4\xear\xf1t6\x8c\xe7\xf2%}Z\xab\x95\xe7\xd2\x08P\xd2IJ$\x04\x9f\x14k\xc2ak5H\x07\xf4\xf5\x1e\xdbju\xef\x03\x8c\x18M\xd1X\x04Y\xa3\xe4r\x97\r^\x95\x86r!j\xf5%\x03R\x97L\x86\x03\x96\xcf\x97\xd4j\xad\xda\xb0\xc1%u:%\x06a\x9f\x9d\x02\xac\xb0\x86S.\x15\xd7_\xb2|\x9b\x85\xcb\xfd\xfa&lt;\x9f\x91\n\xf4)/`\x91$\x99\x97\xa3\x08\x8e\xab1\x08\x9b/\x99\xf4\x81&lt;\xf0\x11G\x10\x88\xa2\xd5\x1a\xd7\xc6\xb5\xd9p\xd4`\x96/\x15,\x0cVR\xa4.\xfd\xa3\xf9f\x8f\xed;6\xa6\xab\xcf\xadz\\%\x803\xf1Q\x1bK\xe3\xd1\xeb\x11d)\x9bL&amp;\xadQ\xfa\x08B\x00\n\n-\x9e\xaeZ\x8d\xc7\xe3\xda\xb0u\xdb \x97\xf9\x1d\x11J*\xd5\xbex{~\xfc\xfa\xe5\xa5\x8f\xd8~\xb8\xa6\x8f_\xbe=\x8c\xfa\xeeo=j\xcb\x05\x01\x85\xfc\x92f\xb3\xd9%^5g\xf51s\x8b\x80/\x10\x08\x18|\xd5\xfa~\\\x9bLn[]\xd5@\xc4II\xc3\xdb\xff\xdd{\xfcx\xef\xf2\x87\xb8X\xc6\xbd\xbc\xf7\xe5\xed\xdb\xdd\xaf\xe6i,\'\xacF1%7\x18\x16\x16\x0c\x1af\xa8\x190\xf8\x17\xfc\x81\x80\x1f\x9el\xc0Z\xb5\x86\xb3aX\x949_\x84\x14K\xc3\xfb\xdf\x9bL\x1f\xea\x9e\xba\x89\xf9w\x8b{[\x8f\xfa\x9d\xfd\xfdN\x92 \x08\xc9B\xcal\x86\xc5&amp;\xf4oe\xfd\xfe\x14\x8d\x94\x12\nW\xd6\xd6VR\xa9\xeb\xd7\xb34\x96\xcbI\xa2\xe1\xf0\x93\x9b\x1f\xf8&amp;%\xf7\x8b\xfb+\xfdt\x14k$\xdfl.\\\xf1F\xbc}\xeeY\xe3\xffy9\xdb\x98\xa6\xd2,\x8e\x9b\xf8\xa1\x11\xc2\xb8-\xd4\xae\xf4\xe5\x02\xb6P\xfb\xc2`\xdb!\x95V.\xd3\xce\xf4\x1aJ\x99\t\xb4\xa2X*\x0e \x12\x16i\xa4\xddm\xe9"i\xe3\x94\xcc\xd6\xb05Y^v\x9a\r\x03\x08dJVe6f\x82\x83:\xbb\xd1\xca\x8eJf\xc9.t\xfd \xab \xce\x8e"\xbb\x83\x0e\x18\xa3\xb3\xe7\xdcbv\xbfLv^l\x0fo\x97~ ?\xfe\xe7\xff\x9c{\xce\xe5y\xf0\xf9H\x18b\x85l\xa1\xc3_\xfb\x96\xd3\xd9MUX\xfc\x95f\xc9\xcev\xf3\xaew\x01k\xf6T\xbc\xb7[\xdb\xee\xd3X\xb2ww\xb1\xd9l\xb2\xfbp\x05\xd5m\x010c\xa8\xdf\xe5U]\x9c\xbdq\xeb\xe2\x11\x9f\xbc\xba\xa4\xa4\xc2\xe003%\xed{\x0e\xd6KkZ\xe6m\xf1\xde\x04\xae\xbb\xfc?X\xce\xea3\xc7J\xd4\x16c\xcf\xec\xec\xfc\xe2\xc3\xf9\x87w\xee,/.\xde\x9f=\xa7&gt;l1\x10\x95\xcc=);\x95\xf5`\xad\xfe;\xf1&gt;\xff\xc0\xa0\xcd\x85\\\x98Dg\xc9\xb1c\xe5\xee\xd1\xe1\xd9\xf9\xfb\x8b\x8b\x0f\xe9X|x\xeb\xc1p\xc0\xbfO\x9c\xade\xb2\x94),\x11\xe4\xf0Yg\xbc\xc5\x82r\x7f\xee\xbc\x1e\xb9\xf4z\xfdA\xc2"w\x92\x81\xaa\xf7U\xc3G\x1e\x0c\xef\xdb\'\x99\x9a\x1aY\x9a\xfezjj\xb8\xf7t)\x93i\x96*\x95"\xbc\xf5\xdc?\xb5!\xdeX\x1bRg\x83\x80\xb5\xebM\xc0\xca\xc8\x96Bmh\xcb\xfa\x02b\n?}\x8d1\xbdt\xe3\xc1\xc8H{o\xb1X\xac\x14\x88\xa4\xe2\x1a\xd7|Z\xdc\xcf\x17\xe8\x92&gt;\xb3\xa3\xbb\x10K&amp;5CUoK\xf9bjz\xe9\xf64\xc6\xd2\xed\xa5\xa5\xa5[7\xce\x9e\x85\xe9\x9a\xc6b\x89\xb5\xae\xfe;\xf9\xf1\xc7J\x9b\xb7\x07\xcf\xb3\xd94\x96\x08n\x84x\xbb\x99zp\xf7\xee\xd2\xf4o\xa7\x97\xee\xde\xbd{\x03\xa0\x10\xab\x9d)V*\x05p\x1f\xf0&gt;\xeb\xd3%\x02Kn?\xcf~\x93M\x00W\xf6\x1e\xc0\xc2gXS7\xc0S\x98\xbf\xdbKgcT\x80e6+\x95J\xad\xcb;\xdb\x15\xff3":\xdbu\xb9\xddN\xb2\xd9\x04\xc1f\xcbX)){R$\x80\x05A;\x0c\xfc&gt;5\xf2\xde{##\xa7{\x99\x12\xa6R\x89\x7f\xb3\x9eO\xd2%\x02\xcb.\xb7\x07I\x80"\t}6K)\x10+\xcd\xd0\xcf(\xa1\x11e\t\xe0B\xb2\xb3\xf4\xc0\xaf@\xacbs1S,\xd6z\xbd=\x8b\xb6D\xa8u\xd9\x0ea$\x11K\x98!\x85\xc9\x07\xf7l9\x88Z\'\x84\x81\xf0H\x95\xa0\xde\xe9\xf6^f[\xb1\x19\xb4\xf2z\xfb\x97\x13\x825\x134"\x97\xc1\x00ja\x8d\xc0\xc8\xd0\x1b,\x94Z\xad\xeev\x12\x19b\xe6\xa1^(\x0f\xd0)\xd7\x80\xdf\xbd\xdes\xcb\xf1_\x88\x1b\x18\xb6\xe5Q\xa3\xd1.\x07,\x03\xe1\xf7\x0b3\xb23p{\x9b\xde\xe0\xb4P\x03\x94\x85tx\xc4L\xc9\xa1C0\xed\xa8T5.\xc0r%\x04K\x97\xbf\xec#\r`/Z.h\x1b\xf4\x19\x102\xc2\xb0\xd7R\xa1\xa6\x9c\x06\xa1G\n\xb7h\x89\xb9\x06\xfa\xc0\x16\xc4j\x19\xbe\x93\x10\xacH+i\x804\x1a\x91\x0b\xc0\xa0|\t\xf5z\xb6a\xef\xeb\x14\xd5m$\x85\xd0\x17\xc2\x1a\x84\x89\x15\xb1\xbc\x88\xb5\x9c(,2\x86E\x1aH\xbfC&amp;\x03\xb5\xb2\xa5Z\x8f\x1f\xbe\xf3\x88\xc5m0\x9b\xc1\x9cq\xa4\xa5\xbf\xc5\x15\x82\x1c\xaa\x12\xa2\x16#\xffj\x88@\xb9\xe4F\xd4\xcb\xef\x01\xa6l\xa9\x18\n\x03SlV\xe2W\t\xd4\xfdb\x95\xaa\xa5\xc7\xeb\r\x05\xbc-\xaa\x84\xa8\xc5\xd0\x8d\xf5\x90$p\xc9\x91\xcbH:*qG\xa7\xb6\xad\x8di\x16\xb7\x89\xb5U\xfb\x80\xc9l.V\x81T\xa1P \x81X\x83\x80E\x90\x80\xd5a4\x06\x83&gt;O\xa5\xc7\xe1\xf7x\xb50bx&lt;^\xf8p\xc1d\rsb\xa8\xb5\xb5\xd5\x17p\xd5\xa8\xdeO\x14\x96\x11\x9c\x0eX\xf2\x0e;by=\x0e\x1f\xe9\xf7\xfb}\xa41\xe8\x83\xf0\xc2\x90\xd6\xef\n\xf5\x84\x02@\xa5mc&amp;\x08\xeb\x12\xa8e\x00\xb5\xdcr\xa3\xbc\x03\xb8\x80)\xe8\x84|\xca\xe1\x15\xb9&lt;\x18\x0c\xc0\xf2\x0b\xd1\x19\x0cTj\xb5m\xe6\xc4`1\xfazp\t\x92\xb4\\\x1d\x1d\xe80\xbc\xb6\xbb)JM\xb9\x81,\xe8\x0b\xf8ZC\xad\xa3\xa3\x01W\x15x\x0e\xb0\xe2~d\x98\x01\xb3"`a\xc5\n\x1acX\x1d\x00\x02Bu\xbb\x07\xca\xeb\x06(\x8ar\x03\xd7hk\xebh\xd0\xe7\xd5b\xb9`\x1e\x89&amp;16\xc4q \x83\xb9X\x97\xdf58\x1f0\x1aj\x89u\xd7#\x98[\xeev\xc3\r\xb1\xbc\xbc|\x80r#W\xc7\xe8($\x17w\x16\x9b\x99\x80u\xf1~4r*~\x821l]\x83\xd1s\xd0&amp;\x18H\xe8\xb6\x08\xe4r\xbb\x81\x0bP \x81\x0050\xa0\xc6K\x1a6\xe0E_a9+\xaez\xfc\xf8\x9f\x0b\x17t\xf1\xd2\xeaD\xf4Y\xa0bn\xae\xda\x19\xbb\x19\xfa\t2(\xa7\x06\xdc\x1d\xb4V/\x02\xd5\x82\xa03\xa8Tbq-\x0eU\xcf\xcd\xad\xdd\xbb\x10\x9f\xce\x99a\x8bRsssg\xceT\x1b\rH\x85X\x84/\x88\x1b|\xdchw\x88\n5\xad\x96[&gt;\nkP\x0cX{\x10\xeb\x88\xeb0`\xfd\xe1^W|\xfc\x95t\xfdc&lt;\xc1sLm\xa7\x9f7\x08\x85\x84\x1f\xd8\x82n4U\xb9\xba\x1c\x95\x02\x83\x1d.\xa7\x82\x95UZ\x9aJ\x89\xcd\xaa\xa4X%\x9f\x9b[M\xff\xdb\x9f\xe3\xd3\r\xa6]\xfb+bUw[\xd6\xb1\x84\x0e\xc0\xf2\x05\xe5nu]]III\x1d\xbd\x17I\xdd\x1d\xf4VA\xb3\x0cP V\x16\xf6^*\xdf\xe1\xc7\x13\xe9\r_\xfe#\x1ei\xd4\x9d\x88\xfci\xf7&amp;\xa4\xb2\x90/\xb8\xf4z\x87\x9fv&gt;U\xb7\x1bwm\xd5\xa9\xbb\x8d~\x0f*ES\x01\x16v\x84\xc5\xde7\x9e774\xbcs\xef\xf3\x97\xad\x17c\x83\xee\xc2\xd0G\x97\x7f\xbdi7\xe5tZ\x0c4\x95\xc3\x01Xz!A\xc0]GN\x95\x83X\xd5\x94\x1cz\x9bu[A\xa4\x80\xb3v\x02V\xe5\xebk\r\rEEE_\xfe%\xed\xe5\n\xc6\xb0u\x0e=\xb9i\xbd\xb2\xa9\xc4R\x8b\x83\x04M\x05\xad\x96\x0c\x1c\x86\xa5\xc2\xb9\xde\xc9C\xffEc\x15\xd0TY\x92R\x18"\x0f\x15\x07\x1e\xaf\xa6\x17\x1554O\xfc\xfb\xf3\xad/\xad\xe2C\r\xddV\xd8\x17\x89\xae4q/\x7f\xbc\xdbI\x1abXt\xaf,\xcb\xa0\xb9\xe05\x0b\xc4^\x03\xe1\xc0\xe6\x0b\xf2\x97\x82A\x8f\xb6\xa5\x87T\xe4\xf3\xe6t\xa4\x9a\xf8\xeaxj\xd9k\xb6\x97\xb2\x196?\xadPc\r\x8fG\xafY\xad\xa6\xf0\x95\xdd\x14t\xed$\xfa*\xc3\x91A\x07$\x12f\xc6Z\x08\xac\xb2\xd0\xa7\xb2h[\x01\x14&gt;\t\xc03\x10-o\xaf\x15\xc5\xb0\x1e}\xb2Y\xc1\xe5\xa7\xa6\xfd\xc8{7Cg\xdb\xca\xd7\x84\xafM\xae,\xccX\xad\xd6\xab7g\xd5\xd5\x06\xa2\x96\xc4E\x88\xad2=\xf4d`/\xafg\xb3\xe1\x9d\xad\xcf\xc6\xb9Q \x88\xe9\x95\x95\x05b\x95\xc6r\x98\xde0\x01j5%+\xb8\\\r\xb7\xf0Gy\x8c\x91\x9f\xa9\x00\xa5&amp;\xa3O\x9f\xceX5\xd6\xf1\xe8\xca\xcd+u\xddD-\xdbA\xe7\x0f\xa1\xa4"&lt;ot\x90\x0e|\x05\x0f#\xad\xab\x05T[`\xc2\xeee:1\x87E \xd6\xc4\x93\xced\x80\xe2r\xad\x9a\xc2\x1f\xbc(\x19\xf9\xdb\xca\xb8@5\xb3\xf0ta&amp;l\x1d\x8bD\xac\\\xde\xbf\xbe\xc1"/\x8c\xe5/\x9b\x9e]Y\x02\x96T\x04\xa35\x0b/\x05G\x0bbvG*&lt;wp\xa0\xb4\xea\x8d\xb5\x86\xf4t\x1ak\xa8,\x87\xaf\xd1p\x15\\\xab\x95\xf7\xca\x0f\xca$\xe4/\x99g\xd2\x84\xc7V\x00\xea\xea\xd8Xde\xc6\xca\xe7s\x07?\x1b\xa0\x8cl\xe1AT\x88\xa6b\xd1I+X\x8f\xa3\x18\xf0\x15\x0f\x1dd\xed\xa0\xa9$\xc4\xe3\xd5\xa2\x18\xd6\xa3\x0f^+\xe3h\xac\\\xe0\x02\xb8\xb2\xef\x9fI\x86.\xadKq)\x1c\x0e\x8f\rMOG\xa3\xd1\x95h4\xa2\xe1q\x14\x83\x83VL\xa3\x10\x99bc&gt;k\x9d\xeb$2\t\x04\xac_\x08\x102\xe5\x05\xd6\xc6-\x82\xb7\xd7\x9a\xd3cX\x7f\xef,,\xe4\x00\x10\x0f\xa8\xc0\xaa\xbc\x9f\xe4\x7f\x0f0\x06\xfe\xc1B\xd1\x14\x89\xcc\xccL\x8e\x0f-\xacD&amp;#3+\xe3a\x8d)7\xb7\xafI\x91s\xed\x1b5)\xc3\x1d\\\xb1`\xc5\xd0\x04\xf8\xc0\x06\xaeE"\x11KP\x80\xa7\xb7h\xa8\x03\x1b\xf3~\xf7|\x02\xc4J\x87\x85\xf8\xe8\x932N\xa1\x02\xb0\x80\n\xb0\xc2\x1a~\xea6\xdbw\xdc\xd1\x0f\xfdg~f\xdf\xe0\xe0\xd8\xe4\xd51X\x80Cc&amp;\x0c\xf89\\\xfe\xfe\xce\xa6\xce\x9c\x1c\xfe\xf5\x0e#-\x15+\x16\xff\xd5L$B\xe3\x8bX\x05\'\xf3\xb2\x80\n\xf7\x94\xb4o\x11=_m\xc0\x1c\x02\xd6\x93&gt;\x85\xa2\x8c\xb6\xbc\xc6J\xcb\xc5\xe5\xe7$g\xfe4\xed\xbb\x901\xf2_\x81_\x08I\xacW\x87\x16\xc65\xa6\xf5\x80\x14v}\xfaijrr2\xf7\x8f\x1d\x8e\xd8\xe9?\x90\x08\x1fk\xe1\xa0\x98-\x12\xd5\xc3Z\x94\xd5K\x05GO\xe6\xe1\x81\x0c\xa0jl&lt;ptm\x15S\x98\x9e\xde\xdc\xfc\xe8\xa32\x9e\x02\xea\x03-\x16\x1d&amp;\x1e\x9f\x93\x9b\xb3?3\xed\xffi\xa6\xb3era\xbd\xf1\x00#|sah\x90\x87a\xc2\x0f\x13o\x7f_\xd3\x89\xd4\xed\xdb7o\xd6\\\t\xb0\x94\xe0\x9f\x82\x82\x98\xd5\x05\xd2X\x85\x90\xc9\x0e\xd6\xb3\n@\xab&lt;L\xe1\xc6W\x1b\x1b\x7f\x9e\xb76\x81Z\xd1j=\xe9\xcb\xa5\xb1L4\x96\xc9\x04||&gt;\x87\xc3\xc9\xd9\x9f\xbc}kR\xd2\xb7\xfd\x13*\xf4Ta8|\xc9\x84\x10\xd6\xc8\x87C\xe3\x1a\x0e\x8f\xc7\xe7\xf3y\xf8f\xe2u~\xd0\x99\xba9\x13b\xabu\xd6\xc5\xcc\xda\xb1#\x0f\xc0N\x9e\xa4\xb90}\xf5\xf5\xf5\xa2\x82\xbc\x1dy\x80\x85b56\xfe\xf2\xd5\x9f\xad6C}\x87\xb7w\x8a\x1a\xbe\xfa\xcd\xf6\\\x05\x0f\xa9\xd0\x13&amp;.\xfe\xc2\x1cN.\x06\x87\xd3y\xfc\xf7\xc7\xbb\xbe\xa5b\xe82\xc3\x93\xe1X\xc6\xfe\xd3\xb6\xf9\x846\x8e\x9ea\xdc\xd0\xc3\x82\x05\x92\xa8\x02\x96\xd6\xf1\x82\xd0\xc1\xe8\xa2\xe9\n\xbe\x812 \x86\xbd\xe7"\xf6\xa6a\x16\xe66\x04\xb1d\x0f{\x1a\xe8Bt)\xa8\x82\x0e\xd2!% \x81m*\x15|\xa8=\x18\x821\xf6)\xc1\x87b\xfb\x90.\xfesp\xca\xcc\x04\xb2\xecB\xa6\x0be\xda9\xf4y?9\xd9\xa1\xf4\xb1\xad\xd8Nl\xfd\xbe\xe7}\xdeW:(~\xe7uo\\\xab\x01\xaa\xc6\xef`\xabg\x13]Q\x00\xa5\xe9F\xfd\x87/\x7fK\xff\xd3\x03\xb4\xdf\xfc\x11d\x98\n\xbf\xfe\xec\x1b\xaa\x1e]\xd4\xf59\xa5\xfd\xf0\xc5\x8b\xc3\xef\xfeE\x03\xeb\xf9\xf3O\x9f!\xf2E\xe8\xd1\xb7@\x07\xb0j\x9f|\xaaY\x84U\xb3\xec\xac\xb3\xec\xb5\\\xed\xff\x94\xf2\x93\x87&amp;\x06\x02\xcaM\xf5\xeb\xbd\xeed\xfb5\x8eT\xe3\x9f\xc7\xa6\x95%2\xa0p\xd3e\xcd\xff\xcf\x9f\xbez\xf0+~q\xd9\xe7\xc4AW\x16\xe0\'`\x0e\x1f\xd0u[T\xc1\x07\x1f~~\\RQ\x11os\xc5\x05\xd6~\x19\x08d\xcam\x96j\xd8\x93\xee\xb2\xe3\x87\x82\xa4\xc8\xffs\xb0D\xf7\xa9\x07\x04EN\x8d\xcf\x8a\xe2,\xb58\r\x17\xa0\xacF+H5\x13V\x81Jg\xa3 \xfb\xfb\xf7\xbf\xfb\xf6\xdb\x07tU\x12\xbf\xa8\xed+\xbe=&lt;:::\xa4\xf7\xf0\xf8\xee\xe7\x7f\xdfQ\xc1\xac\x9bE\xe2Y\xf4}\xc4\xd5\x00\x93\xe3\t\x8e\xe7\xe1=;(\x8a\xd8\x96\x04\xc6P\x0b\xf9\xe9G`\x9f&lt;\xac68\x14\xee\xe3\xf3\xce\xeb\xee\xd8\xe2T\xb5\x12\xaa\xd1\xb0\xc7\x17g\x17\x96 I\xa6,k\x9a\x92\x0c\x06\xaa\xf8\xd7\x1f\xfeL\x97\x8d\xfd\xfe\xe8\x05\xeaut\xf4\x02::==\x05\x17\xbd&lt;\xfap\x0f\xc5\xa9f\x9e\xd4\xb4v\xebD\xc8=\xa6H\x8c\t^\xd3Mg\xef\x8b\x89$\xc1+E1%&amp;\xa9\xf7\xe7=_\x88\xfb8i\xa1X\x1f&lt;\x8a\x8b\xa2\x9b\xd5\xa8\xe05\xeb\x8e\xab6&gt;;;\x7f\xd2\x80\xe1\x82 \xe9\x00\xdb\xe6\xa1\xa6\x1a\xd1\xdb\xbf\xd1?\x1d\x01\xe4\xb4\xd4\xcb\x97/ON\xf83\x82\x02\xd5\xf3\xb2\x80\x9f\xf6o\x16\x8e\xe94\xcb\xa5\xe2[v\x11\x95$\xe6\xe4\xc5rh\x0b^\xe2H\xd4\xe3\xf4\xd0x%\xbfx\xa8\xda\x1c\xaa\x86&lt;\xb6P\xe5\xac\xc1\xbb\xa3i\x01\x83\x02\xd9\xb0\xfd\xd5Y\xcb\xb6,\x8ee\x9a\xb2\x1ees\x96$a\x18\xfe\xe3\xcd\x1fNN8\x0c\xd71\xdf\xbe&lt;=\xfdpW?\xb4 \xac\xba\xdc\x0c\x12]a\x1e\xffZ\xf8\xa4\x91DY\x97X\x18l\x8a\xcc1%\xd8\x06&amp;\x8e\xc5\x98\xa9&gt;}X\xf1\x0ep\x14(\xa1\xd2x\xb9\x8c\xed\xa6u\xd7\xb5x/}To\xad^\xf7\xce/..\xfc\x96_*\xe8\xf5\xe28\x9e\xcdfq\xd0\xfd\xf1\xd5\xab;\xa4c.&lt;=%\xabH_?~FT7\xd3\xad\xa9(\x92G\x0b\x83\xdb\x9a,BmYW\x9ch\xb6\xec\xa6\x8e\xe3I\xa8\x82\x89AMh\xa8.\xa2Ry\xf2\x97\'\xd4\xac\xa0\xf2a\xd5D\x10(\x85v\x94\x8e\xa1\x96\x9f]\xc4\x9d\xce\xea\xec^+\xa87\x8c\xe3`\x90CA&lt;\xfc\xe9\n \xaf\x8ew\x02\xdb\xc9;\x82B\xf9\xb8UD\xb5\x9e;\x88\x91kY\xae\xe3\xc1)Q\xacV\rQ\xd3L\t\x1d8l\xc2\x1e\x06,\x02\x83Wx\x98\xba))\x15:\x02P{\x8c\xe3e\x91Q\xe1\xcb\xda\x81\x0c7\x1b\x13%\xae7\xca\x90\xedcF\xef\xd7\xc7c\x17\x0b\x96\x91-H\xd3\xe7\xd3\x1f\xaf^\xfd\x82\xb5\x83\xfa\x1a"\xab\xf4\xdb\xf3\x1d\x00\x00\x03\xa0IDAT\x9e=\xbb\xbc\xed\x06A\x90\xf9~kl\x87\x0e2\xd5V\x00\x86\xb6A\xdf\x14\xcb\xac\xe9\xc1,\xda#e\x0enz\x1e\xe7S*\xe5\xa8\xac\xfb\x18h\xa9+x\xe8[\x81~\x87-lmf\x9d\xc0\xe5)\xf3hkY\xd18\xb2\x05\xde\xc9\xb2\xac\x1a\xaa\xb2\x9d^\x0f&amp;o\xdf\x1c_\x81\xe9\x8a\x9c\xea\x97L;\xaa\xfe\xedl\x1e\xb2p;\x80\xaf(\xfd`;j\xb7\xb5\xb6\xc2\x98\xd3\xb4\x17\xa8\x8d\xed\xf2\x96\xc2\xaa\xe1\x04\xf9\x89a\xe6bGn\xa5Yk\xd4\xeb\xe3aQd6\xf6\xee6\x85\x9d\xe8\x89;\x98\xc6\x8e\xc7J\x9b1d\x9a0\x10\xdc\xa6\xac\xca$}\xb4\xb8\xbe\xce\x13\x83\xf9o\xdf\\\x01\xec\xdde\x1f\x81*\xa1\xfaDus\x9d\xebFU\x135\xddd\xc9h;\x88g\x8b \xdf\xceG\xa8\xc2x\xfd\xbe\xeb\xa7Qd\xa7)NW|\xff\xe2"\xa3\xfc\xc2\xd5Vj[\xc0j\xd4\x0f2tiZN\xdd\x92\x87\x18\x04!\x0c\x8a\xd8\x95\x98I\xfd\x8cNb,\x0c\x1dx\x8c\xc1\xa7q\xaa\xf9z\xb3\x9e\xab\x90\xe8\xf8?\x1d\x93S;\xab\xfa\x04uyy;\x1b\xa9U\x95r\xa4\x8a\x94(\xb1\x1d\xce\xf3A\xbc\xea\xf5\xce\xf3\xe2}\xd1\x83:\xd0?{\xab\xb38\xc8 j\xa8\xec\xdc\xb7]\xa7\xd2\xe0Q\xf7\x9b\x1e\x95\xaa\xe9\x95\xe1C\xc7zN4,\xe2P2\x19\x1f2\x18\xee\x1aC60\xf4\x94\x84!]z\x92_o\x16\x89a\xa8\x1a\xedv\xf2\xbe\x7f_\xbf\x92\xeav=\xd1\xe1\x14\xc47U\xd2\xde\x9e\xa8\x87Q:\x19\x16\x9d&lt;\x82\xd2I\xab\xd5\x1a\xa7\x91\xedb\xd1\x08;V\xef\xd8\x94\xc1J4\\\x16\x81-\xdc!\x11\x15\x0e\x03\xa6\xe0M\xa6E\xe0\xe0o\x81ET\x14s\x9dO\x1c\x9d\xcf\xc2d\xb1\x99n5\xa4^\xc3\xfb\xba:\xdap\xac\xc7\x8f\xfb\x1c\xaa\x7f3\xcd\xdb{\x80\xc1\xed\x0ej\x8f\x9ej\xbal\x863\xacW\xa6\x9eTeZ\'LPLE\xa2\xaa(Lp\x1c\x96\xe4\x95\xe9r8\tir`j\xdcqI\xba)\xe4\xc54\xf7h\xc4\x95X\xa5D\xda\xa8\x00Q\xc2\xd9f\x16\x1a\xb47\xf8\x85\xbe\x9c\x13\x16!\xf5/\xe1\x14B\x15\x1aD\xc3\xef;\xa7PE,M\x91\xe6\xebi\x9e\xa0\x93\x11P\x9a\xea\x92\x87;\x15\x81\xce\x99\x88\xca\xc9\xd7\xeb\n\xa6\x02:\x14m\xeap\xb7\xa8E\x01\x19\x0e\x8ai\x84X\xe1cX\x08\x9d5\xec\xe0\xb0\x05\x852\x9am\x16JU\x15\xab\xc6\x1e\r\nc/\x7fGT|$\xdc\xdc^\xcf\xe6\xa2a\xdcSQ\xac\xaaF\x95\x97[\xc1N\xbb\xa9\xac\x8b\xf8\x03\x19\xab\xa7^\x82\x0f;,\x859\xcc^\\\xaf\xf3J\x8c\xf0\xa3\xb8\xb6\x8ba\xc7x\xd8Q\xcfp\xb1Y\x8fpp`\x80\xc2GJ"U\xe5\x86\x89*\xa8\x16\xd7\x0b\x9a\x8b%\x93\xaa\x02\xebr\x07\x05\xa6\xc1$\xa1P\x19*Q\xf1`\xd1\x0b\xac\x06r\x06\xd3\x99#\xa3\xf8\xe8PPQ\x89\xe8\x98C\'L\xb2\x8e\xc1\xc1\xe6\xebb\xd1N*\x19F\xcaj\xc8\x15\xa3!0\xfa\x1e\xd9\x935*\xa43\x85+\t\xa3\xed6\xcf\x07\x10~\x1b\x0c\x06\xb9\x93,n\xa7\xd9d\x92Fa\xa2\xc2\x05\x11\\\x8bK\xd2\xcdf\x9d\xcf\xb7Q\xa2\x8aZ[\xfcX\xd4\xaf\xb4\xaa0\xee\x0e\x98A.\x93W\x12\x17\xcf*A#\xf68tO\xb7{{IE\xd1\x9cp4\x9f\x80\x8e:\x17\xfd\xba\xf2\xe3\xe5\xbb)v\x9fq\x8cx\x88A\xd8\xfdX\xab\x08i\x1f\xd2\x1222\x1al\xed\xb6\xba\xe6P\xc3\x91\x96\xf8\x93\xb6j\x90\xab\xa2\x0c\xab\xb4_\xb0dY\xb1\xe3\xee\xb6\xad!fd\xde\xee\x94\x01\xb5\xc0\x0b`\xe9\xccmf\xc5t^}Z\xd5\xfe\x0b\xaa\x12\x96\xd9\x89\xfa\xb5x\x00\x00\x00\x00IEND\xaeB`\x82'</t>
        </is>
      </c>
      <c r="M372" s="3" t="n">
        <v>45492.67667824074</v>
      </c>
    </row>
    <row r="373">
      <c r="A373" t="n">
        <v>988852</v>
      </c>
      <c r="B373" t="n">
        <v>1974</v>
      </c>
      <c r="C373" t="inlineStr">
        <is>
          <t>Zé Gabriel</t>
        </is>
      </c>
      <c r="D373" t="inlineStr">
        <is>
          <t>Zé Gabriel</t>
        </is>
      </c>
      <c r="E373" t="inlineStr">
        <is>
          <t>ZAG</t>
        </is>
      </c>
      <c r="F373" t="inlineStr">
        <is>
          <t>ZAG</t>
        </is>
      </c>
      <c r="G373" t="inlineStr">
        <is>
          <t>ZAG/MC/VOL</t>
        </is>
      </c>
      <c r="H373" t="n">
        <v>184</v>
      </c>
      <c r="I373" t="n">
        <v>23</v>
      </c>
      <c r="J373" s="2" t="n">
        <v>36180</v>
      </c>
      <c r="K373" t="inlineStr">
        <is>
          <t>Right</t>
        </is>
      </c>
      <c r="L373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89de0fb-dd14-4930-bad0-704288ad1c4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4\x96z_\x00\x00\x00\tpHYs\x00\x00\x0e\xc4\x00\x00\x0e\xc4\x01\x95+\x0e\x1b\x00\x00\x03\x00PLTE\xff\xff\xff\r\x10\x15\xf7\xf8\xfa\n\x0c\x10\xf6\xf7\xfa\xf9\xf9\xfb\xff\xfe\xfe\x01\x01\x01\x03\x03\x03\xfb\xfb\xfc\xee\xef\xf3\x0b\x0e\x13\x10\x13\x19\xef\xf0\xf4\xf4\xf5\xf9\xf9\xf9\xfd\xf3\xf4\xf7\x07\t\r\xe7\xe9\xee\xa9mb\x16\x1a!\xfc\xfc\xfd\xf1\xf2\xf5\xf2\xf3\xf7\x13\x16\x1c\xec\xed\xf2\xea\xeb\xf0\xf6\xf7\xf7\xb0l]\x05\x06\x07\xb3qa\xe5\xe7\xec\xb9zn\xa4aR\xe2\xe5\xebl;/X/%pNI\xb4tg\xbc}rg8+hD?\x1b\x1f%\xaah[aC@\xb0qi\xa3cZI1/\xb9seV:7wVRqGA\x90XP\xb4wm\xaeeX\x14\t\x07\xb9wh\xabrf\xa4h_#\'.vNF\xaabT@\'&amp;\x85H8pSQiHD~G8wA2\xbdviyF@\x92TD\xc0{o\x7fUMA-,\x7f]Z\x7fKAyD7`&gt;9\xc1\x80u\x85_Y\xcf\x90\x85`3&amp;\xdd\xe0\xe5\'+4\xd5\xda\xda~YT%\x15\x15\x9c`Z\x98YJZ?&gt;qC8\x8cN&lt;q?1J%\x1c\x9ema\x8b_U\xb6ka\x97lbR0*\xc5\x84x\xc5\x87~\x86L&gt;vRM\x84MF\x9dYJ\x9aSD\x9eeXh=8\x8aQB\xe0\xe3\xe9\x94bV\x86SK\x9b]RW51\xc7~r\x91[V\x96\\R~OIjONC!\x19\x1e")bIH\xce\x8b\x81\x87ZRP* \xadzo\xca\xcc\xd0\xaa[N4  \x9e^M`2-;\x1c\x15\x94VH\x8dRFwZX0\x15\x10P42\xdd\xe4\xe0\x94h^\x1a\x0c\n\xc8\x8b\x80\xafmd\xcb\x86{\x93M?iKI\xe9\xec\xea\xa4kg\xa2ti\x97][\x8fd\\\r\x06\x04\xc9\x7fy(\x11\r\x89d_\xbatq-1:\xd8\xdc\xe1\xc4xi\xee\xf0\xee\xd4\x95\x8c\xe3\xe8\xe5\xa2\\L:&gt;E\xc1\x83z\xbb\x80x\x1f\x0f\x0c\xa7uo2\x1a\x16U$\x1f\xae\xb1\xb4\xf4\xf3\xf2\x9de`\x8d\x92\x937\'\'\xb2\x80v^85\x9eqgBHLJ,(T[[37@\xc1\xc3\xc9\x82bat4+\\+ \xd8\x97\x95\xd4\xd1\xd2\\`ejlq(\x1d\x1d\xbcm^\xd1\x86\x7f\x8cSN\xb5eV\xb8\xb9\xbe\xd0\xd4\xd9\xc2{v\xdb\x9f\x99\x80=0\x8fic\xdf\xdc\xda\xa7TG\xe1\xa6\xa6\xaaa\\\x8bE&gt;s;;\x8bII\xa0\xa2\xa5R?@\x93QL\xce\xc6\xc7\xbbmlvzy\x98UV\x82\x86\x8c\xc3\xbf\xbe\xb3\x97\x98z\x7f\x85\xd6\x8d\x8a\x80ll\xa8\xa7\xaa\x9c\x8a\x8a\xb4wzi,#A\x10\x0e\xb0\x86\x86\x13\x14\x13\x96\x9b\xa0KOU\xcd\x8b\x8a\xec\xe0\xdd\x82&gt;=083\xb8J`Q\x19\x0f\xbf\xb1\xb0\xa5}~\x99CO\xdf\xcf\xcb\xc8hq\x9btr\xb8\xa5\xaf\xca\xa7\x9e\xcdy\x83E3;\x9b\x99\x99\xc3\x8f\x86\xd4\xbb\xb5\xc2Xiub`\xb2]o\xb4[M\xe5\xb0\xb3\xa3I;\x8fzz\x91ll\r\xecF\xfe\x00\x00 \x00IDATx\xda\xc4\x97_LZi\x1a\xc6\x9d\x12\xe1\x183I\tC\xd2D\x8e\x81p\x16P\n\xa5-\x08\xd8\xb1\xb4\x80\xd0.\x96\x91\x8cKY\x01\xc7\xa9\xb2\xfe\x8dZ\xcb,\xad\xa5\x06E\x87:\x88N\xbb3\x94mRW\x05D,c\xeb\xb0MM\x95M\xe34]\xef:\xd95m\x9at/J{\xc1\xc5\\\xf4\xa2m\xb2w\xfb~\x07\xb4\xdd?w{\xb0\xafz\x84sP~&lt;\xef\xf3&gt;\xdfwJJ\xfe\xdf\xa2\xd3\xff\xf7\x89\xb2\x8f\xd9%\x1f\xb4\xe8e\x15\xb3?\r\x0f\xdfk\x9a\x98Y\xda\xb3\xc3\xb2\xb4Y\xfa\xe1\x90\xd8KM\x1b\xcfR[k+\xb9?\xaf\xac\xa4\xd7\xb7R\x8f\x92w&amp;\xf6\xa0+3\xb3e\x1f@ \xb2S\xec\x89\xe4\xe3t\xee|\x96\x89a8Y\xe5\xd9\xea\\\xfai\xeaNE\t\xfb\xca\x95R\xfa\xee\xabTZ\xc6.mJ\xa5sY\x9c\xc1\xc0q&amp;\xad\x9cF\xa31\xe1\x01\x93\xb6\xaf\xba:\xb7\xf6bx\xb8io\t\x9d\xbd\xeb\xfeZ\xfa\xe9\xc5\xca&gt;`\xc2P\x01\x17\x00\x95\x97\xc3\x11\x07B\x1c\xff$7\xbf\xf6ls\xa9\x94\xbd\xbb`\xec\xcd\xd4J5\x06P\x80U@#\xd9@\xaf\x8f&gt;\x82_\x0c\xd0\xf0|\xfaMSiY\xc5nY\x8c\x0e\xc6I\xa6\xb3$\x14\xa3\x80\xb5\xfd\x00\xbaX\x0elyNfnkc\xe2\xca\xae9\x7f\xe9\xc9\xfa\x11\xa4\x07\x89\xb2\xad\x16\xf9\x14G\xd6\xc7\xc8\xb3\xa4~\xd9\xdczjcbW\xc0*\x9aR\xf34F\xbeH\x18|[/\xf0~^6\xc4U\xd0\x8f\xc1\xfc|\xeb\x1e\xbd\xe83Yz/\x95\xae\xc6\xf3\xef_\x80AN\xc2\xf2\'\x18\x058\xacp\t)\x86\x9f\x7f&lt;[\xecd]\xdax\xb9\x0fu\nc\xbcCa\xe2;\xcam7\x13Cp\xf9G8N[I\xeee\x17\xd3\xea%\xb3/\xe6\x99;R0\n\x02\xed&lt;#\xedD\xb6\x14/L@\xbe\xaf\xb4\xad\xd9\xa5\xe2Q\xd1K\x87\xd7\xaa\xf1\xf7\xdb\xf5\x1f\x05P\x88\xab0\n\xef1\xafl\xcc\x16\xd1\xeb\xc9y\x1c\xde-\xdf\x9d\xf7i\xb6\x13\x02\x82\x0b.CO\xb1BBl_\xc8\xa67*\x8a\xe5z\xf6\x93t\x16M\x1d\xf6_j\xe1a\x1a\r\x9d\xc4\xc98\xa5\xe1;\xed\xdc~)F{\xf9d\x89]\x1cc\xcdn\xe5\xca\xb7\xf3\xe0\xdf\xc4Rf|\x99L&amp;\xaeT*\x83\xd6L&amp;\x9b\xcd\xe6\xe5\x02Uw&gt;\x01\x96\xddj*\xce4\xd2\x9fU\xe3\x85^\xbd\xcf\x14\x8e\xfb\x0e\x1e?v\xec\xd0\xd7\xdf\x1e\xdc\x7f\xea\xd4\xaf\x8e]\xb8|\xd2g\r\x87\x99\x18z\xddN\xbf1F\xee\xcdlQ\xda\xb8\xb9\x86\xbd\xe7\xa50\xd2&amp;\xa8TF&lt;\xa3\'\xbe\xf8\xfe\xf6\xabW\xbf,\xbcZ\xf8\x05\xea\xd5\xab?\xfen\xff\x19\x7f\\\x19F`\xf8\xbb\xd5i%9S\x0cg\xddY\xd9\x99-L\x19\xf1{\x9c\x8b\xabP"\xad\xc1\xed\x1e\xa8mY\xb8\xb4\xbc\xfc\xfc\xf9\xf3\xe5\xe7\xcb\xcb\xcb\x0b\xb7\xfb\xfa\xf9\xde@\\\x89\xed\xcc"\xfcMvk\x82zw\xd1\xd9wry\xaa\xb02\x18\xf1\xac\x8a\xee\xea\x1e&gt;\xd4Lw\x8d\x8c\xf0x#&lt;\xb1\x98%\x01\xae\x180]\x82R\xb3X\x03\xe3:\x8b?\x18~\x17\x1d\x18sm\xb3\x84\xfa6\x96\xbd\xc8\xaf\x83X\xd0\xef\\\xe5\xebt\x0f5\x1a\xfbt\xd7\x1c\x0f\xaaN\xcc\xa9\xac\xe4p*\x05\n\x85\xe2\x92D-Q\x03\x96\x987bx\xb8\x18(\x80\x91a1\x7f\x8fr,\x98\xc3\xb5\xfc\xea\x12\xf4\xaf\x8a\x1cZ\x8d\x86\xa4\xea\xea\x9c+P\x01\x16p\t\x04\n\x01\xe2b\x89\xa5\xbc\x91\xb9N\xfb\xdd\xc5Hx\xbb\xf5\x8c\xead\x19\xf5\xf10\xfc9\xb9\xba(\x03\x8b\x16Q\x83\x0b\nQ\x01\xd6\x1c\xb4\x90\x93\xafJ\xc4\x05\x15\x92\x88\x01\x0bqu\xd9E\x9exA0\x06s\x9dzs\xb1\x1fe\xd1?W\x06\x9c\xab\x16\x87\xd6\xd4;&gt;n\xb0!((^\r\x14\xa7\x06\xa8d\x02\x15\xf4\x11\x81\x89\xc5b\xe8\xeeHg\x97\xe6\xeeb o}\xc8\x88\'eT\x8bU\xb1\x85V\xdfp\xc0\xbb\xb8\xcao0u\xc8a\xfcF\x80\xa8\xae\x8e\x87\xa88\x88J&amp;\x93\xa9\xb8\xa8\x84B\xae \x14\x02\xae\xb9N\x9b]\xa3[\r\x14\x1ay\xfe\t\xc5\xe6\xa2\x97\xcc\xacA\x96\x86\x83\xce\xd5UK\xb3\xa9_~\xae\xef\xb4T,\xae\xab\xab\xa9\xa9CT\xad\xa8\x832\x95J\x05Dfs4j\xe6\n$H\xaeN\xdb\xb4F\xe3\x80\x89$\xb9&gt;IRn\xad\xa6y\x18\xa6p\xc4kY\x155\x9b\xee\xcb\xcf\x9d\xae\x85i\xe3\x90\x13\x88\x8e\xad\xa0\x95J\x0fB\x01S{{{T\xc8U\x84xss\x9dc\x06\xbbA\xe3\x8c(\xc3\x08,\x9b\xa2&lt; \x92\xd5\xb0 +\x13\x16(\x07\xc2\xba\xa9V\xabC\x02\x90(\x8f$S\x19\xf5$\x16\x82\x9al\x8f\xc6\x00K\\\xc7\xeb\xec2\xd8lv\x8b?\x1eF\xa1\x8fo\x95Q\x1d\x11\xe0\xf8p0\xee\xb4\x88D\xfcf\x13P]]\x90 s\xcbT\x08\x0b\xfa\xa7\x07,0\x95\x19\xb0&amp;\'\'\xdb\xc1]\x82\x10\x07\x9a8f\xeb4\xe8\x08?,Sa\x0cK\xef\xa1\xda\\o\xb2\x982\x1e\xf0\x8a\xf8"G}\xc7\xb9\xefn^U\xab%\x08K\x06r\x91TB\xae\x8at{4\x1a\x9d\x9c\x8c\n\x15\x12dz\xdbX\x97\xadsLK\xf8\xfd0\x8e8\xb6r\x85b,\xf6\xd3r\x10+@\x88\xf8\x0ep\xfc\xb9s}-j\x89D"@\xd6\x821\xac\x04,\xa3J \x00.\x05W\x18\x8b\xc6\x84\\I\x88%\x16\x8f\xd8\x0c\x06[\xa7\xad\xc1\x19\xf0\'\x82`\xaf\\\x13\xa5X\xf4\x92\xbd\xeb\xccp&lt;\x9e\x00\xac\xe6z\x18\xc4\xfb\xd0E\x16x^\x8c\xa6\xb1\xae\xa6\xb2\x12\xac\x05\x84\x90\xf1\xa1\x10\x80\xc1\x1c\xb2X\xb5\xb5\xd2\x11\xdb\x18xk\xac\xc1\xeb\xf1\'"\xc18vd\x98b\xac\x8f\xd3\xb82\x1e\xf1\x17\xb0\xfa\xfb\xef\xbb\xdd\xa7\x07 \x01\x10\x18Z{TFU%Z|B!\t\xac\x8c\\X~X\xd2\xee\xee\x01\x1b\xf2\x164\xd1\xeb\t\xc4#\x91\xf0\x91\xbf\x15\x05+A@\x0f\xebM\x1dP\xe3\xf2\x01\x9eT\nX(\x1e\xc0\\F\x15\x98L\xa5@\xab\xf5\x0e\x16P\xd9\x0cc6\x83Kd\xf1D\x02\x1e\xbf2\x93\xa4\x1c+\x0cX\x01\x82\x8f\xbce2\x01\x95\xbb\x1b\x90\x10\x14\nR\x94\x0f\xb2J\x19\xf8\n\x86Q\x18\x8b\xc5\x14j\x96\xf44\x12\xcb`0L\xbb\xf8\x84\'\xe1$&lt;\x91\xcc#\x8a\xb1f^\x86I\xb5D\xa3\xa2\xe6\xfa\xfa\x8e~y\xb7\x94\x85Ve\x159\x8c\x90\xefF\xa3^o4\xb7\xb5\x99!K\xe1\x1b\xb8j\xbb\x07\xe4\xe3\xe3\xe3\xbdv\xbbKG8=^o\x11\xb0\x96\xd2\xb0E\x8ex,\x16b\x14\xbax\xdf\xdd\xcdR\x0b\xc0\xda\\.\xc2\x91\x01\xd1\xe0\xa0\xd1hlkkk\x9f\x1cjD\xc1\x15]\xbe\xa4n\xe9\x93\xf7\xa2\xad\x86\xdd\xc5\xf7z\x9dN\x7f\xc0\x9a*\x02V&lt;\xe0\xb4\x10\x08\xab\xdf\xdd]\xabVp\xb9f\xa1\xd0h6#\xb0\xc1\xb6\xa9\xc1A8LM6\xa2z;\x89\x04[\xbe\xc4\xea\x96\xbb\xb4\x1a\xc0\xd2Z\x80\xcb\x9f\xb0nQ\xbd\x81XG[eb\x94 z \xb7\xdc}\xdd,\x84\x155C\x01\xcf\xe0\xd4\xd0\x140\r\r56\xc27\xa8\xf56\x8av\xcf\x0bju\xad\\\xdb\x00\\Z&gt;\x0c#d\xeaS\xaa\xb7[\x8f\xb3AR\xac[\xcdU\xb7N\x1d\xfe\xea\xc4\xf77\xd5\x8aX\xb4\xdd\xfc\xc0|\r\x015\x0e\x91\x87\xa1I\x08\xf9\x18\xe8\xb4p\xfb\xaf\x9f\x1d:\xf4Y\x0b\xab{\xbcAk\x9f\xd6\xe8D^\x0f\x84W\x8a\xea\xc5\'e\r\xfa\xbd\x04\x88\xd5s4\xe1;y\xf2\xe4\xc1\xe3\xbf\xf9\xe6\xaaZq\xfd\xba\xf0\xc1\xb5\xbcLSC\x7f\x1a\x8aI$\x0bWo~\xf3\xeb\xe3\xfb\x7f{\xf0\xc0\xeb\xd7\xaf\x0f~*\x97w4\x80\xbb4\x0ed.\xc0\xa2\xb8\x1ee\x82~\x82\xf0\x9e\xf9\xd1g\xb5Z\xe3\xd6`&lt;s\x14D\x83\xfd\x8d\xe4\xfa\xb5)\xa4T#\xfcDk\xdd7\xbf\xeb?|\xea@\xc6\n_\'_\xbf\xf6\xf9~\xec\xe9\xd0\x02\x97\x06\x86\xb1\x08X\xf4d&amp;\xe8\x01,\x8f\xd5\x9a\xf0\xf9\xac\xe8\xc6^i=z\xb6\xb9C.\x15&lt;\xb8f\x1c\x04\xb0\xa9\xa9\xb6\x90\xbc\xe3\xfeWg|\tk&lt;\x18\xf7]\xbe\xf0\xfb\xaf\xbf=\xebK\x8c\x9a\xa0\x8d.\x9d\xc5\xe9L\xf8\xdeP\xdbDz\xc9\x9d\x1f\xe2N\xa0\x8aD\x8e\x9e\xad:^u\xf6h\xfe\xad\xcf4\xd7w\x9c\x96\xfc]\xa6\xbfa\x1c\xbc6\xa8\x97v4\xd4\x13\x89@"\xe0?Su\xf1\xcb\x85\xe7\xcb\xb7\xbf\xf8\xf4\xac\xd7\xa1\xd5\xba\xech\x16\x03?$\xa9\xc6\xda\xfc\x196[0M\xce\x9e\x13_\xb6\xdcn\xe93\xf5\x8cz\x02\x11\xbfw\x94\xaf\x1d\xa8\xa9i\xd5\xebo\x0c\xdeh\x1d\x18\xaf\xe7\x13NB\xd4&lt;^\xab\x88\xb5\xbf}\xfb6\xa6f\xc9\xf9|\xf0\x96]+\xf2:\x03\x07\xeeQ\x8d5\x93\x8e{-\x84\xd3\xdb\xd3\xdf\x02\xb7\xcfB\x85\x80\xd5\xdd\xcb\xf7z\x9c^\x8b\xc35W\xc7i\xfd\x8b\xfe\x86\xbe\xc6\xe0\xd26@ \x8cI+\xb9\xc2v\x14_Q\xae\xa0vL\xdbk\x00\xcf\x8b\x9c\x9e\xc0\xcf\xb3Tb\xd1\xe9\xe8\xce\xc7\xea\x15Y\x08\xbe\xc9\xcdR\xab\xffp\xb5\xa5\xaf\xafOn\xe2\xc3\x16Z\xa4su\xf1jZ[e\xb2\xd6\x9a.;*W\xaf\x1cnA\x16\xe0\xc6?\x16\x03~\xb8\xbf\xb6\x19\xec\x1a\xf8\x0c\xfe\x7fVP\xbdif\xbf\xc9x\xf9\x0e\x87\xb6\xd7\xdd\'\xef\xbfx\xf1D\xd5\xa9\xfdU=\xa3p\x1f\xc4\xd7i\xba\xe6\xc4\x9cV\xbdY\xc6A{w\xbb\x8e\x7f\xf8\xf8\xad\xcb\x97/\x1c:t\xe2\xa2\x9b%@\x1b\x1e\xf1H\xaf\xcb\x01\xc1\xf5\x0fv\xc9\xcc\xe6\xe6\x0cEhK3p\xdb\xb9\xe1#\x1c\r\xae\xde1\xf9\xbfh5\xa3\xdf\xb4\xae;\x8e\xfbe\xd6\xfa\xb4\x07\xb4\xa70\xe4+\x10\xa6b04c\x82Q\t\x1b\x17\xb8[A\x16&lt;\xd4 \x8c;j\xb8\x82\x1b\xa3\x86`\xachn&lt;\n\x06e\xaa\rW%^\xf0\x90\x08Eqb\x1aw\xcb\x94\x87b\xaa\x06LeX\xb1\x81\xd5\xf1\xd8\x90\xb3\xd8x\x92c\xc9v,\xc7\xcabU\x8e\xd3\xfdN6i\xff\xc0\xdd\x11\x126/\xf7\xa3\xef\xf9\x9d\xdf\xf9~\xcf=\xda\xd0\xe5\xe1\x0b\x1f\xfe\xe1\x9f\x0f\x9e\x7f\xf3s^6\xbb(PQ\x18\x9f\xcf\xd18\xfa5vL\xa7\x12d\xaf\xbe\xf3\xea\xf9\x83\x1f\r\xdc~\x00\x95\x87\x87\x91\x19\xe3c\xe1A\xdb\xd0\x95\xfb\x9fv|\xbd}]\xd1\xba\xc9\x80f\x9d\x1dOZ\xaf\xfe\xf1I\xc7o~\t\x01\xd1\xe3\x89\x18\x86\xe6o\xdf\x1e\x18xp~\xe0\xf9\x97\x8f\xdf|\x8d\xe5\xc6\xd8Q\x99\x9d R\x1a\x8c\xdc\xdak\xdfk=\xfbf\xe0\xfc\xec\xb5\x9f\\\x99\x9d\xccn\xe9\x84\x1c\xb9\\\x18\xd4\xe1W\'\x7f\xbb\xff\xf0\xbaX\xe2\xbe\xf3\x84\x11\xac}\x1c\xe7=\xfa\xf8\x93_\x0b\x0c\x9e\xb0G\xcd\xbb\x06\xfe\xa6g\xe4*T\xffw\x07\xbf\x0b\x99\xb86\x15e\xc1\x94\x01\x99\x06\x86\x8c\\\xcc\xd6G\x8f\x8e\xde2\x85\xb4\x1f\x8c^\xc2\x17\xb7pU\x10\xb0\xd8A\x943\x86\xff\xfc\xfe\xaaO\x12x\xc1\x8cZ\'\xae\x08\xc9{\xf4\x97\x9f\t\xd4\x80e[\x1c\xe2\x19\x96\x16\xe2\xd2\x88\x7f!n\xf6\xc3\xd6\x82\xabh\xda\xad\x94\xd9%\xf6\x92]9\x98\xd3K\xcd\x0b\xe65\xa9\xa2\xef\x8f\x9b"\x8c\xd2QT\x86#\x97\xb0\x83:\xf5\xe2\x15\x93\x8a\r]\xa4t|\x97\x11\xac\xaf?\xd2\x89I\xd3\xf00\x17V\xbaG\xcd\xc5I\xe9B&lt;.\x16\xb3\x14\xcd\xb55\xefE\x8f\xadR\xab\x05%\x0e\x07\xc1\x0e(\x034\xf4\x072\xe2\xf5*\xa3\xa2\xde\xee^\x08FJL\xc9\x96\xcb9A\x9dj1\xab\x92\xf9R\xa5\xd3\xd2\xf19fj\xeb\xdd\x1a&amp;\xf6\x08x\\\xb5.\xec\xd1\xab=\x16\xbf\x82\xa5\xc0\x82Aw\xad\xa6\xb3D*\xb9J\x85f;`\xaf\xd6(\x03\x01\xaaV\xa9\xec\xaahX\x9b|0\xd0\xe0V\t\x08m\xaf\xb1H\x81 \x93\xf2\x15\x02\x81\xd34Cj\xf9+\xb4\xd7K\n\xb8z]\x84\xf4\xf8\xc1.C~\x08R4M\x87\xc3\xf4`%\x97\xab\t\t\x871mt\xd8\x03\xd5@\x95\xa2)7E\xb9\x95\x92\xee\xfe~\x08\xd8NG\xb7\x9c\x0f\xb5\xa5\x1b\xb4\xe1\xa5T\xaa\x10\xa8\x9e:\x98)\xf9\x13U\xa52h\xf1\x08\xb8j\x92TK\x15\x10Zaj2n7e\xa1(\x8a\x06\xb5\xdc\xfc~\xa71\x9d\x8e\xa5J\xd5\x80R\x16\x08(Qvd\x83\xc5O\xf9\xc0D#.\x84\x85\xab\x10\x96\xacz\xaaa\x02\xab\xe3\x07\xc70M\x83\xb4Z\xc0\x85\x8d\x85\xf4\xb2\xa2l\x99\x0c\x9e\x9bq\x83\\\xee\x0c\x9d\xcb\xd1J~\xfft\xba\x9c\x1f\x87)\xaa\xa2\xa3%\x00Cl\x81R\x81\x88\x8dOO;\xba\x00\x0b\xac\x8dJ)I\x15J\x81R\xea\x90\t\xac\x1f\x1eWj\xaaA\x9d\xda\x04X \x16K\x88\x1e\xec\xa6\xe8\x1aMU\x03\x01\xbaR\xcb\x08\xe5\x0ec\x1ea\x81\\\xf0\x93\x0c\x04C\xdf\xa5B*\x01&gt;\xec\x7fXX\x81\x9dJ)K\x04C\x93XQ\r\xd2\x08\x0bW\x93\xde&gt;Q\x14\x1e\x8b\n\x8b\xae\x06Jv6U\xa30\xb6\xdc\x99.\x97\xd3\xe31$W5 \xb3\x97`\x14\n)\x1f\xf8\xd6tz\xba\xbf\x0bjkP\x8d\xab2\x19\xaa\x00\xe4\x1af\xb0\x0e=9\x9aRq\x11\x96\xc7\x0b\xd1"*\xcbP \x94\x0c\xd4H\xb1u4\xf4x\xb9#]^)\x1bc&gt;\xa8\x9d\x92R\t\xbf\xa7P\xf0\x00\xdb:\x9eFj\x01\x96\xc7\x80{0\xfa\xac\xe0+\x9c\xcd}\xccL\x83\xf8S\x8e\xa6sY\x9e\ra)D \x17*i\xbb\x06\x9em_\xab\x85\xdd\x19\x99\x840\x96A.\xe0"$\x12%\x15H\xf9b\xc5b1\x16\x03\'\x1d\x9b\x9e\xeeG\xed\xd4\x83\xe3\xfe~\xd9Y\t\xaa\x8b\xa1vz\xae\xa5\xa2+[{\xb0S\xabI\xb05\xd1h\xd4n\xb7\xa3\xc0\x9a\xb0\xd7v\x1b\x16\x8b\x97-!\x8a\xe9|&gt;\xbd\x01\xa6\x9e\xb0g*\x95L\na\x15a\x06\xc7\x1dN\'X\x0b6\x06j]4.WOS\x92\xaeCf\x8e\xc1;O\xfctn\x0fa\xa9&lt;\xde\xb8h\xb3\xb7\xb7{\x19\xe2N"\x91\xdc\xcdY\xcc\x17\xbd^\xd1\xb2\xaf\xb8\xb1\x91\x07\x88q\xa3\xb3\xcbN/ne|\x08k#\x9dOO;\x9c\x0e\xbe\xec5\xd6\xbb\xe9\xd8\xe9i\x8ax\xc1H\x7f@\xb38\xb1\xb6\xb5\xb7w\x15\xa9e\x8eo\xce\xcd\xcd-\xa3L\x98Xnd\xd7\xf8s\x13f\xaf\xc8\xb9\xb1\xb1\x01\xc5\x95O\x1b\xa1}\x8d\x13\xb5\xbd-,Q\x8c\x81\x82\xe5&lt;\x94\xd6-\xbeP\x96\xf1\x18l\xd7\xcb\xbe\xd3j\x818f\xca\x0b\x9e;\xf6o\xb5\xf7P\x83 \xfd\xf1\t\x08\xad\xd3;;@Uk\x87\x84]\xce^\xb1\xb87\xff2\x9f^y\xf9r\x05\xca+_N\x175\xb9\xf6\xd6\xaa/Q\xdcXY\x81\x85\xe0\xec\x97\xb3\x95n\x12\xb7\xf5\x95S\xd5\xb3B\xd7\tc\xd6\xf4a\x1c\xb0\x04\xb0\x12Uk\x17Es\xce\x1dDE4\xdb\xb3\xbb\xd1\xe5DR$J\xee\xe4w@\xad\x15\xa4\x17\x08\xb4Q\\]\xfc\x0fW~\xe5\xe5J\xde\xe8\xe8\xe2`\x16\x12\xc7\'\xd2\x85\xb33\rCs\x88\xa6\xf1\xe6ve\xaf\r\xae\xdd\x00\xe6\x80\xf5\x1a+\xe6\xb3\x87\xa6\xda\r\x11\xfc}+)J&amp;A\x1a\x18\xf9|\x194\xcb\x17\xd7\xe9l;g\xf7%\x10k9\x1dCXj\x9baBS=+\xd9\x19Y\x87\xff\xe5j\xf9\xa1\xe6M`\x9a#~E\xaf\xd3\xe9L\xf8\x88\xb5k\xb3\xa6F\xf4\xd6\xce\x8e3\xb9\x1a\x8d&amp;\x13\x89b"\x91\x18\xcf\x03\xc7Fb\xdd^k\xb7k\xeb\xbe"\xfa\xd7\x18#8XXm\xb3z\xab\xd5\x82\x12;a0d\x1c~\xa4\xca\xa1\xa5HF\xc2 \xd72A\x10\xeb\xdc\xd9!\xed\x9aYl\x9e\x91\x8ei\x97\xc4\xd1$\x0c\xc5\xd2Rs\xa6\xd9d%\x97\x93\xab\xb9\xf6\xe2*\x91\x18G[eL.\xc4t\x06\x9b-\\J\xf9d}\x87\x0c\x86\x9f\xbb\x07\x11\xaf\x81\xc7\x05\x8bG\x86\xc5\xa2.\xcd\xbaF\x98ms\xd7f\x9aKu\xde\xd0\x95!\x9e\x1e\x1c\xa1yA?\xa2m4\\\r\xd6rb\x99\x1f\xce\xb6#\xd0\xdbb\xc6t\x8c`cA\x8f\xd5j\rkb&gt;\xd9\x0b&amp;\x8f\xe6;\xf7\xdfgyM\xe8\xf5\xa6\xda\xe3\x16G\xc1\xb3\x88s\xb9\x88y\xa6)u\xd5GF\xeeeC\xf5\xbav&amp;&gt;3s\xe7\xce\xa6(\tMm9)Teq\xa5\x86\x80V\xe2\x93(\x83A\x12am\xb7\xba9\xd0\x1e\x18\x1c\x87\xefy\xfd#P\\\xb0\xe1\x86\xc5\xc2\xa8\x9d\xb3\xea\x15GY\n\x98\xc2\xa5\xa5\xa51\xbd\xd6%5\xc7\xe3\xf1;067\xd1|\xf6\xb2\xbc\x06\xdb\x9aP\xdeE\xf4k\xd8\xca\xa0Eo\xb3Z\x7f\xb5\xff\xd5v\xf7\t\x93bu&lt;\xb9\xee\xff\xee[\x93\r7\xe0\xea\x88\x17\x13\xda9l\x11_\xd4\xc7\x8a\x9b\xa530\xcc\xfe%? \xa27Aw6\xe3q\x11\x1a\xd1\x8b\x86],*\xef\xea\xe2\xc80\x8bNm5\xe8\xdf\xfb\xfbW\x07s\x87\x8c\x86\xea\xbb\xdb\xbf\xff\xdb#\x1e\x17\xc7q\xa8/\x0b\x9b\x03\x1b#K\xb1\x10\x9f\x19\x95\x8e.\x8di\xb5u\x9b\xc15\xc2\x0b\x8d\xd4\xc7\x16\x16FG\xcd\x8a\x05p\xfb,\xa9 "\xe4\xbc\xb6\xb2a\xd2`\xb5^\x9a\xd8\xff\xf4\x08\xba\x16\x93G#\x9d\xfb\xaf&gt;\xfb\xeb\xb0\xc0\x86\xa3\xbc\x8fq8B\xc5\xc2\xe8\xd8\xd8XOO\xbd&gt;\xc2\x1bZ\xdcZ4\x99\xda\xed,/$\xd0\xd6\xb5\xaez\xdd\xaa\x1d\xbb$\x1d\xb5r\xb1(G\x08\x06[\xa7\x87\xd2\xd2w\xb7\x0e\xfaN\x18~-\xfc\xe4\xf1g\x8f.\x0b\xb86\xae\xcd\x10\xc1\xa2l\xb1\xff\x17#\x97\x87\xef\x0f\xdf\x0b\xf1`)\xe6v!h\xe4v\x1bMX\x87Z\xad6\x94\x9d\x9c\x1c\xba|\xaf\xe7M\x9e\x85\x8dl\xbfE\xe7\x02\xac\xb7\xfa\xba{\x8f\x99\xbe\xc6\xf5\xc6\x17\xff\xfa\x16\xb0\x04\xb0\x05y\x82B\xa1w\xec\xfe\x87\xf3\xf3\xf3WF\xea#\xf5z\xbd\xb1\nVg}\x1d&gt;\xeb\xc9M\x91Y\x1f\x9a\xbc=50\x7f\xe1\xc2\x90A\x88\xcek".}\x8f\xd5\xda\xda?&gt;d\xfcrY\xe7\xf7\x0e\x1f\xff\xd8\xc4\x15\xa0\x83#\x0b\x16\\\xba705u{v\xf8\x92\xcb\xd5\x84\x9e\x15X\x05\xb0U\x18\xd1\xe4\xdc\\\xaf8\xa2\xbd:\x8b\xae\'M\n0!\xe6\xd6y\xf4\xda\x1ek\xcf\xc3\x8e7\x98\xbf4\xd2\ty\xf1\xed\x10\xc2\xb2\xa9\xc3n\x9d\xfe\xfe\xd4\x8d\x1b\x03\x97]\xa3\r\xad\xab\xd1h&lt;}\xba[{\n\xa39\x03]\xbe\xd9\xf4\x9a/\xf1f\xcf\xdf\x98\x9a\xc7\x85\x08\x8b$A\xad\x9f~\xd1\xf1\xff\xb8\x91\xd4\xd9q\xf3\x15R\x0b\xfc\r\x84\xeb\x9e\xf9\xf3\xdf??\x0cK\xb0^\x7f\xe7\xf3\xb7\x0fZ\xad\xa3\x83\xd6\xb3\xd6\xf6\xb3\xfd\x83\xa3\xa3\x0f\xb4\xa1Ph\xe8\xda\xbfi7\xff\x98&amp;\xf3;\x8e\x9b\x0e\xcc\xceDet\x9c\x03\xb2\x14[\x1e\xe0\t\xfdq}\xda\xde\xa46O\xda\xcc\x9em\xf1\xe1\xc9\xf5ZK\x1b\xb5\xa3`\xb9\xb4ByR(i*]\xafB)p&amp;\x05\xdb\x84\x92\x864\x87\x88\xca\xd5\xba.\x92\x1c\xa7I#$\x981Qq\x9bf\n\x89Y\x9c!\xcep\x84eA\xb2\xe8&gt;_\\\xb2\xbfo\xfa|\x02\x85\xb4\t\xbc\xf2\xfe|\x9e\xf7\xe7\xf3m?\xcf\xd4\xe8PwG\x15t\xe9\xcfN\x9f\xa9\x97\xc9\x0cwX\xc2*_\xa9\x14\xa0\xe2:\xd6\xd7{:&lt;:9\xf4\xab\xee\xca\xcb\xd9\x997\x1b\xb77\xee\xb4\x19\x97g\xdb\x8a\x8d\xb3ee\xb3\xcb\xcb\x1b+\xff\x9c&lt;YSc\xab9i\xab\x82c~\xe3gg\xfa\xb4*\xd9\xdb\xbf\xefbi\r\xefiVp\x02a\x9d\xe9\xeds\x9fe\x1c\xfd\xfd\xa3\xa1\'Wn\xa7\x8c\xa6\xb2\xd2\xd26^\xe9\x9e2\xfe\xde=)\xd3\xec\xc6\x8aL\xd0\xa9t\xb9\\\x8d\xb5p\xe6\xe9h\xec\xebk\xd5\xca\xdco\x86\xd9\xc1\xda\xbdk\x19\xab9!\x10\x08~\xdd\xda\xe9\xb2\xb4\xbb\xe4Z\xad \xfc\xf6\xf1\xc6\x8d\xd9`[1\xcfh\xe4\x15\x1b\x83\xb3\xcb\x1b\x8fW\xb7\xff\xfcjQ\xc1\xad\x85&amp;p\xe8\xe8\xa1\xda\xc6\xdewX+W\xd9\xc2J?\xf9\xfc\x04p\xd9\xea;\x95\xdc\xba:\xae&lt;\xbf\xf4\xe2\xc5R\xfc\x1f\xcf\x9e\xbd\\\x0e\xde\x08.?\xdaX\xdd\xde\xde^[\xfb\xed"\xb7BQ\xcbU(\xaa**\xaa\xc4\xbd;X8\xfe\x98\xb5\xc5\xe6\x92\x15\x06a\x1d\xab\x97\x8b\xebD\xdc\xba\xce\xd6\xfc\xd2\xdd\x17p\xfd\xad\xadm\xaf&gt;{\xb6\nDk[\x0f\x1fn/*\xd0\x92\rz\xa88\xc4=\xd8\x08I\xf4\xc8\xdc\x9a\x97l\x95\xd6\xee]\x8f4a\x01R\xab\xcf\x05b\x89\xc4\xf5\x1e\xef\xd2\x1f_\xadmm\xad\xed\xc4\xd6\xd6\xfa\xe6\xe6\xe6\xfc\xd8\xd8D\x03B\xdaY\x00\x12C\xc5\xb7\xd6kq\x8aXf\x0fk\xf8Ie\r\xaa\xf9\xd3\x9d\x16\xae\x12\xb0Z\xe3\xf1\x07\xaf\xb6\xbf\xdb\\\xdfZ\xdf\x02\xa8\xf5\xbf\xfe\xfb\x0f\xcf[&amp;&amp;&amp;\x1a\x10Xu\xb5\x02,\xfe\xab^\xe4\x0e2*2\xcb\x16\x16\xfc\xdd\xa7T\x18\xb5\x9fc0^Ms\xb9}\xad^\xb0\xcf\xed\xcd\xcd\xf5\x9d\xd8\xdc\x84\xd1\xfd\xbb\xe7_O4\xb4\xb44\x03T\x95\xa8\xf6+\xe8&lt;\x80\x85\xe3\xecb\rD@.\x81\xe0\x84\xd6\x93\x97[\xb8\x96\xbc7\xee\x8d\x8f&lt;\x1c\x83^\xf8p}}~s\xf3\xf9\xf3\x7fM\\D\xdb?\r\x8a\xea\n\x11Z\x10Db\xe1n\\\xca"\x164\xec\x15\xe6sHc\xcd\x89\xfaV\x8fW\xa9\xb4X,r\x18`\xbc\xde|\x1e\xc6A\xcb\xb4\x12&amp;T\xa5h\xa2\xa5a\xa2BQ\x81v\x0ePeiA,&lt;\xcb*\xd6\xee;\xaf\x1d\xd0Y\xc2\x02m\xbd\'\x1f\x17\xbb\xa6\x95r\x99;\x1b\x0e3\x0e\x86\xc9\xe5\x18\xb7\xac5/\x17M47TT(\xd0&gt;eGc\xe3\x99z\x95\x06\xd7P\xd4\x0c\x9bX\xbbJ^Z\x1d\x95\x950\x87\xa29\xaf\xc3"V\xc6\xb5\xe1\x93\'Ovw\x93\xa1\xfe\xfe\xee\xb3\xc0\xeb\xad\x80\xc2\x02\xadD"\xae\xb8\xb1Q^\xaf\x92i48\x85\xb3\x8b\xb5+\xe8\xcf1\x8e\xb3\x95a\x1b\xc8%\xef\x10+\x95\x9d\xad\x820L\x82S\xa3\xa3\xfd\xdd\x97\xc3\x82\xa5\xf3\xcd\xcd\xcd`\x0f"\x91\x82\xeb\xeah\xecmU\x81ZB\xa1\x8c^f\x15k\xd6O:\x1cg\x1d \x97G\xde\xd9!\xe6r\x95\x9d\xf9\xfa\xbbw\xc3\xe7FGG\xbb\x05K\xe2\xb1y\xc0\x9a\xafVp\x95u\x08\xab\xafK\x15\xd3\x00\x95\x8aU\xac\xdd\x08K\xefp8*\x11\x96E\t!\x16\x8b;\x1e&lt;xp\xf7r\xf7\xb9\xcb\xad\xe2\xb1\x86f\xb4\xd1\xd2\x00R)\x01\x0b\xc4\xc2b1\x1cW\xa9\xcc\xecb\x99\xfc$\tz9\xdc\xe8c}.\x88\x05X\x8b\x1d_~\xf9\xe0\x05\xf4\xc7\x8e\xda\xaa\xa3\xf3he\xa3Z\xa4\x04\xc3\xed\x90\xe7\xbb0L\x8da2\x95\x8ax\xc4*\xd6\x1d\x7f.\x07z1Y[\xbd\x17ul\xaeX|P|pq\xf1\xd3O\xd18\x8f\xd6"\x1a\xaa\x15\xd5\x8a:\x8b\x8b\xeb\x92{tN\x0c\x8bap@b\x1d\xcb\x97\x8bJ2\x12\x86\xa1\xb4rpT8X[\xc4\xdc\xf3\xe7\x7f\xf3\xc9\x91\xb1\xa3\xf3-\x13hOJ\x01\xd7!W\xa9ty=:\xc0\xd2\x08U]\x1aU\x17\xebX\x0e&amp;Jf$\xd1,\xde\xe5\xf1N+]`\x12"Q\xd5\xd8\xd1#@\xf5u\x0b\xfatZ\xa1\x10)F\xa6-\xde\x00P\x01\x16\x8e\xa9T]\xecc\xe5\x98\x9c\x9e$%RJ\x06\\\x16\xf0\xf6\xe9\x91\xf3UcG&gt;\x19k\xb8\x08\xb1\xaaX\xbd\x88\xb0\x06\xbd\xf6\x00P\xa1\xcbP\x83\xe9&lt;\x18\xfbX\x0e\x92\xcc\x90dT\xea\x86cu\x00\x9a\xf54\xe4\x11\x0cL)R\xf4\xac\xae\xf6\\\xbb\xb6*\xea\xe9\x19I\xd8\x03f(,D\xa5\xc1&lt;:\x8d\x9a\xf5$\xe6\xc8LFOf\xa2n\x99\x0c\xd7z\x00\x0c:#\x98\x85E\xf9\xee-\x9bK\x97FF\xa6\xa7\x13f\xe2\x1d\x95\xca\x899u\x18\xdbj\xcd\xaa\x1d9\xbdD\xa2\xd7gH\x86r\xbb\xc1\'\xba&lt;\x9d\x9d\x16P\x0c\x86\t\xc8\xe7\x08|)\xa7\xe3q\x9a\xf0\xc54\xd0vT:\x9d\n\xbe\x03\xe6G\xec\xba\xbc/\x97\x93D)F\x9f\t\x91\xd1,\xc5@{F\xfb\xb1qo\xc0\x83\xde\r\x89{\xf3q\x80J\x18\xd4\xbe\x98\x10\xd7`]:\x8f\x0es&amp;\xec\xed,c\x05cd.\x17\xa5\xb2\x0c\x19\ne\xc0\xc2r\x8el\x16I\xa6\x92\xc9\xb4p\xc1ytPn\x013\xe1\xf3\x0b\xadV\r\xc8\xa4\x03\xdf\n$@\xad+\xe9\xf1\xf2\x8fX"\xe3\xa4\xaf\x08\x1d\x12P+KE\xa1\xbc2\xa1\xa9\x10I\xa2\x89\x86\x92f\xb3Y\n\x06+\xdcivj\x00\xc9*\x95Z\xe1\x87\xdf\xefw\xea\xecv\xa7S\xfd\xed\x1cox\xc04\xce\xc2\x1d[\x1f\x8d\x0f\xdc\xbe)a\xa2Qp\x87,%Ay\x0c\xa1u.@#I=z\x90\xc0K\xd6hT\x8a\x02Q\xdd\xb7B\x02\x03v\xbb9@\xfc\xfeo\xbc\xa2=\xc3\x03\x03\xe3\x1f\xfa`V\x9e6\x06of\xc8h\x94\x91H\xa4Q)\xd0\x01\x08Z~\xfb_\x00c&amp;\x03pR\x1c\x07(L\xed\'\x94\xa7\x02f\xbb=\x910\xdc\xff\xdeTR\xb8\xbf(mJ\x17}\xd0T^\x1dH\xcd}{\xf8\x96D\x1f\x85\x04\x82,L\x94\x01&gt;\xfd\xad[\xc7\x8fO\x0eAL\x0eM\xee\x80\x017\x85waBk\x8c\xf0\xf9\x06O\xd1\x84\x99N\x0c\xdai\xf5\xf7s%\xfb\n\n\x0b?N\x7f\xc8{\x879\xc3\xa9T\xf0/_\xfc$\xc4\xe8%YIF/\xd1\xefd\x132\t\x15\x86\xb8\xd0=e\x93\xc7\xcf\xe5\xb22\x99[\xa6r\xfa\xad\xeaD\x93\xcfp\xc1@\x98\ts\x826\'\x93\x7f2\xed/B\\\x85\xe3\xa6\xf4\x87\xc9$g|8mJ\xb5\xdd\xfb\xe2\x97\xc7I\xc0\x8a\xea\xf5\x80\x95\xd1\x03U\xe6\x16`e\xc8\xd0\xb9)\x88sg\xc36\x8fW\xde%S\xe9b\xf7\xfd\xf4\xf5d\xa4)I\x98\xd51\xf3\xa0\x99\x98\x99y\x12,\x00\xac\x02Naa9\x08\xf6\xfew\x05\x16\x0e\x0f\xa4\x06\xda\xf8\xfc\xd4\xcd\x9f\r\x85rPWRpS\xf0S\x90\x0c\xb0B\x12x\x86\xa2\xdc6\x9b\r\x8e\x8f\xed\xed\t;x:v\xff\xbe\xdf@\x1b\x923\x04M\xc40\xba\xc9\x00\xbf\xbe~\xb4\xafh\x1fD\x01\x87S\xb87=\xfe\xfe5e2\x15\x97\x16\xf3\xf97~\xf7\xd3P\x8e\x94H(\x99P\x8a\xb8\xf4\x92\x1d8\x890&amp;\xf4\xc7thL\xc8{\x9b\x924\x81a08\x80s\xf9"\x11\xc2` \x08:\x994\xd0\x0b\x0b\x91\xffb\x01WA\xd1\x01\xde\xc7\xefy\xfd\r\xa4Rm\xa5e\xfc6\xfe\x95\xc3C\x0e\x07\xb2x\x1c\xb7JqU\x97\x8a\x12Z\x81,J9\xcd\xf0\xbf1\r\x86\xe9\xec\x0b3\x115A\x0f\x0e\xd2f\xb5\xdf\xa7&amp;\x92\x0b4\xdd\xb4`0\xcc\x18\x92\x0b\x91\x1b\xfb!\x87\x88\x8bSp\xa0\x807\xfc\x1e-\x903\x9eN\xa5Rs\xfc\xb2b~\x1b\xef\xde/\xa6\xb2aGTBQR\xa9&amp;\xd0\xde\xde\x0e\xd9\xd2\x80Q\t13}\xaa\xc9\x0e1x\xea\xfa\x0f\x83\x89\xa6S\x83\xb4\x1a\x98\xd4\x84\x81\xa6\xcd\xf4\x02\xad6\x18"33\xafg\x11\x16\n\x84\x95\x1e\xfe\xff,\xbf\x84S~\x15\xdc\xcf\x982\xce\xcd\xf1\x8by\x80\xf5\xf4\xe7\xdd67\xc3D\x85\xb8T\x1a\x0b\x04\x9cN\x02\x86\x04MT*\x14b P\xd3\xf5K=0\xd5\\\xbb\xde4h\x806\xad\x8e\x10\xea\x88A\x1d\xa1\xe9\x05x\x8c\x00\xd6\x1b#\xc2\xe2@e\x15B6\xcb\x06\x06\x86\xcbK~\xf4M\xf3\xbb\xc7M\xc1\xb9\x94\x91W\xcc7\x06\xe7\x8ayH\xad+\x87\xbb\xb56\x86\x81\xf9O#\xc4\x02f\xcc\x1f\x83\x1ar\xe2R+\xea1(cM\x17~x\xbb\x904D\x10\x15\xa1V\'/$\xd5\x06x\xd2\x10Q\xab#I\xc3\xbd\xd2\x82}\x9c\x1d*\xce\x81}\x05E{\x01l\x1c\x82\xf3c\xa0\xca\x87Ss\xb7\x83)c\x1b\x8f\x9f\n\xce\xf1\xf8H\xad\x1b\xdf\xf4\xdb\xb4\x0ct\x16\x1c\xb8b\xb4\x1d\x13\xc6\xa0\xffi(\xa9\x15\x1a\x8d?F@\xfd$\xa1\xb2\xcct\xc4G\x98}\xb1\xc1\x1e\xb8\x00\xff\xc3\xc8\xf9\x84\xb4\x91\xb7q&lt;\x19\'\x0b\x99d\xa6\xe3\x18g2#\xcb,\x03Y0\x04\x8a\xe9[\x8a\x9b\xf0\x12\x0f/\xa4\x01\t\xe4\xcfB.\t\xb9x\x10&amp;{j\x88HBOR=)!\x0b\x92\xf0"a\xb7/\xe9\xebn\x134\x1e\xd4^\xf4\xe0\xde\x94\xa5\xb8\x15\xf5\xb0\xe8\xe1\x85\xf7\xb2\x0b\xed\xa1\x97\xee\xfb}~\xa3mwy\xdf\x97}Z\x1d\x8d\x94\xf9\xe4\xfb|\x9f??\xad9*7\x9b\xf4\xe8\xce\xd1\xceOw&amp;\x1c\xad&lt;\xbc\xcad\x93u\xcb\xa4i\xf4g\xc1\xc6\xff\xbe\x91\xcbe2\xc3\x83N&amp;c[\x99\xc3\x8eiY\x96\xadt\xf6\x1e&lt;\xff\xdb\xf3\'S\x85\xd9\x08F\xcbBz\xbdZ\x08\xe5g\n\xc0\x9a\x05\xd6B\xfe\xb7\xfe\xd1N\xa2\x9a_A\xafJG\x13eP-\xa5\xcaO\x9b}\\\x97v\xd6/3\x9e\t\x87\xca#kT\x8e\x92(J\x1eNZ[\xdeX\x9b\xf8Smj#wH:u\x86\r\xdb\x86\\\x19\x8ba\x99\xfa\xe6\x83\xbf\xde\xbb7\x85.\x85\x9d%r\x12\x89\xa6\x13\x85Ph\x8a\xe4\xc3q&gt;\xb2z\xf4\xb4\x9fJ$V\xca\xf94\xae\xe5z\x13"\x1d\xd5\x81uD\xce:?\xb85\x16\xe6\x0f\x1a\x057\xa1\x0b\x92\x87\xd74\x9e\x07\x18\x96\x9e\x89\xff\xb7\xf6|\xf2lc\x99\x94\xca\x10Pgxh[\x8a\xa1(\x06\xa8lS&lt;\xf8\xee\xdb\xe7\xf1\xc2\xc3\x87S\xb3X\xf0"\'\'\x89\xfcj$\x1f\xba\x8b\x1a\x88\xdf\xc3\xca\xb0\x90OUW\xd3(\xc3b9\xda"\xaaj\xaa\xfe=\xc3J\xa5R\x97\x19\xeeC\x0eU\x99\x9f\xd0u\x89\x04c\xad\x8c\x143\x84\xb5\xb5\xff\xf1\x0b\xf4\xe3h\x9d\x879$\xce\xb2L;c\x1ap\xbb\xa9\xab\xba\xa1\x9b\xa0\xb4\x8c\xcc&gt;\xe4B\x19N!\x89\x91\x99\xd5\x93\x93\xd5|h\xb54G=\xec\xd1,u\xb0Ba\xaeXDQFS\xcd~:\xb1\x00\xaaz\xb3\xf9\xb4\x8fZdb\xdd`\x89\x86*I\x82!s\x9c\xa8kN\x83\xe5%U\x15\x94\xb5\x8d\xe5g\xffm\x9d\xca\xe5\xa8\xf6\x0c]\xd7\x05\xdd\xca(\x82n\x1fvtU4\x04\x14\xa2m+\xda\xc5\xe3o\xa7f\x90\xb5Y,y\x91$&amp;L\xa8\x94\x8cW\x92\xb3\xf1\xaf\xbez4\x85\x95kj\xa62Vl\xf5\xf3\xd1\xfe\xd3\xf5j5\xdd\xac7\xfbE\xf2|\xa2\xfaF\xa1v\xc5\xb0xE\x97x\x15T\x1eI\xd0\xe8A\xb4XY\xe6\xa1\x9c\xa8\x9b\xcb\x7f|M\x1e\x0c\xf6\\\xc6RtQ\x15\x05QUu\xdb6\x04Q03\x96\xa0\xea\xba\xa1PR\x05s\xff\xc1\x8bH\xe4.n?3\x13\x99L&amp;g\n\xa1\xcab\xb2to\x92N\x11\x93Xg*c\xcdbq%\xd1\xfa\xbe\x9f\xaa\xb6\x90AP\x95\xfb\xfd\xf5\xc4\xcb\x1cIEX\x1c\'\x80JR\x01\xc4\xe1\x9d\x87\x05G\x8aI\x9a\xa0\xca\xc2\xc6\xf2G/\xad\x84\x86\x90\xcb\xd9\x8a.\x80\x04Z\x89P\x14\x14\xba\xaeJz\xa7\x91S\x0c\xc3@RmC\x1bv\xbf~\x1c\x89`\xcb\xc3Yl\x16\x9d&gt;9\x13/\xd1\xff\xbbFR\xe9xS\xaaTJ\xe9\xf5T\xaaY_\x8f\x1e\xd5\xeb\xcdby\x05m\xb6\xbc\xee\xf8\x9dg\xeb\x03/;\x14&lt;\'\xab\x92C\xe5\xf1z=\xe0\xe5y&lt;\xa2\x19\xcb\x1b\xdc\xadP\x04e\x00F\x10t \xd0\xc5\xb2\x0c]\x94\xcc\xe1\xd5\xfe\xde~\xcf\x16\x0c\x05\xf62\r\xe18\xf6\xf5w3!\xd8k6\x1e\x9f\x0ca\x02\x85\x00G\\8{A\xc2\x10z\xc3:FQ+]nb\n\x95W\xcaxk\xad\xff\xaar\x1e\xa6\x14\xb0\xf4F\x8e\xf7\xd0`\x94a|\x07\x8a\xb8XH\xa8\x00Y\\^~\xf6\t\xdb[\x0es\x941\xe4V7L\x93\xac\x05\nE\x952\x07g\xdd\x80\xdb\xed\xde\xcb\x89\x0e\x97"(\xa7\xc1\x07w\xe7\n\x0f\xa1W\xfcQ\xa8\x10IV\x92s\x8b\xf3\x95\xf8\xd4T(?7\x97o\xad\xb4\xd24\xa9[\xfd~\xabEP\xc5~\xb9|\xf4J\xc7\x9do\x1a\xfc\x9d\xe1\xd6^O\x90dN\x02\x15\xe7Hu\x1b\x1eU\xe5HI\xacc\xae[(\x814\xa20X\x08f\xe3x?\xeb\xf6\xf9\xdc~\xf7uC#\x19\xc1e\x88\xd6Y\x90l\x1f\x89O\xc6\xff\xb28\x03\xae\xf9\xcabi\xbe2\x87\xcd=\x9fOc\xbb"\xa7c.\xae\x14\x9b\xad|\x0bl\xe5\xf2\xab5\xef{\xad&lt;\xc6Y6\xd6=\x16\x91K\x89\xf3z~\x87\xc5i*=\xc4K\xbc\xb8\xec\xc2\xd6i\xe9\x802\x0c\x94\xa0\x80\xbf\xba \xea\x99\xe1\xf1\xd9u\xcd\x07\xa5\xdc\xfe\xa0\x7f\xbb\xa7\x91\x944\x17\r\xd5&gt;}\xf1\xe5\xec\\|\xf1\xd1d(\x0e7\xe1XS\xa1Hbw\x0f\x85V\xab\x89Vs\xba\x08\xa8\xe9\xe6J&gt;Mz\xed\xbc2\xbd7R\x91X\xa1\xdf\xa1\x85\x00\x00\x07\x14IDAT\x07\x83X;;\xe8\xe9\xbc\x9e\xe9X\xbc#\x12\xbd\xa1\x1e5\x15\x9fS_C\xb8l\xfaI \xa4@\xabR\xa0\x94\xa8\xda\xc3\xe3\xd3\xfdA6\xe8\xf6\xfb\x83\xc1@\x10r\x05NM\x95\x8a\x13\\\x8a\xae\xda\x9b\x8f\xff1[*.F\x9e&lt;\x99,}\xf1\x05\xfd\xfaC\xa92_\xc1\xf8\xc6\xf0\xce\xb7\x8ac\xc5\x7f6\xeb\xd3+\x8b%2\xd6\xfa\xdb7\xa6\x87{O\xe5\xb5^f\x11\xb1\xc1\xd9\xd5)L{\xd5\x90\xc7\x1d\xc9&amp;\xd0#`5H\xc6A.\x89wY\n\x94R,\xb2\x14\xd2\xd8\xe9\x9dmucA\xdf\x88\xcf\xa1\n\x07pqw\x87hw\xc4e\xa2\x83\xa8\xca\xf1\xbf\xbe\x9cl\xb5\xa2\x85B&lt;\xf9\xa8R\x1c\x1b\x9b\x07\xd5|\x1ckD$T\xc2\xa7c \x83\xc7\x10\xa9\xa5\xb7\xc7\n\xdd\xd7\xa1\x82$\xbd.\xa8j\x81`\xad\x9d\r\x07\xc2\xd9\xeb\xd3\xdc\xb8\xe3;(\xc4\xd2I\x8d\x04{\x8f\xcb`\x067\x94N\xaes\xd8;\xbd\xce\x06GGG(\x90?\x9f\x1bj\x81,\x18&lt;\xb35U\xd3`|p\x19\xaa\xd0\xbb~q7\xbd\x8e\xc9S)%\x93\xc5\xcf\xc7\xe8G\xadsOp^\x9d+\xcd\x8fMS\xf4W@\xb5\x94\xd8\xef\x89^\xee\x16\nb\x1dn\xd5b\xb1p\xd0\xef\x0f\xd4\xc2\xe1\x1a"\xbbu\x91\xd1\xf0\xf5[\x7f\xdd\x91\xa8&lt;%`\xd1\xcc3rW[\x83\xadA,8\xfa\xe9(a\x91\xabF\x9c\x8f\x82A\xc8\x15\xbbR4M\xc3\x80@\xa5*Ht\xe3\xe5\xeb\xa9\x10\x96\x86\xc5V\xa9T\xac\xdf\x9f\x1e+\xc2\xf4\xa1\x10\xa95=\xfd\xf9\xfd\xcf\xee\xd7\xfb\xfdf\xff\xfc\xb2!{\xa9\xfcn\xa9\xec\x975`\xa1\xb8\x83\x81\x00\xa3\x8a\xd5\xda{=[\xa7E\xe7\x86\x8c\xc3\x99\xcd\xeb\x91\\\x8a\xae+\x9d\xdeV\ry#\x10\xc6\x02\xa9\xfc\xbe\xd1\xf7\x81O\xb7{\xa2&amp;\xcb\x1aq\xc1\x83\x82f\x1e\x9c\x9f&lt;\\\xa8\x9eT\xa3\xd1\xe8"\x0e\xa7\xa5\xd2b&gt;\x1fE\x87\xe8\xd7\x01\xf5\xd97\xdf4\xcb\xbf\xfc\xfco\xd3\xf3qx\x95\xcd,i\x0f\xb3B\xaap8\x1c\x08\xc4\xb6\xae\x86\x19C\xd4\x9c\x93\x87S\x00\x12uW\x97\xd5\xe8]\xb1N\xe0\x03\x18\x8b\x91\x0fx\xf4\xfac#&gt;\x98\xcc\x7f=\xd4TY#.f|M\xb3.\xf6N^\xbf^\xc0Y\xa2\xba\xb0\xb0\x00\xba\x04m\xef\xe9Vk\xa5|T\xae?\xfd\xed\xfc\xf8\x07\xde\xfb;*c\xb3\r(\xbf;\x18\x8e!\x88j\xfb\xf4\x10\xd2\xcbl,J\xd42(\xdd\xb8\x8f,\xbb6\xafkA\xba\xaf\x9b\xc8\xd0\xa4\xfcnG\xb5O\xe9u\xdaF}\x94N?"\xb0\xd5\x90\x1c\xbd\x9cF!\xa8Z\xe6b\xff\xfa$\x9fNU\xabQB\xabV\xab\xab\xd8\x9dq\x10K\xec\xfcry\xb1+{=\x7f\xa4\n\xc0\xa6A\xca\x1e\xb0\xf0\xfe\xfa\xc2D!\xc94\x91\xd8\x16\x81\x85U\x93U\x03\xa7\xbf\xa1+@%G\x15\xe7f]\x8a\xfe\xfa&gt;$\x94\xbc\xc6\n \x18\xd8\x1a\xc2\xf5\xe0\x12\x9dDb6i\xd6\xf0\xcd\xe5\xbb\x9dj"\xbfD\x07\x8a\xa5\xa5\x04#{\xfb\xee\xe2\xa7\x1fd\x8f\xe3\xa9\x0f\xbe"*8\x8a\xfaC\xac\x16\xcb\xb6\xdb{\x07\x86\xaa\xc9l.\x02\x8bc\x13[\xc3\xa4\x11e\xe1\xd8Ew\xa5\x92# ?4fz\xb1T\xde\xb0\xb1"\xf0\xb9}~4A&lt;\x1bV\x90\x8a\xc5\xc00Y\xad\xdd\x9f~}u\xf9\xee\xfc|\x87\xe2\xfc\xfc\xf2M\xef\xc7\x8e\xc8\xdd\xe1&gt;\xb2:\xe5&amp;w\xd6\x0e\x87c\xed\xed\xed\xednw{\xbb\xdd\xee\x0eN\x0fiK\xe5\xa9\xcd\xa3;\xd0\x07\xbc\x869#\xe2\xb9\xf3\x87.\xc7I&gt;\xca!\xfa\x14\x9e\x0f\xde\x82\xfe[\x97\xdd^FF}~\x7f\xf7\xc2\x90\xf0\x8fTU\xa4\xf6k[,\x95X\xca\r;\xb7\xbb\xfb#bw7\x97\xd1\xb9\xdbQ\xf3\xbe/\xe0\xda\xd8\x8f\x85\xb3mH\x04\xaa\xc1`\xd0\xed^_e`&amp;\x0f\x8dE\x8eYK\xd6h\xfe\xc1W\x84j\xb9\x08\x08hL\x0f\xd8\x91\xc8P\xb70\x01\x0c\xe5c\xb6\xf2\x13$\xd5t`{3#\xb3F\x01.\x85\xb8\xd0Z\x04\xf2\xec\x1d\xc4\xf8\xf8\x1d\xfc\xf10\xf7\xb2C*Z$uPP\xa9\x07[\xd9X\xbb\xdb\x86\xa7\xb2\xdb\xdd\x01\xe4\xda\xbb\xb0\xe8\xfb$\xac\x91\x12\x12,\xab\x0bd~N\xc6\xd6\xeaQ\\\xbe\x9b\xa4\x91\xb7\xc1\x87\x19\x18\xa8ec5\x12\x8d\x0c\x1a`W\xb2\x1f\t\xd9\xde\x1f\n\x98]h`\x98S,\x93\xb4q\x80L\xa3\xa0\x12"\xec\xdb\xef\x80\xf0\xd4IQ\xf7\xf6\xd5\x00:\x01\x89\xe5\x10T\xdd\xfd\xa1N\xb7\xc7\xd7%2+::v&lt;\x99=\x1d\xec\x83\xb2l\x12\x16\xd2D9d\xd9D;`]\x85\x90\x1c\xa9\x9c\x0f\x88\x0e5\x1d\x1e\x1cg\x90EU\x14\t\x0c\xbdU\xa1\xfe\xaa\xd3V\x84`\xceS\x19\xd6\xcd\xa9\x1e\x82\xa8\x8d3\x9a8\xb1p\xad\xdd%c\xc1W\xb0\x95\xaa\x12\xfb\x7f\x8a8{\xdc\xc4\xe1(\x88\xdb|4\x8e\xed\xf5"d\xc0\r=W\xe0\x16\xf69\xb6O\x95\x8b@E\x17\x89\xc6\xdaP\x99*\x1c`\x9b\x15\x12\xd2v\xcbAv~\xf3\xbc\x8a\x15D"\xc5h&lt;o\xde\xcc\xfcS\xa42&amp;?\x97\x7fT\xdd*\':\x82\xb4\xc94\x87\xadt\xb4\x85\xef6x\x83P\x1a\xa6\xe9\xe8g\x14\x89u ;\xfc\xbel\x94\x90\xea\xd6\x94\xa0\xff\xb8\x9a\x86D\x85\xb5\xe2\x0b\x15\xa0\xe6\xed\xaf\xe7A\x92\xd2K\xd0\x88\x9e\xd7\xfe\xdcr\xaf{\x94*\x946\xcf,i\r!\xda\xb5\xb5M\xd2p\x86\xd4\xffS\x12TvQ\xe5\x03\xd6\xb7\xf6e\xe7Z\xdb\xdb\x94e\xcb\xfe\xef\xb1\xae\xa8\x14\xc2\xb1\x01\x12\x87\x92\xc6\x95\xa8f\x92\x1c\x18\x18\x86\xaeo\x9b\xcb\xf5\xc0\xfe\x89\xa2SG\x0c\xee:\xa5\xcd\xc2WcL\x12Tti)Llq\xdf\xaa\xb8%\x90E*\x87]\x05i \x9c\x02\xc7,\xc5(\xf1[\xd9\x17r\xdb\x0f\x7f\x8e\xccQ-\x8c\x9e]\xb8{P\xd3X$\x86S\xcd\xec\x8f\x9a\xdf\xbd\x17?\x90\xbcSB\x8b\xef\xd7\xfe\xae3\xb1K\xd4\xc8n\x89\xe6g8OmO\xe5\xcf\x13\xd9g\x92;t\xe0c\x9c\xa5\xb9B\xfc\xf1\xbdG\xf85\xcdh;\x9d\x80e\x0c\xb2\x90bk\xad\xb6^\xca&amp;\x14\xb2*G\xcb\x9ego\xe7\'5\x06\x9dF\x88\xac\xfb\xc7\xbbZ\xe7B\xe7+`\xb0(&lt;\x81\xf6D\xe7\xd8\xb8\r\xbd\xad\xb2s\x92G\xf4y\x96f\xee%\x98\x1b\xe7\x1a\x15\'\x8d\x082\xa9X\xc5z\xf91\xdc?\xdb\xac\xce`M\x13\xc5\xcd\xd8B=\xb6a\x95\x95\x9a\xdb\x137\xef\x08@\x8c]\x84]/[\x1c\xa5\xa8\xf9\x05\xaa\x12\xcf\x01\xd9+2h\x12\xa8\xf4!\xcd#\x01\xc84\xfc\x81I\xbd01w-\x83\x8c\r\xc8=H\\\xd61d\xebX\xeeO\xc3\xf9\xb2\xd5\xdc\xf4\xd9\x1a@\x15\xa2*\xf9\xd2\x89\xe9&lt;|\xec&lt;\xbb\x8e\xf4\xd3[\xd7)\x98%\xc1:&lt;\xad\xb2\xc2%,d`\x92]KK\x1ek\xbe\xbd&amp;\x08:p\x99\n\x8b[\xb6\x9a\x07J"2@\xa5n\x13\xa8\xcbcgYw\xdd\xe9\xe7\xe3\xfd\xed\xf8c\xa1x-\x10WC^\xdeh\xb8\x07ii\x99[\x8dy\x14\xca\xfd\xe3\xb6 Ik\xa6\'7a\x95\xb3J\x87\xe9z%\xffB\xf7\xb3@UN\xb6\xc3?\xbd\x89\xcd\xbd\xbda^x\x00\x00\x00\x00IEND\xaeB`\x82'</t>
        </is>
      </c>
      <c r="M373" s="3" t="n">
        <v>45492.67855324074</v>
      </c>
    </row>
    <row r="374">
      <c r="A374" t="n">
        <v>988906</v>
      </c>
      <c r="B374" t="n">
        <v>1961</v>
      </c>
      <c r="C374" t="inlineStr">
        <is>
          <t>Calegari</t>
        </is>
      </c>
      <c r="D374" t="inlineStr">
        <is>
          <t>Calegari</t>
        </is>
      </c>
      <c r="E374" t="inlineStr">
        <is>
          <t>LD</t>
        </is>
      </c>
      <c r="F374" t="inlineStr">
        <is>
          <t>LAT</t>
        </is>
      </c>
      <c r="G374" t="inlineStr">
        <is>
          <t>LD</t>
        </is>
      </c>
      <c r="H374" t="n">
        <v>171</v>
      </c>
      <c r="I374" t="n">
        <v>31</v>
      </c>
      <c r="J374" s="2" t="n">
        <v>37313</v>
      </c>
      <c r="K374" t="inlineStr">
        <is>
          <t>Right</t>
        </is>
      </c>
      <c r="L3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0a3bbae-e286-4f61-8f79-ab69af5f90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T\x0e\x14\x00\x00\x00\tpHYs\x00\x00\x0e\xc4\x00\x00\x0e\xc4\x01\x95+\x0e\x1b\x00\x00\x03\x00PLTE\xff\xff\xff\xd8\xaf\xa2\xb5\x87k\xba\x89q\xb1\x84h\xda\xb5\xa7\xd1\x9b\x8d\xfe\xfe\xfe\xa6|]\xd9\xb2\xa5\xa5yZ\xc1\x88p\xbc\x8cr\xb5\x84k2XY\xb0\x82c\xd7\xac\x9e\xdb\xb7\xa9\xaa}^\xfc\xfc\xfb4,-\xed\xec\xf0\xcf\x99\x84\xc8\x8e\x81\xc8\x91x\xda\xb4\xa0\xb9\x88m\xb6\x88o\xd1\x9d\x87\xdb\xb6\xa3\xd2\x9e\x93\xc4\x8bw\xa3tX\xae\x7fa?9;\x9esW\xce\x96\x80\xc0\x8et\xc9\x92{\xaa\x81c\xc1\x90y-LM\xf4\xf4\xf9\xa7}a\x97=C\xdd\xba\xae\xb6\x84f\xa0vZ-\')\x99oSF&gt;=\xd1\xa6\x8d\xc9\x8a|z(7\xcb\x94~\xa2y]:47\xc0\x88{\xce\xa0\x86\xd4\xa5\x9a\xbb\x7fk\xeb\xe9\xeb\xd1\xa4\x94\xd8\xb3\x9d\x8abL\xf0\xef\xf6\x90gN503\xc8\x91\x87,FE\xbc\x8ex\xd1\xac\x98\xc2\x8c\x7f0ST\xbd\x85k\xbe\x84t\xcd\xa9\x94\xcf\x96\x89\xd4\xa0\x8f\xc6\x84v\xc1\x81o\xd3\xa0\x8a\x8f:@\xd6\xa9\x98\xcd\x8e\x83\xd8\xb0\x9a&gt;31~1=\xe6\xe4\xea\' "\xbc\x89x\xdf\xbe\xb38VU\x95jP\xb0~l\xe0\xbc\xad\xa1kU\x865=\xcd\x93\x86\xca\x9c\x8e\xde\xb9\xa6LB@?]Z\xa9v_tZN\xcd\xa0\x91\xd5\xab\x93\xff\xff\xfe\xca\x9a\x89\x9cfS5\\[\xb5~d5PN\xd3\xb0\x9d\xf3\xf0\xef\x81*8\x97o^\xc6\x8eri]Z\xac\x83i\xf8\xf4\xf3\xc1\x94}\xfa\xf8\xf82JH\x93?EWD?\xb7\x83q\xc7\x98{\xbe\x92{\xc9\x9c\x81GebXNKPFG7`bF95v%5\x85ZI\xc3\x92\x82\xc6\x96\x86\x8flW\xd4\xab\xa3\x9dte\xafx`\xafdl\xc4\x95u\xactj\xb4\x8cu\xc4\x9d\x87\x89;BmSI\xd9\xa4\x91\xd5\xa5\x9f\xea\xe4\xe5\xc9\xa4\x8f\xe3\xdf\xe1\xc3\x98\x81\x89`Z\x88,&gt;\x9cCI\x97`O|\\X\xde\xd1\xd5\xa0k_\xc8\xa0\x89\xa9\x86u\xcf\xa1\x98bLE\xaeCO\xd9\xc8\xcclB&gt;\xca\x95\x8e\xa8=K\xd5\x99\x86`po\xae\x88\x86}cP\xc1\x95\x8c\xa5|l\xc5\xc4\xc5\xba\xbc\xbezQB\xbf|\x84`TR\xa7kg\x94cZ\xdf\xdb\xe8\xa2^c\xc6\xa5\x99\xdf\xc6\xbe\x9c\x8b\x8a\xb6iw\xbe\x99\x9b{ga\xdf\xb0\xa4\xaep\\\xe3\xda\xdb\xd3\xbc\xbb\x93&lt;:\xb6\x94\x8cR&lt;7?UQ\xd3\xd0\xd0\xf2\xea\xe7\xdd\xaf\x9b\xc5\x82\x8f\xb6\x91~\xbc\x9e\x8f\xa9\xa7\xa6\x9e.G\x8eln\xd8\xd7\xdb\xbcr{\xe9\xda\xd2lff\xec\xe0\xdcI[X\x9b\x80s\xce\xc8\xc7\x92KS\x9fS;\xc5\xab\xa7\x92ZE\x91-F\x86{u\xa4{~\xd5\xac\xb2\xd2\xb6\xab}rnn\x80\x80\xe5\xd1\xc7\xb5sn\xb2\x7fx}\x113\xb2\xb1\xaf\x88Q&lt;y=,\xc1\xa0\xb2\xafR\\a)2\xdd\xb6\xb4\xcc\x8f\x99\x8b\x81\x84\x8f\x1c9\xca\xcd\xd5\xcc\xb4\xc7\xa1\x9a\x9a\x9asu\xce\x9f\xa5\xcb\x9c\x95\xaf\x88\x98\xc4qc\x90\x9d\x9d,&lt;;\xc9\xb5\xae\x80\x8b\x8c\xbc\xa4\xa1\xd2$\x81\x14\x00\x00 \x00IDATx\xda\xc4\x98_H[Y\x1e\xc7;\xeaz3M\xc4\x8eI\xb3\x19MM\xcd?e\x85D\xe3\x10\x1d\xadVLq\x8a\x8enE\x1aV\x8b\x99R\xbd\x98t\x1dd$^M\xe0&amp;\x86\x1b\x82m\x8c8\x96\xa8h\x1e\xc2\x18\x03]\x165*Ahe\x03\x03J(\xddPA\xd0\x87\xc5N\xf3P\xf2\xb4\xf8`g^\x96\xdd\xdf\xefD\x97}\xdf\x9b\xf6g\xee\xb9\x97\x8b\xe2\x87\xef\xf7{~\xe7\x9c\\\xb9\xf2\xff\x15Eeob\xa7S,\x16S\x7f\xce\xbe\xa3\xae|\xd2\x02\x9a\xc9\xe6\xc3\xe4I\xf2d;\x93Je2\x99\xed\xe4r\xf3\xa4\xd3\xf9i\xc1(\xe7\xf5\xc3\xcc^\x9a\x893\x0c\xc7q^.\xce\xc5\x8f\xd2g\xe7\x99\xed\x9f\'\xc5\x9f\x8c\x8c\xa2\xc6\x92\xa9\xb38mP\xc2\x8fA\xa94\xd0^,\x8e\x8b3\xa7\xa9\xe4\xd8\xa7\x91\x8c\xa2\x9c\xcb\xa9#/\xe2(\xc9\xe53\x18\x0c4\rlp\xd1\xdc\xd1\xf9I\xf3\'P\x0c\xfc\xdb:\xf5*\x1b\x94\xf8\x01\xb1\x1a\xe0c\xc6G\x10\r\xc4\xf3z\xd9\xa3\xbd\xede\xe7G\xe6\xa2\xc4\xcd\xdbG40A\xc1h\x028C\x83\xc4\x84\x80\xa8\x19\r\x9ay9\xe2\xa5\x98\xfa\x88P\x7fXN1\x08ej\x80\x01\xb0L&amp;\x90K"i \\D&gt;\x00\xa3\xb9xb/9\xf9\xb1\x14\xa3\xc4\xd7\xb7\xce8@B\x1c$j\xa8\xa9\xa9\x91(\x95&amp;\x89\xc4\xd4\x00hx\x07L\x0c\x1a\xcb\xa5\xb7\x97\x9c\xd4G20\xc5\x18\x1aL\x04\xabF\x82\x0c\x12\xe02\xd5\xf4\xf5\xf5I$}\xf0\xa6F\x02d\x12\x003\x18X\x8e\xd9;\x19\xfb\x18\\\xe2\x9f\xf78\x92*T\n\t\x90\x01h\x10\xab\x06\x07\x18I\x99\r\x06\x9f\x81e\xe3\xe9\xccX\xce\x8d\xa4\x9c\xc9SZ\x99\r\xfa\xa5\x87 \x17\xb0\xf4\xfd\xb7j.\xc8\xcc&gt;(\x03\x1be2\xcd\xe2\x1cc9\x97\xcfh\xd2\x14\xd0E\xccS\x8d\x04\x85\xabA\xa1j\xd0@,\xc4BR3\x94\xcfG\xb3Lj)\xc7\\\xcd)\x0e\x99\x94\r\x00`\xc2&lt;!V\xd6H\x802\x9b%\xa4\x80\xca\x84\xb2I\xcc\xf8\xee\x80\xe6\xces\xaa\x175\x96\xa5B}0V\x10r\x9f\x17\xfa:x\x05\x83\x99\xa8s@\xc3\x83\t\x80\xfaH\xfc\xe1\xf2\x19|\xdc\xf9\x12\x95\xc3`m1\xd0\x97\x1a\xb2\xfa`\xb0\xcc&gt;6\x1e\xb6\x06\x83\xd6p(\x14d!J\x07l4\x1ae\x0f\x10\x91\xc8\x86)\x93\xc0{\xd0\x8b\xcaYkX:\xf3*/g!4)%P\x04\xc3~\xbb=`\x0f\x04\x02!k\xf4\x80\x05\xaa\xa0\xd5\x1aD2R\x80\x87\xd97\x9b\xb9\xd4X\xae\xb0&amp;3\x17\x16"\x97\x19\x96\xbfh0d\x0f\xc4,.\xd7\x8fX\x81\xddPh:\xb4\x1b\xda\xb5\xdb\x01\x91e\xd9\x03\xbc|\x10:\x9fYbf\xb6s\xd4W\xa9\xc34\xee\x15 \xefJ\x1a\xfe!\x08e\xff\xd1b\xc9\xef\xafRtv\xde\xbb\xd5q\x0b\xca2&lt;&lt;&lt;;;:;l\xf7oXA\xb5`0\x8a\\\xe0\xa8\xd9p\xba\x9c\x93\xf6E\x8d\x9d{\xb3\xfb\x18\x1f\x1d\r\xef\x86\xfc1W\xa7B(\x14*\x140\xde\x13\n\x91\xab\x03\x87Q\xa8\x8a\x8aj\x95\xdd\xaeW\xd5\xb6\xeeD\x0f\xb23\x12l\xcc\x05\x96\xf8$n \x05P\x01\x8b+_$\xec\xec\x14v\n\xb1\x14\xf7\x84@\x04L\x1dB\xbc\xe9\x8at\xa3:\x9d.O$\xca+\xae\xd0\x0f\xec\xf8H\xd7\xf0\x1d%s\x81\xd5|\x06H^.\x08\xdeY\xf25\x1a\x05X\xd7A\xb4R\x08Q4\xe1%\xa3p\x1c.\x8dH$\x9as\xcfiJ\xf3t\x82\x81\xa0\x0f\xe7\xa5\xd9{&gt;\x99\x03\xb1R\x1clW\xe2a{\xc0R\x06ThZ\xa7P!\x93)\xc6\x15\xa4\xc6\xb3H\xe3\xe32\xb8\xe6\xa0\xdc\xee9\x82Uq\xb5-\x08\x1d\x03\xe4J\x1f\xf2/\xd7R\x1avw\xf1P\xac\xa8,_\x94\x9f\x0f\x04\x1d\xa0\x94\xcch\xd4je\n\xf8\xd1\x02\xa0b|\x1c\xb8dXn7R\x01\x17\xd8(P\xb5YY\xe4\xf2\xa6\xf8\x97\x0b\x92Es\xe1X~&gt;`\x89D\xe0\xa1\x0c\x80dF-\x80\x01\x06\xe2\xe1\x1d\xd5\x92\xcdien\x0fb\x81j"]E\xc9\xd5\xab\xb5V\x96\xc8\xb5\xcc\xb7\\\xe2s\xd8\x08\xc7\x03eEeh\xa1\x06\xa0\x08\x08P\xe1\xdd\xa8&amp;7\xad\xecB+\xed\xa5X\x98\xfa\x12AI\xb1&gt;x\x00M\x82\xcb8y&gt;\xe8,\x9d\xd2D\xac\xa2\xd2|\x91F\x93\xc5\x81Q\re4\xaa\xa5\xd2\xec\x03*wa#h5.*-\xd5\xe9\x8a+JJ\x8a\x0bj\x83\xac\xd9L\x9f\xf1\xbb\x04QT\x92\x01\x0f\xfd\x96\xfc2\xc4"Tj\xa3\x16p\xe4r9\x19`\x94\xc2\x0b@#P\xe8&amp;N\x8b&lt;\xa0\x82*.(\xc1|\xd1\xa7\xcb&lt;cm\xc5\r\xde\xb8\xbd\xcc\x05\xc9\xd2T!\x16 !N\x0f)\xb8\xc33b\x117\t\x16\xb40\xd0\x8a\xa8UQPPR\xbb\x11d\r\xcc\t\xaf.R\xce\x0cG&lt;\xc4\xbcWAx\xd4jB\x82\x9f\xee\xeen\xf9\xa5^\xa8\x98\xf1"\xfa\xd8Y\x91\xab\x00\xf4\x024U\xab5j\xe02\x93\x14\xaf\xab\xf4\xb9\xd7\x1bO\xc4`\nj4UZ\xb7\x07\x94"2\x01S7\x88%E&amp;5\x89\x18\x8a5~A\xa5\xeb@\xb5\x8a\x91\n\xba\xc4F\x94\xa6\xf7\xae\xf3\x8dEs\x89\xd8\xd4\\\x95\xa6\xca\x01T\xe8\x1e\x02u/t\xa3Nrya\x17I\xbdZ}\xe1\xa0\x90`\x11*(h\x12z?\xb8H\xa7y]\xaf\xa9\xb1=\x82\xe5p\xbb\xab`\xf6k\xddR\x92(L\x17:\'\xef\x92\x17\x16\x16\x12\xc5\x8c\xd8TA\xaaK\xaa,W\xa5\xe0j\xbd}#\x18\xa5\x8f\x0ey\xc4\xa2\xa8?\x9d\xc2\xf1\xddz\xecX\xf1`\xa3\xd4\x1a\xe5\xc8DZ\x82\x91p\x15vw_p\x81\x85\x08uKw\x8b@\x15@\xe4\x01\xabDp\x15\xd4\x8a\xb2L\x92\xc7\xe3?%&gt;a\xe0\xec\x1e&gt;^\xf1x&lt;\x8d\x8d\xc4C\xb94\xdb\xb2\xa0\x80\xaa\xb0\xbc\xbc\xbc\xb00\xfb\xca\x88`:\xdc\xde\x8c\xe2N\xa2\xa0\xb8\xb8\xa0\xa2Z \x80\x1d\x18`m\xf1\x89\xe5\xdc\x8a{\xe3\xf1\xc4\xf1J\xa3\xb4\xb1\xae\xb1Q\xde\xd8C\x02ER\xfe\x08\x04C*\xc0\xeaR\x93\xbe\x81\x92i:FgG\x8bG\x8buy\x05P\x95\xd5\xf5\xb9\xc0\x12\'\x19/\xc3$\x8e\x9f56\xd6\xd5\xf5\x00\x97\x9c\x84\xbe\'\xdb\x16\xd4\xd2\xaeB\xd4\xab\xf0\x11if\xf8Z*\xd5\n;`7X\x8c&gt;\x12\xacz\xff\x06\xb8\xc83\xd6V\x9cc\x12\x89\xc8*P\x81Z\x04E*\xef^XX\xe8\xee\x81I\xd8u\x81\xd5\x85Od.\xf4\x00\xbb[\xa4C.Tk\xa2\xb2^\xdf\xb6a\xe5\x1b\xcb\xb9\x8dXo^\xaf\x02\x13d\x0bV\xc3\xdf?\xea*o\xba\xf6\xd9\xb5\xc5&amp;b\x1fq\xf17x\xb0\x15B\xdb\x00h9\xfc\x9e{\xae4\xbb\xf2T\x82Zz\xdc\xdd\x07yV\xeb\x84\x89g=\x84\xcc\xbb\xabD\x9d_\xdf\xbd\xb3\xf6\xeb\xcc/\xff\xfc\xe5\xf3\x99\xc5\xc5\xc5\xa6\xc5&amp;\xa4[\x83a\xad\x85t}\x90s\x04\xc0V\xf2qI\xac\xac\xae\x16\xa0\x89p\xe8`N\xf85\x91!b\xa1T2\x8d\xcb\xf2\xfe\xfd\xd7\x9b\x9b\x7f\xc3z\xf1\xebok\x8b\x8b333MMM\x8b3\x80\xd7T\x0emV&gt;"\x1d\x19\xf1\x8c\xc0\xf4\x98\x83\x8dM5T=\xf4-\xc0J$)^M\xc4\xc0\xaf@s\x18q\xb7\xbf\x8fE"\x1f\xde\xbe\xfd\xf0\x06\xeb\xc3\xfa\xfa\xe6Zy\xd3"\xd1l\x11-\xfd\xcb\xc8\xd3\xa7O\xda\xe7\xfb\xa7\x9e&lt;y\x02\x7f\xe1.\xab\x14\x08\x10\x8b\xc8\x958\xe4\x1f\x0b&lt;\\\xf5L\xcd\xc7"\xeb\xfb\xfb\xfb\xeb\x17Xo\xd7\xf7m6[\x13q\x11S\x7f\xe7n\xbf%\x16\x08\x85\xc3p\xb2\r\xc4b\x13\xf3\xf3y\x02\xbd\xbe\xbe^\xaf\xc7t\xf1\xac\xd6\xd6\x11\x93\x88&lt;\x83d9\xda\xfb\xf7_\xbc{\xf7nf\xe6\xc5\xdf\xf7\xd7\xdf\xae\xaf\xaf\xefo\xdal\xe5\xbd\xbd\xe5d*&gt;\xbas\xd7\x05P0\xe7\xe0\xd4\x1f\xb4\x86\xfc~{`\xa2RU\xabB.\xc0bx\xc6J$\xdeD\x9ey\xdc+S\xed\x9b3/_&gt;\xf8\xfcZ\xd3Z\x8b\xed\xd9\xe6\xe6\xe0\xa0\xcd\xb6fk\xe9\xed\xedm\xe9\xeezd\xd4~u\xa1\x15\x94\x15\xbf0\xf1\xdb\xed~;`\xe9\tV0q\xc2o\x97O\xa7O#++\x0e\xc7\xd4\xd4\x8b\x07/\x1f\xdc\xe8m\x19\x1cy\xfaDSZT\xda\xbe2hky\xfc\xb8\xb7wA\xae\x86UG\xe8\x02,;~]\x02\x16FbpE\x02v\x95^\x85\\\x80\xc5l\xf3\xdb N\x8fO#\x0e\x87\xa3j\xea\xd9\xbb\x07\x0f~\xd7[\'5V\xf5\xbb\x86U\x0f\x1f\xde\xac\xd0\x8c\xd8Z\xee\xbfz\xbc \x97\xc1J8{\xf3\xe1\xc0@[[[m}\xb5\xc55?\xef\x9a\x7f\xfdz~\x02\x1d\xac\'\x9d+\xc1\xf3\xe2s||\x1cqLU\xb5;\xbe\xfd\xe2\xbb/~\xa8\xf38,\x01{hzg\xbau@U\xdd?\xd2\xf2\xea\xc6\xab\xc7\x805{\xf3\xfb\x7fL\xef`M\xb7\xd9\x87-\x96\xa2"W\x19pa7E,\xab5\xcdk\xb6\xa8\xe5=\xc0\x9a\x02\xb9Vo\x0f\xdd\xb8\xfd\xcdJ,de\xc9WE\xcfwZ\x7f\xb2&lt;\xfd\xe6\xc6\xd0\xab\x1e\xf5\xb8n\xb8\xb6u\xe79\x16\xc4\xca\xef\xdfU\r\xc3\xa6\xa6\xac}~\xa2\xb2\xfa\x12\x8b\xdf\xfd\xd6\xd29\xc1Z\xf1\xd4}9t\xfb\xdby\xbb\x959\xf22G\xbe\x83\xb8ug\xfa{\xcb\xe0g7\xbe\\\xf8\xabV8zs`\x1a\xb1v\xc2\xf8\x15a48\xdd\xeaW\x95\x14\x94\x95\xfd\x0f\xd62\xafXc\xff\xceb\xad&gt;\x1e\xfa\xee~\xfb\xee\xf3\xe8\xd9v\x9a\x89\xfb\xd8\xc4Yx\xfa\xa7\xfe\xc1\x1f\x80\xca\xf8\xd5\x1fGUm\x80\xb53\x1d\x0e\x1fy\xbdf\xf3\x01\x1b\xdc\x98\x1e\x10TNLT\xc2R-@\xacS\x1e\x0f\x8a\xd4\xe4\xd8\xd8\xbf\x08\x96\xa7\xee\xfe\xd0\xd0\x7fh5\xfb\x9f\xa6\xd2,\x8e\x0f\xa5\xb6\x1d\xda\x86NY-\x05JK\x80\xd6\xa4\x11\xc7p\x83\x01\xba\xd0\xb0\x8d\x10^z/\xa15Jc{S:\xa9\xd2\xde4\x10fA\x12Q3\xf3\x03\xbaN\x99j\xa6\xc8Kr\xa1\x0c\x13 \x04g70\xed"\xc2\xf4\x82\x12)\xbaqE\x12\xb76Q6@R\\q\x93\x19E\x92]\xf7&lt;u\xfe\x83\xbd\x1eB\xe0\xb6\xbf|\xf2=\xe79\xcf\xf7&lt;\xcf-\x14\x0fN\x0f\xbe\x1b\xbe\xf3\xd5\xf2\x85\x0b\xff|\xfeh0p\x05\x1a\x84\x7f\x12\xc3q\x1d\xa9\xd7#\xb0\xa1_\xff\xfb\xe4\xc9\x1fN~\xfd\xd5\x85\xef\xa6\xa7\x11\x97\xa6\x1d6\xc5\xdc[go\xdda\xef\x8c+m\xdd2z\xfb\xe1\xf7\x80u\xb1\xa4\xb9\\a.\xb9\xd4\xb5\xbd=u\xef\xcd\xcfC\xdf\x9d\r\r\x86\x82\xdbW\xdd\xee,\xe3\xa4\t\'t\xce\n}\x85~\xfc\xec\x9d\xbf\xdd\xf9\xe9\x8b\x93_&lt;\xf9\xf7O\'\x97\xc7\xbb\x8fj5\x10\x08\xeb\xd6-\xf6\x062\xfe\xba"\xaf\x88\xd0\xc1\x9es\xfe2`\x99\x9b\xcb\xca\xcajk\xcfUmo\xff9\x10\xa2\xe9\x80\xb5\xea\x8a\xba\x88g\xac\xc3\x00\xcb{F\xaf\xd7\x87\xda\xbey\xf3h\x08\xfa\xfc\x1f\x1f\r\xfd\xb0\xbc&lt;}&amp;\xc1\x95\xc0\xfa\xf9/\x1d,\x9d\xa0\xba:\xe6\xf0}\x7f}z~\xfbu\xc8ass3\xf8\xc0s@\xe6\xae\xea\xf2\x05(\x9a\n\xf8\xb6\x8b\xd5\x87\xfcF;J\xa2W\xa5\xef\xee\xd6\x87\x02\x81\xe07\x01=\xfc\xd3\xd6\x86\x9e\x8f\t\x00K\x00X\xfa?=\xa8\xfdl\x8d\x15\xc1\\\xeb\xfe}"\xec\xf0\x97\\?\x01j\x819-&lt;W\xcfs\x97\xb8\xaf\x14wY}A\x9f\x0f\xa8d\x87`\xf0\xb1\xe3H-g.\xa41\x14\nQ$IQ\xa4J\xabA[\xf4q\xed\x07,P\xf2LNA\xfe\x1c\x1b\x82\xa5m\xe2\xfb\xa6\xb0\xc5\xd1|\x1e*\xbe$\xc1\x95\x05#}zqM\x17\xfc\x14\x17\x17\x83O\xe5\x01\x96\t\xc7q\x8f\xd7\xe9T\x05\x02N\'I\xd34P9\x11\x0fX\xe6\x84\x9b\x17$\xb0\x98(\x99\xb7\xf2\xffc\xb9:-\xfb\xfb\x93\x0e\x8b\xcdq\xe37,cIQ\xbaR(\xac\xa9\xa9Q\xca L\xc8\xc7\x83\x8b7a\x18\xaeC\xe7\xdfN\xafG\xa7\xb32\x14\x04\x198\xae\xe5r238\x9c\x04VE\x85J\xcaD\xa3\xcc&amp;\x0b\x17@\x1d\x8e}\xdc\x1f\tGl}\x03\x03#H+\x18 \xd4J!\xa1\xc4 Lv\xbb\x9d\x07\x83k\x9d\xddd\x02.\xc2\xa9B\xe7\xf2V\xf8\x12\'\x90t\xf0\x9c\x93\xca\xc9\xc8\xe4pR\x05\x82\xa3\xb9)\xa9\x19\xdeh4\xaa\xe8`\xa1\xe2\xc3\xfb&amp;\xbf\x7f\xd2h\xab\x1d\x80\x1e\x0f5_\x08\x9e\x18\xea\x1bC &amp;\x98t\xd0&lt;\r\x13\x0f\x02\xc3=*\x15\x02\xd3\t1L\x89\'\x8e\xe8\x0b\xc4b1\'\x83\xc3\xcd\x11\xa4h\x05\xd2T\x91\x07\xb0\xce\xb5\xb2\xa2\x16\x06j9\x14\x857@\xad\x84\x83AY3a2L\x06b\xd5\xc1TfDY4!L\x02\x0c\x04\x80y\x88\x1a\x90\x12\'\xd0%B\x06\ntR)\xd0\x08\xa4\xd2\x02O\xf4n\xf4\xc7VVj\x0b\x8f\xd8,F\xdd\xc0\x8d\x1b\x08\xcb\x0c~\x0f\xdcq\x1d\xd2\nQ\x19\x91Z\xc8\x98\xc2\x93\t\xd39I\x92\x04\xb9\x08\x0c\x93\xc9\x00M\x99\x0f\x01X\x9a\x14\xa9V#\x95\x929,a}\xd29G\x98\xc2\x11#\x81\xb0\xfa\x80\xca\x0cF\xb4\xb4\xd4_g\x92\x99\x00\x84\xe7\xe7aJ;\x1a1\xc0\xcb\xd7\xd9e\x8dV\x15u\x86\xf4z\x10\x96\xc9$\x93%\x0eQE\xa8\xb4\xb4ZM\xaaT\x9a\x8a\xb0\x9aXP+m\x133\xfa\'q\xbc\xbe\x04a\x99\xe5\xf2$\tD/0\x80VPZv\xcc^z-|`w\xf7E/Hv\xf5\x04p\xd1\xa4W\xa7\x04,X\xa7j\xb5\xfa"L\xb1\\\r\xea\xa8\xc7b\xce\x1c\x0f}7z\xbb\x83\x8d\xbe\x95\x07\xdb0a\x8a\x14\xde\x18\xa9\xad,W8\x1c\xe1\xa4pRoib\xf5a\xb8\x9d\x97-9\xb2k\xd9\xdd\xdd\r\xf7\xc2GW/5Z\x9dd\x8cDX\x88\xabH\xad\x86y7\x9f\xa3\x91\xc2d}f\'N;\x99\xbb\xd1\r\x16V\xa2k\x9d\xe7\xcf#\x08\x9e\xcd\x8c\xb0\x146\x9b\xcd\x11\x0e\x87%\x80\x05P8\x96\x1d&gt;r\x04A\xed\x86\xe1\x93"eWf\xe3\x89L1\x1d\'\x89\x84X\xb2\xa2\xa2t\xc0\xfa6#\x15\x1a\xab6%\xbe\x13\'\xbdQz\xae\x93\x8d\xcd\x07r\xb8\xcfL\xd8\xe4##\xb5-\n\x9b\xc5f\x0b\x83Z@\x05+\r\xab\x0b[lI\xa5{\xa3\xd7`\x14\xe2\x99\x94\x1999b\x91(\x99\x9e\x8e3\xc5\x88\x0b+R+/\x02\x96(\x15\xd4\xd2\xe4\xc4wvb\xde\xa8s\x8d\x8d\xfb\xf4\x15\xa31\x8c3\xc5\x12\xc5\xc8H\x1f\xa8e\xb1\x00\x96$\xdb\x8e\x11\x1e\xc2\xc4\xe3I"y\x0c=\xf8\xe6\xc7QIY\x9eR\x97\xdb=]\xe1\x14\x8bc;\xd31\xa6F\x86)1u\xfa\x07,T[\xa9\x051\xc0bb\x0fV\xd8\xd8\xabW\xcap\xbf\x91 \xf0\xe6&gt;T[\x0e\x84%i\xa8\xc3=\x8c\x0e\x83}\xa7N\xc6P\xc1\xed{{\xa3\xa5\xee\x1ak\xa0{\xfc\xd5\xf84E\xc5\xa7\xe31\x9a\xd1\xa1\x8b\xb3\xf4\xf4\x81\x81K"\x8eT\xa0\xd1\xb6g ,g\xec6+\x16bEB\x10\xb2Cy\xc4\xe5\x04\x16\xc8\xe5\x884d)\x19\xd2\x03Th%V\x19&amp;\xf6z{G\x9b\x1a}\x81\x10\xd8\x18\x18z b4l\x89^t\x03z\xf8\xfc%\x11\x97+\x15h\x05\\\xd5\xce\xce\x0eI\xc6\xfe\xc3\x8a\xe5j=\x80\x11\xd8\xe4d^a\xedH\xa5\xd9\\\xee\xb0)\x1a\x0e\t\x19\xca\'CZ\xa1_\xde\xde\xe8\xe8\xe8\x9e\xa1+\x18\x08U\xe8\xf5t\x08\xbc!\xf8\x07\x8a\xa4@\xb0j!tS.\xd8\x1a\x81@\x9b\n\x15\x1f\xa3\xe3\xd4\x12\x1bX\xae\xce\xb9zt\xa8&lt;YX\xdbWY\x0e\xa1\x88\xd4\x7f\xc9\xd0\x88*\xdb\x88\xf6B\xbb\x81\xb7\xd74Q\xb5\xed\xf3\x05\x90[\x05\x95B\xc0\x84\x02\x1a\x98\xa7:9\x03\xba(P\t4*X\x87t&lt;n\x9d\xebt\xb1\xe2\x03\x1d\x11\xff$p!,s\xb9\xd9\xec\xcf\xd3Q\xc1\xab\xee\xec\xec\xb2\xd2l\xc0\x92U\x19\x0cU\xc5[A\x88\x000\x05P\xa8T\x88\x8a\xa2b\xc0U M\x81@Xq\xcaK\xc6\xbc\x977\xd3X\xc0r\xb9:6ma\x7f\xde\xa4\xbf\xac\xaf\xd2\\\x0eX\x85E\x0c\r\x83\xb4DRZ\n\xbd\xca 3\x18&amp;&amp;Vg\x1e?\xde\xda\xda\xf2\x05\x19\xf4F\x84\xd5\x87\xfc \xe2\xa2\xbd\x9e\x1c\x95*%\xe58$1\x85tz\n\x98\x82\x915&gt;\x1bj\x81\xb7Y\x83\xd5\xe7\x88\x9c\xabEIDj1Tc\x93\xe4@\xd2\xb5k\xbd\xa3\xd9\x06\x83}b\xe2\xf5k\xc3\xcc\x0c\xe2\x02\xb2-\x9f\xb5\xab\xb1\xcbj\x15\x1c=F\xa9ho\xb5W\x95\x9b\x82\x92\x98K\x91\xce\xeao\xf3\xabo\xaf\xb04d\xa4u\xacm\xce\xd9\xcc\x95\x95-\n\x85\x1cF\x9f&lt;\x86lt\x97~\nX\xd7\xf6&amp;f VWg\x90Z=Af\xf67\xb9 \xda\x9d\xb9*+\xe9\x15JsU\x80\xa5=^\x01[e\x81Px\x98\x9d\xd2J\xe4\xb1\xb3uem}}\xa3E\xe1P\xc8#\xe6,/Y\\u\xa5\t\x04ZMd\x0f\xfe\xce\xccom\xf5\xcc\xfek\x16\x02J\x8b\xa2\xf54\xd5\x16j\x13\'\x935B\xa7J\x05T\x9a\xa3\xfa\x18\xc9x\x84\x877Z\xf9,a\x01\x17\x9f\x0f\x9aY\x12X\xe6\x88QG66\xfaB\xdd\xe3\xddA\x90\xea\xf1\xfc&lt;\x80=\xee\x99\xef\t\xce\xfe#\x11\x83\xd0U_\x8d\x8fw\x07D\xd6\x80L\x98\x82r\xa8i\xbfwO\xeb\xf4\x88\xfa\xe6X}#\xcf\xe5B\xce\x0b\xb0\x1cr(.\x82i\xac\xb2\x8e\x9f\xfe\xdd\xd0\xd4\xc2\xcb\xd7\xab\xafWg^.\xbd\x9d\x99\x9fZx7;\xfb\xfcQ\xe8yhz\xf9\xf4\xe9\xcf\xc7C\\\x11i-*\x80\x8a\x17h\xdb\xaf\xcf\xb5nnl\xcc\xddLs\xb9&gt;a7:7+\x01KQnnP3\x8dnw\xf0\xd5\xd7\xbf\xfer\xff\xaf\xc3c\x8bcK\xfd7\x17_\xbc\x1d\x1b\x1e[XXz\xf9\xee\xd9\xd4\x9b\x1f&gt;?\xbd\x1c\xb2\x8a\xc4\xa42\xdd\x0b\xeb\x10\xb0\x1e\xae\xa7\xf1;;\xd3\xf8|\xb6\xa9\\ik\x95r\x87\xcd\x01E_\xaf\xabqg7\xcd\x0e\xbd\xfb\xe5\xef\xa7\xfa\x01i\xf1\xe0\xc1\xfe\xb1\xb1\xc5\xc5\xe1\xa5\xa5\xe1\xa5gO\xdf\xdf9\xbb&lt;\xdefM\x16\xe5X\xd3\xabU\x89\x82\xff\xfe\x19$\x8f\xcf&gt;T\xe2\x88\xa4\xa5\x1caE\xe4\x91\xf4\x9a\xab\xbc\x06\x03\xa4\xece\xff\xa9S7\xfbo\x1e\xfc}\xff\xf00`\x8d\xdd\x1f\xbe\xff\xf4\xfe\xfbGC\xdd\x01+\'\x93\x93\x93\xff\xa57\x91C\xed\xf5\xa5\x8f\xf6V,\x7fe#Q\\\xe5\xf2H\x96\xd2\xcd+m0\xf4\xf4\xcc\xbf}\xb14\xf6t\xb8\x7fq\x18\xc5\xfd\xb1\xa7O\x97\x9e={\x1e\n\x05a\x90\x16\x8b3\x0f\x7f\x10K\xa0y0\xfc\xd1\xde\r\xe4\xb7ZZ\xca\xd1Z,\x977\x1f\xca2\x965H&amp;\xa0;\xcc\xcf\xcf\xfb\xa6\x16\x16\xde?\\x\xbf\xb0055\xf5&lt;\xe8\x0b\x06|\\\xae\x95\xcb\xe5\x88\xf2\xa5\xa8\xb2Pi}\xbcW\x16\xf9\x1ds--r(z\xb9\xdcl\xe45\x945%}\xfazu\xf5\x03\xd9|\xcf\xec,4\x08\x14\xb07Z3\x91X\x1cNr*\x88\x85n|Pi}4\xac\xce\xcd\x16$\x17p)\xfe\xc7\xcb\xf9\x85\xb4\x95gq|\xf2\xaf\xe6J\x82\xf7FD\x92Kj$\x88\xc1L\x0cbKp\xd2$FJn \xd2\x05\x83(\x8av;\x11J\xac\xc3\x10W\x88\x91\xe0\xa4ON\xd2\x94\xa5\x89`\xa2\xa5KW\x0b\xd9&gt;\x88}r\xdaT|P\x84\x95Q\xe8n\x11F|h\x85\xce\xbc\x94v\x16\x86\x99\xceC\xe9~\xcf\xef\xda\xee\xbe\xcc\xeev\xa6w\x8f\xd5\xa7\n\x1f\xbf\xe7\xfb;\xe7\xfc~\xf7w\x13\xbd\xc0\xfb\xc3^\xd7\xcb\x9f\x00\xf65\x95\x08\xb0\xfd\xf1$\xd6o\x88F`\xa9\xd5j\xa3^6|ka[\xc1{\xa7\xf0\xbc\xc4\xdc\x05\xb9\xfc\xd1h\x9c\x17\x86\x87\x9f\x12\x18\xb0\xdeA=@K\x14\xc1$\xaa\xb1\xc3\xaf%\xacZX\xab\xa2\xe0\xad\xe6+\xbb\xc7\x12m\xc9\x80e\x8e\xfa\xbd&lt;\xcf\xb9\x1e&gt;\x1c\xce/\xfc\xf4\xfd\xf7_\xbfU\xeb\xdboG5\xa2\xd6(\x8a\xa2Z[G\xce\xc2\xf4\xe0i\xddy\xac\x1c\x15y^\xea\x95\xcc\xe8\xd7$W\xdc\xafR\xe9\\\xc3\xc3/\x05\x0c\x12\xaf\xee\x9e\x0fG\xfe\x1e\x89D4\xb3\xb3\x94B5\xbeZM\xb5dx\x8fG\x8fb\xaa$\x16&lt;\xdfK\\X\x8b\xe6\xe8\xa9\x18\xaf\xe2\x04\x97\xa0\xe3\xf2\x18\x9ack\xd9pW\xd7\xd0\xd0\xd0\xec\xec\xac\x91\xa4bT6&amp;\x96se\xbf\xa40\x96\x04.@\x01\rr\xf1\x1c\xa7R\xa9x/\x8d\xf2\xe10\xa04\x1aRK4`%&amp;\x9d\xf0;\xb0\xdcnO\xb2\xb0\xbf\xab$\x16-Ep%\x08\xcb\xda\x7f\xe1\x02\xec\xc5G\xbd^\xff\xe9\xd8\xf9F`uE"\xb3\x140W2\x89M\xf4\t\x96&gt;Y\xa8N\xff\x1f\xb0H.\xab\x00\xd7c9zO\x9f:\xf5\xe9\xf9\xf3\x8d]\x04\x159w\x8e\xb0D\xd1\x98\xa43\\7\xa5\xd0\xedv&amp;W\x8e\x14\xbd/_\xff,\xd1[\xed\x85\\\xe0\x12t\x01:R\xbap\xea\xd3\xc63\x18\xe7\x1b\xcf\x84\x815{\x8e\x81!\x85I\'t\xb2\xb9\x81\xa5O&amp;\x93\xaf\x15}\xeb\xa1\xfe1,\x8f\x90\xc0%\x8cY\x91\xc1\xa8\x9f\x9e\x04\xdf\xbd{\xb7\xb11\xdc\xc5\xd4\x02\x96\x91r\xa8w\xcbA\xa7\xdf+\x0f\x95\xa4\xfa\xa8\xe6q !I\xc4%%\xcc\x82`\xe6\xa3l\xfb\x83\x885v\xfd.\xc2\xe4\x9a\x8dh\x8c\xec\xf6\x8a\xdbm\xb7c\x19\xd2y[\xe1\x99\xd2X\xfd\x01\x08V&amp;\xc1\xac\x82N\xc5\xf3*l48n\x01X\x10\xab+2\x14\x99\xd5\x18\x9dI-\xa8\xecvz\x12\xec\xa1\xfdt\xe1\xb1\xf2X\x01\xa9\xb7\x8c\xe8Mp:\x9d\n\xdb\x1f\x0e_\xde\xbb\x8dg\x9a"]MMM\xa8[I\']\xa9aT\x94D\xc2:P\x18\xab\xbf\xdfl\x0eH\xe5rq\xb9\\\x968\x816eR&gt;\x8f"\xdf\x18&gt;\xd3\x14\x0e7ui\x8c\xa3tG\xc4\xde\xd1\xd1!\x83\x11\xd6^IQ\xac+\xc0B\xe7\xa14\x16\x8b\xc5\xb2\x94\xc8\'\x12\x89;\xf1\xd8Z\xee|\xb6\x11Ru\xa1\xf7$\x9d\x1ed\xb0C\x0eJ\xa3S\xaf\xdf\xdbUX\xadD\xbf\x15-\x11\xc5k\xb9H`(\x17\xd5r,\xbb\x17\x1a\n\x85\xd1x4\xa3I\xa7\xdbs\xdd\xed\xee\x18\x19y\xcbEX\xfb\xcab\xd5?C\x12\x19Wo\x19\\tR_,\xae\xad\xed\xed}7\xba2:*\x8at\x05bj\xca&gt;\xd5\xd1\xd33"\x83\xd91\x05\xea\x9d\xfb\x93\x8a\x8aU\xff\x8c\x15x\xab\x95l\xbf\\\\Je2{{{\x85\xc2J\xf2\xde\xf5\xeb\xf7\x92\xf7\x18\xd5\xb5k=\x142\x15\x86S\xbd\xe2X3\xdbeX\x1e\xe3\xbc\xd5\x0c\xae\xe2\xd2R&amp;T\x10\x93\xd7\x11S\x1dS\xf8\x01\xa4k\xdd\x08@1,\xbb\xdd\xa67\x99\x9c&amp;E[\xe2\x95\x9a\xe9\xd7\xfb\xfd\x01\xa856\xa6KP\x99(.e\n\xea\xa4\xc7=5EI\xbb6\xd2\xd3M\x0f[e*\xa6\x96\xad\xd6\x84p*\x8eU\xee\x97$$Q\xa7\xd3\x91\xef\xcb\xc5\x14\xc9E\xb5\xb3\xa3c\xa4\xa7\xa7[\x96\x8a\xe5\x90\x99\xcb\xae\'*\xbd\xc2X\x93\xc7\x9d\xd2\xfej5o\xe58L\x7f\x01Z\x90\xa9\x02q\xe9=6{\xc7H\xcf\xbfQ\xf50\xbd\x98Z\xfaZE\xb1\xb0\x7fM\x8c\xf7\xeell\xacV\x13\\&gt;\xaf\xe2\x08\xac\\\xcc`\xbaj\xd5\xdbd\xaa\x9e\x7fq\x8d\xbcM\xa2^\xaf0V)\xd1\xd9\xbb\xbf\x81\xd8\xac\xeeW1\xc9c6\x95\xfc\x13\xa9\x02:\xb3\xed\xb3\x1e:\xf8\xee\xfe\xb2\x9b\xe5O\xae\x0fv\x86U[\xbb\xaf,\xd6c\xa9\xb3\xbc\xba\x93\xdf\xf9\xc7\xc6\xc6\x0e\xba4\x87P\xf1\xc4%\xb6\xda&gt;\xeb\xfe\x92q\xf5\x8c\xbc\xab\xf0vL\xa7&amp;zCD\xd1\x02\x81\xe1\xb4w\xbc\xb8\x9a\x17\xf2H$\xc4B\xab&amp;0\xde\x1f\x9f\xc8\x0e\x8d\xda~?"\xfb\x9c\xb5B;\x0b\x9bM\xdf\xdc\x8c$*\x8c\xf5\xb0s\xbc\xb7j\x16\xac\xaaj\x15\x19\xd4\t\x08\xa0\xf1^\x7f,\xe7\x98\x1d\xbdq\xf9\xf2e\x8f\xe72\xe6?lYm\xb5n\xda\x8d\x99\x08\xabvGI\xac+\xd3\xc3\x9d\xe3\xac\xfb }(\x11\x84\xe5\xc27\x97\xf7\xc7\xe3\xb9lfH\x83\x1d\xa2Q\xdb\xdc\xdc\nC]6\x01\x92\xa8\x90D\x9b\xa2\xad\xba\xe6@"\xac\x80YG^\x07\x94\x8b\xe2\xa5\xcb\x05.\x7f&lt;V\xccf2\x06\r\xa1i\xd9\xdb*,\x88\xab\xd6V\xd8U\xb2&lt;\x1c\x17;\xe9\xa9\xb0\x99\x93\xb9\\\xd8R\x0f\xbb\x86].\x81[\xf0\xdey\x15\x9b\xc8\xa1\x19\x19Dv.\xa2\x1d\xd5~&gt;\xda\\W\xc7\xd4\xb2\x17\x14\x9b\xb7j@\x95Z\xee\x1c\xa7\xde\xa3\x13\x98\xd9uo\xb1^\n\xaa\x05\xc2\x9aXr\x00K\xad5\xb2\xa8\xd3~\xae\xa5\x17\x1e\x80\x95&lt;\xf8H\x91\xadO\ri\x15\xca,\x8f\x93\xb38\xab\x8c\xc5\xd1\xe3`\x96H\x1d\xc7\xb0\xb2\x19\x8d\x08\xb1\x8cj\xb5\xc5\xc2\xc8\xda\xb5\xedZ`\xd9Z\xb7\x95\xf8\x0c\x06@\xcd\x1c$B\x86\xd42\x89\xa5c\x81\x8a\xc5\t\x90\x0bP\xc7\xec\x18"\x16[\niD5B\x14-\x1a\x8d\xc5\x82\x7fj\xa3\x91\xb0jM{\xc7\xbb\x1f\x9c\xab\xa6~zk\xbb\x9ci\t\xa5\xca\xe3\x01\xabU\xae\nt\xfa\xc01\xd3\x0b\x04\x99\xc7R\x0c\x11\x94\x08\xd3\x13\x96\x01a1\xaa\x81\x05s\xe9\xb5\xc9\x9d\xad\x0f|\xa6[3\xb3u\xb4\xbf\xe4p8RK\x9d\xe3\xb4\xcb\'\x12:\x12a\xaewQ\x89\xd0q\xde\x89\x0c\xb4\x12\tG#Z,\x86\x16z\x9d\xd3\x02L\x19\xab\xb9njc\xf1Cr\xd5\xd4\xcf\x94vVRW\xbfp8\xbe\xb8\xdaIC [{l\x8b\xc8\xab\x84\x13,\x95?\x87q&gt;\x142\x84\x0c\xc8\x9d\xc5`p\x10\x97E\xdd\x8eUIe^_g\xba\xfe\x8do\xba\xfe\x83\x99\xaa\xbe-\xb8]X\xfa\x84\xbdV\xb0\xdcI#\xb3\xcbu\xf1\x84\x8b\xa7\xe2EFSI\xcb)\xa2\xca\x84 \x99\x86^~s8Z\x0c\x1a#+\x15u(\xf3\xa6\xbav\xcf\x9b\x92o\x92\x04\xab\xf9m\x05\xa1f\xf2v%8\xd3\xd6V\xaa\xa6\xaev~\xc2^\xc2 ,\x9d\xeb\xe2\xc5aH\xc4\xd2\x88J\xafS%\x12\x18#\xb2\x99P&amp;\x83\xb2\xa5\x11\r\xa0\x02\x17dC\n\xdb\xa9\xb6\xa2\t5\xb7\x9b\xf6\x17\xc15=\xfd[&gt;\xaf\x05\xbf;s\xfb\xf9\xf3JC\x1ba\xc1S\x8c\x8b\xaa\x96Y\xa0*\xeab\x9e\x87Z$\x15\xa8\xe2\xe8\xd6\x99L\x8a\xb04-`jA\x0e\xc9Y\xcc\\&amp;\x86\xa5}]*\xf9|\xbe\xca7\x93\xf5\xbf\x12\xac\x86\xd6\xde\xe6\xa3\x1f\x08\xaa\xad\xad!A\x17(\xe9\x9e\x9bDU\x8b\xect\xd1E6\'{Q\xc1\xe7%\xbf\xbf&lt;\x81\xa6\x08*\x03\x99\x9e\xb0\x0c(]Z\x86\xa5ej\xd5\x15*\xa5\xc1A\x9f\xef\xafOvJ\xbf\xea\x13n\xf0;\xf5\xa5\xa3\x9bs\xf3\x15F\x05o\xc1S\x01p\xb1Z:&amp;\x08\xb0\xd6EvfJ\\\xccY~v{\x1e\xce20.\x19\x0b:\xd118[\x8a0\xd7\xce\x16Q\xf9*\x7f\x9e_\xadL\xbe7\x17\xb9\xbc\xb4\xfd\xe8\xc5\x8b\x17\x87?\x04e\xae\xdbe\xac@p1,+uh\xe1d\xfd\xd1\x81\rM\\\x12\xb0&amp;r\xa9\x10\xadE\xf6\x06#\xfcn\xa1j\xcfN\xe7\xe9\xa6[s\xdd\xd1\xe0 \x92\xd8\xb0\xfd\xa7\xf9\xf4W;\xb7\xdf\xfbsdf\xb6\xde&lt;\xfa\xcb\x8b\x17sgo\xde&gt;\xc1\xf2\x1d\xc7\xa3fk\xffx\x94\xc7\xf0@3\x960&amp;w\x1c\x15\x1f\x85\\l\x10\x8c\xc7b\xb9l6\x052Z\x85\x8e\x16\x94y\xe3\x89\xb9\xd4\xec\x9d\xdcBe\x90\xd4j8\xbe\x95N\xcf\xa7\x1fln\xd5\xbfG\x89\x9a&gt;x\xfd\xe4\xe6\xc0\xc0\x1f\x06\x06\x06\xce\xfe\xf87\xd9[\x90\xab\xea\x0f\x8c\x99\xfby\xde\x8c\xfe,\xb0AK.\xa9\xd1(\xcfs:.!\xc5\xc1\x95\xcb\xe5\xb2\xa9\x10\x95]\xb6\x0c\xa9\'2k\xa9\xb5\xf4bTu\x91\xb0\x1aJk\xa0B\x1c\xae?\xfd\x9f&gt;\xe0\x86\nB\xe5h\xf5Az\xfe\xd2|_\xdf\xa5\x81\x81\xb9\'\xf7}0\x163\xfdv\xdc\x8f5\xc8\x07\x80@}G\x9e\x00\xe1\xf5\xa8\x97\\\x8f\xa5\x08\xb1&amp;r\xb9\xa5lJ\xa6jAq0\xb2\x87Q\xa2\xecz\xed^\xc5GT\r[\xeb}\x84\xd5\xd7\x97\xbeuc{\xf7\xbf6p\xb2\xf9\xe6!\xfd\x1d\xf8\xadK\xf3\x10k\xee\xe7\xfb\x83\xc1 \xe3\n.\x1e\xc5$3\x1b\x1a\xe4^Hd\x84\xe5?\xed\xa7b/\xbdM"\xb0Br%\xb5X\xd8\xf3D\xb4mQ\x03\xb0\xc2\xebA&amp;V\xc3\xf6a:\r&amp;D\xdf\xfc\xe1wO\x0f\xfe\xf3\xe5$\x94\xa9\xca\xea\xe1|\x1f\xfd!\xc0\xba$c\xdd\x0f\xb2h\x0b\x06+\x9b1?\xed\xbf8j\x86\xf2\x9e\x87,\xef\x8d\x9f\xf6G1\xca\x13V\x8e\x98\x10\x90\x0b\xce\xd2`x\xa0\x87\x19j5Z\xb7\xa5p4(\x8bU\xda\x84\xb5\xd2\xb7&gt;\xbeE\x91N\x1f\xae\xbf9\xf8\xe5EI\t&lt;\xfa\xf1\x01\x13\xab\x0fP\xc0:;7\xf7\xfc&gt;\xc9\x15\xa4D\x06}\xdbkkw\xa8\xac\x13U\x9e\x12\xa7\xd21\xac8]\x06\'gMd\xc3\xa1!DK\x8a\xacE\x8d\xc7\xc8\x9eG\x89\x86\x82\xa1p\xb4\xd8 \x8b\xb5\xb8JB\xa5?f?\xe7\xf1\xd7\xcf?\xd9\xfa\x05,*\x9e\x95\x9f\x9f&lt;\xaf\xac_".\xfcg\xa2:;\xf0|\xf0D.\xa8\x15\x1c&lt;Z[{\xe5\xe5\xe9Q\x8a\xb4\xc0/\xf0yL\x0f\x82\xca{jb"F\xb6B\n\xc3CC\xc4E\xd6B\x16\xc5\x13,\xd1\x10\n\xed\xbd\xa3\xf2-\xae\xfe\xb3\x8d\xfb\ri\xe3\x8c\xe3\x00\xde!d/\xb4Ga\\S\x1c\x987\xad\x18\xf1\xa5)\x04\xb5\x10\x9a\x8cD\xb1\x91\xac`(A0e\x07\x82\x1c\x87\x19"=\xd7\x17\xb7\x06\x89\xabH\x8b\xc3\x12\xea\xb1\x8c\xba\xa8\xe1J\x96\xac\x03K\xab\x83\xda\xee\n\xdd\x0cim\x8a\x94XYX#4k\xa7\xb2\xb6\xe8d\xdf\xdfs\x89\xdd\xbf\x9fA|\x11\xef&gt;\xf7}~\xcfs\x17\x8f\x93\xd2jR\x9b\x9aX\xffvw\xf7\xae&gt;\x7f\xf4\xbf\xab\xfe\xfb\xe7\x06f\x16\xdf\xbe\x88e\x97W\'\x8c\xa4\xa8l\xc4\xf2\xb3\xb8X\xf1\xb1\xc5\xe4\xdc\xd9i\xba\x9bB\xcf\xd6\xb5L\xe2b\x0bi\x99\x9c\xa3\xa3x\xd1$\xb4wPX\r\xee\x86\x06\x0b\xd6\xd2\x83t\xe5Lg\xed\x8f._\xfe3\xcac\x08\xfd&lt;\xcf\xfb\xaf&lt;7\x06\xb1\x89P\xb6\xee\xde\x89aU]X\x1a\xf8\xcfb\xf1\xc1\xc0\x95\x99\x17o\xb7\xb3\xd1t!\xd7\xbd\x8f2\xd2\x9a\xf7\xcf\xa7\xb6\xf6]3I\xaa\xbe\x13-\x87&amp;\xa7Q\xf4\'\x08\xb0\xcc\x16\xb7;\x12q\xd3}\xa8\xf3\xe7\xcf\x9c\xb1\xbb#n\xa8jH\x85v\x87\xea\xc3\xb1\xc5w*\x83\xe5k\x1a\xf6\xb1]\xf5\xfaT5\x91PK\xc9G\xff\xfec\xc0\xcc\xf6\x8b\xed\x98?\x9a\xdeSD\xbd\x9bL6\x04\xdb=\x82\xd6\x02k~~\xb9Pqa\x12%\x93sN\xa7s\xaeo\x9a\xe6\xdd4\x06\xf4\xd0\xc7`Y\xec\x84\xb2\x9f\xa1\x9bvv\xb73\x12\xb1\x1c;Fa\xd5\xd2\x15aUU\xcf\xbd\xac\x83XL\xc5G\x7fe\x93\x10*\x9f\xef\xee]t~)\x81R\xc7/&gt;&gt;\xb7\xffO\x08\xa9\xb6c8{.\x17\x14\x8e\xe3.t\x87Fl\xa1P\x88%f\x1b\x99\xd8\x06kG\'\x17O.\x7f\xfa\xf7gI\'\x82\x89\x8c\xce\x8d:\xdd\xce\xfe\xba\x96C-\xa6\xe6j\xc6"\x98\x1d?8\x9df\xf3\x91\x06\x8c!\xa9\xf0)\xa8g\xec\xed\x1d\xa8\xb0\xba;\xdaRY\xb4\xfc%\x86\xf2\xf9|MT\xea\xb0\x9a\x88\xc7\xe3\x89D\xe9\xe1\xfac\xfa\xdfy\x15\x18\x1fM\xefhB \xe0\xf1\x80e\xb3\xd9B\xb6\xd0\xd4\x14\x1b\xc6U\xb0\xb2{\xb2\xac\xa5p\xa0\xbcc~G\t\xe4\xfe`{7n\x86\xd9-\xe6NSgsu\x87\xdd\xcdD\xa8\x08\xc24G\xea\x1bj\x98\xeaX\xcd\xc1K_\x0c\x16\xd2\xe8t\xda\xc2\xc6\xde\x16\xdfvg\\\x1d.\x93|4\x92\x137Kq\xa3J\x0b\x93\x8f\x86\xf6a\x08J\x80J\x02\xeb3b\xd9\x88\xc5\xea\xe6\xd6\xfc\xfcVAv\xc9Z\xda\xcf\xfbS{a\xce\xe3\xd1\x7fxn\xaf\xdc\xa1km\xed\xaan6[\xba\xba\xbaXPf3\r\xf0\x1c\xd2\xaa\xb7\xd0\xc7\x9e\xaa\x9a\xaa\x9e\xaf\xaf~/\x84\xd9a9\xf8\x94\xa6\x81\x15\xbb\xd9d\x94\xda\x84\xe6\x9a\xe8\xf5-\xce\xbc\xbeQ\xaa\xc0^\xdd\xaa\xac\xfb\x0c\x85\xe2\xb8\xc0,\xa2\x1aa\xac&lt;jj&lt;\x0b\x96\xe6\x92].e#\xb5\xa3\xc1\xcdq\x1ei\xf0\tR1\xd3=\xcd\x0e\x80\xaa-\x96\xae\xd6\xd6\x0e\xa6\x8a\x90\xaa\x93X\xd5\xed\xb5U\xedUU\x07\xc7\xbe\xca\x89\xa8\xc2\x16\\\xa9BNI3\xd6\xb0\xe1b\xed\xe5S1\x1f\x87\x9f6\x00\x00\x03FIDAT\x1f\xae\xcc\xbc~X\x91\xddxi\xc08\x86\n\x88\x1c\'\xcc\xc2d\xb0\x98k!\xeb\x07K\x96$\xabKW&lt;V\xab\x95\\\x9c\'\xb7\xf6\x13\xf6\xdfIOHZ,^\xaf\xa5\x9a\xb9@EX\xc1 T\xe6#\x96\xea\xaa\xda\xf6\xf6\x9eO\x07uN\xc4\x86\xc5B:\x9a\xd6r9e\xe3]Z&gt;\xa3\xc1|\xea\xd5\xbdt\xd4\xe1\x88.\xbdZ(\xc5\x13\xac\xc9^\xa2\xc9\x0eX\xad\x86K\x10s\xddE\x1aC\xeaz\xb82\x99\x85y\xde\x0f\x96\xd5\n\x97,1\x97\x87v#\xac&lt;\x9b\xab\xab\xeb;u\xaa\xf3\xe8\xe9\xe6f\x0b\xb9\xba:(.\x82\x99\x9dAs==@R;6\x98\x0b\xe0\xed"\'*\x8a\xb6\x07\x95\x9eK\xb3\xde\xaa\xb8\x90\x1a^_JJa\xf9&gt;\xdf\xc8\xdfY\x7f0\x1e\xa7iI\xdd\x0f\x96G\x92\x90\x96(\xe6lE\n\nK\x83\xcdF.\xb0\xf8-M\x92\xa1\xb1\xba\\\x15\x17\'\x86E\xe5\x97d]\x0b\xdd\xa16\x05O\xd7\xb3\xb8Z;\xbc\xf4d\rdA\xd4\xe1\xe3\r\xdf\xae\xe4&lt;\xec\xdd\xa2\x18\x0e\x87\x05\xa0t]I\x0f\xf0m7T\xb5\xa2\x1a\xa6\xb8fe)\xa0h;)?.\xebb\xeb\x0fJ$+-\x80\x858\x02$\xfb\xa6XDF\x99|h\x04\xb0\xd0T\xbe\x14s8\xeek\xb2lE\xabK.\n\x8c\x8a\xa3\xfd\x08\xda\x937\x93\xef]l\xa93u\xd2P\xc2\xd5\xd5\xe1\xf5z\xedf\x98\xfaM\xa6\xd1k@I\x86\no\x16\x020I\x92\xa4o\x0c\xf0\xfc\xa2\xfan\x14\xb1\x18\x85\x88%\x08\x8aV\xd8IE\xf9\x81+1\xb4Y"\x11g,ry\xa4\xd9bq3\x93\xc8dz\xc95\x12\x9aZ\x9dq8\xb2\x9aD\x9bgy\xc9\x01v\xfc\x94W8\xach\xb7\x9f\x82Ug:|\xf4x\xbd\x17\xcd\xef\x85\xab\x19au\x9eM&gt;[\xc9q\x9e\xfd\xac\x04\x81H\x92,K\xfaN\x1b?\xf0Teq\xf9z\xa7B!\x9a\xf6\x8c\xa5PA\x96\xce\xb6\xf1\xd1%\x0c\xa6\xc1\xb2b\xe7\xfao\x8c\x95\xc8\xe4\xcb\x03\x99\xdf\xe6y\xb0h\xec\xe8-\x94\x17gT\x98J)\xdc\xbe\xf7\xe6\xc4\t\x9c\xab\x83f\x8b\xd7\x8e\xac(\xad\xfe\xe4\x13$\xc5\xe6\x06;\x02\x11(\x19%A\xa5\xefa\xa9_\x82\nA\xa1[\xc0\xc2\xd1\x7f\xa7\x07\x04]`0|#\x19\xcf\xc7^\x1fp\x95]\xd6\x0b\x06+\x8e\xbc\xf2S8\x90"\xb1\xa8\xe5].\xbcP\xbb\xbb.\tM\xbc\xef\xc2P\xae]\xff\xb9\xaf\xce\xd4\x1f\x0c\xd2s\x04\xcdX6\xae\xad\xad\x08\x86\x873\xd2"\x94\x84\xb5\x0f\x99\xe8R!J,c\xf0XVh\x96\t\xb0\x8cb2\x01\xb2\x94\x7f\xa0\x9c\x16\xe6\xda\'\xc4\xda\xcc\xc4\xcb\xaeP1\xbf\xce;\x0c\x96\xab\xcc"\x98X\xeeb\xa3\x14m\xedv\xb2\xef\x14E\x16$S\x8e\xd6\x03\x91-\x0bX\x08\xc5\x80\x0c\x11m@f\xe3\xa8e\x1b\x87^\xae"\':\xc5\xe1DG\x83\xd8\xfby@\x17r\xf8\x12\x14\x01sV\x101\xa4{\x1b\x07\xac\xb4^\xe2\xf7.\xfch\xb0X\\\x99\xfc\xe6\xe6f~}\xa81\xfb7\x16\\\'O\xee\xcaR\xe0\x1f0t\xeb\xdau\\m]_[\xc16E\x03\xc4\x85E\xac\x87\x80\xb8v\x8d\xac\xb1\xcc`C\xdaV\xe3\xd0\xad\xd5\x10\xeb\xaa\x90\xad\\\xc4\xa2\xa4\x84\x80(\x88\x026\x11\x90t\xe5/DQB\x1b\xd3\xf7mJ\x00\x00\x00\x00IEND\xaeB`\x82'</t>
        </is>
      </c>
      <c r="M374" s="3" t="n">
        <v>45492.67865740741</v>
      </c>
    </row>
    <row r="375">
      <c r="A375" t="n">
        <v>989384</v>
      </c>
      <c r="B375" t="n">
        <v>1966</v>
      </c>
      <c r="C375" t="inlineStr">
        <is>
          <t>Rômulo</t>
        </is>
      </c>
      <c r="D375" t="inlineStr">
        <is>
          <t>Rômulo</t>
        </is>
      </c>
      <c r="E375" t="inlineStr">
        <is>
          <t>VOL</t>
        </is>
      </c>
      <c r="F375" t="inlineStr">
        <is>
          <t>VOL</t>
        </is>
      </c>
      <c r="G375" t="inlineStr">
        <is>
          <t>VOL/LD/MC</t>
        </is>
      </c>
      <c r="H375" t="n">
        <v>182</v>
      </c>
      <c r="I375" t="n">
        <v>40</v>
      </c>
      <c r="J375" s="2" t="n">
        <v>36585</v>
      </c>
      <c r="K375" t="inlineStr">
        <is>
          <t>Right</t>
        </is>
      </c>
      <c r="L37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25161e8-7051-43d3-98ae-4602a70082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12\x01\xc0\x00\x00\x00\tpHYs\x00\x00\x0e\xc4\x00\x00\x0e\xc4\x01\x95+\x0e\x1b\x00\x00\x03\x00PLTE\xff\xff\xff\xdd\xe0\xee\xafze\xa5nS\xd7* \xa3lR\xd6(\x1e\xfe\xfe\xff\xdb\xde\xec\xff\xfe\xfe\xa0lU\xadxc#\x1d\x1b\xda\xdc\xe9\xa2jO\xd0\'\x1d\x9djS\xd3&amp;\x1d\xa0iR\x94_H\x96bK\xdc\xdc\xe3\x99dK\x9fhO\xa2pZ\'\x1f\x1d\xde\xe1\xef\x9ahQ\xa6pU\x8dYB\x93\\F\xacwa\x9afO\xa8r]\xa0nX\x99jU\x89VA\x90ZC\xa4mV\xa9u^\xa8rW\x9cfL6*"\xda\xd8\xdf\xd3(\x1e\x1f\x19\x17\xa6qY\xaazc\xa2oW\xa5r]\xabs_*!\x1d9-#\xdb\xdb\xe1\xa9tZ\xdd\xdd\xe7\x86T?\xdb\xda\xe6.$\x1eB4\'\xda,#\xd6\xd4\xdc0\'#4+\'\xad{h\x9fn]\x98`I\xa0r^\x95fP\xac~j\xfb\xfa\xf9\x95hT\xa9x`:.)\x85WC\x8a\\I\xe0\xde\xe2\x1b\x16\x14\xb0}g\xe1\xe0\xe8\x99nZ\x8f_I\x81TA\x9dmX&lt;/$+$"\xe0\xe3\xef?1%G7)\xa5o[\xd9\xd9\xe2\xb0\x7fn\x8aYC\xa3xd\x9aqa\xa9vc3(\x1f\xfd\xfd\xfd\x96bPS&lt;4\xdd\xdc\xe0=2+\x90\\EF:4\x9due\xa6v`\xa7|h\x83]N\xa2t`\xb3\x83o\xa4k]\x8feU\xb0ucB6/\x9feM\xaati\x92kZ\x92aL\xe7\xe6\xe8\xb2zj\xa5rd\xd8\xd6\xde}P=zSE\xde4)yN=\x82XH{ZMUD&lt;L@8\xf9\xf7\xf6\x86O=\x8d_L\xee\xed\xecP3)\x90cOL=-\xd0:5\xddC9qN@\xacoY\x99h\\\x8aaQI,%\xa5hP`&lt;/\x82aT\x92na\xf5\xf3\xf2\xd62*\xdb\xcf\xd8\xd6E@\x87eW\x8ag[\xddMDaKAuJ9\xd3\x95\x98\xa8kU\xf2\xe8\xe6\xd3ec\xb8\x83tmC4\xd4xyZ7,z_T\xe2&lt;0\xda\xcb\xd1\xaet[\xd8VP\xd2\x9f\xa3\xa1hY\x9caO\xd6\xaf\xb5rVJ\xd8\xa7\xad\xd2\xca\xccgF;\xff\xff\xff\xd8\xbd\xc3\x88SGiOE\xd4,$_A8\xd7\x8d\x8e\xd3mm:&amp; \x9e]X\x7fG@\xd5\x84\x86\xd7\xd4\xd5\xb3\x7fj\xbc\xb5\xb6\xdb\xc5\xcaqF6\x8b\x84\x80\xc2\xbb\xc0\xa9o]vni\xb0\xa8\xa6\xef\xde\xdc4"\x1dg]X\xda\xb6\xbbg&gt;3\xa4~r\xdd\xd5\xde\x90TK\xb4{_\xd3][\xa2xl\xb7\xaf\xaf\xd1\xce\xd4\\RL\xd1NJ\xf7\xef\xef\xba\x97\x89\xbb\x8c|\x81wr\xb6\x8au\xa8\x84w\x93YN\xce\xb1\xad\xe6\xcc\xc9\xb3vZ\xce\x83\x83\xc9\xc5\xc6SKE\xde\xda\xd9\xab\x97\x95\xa7ea\xc5\xab\xa1\x9a\x93\x90\xa7\x8f\x89\xc1\xa2\x97\xa6\x9f\x9d\xe5\xd6\xd2\x96\x88\x83\x94xo\x99ZP\xdb\xc5\xbf\xde`Z\xb0\x8d\x7f\xe0{w\xdfql\xde\x9c\x9b\xa6]K\xcbon\x9bN@\xed\xb8\xb6\xd1\xbc\xb7\xea\xa6\xa3\xb1\x9c\x99\x7fi`\xc3&amp; \xc4[Y\xd5}\xd1\xf4\x00\x00 \x00IDATx\xda\xc4\x98\xcfO\x1a\xeb\x1e\xc6\r\x9b\x1b\x81\x05i\x89qb{\x84\xd2H3\x89Vdb\xcc\x90\xcc\xd0\xa8\xb4#\xd5\x80B\xc0\xf8\x038\xdcq\xaa\xb4\xe1\x90\xab\xd4`T0\xa2&amp;M4*\x0b\x1b\xdc\x1c\xe3\xd9\x1a]\xb8q\xa1FZ\x8c\xe4te\xd9\x98\xae\xd4\x85\x89\xe9\xf9\x1b\xee\xf3\xbe\xb47\xe7\xae\xef\xe8\xfd\n\xcc\x8cCf&gt;&gt;\xcf\xf7}\xdew\xac\xaa\xfa_\xaa\xfa\xbf+\x82\xfa\xdba\xd5\xfd\xd7\xdfQ\xe6r\xd9l6\x97}}xxx\x9d\xc4\xde\xdc\x9c\xeb\'\xde\xff\x89*\xe2\xca~=\xbd\xbd\xfd^\xf8~S(\x96\xca\xe5\xd2E\xa1p{~y}\x9d\xbd\x7f\xae\xea\xaa\n\xd1\\\xf6\xfa\xd3m\xa1\xa4(\xe9\x0c\xa9\xa5\x80/ \'\x14E\xb9*\x16\n\xe7\xc9\\\xe4~\xb9~\xcat\xfd\xe9\xa6XN+\xb2\x1c\\\n:\x1c\x8e\xa0\xc3\xe7\xf3q&gt;\x9f$\x08\xb2\x92)\xdd^f]\xf7\x07VQ\xca\x95{}yZ(\xa5\x97~\x16\xb0\x1c\x01Pq\xe1\xb0\xc03vAJ\x94\x8b7\xbb\xc9\xb9{\x02\xab4\x8c\xeb\x9f\xa7\x17\xa5\xab(\xe1\t\xfe\xa8\x00\xa88\x1f\xcbq,\xcf0v^\x94\xe4`\xa6T8NF\xee\x03\x8b\xda\x97K\x1e\x17Jh%b\x1dp\xf0\t\xf7\x02\x95b96\xcc\xeb\xf5v\x9e\x17$GB)\x17\xbe\xce\xdd\x03\x18Q\xea\x90\xb8\x07*(\xc4B\x1f\x96\x0b\x80+\x0c\x9d@\x85\x9dp\xd8\x07\x17\xed\x8c]\xe4\xd0\xff\xe9\xe2y\xd2u\xc7\\\xd4\xc0\xeciYI(\xe8&amp;tR\x184a&gt;L\xe8\xc2a\x0e\x03\x11\xea\xb1a\x9f\x03\'p\x8a\x05W"S\xbe\xb9v\xdd\xa9`\xd4\xc1\xecyQ\x91\x13KA\xd2\xdfl\x05\xa6\x02\x01\x1aH\x15\x08\x06}\xac\x83\x9c\xc6Y\xe4\x85\x04#\xbf\xef\xe6\xee\x90\x8b\xf6\xfaa\xe1*!K\xe4\xbel\x98s\x04X\x9e\x0b\x92p\xc00\x84\x89\x0e\x8e\xe79\x12\x14\x80\x0b:\xf0\x05N\xf2Ir&amp;\x7fqyw\\\x15\xaa\x8b\x8c$\x91;s\xa4\xc7\x83T\x1a\x07i.\xfc&amp;\xcc:\x82&gt;\xbb]`\x03\x01H\x08;\xa9\x8d\x92(g\xd2\xc5\xd3\xc3\xb9\xbb\xe1\xc2E\xff\xe1\xda\xbdH/98t8\xc7r\x0e\x1a\x0f\xd0\x8b\xb7\x87q\x08L\xd8\xc6\x86\xd1\xec\x0c\x8fC\x9f\x8f(\xc8r\x12+\xcaJ"}qy\'\\T\xab\xddb\xba\x82\x82\xae\x81@KK\x0b\xb0\x8ail\xd43\xbc@H\xd0\xfev`!\x1f\xa0\x19\xc7\xf9\x88\xb7\xb2\x0c\xc9\xe4D\xba@\x8d\xbc\x03\xb5"\xc9\x02\x89\x05\x1f\x87\xf1/C4\xb0\xc1\xab\x00\xaf\x07\x16\xc3\xf8yZ\xd0\xca\xaf\'\x85H\xe5\xc3\x92\x8c\xf1\x1a\xe0D$\xc5U\xf14\xa9&gt;\x17\x99\x04\xbf\x962\nF\x1bnm\x0f\x04\xc9\xd6\x0e\xb7\xa0\x10\xa3oD1D(\x94\xdeN\xf4\xa3`\x10\xcd\xe7c!\x98D\xb9\x8e\xe7\xd4\xc6\xa2\xd1pz\xa5\xa0\xb5\xd1\xe8\x08\x07D\x83\xe0g\xc84\xc3\x13\xac\xee\xeen\xe2%C\xf8\xc0\xd4H\x0eq\xaco\xe4\xd90+\xc9\x12I\xd6\xab\x9b\xac\xda\xddU\xe9\xacL\x10k\x05`!\x18\xeczF\x10H\x1b\xe9\xa9B\x84\xab\xbb\x91\xaaV\xd9\xe9\xa6\xd5\xd8\r\x11y2"1G*\xc5\xaf*\xbbXM;+\x8d\x84\n\xd0\x85\x82\x8f\xb5C\x0cJU\x01\xd3\xff\x94\xa9\xb2\xa5\xc7\x15\xb2n\x1c0v\x8cQI.\x1d\xbbT\xc7\xca\x1d\x97\x13\x01:\xf7\xb1a\x01k\x17\xdc\xb6\x91"\xa1\xc3\xce\xce\x0eh\x9d\x9d\x9da\x1fG\xd8\xa2\x03\x7f\x88G^\x0c\xcf\x8b\xf2\xd5iNU\x17Id]_\xc8"\x07\xf3\xec\xe4\x864\x05H/\xf1\x00ZYYX\xd8^Emo/\xa0\xb6\xb1Y!\x058\xfa5\xea&amp;\x1f\xe6\xa5\xcc\xf7\xac\xaa\xd9E\xc4:\xbf\x92DN\x0c\x13$\xbb_\xf0\xd3t:;XY\xd8\xfesk\xeb\xe4ds\x9a\xd4f\xa5N\xb6VW\xb7\xf0\xb1\xb0\xb0r\xf0c&lt;\xe8y.\x90H\x94.U]L\x90aXHH\xa2\x00\xf7\x00\x85\x17\xde\x14juk\xba\xb7\xeb\xe9\xd3A\x94\x97\x94\xdb\xeb\x1dlkKM\xa7\xda\x9ev\xa56O\xfe\\8\xa8\xc4\x87\xde\xce:\x12\x9c\\|\x1dQ\x17\xebuQ\x12\xfdX\x0c\x0b\xbc\xdf\xef\xc7\'O\xa16S\x83n\xef\x84\xd1h\xaa\xa91\x99\x0c\x06\x83Vk\xa8\xab1\xfe\xfapdb\xc2\xe8\x1d|\xda;\xbd\x05.;\x19\t\x0c/%\x12r\xe6T\xcd\xa8\xa7\x1e\x8a\x02C\xc6\x1c\xf50|@\xec\xdb\xea\x9d\x7fi\xa9\x03KCmsssC\x93\xad\xa9\xc9fk\xd66k\xb5\xda:\x83\xc1\xe4\x1dy\xfc4\xb5\xf5S/F\x94eY,\x1e\xaa\x87E\xc4B\xc3\xfb\x7f\xe6\x81\xfd\x0cL\xab[\x9b]\x8b}oGC6\xab\xd5l%U\xaf\xab\'\x1bs\xab\xd9l\xee\xef\xef\x7fb2&gt;\x1cy\x9c:\xd9\xf6Q.F\x10EI\xcc\xa87\x18I\x94^\x96\xc5\xff`\x81\nL\xa9.o\xc7\x8b\x90\xd3\xd9\xa3\xab\xffQ\x1a\x8d\x0e?d\xaf\xa5\xbe&gt;d\xb5i\xe1\xe7/\x83m\x9b\xab\x01p\xe91L\xe0\xbex\xf1:\xa2\x1eV\xeeV\x110\xd7\xe8iR\x1d,l\xa1\xa3G\x8cu\xb5\xa1\x81w\xef\x8e\x8e4:\x1dA\xd3i4\x9a\x9e\x1e\xbc\xc9\xb1N\x17\x1a\xad5\x98L\xc6\x91\xa7m\xd3\xab+\xe4\xa1\xc3\xcf\xf8q\x85\xab\xe3\x9c:X$\xe1w\x8b\x92\xf0C-\xe6`\xfb\xa4mp\xe4\xa1\xb1\xae\xd9\xea|\x87:\xeaA\x110\r\xe1\xc2\xcb\t\xd9t\x1a\xa7\xd3\x06.\xa3\x17\\\xa9\xbd\x05\x9e\xf4%R\x85\xb9\xbaI\xaa\x86\x95\xbd\xc9\xa01\xe8\x82\xc5\xce\xaf\x9c\xa4\x06\xbd\x0f\x8d&amp;Cs}\xcf\xc0\xbb\xdf\x7f\x87^GGD"b"^D1\x8a\x15\xb2i\r5\x0f\x7fy\xdc\xd6;]\xe1\xc28\xf6\xd3\xf9Z\xa5\x86\xdf-%DQ\xc4\xdf\xaag\xfc\x07\xdb)\xa2\x95\xc9\xd0ouV\xb0\x06\x06\x08\x96FS1\xaf\xb2\xa3\xd19\x9d\xafl\r\x86\x1a\xb4\xfd`[\xea\xc3^P\xc0 \x86\xe2\xe5O.\xb5\xb0\\\xe7W2F\x11\xa1b V\x97\x9bPim\xcf\x9d\x9d\x03G\xc0\x82\\=\x14K\xa3\xf9\r&lt;\xa4\xcf^\xd5[C!d\x85\xc9D\xb9z\xa7?D}\x98\xb3\xfc\xa2PR+!\x80u\x9c\x96\xa8Z\xc0:\x83X^\xa3\ti\xd50\xfaJ\xa7y?00\xf0\xdeI\xd5\xa2Z\xd5\xebB\xc8\x88gM\xa8f\xad\xc1T\x83\x9c5z\xbd]S\x90\x0b\xbd\t\xacbR\xb5\x81\xe8:O\x93y\x87`\xf1\x0b\x9b]\xee\t#\xd2\xf2\xc1\x03mS\xd3\xe7\x96\x16\xab\x95:\x07 \x9d\xee\xb7\xfa\x163!z\xd4D\xb9\x1e\x00\xcbd4Nx\x07{\xa7&gt;D)\x96x\xa1\x1eV\x04\xa9Eb\x07\xdd\x11\xd8\xeb\x05U\r\x11\xab\xa1\xa1\xdf\xfc\xd9\xfc\xb9\xc9lmiA\x92\xe2\r\xb6\x96~B\xf5\xa8\xb5\x15\x9b\x86\x07u&amp;S\x9d\xa9cb\xc2=\x03,\tW\x10\xc5\xe2k\xf5b+Y\x90\x05\x82\xa5\x17\x96\xa6\xdd\xf3\x8b\x1d\x1d\x86\'\xb5\xfd\xcd\r\xfd\x84\xa1\xdf\x0c.$\xa8\xb9\x85`akn}\xf6\x8cb=\xd2\x02\x0b\xcd511\xef\x9e\xa9`\t,\x89S\xd5V\xa6\xb7\x8a\xe8\'\xab\x06):\xe5\x06U\x9d\xb6\xd6f\xb3\xf5\xdb\xccMVL4V\xe2\x9f\x0e\x92\x11+\tX\xab\xb5\x95r5\x1b\xea\xa8\x89\x13^\x82\x85\xd9\x0bX\xaa\xf5VUu\xa4\xfa\x12\x135\x99;\xe4\xe8\xd4bG]\x87\xa5\xaf\xd6V\xdb\xfe\xe2I\xad\x8d\xce\x85\xf5:\'\xf1\xaf\xc5I\x07d}\x8b\xb5\x05\xb4\x18\x87O\x0c\xe02&gt;\x9c\xf0\xce\xcf\xbb\t\x16qQ\xb5\xde\xaa\xaa\x8aT_\x97D\\\x94\x97\x08\xd6K\x8b\xc5\xd2\xd7\xf7\xa2\xcf\xe3\xf1\xb4\x8f\xbe\x9d\x1c\r\xd5\x87tN\xda\xf3N\x8c\xca\xf7\xd8\x0b\x85B\xa3\x93\x93\xed\xed\xed}\x96:\xd3\xafF\xaf{~&gt;6\x15\x95\x89\x8b\xd2MNE\xac\xe4\x05\x12\xc2/H\xc1=7\xa8\xfa\xf03&gt;&gt;\xfeqcccm\xed\xe3\xf0\x9b\xc9!\xe8\xd4\xe3tv\xbeC\xb4:\xc7\x86\x86\xde\xbc\x19^__\xff\xb8\xbe&gt;\xfe\xf2eG\x07Qk9\xb6\'\x93e\xa4r&gt;\xa7\xe2\xc2&amp;\xf7]\x86\\\xf0p\x96je\xe9\x8b\xcf\xee\xe7\xc9\xbf\x97\xd3\x99\xf4\xfe\x1f\x1b\xebC\x9d\x03\xa4\x80\xd594\x1c_\xdb\xd9\xa9\x9c\xcc\xef\xef\xcc\xc6::\x16\xe7\xc1\xb5\x93\xc0\x05\xfc\x99O*\xae\xb7"\xaeS\x85\x04jb?&gt;\x1e\xb7\xf4y^\xce\xe6\xa3JB\x96\xf0\xb0\x9cP\xd2\xfb\xb3\xb1\xf1\x1f\\\x03\x03\xff\x1a\x06qt\x89\x9c\x94d&lt;\xb3f\xd2\x1f\x96\xe3\x8b\x8b\xcb\xcb\xb3K$\xfb\xca\xbbj\xaeN#_KX[JK\xb3p\xc5\xe2\x19\xdf\x8fF\xd3\xf9r&gt;\xad$\x08V~g\'\xd6&gt;\x06\xae\xceN\xcc\xcf\xe3\xb1)\xc2\x8c\xcad\xa2\xe9tZQ\xf6b\xf1\xc5\xe5\xf8Z\x14\x7f\x98@bK=\x13\xab\xf1\x84\x81[\xa5\xd7&lt;\x9e&gt;\xcf\xf8N4\xbf\xf6\xd7__\xbe\xac\xaf\xc1\xca\xfc\xde\xce\xce\xec\xf20\xe4\x02\xd4\xf3\xb1!\xcf\xf2\xd4\x07\xfc2\x9f\xdfY\xdb@w}\xfc\x03_\x89\xc5\x81\x95\x86\x82b!\x1bQ\xf3\x81,w\x9b\xc9(Jz\xc3\xe3\xb1Xb\xf9\xd9\xf5/\xdf\xbe}\x1b\x18\x1bj\xb7\xc4\x97c\xb1\xe5\xe5\xf1\xe1!g\xa7\x13#p\xe8\x8dg|9633\x13[\x1e\xf7\x0c\xbf!\xb5\xbe1\xbb\x1f\x8b\xc77\xa0[B\xbe\xc9\xa9\x89\x15q}*\xc3\x90\xfc\xc6\xf0\xb0\'&gt;\xbb\xf6\x06\x96u\x8e\x8d\x8d\xd6\xf6Y:\xe6\x11\xfbqD\xc5s\xe7\xd8\xe4\xe4\xe8\xdbvO\xdc\xdd\x9bJM\xf5\xce,\xbeD\x84\xfc\x9bV\xb3\x7fM+\xcd\xe2\xf8\xe2\x10\x86\xe8P\xe4\x1a\xaa`\xab\xb9\x9a\x98v~\x88\xf1\xeeR\xca\x14\x12_k\xcc\x05\xf1eJ+\xf1eU\xa6\x89F\x13\xe3&amp;\x15\x14M&amp;u\xcc\x826\xc6\xd8\x1f\x1a\x12\x94\x04\x03\x01%T0\x08\xd30\x99\r\xb8\xcd\x14K\x84\xa1$\xd9\xd4$0\x94l\xbbm\x1a\xfaC\x08e\x06\xf6\xdc\x9bv\xff\x82\xbb\' \x86\x8b\xf8\xf1{\xces^\x9e\xe7\xb1\xc2\x07t#3cS#\xb3sN\xe70,D;\x95c\xb5\xfd\xa7gsss\xab\xb3\xf05\x8ff\xacn\x95J\x05J\xa9\x95\xd1\x1eC8h\xe8\xd1\xabe.\xa9\xd8\xd6\xed\x92(\x8cJ&lt;8\xbfX\xad\x16\x8b\xf1\xd0\xc0\xc0$\xac[\xa1N\x97\x1e\x19\x1a\x99]\x1d\x1f\xff\x9e\xd2\x88?/\x8b\xab\xab\xab+\x04\xd6P\xda\xedv\x8b=B\xdc06\xb6\xb2Z,\x17\x17\xe7\rf%\xc7\x06]\xcd5\x0eA\xb5\x91\xca\xa5\xc6\xbf\'\xd7h&lt;\x84+\x01,m\x854\xb7277\xfe\xcf{\x14cM\xfcgeee)m\xb5\xf6[-n\x8bG6\x1a\x0c\xcd,\xbd\xe8\xd3h\xfa\x9c0\x9b\x05\x81\x8b_\xab-_\xe2\xea\r\xf3\xa9\\\xce\xd9\xd7\xd5\xf5\x15\x94\x9a\xbf\x97\x17\rz\xfd\xe4HZ7\x92^Z]\x9d\xfb7\x95;\xce\xe4\xbe\xe9\xcfKKK3\xe9\xfe~\x0b\x98\x82\x8b\x87\xe3+\xe3\x9a[\xb7`\xce\xea\x8b\xc5R\x1b\x06=W\xb4|x(j2\x07\x17S\xb9\xd8o\xcf\x86\x87\xbf\xea\xbc\xd5\xa5\xf9:V\r\xf7\xe0\x93\xea\x11\x12\xeb\xd9\xaf\x9f\x8e?);\xa6\xb3\xff\xf4\xc7\x12\x14\x1a\x0bI\xa5\xc6\x83E\xa7\xa6\xef\xb7\xbe\xbe[]\xc3/\xc6c\xd5y\x03\xde\xd4\xb0|XK\xc8\xaf\x87\x89=\x91\xd5g\xc3\xbf\xfc\xf9\x9b\xce&gt;\xe7\x8f?\xc6\xaaA&lt;\xaaV\xab\xd3\x8fVV\xfex&lt;qo\xf3!%\xdb\x10\xa4T\xd9\xcd\xed{\xef\x00\xeb\\,\xdd\xa4\x01f\xf8\xe4\xdc\x8b\xe1\xaeo~\xd1\xcc\x95IEx\xfe\xc49\xd6&lt;\x11[\xc5\xb23\x96+\x17\xe3\xf1b\n\xa4\x8c*\xd5jHw\xf1\xe3\xc7G/?\xecg)\x89/\xa0:\xd8\xe9\xddy\xfcz\xec\x1c\xcb\xe5Q\x9ba\xb1m\x84\xe3\xab\xe5\xb2\xd3YN\x91\xb1e\xe6M\x1f\xd6\x0e3\xf2\x96`\x18\xf4\xda\x98\'\x16(\x1e\x9d\x8a\xe2\x86\xf0|\xd8&lt;\xa9\x04\xac\xb1\xf8\xecs\xd6\xd5\x06\xf4\xe3\x04%j\xd9\xb3;\x95\x06\xb95\x1dZJ\x13T.\xc1\xa8\xd9l\xc6A\x81\xa1(\xdec\x08\xceo\x84#\xb8\xf9\xb2|\xfa\xf001}\xf1\xb2!\x18\n\x87\xd7\x82\xd7/\xf3XM\x0e\xc7(T\xe9\x88\xc1\xac\x87$\x96\x1e\x0b\xf5\xf0\xfc\xa2\xc2\xd9\xee65Xo\x13r\xb4]n\xee\x19H\xf7{\\\x1e\x0e\x13\xfaM%\xb4\x82\x02\x8e\x80\xa9\xd4\xb7\x04\x83\x86\x01\xbc\xa5\x95\xc0:L\\m\xbd\x1e4\x18\x82\x86\xd2\xd6\xa8\xa3\x99\xcbm\xe6\x12\xfd\x03\x8e\xeb\xf5 \xd7\xa3\x08\x0bAM\x853_\x96\x1a\xac\x83\xd3S\x8c\x7f\x89\xdd4\x95\xb6x&lt;\xc0\xd2\xcc%z\x1b\xa3\x91\xc9\x1d\xd5\xf7\x00U\xa4t\xb9U.\xcf\xc0JL\xf8a\x88\xbe\x7f=R\xc2\xeb\x8ef\xa6@\xd0!\x10@!\xd0\xeb\xe1w\x80\x17\xa3\xcd\xed\xdd\x83O\xce2o\xed\x8d\x94\x84\xd64`\xf1/1\xd5V\x8b\x82C\x87N\x98\xc9\xe52\xa1?\x15B\x93\x07\xbd\x14\x8e\x03\xd5E\xfft\xa2VK\xb0Y\xbc\xd6\x96\x96\x12\x1eu\x10z\xd2I0!@\x8d\x8e\n\xadV%\xd3\xd5\x9d\x7frvz`\xa7\xc6\x89\x99\xd3\n\xa6\xed\xee\xd0\xf5{\x14\x1c&amp;\x18\x97k\xe4\x98L \x84P\xed\x88\xb2x&lt;\x80\xf2\xfb/d\x0ek\xcb~\xf8\x87\xc5\xbb{\xf7\xee\xa8\x03&lt;\x88\xd0E&amp;\x11\x9d\t\x9eT\x82ZV\xa1\xb1\xdb\x05Xg\'v;\x15X\x9b\xbe\xd3\x04\xa6\xd5\xb6\x1b-$\x16\x9di\xe4tt\x88\x10\xc4O\x8c[\x85B\xc1\xdf\x90i\xb8\xc0n\xb8rX\xab}!\x97_\xbc\xeag7\xb3\xe4rx\xc0FD(j\xea\x10\xc0\xef\x80\x0c\xd1\xaf3\xba\x06\xa9\xc3j\xcc.\x9cb\x0c\xad\xf6\x9a\x80\xc02\n$.\x97\x0b\xbd\xd6\x9e\xc9\xb0\xd9\x08\x82\x88L\x15SF\xd4p\xe1\x0bH[ \xd7\x85\x8b \x1d\x02\xcc\x08\xe8\x07\x0fa^CMt&amp;Q\xb1\xfbuB\x85d0\x7fvJ\r\xd6\x9f\xb6wN}0kq\x14n\x82K\xe2\x12wwc\x18\x96 -S\xc1*\x83\x08\x9b\xdd\x90X\xaeik\xb5\xda\x15\xa4\x89\xc5jb#\x19xt\t^*\xa8\xc9\xc4\xa1\xc3\xfa\xd0\x01\x96\x92+A\xf3g\xbeM;5\xe9t\xff\xb4\xb2\x0e&gt;T\xb8\x81\xcb\xe5\xb21\\\xdd|\xbe\x8f\xb4\xe5D\xc6dB\xe4\x05\x04\xe5\xd3\x88}\xaeZ\x9b\xa9\x99\x05\\\x17\xfd\x99\xc42a|~\x9b\t\x96#\x98\xb5_\xc1l2\xa1\xa2\xd37\x0f\x1b\xbf\xa4d\x0f\xe2 \x91\xf0j\xd9\x1c1`Y\xc4b\x9b\r\xe6hZ \xb0\x1e\x00\xaai$\x9fg\xfbE(c}\x814-\xda\xc1\xbcz\x95\xc5\x92\xfb3\xcb\x047\x8df\x93p82\x99\xd1\xa8\xe8\xb7ts\xf2(\xca8\xb8IM\xf1\xb1gw\x19^m\xb7v]Eb\x89\xc5\x0c\x1a-\x00\x18\x01_b\xba w \xe0H\x06m}\x17lo\xb7\xb7M"\xa0\x8b\n\xe6V9R\x01\xaa@@jCa\x02W(d\x80\xa5\x12\xe7\x07\xb1\x9dl#5X\x8d\x13G\xc4\xde\x9a\xd7{\x8e%\x95\x82T\x0b\xbb\xbb\x0b\x04\x15\x8f\xc7+Th\x01-\xc3\xd6\x0bZy\x03(d\x8eJ\xa5p\xbd\xa5\xb5 \xaa`\xbe\x00\xcc\xb3\xc0\x05X\n\x0f`\xa9\x1e&lt;\xf9\xdb&gt;E}3\xc8u\xb2\xe0\x05*\x02\xcb\xed\x96\x12X\x04U\xc0\x97\x01\xaa\xba\xa3\x80\xd1\xb4b\x89L\xa2\xf5\xaek\xdb\xb8\x0e\xae\xd1dr\x94\xcc\x97yy\xa0\n\x04z\x036\x97D\xe2\x01\xb3XT\xb6z}\x90:\xac\xc6\x93\x00V\xf1\xee\x01\x96\xdbM\x0c\x83&gt;\xc0ZX\xf7U\x109O\xce\xcd?\x18\x1c\x1c\r/\x86\xd5.\x1a\xad\xcd\x18\xa9\xa6\x16{\x1c\xf5\xba\x83\xc7B0\x1f\xc8\n^\x84\xe0Rx&lt;\x84\x13\x05[[y\xaa\xb0\x80\xeb\x04+\xc8\xc5\xbb$\x17`\x05@-\x88,\x8c\x10\xab\x90\x1f\xcc?\xc0\x17\xab\xf1\xb1)\xb5\x91\xab\x1c\x88\x97\xcb\xd5\x8dR\xdd\x01\x86T\x08\xaes*\x85G\xa1\xb0\xb8U\x8e\xd6\x02`Q\xd44\xdb\xed\x07\xaa\x06\x9e\xe4\x7fX\xa0A\xefB\xaf\xaf"*\xc8\x9b\x98\xb2\xfc\x83\xa9P\xb1\xb823\x03\xcd\x151Q;\x8b\xc5P\x14\xa8\n\xf4L\xc5G\xee\x83\x9b8\n\x8eB&amp;\xf3\xb8\xddB\xaex\xef\x80\xaa\x91\xcc\xde\x98}\xe3mS\xed}\xf2"\x8d\xc1\x08\xac\xf7J\xf9\x15\xa4\xb9\xb9\xf9\x81zh \xeet\xf6\x11[\x11SCcq\xa7Fs\xa7\x0c\x03\x8fC\xc8\xa4\xb7_\xc1h\x0c\x1bT\x1f\x0e\xa4\x08\x81L\xe1\x11\x8bU{G?P7b@\x7f\nZyaf\x85?)\x83\xcf\x08\xd0h\x98\x08a;\xa2\x91P\x1cZ\xd4\xef\xba\xba\xbes\xce\rL\xc1{\xcd\xad\xce\x1b\xa0Xd\xca\xc1\xbct\x05\xc3\xf8\x18*\x82.B\x06j\x81\'\xdd\xde\x9d\xb7v\xea\xb0\xec\xd9#\xc2\x85*P\x0b\xf2\x03y\xc2\xc3GE\x08@\x01\xd3\x9d;\x9a\xce\xbfjn\xc4\xca\xa1\x08`\xc54\x9d\x9d\x9a\xdbN\x98^qf;J\x1c\x96!\x02\x01!\x17py\\\xaa\xa3m*\x07\xb2\x9b\'\xa4ZR\x88,\xf1\xf9\xc9\x13T`G\xbcXt~{;\x99L\xc6rD\xf7^*\x95\x0ck\xf3\xa9d\xf2\xc6_\x92NP\x0c\xa7\x93\x1b\xcet:\xf4]\x02\x81N\xe6qY^\xfe\xe3&amp;\xa5\xa7\xaf\x9b;{{{\xaa\x0f^\x12\x8b&lt;\x9cC;@\xaa\xb23\x99\xdb\x08\x95\xb6\xeaO\n\xef\x0b\x85\xf7`\xf5\xadR)^N\x95\xef\xdcp\x16\'Q\x94\x80b\x02\x97\xd1(\xb3*\xc4\xee\x9d,\xa5\xa7\xaf_n\xefC\xc4\xef\x9d\xbc\x11Km\x84Z\xe2k\x15\xbe\xb18|\xc7Y.\x96\x9e\x10\xf6\x9e\xb4\xad\xad\xadz\xbd\x0eh\x91x\xec\xf6mgH\xd0&amp;B\xe8\xa4Z\xd0BX\x15\xae^b\xea\xa1\x10\x0b\xe4z\xb3\xb7\xf7q{\xdf-\x85\x92\xc8\xa01\xae\xa04c\xf9[\x08m|\xab\xb4\xf6\xc9\xee\xdf\xff\xfc\x0e\xdc\xb9\x91\x8a\xc5\xca\x93m"6\xc1%\x80Z\xad{\xb9\xbf\xff\xf1\x07;\xb5\x17!`\x84}\xbb9q\xf3\x04r\xbc\x968c\xbd\x86\xd1\x8c\xf1b(\x12Y[\xac.\x86\xd7\xa6f\x07\x8e\x8f\xd3S\xe9\xe3\xe3\x99\xa5\xb1*\xd8"d\xd8x\x1co\x13\x11\xa70\x04\x96L\xf7!;1a\xa7\xf6\x96\xcd\xe7\xeb\xddo?@\xd03\xda \xe21\xbekh \xb2\x98K&amp;S3\xcf\xd3/_?\x7f\xfa\xf3\xd3WO\x7f}\xfa\xee\xdd\xbfV\x9f\x95a\x19\xe4\x0c\xeaI!\xbf\x1da"t2A\xe8v\xb6\xedT_\xc5\xfb|\xb1:\xbb\x03r1Ph\x031\x9a\xd4\xa3\x8e\xccW\x93\xc9\xe2\xd8\xf1\xec\xf1\xebw\x80\xf4\xea\xf7\xdf_\x1d\xcfF\xd6\xe2\xd5\\\xae\x1a\xeeQ\n%\x8cv\xe2\x1a\x82\x80H\xf2\xb2\xa3\x87\xff\x87\x1b\xbb\xe4\xa5a\xfb\xf6\x1b\xc0\xa2\xd9\xda \xeaiR\x9bl\x14\x8f\x96\xd66\xd6J[[\xff\xe5\xe5lC\xdaJ\xb38^\x1a\xc2\x90\x94fBr\'\t\xe4\xc5\xbcyc(hR\xa8&amp;\x1f\x04\xf32&amp;\xdc\x0cnL&gt;%\x8d\x8aa\x11m$Y\xa2q\xaf\xa3F\xb0\x8ah7A\xa2\x8e\xb1\x8cc\xa1H\xa7\xedNW\xe8n\xe9R\xeav\xa0n\x85A\xca\xd8b\xcb`-\x0em\x9d\xbe\xcdv;\xd3\x95i\xb7\xed\x9e\xf3\\\xdb\x8f\xbb3S\xef\x9e\x10\xc5\x08\xe6\xe7\xff\x9c\xe7\x9c\xe7\xe5&lt;\xb9p!\x97k\xcca\xec_\xe5\x82m0\x13\x97\xaa\xfc{\xcaa rT\xad\xcfk\xf9iZ|O\xd4&lt;\xb1y\xb0\x86\x1c\x1bB\x05\xaa\xabi\x92\xde\xba\x95\xcb]\xbd\xfa\x8f\x0b\xf7\xc0\xc8\x88\xbc\xc7\x91\xdd\x8a\x0f{\xa5\xaa\xb6\xdd{\xca\x8d\xc6m\xb1\x96\x1f5\xf3\xd4\xe3)j\x1ex\xbe\xf6!P\xf9\xf1\xf4\xa9\xeeo\xbb\r\xfa[96\x99\xbcw\xaf\x03\x1eo-\x99t\x85}q\xb5\xd1RQWQ\x0e\x95\xc7\xe8i\x87$\xfft\x96\xbf\xce\xd3\xda/\x9f\x1e\xac\xd9]\xe2\x07.XR\xd4\x95D\xfe\xa8w\xb1\x1d\x1d5\xbf\xef\x00\xfb\x1d~\xe9\xa8\xe9Xa=a\x88(X"\xd5\xf9U*\xc0Ry\x8c\xe1\xf6\xcd\x01\xbe:b\xe1\xef.=\xc5R]\xe2\xaf\xc0\xa6\x87\xba=\x8b\xf4\xe9$\xdb\xd0\xb0\xb2\xbc\xbc\xb2\xd2\xc1v\xac\xac\xb4\xae\x80\xc1\xb2-\x12\x89X\xec\xfe\x8a6\xc4\x82\x19\x84\xd1\xb5\xc6\x9b\x0fIg\xd2\xcdC\x1fV@\xa5\x86\x85\x06\x1e\xe1\xef_\\\x8c4\xb1\x8d\xb8\xa5Jv\xe1\xc7\xa7\x8b\xe3\xb0\xf2\xb2c\x8d6\xc0:W\x85XH\xe5y0\xc1\x1b\x16\x06\xd7\x83\xc6C\x04\xab\x04\xc0,x\xd8jh\xea`s\x9d\x9d\xc5i\xb0B!\x91H\x05=,BY\xecv\x98\x97\xaa\xc2b\x14\xcbxh\'\x96\xd2\xffE\xae\xf5\xa0\xe7\x90\x1f{\n\xfc\x80e\xb1\x18`}\xbd\xa7)\xe9\xca\'R\x853\x89D&gt;\x95s\xb1l\xd3~X\xe4#\x95\xd1\x081fSAE\xbc9\xc4o\x0f\xf8\x93F_{\x93\xc5\xe2\xf7[\xfc\x15~\x83\x1d\xe6y\xc0U\xc3\xbar\xb9|6\x9f\x02\xaa&amp;0\x83\xdd\x10\xb1{\x90J\xad\x96\xda\x80\xaa\xe1I-\x9f-\xf3P~Z\xe3\xa6v\xbb\x1d\xb8\xda\x00\xad\xdc\x0e\xf9\x1e\xb0\x80\xcb\xe5\xca\xf9r\xb9\x1c\x0b\x8bn\x9c\xfc\xa9\\\xb8\xc2Wc\xb3YXjZ[\x12\xf1\x8b\xb5\xb4\x12\x8f\x9b&lt;*\x95\x1d\xb0**\xec\xaa\xa6\x12\xa4`Y\x16\xe7\xc5\xc9dr\xd1\xd0f\x8fD\xecvW0\x18\x0e\x9b\xd4\xc4L\xbe\xb5.\x9e\xb1f\xd7`U\x13t\x19Um\x1c\x96\xdd\xb2\xdf\x02\xd9\x80e\x93\xa7am\x06\x8fH\xc4f\x03\xad\x10+\x18V\xab\xf5z\xaf\xd7\x97_\xee\xe2\xf7\xdaC\xf3\xec\xd38E\xc5Ma\x17\x0c\xff\xa6\x8a6l&lt;0D\x92I\xb6\x03\xb2=@\x01\xdci\x99\xcc\x156\x05M\x80\x05j\xe9\xbd\xc3\xde|\xb6\x95_\'B\xe2zJ\x01\x96\x17\xb8\xda\xdb\xda\x1a\x1a\xda&lt;\x1e\x97\x1d\xb0\xb6\xb9\xa0\xee\x00\x98)\xe8K!\x97\xc9\xa4\xf6z\xe3\xc3\x83Lh\xfcN3\xbfX7n\xc6\x91+\xee3\x85q[\xa1\xc1\x13\x0czTI\x16*P\x13\x9b\\\\D\xc9r\xbe`g\xca\x87\'\xa2&amp;\xef\xf0\xf0`\x80q\x84:\x1f\xfd_\xb0(j\x18\xb8&lt;\xed\r\xad\x8d\xc1\xceF\xd6\xc3\x92r\xc8\xee\x87\'\xe4\x8a\x14d\xd7bg\xa7\xcf\xe4\x03\xa8,cv0\xa9y\x9e\xb1&amp;\x08\x96"\x9e\xc9\x80#=Ps:;[[\x1bW\x96\xd7\x0evp\xb6\xe2\xc2\x1e\x89B!\x95\xf2y\x87\x01\n\xa8\x1c\x8e\xfc\xf3\xdaf\x9e\xb1\xc0\x85(W=p\xb9Z\x1b\xb1\n\x8e\x8fC\xad^C\xb9\xc0\x99\xad\xb9T\xb1X\x98+\x14S\xe8?\xa0"X\xeb\xbcb\xed\x12M&lt;\xd0c?\x8f&gt;\x9e\xa9\xcf\xe8MA\xc4*\x16\xa7\xc7a\xe6\x80\xb9\x0b\x93j*_(\xcc\xcd\x15\xf2H\x15b\xcc1\xc4\nl\x0e\xf0\x8a\xb5\x0b\xb1\x14\n\xb5T\x1d\xcf\xc8\xe5q\xaf/U\x9c.\x822\xb9\xc6\xc6\x1c\x81\xca\xf9\xf2\x89D\xa2\xbf?\x11\x18\x0c\xc4\x98\x90\xc3\x1c\x8b\x01\x16\xf3o~\xb1D\x03\x88\xa5\xc7\xe6`\xaa\xbeEN\xc5\x87\x0b\x05\x98&lt;\x00\x18\xd4C4\xa0\xea\xef\xef?\xd3\x1f\x08\x10\x99\xcc1-~\x0f\xdd\x9f\x10\xf1\x8c\xa5&amp;j\x89\xd5\x94\xbcE.\x97g\x02\x89\x02\xe8\x053\x9a\xbc/\xe7K\xa5\x12\x89lOOO\x96A\x98\xc3\x87\x11K\x0b\xd1\xc5\xf0\x9d\xe6\x11K^\xaf\x97\x8a\xa5j*#\xd7\xc9u\xba@6Al\x10s\x142\xf5\xf5pq~\xd8\x11\x02\x17jcH\xd8zG\xd4\xcc+\xd6&amp;\xb8O\x0eX\xc6\xb0\x9a\xa2@.\x9d\xae%\xc0dC\xd9\x00\xd8\x9f\x99\x8f\xfb\xfa&gt;\x06\x8d\xcc\x0e\x14\xcb\xe1\xd0jA\xad\x98\xd9\xcct\xce\xf3\x8bU\xbbi\xc2\xeex\xdc\xee\x10\xeb\xf1 \x85\x92\xebZJ\xb5f\xf4\x18&lt;\xd0\x80\xcaL\xe4r\x98\xd1\x83\x18]L\xfe9\xafX\xcd\xb5\xa0\x96\xc2\n\xb1e\x84\x85\xa9\x02\x12+\x8c\x00\xb7\x0e\xb8\x0e\xbf1\xb3\xb6\x94pb\xbc\xb7h\xd1\x00+\xb0\xc9\xeb&lt;\x10\xd4\xc2\xfeH\xa5\x147\x87\x8cj\xe0\xd2\xcb\x94V\x05%/-Ei\x08\x13\x9e\'b\x9c\x83N\xa5\xa5Z- \x02\xd6}&gt;\xef(\xa2Zj\xbdU\xaf\x94!\x97Q\x8a\x83\x92\xec`I\x95z+\x0eQ0p+^, \x83\x90p\x01.\xc3,\x0f\xf1x\xfd\x1b\x0fZ@-&lt;HD.\xd2\x1f\xac\x16\xdb\xc0\xcaa\x99\x03?\x8b\xc3\xd8\xf6M\xd42k[P+\x02\x16c\xc6O\x0c\x91\xcd-\x11/T$\x9d\x12,\x94H\nza\x7f\xb3MUn\xf0[\xecdU\xf8\x16K\xab\x05g\xb6\x94\x12\xae\x18\x93\xbf\x7f\xf7J\x17\x1f\x97`\xb9\xad\xa4\xa1\x9b^\xbd^*\x13\x03\x17n\x11\x81^\x00\x08X\x16?\x9e\xed\xd8U6\x82E\\\x07Q\x86\xa3\x94\xa8e\x0eL\xbf\xfc\xe6[&gt;\xae\x7fsw\xaa\xaf5\xa2XR\x19\xba\x91\xbbB\x93\x96\x89iq\xc4\xe0G\xae\x08\x1d\x89H\xa1*\x95nSaV#c1\xc6$\x12s\xdf]\xffhh\x87o3\x8bD\xef!\xd5\xa5\xb9&lt;\x11K,%\\b\x90M\xa9\x94\t\x85t\xb9\xa5\xa4\xa4\xad\xcd@Gh}\xe6\r\x95N\x87\xe9\x968\xd1\xccd\x13\xfds\x0f\xe7\xeft\r\xec\xa4^\xdc\x9d\xf8\xa1\x85\xbf\x1f\xf1A\xda\x92\xd26\xf4\xa2l\xdb \xd4h\xba\xb2\x84t6/F\xf4r\x8ct\x08+B\x85\x82A\xf2`\x98l6\xdb3\xf7\xf8\xd2B\xd7\xcem\xa0r[\x81\x03C\x1f]\xfaK\xd6\xa7\xb7Z\x954-\xdc\xc6"j\xe1\x19\xba\xa6\x92\xb4\x80\x7f.$T\xa5:\xdd6\x15\xf1\xa39\x06\xf5)\x14:r\xe6\x9bo\x178\xbdv\xedL\xb3\x94H4\xd1u\xe0\xc0\xc3#\x83^\xbd5\xad\x14\xd2\x02\x01-\xe3\xb0$J\x89P(\x84g\x19\x9e\x99\x0b\xdd8\xf68\xa9(\xcaM\xb9\x11\x0b2*\xc1\xfa\xb4\xbf\xff\xca\xc2\xc2ov&amp;\xf0I\xac\xdf\xb8}\xe7\x83h\xf4\xbbO\x07\x87\xb1\xff\x02\x82IC\xd34J\x85&amp;\x13\n\x84\xc2\xb1\xb1\xcf\xfe\xf0\xd9X\x1a|\x86\xc3\x0f\xa8\x80\xc9\x8db\xe9\xb06\x85B\x04+q\x7fa\xa1\xfa\xb7\x8f\x96\x06\xde5\xb9rQ\xb5\xf4\xec\xe2\'\x88\xd57\x98Q(\xd2i\xe0\xa0\xe97\\\xe9t\x1a\x05\x1bCKC}$\xc9J\xeev\xbbq\xcaO\xdc\x88j\x85B\x0eG\xdf\x1c`UW/\xac\x1f\x7f1[\xfbN\\\xdc\xbe\xf7\x93S\xc7\xce\x7f\xe0tF\xef\x86\xea3\x94\x02\xd5\xe2\xb00\xc6\xd2V+\xbc"\x91\x8c\x8dI\xd2\xff\x02*\x94\x0b\\\xe8\xc6v\x08\x058\xf1-\x16\xe3\xe8+$\xee\x02V\xf5\x89\xadc\xa7n\xbf\xcb\'2\x10\xa9n\xff022\xfal/p]\xc9\x06\x06)\x85\xd5*\xa1\xc1\x8b\x1a\xdaF\xc8\x94n\x85\x15\xb1@\xb54\xba\x8d8NNf\x17V\x05\t\xaeRH\xf3\x80e\xee)\xe6\xaf\x00Uw\xf7\xcc\xc9\xadc\xcffE\xbfrL\xe2\x08l\xbe\xf1\xd3?G^\x9d\xeb=_\xe5t:/\x17b\xf5\x94\x15\xdc(\x14\x084\x1a1\xe4\x05\xda\xa6\x11*\xad\x10nc\x02\xc1\x98D\x92\xb6*\x90C\xe7\xc6\xa2m\xb5\xbe\xc1B\xb9\x98X\xac\xa78}\x19\xa0\xba\xa33#\xaf&amp;G\x8f\xff:\xc1\xb8O:Yzq\xf2\xeb\x8d\xd7\x93\xbd\xc7\xf79\xf7:\xaf\x7f\x1f\xcbP\xf0nV\x0cz\x1a\x9f\x1aM\xb9,\r#R"\x04N\x81@\xa2\x04,\xb9\x9b !\x95\x9b"1\xdf\x02r11\xa6?\xf1\xfd|\xf7\xbe\xe8&gt;\xc0\x1ay=5\xb2\xf5\xd5\xec/N\xfa\\\t\xbc\xf1\xd3\x8f\xab[g\x176&amp;{\xbf&gt;Q\xe5\xac\x8a&gt;L@lYI\x88\x93\xf8\xd2\xd0\x1a\x81P\x02\xd2\x95\x97k\xca\xca4\x1a\xa1\x0c\xb2-\xf8T\xa9\xe4\xb0\x14\xdbX\xa5P~b\x0c\x86\xd6\xbeh4\xda}qdk\xfe\xd4\xea\xea\xc6\xfa\xa3\x1b\xbf(Y\x10&amp;\x1c\x80\'\xa76\xe6O\xcc\x80Z#_\xec\x057^\x9e\xae\xa7\xdc\xd6\xb4D\x82\\ \x0f8\x93&lt;5\x95\x95\x90\xb6*\xcb\xcam\x90[\t\x96\x92S\x8b\xa4\x88\x96\x96\xfa\x00\xac\xb0Cs\xc5K\xddQ\x189\'\xfe:\xb9q\xa0{\xfd\xf5\xea\xc6\x83\xf5G\xb5\xa2\x9f\xebJ\xee@l`\xe9\xc5\x8fS\xab3\xf3\x7f:6\xf2\xea\xfd\xde\xc9\x8b\x10[\xce\xea\xc7\x83\n|W!QK#\xb0!\x16\x06ZYY%$SK\x19x\x16\x80@ML\x1d\x88E!\x97\\\x8e\\=\x85\xc7\xd7\xa3\xce*g\xf4\x8b\xa9\xf7W/~u\xfd\xf9\xd6\xd4\xb1\xf3\x9bg\x7f^\xae\xd8&gt;\rC\xa8\xa3S[\xeb_\x9e?\xda{\xee\xd5+\xf0\xe2\'\xa0V\xd5\xb5N=\x17Z\xa8\x11M\xe0\x04\x18V\x84\xab\xf2\xf32p)\xa41|\x11\xd2?zQA\xc6&amp;^\xf6a\xfa_^\x8bB\x80:\xab\x8fO\xc2\xffytf~~cj\xea\xf8\xcc\xfa\xedY\xae\xa9\xf8\x7fB\x11\xa5F\xa7\xb6N\xcd\x9f\xfda\xb4wru\x0b\xbc8z\n\xd4\xaa\xaa\xbe\xefU[\xb7CK@\xa4\x82\xba\xa3\xe1\xb8\xc04B\x89\x12#\x0f~\xb1M\xa5 \xcb#\xaf\xd7;\x98}\xf9\xb8\xdaY\xb5\xd7\x19=\xbbz\x0e\x86v\xef\xe8\x7f\xfa8\x9f\xd0\xc6\xad&lt;\x8e[;\x1e\xa1\x164\x1e\x17\xdc\tn`\x97\x0el\x06d\xe2\xe4 \x1b\x81\r\x0b\xb3\xed\xf8`\xd0a \x07\xc1\xce\xb2\xe0Cg\x18\xe8\xa5\x14\x0c&gt;\x95\xbdX\x87\x1e\n\x96\x8aAT`\xd6B\x02\xe1\x80@\xd8\x07\x97\x88\x1a: b\xf0$x\xa0\x04\x16\x87\x06\x1a\xda-M\x9d0\xa4\x9d\xc2\xfe~\xef=;\xe3\xe9\xd0\x1f\x8e\xed\xfc{\xfe\xe8\xfb\xfd\xbe\xdf{v"\x0f\xe2]ob\xba\x1d\xcb\x8b\x98bo\xfc1\xd5\x93_\xcft\xd3\xf6v\x9d\x8b\xb3n\xc3|\x1e\x1b\xfe\xb4\xd1\x18\x18\xc85\xfa\xf1/o\xbdu\x9d\xf0\x102\xc4\xbav\r\x800\xf1\x00\x03\x85\xd4xC\xb1\xde&amp;P\xf7\xee\xfd\xfb?\xdf\xec) \x16\x04\xbe\x15Ngn\xa3\xd1u\xad\xdd\xc0\x9a\xe8\xed\xc1\x0c\xc0\xfe\xf5\x07o\x8f\x85\x99z\x1f\xed\x9bv\xbc\xc8\x88\xe7\xed\xae&gt;\xf1\x8cb\xd1x\xdeh\x98=L\x97v\xf0\xe0&amp;i\x06\xcc@$ .\xae/\xa8h\xddZb\xc1\xbe\x1a\xff\x9d\xff\xd3\xdf\xbe/\x8b\xa2\xa8\x88\xb1\x196\xbdq0\x83#\xd5;\xbe\x13\xcc\\\xbdm\xcf&lt;\xb4\xf2uX\xec\x8d\x86\xbe\xb8&lt;o\xbb3\xff\xcbq\xd0?\xebv\xcdYP,f\x14\xc93\x1b\x8d\x8eA\xb9&gt;\xd8Z\xa7X\xc4Ed@\xae;w\x98V\xb7\x18\x16ra\xb3\xb8\xf9\x0eb\xfd\xfd\xb7\xef\x0e\x8b@\xa5\xd4;\xad\xf0\xb9#i\xe5\xde\x00\xc6t\xfb\xc1\x97\xbf\xcc&amp;\xba~\xd6\xb1~z\x1d\xd8\xa2Q\xcd\xdb\xee0\xa8\x1b\xf1\x10\xa0t\xbb\'\xa9EX\xa35\xc7F\xb9D\xe4R\x0e\xf6\xd7\xa0M]#\x12A\x9a\xc0E\xe4\x02\x13\x91\x0b&amp; \xf9\xa0.\xc2\xec\xb8y\xf3\x1d&lt;\xc5\xe0\xb3\xaf\x8e\x15\xa4\x12}\xb3\xd4\xb4\xa4z\xb9\xae\x1dz\xb6\x0eN\x02\xd8\xaeg\x9b\xbak\x0f\xe3/^\xe1bI\xbf\x9c\xbb\xb6\x15I\xd1\xc5y\xbb\x8b\xde;\x02R\xd55M\xb1t\x9a.\r\xf3u\xb4V\xd8\xdc\xbcFR\xbe\xceR\x86\x9f,M\x04\xaa\xeb7\xe8\x9e\x07O\x98\x07\xb5&gt;\xffj\xa4\x89\xe8!\x88\xd5\x9a\x06\xf52Y\x1bw)X\xc77\x1c\x7f81\xcd\xc9\xf0\xa7g/\x83\xb1=U\xdf\x86H9q\xff\xac\r\xf6\xd9\xfd@V\x8b\nh\x85X\x91\x8brqD.\xe5\xf8\xf4\xf1v\x018\n\x98\xf3u\xd2\xba\xd6\xc9&lt;\xbc\xbe\x00#\x1a\xde\xb8E\x9f\xb7\xdd\xbe\xfd\xe17\x8cJ\x0c\xa6\xadV\xc7 X\x00V\xc6\xc8w\xbb\xed\xf3\x8b8\n\xbc\xc1\xb4m_&lt;y\x7f\xf1\xf2/k\xe9\xbf\x9ewzN\xd4\x9b\xbb]\xf8\xc1\x81\xe7d@)\n\x85\x0bF\xa7\xd4h\x0c\xb3h#4\x9f\xc3\x17O\xb7\xb7\x0bPT0h]\x80H\x85C\x1cz{\x9d\xbc\x80\xf2\xe6\x9b\xf7o\xdf\xfb\xf1@\x11\t\x16,\x87-\xb3\'1,\xac\xc0\x1a\x80\x08\xba;\xefE\x91\xd7q\xdd\xf9%t\x8b%\xd5\xb3\xcb\xe1\xd0\x8f@(\x9d\x08\x15\x8fU\x80\x92\xb1\x08X\xd47\xf9F\xe3\x1c\x06\xc7\x9d\x04\xb4\xea\xbd\xa3\xbb\x85\x8d\xc2\x06\\\x90\x07ZD\xa1\xb0N\xec\xbcA\x97#\xb8\xc6\xa7\xdb\xf0$\xf2\xdd\xfb\x1f\xfdoD\xa5\x12E\xc3F\xb1\xa4+\xaa\xb2&amp;9~\xdfF\xb2\xb3a/\xf6\xad\x81{~\xf9\x8cA}\xf2\xa4?\xf3\x03L\x14t\x84\xa1\xefTwP)D\x92eI\xca\x18\x9e\xdb\xe2\xd3\xa5\xc6\x99\xc1\t\x02\xe1\x12\x05\x14lc\xa3\x02`\xa8\xd7:`\xdda\xd3\x93L\x85\xcd\xadu|\x11`km\xfb\xfe\x83\x93C\x06%\xd2\xc0\x8f3\xf5\xf2\xe1\x02\xab^\x97\xa42\x92\x81\x1e]w~\xe1{\xb6;g\xdb\xcf\xcb\xa1\xd5\x03|n)\xfd\x00\x00\x03\xffIDAT\xa1t\x08]\xcf\xa9\xaa\xd5\x0ce\xc2\x92e\xa37h\xe6\xa0\x92\x8dv\x94\x15\x04\x01\'\x14pi{??|X \xa7\x94B\xc2\xee\xe0\r\x8aD"\xb7\tX\x94\xea\xee\x07\xa7#\r\x7f\x87\x9a\x08\xad4\xd7\xb4=cic\x9d\x94$\xd5!\xf4v[G7\xfb\xb3\x01y]\xe1\x87\x8bY\xff\xbc\x8dM\xcdw\xd4\x1dU\xa5\xe6a\x01\x9eC\xa1\xd2p)\xe9qV\xe08\x95\x82\t\xdc\xe1\xd7G\x95Je\x83$\x0c\xf10\xff\x9b\x05r\xe6\xeb\xd6\xd6_A\xa8\xad\xb5\x7f\x9c\x1e\x94\x19\x13\x1c\x90`LB\x18+\xd5\x1c\xf4\x0c\x8d\xcdF@\xc2\x82\xcda\xdd\x89\xad\x0e\xcc6p3A\xa4\x1a\x9c\xb5\xdbv\x1f\xbcS?VI\xce\x19S1\x13Y6@\xa5r\xe9t:\xc7\'u?\xcbe9\x8e#G\xaf\x88\x9cx\xfc\xe2\xe8Q&gt;\x8f&gt;b\xcc\n\xc8T\xa9\x14\xf0|\xef\xad\xcd\xcd\xb5\xbbOO\xf7\x0eE\x81 !\x95\xc8\x05&amp;RA!XF\xaa3\xaa\xbaDn5Y2\xa2\x1e\x04MO|\xf2\xdf\xb9\xdbnO\xfa\xb1QUUp\xaf*3\xf7d\x80\x8a\x87\xd3\x16\x1e^\x0e\xb1\xd2&lt;\xdf\xeaq\\6\x8b`\x9c@\x05\xd0F/\xf6\xdf\xcb\x03\n\xc6\x0c\x85\xaa\xe4\xf3\x15\x9c\x07\x9b\xdb\x8f\xf7_\x8c\xca\x08$\n\xec\xba\xc8\xc5M\x86\x85`\xfeXfB!\xd8\xb2\xca\x91?L\\\xb4I3 L\x10\xa9Z\xadF\xbdS\x8a\xe3\xb83\r\xa9}\x84\n\xe4\n\x87\nG\xc0\xb2\x8c\x0b\x1e\xaf&gt;:9\xca\x93\x82\xf8oT\xc8\xdb/\xfc\xb9\xf2\xf0\xd1\xe9\xc1\xae&amp;\\\x155\xd2j1\xa8T\x98\n\x01\xcc\xc8\xc8(\x15\xe5\x81\xc7\xae\x91+y\x9c\x80\x05\xc6\x93w&gt;\xc6\x94\xcb$\xe8r\r\xddS\x01\xaa\t\xb6\xf1&lt;\xbf\xa4J\xf3I\xd3\x1a3.(\xfax\\V\x1b\x9d&gt;\xc2\xbf\xc5B\xfd-\x8fo\x0f\xf1\xa7\xfc\xfe\xc9^\x19\xbd^\xe1\x12\x94\x9e\x99\\`\xa5\x96Vf\xa8\x83\x80\xf3-\x01\xc3\xb9\x9f\x98X\x06@a\x8b\xd22\x8bRU\xc3\x1b4C&gt;\x99$\\&lt;\x9ff\xc5\xf3\xcdN@\xd2\x95e\x92\x110\xa1&lt;:\xd9\x7f\xfc\xb0\xf2\xcf\n\xfe\xd7F\xfe\xbd\x9f\xbf&gt;\xae\x0b\xdc\n\x11\xaaeX&amp;\x9f[\xc1\x020X\xebP\x8c\x1a)\x10\x05\x03&amp;\xd5\x12A\x95\x84&lt;\xb3\x9cyE\xb5\xe8@\xce\xc3$\x16b-\xd4"\\\xc9\x96k\x19\xdc\xd2IV\x82X\x86\x8c\xdd}w\xbbR\x01\xa8\x83]\x05\xa1\xe0\xcb\xdc\xc2?\xfc\x08:\xcd\x97\xb4\xca\xb1J5a\xad\x1e\x17\xabU`\xd2 \xf5d\xb6I\t\x80\xaaR\x8dd*T5\xeaO\x00\xaaTJR\xa5\xf8\x1c\x8f\\\x0b\'\x93\xa5\xa6\xdd\x1b\xc3\x03^\xb1\xd1)\x00\x19{\xfa\xe01\xb8w(.`\x89\x9a\xacc\x8d{\x93V\x92\x7fI\xab\xdc\x02-\xd5\x9a\xc2\xa2W\xabB\xcc(\x14\xf8\x98(.\x89P(U\x8d\xfa.e\xa2j12\xaa\x18\x0c\x01\\\xc9$8\xa9\x109(W\x96v\rN9&gt;9\x19iW\x12^%]\x14\x9d\xbe\x99{U\xab\xf4B\xb1t\xaa9\xb1\x821N:p\x12h\xe4\x04\xe2T\xc1Z\x84\xda\xd91\xaci\xab\x84\x95\\\x80%\x97`D1\xe0\xe2\xe1\xdb\xe60\x101\xf2\xdcj\xcc\x14\x11\xee\t\xbfc\x12\xea(U\x98[\x81J\xa5\x96X8~hB?\x80^\x8e\xdd@\xae%\xa8N\x00YUw\xc6\xde\x84B\xadp16v`0\x16\x88Yj\x99\xc3\x98\xce\x7f\xa2\x0c\xc5\xa2\xe2\xad\xb6\x04\x80\x1a\xfb\x83&amp;\x8c\x81]\x99&amp;~E*\xc2\x05\x83\xf2as\n\x1b/\xd2\xa8\x18V\x11"\xa7\xe2o\x97^O\xb5`\x83p\xe0p\xc8\x05`\x1d\x7f,\xb2&amp;\x81,\xacm\xbc\x1c(\xdc\xf6E\xde\xc0\x0c\xa1H\x98R\xb9W\x8b\'b\xc1\xd08\xbf\xc2\xe6\xa4O\xcc\x04,\x05\xfd\xab\xe2\xd2\x17\x96\xaej\x05\xe8\xeaS\x14\x8d\'_A+\xe1\xe8\x14\x91u\xaf\xabb\x1e\xc2\xe6\xca\x08`\x07\xd5\x82CD\xacpe\n.\xef\xa5\x99\x8dI\x9e\x8c\x1f\xe2\xd1\xaa\xff\x07\x0c\xa5\xecb\xc3g\xd1\xa7\x00\x00\x00\x00IEND\xaeB`\x82'</t>
        </is>
      </c>
      <c r="M375" s="3" t="n">
        <v>45492.67621527778</v>
      </c>
    </row>
    <row r="376">
      <c r="A376" t="n">
        <v>992024</v>
      </c>
      <c r="B376" t="n">
        <v>7314</v>
      </c>
      <c r="C376" t="inlineStr">
        <is>
          <t>Rhaldney</t>
        </is>
      </c>
      <c r="D376" t="inlineStr">
        <is>
          <t>Rhaldney</t>
        </is>
      </c>
      <c r="E376" t="inlineStr">
        <is>
          <t>VOL</t>
        </is>
      </c>
      <c r="F376" t="inlineStr">
        <is>
          <t>VOL</t>
        </is>
      </c>
      <c r="G376" t="inlineStr">
        <is>
          <t>VOL/MC</t>
        </is>
      </c>
      <c r="H376" t="n">
        <v>184</v>
      </c>
      <c r="I376" t="n">
        <v>8</v>
      </c>
      <c r="J376" s="2" t="n">
        <v>36118</v>
      </c>
      <c r="K376" t="inlineStr">
        <is>
          <t>Right</t>
        </is>
      </c>
      <c r="L37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7b0f875-d769-4051-b640-9eb059063fc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t\xc5\xda\x00\x00\x00&gt;tEXtComment\x00xr:d:DAEewil2SDw:3687,j:1904319450120277878,t:24032419\xd6]\xa1\xc0\x00\x00\x00\tpHYs\x00\x00\x0e\xc4\x00\x00\x0e\xc4\x01\x95+\x0e\x1b\x00\x00\x03\x00PLTE\xff\xff\xff$%7/5B\x1e!/\xfe\xfe\xfe"$0*,8$&amp;3\')4 #3./;+2@\xc7\x8fe\xfd\xfc\xfc(-&lt;\xac\x80[12&gt;$)7\xbc\x87a\xc9\x95h\xb7\x86_\xb1\x84a\xb3\x82[\xb9\x83Z$*:\xfa\xf8\xf8\xcd\x98n\xcf\x9dq&lt;7;\xd4\xa0u\xb2|X\xf6\xf3\xf3\xde\xa0ojI=\xbb\x8bg19E77B\xb4\x87g(\':,.?\xe6\xad\x82\xe1\xa6\x7f\xd3\x97nA;?D75\xb6\x81T:336-)\xcf\x91e  ,\xc1\x8cf\x85^G\x0f\x10\x19\xda\xa2{\xbc\x8b^L=8\x1d\x1d(xYF\xd8\x9cl\xc0\x84X\xaa|a\xc1\x8ea\xc4\x90j\xbd\x8fm\xc8\x93pHAD\xc2\x86b\xa3yW\xcd\x9fy\'#&amp;\xcc\x97w2" )\x1f/\xd4\xa6x.\'-\x82W@\xd7\x99w\xea\xb0\x89sO=A1-nQE\xc5\x97{\x99mQ\xab|l&amp;\x1d\x1f\xad\x86o,$6RCC\xfc0&amp;\xe0\xa2x\x16#0!\x17\x17\x80^Q\xce\x92l\xacyT\xd4\x95e\xac\x84fE.\'Z&lt;2.2F\x90ja\x90hL\x9dx]\xc7\x89`\xe5\xaa\x88N6-\xb2\x8do\x1c&amp;8\x95rZ\xdb\xa8~\xbb\x89p\x13\n\x0bY5\'c?1\x17\x17\x1f`NKVA9\xc3\x94q4/:_D=RIM\xa1jE\xbd\x7f_\xee\xeb\xec\xe7\xe3\xe4\x8eaM\xce\x97\x96\xd2\xa1}aMA\xa2zb\xe1\xdc\xdd\xe5\xa6t7&lt;I\xfc84\xb4}de^c\xbe\x94u\x93re@?H1/2B$\x1c\xa4ujN("\xb3\x84u\xa6\x80{vor\x9epX\x9fpO\x9a{m\xdc\xaf\x89\xb6\x90w\xdc\xd4\xd3\x9doc\xce\x8djoE2\x94hW\xc4\x9d\x80z[W\xd3\xa7\x81\xd7\x90q1\x17\x10\xd1\xcc\xce;$+\xc0\x8dz\x88dV\xec\xb8\x93\xbb\x82i\xdb\xa9\x86\x8bsZ\xc9\xa2\x84\x94\x8a\x8d\xdd\x9b\x80\xa7rV\xdb\xa4u\x83|\x8152J\xe4\xa7z\xa7sK\xa5\x81l\xae\x8c\x80\x92]&gt;pTP \x0e\t\xe2\xb3\x92\x83iR\xbcwVFFQ\x9f\x97\x9a\xb2qNp,&amp;\xb5\x8ee\xc6\x89l}O6\xe9\xaa~\xd4\xa8\x8a\xab\xa6\xa9|QF\xb8\x88\x84\x0c\x1d*URZ\xcc\x99\x81\xf7\xed\xea\xc6\x8d\x8b\xe8\xba\xb6\x19(A\xa4\x82`\xbc\x97\x80teLB\x17\x12\xe8\xbb\x99\xad\r\x1e\xb5\xaf\xb4\xce\xae\x9c\xcd\x90]\xf1\xbd\x9e\xf9@#\xf4E&lt;\xd4\xa5\xa3\x89\x10\x18=4N\x852.\xc4\xc0\xc3J"3\xe1IEd&amp;3\xda\xc6\xc0\x9b\x18)\xdd\xa4\x9c*:&lt;\xf1\xc9\xbf\xdf\xae\xa8\xf2\xd8\xcea\x1c$\xa2?&gt;l\t\n\xc1\x0e,\xd0\x82f\xbf\xb7\xb7\xf3\xe2\xdd\xbf\x9c\x8e\x97)6U\r\x07\xf06-\xba\xa1\x9aaXX\xdf5\'~f^\x95\x80^\xc4\x81m\xc0BC\xd2\xba\xb56?3\xba53feM\xcbKG\xb7bk\x0b\xf4P\xf6\x00\x00 \x00IDATx\xda\xcc\xd7\xdbO\x9a[\x1a\x06\xf0^p\xd5@l\xf0\x14\x15\x04\td\x10(\x18\x08% \x15\x11j3\xa2\x08t\x18B\xe2\x91-\x9e\x02\xa4\rE\x98\xaa[\xc1\x06\x14\xbb\xdb\r\x82n*\xea\xb6\xe3\x91\x02u\xec\x18\x8d$\x8e\xa7\xa4{&amp;\xa9\x9d\xa6\xb6\xc9\xce\xc4\x8b\xde\xcc\x9d\xe9E\x8d\x99\xb4i2\xef\xfa\xb4\xf3\x17\xccg\xf7\x13\xb5\xd44\xe9/\xcfZ\xdf\xbb\xd6w\xe9\xd2\xff!\xa4\x02\x1a\xad\x80D \\\xfa-\x85P\xd0;q4;\xe1\xeb\xeb\xedE\xb8\xdf\x88\x89\xd67q\x9cI\'\x12\x89Lfo\xefx\xd6\xd7K#}k\x14\x89\xd67{\xbc\x97\x08\x9d\x9c\x04\x9c\x1e\xe7I \x10Jd\xde\xbc\xf7}\xd3\xd2PQG{\xe9@\xe0\xc4dr:M&amp;\x93D\xa2\xf48\x9dS\x91\x8f\x9f&amp;\xfa@\xf6mP$\x9a\xef(\x13:\xf1x\x10\nX\xe8[\xa94I\xba,\xba\xd3H\xe6x\xa2\xf7\x1b4F \x14\xf4\x01*\xe0\xf18\x81\xe5AU\xc17\x8f\xc2U*%(\xce/\xe9c\x1f\xed\xc2a\x04\x9ao/\x148y\xe1Q\x82Ii\xe2I\xd0\x12\x9a\xa0\xad \xe5\xf3Y\x94\'\x89\xa3\x8b.\x8cD\x9b\xc8\x84^x J\x0fr\xf1\xf8&lt;\xf8R*\xb9\x10\n\xff3\xff3|\xf1&lt;\xa1=\xdf\x85&gt;\x95$\xdal&amp;\x80P@\x02\x99I\t\x16\x1e\xac\x1f\x17\x16\x11\\\x14\n\x8f\xc2\x07\xa8\x04+\xec"U\x89\x80G\x89\x02ma\x7f*\x01\xe4QR(X]\xe7,.\x8f\xe7I\xbf\xf1\x15\\\xd8\xbe\x9aMx\x94\x9bA\x00p7\x01\xc3E=\xf1\xf9\xe8\xc7W\x16\x1fX\xf0[\nE\t\x0bYpA\xe3j"\xf1\x82r\x85\xf9/&amp;d3\xb8\t\xb8`\x10c \x10\x84K\xe9\xe9\xe9\x19\xad\xe9\x81\x0f\x14f0\x90\xf1\x15\x10.b^\xf5eN\xb8\\\xe6w\xcf\x98\xcc \xa0\x82XC\\\xb4d\x12\xcc\x85\xfa\xeaa\xf6\\\xbe|\x85y\x85y?\xb8y1.R\xefQ\x88K\t\xde\x7f\xf6\x0cTA%r\xf0xg\x03\x02\x02\x1fy\x80\xe3s)L\n\x94y\x1f\xfe\xc9\x85\xf4E(\x98M+kj\xfex\xf9w\xdf1a\xd9\x94&lt;4\xae\xdc\x83\x10\xb7\xdbb\xb9\x8b\x82p|&gt;\x9f\x82\xd6\x92\xd93\x1a|\x11H\xe0\xbe\xbf\xd0\x12R\x04\xc8\xc5\xe4\xa2\tz\xd7\xe9\\;]Z\xda\x90J\xa5"\xa9V\xa7\xd3\x95\x00\x10\x93\x01m\x14\x02[,\x18x\xd3G\xc2\xbb\xacP\x90/xR\xd3\xd3C\x91\xdc\xbd\xeb^\x9bj\x8bD\x9e\x1f\x1c\x8c\xb7\xbc\xf4zU\x86I\x9b\xcd62\xb7!\xd5\x81\x8cW_/\x10\x08\xf8h\xbbm\x86p\x9e_\xa4\xde\xbd\x17\x14\xfe\x93\'\x02x\xf0\xdc:\xe9\xdc\xc8\xeax|yw=\xba;P\xedR0\xc8,\xc5\xb0^?n\xf4\xda\x1at%\x96\xae\xae\xfaVA=\x94\x063-=K\xc3yg\x05\xf9\xf5\xad\xad\x02\x9eim\xce\xe65\x8e\xc7ww\xa3\xeb\xeb\xd1E1\xb50\x9bH,T\x0f,.\xee.\xeb\xc7Wm\x1b\xd2\x92;\x96\xaeVT\x19&lt;\x00\x9e\x8c\x0f\xc7\xba\x08\xbdo\x02\xa3\x82\xd6\xd6.\xcb\xe0T\xdb-\x87\xc2\xa5\x9e^\xec\xec\xac\xabc\xb3K\xcdt\x19\x87\x932\x97\xb2;;\x17\x17\x07\xf4\x8a\x96v\xabH{\xe7vW\xeb\x83\x9b\xd0\x18\xe5d\x0f\xc7e,\xf0%&lt;7n&gt;\xb8\xfdX\xda\x16YuTT\x16\x89\xed\xa5\xa5\xa5l\xc8\xce\xca\x10\x9dN\x1f\x1aZYY)-\xb5\x8b\xd5\xb0\xa6,\x95U\xf3\xf8\xbc\xb1Qe\xfa\x88\x86\xdb\x94\xa0\x1d\x85\x947\x05\xb7\xb5\xfd^\xa3\xc3QYD\x15#\xd3\xca\x0e\xa8\xc0e\x06\x96\x19\x8bX\xacV\x03\x8c!7\xf4k\xa4\xda;\xad7o\xde\xa8\xf1$p[F\xb4\x86&lt;\x9e[\x14\xcee0\\\xd5\xb5P\x15\x9b\xdd\xc9.]Au\xb1W\xcc\xa9\x94y\x05P\xf6R\xbb}``@]\xad`\xb5\xc8U\x86~)r\xfda4\xb0\x87\xd7-\xa7`6\xe1\x94\x0cn\xc8\xffVI\x146\xd6\x8a\xc5\xa0\xaa\xeb&lt;_E\xb6=\x85b\x86%\xb4\xdb\xc5\xd3\x88\xe5R(\x18,yxRj\xa9\x17\xdc\xa8\t\xa6\xf1\xaa\x8b\xf6&amp;`2\x9dFX\x95\x9c\xb2l\x8e\x19\xb1\xea\xd0v\x87\xc0O\xbb\x98JMa{\r&gt;\xa1\xb60\x174\xe6\x9ds\xb7\xd6\x0bjz\x02x\xed\xae\xbe\x8cI\xe2\\ZeU\x94q8t\xfa9\x0b\xb9\xa2l\x8c\x95\x12\x83K,\x06\x95\x1a[E\xbdKQ\xc1`\xb5L\x96t\xd5\xf3kj&lt;\x19|\x1eF\xc2l\x9ag\xd1\xda^n\tc3\xb5t\x19Ul\x87\xe9\xd0\tK&amp;\xfe}\nZJ\xa5\xa8g\x19\xa0\xa2\xae\xd4z\xbd\xde\xe5"V\xe57Y\xb5\x16\x18\xfa\x02~h\x02\x8f\xa3\x91\x00k()\x91\xb6g\xe5\x9c\xb1\xa0\x16\xe8f@\x8cQR0\x19`kQ\x8b\x8a\nQ\xaa\xd5\xd5(.W\xac\x83\x9c\x1b\x96\x96\x0c\x82\x8b\x1f\x98\xc5\x83E\xeaKxLR\x91\nc\xc1\xf4\xa4Rk\xab\x11\x81\xc3\x91\xc9\xe8\xc0\x1a\x1a\xa2\xa7d\x9c\xc2l\x98\xf6\xd9\xd9\x95\xe7\x11V\x01K\xa4\x1bt\x9b$&lt;\xe71\x1e\'\x10i6\xedq6\x88Ty\xd7\x88\xb1\x19\xba\xac\xb9\x90\xd3\x18#\x12c\x8d\x1c\x196H!t\xf8mY\x19\x11\xe5:Q($\x12+\x88U\xf7rr\xdbEpv\xc3\xe1m\xca\xf4\x12p8\x0f\x8fCN\xa7\xc8\x8aX3\xb53\x9c\xb7\xf0\x9f\xc7\x10\n\xa9\xfe\xc7B.\x08\xb1\xa3\xaa\xbc\x9c\\%$\n\xc90#\x0cp\xe7qC\xf0\x18\x11py8u\xeaD\x86\xbf\\\xbd\x1e\x9b\x99\x99)\xbbN$6rj\xb1\xa9\xfe\x95\x85\xce\x1f\x99\x0c\xceFN#\xb1\xa3&lt;?\xff\x1e\xc0\x18\x0e\x05\x0b\x8e\xc7\xfd\x12\xb7\xdb\x89\xc7\x9e\x87\x0b\xe0\xd49\xab\x11ce\x17R\xb1\x11\x01\xf3\xddL7\xaf\xec@\x10\r\x83R9\x8dBr~~\x0e\x99\xe1p8\x16T\x06\xabF[2\x88\x0f\xcb\x97\x98Z[\xeb\xc7X\xb1\x99Xcv\xd1\x80=\xba&gt;??\x0f\xb0Rx\x0ewv\xea\x00\x86\rW6\x9a\xa8\x85\x15BrN.\x8b\xc5r,\xc8\xc3V\xd8^\x83N&lt;\x1eE\x92\xef\xc7\xa9\xa9\x86sVl\xa6\xa8h:\x1a]\x7f\xfd\xee\xdd&lt;\x92\xa1A\x7f\x1e\xf8K\x1d;\xbah\x87\x8b!\x83\x95\xcb2\x02\xcb\x9f4\x80\x0bG\xd6T\x7f\xf2\xea\xd5k\x1d\xb1\xda\xa7\xd3\xd3\xbb\x98\xea\xdd\xbb\xf5\xd7\xaf\xd7\xd7;\x91g\x1e\x0b\xdc\n\xa3\xd1\xdd\xdd\xe9e\xfdp\xb7\xd1\xe8\xf7/\xfcg\xa1x\xcc\xba\xf1\n\x1fV\x01\xd6\x96\xb5\xa9\t\xda\xaa}\xfat1\x1a=\\?&lt;&lt;\x04\x14d\xfdL\xf4z\x1e}\x86;\xf4\xee2\xca\xc1\xb8\xb1\xc5\xb8\x00,\xbf\xca\xb0\xf1\xea\xcb\x17\xfc\x16\xd1\x00,bumu\xb5~x\xbc\xdb\xb8\xdab\x1c\x87\xab&lt;\xa2\xbd\x03\x13\xa0\x80\xb4\xac\xefni\xb7\xd9\xda\xbd\xab\xab\xdev\xaf\x7f\xc1\xb1p\xcf/o_\x02V\x08\xa7\xb6\xd6\x1a\xc2M0\xe4\x85\x0b~y\xd8\xb6!\x12iD"\xc3\xcb\xee\xf8\xd7=\x06\xaa\xdd\xf80\\\x975\xdbZ\xadV3\x07/B\x86\xa4\x7f\x01\xd2r\xc6\x9a\xc0\xa7-`e\xe5\xe5\xe4\x15\'\xc3\x93\xfd"\x8dt[\xa3\x11Y\ra\x96zq\x1d=\x90\x9d\x9d\xa0R\xb4\xa8\xac"\xcd6\xe6\xea\x9f\xb4Y\xc7\x92\xc5P\x98\x11X\xaf\xbe\xa4qcy\xb3\xf2\xf2\x9a\x92\xe1\x9f~h_jW\xb5\x1b\xc6\xc6T\xc9d^emi\'L\t\xb3xZ\xedbe\xa9T\xaa\xb0\x01b\x9d4\x84\xbdcc\xe0\x02\x96\x17X\x1b\x19\x1c\xdebI}\xc0\x9a\xba\x05\xac,\xb9\xfc\xd1?&gt;\x1c,\xc7\x87\x15\x0c\x06\x83L&amp;\x13\x1ba\x9c\xc2]\xbe\xb6\xa8R\x98\x93\x97\x97\xcbP\x0c\x0f\xeb\xe3\xfaa\xc8V\x96j,\xe9w&lt;2.I\xa5\x91\xe3^&lt;X\xcf1VV\x0e\xc3\xf1\xe7\xef\x7f\xfd\xf7\xe1\xee\xb4Z\xef\xaa\x10\n\x85\x1d\xc42\x99\x19\x1d=\xb2\xa2l2R\r\xbb\\\xc0\xfa%\x0e7\xae\xe1-\x95*\xcb\xef7\x1aG\xa4\xd2\xd5O8\\O\x81u\xba6e\xcc\xcd\x13VV\xff\xf2\xfd\xaf\x87\x87\xcbq=z\x93\xce\xcf\xef(k\x96a\'\xa2\xac\x90\x98_\x9c\xc7B]A\xe2\xf1\xe5\xe5x|++\x8b\xc5\x92\xdf\x02\x96v\xf5=\x0e,\xc2\xdf?\xb6\xad5\xdcbU\x95\xc98\x95\xf1\xc3\xc3\x8f?F"m\x93\xb6p\xb2\x89\\X\x94Z\xd9A,N\xb60\xc7\xef\xbf\xe5\xb5\xb5AF\x9e\x7f\xf8p0\xbe\x95\x9b\x9b\xcbj1\x1am\xd2\xfd\xe7x\xdcN\x81u\xaak0\xba\xca\x9a\x9b\x9b\x0b\xf5\x07?\xb6\xad\xb9\xbb\xba\xb4\r\xfb\x1akqeQ\xca&lt;\x84.5\x1cb\x15Y\x1e\xee\x9fk\x8b4\xb8\xbb,\xba\x86\x91\xd5\xee\xad-\x16:\x82\x80%\xc2\x85E\xa2}\x1a\xd1\xcdu\xbb8\xcdo\xdf^\x93O6\xac\xb9[\x7f~\xb0\xdf\xa6\xd1\x18r*\ne\x08\x05W\xad\x8e*rS\xbfF\x14\xf90\xf7\xf0\xe7\x07\xb7-\xda\x06[\x16\x0b\xde\xcaZ\xba\xc7m\xfb\xa2G\xb8\xb4E{\x1f\x91.u+\xca\x9a\xdf\x96\xffi\xfb\xb1vn\xcd\xf2\xe0\xe1\xfeO\xfd\xfdIr\x05\xba\x0c6\x03\xb7\xa3\xbc\xbc\xaa\xf8\xaf\xdb\xa2\xd5\x0fm\x0f\xff\xf9\xb0\xa4\xe4\xce\x9dmk\x13\x03\xde\xfb\x81\xa5\xd5\xfc\xf0_Z\xcd\xf7%\xb1}\x0b\xe3\xf7E/\x15\xa14\xc9\xc8f\x07A\xc9\x95+Ig\xf0h*\xdb\x10\xc2\x9d\xf8\x83\xb8\x08\xdbtD\xd3\xc2#JE\xe8\x8c\x9a\xf3b\xdf\x112\x9dr\x1a\xb3)\xe7\xa0\xd3tF/\x8ce\xa4\\96]\x053\x9a:\xdci\xa0\x97CTo:\xf5b\xe0L\x9cWwm\x07\xce_\xa0_v\x12\x11\xec\x0fk-\xd7z\x9e\xbdW3j\x8bz\x08X\x16c\xeb\x99\xe1\x8c\x9b\x8b\xbbp\xc8"\xe2R\xf2\x1597S\xaf\x87\xa2\'\xb9\x84$\x96E\xc1\x8f\x8d\xd9\x95.e*\xa5t\xba\xf6\xddt\xf1\xac\x84\xc4\xda_\xfb\xd4\x8c\x06q\xfb)\x15\xe73\x06 Z\\wN\xb3\x1d\xde\xd9\tx\xf9\xfc\x9c\x9bM\xe1\xf0x\x06\x10\xa6\x062Z\x1e\xf6rN\xa1X\x9b\x08L\xc0P\x841\x94[n\x1f\x10K\xa6\xa6&amp;\x14qo\xe5\xba\xf1\x0fQ\x01\xcb\xa2\xb4\xd4\xb1\x84\xcc_\x9f\xbd\xfa\xf8\xea\xe3\x98\xc6\x92\xcbeQ\x9e\x81wfx\x005\xcf\x03,a\x81\xe4\xf2j\x02cS+\xd0N\x19l6\xb3u@"\x99\n\xf0\xf7s\x9bG\x87\xd4&amp;`\x1d[4\x80uvv\xd6\xd6\xf9\xcb\xc6\x81Z\xc2X\xce\x8eg\xb9@\x05\xdfNR\xc6\x1bH,!\xea\x19w\xe7r9\x8d\x08\xa4i\xcf\xac\xb8\xd5\xe3\xa9cY\xf8\x9a\xcd\x8b\xebF\x17=\xb5\xe3\xfa@r,\xa3\x8b\x7f\x84\xd0\x8c\x8c\x80gv\xf4\xd0\xd9t\xb1\x9e,*\xc3w\xfbS/.\xab\x15\xc42{&lt;\x03\xd3p\x9c.\x99\x1d\x00,\x14\xb2\x18\xb0/\x11\x9bX\xc3\xc3\xd5\xd2}\xe9\xef\xa1\xc9\xe8\x14\xc8\x18\x0b\xb0\xe4r\xb1X&lt;D\xe1\xfc\x1b\x8c\xac\x01\xc8\x1e\x80\xcf\xe0@\xb4\xce\xacV+\x852\x00B\xbe\x9dM\x1f\x10\xc3pBQ\xf0?\xbd\xc6c\x11q\x9fhx\xb8\xa8\x87G\xf2\xf6\xf1q:\x85ghcu\x0e\xfb\xbb\xb0NVgg\x17\x8c\xe8\x07\x06\xf2&lt;x\xaf\x1b$\xb1\x84V\xa1U\xaf\xa7\xe8Y\xfa6q[\x1b\xa0\x8b\x81\x0b\xcc\xa2\xd1h\x04\xac\xf4ew\xa3\xb1&gt;K\xd9\xd9,\x93\xc2\xe3\x01\xd5\xc8\x08\xf9`fp\x10\xfc\xce\xfb\x1f\xa1\xb4x\x06\xdd\x87~\x1dv&amp;\xe4\x92`\xab\xa4\x85\xe4\xb08]\x9d,\xa9T\x0cV\xb6\x95\x0eX\xc7\xc4\xfdM\xe2\xe8\xb0\xd1\x15\xffY\xcfv\xbb\xb9\x14\x9e\xbe\xb3\x0b\xa8\xfa\xfb\xfb\x81L\xa7{\xaf\x83\x0crx\x1c\x1d\x98\x9e~\x96\x90\xcbd\nQT\x08n\x9b\x83u\rvu\xc9\xe5\xc0\x85\xa2t\x06\xc3(\x13\xdd\xdf\xdc\xec\xdd6\xb6\xb8:\xae\xdf\xe8\xb9\x80\xc5\xd3s\xbaF66~\xea\xff\xd0g\x03C\x08*\x0b\xfa\x02O\x8f\xd9F\xeb\\C\xa4\x99\xf6\x14\xeaX\xd8\xe0 Y\x83R\x08\x17\x93\xc68\xaec\xd9\xae\x1b\x8d5\xcaaf\xdd\xe4\r\x87\xfd\x10-\xdd{P\xa4\xa3\x90\xb8\xc4\xaaP\xb8\x8a\xd9@\xcc\xdbl6\xf9\x00\x93]\xf0\x14\x8a\x1e\xf0l\xe4\x83&amp;\xd0\xabri\x1b\x05\xb0h\xc7\xb2q\xf4\xa6\x90np\xcdw\\\xda8C$\x16\x07\xf3o@\xb4\xc0F\xdbli\x8c\x93\xe0$0\x9dm\xf4\r`\xed\xed\xbd\x05\x08i\xa9\xe4)\x16\x0bhB\x07i\x86\x7f\x1df\xb1V\x07\x98\xb4q\x9al\xdc\xd3\x0c\xac\xb4~\x88\x9b-\xacb\x80\xf5\xf6m\x1fx\xfbQ\xc0\xc2\xd2Pd\x10\xa6Q\xb0\xb1o\xf6\x0e\xaa\x9039\xa6\'\xb9\xac\x18\xf9\x18\xf5\xed\x86\xbf\x93\xa5\xa7\xb4\xb2i4\x06\xcd\x93h8V\xf7%\xc6\xa3\xfc\x85\xf5b\xb4\xef\x83\xad?\x9d\x06(l\x15rV\xc2l\xe0Y\x0f\xd4D&amp;\x97s{J(\xc9\xb5:\x08\xbc/\x0e\xfc\x9d\x9d\x1cJk;\x8d!\xf9\x8eEm8V\x9b\x10n\x86\xc9\x877^\xec\x8d\x8e~\xd0%\x12\xe0x\xd2(L\x9a,!\xad\xaa\x93\xc9dx\xc9\xbb\x1f\xdf\xcf\xb1\xefKh\xb1\xe8\xc1\xfa\xfb\xfa^l\xf8\xbb8\xfa\xd5\x01\x9a\x8c\xf1\xac\x97\x9d(\\\xdc\xb648\x89\tk\xdbP\xb1h\xd5K\xd5\x1b{o\xc0\x14\xeaxV\xc3\xfb\x0f:\xd4\xed&amp;J\xd5\xaa:\xac\xd5jCp\xady5"GI\x8e\x16\n\t\x9d\xae\xef\xc5H\x17\x96\xb8)ID2#\xb8 \xf4\xe6\xaa\xb1}\xab\xa5\xe3\x12\x13\xfe0\xc4-\nQi\xfd\xfd\x93mPo\xb5\x92\xef\x0c\xb0\xd2\xe6\xa6C\xadNj\x97\xd6\xd6b\xa1P,\x16"\x1cI\xa9_\xea\x81\xea\xfa\x0b\xcba\x9c0&gt;c,\x17W\x1b\xddN;\xae\xd3\\\xee\x10d\x919;&lt;\xecO\xdb\xd2\x94b\x11%{S?&amp;u8\xc8\x04jC1\xe0\x8a\x85\xc2\xea\xaaZ]\x95\xa20\xa2\xf5\xfd\xf0EL$n6{\xebXn7\xd6\xe0\xe1\xd3B\xbd\xb6\t\xb9\x14\xab\xbb\x002eV\x9e\xee\xd7\x8f\xbb\x8b\x03\xd8 \xe6\xf7\xcb\x1d\x9b\xa2L@D\xe6\xaf\\\xe6\xf3\xbd\xb1p2\xa9N:\xa0O\xb0\xe9\xac\x91\xce\xb6\x9b\x1b\x0f!:\x9e0N1\xb2\xc5\x83\x86\x8f\xea[\x9b\xf5\x0713Wd2\x18=\xf2t\xc2\xe3f\x97\xe4\xfe\xaa\xbcZu\x80\xd7Q(\xf8^\xafW\xe1\x82\x13W\x82f\x0e\x8f\xf5:\x1c\x9b\x04A\x9feQ&lt;\x85\x82h\xe2\xdb\xc4\xb1\xb1\x97\x8e^5x\xf6\xc0\xa8\xfe\r\xa4L{\xae\xc8\x1e\xa7\xf5\xc8\xf5\x9eL\x16\n\n\xbe~\x0eb\x89\xaf\xd8\x8f\xc7\xf7\x15|~\xd9\xe5\xac\x1f\xa5\xd7\x0e\xc5/\xd2:z3\xbf\xce\x96\nE\xb6hb\xcb.c\xf4\xacb\x97\x87\rV\xcd\xa0\xb7\x0efg\x199wf\x99\xd6#E\x8b\xe4\x83\x058\xa1\x18\xb4\x04\x80*+\xbc\xde5\xaf\x00\xbc\x8e\xcb\xb9\xe8\x04{a_\xf3\xae\x85W&amp;h=\x80%:\xfe\xb6e\x17m\x96\x12\xb6\xebF\xbf0h\xa1\xde^\xfd\xf2J\xa2\x01,\x19\xa3\xd5SdK\xc6b\xb1\x989UV\xc6\xe3e\xef\x12\xfc\x1e\xd2\x86\xcc)\x1cO\xe1J\x97\xd3\x14\x87\xbf+\xcdcZ\rQ\xf2ddu,i"\xfd\xf9\xb6\xe1N\x91\xda}\xfd\xe7\xa7W\x01\x8d\x0c\xc4p\xbb\xc7\xb3\xf9,\x90*\x97\x95\x08R.\xaf\x85?\xd6\x92d\xe8\xc2\xdb\xdb\xd1\xc8\xceN\xc4,\x80l\x9a \x99\xc1\xb0%s\xef\xc9L|\xfb\xb6\xa5!\xd2\xe9\xd1\x86\xe7\x90\xdc\xbb\xeb\xbe\xfd\xf2ulm\t\xb8\xd8h)\xd9\x9b\x82\xa0 )s(\\\xb9\xf3\xd5\xa0=@\xcb\n\x06\x83u\xae\xa8\x197-\x9c.\x98\xf0\xc8R\x86 2v\xc0\xb2\x10\xe9\xcf\x97\xb7My\x17\xd5\xf1\xf8\xe5W\xbb}b9\xcb,\x956\x97\x90\x85E\xc4\x0c\x0c;\x91J\xa5\x02\xed\x01\xf2\x184\xe38n&amp;S\x89\xef\x9aN_/\x08"\x01\x11!Z\xda\xda\xda\xca{\x89\x0b\xa0j\xca{\xce\x16j\xf7\x97\xc8\x96]#\xa3\x97\x1cZ\xbe\xf3t\xb1\x1c\x8c\x92\xcff\xcc\xa1H\xa5\x06l\x95\xbb\n@F\xa2\xb8\n\x99\x9b3-\x00Vt[\x04\xed#\x9f\xdf\xb2\x04&gt;]\x1f6mU\xb0\xe3\xe9N\xdeb\xd1\xd0\x1c\x8e\x90r\xf1tq\x0eY\xc7\x83\x80\xe4;?::\xba\xba\x82\x8f\xf3s\xdf\xdd]$\x88,\x9c.N.,\xaa\x82\xdb\x01\r_!\xc8\xe7\xedw/\x9b\xb8X\xd9\xf2\xe4k\x1e\xb8\x96\x89pH\xe9\x84\xeaY@\xcc\x15\xdf9\x00]^^\x1e\x1d\xc1uutu\xee\x8bD\x91\xd7\xaf\x9d\x88\xc9\xa92G\xed|\xa5Rp\x92\x0f|:l\xe2\xb2T\xcb\xe3\xff\x05\xb7,^KF\x1bC\\\x8b\x0b\xa7\xa7H\x14R\xe7\x032\x92\xe8\xe8\xfc\xea\xfc\xcaW\xab\x04\xcd*\xa7I%\x983\x01\xd6\x96 \x8e\x00\xd6\xd8\x9f\xcd\\\xb2\xf9[\xf7\xef\xd1\xe8\x16\x9f\xbf\x16\x02,\xe8\x9aq&lt;\x162\xc7"\x95;\x00\xf2\xc1\x81\n\x8b\x84Bfs\x19\x0f\x06q\x93S\x10\x0c\xe6\xa1\x87\x9c\x9c\xe4w\xbe4u\x85\xab\xfb\xe7w\x80\xa5\xf0\xc6\x82\x88\xc9\x85\x87\xa0+\xc0O\x08\x12y\xee\xabD\xe0Tj\xb5J\x04\xbalh\'\x82\xbb\x9c\xaa`^\xa0DT\'\xbb\xf9\x8f/\x9b\x8a\xd5\xf1\xf2\x1d\xdcj\x9f\x1f\x0c\xce\xbb\xe2\xb86\x0c\xe2/\\\xa9\x9d\xc3\x81P\x91\xf1\xba\x00\xbePL\x1b\xde\t\xa5\x10\'\x92\x12 \x88R\xb0\xab\xc2\xef\x9e6w\x81\xeb\xe9\xbb\xe7\'\xeb\xb8\xea\xe4\x8f\x19\xe8\xa5\xdad\xf2\x9e \xee}PV\x17\xbez\x12}\x17W\xbe\xa4V\x0b\xea+\x86#&amp;d\x9d\x1cM\xeb\xd3\xd3\';/\x9b\x8b\xf5\xe4?\xcfw\xd7\xd7\xe7\xe7O\x1eN*\xcd\xa0\xf8\xa4\xf7%9\xb0\\\xd5\xb1j5\xe0\xf2%A\x16\x92X.\x13\xb2\x1bw!e\xd5\xf4\xf4\xee\xd7\xa7M\xddZ\xa4&gt;\xfe\xef\xbf\xa6ww\xe7f\xe6\'\'U\xc1\x95jU\x9eH\xa7/\xe0|\x87\xaa\xd5\xaa\xe4I\xae\x8cm\xc3`4\xcd\xcd\xbb\\\x88j\xe6\x9f\xd3\x7f|}\xdcL*\xd07\xbf\x03\x96jf\xf2\xe1\xa3IUtE-\xaf\xca\xd3o/\xf6.H\xa8d\x12\xaed\x12\xec\xc6\xb3\xa9\xed@Je\x9a\x99\x9b1\xb9\xe6\xe7\xfe&gt;\xb3\x1bln\x7f \xb7\x92\x9eOO\xcf\x99\x1e=\x02\xac\xe0\x98CM.\x87T\xab\x1fW\xc8\xda\x87y-"@\x96:\xa6\x8c\x01;&gt;O\xee\xa1\x92\x0b\x9f\xffx\xb8\x1b\xfd\xb9\xc9+\x9e\xd4\'\xefv\xe7L\x93\x80\xf5P\x95\xff?/g\x1b\x93V\x9a\xc5\xf1\xa6\xe5mY\x1c\x08r!u\x1a\x0c\x08\xbbI\x07\xa1\xa2A\x98"(\x84\xa1\x81D\x1c\x05\xfb\x01u\xd1\x14\x0c\xc4\xa8\xa5J[\xab[5\x13\xb5\xc2\xb0\xa36vZ\xa7\x13\xea\x98\xa6k\x1a7}3\x1d;Z\xb3:\xb1\xce\xa4-\xb1\xed\x87a\xadQ\xe2f\xad\xb6]M\';;\xed\x87\xee9\x17\xdb\xc9n\xb2\x93y)\x1e\x91\xa8A\xf2\xe3\x7f\xfe\xcf\xb9\xcfs\xefy\xee\tW\xd7\xf1\xf7\xf2\xa5mx\x1d\xaf\x05\xe7\x81VkK\xaf\xd1\xa8uyj\xae\xa3\xa2\xb9\xb6\xdc\\\xb9B\xe1-\xba\xd2\x9e\xe4Np0\xd7\xd9*\xaf\xd7k\xb3\xe5\xb6^\xbb\xee\xe9\xfa\x14\x96\x18mn\xab\xc6j\x9d\x9c\x9c\xbc:9iu\x17\x1b]\x0e\xcfuM+\xf6\x9e*lr\x85IQ)z\xd6\x9c\xe4&gt;]\xec&lt;m\xf0\xdare6YC\xab\xa6\xa6\xff\xd6\xf1\xe3\xb7\xba\xf0"\xb0\xdb:i\xed-v\x17\xf7\xb6\xb9|\x8e\x1aM+\xbcH\x0eJ\x05MvsH\xf4dv\xdb\xb6dgq\xe40`\x91\\EC\x8e\xae\xf7&gt;\xfd\xeb\x9f?\xb9\xd3\xef\xf0\x14\xbb{k\xbbj\xa5R_\x7f\xff\xe5\x0b\x85U\xa0\xa7M\xa10\x05\x83&amp;EH\x94l\xc7c\x16\x87\x0f\xdb\xe4\xb9\x05\x052\x9b\x17\x0b\xea\xfb\xb7\xf0\xfa\xdc\'w\x1cZ\xad\xab\x96\\\x0b\xf5\xfb\x1c\x17\x8a\x10K\xa1\x90[L&amp;\x939tb)\xe9X\x94\xf4\xa9o\x15\xf2\x82#\x05r\x85\xed\xf0\xd0\x87\xe7qI}\xe7\x0e\xc8U\xe2r\xb9j?\xabu\xe0\xb9\x88!\x11\x0c\x8aA\xb3Ya1\xd9\xed\xe6\xf0\x95S\xc9\xc7J9\xd7\xa3P\xbc(\x90[\xcc\x83\r\x9a\x81\xde6\xad\xb6\xe4\xb2\x03\x9b\x0b\xc0`m%m\x03\x03\x03\x07\x0eh\xaa*Cf\xb3\xddd\xb1\x98\x9c\xceH\xfd\x97\xc9\xc7\x82\xa9\xe0\xb0L\xf1Bn\xb7\xdb\x07\xbd"\\\xdd\xb7\x0c\xc1\xbcyhh\xa8,;{h`({\xbal\x08\xc4\x02*\xb3\xdd\xacPX\x9c\xa3\xa1\xc2\xf7\xb7\x00k\xdb\xec\xd4!\xf0\xb2\xd3i7\xd9\x1aDg\n\x0b\x0b\x8b4g\xaf]+*\x12\x89\x8a4e0e(\x82\x83\x93\x172h\xb7[\xe4A\x13\x885pki\x0b\xb0\xd2\x1f\xf6\xc8\xcc\xceQ\xbb\xda\xa4\x90yaQ&amp;:\xdc\n\x85\x1f\x0e4\r\r\xd8,\xdfp\xf8\xd0\xa1\\\x9b\xd9\x8e\xdcA\x8b\xdd\x19*,\xb9\xb54\x9b|,\x98s\xb5VF\x9cv5pa\xdb5\x1c`\xf6\xef\xc7\xfex\x9b\x8c\xdc\xf7\x90\xbb\xbf@\x068~\xa7\xdf\x04\xd6\x8aT\xc1\xf2\xf6\xf9\xec\x16l\xc7h\x7fvV\x14\x8e\xd8\xd5~\xe0RT\xcar\xb1\'^n\x01\'\xc9\xb1\x80\xcaw\xbd\x83\xbf\xf9s\xfc~;\xd4R\xef\xf4\x87[\x83Ei\x7fv\xf2\x80(l\xf7\xfb\xfd\x80\xa5\xb0\xc9d\xc1` hw\xda-\x16,S\x96` `1\xf9s\x00\x0b^`+\xfa\xf8O%\xbe-\xc1j\xbe\xef(\x198hv\xd6\xe5\xd8\xcd\xa4F\x16:\x8d\xa1\xce\xf1\xab\xa9j \xc9\xa2\xd2\xe9Y@\xe5\xf4\xfb\x9dv[\xebP\x89\x94\xf0\xdd\x7f\xbas+\xb0\xa4\x04;\xbb&gt;2Z\xe7\x04c\x9b\x82\x8c,u\xd6\x0e\x94gGB#\xb5Z\x9d\x93S\x07\x967\xcbZ\xefz\x08\xbe\xd8\xf7\xcf\xad\xf0\xfc\xd3\xfb\xb5\x04\xbbO\xe35\x8f:\x9d8\xdeL(R\x0e\x10\xa9I,|\xe4\xd4\xe58\x9dHu\xc1%\x16H]\xfd\xf7\xdb\x93\xbe\xc7-\xe5\xe9\xfd\xf3\x1d&lt;\xb6\xa7\xac\xc1\x1cA.\'"!\xc8\x0fQ\x07a\xc7\xa9\xcf\x85\x93&gt;e\x13\xcf\xe5\xbb\x92\xfc\xca\x95\xf2\x8f?v4q\'|\'\xcb\x1aB\x00\x86\x08u\x89g\xc0A$\x92\xcaik(\xbaV\xf6\x9d\xabV)\xe0\x12\x0e\xcf\xb3\xa4\xcb5\xbb\xf4\x99\xb0\x89\xab\xea\xea?\tk\xaeJ(\xacu\xa3\x10@\x92x\xc6\x18u\x9a\xbd\r\xad0}\xbd\xec\x13\x1b\x9a\xb8RW\xcb\xc9$\x0fFJ\xfa\xf3+%\xa0\x96\xb2\x11\x16\x12\x03\x1aQ\x957\x14\x89DF\xff+\xcc\xa1\xca*&lt;\x12\xd5\\\xf6\x91X\x84\xd6Z\xf8\xd1R:%\xa9T\xff\x9a\xee\x15\x1a\x0c,]c\x17L\xfe\xdc\xd9\x1aQ\xbd7\x1c\x8aF"Q\xf8\xc6@&amp;Qaa\xb6\xdbs\xdb\xe5\xd3+\r\\.[k\xad\x17]9\x95\xbc\x1dn\x94\x9d\xa7N\x84\xea\x8b+\x0c\xd5\xd5\xba\xfc\xc6.\xbd\xab\xad\xd73P\xa6)&lt;s\x10O~\x87C\xe1p\x18\x8e\x92\x1a\x98L\\w{\\R\xe9\x84^\xc92\xf0\xd8\x84\xbb&gt;:\xfd\xeci\xd2\xec\xb5\xf3\xe9\x97\xf5\xd1\x83\xc5\x17o\x9e6\xb0\xf2\xf3\x1b\x1b\xc5.\xad\xcb\x05s\xad\x1aw\x0byz\x1e\xa3PS\xd6\xe2\xae\xf1\xb4i\t\xa9xbB\xc9\xe2\x02V\xf1\x99\x8d\x95\x81o\x92\xb5\x05\x892\xfb\xcdt4z\xa6Xx\xb3\xba\xba\x1cB\x87\x1d\x0eR\x9f\xcf\'\xc5\xcd3\xb0\xc2\xc8\xb6&amp;\xba+=F-\x9b\xe0qU\xaa&lt;\x15\x97\x0b\\}W\xc77\xe6_&gt;\x9fM\nWJ\xfa\xd7/\xc7\xa3\xe1\xc9&gt;\xa1\xa1\xfat\xf9\xee\xf2\xf2T\x9d\x18\x9b\xa9\xf5]]z1T~\xa3\xb1\x0f{(\x01\xcahd#\x968\x81ET\xf4\x1d\x9d\xdf\x88=\xfa\xf7\xd7I\x18\x8e\x14J\xfa\xdf\xbfz\xb4\xba1~\xf5"b\xed\xde\xbd;-\x15\xe5\x12\xeb\x1b1\xf4b\x1e\xc1gW\x181\xb4Z6\x9b\xcd\xe3\xa1X*.\x8f\xd7\x81X\xab\xb1\xf8\xf7_-\xcd\xbe\xe9\xfbFP\xd2\x9b\x9f\xbf\xfc~\x0e\xb1\xfa*\x9an"V\x82K\xac\xd7\xeb\x1b\xf3\xf3uJ\xc8\x16_H\x82\x01\x14\x9b\xcf\xe7!\x95\x8a\xc7#\x88\x8b\x88\x15\x9f\x8b?\xfa\xe8\xde\xa9co\xf0\xdc.%%\xbdyj\xf8\xc0\xfa\xdaZ\x02\x8b\xbb\x89\x95\xa6\xd3a\xf3\xa9\x18\xbbV\xb8\\%\xc9\x05A\x10$\x15\x89E\x10\x1d\xda\x8b\xe0-\xc0\x9a[\x9f&gt;;2\xf5\xf0MmN\'o\x90qcf\xffb|m-\xb6\xb12Yl\xe4*7\xb1\xf2uz\xe4R\xeat\xac&lt;\x12\x8b-\x04(\x0c\x14\x0b\xb0x\x04[\x9b\xc0\x9a\x9b[[_\x94u\xcf\xf4\xdc\xb8w\xee\xd8\xaf\xbe1\x03\x05\xaf^\xdc\x1b\xee\x19[\x96\'\xb06\xce\\\x05,\xb2\x8d\x06{h\xf4\xba\x04\x972\x8f\xcb\x15\xf0\x85\x15\xa0\x95\x94\xa4"\xd5\x12`S/`M\xae"V|Q\xbe\x1c\xdcu\xe4\xdb\x91)\x00\xa3\xfc\xca\xec\x9d\x9b\x1a\xe9,\x90d,\xcbW\x00+\xbe\x01Y4\xf2\x0c\xa7\xcb\xcb\xd3\xd2R\xf3!\x89 \x17\x8f\x07\xe3M \x10\n+*^a\x11\x13\xbc\t\x9eJ\xf0\nk\x1e\xb1\xe6b+\x81eNV\xd0\xb4kf\x04L\xf6\x8bo\xb2\xb1\t5\xb3+P\x1aXN`\x91\x9e7\xf2\r\xa7\xf7\xa4b\xe8tJ\xa0\xe2\x0b\x85\xfcLdB,\xdc\x80!\x9d\x90N\xf0 \xf8|\xbe\x16\x16\xb8\x17q \x02V|1@cRij\x86\xa4\xfbH\xcf\x8d\x87\xcd\xbf\xc4\xfd\x94\x14\xbcC\xc6p\xcf\x8c$\x10\x08\x94\xfe-cY\x11\x8e\xadA\x16W\xc7\xb3\xbfc\x1b\x1e\x9f\xde\xb3\x87\x85\\,%W \xac\xb8t\xe9(\xc6\xa5\x8a\n !\xbd5!\x16sy\x1d\xe7\xa5l\xcfm\xe3\xe7_\xc4csks\xf1\x95\x85 \x93I\xa7R\x19\x0c\x06\xad\xfbH\xe70\xba\xffg\x16\x0cP\n,\xd59&amp;\xe1\xd0\x98\xaf\xb1\xe66\xb1n\x1b\x1e\'\xa8RS7\xb1\x8enb\t\x81\x8a\xff\x1aK\xd8\xd4\xc16\x02\xd6\xa3X\x8c\xcc\xe1`\x90F\xa3#\x15\x9d\xc1dJ\xc6:G\xee5\xff\xaca\tU\xea\xe1\x8d\xe1\x9en&amp;\x93\xc3\x84(-\xfdK\xc6r0&lt;\x1e_\x9b\x8bm\xd4kP\xad={R1\x8f,\x18\x81\xaf\xd5\xbaDbAY\xe5\x13&lt;\xa4\x82\xe4\n\x7f\xc0\x8a\x03\x96\x85A\xa7\xd2\x19(\x18\x8d\xc1\x94H\xba\xc1d?\xbd^\xec&lt;\xd6\xfe\xe4\xc6\xc8\xcc\x98\x04\xac\xc0\xa4\xd1\x984\xfa\xef2\x96\x97_T.\xae\xc7\xe3\xab\x1b\xe1\xbb\xb7\t\xc3\xe3jR,\xdc/\xa6B.\x00\x03(\xa4\xe2\xa3\xa3p\x10\x00\xd5\xe7\x80\xc5\xbe\xcd\xfeb&gt;\x16\x8b\xc7\xd7\xc7\xc3\x80\x05\x0b#:u\xc7\x0e:\xe4\x91\xc3a\x06\xba;G\xa6\xc0\xfd?\xa9 \x9c\x83\x82\x00P4\x94\x8aAe0i\xd4\xb722\x96_\xd8\x16\xe7\xe7c\xabQ\xc0\x9a\xa8\xae~\x80X\xac\xbc&lt;x\xc0 \xcc\x14bd\n3\xf9\xa4\xd1\x0584y\x99B\x01b\xb1\xb5G\xc7Wc\xeb\xeb\xf3\x8b\x0b\x16\xc8\x1f\x83J\x06\x1d\x7f\x84O\xcdyg\x86\xac\x17?\xea\xfeW\x05a\xac[\xc2\x84OCcP\xb3\xb2\x18L\xc6\x8e\xdf\x7f\x90\x91!\x91/,.\xaeD#\xa1\xbb&gt;=\xeb\x01\x8bT\x8b\xc4"\x8f\xc7\xc8\x01L\x02\x08~\xa6\x80\x0b\x7f\x12df\x02.\x9f\xd0\xb6YW6V\xc6\x17\x17\x17\x06-\xc8\x95\xf0&lt;\xbc1\x95\x94,\x91\xca\x1f\xab\xb0);\xd3\xdb\xcfM\xa1P\xa4\xa388j\xe8t\x1a\x93\xae\xfem\xc6\xf6\x0cI`paa\xd0&lt;j\xd6\xf8t\xac\x07`\xac4\x1c\x88y,\x16V\xd2\x04\x17\x04@\x01\x8ej/\xd4\xacL\x0c6\xa1\xfd\xf8`4\x1a]\x80 \xa9H\xbfs\xe0\xa3n\nF\x93p8\x92#=\xff\xa7\x90Q0{\xedO\x86;g@)\t\xc9\x85\xef\x00\xc6\xa2\xc1\xfat;d\x94\xc9\xd8WZZ\xba\xaf.R\xe4kL\xfd\xc3nr\xdffZ*\x0b\xc86\xe5"\xeb\x14P\t\xb1\xa1r\xaf \x13\xc1\xf8\x84\xd4q \x1c\x89\x98\x07\x07K\xf7\x01H\x10\xbc\x9e\xb0\xd5v\x0e#\x91Jp\x89\xa4{\x0c\xcd\x7f\xec\x7foLEy\x95\xbd\x99\xb1\x0f\x80\x1e&gt;\x0c\x03\xb1h\x90}\x90[\xad\xe6p\xe0\xff\xb3\xb2\xe8\xbfy\x8b\x91\x13\x119\xf2\xcb\xdf}\xf7m\xec&lt;}\x1b\xf7\xea\xa3\xe9!uP\x19\x90J\x08\x12\xedU\xed\x15\xc0\x97*S\xa5\x9a\xf0\xfd\xa7\x8b3\x8ci\xe3&gt;\xc38w\xa7\xbb\xf3q\xd3\xd5W\xa2\xf5\x14\xd7\x19\x8d\xd9\x9d6\xad\xb1\xbc-*%\nD\x9a\x9d\xb3\xbdi\x04\xc9\xb8\xccTQ\x1co\x95\xe0fiI\x07\xfd2)\xb42Z\x08,k\xa6\x80\xfa\x81\xa2\xd5\x8b\x06\xaeD-%\x8aZQ\x91\x0f\x99D\xbe0:)\x93@\x82B&gt;\xf0\x01\x7f\xa8\x8a,\x11\t)B{\xde\xf7\x0cT{-\xc8A\xe0\xf8\xdd\xf3&gt;\xef\xf3\xff\xdb`\xff\xf5\xb7\x13\xae\x9b\xcer\xdbX\x1e\x0c\xa3\x82j\xc6\x8fQ\xe8c\xae6\x80\xfd\xeb\xff\xf6\x17\xb4\x18\x7f\xf3)Y\xaaDJ\xf1\xd7\xe3K\xe9$8\x1b\xce\xa7(\xd9dR\xd6r\xb9\x9cy=s\xf5\xa3\x0b?n\x9d\x0f\x13\xd6E\xe8\xd5\x82\x15\x99\xa8h\xef\xf0\x12\x19\x9f\xb4B#\xcf\x9f?q\xe2\xd1\xa3G\xbdc\x0f\xcb\xc9\xac\xed\xe5\x96r9\x99NH\x11\xa10\x0f;%\xe84\x1b\x06\x1d\x07\x17\xfe|\xe7\xcbO\x8e\x82\x8c\x85\xe2\xd9\xbbE\xc6\x16E\xc2\xa2\\ 6\xbeF\xd8\x1e\xddKjtjOv\x07~\xf6\xcf_\xfd\xa6\x98\n\x87Bq\xd6\xab\x93v\n\xaf0\xd6\xe5S\x97_\x87J\xe7\xcf\xbd~\xf9\xd4il\xe5\x1f]y\xff\xdeHw:\xad\xe6rKKK&gt;\x16\x85\x96\xa2\xf8\xcd$\xc9\x82\x0e\x17\x11\xb6=\xf9\xec\xcbo&gt;\xf8A#\x10&gt;x\n\xa1\x00\x05\xaa\x88\xd8&amp;\xb2\\\\\xec\xabvp\xc9pUV%\xb5rj:\x7f\xedo\x17\xcf\xce\xce\x02,N\\!p\x91`\xdf\xa7\xbd\x1fZx\xee\x1c\xc6\xf3\x95S/\xfd\xb0kp\xf0\xdf\xbf\x7f\xf3j&gt;\x93\x89\xb5/Q\xe54\x12K\x92\x03\x1c\x87\xbe\xe1A\xe6\x04\x1d\x91\x8a^7\x856&gt;_3\x14&lt;ugA\x8c\x94|*1Bj\x05\x87\xb1\xe2\x0c\xe3{U\xc2Be\x87\xa1\x17\xe4\xca\xe5\x84qw\xe2\x97\xff\xb8\x01\xac\xe2\x8d\xf8\xc5x(\x1e\x0e\xb50\x18\xb6\xa14\x89/#1\xf0\x89\xd3]7\xa7\x06\xef\xcf\xbd\x96w3\xfc(\x05Q\xe5L\xd3\x84\xf4\x12[\xbe\xc1\x15\xb0\x15H\x15,\x88\xa4G\xa9\x8dZ\xf9\x19\xf2\xfc\x93\xaf\x9f~\xba\xa0\x03Jd(*R\x8b\xc8\x0e\xb1\x88+\xdb\xac@-\x01zi\xc9\x84{\xed\xa3\x9e\x99\xd9\xc9b\x8a\xa0R\xa9\x10\x1b\x0c\\X\x07\xe9\x19\xc2-\xdfk\xe9\x1c\x1a\xeaY\x99\xba\x7fod\xc0\xed\xcf\xf8T9O\xd3T\x93\xd5W\x15\xb6/\x95\t2\xdb\xa0&amp;\xa2\x85mb\x90^\xd0e\xa1\xe9OO\xef&lt;y\xb2\xb0\xb0Pr,\x1fj\x1b7\x86\xe2\x1eR\xf61\x97$8\x90_\x10\x04I\x93\xe81\xd3\xd7\xfe\xd23;9Y\x0c\xc7\xc3\xc0\nS#\xc1\xc5\xdbAd,r\xa3\xb3\xeb\xe6\xca\xd4\xdd/\xfe\xd8\xed2\xd4\xcf\xd1?A@\nj\xb2\x04\xb5\xd4\x80\xd2|\xe8\x12\x05T\x86\xcd\xee\xd2\xa9\x8b\x94bMO\xef\xb4\x95D\xc7\x89T\x0bb)"\xea(_)\xf6&lt;@h\x01\x8bA-I0,\\X6+\x08p\xd7\xb8\x9b\xff\xb87&gt;99\x99\xe2",r~WWgg\x8b\x9ffC=\xd3Sw\xdf\xbcZv\xfb\x1b\xfd\xd3\x04\xcc\x0c\xce#S\xc8SH\x1f\x91\x19\xcea\x19\xcd\xa2\xafW\x13\x94*\xdd\xbaU\xaa\xc2W\x96\x0e\xacf\x10\x93\xab\xa8\x7f\x04E\xcb=\xb0d\xcf\xb3\xe0\x0b\x05\xbe\xb75\xcf\x0c$\xdc7\xee]\x99\x86\\\xc5"a\xd1\r\\CC\x17\xe8\x8f\xe8C\'/\\\x8c\x83\xea\xe1\x80\xebf\xfc\xfe\xa1\xf3\\\xe0QhQ\x94$\x1eG\x9f\x0b@\x05\xdc\x1cG1DQ\xc1j\x14l*\xf9U\xad\xae\xafG\n\xa4\x16R}\x9c\xb0\xb2\x94/2/&gt;p\x96\xeaY\x96\xe7c\t8\xca\xc9\xd1\xf2\xb5\xdf\r\xce\xcc\xce\xd2&lt;\xce\xb3d\x10\x0cs\x19\x0e\x9f=\x1b\xc6\x80N\x0f\xce\x8d\xe4\xdd\xfe\xfe\xeb\xd7\x97hzs\xa6\x8f\x150M\xf2\x85DX\x9c^\xd4G\xe7\xb8\xc4 \'\x19\xb0"%]l[___X\xafF\xf4m}\xbby&lt;\x8a\xa5o\x13K\x85\x8a\xb1\xc9\xc9r,\xd1\x9eH\x0b\x9e\xd9\xc0\xd2,\xc3\xd3\xcc\xe6t\xf7\xc8\xd8Tef\xf6G\xf3\xad\xad\xad\xf3D\x16\x8f\xc7\xf1\xbe8_,\xceT*\x83s\xefE3\xf4`t\xcc\xc3\xf4z\x9e\x16#\xaa\xaca\x18\xe8\x00\xfc%\xf1.\x02\x8d\xa4,u\xa8\x8f\x05\xdd\xd1\xc5F55\xa2\nX\xebU\xec\xf4\xb6\x83\xc3g\xf2\x1c\xb9+x\x00\x00\x03\xfcIDAT\xb7w\x9e=\xa3\xe5~\\\t \x97e9\x81\x82\xd9\xd1D\xdb\xb6\x05[0-\x0b\x07\xd9W\xdf\x1d{P\x99-\xd2s\xcf[;\xe8\x8f\xe8\x99\n5\xf3\xd8\xa7\xc2\xa8H\x12\r\xaffaN\x1aX\x96\xaai\xd2!\x96JJ\x19\xba\xee0\x91O\x05\x9e\x0871\xd2FX\xd5\x82\xaeo\x07\xcf\x94o?[\xdc\xd8\xad\xd5j\xd8\x1dm\x96\x13\tZ&amp;dI\x06\x96M06\x0e\x04\xa6\xca&amp;\xcf\xbc{w\xa5\x92\xe2\xd7d\xe9\x08\x81\x0b\xfd\x0c\xa5\xe8\xd9\xcb\x95\xa9\xb7\x07\xa2\xe9t{\xbb&amp;x\x02(4\x0f\xe3\x07\xa8\xacmY&amp;\xf9U\xe6\xbd\xa0\x8cvX\x96\x82(\xd5\x99(rH\xe5c\x95"U*\x18k\xbc\x9b\xa0j\xfb\x07\xa8\xfd\xda\xee\xc6\xce\x7f\xca\xe5a[\xf0\xbce\xcb:\x82\xa2\xa2\xe3X\xa2\xfb\xe1\xdd\xa9xq\x9e\x9e\xa9\x8f\x9c(b\x00\x10f\x9f?\xae&lt;x&gt;\x90\xe9O\x04$\xc9\xb2@\x05,\xe8\xa3\xd2*\x81Bv\t\xa6\xea\x97)\x10\x18%&lt;E\x80\xff\x8f\xdf\xc4\x08#\x15Pb\xf0U\xf4oq\xb7vp\xb0\xb5\xb6\xba\xb6\xb6\xb5\xb5\xffbwqgs\xd3\xb1\x97\x97\x81e\x1ccYx\xcb\xdaB\xd2\xed\xbe4vs&amp;\x15\xea\xe8\xa0\x97\xceH\xa5\xce\x16gf\x1e\xff\xf7\xdb\x0f?\xeev\x13\x89\x18R\xce$(\xa6\x02\x8cJ\xb9En\xd7\x84\x06\x95m\x99\x16\xdc\x06\x184\xd7\x82\xc5\xa8\x1c|\xd8T(Ta\xaa \xfa\xb7MRm\xd4\x0e\xb6\xb6\xd6\xd6V\xa9\x88\xec\xc5.\xb8\xaa\x05\xe2\xb2\xbf\xab\x16J\x93\x93\x99L\xfe\xd2\xfb+\x15Z\x17y\x9bs#\xde3]\xf9\xf6\xc3\x87Q\xfe\x1d\x82\x9cUT\x00\x01\xe3\x98\x04\x84\x88\xd4\x06\x95\xe2sPQ\xfaPG-\xc2t\x1c`\x15\xd8V\xa0\x8aN,n\xecC\xa9\xb5\xd1U\xbfF\xebk\xe0z\xb69l3\x95\x03,\xf3\x90\t\xe7\x8f\xc5\x12\t7\x7f\t\xf3\xd8\x00;\x19\x1f\xba\xb9\xf2`l$\x9aH\x92u\xe0%\x15\x08r;\x91\x91\x95\xc8S$\x9b\xc6\\\xa6I\x04\x06`\x80c2\x171\x91v\xbeZ\x84\xa5\x8c\xa3\x81\x1b\xfb\x045\xda\xc7P}\xab}}\xf5\xfa\xd6~\x8d\xee\xaf4\xb3V\x86\xaf\x17\x980_\x1a6&lt;\xe9D\xa6{d\xee\xc1t\x85\x02\xab\xe3d\xd7`\xef\xfd\xe7o\xb9\xed\x8a\x835\x8aR\x1d\xdbQ\x16\x0c\xdf\xc0\xc9.7t\xc3:$\xf8\x18\x16a\x81\xcb\xa0\x1bt"s\xc1\xf2"7QDX\xdd^\xac5\xa8FW\xb9\x8b}}\xccu\xf0bc\x07`Y\xdbf\xdb\x13\x16\x83\x91c\x10\x1e\xe9(qM\x87\xc2\xf3\xa1\x9f^\xb9?w\xe9\'n;%\x1bV\x05;)\'\xc9L\x9a\xaf\x95\xca9\xaa\xb1\xe5MV\xcb&lt;\xea \xcb\xc4:\xe9~@@-\x94HT\x1bh\xe0\xa8_u\xc05joo\xef\x05\xdf\xc1\xa3\xe9\xc6\xcf\xb2|\xb5\x1aN\x96\x02\x81\x04q\xad\xd0\xee\xe6\xc4;\xf7\xde\x9b\xe8\xcf\xa8\x96\x07/.\xe3\n(\nbLB\x18\xb4+E\x07%\x15\xf3\xc9X\x0c\xe3\xf8N\xf7G\xd1\xd7\x8a\xb1\xa8\x82\xd1&lt;k\xc5Lkuz\xdfw\x08V\x07Wmcg\xa2\x9c\x15H\x03\x83g^`\xa6\\\x8e\x05\x8b\xbe\xf5\xbc\x17}&lt;\xfd\x8b\xb7\xaf\xbanB\x96\x98\xcaZ\xb6\xd5\xacL\xfaPP\tf\xc0\xa4;\xae\x18bhi\x98\xf8\x84eR.\xfb\x93W8L\x08\x0e.Q\xf7\xb1\xf4\xe1\xfc\xb5\x1a\x9b\x1d`\xf5\xbd\xfaw\xc4\xea\x83\xc5\xc0\xc5\x82\x81\x0b\xa7Q\x04\xbaf\xa6jp\xa5\xa3o|\xd5;=\xf5\xce\xaf\x07&amp;\xfe\xee\xa6U\x8d\xb1\x96=\x81\xa7O\x86\x99\x90\xc6\xd47\\\r\xfb\x9b2\x15;/K5\r\x9d\x13\x01[\xd0\x88x\x9c[:O\xa2.\x0e\x97\xffP;8\xd2\xaa^g\xa5\xea\xc7d{\xd4\xc9\r\xe2\x12\xb0c\xe3\x94\xd0\x00E\\\x92&amp;\x07\xd2\xd8O|5\xf7\x05\xedC3i\xc5\x84\xa6D\xc5\xadC\x1ah\xaa?\x89*\x89lq\x80\x9a\xfc\x7f\xf0\x96\xa3s\x039\xd9\t\x87\x94\xd3\xd1\xd4\xff\x01\xde\x87Jje\t*\x90\x00\x00\x00\x00IEND\xaeB`\x82'</t>
        </is>
      </c>
      <c r="M376" s="3" t="n">
        <v>45492.67722222222</v>
      </c>
    </row>
    <row r="377">
      <c r="A377" t="n">
        <v>992093</v>
      </c>
      <c r="B377" t="n">
        <v>1954</v>
      </c>
      <c r="C377" t="inlineStr">
        <is>
          <t>Lautaro Díaz</t>
        </is>
      </c>
      <c r="D377" t="inlineStr">
        <is>
          <t>L. Díaz</t>
        </is>
      </c>
      <c r="E377" t="inlineStr">
        <is>
          <t>CA</t>
        </is>
      </c>
      <c r="F377" t="inlineStr">
        <is>
          <t>ATA</t>
        </is>
      </c>
      <c r="G377" t="inlineStr">
        <is>
          <t>CA</t>
        </is>
      </c>
      <c r="H377" t="n">
        <v>181</v>
      </c>
      <c r="I377" t="n">
        <v>26</v>
      </c>
      <c r="J377" s="2" t="n">
        <v>35935</v>
      </c>
      <c r="K377" t="inlineStr">
        <is>
          <t>Right</t>
        </is>
      </c>
      <c r="L3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b7506c4a-bbfd-4b56-bd57-78d72c33f9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]\xca!\x03\x00\x00\x03\x00PLTE\xff\xff\xff\xe5\xc4\xbd\x009\xdc\x00\'\xca\x00&gt;\xe5\x008\xe1\x00[\xfe\xfd\xfe\xfd\x00;\xe3\x00&gt;\xdf\x006\xd9\xe2\xc1\xba\xdb\xb4\xa9\r\x0e\t\xe0\xbe\xb6\xfb\xc0\xb2\x00/\xd3\x00E\xe8\x00`\xfd\xfd\xd2\xca\xfe\xff\xff\xd5\xae\xa2\xfd\xc8\xbe\xfd\xcb\xc2\xfb\xc5\xba\xe8\xc8\xc0\x00$\xc4\x13\x14\x0e\x01A\xe3\x006\xdf\x001\xd7\xf9\xbd\xae\xde\xac\x9e\xef\xb6\xae\xfa\xfc\xfa\xe3\xb0\xa3\x01@\xe8\xcb\xa1\x94\xdb\xb8\xb0\xfd\xcf\xc6\xfc\xc3\xb5\x00g\xfe\xff\xff\xfe\x003\xdc\x00V\xfd\x19\x1a\x15\xda\xa8\x98\xeb\xb6\xaa\xe7\xb3\xa6\xce\xa6\x99\xd2\xa7\x9b\xd7\xb1\xa7\x00N\xfb\x00R\xf3\xe0\xb9\xaf\xf5\xfa\xf7\x00K\xee\xe9\xac\xa1\x00*\xd0\xc9\x9a\x8e\xea\xcb\xc3\xde\xbb\xb3kSC\x08\t\x06\xcc\x9f\x87\xc3\x98\x8a\xf6\xba\xaa\xf4\xc3\xba\xed\xce\xc6\xd6\xb4\xac**%\xf4\xbf\xb6\xe1\xb5\xa9\x01-\xcd\xd7\xa7\x91\x84k^\xf2\xb6\xa6\xf3\xba\xb2\x00\x1f\xbd\xad\x7ff\x00\x18\xb3\xd2\xa2\x8b\xf3\xc9\xbf\xeb\xb1\x9c\xef\xb3\xa0\xec\xbf\xb5\x00X\xf7\xe2\xa7\x90\xd8\x98\x86 !\x1c\xc5\x94\x82s[I\xfd\xd6\xce\xd2\xa0\x94\xd0\xab\xa0\xbc\x94\x87\xec\xc5\xbb\xbf\x8f}\xb8\x89q\x89dQF?8\xa3zj\x8bqdOD=\xbd\x8cu\xe7\xad\x95\xc1\x9d\x92\x81]L\xe2\xef\xf6\\OE\xc0\x83mI8,\x95sc\xd0\x92}\xc8\x91{\xec\xb2\xa7\xe7\xc1\xb8C1%\x03\x04\x03@93\xaa\x87w\x9b}m\x016\xd341+\xa2v_UHB\xe2\xa0\x96\xd3\x98\x81\xe8\xf2\xfa\xda\xb0\xa3\xd9\x9f\x94R?3\xe4\xac\x9d\xde\xa1\x8a\xcf\x9a\x8d\xd8\xb7\xb0%\x1d\x12\xee\xbb\xb0\xa9\x80ofM?\xeb\xf5\xf4\xb6\x8f\x81\xe6\xa7\x9c\xa5\x84v\xe6\xb8\xacr^T|dY\xe4\xbc\xb2\xb1\x8a{\x9f\x80t\xdf\xa7\x9b\xb2\x84t\xf3\xf6\xf3\xe9\xbb\xb0\xd9\x97\x8d\x00B\xef\xb4\x83k\x00H\xf7\xca\x98\x83:71\xdd\xdf\xd5`I;\x90m\\8*\x1f\x00\x12\xa6\xc6\x8bu\xde\x9b\x90\x99qY{TA-$\x1acTM\xfa\xc7\xbe[B2\x93iT\xa3kS\x92xl\xee\xf6\xfb\xee\xef\xea\xa9\x8b\x7f\xadu]\xeb\xe9\xdd\xd5\xe4\xf6\x8b\xaa\xeaj\x8f\xe9\xc7\xd9\xf4\x13=\xdc+U\xde\xdd\xea\xf7\x03\x0c\x8d\xf6\xd1\xc9\xb1\xba\xb0jXO\xee\xd1\xc9\x00r\xfe\xb2\x93\x88\xb8ye\x97\xb5\xee\x95^D~iT!H\xdc\xcd\x88y\xcc\xd4\xca7`\xe1\xd0\xa5\x92\x00.\xc2&lt;k\xe7\xa4\xc0\xf0\x17M\xe5\xcckp\xc1\xc7\xbf^\x84\xe5\x99\xa5\x97\xa6\xaf\xa5\xe5\xeb\xe5MTJ\xa8ML\xe0\xd1\xc7\xce\xdf\xf5\x005\xe8\x8e\x9a\x8dkqfx\x9c\xe8\xe5\x8f\x8d\xc0\xa4\xa2\xbb\xcf\xf3Sj\xd1\xb1\xc6\xf1N\x7f\xe9zB5\xf9\xb5\xb6m\x81\xca_ceMq\xe2\x8a\x8f\x821S\xcc\xcd\xb6\xab\xc0\\_w|t\xd7\x7f~\xc0\xb7\xc4\xa2\x9d\xbe\x131\xb0\x1dK\xce\x99@&gt;\xfa\xa2\xaf\x84~\xa6\x80\x8a{Q_\xaa\x035\xc9\x0e\x19\\\xb6f`\xf5\x99\xa1\x8c\x95\xc9\x16`\xf2&lt;Mv\xbe\xce\xe3\x1a\xce\x08\xd4\x00\x00 \x00IDATx\xda\xcc\x98\xcdObi\x16\xc6\xdd\xdd\xcd\xd0,d\x84\x84\x05\x8a!\xb2\x01m\')2\xa9\xcc\x051\x81\nbn\x10\x0c\x1f\xd7\xfa\x90\x0f\x01\t\\\xc1\xc6\x8f\x88!\x13\xc0 \xb4\xa9\xae*-qr\x83|\x84\x01,\xc0(\xeb\xa1\x12\x89\xa6L\xaf\x8cJ&amp;\xd1\xa47\x95\x183\xa9m-z\xd1\x99\xf3^\xba\xe7\x1f\x98\xbaV\x9d\x08ru\xe1/\xcfy\xde\xe7\x9c\xd7\x9e\x9e\xff\xbf0q&amp;\x93Q`X\x0f\x06\xd5\xf3\xcd\x14&amp;V\x88\xc5@$\xfe\xf1\xc7\xa3k\x85\xf8[!\xe3\xf1\xc4\x19\xb18\xd7\xba\xdd\xdf\xdf\xbf;\xcf(x\xdf\x86X&lt;^\xee\xf3\xc5UG#\\ZZ\xba;\x12\x7f\x0br!G\x89s7\x9a}\x8dL&amp;\xe4(\x95k-\xc5\xb7`0L|tq\xd3\xd1\x00\x12\x87#\x94q8\xd6\xce\xe7\xf3k\xf1W\x06\xc3\x18G\x81PV+\x87#Ce\xd5\xac\xedw\xees\x19\x90\xeckY\x8c\'V\\t4V\x80\x01\xa1\x84J\xa1\x10aY\xad2\xa1\xb5ss~\xf4\x95$\xc3x\x99\xebs\xa7\x10YJ\xa8\xe4\x08\x99\x97\x8c\xf9\xe2\x00\xd8\xfe\xed\xd5\xd1\xd7\xe0\xc2\xc4\xd7\xad\xcfw\xd0;!g\t\xac\x0e\xd6\x827\xe40x\x030\x99u\xed\xf6\xfc\xe1\x05\xe3]\xb7nQ\x03\x81E\xa9\\ZR"0\xe63\x07\x11"8\xabl\xff\xea\x81\xcd\xcf\xc32\xf7\x1a\xe8\x9bR\x88\x90\x96\xbaXBF+\xe5\xefX`5\x8e\xe6\xf62\xf7\x80)\x86aG7@\xc5A\xd2\x80^K\x1cF\xa2d\xb2\n\xc6Bl\xff#\x93Y\xf7\xaf\x14\x0f\xc6\xc5\xcb\xdc[\x91\xb5\xc1\xdb\xcad1\xa9\x14\x16\x93\xc0\x94,R\xe1"|K\n\xbb\x85:\t\x8a=\x18\x17t\xd0j\xad\xc2\x11L&amp;\xa9\xa2\x90\xf2\x17\x931&lt;\x9c\x0c\x87\xa9t\xbaFA\x01\x1b0\x02_\x12\xa5,\xca\xfd\x87\x985X\xe6\xcaZ\r\xc7@\x9fp8\x86\xd7b\xf8\x84\x0f^\xb5X\x9e\xf4\x15\n\x0e\xd2G\x92\xf9\x1a&lt;\xe1T8\x0c\xea%\xab\xcb\x17,\xfb\x0bC\xfb\x8bX\xd1ZN\xc6j\xb5\x1a@U|\x8e\xb2\xc3Q\xa6S\x15\x87\xcf\xe1XHm\xcfo\xad\xb8V\\\x85\x85\xc2B\xbd\xec\xc0\x1d$^\x0b\x17\x8b\x1d\x96\xb9x&lt;0\xfb\xf9E\x07D\xaa;\x1c\xbe\x8f\x15\x07A\x04\x02\x01\x8fG5K\xdb\t\xc9\xc6\xe3\xd1\xfe\xc1\xfe\x9f%\x8f=c*\xdb\xac\xc7\x93"\\\x0b\x052\x16+vZ\x19\x1e\x8b\xa9\xc0\x83\x0c\xbdw.S\xe9\x8a\xaf\xdclDh\xda\x13\x8aZ\x12\x89\x84\xc5b\xee\xef\xd7\xc9\x87\x87\x07&amp;\xd5\xea\xe1\x91\xe1x\xdch6\xcbu\xd1`\xd0NG\x1cd&gt;\xbc|\xa5`-\xc0@*\xc5\xf5\'\r\xa7J\xa5\x1d\x8ez\xa3\xd1FLf\xaf\xd7h4\x9a\xf4j\xb5z@\xc4\x95r\xa5"\x11W$\xd2\xebMF\xaf\xd7kN$\x82\x81f\x83LS\xce\x96\x02\xc0\xc4&lt;v\xfc\x8e\xa8\x84\xc5p\xcdWo6\x03\xc1h\x02\xa8\x00I\x0fP"(\xaeT \x90r\x81M\xa4V\xebM^\xc4e6\'&gt;\x04\xca\xe9&lt;u\x00\xb9\nb\xb3!\x99X\xdcZ\x93\xc9\x92T\xacv\xda.\xa1\xee\x99\x13^\x93\xc9\x04B\x81B\\A\x1f*\x81\x14\nq\xa9\xf5F$\x98\xd7k\t\x06|yj\xf9R\xc1\\A\xd8P\xeb\xe8\xb3UV\xac\xd6|\x11{0\x81\xa0\x90V&amp;\xbd\x08\x04\xea\x13\xf0\x87\x86z\x87\xf8\xfc&gt;\x01Bc\x14\x83F2\x9d\xb4\x04\x9b\xbeX\xd8}\x01\x1b\x18\x1bX\x18v\xde\xe1\xc8\xaaT\xbd\xe9\t&amp;\xa0=`+\xc0R\x8b\xa4@\xc2\x07\xa6\xde^\xe0\x82\x8f|F4.W\xa4\x07)\x8d\xd0HK\x89\xa8P\xd5\xbb\x1c\x92\x8b\x05\xb5\x14-\x8d2\x19\xae\x10%p\x15\xc22\x1a\xcd@%\x00\x90!\x90j\x06a\x81^\x0c\x1a\x90I\x19\x87!\xaeD4\x18\xc9S\xd5\xcfG\xac\x1cFL\xd1\x92q\xaa\xe9H \xd4\xc5BG\x10\xb4\x02\xaa^T3\x88k\xa6\x17\x10\x19J\xbe\x80\x8b\x1a\xc9\x1c\xc9D\x94.\xa7\xab\x9a\x0bV\xae\xb7\x98\xe2\x86#\x0c\xfb\x90XQ\x0b\xd3B\xc8\x05.\x98\xaa\x97Qj\xa6[H2\xa0\x82~\n\xa4\xa0\x96\x1e9_g\x08\xa5\xf2E\xe1\'\xd8\xf0\xbf\xfcY\xc42\x9f\x94\xc9Z=\x12\x8aF\x91Z^\xa3W\x0f\xa1\xd0\x87\x18\x18\xa9\xfe\xc0B\xcd\x84\x07p?\xb2\x172\x98\xd9\xa0\xb2\x93\xb1\xe4\xda9\x1b\x17\x0f\xec\xe8\x8eS\xcc\x97\t\xe8a0\x01R\xa1\x10E\xb9\xc0\x07\xb1\xba4\x8c\xed\xff\xa8\xa1&gt;\xa9\x94\xe9\xa2\xde\xa4\xd3\xa9f\x1d\xe9\xaa\xec\x92\x8d\x1eb\xd7\x1da\x18\xaf\x13\x9e(`A\xb2Cb\x89\xd4\x10\xa1\x8c\xb5\x86\x98|`,\x8f:\x88\x9e\xf9}\x10\x13\xa2Ih#`y\\gT\xf2.\xc3\x06Vn?I\x91\x11\x82\x0eZ\x82\t\x13\x8a,\x94\xed\\\xb0&lt;\xf28\xbf[\xcc\xb1\xec~\x82\x98\x00\xd7\x8b\x06\xf4F\xb9.;\x9b\x02,g\x8e\x05\xac\x9e\x965Ys\x94#\x9e\xac%\x8a\xd422I\xca\x95\xc2\xc8\x81\xeaC\xb1\xd0\x8dS&amp;R\xe1\'\x0c\x15\xccJ\xa3Y7\xb6\xb5z\x16+\x82\xb9XP\xeb\n\xb0\xca.\xa2\x14b\xb0\x16\x8d\xc6\xee,D\x7f\x9c\xa1\x83\x10\x15 \x1e\x18@\xf0(\x15\xc0\xd8\x06\xf3\xa97M^\x83m{\xf5\xcc]\x94]\xb1\xa1\xd6\xa5\xac\x9a_H\xc16\x13DX\xc8]z\xbd\xa8;\xa5\x91l\x80\x02/4\x14\xd1\x03\x17\xe1\xc2h\xe4\x8a6Mq\x83mwa\xc2_\xb4\xb6\xd8P\x0ba\x95Sv;\x04\x17\x93\xa5hyP\xa3\xd3\xc8\x94\x94\x91I\xc0`1\x98h~\xa3}bxq\xd0`\xa3\x17\xce\xfc\xcb\xd6+\xde\x97_m\x00\xab\x08\x07\xd1n\x0f\x05\x83hJ\x1bM\x8b\x8b\x03\x03zf(\x02\xcd\xef\xd3\xb0\xaf\xdbD\x86J\xc4\xd5r\xb5\x93\x80\xa5S\xa5\x16\xce\xdc\xcb\x9a\x16\x1b\xa3\xfa\xc6J!\xacR0\x18D\xfb_|qdqx`@;\xade\xfc\xce\xef\x8ej\x84\xc6\x17\x08\xc6\xc7\xb5\x80%\x9a\x84uu\xc4\x18\xd7\x8dm\xafN\xf8\xf7\xd7X\xc1\xba,\x86\xf1\xb2\xcb^\n!s\xfd\xf3m&lt;\x1e\x1f\xfc\xe9\xc9\x93\xbd\xe9\xf1w\x90\n(\xe4\x87\x86f\xd0r\x03l\xe3Z\xadv\x12js\x00\x86b\xfc\xad\xdc\xb0\xbd3\xe1\xa7\x00\x8b\x05s]V\x01\x8b\xb0{J%X\x97-\x1bO7$\x92\xd1g\xcf\xfe\xfc\xe8\x87)&gt;3zz\xfbz\x11\x1a\x7fhjj\xfa\xcd\xf4\xde\xde\xde\xc8\xc8\xf0\xf0\xa2\xd1+\x97\xeb\x0c[\xab\x13x\xccy\xf1\xe5\xb1x]\xb5"v\x9a\x0e\x84B\x9e\xad\xdd\x95\x97\xc7\x87s\x87\x87\x87;\xf3\xdf}\xf7\xe2_3h."\xb6\xa1\x17o~\xf8\xdb\xb3\x93\xe3\xe3\xe3\x93\xe7\xdf\x8f\x0e\x8e\x0c\x02\x94\xce`[=#\xd7\xd9\xc0\xea\x11\xdf\xacQx!B\x13\x04\xe1*\x90&gt;&lt;\x9f\x8eQ\xcb\xcee\xf7\xc1\xeb_\xe6%\x7fz\xd1\x1d\xd5\xbdSS\x8f$\xcf~\xd9y\xfd~}}\xdd?\xb7\xb3\xb3=\xab\xd3\x19\x0c\x06\xd5!\x89\xbb;96\xd4\xba\x87\xfba\xa1I\x10e_\x05n\xaf\xf9X,L9\xd7\xd6\xdc\x07\xef\x0f\xb7\xc6F\xf7\xa6\x98mf\xea\xc5\x9b\xbf\xcc\x9f\x1c\xcf\xbd\x8f\xb9\xdd\xce}\xca\x19\xab\xa5\x1d[Y\x95A\xb5J\x92\xebwl,\x82\xd8\xbd\xd3\x8d\x17\x08"R\xa9\xb8\\\xab\x05\x07\x9eN\xe38\x1e\xab\xe5\'v^&gt;\xff\xfe\xc9\xf4;\x98\x86\xe3S\xd3OF\x9f\x1f\xbf\xdcy\x15[w\xfb\xd3\xf8\xab\xd7&gt;_\xc5\xe7\xf2\xa8\xc6^\x92\xb8\xff6\xc3\xc6\x7fJo\x96c$`9*\x91\xad]\xfb\xae\x87&amp;\x1aPp\xcb/\xa4vg7\xfa7\xc7a\xc7\xd1N\xef\xfd\xfd\xa9mv7\x15)\x14"\xf6\xd9\xb1y\x89dl\xa5^\xa9\xdb\xc6V\xceH\xff-\x1b\xff$\x11\xdf\xc4jH-_y\x97\x08\x94BY\x83a#;\xdbn\x9e\x9e\x9e6\x9av\x9bnD\x0b9\xa1\xfdiD\xbea+\x05\xe0X\x04\r:y\xbc_\xae\xfbY"I\xf9R*\x84u\xc3\x02\x15\x9c\xc4\xf5&lt;\x83\x15\xa1=\x81@Hex*\xb1\x11\x8d\xd3\n\xc3U2\x0cn\xbe\xeb\x1d\x1a\xdf\xec7DC\x01T\xa5\xacA&gt;\xd8/OD\xa3\x861\x17\xa1\xda\x9e \xdd\x17\xac\xac\x81Wn\x9c\x9c\xa0\t\x07]\n\xb4\xdbm:u\xbcs\xb8\xb3\xe2rT\x18\xb9\xb2\xf1Ih\xa2`\xf3\xad%\x04\xbfm\x9c\xd6\xcb\xae\x95\xad\xb1\xc7\xd9h4\x94U\xd9\xe8\xec\xd6\x04\xee\xcf\xb1rOl\xad\x93\xa4\x83\x88\x94=\xa5v\xb3\xd1\xf4Q\xc5\xce\xb2?_\x9e\xf54\x80\xcb\x1e2\xeb\xe1\x12$\x18\x96o\x84\xda`9\xd7\xc2+\xbf\xdby0\x97"\xda\xa5\xac*K\xdb\xb6\xe7\xd2\xb7G\xac\xa8u\xeeg\xb0"\x9e@\xfb\xb4R;\xc8\xd7\xee~\xbb\x7f}\\\xa7m\x00\x19\x08YLR~\x9f\xf6\xaf\xf2\xa7t\xa3I\xb7\x9b;\xf9\xdb\xdf&gt;9\xf3\xb8/\xd2\x04,\xfb\xec\xca\xdc\xc1\xa7\x0c\x1bb\xf1r\xefq\xc0"\x08{\xa0\xf91\x9c?9\xac\xd4\xc2\xa7\'9\xc9\xaf\x81Q[\xa0\xfd\xc1b\x82\x85K\x1d\xef\x8f\x96B\x1b\x81_\x9f\x9e\x97?\xae\xe1\x95\xfb\x93X:\x122\x18l\xb6\xd4\x19\xc9\x0e\x16\x96\xb9\xc7\xc93\x82\xa6\xed\x81F\xa5\xb2+\x99_(7"\xff\xf9\xf7\xa3\x7f|\xb0\xc4\xa3\xff\xa5\xd5|~\xd3F\xd38\x9e9q\x98h{)-{\xaa\x1d\x8b\xdd\x8a\x83\xedP\xa9\x91Ee\x85ZZ,~\xa8J6\x08\x042?B!\x0c(\x19\x08\xad\nZ\xea*\xae\x83\x04\x08\xf3#`\x82Ue\x13V!Y1\xd9*i\xaf\xd3\x1d%jD5\x97\xac\xda*\x91fD/\x9d\xc3h2\xb9\xecj\x0e\xede\x1f\'\xbb\xff\x81\xf3\x00\x06\xc1\x81\x8f\xbe\xcf\xf3&gt;\xef\xf3}\xe5\x85\xcd\x9e\x13f\x19\xa7\xe8y\xf2\x15\xe1=\xe3WN\x82\xb0\x14\xb6~\xf9%\xba\xfdz\x13\xba\xbc\xaf\x1a\xf3\xff\xaa}\x7f\xd0\x99L\xba\xd5\xb7e\xfa\xf0\x19l\xd5j\xf1\xccZ\xc3\xc1\xa0\xd5\x88\xcb\xb8\x8c Hza\xd0\xa3\xd4\xc1]\\\xf6\x8a\x84(\xca\xf0\xa5\xd5\x1aN\x8cr\xe1\x17\x07\x9bO\xa6&amp;\xd7\xb2\x0e\xff\x0f\x9a{W\xd3\xd8\xea\xea\xd8\xc4[\xba\x9c\x9c\x8d\xfb&amp;a\xf9\x1f\x1c\xf8\x1693\x8e#\xf0\xff\xb8yms\xe0\xed}u\x17f?\xca\xb3\xbc,b\x18\xa6r\xe9\xf5f=\x9e\x1e&lt;I?\x81]\x11\xfa\xd6;\xad\xb1tc\'v\xfc\xce\xee;\xba\x1c\x99\rO\xd9\xc1(n.,\x0c`\xbaY\x96E\x96\xc5\xd76\xd3^\xafB\xa9\xd3\xfb\x9f=\x9e\xe5\x9e \x92\xa4(\xf3=\x01vi\xaf,{&lt;\xd0Ug\x0f\x0f_\xa9X&amp;-\xb1^.\x0e&lt;&lt;\x89\xcf\xd2;q\xdf\x94\x1dB\x10\x96\xed\x1e\x91,\x16;\xb5Q\x0e\xa0\xbc\xde\x1e\xa5\x9e\xbe\xcdH\x92\xc4\xf3\x12a\xb3\xb9\x8b\xa4(zd\x92$1\x8cE\xec\xe1nn}l\xfd\x8b\xef\xc6\xb4\xe32\xe9N\x8e\xb7\x17&lt;\x12\x85G\xf2\xf1E;\xa4\x0ec1v\xc5\xed\x0e\x85B\xee\x15DP\x94\x9e\xb7\xd7\x93\xd4$f$*\x03\x0f\xd2\xcdLOO\xc3\xaf\x1d\x18\x07kD\r\xb3\xfb\xf2\x93\xbf_\xe1%\xea;\x9d\x86X_\x1e\x7f&lt;\x1ex\x10$\x9f\x87\xdd\x0f\xc10\x84$:\xees\xac\x15L\x14{j(\xd2]\xb0&lt;\x19\x91\xca8Q\x14u1\xd3!\xf5\x01d\x00F\x80\xc9\x88\xb3E\xa7\xd3{\x80h\xd7%@\xadO\x9f`=!S\xf9\xfc\xb3\xc5)\x84\x04\xacb\x11\x94\x081E\x8a\xcaH\xbd\x1e\xcf\x9fc\xddtR\x92H\x11(\xd3\xb7\xd9\xa6/\x82\t\xb9Cn\x12\xb0\xc25\x86\x999:\xf6\xee\x9a4\xac\xad\xf4 -z\xed\x93\x80\x15\x9fB0\x92(\x16m\xa1\x10\xc3\xb82\x99\x0c\xc5\xabZ)\xbd\x99\x1b\xd0Ng\x00+\xe3\x02\xa7\x7f\xc3\xc6\xf4\xa7\xbfU\xc1\x0c\x8c[U+\xccB\xb5\xf1Gg\xbbZ\x0e5K\xca\x13\x8fPX\xcb\xe7\xef\xc5\x0b8F\x10E7X.\x1b\xeat\xba\x08\x89W\xa0\xe2\x15\x9eRk\xcb)A\xfdd\xae\\Q\x0f\x03o\xaa\x87&amp;\xfdk}C\xf1\x1c\x0b!\xdd6j\xa8h\x89ez\x89{Eya\xf1\xc5\x16`\t\x18If\x8a.0\xa6(\x94\x11\xa8\xe5\x1d\x0c\x00\xcby\x17,\xf4]\n\xb8\x9c\xea\xd1\xe55\xf0\xb0\xd7\x00\x0b\xec\xac\x8dD\xa6&amp;\xe3\x18f\xbbI\ry\r\x938b\x9aX\xe2\xa9\xb3c\x18HU,\x91"\xa9\x0c\x01&amp;\xf0&lt;$\xde\xbb\xb0\x90V$\xf4\x8aA=g\x13\x15\x1e\xb5\x9d\x9f\xe0\xa8N\x1b.6\x17J\xe2Sk\xb30(\xde\x98\x19RZn\x8c\xa6\x89Q\xa8\xec\x85\xb58\xb8j\x9f S\x10\x048\xfd\x0c\xeaBQJ\xf2\xc2\xb0\xaaP.\x03(t\xd3)+=\xa2\xdf7\\\x1c*\xf5\r\xe0bQ\x02C\xa6\xc2\xf1\xc5\xc5\x10C\xf1w\xc6\xb4L\xe2\xc4mU\x15&lt;\xbc\x13}\x16\xe6\xa0|`\x01\x82\xd1G3\xf0\xa7(\x96N+i\x05e\xc0S_\xef\x17E\xf8\xd5\xd6??\x9100}\x06\xb4"\x00kr6,\x1c \xd3\x19\xea\xa5\xa6{\xe2D\x8d\x82&amp;\x80M\xee\xe4\xef\x85\xad\xc2\xff\xb1\\\xea\x93\xc0\xd3=\x99+ \xb6o\xc1&amp;25\x99(bE\xc3\xf5s*\xd5\xf2\xa3D\x87D\xeck\xa50!\x88\xd3Ev\xd5\xa4-\xd6p\xc8+K\\w\xeb^\xd8\xc2\xc9&lt;\xaf\xe6\x11r\x08A\x00\x12k\x0e\x87qw\xbf\xcf\xd48\xc4\x1db\t\xdb\xf5?^\xef_cl\x8c\xaaUM\xcda\xb4\xd0\x91e\x97\x8b\x9d\xd0\x16\x0b\x1b\x9e\r\xd2\x05sw\x07\xfa|A\x96{\x92(]p\xa1\x04g\x11,):\xd9\xe4\xb0\x1afq\xf8K\x1cB\xa1\xe0\xce\xa0\xc0l\xb6\xcc\xf9\x9e\x88O\xc6\xa3\x98[\x96\t\xd7\x8a\xc6X\xe6\xa1W\x19l\xe2\xddH\xbe\xedS\x04\x9e\x17T\xc1\x08\x14\x96#)\xc4\x0f&gt;\xfe\xed\xef\x0f#Mk\xc2\x1a\xfd\xfa\x9b\x8f\x9f\x14\xaah3\xf4\r\x0c\xd4;\x85\x01\x15b\x9fl\x97:\xac\x97\xa7\x9c_\\\xd5\xb6\xb6\xbeOs$!s\xd1d\x14\xbc\xaa"\xa8!Q\xaaX(!\x1f||\x9do7w\x92\xc9H\xc9\xc2\t\xb3/\xbc$j\x03\xad\x80\x8a\xa0`\xf6"A\xadg\xed\x07B\xba7\x9c\xb9c\xd2V\xad\xa5\xb4\x0f\';\x80\x95j\xc7-\x1c\x0eS\x03`\xa9\x8b\x91\xc8\x90\xdc\xbd\x7fD\xab\xa5\xa8j\xebK\x15k|\x11!\x8a6\x06\xda\xa8\x0bUs\x08Y\xb4\xaf\xa5\x9anA&amp;$Jc,\xdd\x1f\xbc\x16h\xefx\xc9\xdfm\x87\xe1\x93\xe0\x85LJj\x8b 2\x98\\(%7\xfc\xdd\xbdl\xeb0\xe9\x8f\x04\x11\x12uA\x12aw"\x08RU\x0b\x99\xf2\x1dV`\xd6q\xd7Dm\xb1t\xba\x93\x01\x8e\xcb\x04\x16,wKa\x1f\'\x08\x05E\x91\xb1\x0b\xb5\xb8\xb5v\x84\xde(\xd3\xcf\xf7\x1c4M\xfb\xa3\x16\x84p1\xcc9\x16H\x85`5X\x88\x87A\x989n\xb3\xb2\xb6X#\xba\xdd\xef\x159\x83b\x89r#\xda\xf4qf\xa1P\x10x\xc0"`f\xe7\xda\x91\xed2M\x97\x1d\xd9\xfa\xd3\xf2\x86?\x99\xf2ql\x87\x01*\x97\x8a\xc5\xd6X|\xb2\x14A`\x90]\xa9I\'\x1a;X\xd3\t\xcc\x08D\xcdG7RUk\x81\xe3,\x16\x01\x06\x1c\xccb5Z\xef\xe5\xfd\xe5d\xd2_\xeeV\x1d\x1b\x1b\xe52\x9d,\xf9,\x88\n\xe6"X\x88\xd1\xa5qk*\x82\xb9\x8a\xb5\x0e\x86\xecj\xab\x16\xb8\x8c\xdfY\n\xdcZ\xe2g\xbf\xa3\x1a\x84O\xf0\xc4\xb1B;\x9b-\xedD\xb6\xe8H5\xda\xdd\x8a\xb6\xdb\xed\x9d\xd2\x0e\xbd\xbd\x15\xcd\x06-\xc6\xdbL\xb13\xbatkT\x1f\x18\x0f\xe6"&lt;\x8cA$\xff\xa5\xe6\x9eL7\xb1~r\xb2\x0e\xee\xa7\x91jZ-\x10\x9c`n\xa7R\xb1\xc8vdk\xa7\r\x02vX\x8cd9\xce\xd7\xcc\xefDR\xd9\xbdjV\x0fX\xb7Fo\xe9\x03\xc6ll\xaf \xa1\x19i\xe9\x12\x8e\x03A~\x9dn\xe2\xdd\\#\x15\xad\x04\x83&gt;\x0bW\x08V\x1du\x07\xf8\xffY\x1f\xe7=;\x1b:]\x9f\x87CE\x1e\xb5\xb6K\xa9\\\xce\x11\xb3\xd6j,@\xe9\x8d\x95j\xfd\xd5z\xc0b\xbc\xf5Rg\x1a\xb9\x94\xd0\xfd\xebq\xc3\x11+5+\x15\xcb\xb8\xa5\xdd-\xfb\x93\x91\xaa\xd5:8:=:==:;=\x828S\xc6\x13\xcd\\\xca\x11\x0b\xeao\x8f\xea\xf5\x81\xc0^\xb6z\xf8flb\xf7\xfd\xea\xa5\xdd\x01t\xf5\xcd|\xdd\xd1\x8dF\x9b\x15\xeb\xb8\xa5\xd4\xa0\xb7\x93\xa9j\xfe\xdf\x10\xc7\xc7\xea\xeb\xf8\xf4\x14.\x9f\xac\x89j7\x95j\x19G\xf5\xe6@"\xb1\xd7\xca\xc5\xd6\xaf\x9at&amp;\x93\xe9\xb2\xb0F\xde\xcc}\xe3w8\x1c\xd1R\xd3\x18\x8e\xc6\x92\xdb\x1f\xd58&gt;\x97\xe9\xf4\xf4\xe2\r\x00_\xbf\xee\xb6\xaa\xad\x84\xd9l\x0c\xee\xef\xb7\xb2\xad\x1f\xd7\xd5\xfb\x99F./\xd6\xe7\xe7h\xba\xdeptS\x15K%\x95\xdc*-\x0c\x06g\xc3\xcf\xff\x81\xf8\xfc\xf9\xe2mxv4x\xd6\xaef\xb3\xe3\xe3\x89D\xb6U\xadf\x9f\xff\xf6\xde4r\x99\xa1{\xff\xe3\xfd\xf9y\x7f\xbd\xeeOf\x8d\xc1n$\x8c\x89&lt;\x86e\xd0\x9f\xfe\x17\x06\x9bzu1n\xb6\xd2\n\x06\x02\x89J\xabU\xcd\xe5b?\xec^\xf2\ro\xab\xbf\xfe\xe9\xf1\xe3\xf2?\xcb\xd0U\x8d\x89\\\xd4\xc8*\n\xbe\x04}\x95\xaca\x12\x05\x9b7X\xb5\xa2\xdb\xfd \xe4\x1e\xdfO|\xf8\xb0\xbf\xf7\xbcU\xc95\x1coW/\xf9\xfe\xc0\xd5\xdf\xfez\xff\xeb\xc7\xf3t#\xd6J\x04\x9f\x03\x16.\xe0\x9c\xd5\x1aL$\xac\x95f0h1\xeb\xd9\x9a\xfb\x81\xbb\xb3\x12P\xb1\xb2\xad\xe7\xb9V\xac^\x7fu\xc9\xb7\x07^\xd5\xbd}t\x7fn\xeei\xd9\xefO\xed\xb7bU#\x86\xe0H!\xda\xed\xa6b\x0ez\xa3\xde\x88e+\x1c\xbb\xb2R\xebt\x02\xd5\xfd\x0f\xfb-\x87#\xd6h\xd4\xe7\xdf\\\xb2X:\xdd\xab\xbf&lt;\x9a{t\xbfL\x97\x1b\x8e\x06]\x1dG0\x04A\xc2\x91\xe4\xf6\xc6\xc6\xc3\x87\xf7\x9f\xd2;\xed\x02Y\xeb@#\rd\xb3\xfb\xd5F\x1d\xe2\xbf\xbc\x9caL\x1b\xe7\x19\xc7cX\xe3\x82\x8fSfq\x1fl\xd3\x8a\xd1\xdcIe\x83\xf5\xee\x843\xf5\xec\xe0\x93\xb0\x85A"0)\xd1\xec\x08;0c#j\x17\x14\x19\x8cq\xac\xe1"\xc5\x15\xc1"\x06#\x9a)\xc2c]\xd7b-"!\xc1\x84\x10\xc9\x11\x8a\x9a\x05H\xa22Mj\xb4\xa1$DJ\xa2D\x93\x06R\x14\x90\x96u\xff\xd7\xd9\x87}\\\x9b\xd8/\x06\x8e\xfb\x80~\xfc\x9f\xe7\xf9?\xcfk\xddK&amp;\xf5\xf7\x0b9\xc7\xba\x19\xb0\x04BI\xcf\xf4\xa9L&amp;\x93\x9a\x90\x85jt\xec\xf2\xf6s_\x91g&amp;{\xbb\x0f\x1e\x9a*?}f\xfcL\xbd\xd8\x15t\xcf\x8e\x853\xf1\x94\xcf\xe7\xfb[\xc5\x9e\x9cc\xb9,\xa1$\x02\x19\x1e\xf2\x85S\xc19\x99\x15\xde\xfb\xf9\x07\xe5R\xcfWC\xbd\xbd\x9fO\x7fi\x02UV\xac\xb9\xd9\xd9\xc6\xb8+\xe3\x0b\x87S\xa9o\x949W\xebw&gt;\x9b%\t\xae\x80+\x1c\xce4\xba\xfb\x9d\xf2{g\xce\x1c\xe6Ot`\x80\xf8\xe8\xd7\x93\xc8\xac\xc3\xe3\xa7\xe1\xed\xc1F`\x05\xc2a\x8f\xc7\xf7\xf8\xaf\xb9\xc6\xaaT^\xfaz\x06rY\x92\xae\xa4\xcb\xe3\xf3\xa5\x1a{\xfa\x85\xf2\x0fNO\xb5\x9d\x14\xaa\xab%\xec\x16\xcb#\x0c\xdb\xb5\x0c\xaf\xca\xf8R\x19\x02\xefr\xfd%\xe7\x8f\x81C\xad\xe1S\x16\x8b\xcd\x16@,C\x01\x97\xcfs\xf4\xf7\x89\x84\xd4*\tR\xa4\xfa$\xc3\xb3\xf5\xe5\xd5r\x10e\x99I\x85-\x9e0\xb20\x90\x0c\xdfT\xe6\x01\xab\xbf\xc3g\xa9\xb2\xb9\xc8!\x0c[\xd8\x13F\xeb\x9eX\x96\xe5\x98\xcc`\x0c\xe5[YY\x90{\x82&gt;\x0fV\x08/W \x19r_\xd8\xb3\'\xf7X\xedg;\\U:\xdb\xa76]\xad-\x19@\xea\x84\x1b\x83\xce\xfea\x89\x15X\xb9Mr\xcal\xd7\xe8D\xca\x05\xa0\x90\xcb\x93t\x85f\x86\x86/\x95V\xe6A\xad\xc9XO\xa0\xca\xf2\xa9\xae\xb6\xd6f\xb3\x04\x10\xa4x\xcfhO\xc2\x19KL\xf6\xf7\xc4\x961\xc7\xcc\xa6\xc2\x81$"\x1dr\x85B\xb6\xeea9/X\xed\x87\x12\x891O\xc0\xa6+\xe9\xab\xd5UY\xe0\xae\x991wOp\x94d\x14F\xc4\xd1\x89x\x1cJ!\xceU\x96\xe4L\xa8\xbb\xc34\x95\x1f\xac\xc9\x84\xb3\xffk\x9fkFWR\xdb\xd7\x97\xe5\ng\xc6`\x07\xbe\xb0/u\xb0\xd1=\x9bB&gt;\xa1(tU\xb6P`\xa8Q6\x99\xf2\x83\xd5\xe6t\xc6\xdcht\x9e\x19]__m\x95%\x90L\xa6\xe2\xb0sW(\xe0\xcb\x8c\xa5\xe2\xe1@\x16\xaaDg\xf1\xc4\xdd1^\xca\x13V\xa7\xe4t\x06g\x11\xb0p\x08q\xac-\xb1X,.\xb8\xa6+TeAez\\\xae\x90N\xa7#\xf1\xf5\x8d\xcd\xceI\xac\xc9t\xa14\x1f\x95\xd8\xde\xd6&amp;\xc7F19\xc7S\xc9*\x04\xb2VWb\x03\x9a\x05\xfa\x90\xef!\x8bN\x87{:K\xc6=;\xe1\xe4\xd9|\x05\xb1\xb3\xd3.\xcb\xa3n$\xf8X\x8a\x08\x96]\xb5%P\x8e\x1c\x8b\xd2\xd9t}%\xb5UI\x1f\xd2?\xb8\x0c\xd7\x98\xca\x0fV\xe7\x17\xc7e\xbb$\xc7&amp;\x00\x16\xcf\x84\xbbg\xc8\x19\xa4\xffY\xc0\xb3!\xd9\xc6\xdcn\xf7\\\x17/\xe4I\xado\xdb\x8e\x1f\xb7;e\xec\xb3\xd0\xf7\x1a\xc7R\xbe!r&gt;EG\x0e\'\x96@.r\x16\xd0\xe5K\xc5Q\x91\x13\xa3N\x16X\xab\xab\xb9\xc7\xaaT~\xdb\t,PaS\x13\x0c\x06{\xc6\xe2\x19\x0f&amp;\x9a\xde@www/&gt;\x87\x86\xfe4\x1dN\x8d\xb9\x83\xa3\xa3\xd0\xca\xc1\x0b--\xa6&lt;a\xd9\xa7$\x96\xefb\x9d\x93\xd8\xd4\x04g\xdd\xee\xf8t7\xc00\x04\xf6\x12\xac\xe9\x83\xf1\xd9\xe0\xdc\\"\xd6\xe5`\x18\x86oh\xc8\x03\xd6\x9eJ`\x11*\x81e\xdb\xda\x9c\xc3\x1d\xfd\xfd\xa3s\xfd\x88\xe6GG\xa7OM\x9f:\x88\xcd\x7f\xc7d\xcc\x19s:\x9d2\xcf0\x11\x06\xe3NK\xee\xb1J\x95\xaa\xce\xe3&amp;\xd3\xaa\xc0\x0b\xbc,K\xceD"\x01\x84\xe5e\xa73\xd1?L~\x88\xc9\x92]b\xa5)\xbb$9\x08\x16y\x02/\x0fX\x15\xcf\xda\x8f\x9b$\xde\xe1`\x1c\'%\xb6\x95u&amp;\xb0\x17\xbb\xe7x\xc6\xb2\xac\x9dme\x1c\xad\x02\xc3K\x92d\x9fZu0b\xa4\x9a)\xcfK\x10+\t\xd6\x14\xcb;D\xb3\xc8\x08B++9\x97Y\x87\xc3\xf1L4\xd3\x14e\xa4\x8d\x94\xd1\xc80\x18qV\x05\x07\xb4*\xa7\xf2\x81UZJ\xd4\x9aj\x11\x80EQfJ`%V\x96\x01\xf9\xcc\xcc\x8d\xfb5\n\xb2Tz\nC*kZ\xc5X(F"\xe5\xd5\xb9\xaeDr\x84Ly\x80o7\xb5\n\x0e\x07\x85\x15\x8d\x8a\x0e^r\xc23\x193W\x7fZS\xa71\x18T\x8a\xfar\x01X\x007RT$R\xfdIn\xd5"g\xb5\xbe\xfb\xe7w7\x13\x9dHxF\xe48\xbd\x9e\xe3h\x91\xe7\xbb$\x9e\xe5\x19Q\x7f\xfa\xf0/\xaf]\xab\xd3(\xf4\x0c\xa0pG\xcfE\xc1\xf5\xc7_\xe5T\xadRe\xc5\xe5G[\xbb\xff\x0e^\xec\x9c:Y\x1e\xa1(\xbdJE\xabT\x9c\x03\x04\xbc]\x82`\xe5?\xa9\xab\xbbV\xa72r\x82,\xad\xb2\x02Cq\x1cGQ\x9f\xfc\xb6a\xf5R\x0e\xcf\xb5y\xff\xf5\xf4j\x95e\xec\xe2\xa1/L-\xd5\x11JoTh\xf0As\x0c\xe1\x82\x8d\tB\xc4PW\xa7\xe08\x11\x95\xc8\xf3\x882M\xeb\xeb\x91[\xd5\xa6o\xce\xe7\xe6H:\x02\xb8\xf4hkm\xf7\xf3/?\xbex\xa8\xcd\xd4\x10\xa9\xd7\x8f+\x14\x9a,\x97\xc8\x93\'\x88E\x86q\x88~\x8d\x9f"W\x08"bH\x13,\x91\xe4\xfc\xe3G\xde\x9cpA\xabG\xcd\xcdkW\xcf\xfd\x19Xv"V\xbd\x1eT\x1aC\x9dA\xc11\x8c(2f3\x0c\x83\xd2\xeb)\x11\x17\xb0Z\x81\xa3\x15\xaa\xf1q\xd4E\xa4\xa1!\xfc\x87uoi.\xa0\xd2/\xb6\x9a\x9b\xd6\xb6\xfe\xf1\x9b\x8fO\x1c\xb2\x9f\xccb\xf9\tU\x9d\xc1@\x9bAb6F\xcdh\x80L\x04vff\x10S\x91\xf6\xfb\xfd\xc4+\x18f\xb5\xe1\xe8\xeeb\xfa\xfc\x9b\xce/\xa5r~c\xabi\x8d\xac\x17\xf6\xce\x13g\xed\xab\x0e\x04\x11Q\x84\x1d\x00K\xc1\x81\xca\xccq0\x0b\x87 \x10\xb1`\xa7\x0e\xca\xef?v\xcc\x9f\xc5\xe2W\xcf\xed\x0el_\x1fT\xbe\xd1\xf7t+G\xee?\xac\xd9!P;k[\x13\xed\'\xdaa\x94\xe2+\xac\xac\\\x1ac4j\xe6\xe0\xef\x1cx\xc4(\x89\xa6\x83\x17\xc7\x8f\x91\xc7\x82\x10S\xf4\x82\xd5\x9e\xdd\x9d\xa2\xed\xf5M\x92\xf8oH2\xe5\x01\xef\xfc\xc3#\xea\xa2\xb55\xed\x9au\xa7\xf0\xc5dG\xc2\x84\xda\x07\x96\xde\xaf Tu(Fs\xd4\x08\xb7@\xf3\xe1h\xdah\xe4 Q=\xb4:\xe67\x92\x94G\x8b\xea\xd9\x1d\xc0\xda\xde\x98\xff\xec\xcd\xbcG\xa2\xac\x18\xf1\xceo\x02\xab\xc6Z\xa8\xd5Z\x07\x06\xb6f;\xda\xb2\xf6@\\KA\xd4\xbaf0\x9a\xa3Q\x1aMG\xa1\xa2A\x87/(\x02"\xa5\x1f\x8c\x1c\x05\xb5\xf8\x8e,\xd6\xce\xcb[\xd7\xe7G^\x9f\xab\xb4\xe23\xaf\xf7\xf2\xfa\xe2@\x8dZ]PX\xb8Vh-(~|\xb6\xad\x05bq\x04\xe0\x15\xd65\x8d9\x8a\xb23\x184 \xc3\xa2iN\xa4\x80\xacQ\xc1YQ\x89\xa2C\xe8\xbfZL\xb0\x8e\xbc\x7f\xe5i\xda\xab\xdc\xf3:)VJ\xe2\xe7]\xba\xbeRp\xe5\xc1\xcb\xbd\xea\x9a}\x90\xabp\xa0h{\xc2\xde\n#0\xd2\x10\x07\xb6E|\xdd@G\xcdF\x82h\xd0\x18`\x1a*`q\n\\A,=\xe9\x9c\x8c\x10\xdbz{\xc0:\xb0\x0fX\xebO\x16\xbc\x95\xaf\x91\xfah\x80#D\xaa\x1b+\xe9\xcbK\xb7_\xaa\xdf\xdf\xaf\xd565\x81\xeb\x85\xbd5\xa2\xa7\x91IYm4\xc0Rp\xc8\'r\t\xed\xea\x88fF\xd1H\xc4\x02\x16\xb2\rX\xd5s;o[\xad\x03\xc5juzp&gt;\xbd\xe1\xfd\x81g\xac1)T\x10\xa8\xbb\xe9\x95\x1b\x0bw\x07\x07\x07\xe7\x17~\xa6&gt;\xf2SmSs\x93\xb6\xe0\xc6s\x81\x02\x96\x9eD\x11a\xd4\x90~c\xa6i\x12Q\xf8E\x1d\x9c\x1f%I\x1a\x93\xea\x95X\xf0\x88\xea\xe7E\xc5\x85V\xeb\x8f\xd5/\xaf\xe3\xb7\xa5\xd3K#\x07*~H\xf1\x1d\x18!J\xa5W\xdeY\xb9=8\xe8\xbd\x9f^\x7f\xa8V\xabk&gt;ljnn\xb2\xbe\xf5\xf4\x1e\n\x0eyC\x93NMLB\xa3\x8a\x92RTd\xe7\x1a\xa4VT\xa4T$\xb3\x08\x12yQ]O\xf7[\xb5\x85\xd6\x1au\xcd\xf6\x95\x8d\xbb\xe7ool\x02L\xf9\xfd\xbc\x02\xc1\x1b\x199\xbf\xb4\xb9\xb0\xf2\xee\xe2\xc6\xbcw\xf0\xee\xc2\x9d\xa2\x82w\xcb\xd4{\xd5eZ\xc2\xb5\xef\xad\xa7\xcf`\xdf\xe3\x10\xe8\x95\\\n\x8d\n\x16oF\xd6\x931\x90\x86\x8b\x89\x1c\xee+\xc4I2B\x18\xf5\xfa\xc8\xf3\xa2\x02m\x93v\x00u\xd3T\\\x84\xbft\xf3\xc9\x93\xeb\xde\x91\x8a\xefa\xafp\x84\xa5\xcb\xb7\xd3\x0b+w\xf6/&gt;\xd9\\\xf2zo\xaf\x94a\x15\x7f\xf8\x8b\xbd{\xd5\x05\xff\xe5z\x10U\xd0\xaf\x82\x08.\xbf\x81\x84\r\x1e\n\xa37\x1aiXk\x94\x82\xa5)h\x8aAf\x19Q\x97\xf7\xb6\x7fdm\xd2\x16\x96\xa9k\xb4\x85\x05EEw\xd2\xde\xfb\xb7\x16\x9f\\\x1e\x19\xf9\xff\xfem\x11\xa9\xbd\xf3#\xf7\xd7\xaf,Z\xad7n-l"\xa9\xee.\x80\xa9\xa8\xac\xac`_\xc1\x115\xa9\xc6,\xd7;\x0fh\x83\xca\x08\xa7\xca&amp;=Ir\x1a\xad\x87!\xad\xd1l&amp;\x96\x8fv\xe8\xc7\x90("\xdaT\xc4\xfcb\x7fAaS\xe1\x7f\x089\x9b\xd76\x924\x8c\xdb\xd5\x1ftU\x82\xa9\xea\xd99\xa4\xe9.vC\x93A\xb4`\x0fQO\x9a&amp;s\xf2\x0cN\x1f"\x84\xc0}\xda\x83\xff\x00\xdd\xc6\'\x9d\xb4\'3\x90\xc3\x80/\xb34\xba\xe9\x0f\xf0E\xd6\x87e\xb0A 0+\x8b\xf1\xcd\x063v\x0c\xc6d\x0f6\x03a.9\xec\xf3\xb6&lt;\x0bY\xf6\xa3\x1c\xdbJ,U\xff\xeay\x9fz\xeamp$s7\xacK\xce\xb8\xbf\xd8\xef\x9c\x9f\xc9\xf1i\xeb\xdd\xbbW\xff\xe7\xfd\xa7H\xcf\xe7\xa8^\x7f\xff\xeer\xba\xbf\x7f:\xecw\xf6\xf6:\xa7\'\x82\xfb\x1cX\\H\xdf\xadTT\xc9\xe5\xe9\xe0\xfa\x1e\xcd\xf1*\xf5\x81e&amp;\x90\xbd_\x94\'\xf6?\xe0\xb2\xbf\xfeqk{{\xf7\xcd\xd3\x97O\xe1\xb8\xb5\xdd\x8f#S"[x\xa5*=\xc11\xfc\xc5\xb4\x83\xe0\x99\r\xae\x0e\x00\xf6\xfc\x7f\xb4&lt;\xd4\xa3\xc3\xe6\xc3\xfd\xf9`\xd8\xd9\xeb\xd0\xd8\xeb\\\x9d-x\x9b\xf1rD\x8c)\xd7\xcd-\x99RL\xe8\xe0\xe4\x1e\xddq\xe9-D\x02&lt;\x05@2\xd8\xce\x8b\x1d&lt;\xd8%\xb1\x08\x8b\xfc\xf6\xcb\x87"J\r\xc3H\xec\xc2K\xcb\xb9|\x7f\x81\x9d\xd4\xbf\x1c\xa3$\x97\x97\xa7\xfd\xff&amp;\xd82\x0e\x86\xd3\xb3\xf1x\xff\xa0up~\xde\xef\x9f\xe3o3\xe6\xf3\x8cCv\xee\xb3\xc8w\xa2\xc4u\x93@h\\#e\xce\xf8\x1e\xad\xd6\xda2\xe8_\x93p\x90\x0eJ\xadQ\xcen\xa3\x1d\xa4S\xfa)\n\xbd\xf3\x9br$^!\xf2\xae6\x1e\xd7\xa8\xd8b\xda\xeat\x86\x83Yjd\xa3\xf9\xe9\x7fz\xc3\xae?&lt;G\x1e\xb4\xce\xa7\x83\xf1h&lt;\x18b\x0b\xde\x8c\x7f\xfd0\x1e/\x946|\x84 j\x080\xe60\x14\x82\xbb\xb6iY\x91\x96\xa9\x06\xd7\xc3\xd13\x8a\xab\xd7G\x08\xabU\xda\x96k;\xe5I\xbd\xb6\xba\xf5\x8c\xb0^~\x89\r\xb9\xfb\xd17\xb1\x904Mj\x17\x86~\xc4\xf29\x1b]\x1e\xec\xed\xed\r\xf7\xaf\xaf/\xf7\xf7\xfb\xf4\xeb\xfd\xff\x86F\x86\x82N\x8b\x93\xc1\xf4\xbc\xb5\x878\xb0d\xa3aX\x89od&amp;7\x08\x0b\xb3\xb4=\xb8\xc3\xa8\x0b;\x89\xac \xd2ZJf\x8dnK\xb9^\x1f5\x91\xa8x\xb4\xf6\xcdw\xdf\xad\xe1^\xa8\x0c\xd6\xad\xdd\xa7_\xa2\x84\xdb\x0f\xa3\x90J(\xdby\x91J2\xe9\x12K\xf8j~\xf5\nni\xb5\xe0\xe1V\xeb\xddOH\x8b\xcf\xc0\x0e\xae\x06\'\xb3\xf1\xe0="\n\'\xc3\t\x18\xb2F\xbd\xadT\xdb\xd3&amp;\xf72\xb2B\x9b\x98\x18R"\xea\xe6\x16\r\xa1\xa5\x16lt}\xfflm{\xeb\xe8\xf0\x90\xe4\x82\xe9wv^ \x1b\xb6\xb7p m\xbe\xc1\x1d\xc6\xea\xd6\xc3,\x0c\x88J\xab\xea\x056c\xa6!=\xa1\t\xa5\xcc\xf1\xe5\xf0\x00\\\xfd\xe1\xb0u0\xa4\xe0\xff\xccb7\x8b\xc5|\xff\x1c\xdb\xae\xd3\x9f\xce}-\x19\xf3zu\xae\xb8\xe7a\x02Or\x0e\xa8\x0c\xe6\xc0f,\xba\x17\xdd0p\x1c\x08&amp;\x84\x14\xce\xc5\xec\xd3\x93\xadgG\x87_\x1cR\xb8\x83\x8b\xee\x1d\xd1h\x81s\xf3\r\x9a\xfd\xad\x87q\xe1\xa4\x9e\x91\x06V\xdcM\xebijx($%\x0e\xd4R\x8e\xb5\xb8;;\xbb\xfb\xf0\xeb\xeclx:x\xdf\xfa\x1clvv\x8a2w\xfa\xa7\x83\x13 dm`5R\xdf\xd7\xc8\x18\x9fyB \x9f3\x19\x85E\xe8\x14\xdd\xe2"\x8a\x1c\xcbq\x82\x80*\x19Y\x16\x04k\x82\nr=\xa1\xecB\xa6\xe3\x1e\xb6y\xf8Us\xf3\xc7\xaf\x9f\xec~\x9c\x85\xa6\xc6\x8a"\xcb\xcc/\x10\xa8%WFr\t\xa6\x14w\x10\x1cQ\xa3\xf7w\x16\xde\r\xa7\xf3\xc1U\x87\xde\xe5\xefw\xac\xab\x83V\x07G\xcdx\x84L\x11\x86\x81D\xf0\x1a\xda\xe7\x06e\x0c\x9a\x19\xc4\x94\x0c\xe3\x1a\x8dn\x11h\xa3.\x1d\x0c\x142\x88\xa2\xc0\xb2\x9c\xd9\xa7\xd7_4\x9b\xcde\xa6\xaemo\xd2\xaf\xef\x7f\xf5\xd5\xfa\xe6\xdfv\xbf\x06\x95\xa3\xd3TF\x96\x13v/J\x8f\x19\xe4Q)\x18\xb0\xe0\x16%\x0c\xd9\x9842\xa5\xee\x86W7\xe3\xb3\xab\x0e\x92\xff\xb1\xbb@u\xa7\'#x\x853\x81\xc5\x08\xc2b\x8a\x95\xe7\x04\x85\xa7a\xd6\xec*\x98\x08\xcb\xb0\xd2F#\r\x02\x0b\x92Y\x90\x0c\xdfL\x12l\xabI\xbbqu\xf7\xc7\xef\xdf\xae7\xd7\xe9\xbf\x92ml\xbe\xfcm\x14\x9a"\x95:0C3,\xba\xd5jbZ\x12&amp;52#\x93\x02\xa7G\xe4\xb3\xd4\xebMz\x9e\xaf\xf8\xdd\xd5\xc1t~rs\xda\x7f\xf7\xd8W\xa3{i\x03Fb\r\xd2\xab\x03\xc6\x07\x16\x97ur\x15N\x1a\xd6\xadU\xab\xd5\xdaR.\xcdD\xe6y\x12\\\x18\x0e\xb19\xa6i}x\x00\xd6\x11\xba\x9a\xad?\x7f\xffv\x83\xb0\x9a\xeb\xeb\xbf\\;!e\x89\x0e\xf0\x940\xd0\xb1m\xd7l;\xe6:A\x9f\x0b4\xa6L\xa8\xa8\t\xab!\x94o\x8e\xa7{\xad\xe9\x1c6\x1f.=6\x162\x93\x0c^\x17,\xab72\xe68^C\xf0\xcc\x0b\xa2\xd4k\x18\x17P\t\xb3%E\xad\xdb\xad\x15\x86d\x88\xd34\x8dJ\xc1\xc0d9\xbec^\x8cn\xbfi~{xt\xf4\xed\xc6\x9f\xden\xfc\xb0A\xde\xfa\x04[\x05\x81\xd6\x1aO\nC\'M}\xb7\x16\xa8\xd8\xae\x9aN\x01\x7f\xa1\x98\xd2\x15k?b\x00\x00\x03\xd3IDAT\x17\xda\x0c\x8c\xded\xd2\xd0\xcaW\xd1h\xd0\xdf\xebO\xef(&lt;_\xfd\xf4jE\xc0P\x19\x0fY*\xd2z\xaf\x8e\x1a2\xa3\xd1f\xb0@&amp;2\x01\xf1!\x96\xcd\r\x93$\xd3\x19\x12\x8b9Q\x00,p\x05\xa5`&amp;&gt;\x82\x0f\x0f\xcf\x0e1P\xc1\r\x98\xeb\xf5\xfd\xf5\x08\xff\x18\x95\xee3!\x16\xf2W\xc65+U\xb0C\x11[\x14\x19\x06:\xb7\xd44uc2\xe9e\xd8\x97L\xf2\xf9\xb4E\r\xd5\x1c\x07\xe0\xbb\x15\xd4\xabQ\xe7\xa6\x10\xdc\xe8\xf5\x10\x0f\x8c\xc9z\x8a\x13\x1f^cE\x91\x10V"\x19\xfa\x1a[I\xc4\x82\x8eP\x94$\x0e\xa9\x90Ai~hF\x82\xfd|\xf8\x17(\xb6\xd5\\_\xbd\xbf\x9d]\x98NDT\xa6\x13\x02+H\xb5\x90\x1c\x9a\xe7\xb6]\xc5D\xb1/\x938k\xb4\xfd0\xb4\xea\x93\xc9\xc4\xe3\xca\xf7\xa5P\x8b\x9b\xf7\x08\x85\x83\xd3\x9b\xf9&gt;\xb0\x8c\x1e\xcc\xd4\xe6\xa21\xa9\x03\n\x15\x0f\x0c\xf8\xc7TqW[\xa0\xb2];\xa1/9cBh\x8b1?\xaeT\xdc\xa4t\x17\r\x13\x7fB8\xec\xf6\xe7\xa3\xc3\xe6\x93\xfbO\xd7\x802-\xa2\xa2\x1f\x82:\n\x98\x16"\xf3\xed\xe5\xa8\xe5\xb9\x1d\x17\x85\x84\x18q\x11\xa6\xa8b\xaf\xad\xb8\xaf\r\x91$\x8b\x9bi\x7f\xefU\xebt\x80""&gt;\x85ns\xd9\xebe\x82%q\r\x9a\xc3\x06\xb9]\x0bz%\xd6r\xb8\x89\x16\x91\x00\x9a\x05\xaa\xbcR\x89\x03V\x16\xd0,\xc1\x1c\xe7b4\xbb}\xb8=\x99Y$\x10\xf6iIm\x11 "J\x90%\x93\xdc\xa5\x89b!0w\xb7\xc0a\x92t\x0b\xe5Q\x15#\x9c%\x86\xc7\x12\x15.\xe6\x97\xe8aZ+\x9aT"\xc3C4iV\x8e+y\x92\xe3\xf5\xae]\xed\x1aF\xd8\xad=R\xd9\xb9\xc6\x92\x19\x0f\x02 \xe5*\xae\xb8\n\xce\xa1-\xe9\x94\x16+\xdd\x86\xd05\x1dN\x8f\x03\xda\x80f\t\x9d$\xc8(\x98R\xfb&gt;,_\x85\xea\x19\xaf\x92Ua`U\xad\xb4{Y\x91$&gt;B\x0c\rl\xa2p*-\x90\x13+\xed\xb4\xd7Ke\x864\xe8\xa5\x85{|\\\xc1U\x13z}\xadk\x99\x88\x1b\xe8d\x93%T*\x84\xe5\xe3\x1an\xe586s\xa0\x85\xb0\xbeS\x06\x052\x0cI\x8e)\xc3\x10\x9fV\xc9\xbb\xd400s,T9t\x8abZ\x17\x06\xab\xdaI\xb2\xcc\x1c\xd3C(ZY\x8c\xb5\xbb\x89\xa9\x8cz\x1b+\xf0\xb9\x15\xaa\xf9\x8a\xacO&lt;!%B\x94\xd7p\xc5\x8a\x8d\xae\xca\x10\x10\xab\xd6\r\x91\x83\xbf\xd70\xd6\xc2a\xccLT\x02\xee\x8a\xebVb0\xc0\xd7\x94`\xc0@\n\x90:\xcbo\x1c\n\x02\x13PQ\x81\x19+n\xae|-\xb4J\x08\x89\xee\n\xec\x12\x0b\x89\x13\xa1\x0f+\x92\xbc\x8a\x0b\'\xa1hx\x98\x1f&gt;TI\xb8\x92\xf5&amp;\x08R.=ty\x15\xf7\xd8\xad\xc2\xe1\xf0\x01me\x9cYtgQ\x0e\x0eg\xf9~\x10\xe6\xee\x12\xcb\x8d\x01\x10"\x13#\xb8\xdbz\xac\x98IF#6\xa74\x16~\x90/\x9f\x9d\x87\xe4z\x81P\xc5\xf2r\xa2\x02W(\xc3Z\xac\xb5R\xddj\xe5\xf8\xf88\x0e\r:\x87\x18\xb6\xa4rV\xea\x93\xba\x8502@\x95c\x12\x97\xca\x1f;1a\xc9^\x86-\x98\xab\x84\xee.\xa4\xd0\xdc\x0ckv\x05\xeb\x87\xf5\xf28\x01\x17J\x86\xbb\xbf\xb0\x8c0\xc7\xf9\x17\x1c\x06\xceL\x14#\x8c+K\xaeX\xc1\x98B\x07\xb1\x9dC2\xbb\x1a\x03\xcb\xaa{\x08\xeb\xd0,\x12R\xeb\xb8\x12[\r\x1c{\\J\xc2\x9a\xf4\x1c\xad\xb9F\xa7\xee\xb2\x9c\xaeH\xaf\xa2\xcfZ\xd4k\x14x\xa0t\x90\xe7$\xad2\x13ln*4\x89U\xc9K]\xfe9A`r&lt;\xa8\t\xac\xee\xc0.\x83\x86\x170\xa0\x04\x98\x04MM\x059\x045a\x81\xcb$\x07\xaa!\x80\xee\x02\'\tY`^7Q\xe1\x98\x0bi\x02\x98\xb2\t\x1d\xd4\x14\x94\x11\x10\x00\xd5\x8f\\V@\xdf\x02\x00=\x08r\x86r\xe4\xb6\xd6\x00\x00\x00\x00IEND\xaeB`\x82'</t>
        </is>
      </c>
      <c r="M377" s="3" t="n">
        <v>45492.67731481481</v>
      </c>
    </row>
    <row r="378">
      <c r="A378" t="n">
        <v>992512</v>
      </c>
      <c r="B378" t="n">
        <v>1980</v>
      </c>
      <c r="C378" t="inlineStr">
        <is>
          <t>Ewerton</t>
        </is>
      </c>
      <c r="D378" t="inlineStr">
        <is>
          <t>Ewerton</t>
        </is>
      </c>
      <c r="E378" t="inlineStr">
        <is>
          <t>LD</t>
        </is>
      </c>
      <c r="F378" t="inlineStr">
        <is>
          <t>LAT</t>
        </is>
      </c>
      <c r="G378" t="inlineStr">
        <is>
          <t>LD</t>
        </is>
      </c>
      <c r="H378" t="n">
        <v>171</v>
      </c>
      <c r="I378" t="n">
        <v>14</v>
      </c>
      <c r="J378" s="2" t="n">
        <v>36809</v>
      </c>
      <c r="K378" t="inlineStr">
        <is>
          <t>Right</t>
        </is>
      </c>
      <c r="L37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a65bb01-08d7-42c9-9773-146b4f91c5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7f`7\x00\x00\x03\x00PLTE\xff\xff\xff\xc3\x7fe\x08\x01\x00\r\x0c\x0c\x06\x06\x06\t\t\n\xfb\xfc\xfb\x00\x00\x00\xfe\xfe\xfe\x03\x03\x03\xee\xf0\xf5*\x0b\x03\x10\x0f\x11 \x08\x02\xc7\x85k\x00(\t\x10\x03\x012\x10\x05D$\x17&lt;\x15\x07\xc2{^C\x1c\r\x04\xb7\x8b\xcc\x88moF7\x18\x05\x02\x010\x0e\xc9\x82euM&gt;\xb4pW\xbdvZ\x02\xb3c\x18\x18\x1a\x00"\x06\xbdz_O#\x11\xce\x8ev\xd6\x9a\x84\x04\xb8h\x14\x14\x15h=-\xb6w^\xdd\xa1\x8cL-!6\x1b\x11\xafiM\x8c\\H]&lt;2}Q?\xbd~f\x06\xbeo\x04\xa9\x82\x95V;\n\xb9\x90\x02\x9f}wTH\xbasV\xbd\x83o\xd4\x93|\xa7kTC\xd6\xa6\xa0^E\xacoW\x83D+7\xd2\xa4W,\x1cv=\'\xb4cF\xf6\xf6\xf7T4)\xcb\x92\x80\x1e\x12\x10\xb6lP\x8bM3\xc3\x89u\xb9yd\xd8\xa4\x94zb]lMD\xe8\xa9\x93\x00\x16\x04\xf1\xf5\xf5)\x13\r\x04\xb1\x87\xb1t]\xd9\x8aj\x07\xab_\xce\x9a\x8aeD:7#\x1d\xe1\x93z_5%\xe8\x99{\xd5\xd9\xe8\x01:\x14\xdd\x90r\x9fZ=\x80XH%%&amp;\x1d\xaen\xe9\xe9\xe9\x1e\x1f \xa7fKqXR\xe9\xa0\x86?*$\x02\x92]\xe1\xee\xef)\x1c\x19[&amp;\x10\xd4\x85d\x82^RL\x18\x07\x04\xc1\x8cxF3645s5\x1b\x90cR\x9e\x86\x82\xf0\xef\xef\xabaE\x10\xbfv\xcb\xd1\xe5\xca}`\x9ciT\xb5~j\x96N51,,\x90of\x9b~w\x06\x9bQ\x85jd\xde\x9b\x82\x86dZ\xa9t]\x11\xb7ni3\x1b\x07\xa2Z\x02I#e+\x13\xa0nZ\xa8P3\x05\x95u\'\xcc\x9d\xd2\xd3\xd3\x13\xafh\x17\xc1\x95\x06\xb0\x8f\xc8xY\x04h6\x07?\x1d\xbf\xca\xde\x85TA\x00h\x1e\x07S)\x05\x81M\xbf\x8f}\xdb\xdb\xda\xe1\xe2\xe3A@C\x80&lt;"\x95B&amp;\xad[=\x06\xbe\x97\x04\x9cf\x05\\0\xcd\xc8\xc8\xa0K/\\E@P&lt;7\xe4\xaf\xa2\x99wl\x94i\\\x9deNE4/\xaczg\x00Y\x14\xed\xc0\xb2\x03pA\xc1mQ\x94`K\x01\x88\\\x05\x90M\xac\x91\x8bQ\xd9\xad\x8fvr\xfe\xff\xffPQS\x01H\x11\xd6\xe1\xe9\xab\x88}\xf3\xa7\x89\xb0\x87qRC@qqt\x95\x93\x95 \xb6w\xad\xe2\xd4\xb1\xbb\xd7\xf3\xb6\x9f\x02P\x1b`be}~\x80\xbb\xb9\xbb\xbc\x98\x8c\xeb\xd1\xca\x12\xa3_\xa2vc\xb1\xaa\xab\xc7\xa4\x97\xd7\xa9\xa0`VK/\xba\x97\xa0\xab\xc6\x9c\xa2\xa1\x03z&gt;\x8f\xdf\xc8\xb1\xb6\xb4\x00x*\xc2\xc2\xc5\xb3\x9f\x9a\x0f\xc8|8\xaahk\xcf\xb7v\x97\x91\x8f\xc6\xba\xdcxx \xc1}\x04\x88:\x8b\x85^\x12\xd4\x87{("\xd0\x80u\xce\xb9\xb5\x1b\xa8\x85\x88\x89\x8b\xed\xe4\xe1\xd3edm\x90bV\xa5j\xcb\xf3\xe4m\xb0\xa5c\x11\r\x90\x9c\xb2U\x7ffP\xc9\xae6eN#hFK\xc0\x9c\xc1YQ"u`)\x92c\x91\xa2pD\x88\x84V\xa3\x8a5\xa8\x7fbI\xf6\x8f\x00\x00 \x00IDATx\xda\xc4\x98\xdfK\x1b\xe9\x1a\xc7;\xce;I\x06\xc7\xa0UQ\xb1#CL\x18\xa3f\xe3@\xa0\x8ebD\xcd/\xf3kI\x08$\xa176d\x0cBJ\x17GM\xa0\x8dY\xb1\xbb\x08V\xc8\x85\x17\xbd\xd0$\xf5B-K\xedE\x0bK6\xb0`r\x95X\xd8\xfe\x00A&lt;\xff\xc0\xc1\x7f\xe2&lt;\xef\xc4\x9es\xf6\xdc\x1e\xc6&gt;\x99\x99dr\x93\x0f\xdf\xe7\xfb|\xdfys\xef\xde\xff]:\x9d\x06\x1f\x1aG&amp;sxu||]H:\x1c\xf0\xcd\xbd\xefY: \xc2\x14\x8eL\xb2p|\xdd\xbc\xa97\xeb\x9f.\x0e3\x9a\xef\xc7\x05?\x8c\x994\x87W\x17\x17\x87\x17\xb5z\xb3Q\x83WI\x96\x1b\x97\xc7\x0e\r\x80}\x1f*\r i2\xc9\xe4u\xb3\xdahV\xe5\x12\x1c\xa5|\x89\x93\xa4|\xe3\xe6:\x99q|\x17\xae?t\x9a\xcc!\x98\xe9\x02\x88\xe4\x92\x94\xe0\xe0`8\x86g\x18\x8e\x97k\x97\x17\x87\xa1\x10\xc6\xd6\xddm\xff\xa0I\x0e\xc7u\xbd\x06\x02%8\x8e\xe7xD!\n\xa0(\x92\xe1\xb9D\xb5\xd6\xac\x17\x92\xa0X(s\x87`@\x95\x84\xee\x1d\xd7\xaa S\x02\xc3P\x0c\x83\x10\xa2H\x8a\xe7)\x92\xa4\xf9|\xa9T\xab\x7f\xba.\x14\x0bw\xc8\xe5\xd0$/n&gt;]\x81T2\x05\x8dC\x88\xe1\x10\x02 -\xbe\xa3\x10\x83@\xb2\x04\'Wk\x8d\xe6\xf5\xe1]yL\xa7s$\x8b\x9f\xaar&gt;\xcfs\x1c\x00P4E\x914\xe2\x19-\\(\x9e&amp;\x11Ea\xe1(J\x92J\xd5\xab\x90Cs\'X0~\xc5\xc2M5A2\x0c\x0f\x8dC$\x80\x90\x00\x82\xb4Z-\xa2\xe1\x03E"D#\x9a\xa6\xc1r\xf2e1sGX\xa1\xe2E\xad\xda\xf2\x13\x05\n\xe1\xfe\x01\x1e\x03\x9fi\x8a\xd6B\x13\x19\x12\xa0\xe0\x0e\xbe\x95\x1a\x9f\x92w\xd2F\xb0\xfbUC\xe2\xe1w\x11/A\x07\x11MR4\xcd0p\xe1\x95\x0b\xcdq\x14\xc6\xc2zQ\xa8qYp\xa8\xcf\x85s\xfd\xb0)\'\x18\x12\xc4\xa18\xc8*\xe8 4\x10wPK+\x07\t\xac\xa0\x15~\xf1\x14%\x97\x9a\xc7E\xb5\xed\x05P\xc9B#/\xf1\x0c\x07Rp\x10\x9e\x98\x81\xc6\x18\x98\x05\xcc\xa5x\n\xee\xa0\xb0\xd1\xa0\x8f\\\xf5\xf2\xd0\xa1\xee\x12\xa9\xc3\xd1 q\x1cd9\xb8\x1a\xc7:\x87\x14\x1fi)\x89\xc7\x82a.\xac\x13\xd2bV\x12[\x1fq\xa5Ku\xd3\x0b\x16\x9cb\xbd\x9a\xc0\x91\x89u`\x10\xb6\x14\xa2\x15\x1e\x86Q\xde\xb4t\xebV\xdbr}\x8b\xb4TPS.\x1d\x0c\xe1U#\xcf3HR\x86\x8d\xc2A\x80\xb4-_A\xb8\xa3[B\xa4\xfdV\x98\x0bN\xee\xa6\xa8\xa2^ V\xa1\tK n\x1e\xfei\x98?\x8cBQ\x98\x04\xa16%\xbaZn\xff{Q\x89\xda\xb1zziB\x85\xba,A\xb63$\xa3\x88E\x93\xe9\xb4;\xc1\xf3$\xc9\x0c\x84\xc3+\xf7\xc3\x1d\x03\x9dm\x8a@@H\x7f\x13\x0c\xfbK\xba\n\xa9&amp;\x97&amp;yYJH$\x0f\x11\x00\x96\x82`p\xc7\x9dc\xc3\x8f\xee\xc7\x9ds#\x8b\x8b\x8bK\xb3\xe5\xf9\xb5\'\xc3\xed\x1dm\xff\xa3\x18\x0e\xb0F\xc6\xa1S\xab\x87\x85\x86\x94`ng\x1fl\xdf1\xb6\xba:\xbb\xb9d[:ZXX8\xda\xdb;9y]^[\xdb}\xf2S\x17\x90\xd1\x7f\xe7\x92\x0bI\x8dJI\x1a\xba\x94\xb9\x84D\xf1\xd0@X\t\xdd\xdd;\x9b\x18\xe7h\xefdoOa\x82*\xb7\xb8~\xean\x1f\xa0Z\x01{;\x96T\xad\xa8N\x17u\x8eb#\x91\x87\x81\x03&amp;\x92#\xc7\xd76\x17\xde{\xb0H{\xb7T\n\xd7\xeb\xd7\xb7\\]\xed\x1d\x9d\xff\xd1\x0bQ\xf2\xb5J\xe6\xd2\x14J\xad\x9c\xc2\xaezd\xc3\x9d\xcb\x1eA\x01\xda\xc9\xc9\xc9-\x94"XK\xafvp\xd9\xbf\xb1\x90T\xcf\xa8\xa3\x96\xe6"\x0f@\xb0\x00\xd2(&lt;\x9f\xcdb*8\x17&lt;\x8a\xaf\xf6\x96\x14\xcd\xf0\t\x06\xdb\x1d\xc6rA}\x13\x8cF\xf0\x88\xa3S\x85Js)+L4\x1a_\\8Z\xb0,[,\xacy\xd2\xe3y\x8f\xe1\xb0v\x0b\x96\x85l\xf6his\xb6\xbcv+WW\xd7@\xcb^4U=VG-M\xa6\x9eG8=\xe9\xf1% `\xed\x11\xb3(\xf4\xec\x0fy&lt;\xa0\x97\xc5\xe2\x01H\x8b\xc5\x92]:\xc2X;O@.\xa5:ZXd\xf5"\xa4\x8aZ\xa1k\x99\xc1-Da\x18@\x8f9\x12\xf1\x1dx\xf5}z\xc1\xc7z@2`\x82\xb7\xec2\x06\xdb\x9c\xc5\xb6\x1f\xee\xedVj\xa0\xc5U-\xa8byM\xf1\x06\x1e\xac\xe0\x89\x94\x9c\x07\xa9\xcc\xacY\xf4z\x8d.x\xe9\xf5\x86\xa1!\xd0\xec\xfd\xfb\xf7\x93\x1e\xcb$\xe8\x06\\\xf3\x80u\x1fWoow\x1b\x8e0TM\xaa\x81\x05\xf1P\x82\x08\x85Q\xec]\xf0\xb0&gt;\x9fO\xf0z]\xd1h\xd4d2\xf6\r\x12\xc4\x10;\xd4\xb3\xdf349\xc9z\xd8\xa1,`\xed\xcc\xcd\x8d9\x9dV\xe7\xd8\xd8\\\x18\xdb\x8b.\xa9\x84U\x809d8r`\xde\xc3\n@%b\xaa/~\xbf\x7f\xca\xa8\'\x0c\x06\xc2@\x10\x02a`\xed\xf6e{viv~~\xe4\x915\x16\x0c\xa6bN\xeb\xd8\x00\xce\xd5DA\x8d\xb5\x1a\xe2\x81\xa7)Fbz\xb3 \x96A \xfa\x8cQ`\xfa\xf2\xc5\x1f5z\x05\xc1\x00%\x10\x82\x10\x89D\xa6\x97g\x96\xca\xf3###\xb1T*\x98\n\x04c\xd6ql.\xfeB\x15\xb5tu\xbc\x93 \xd3#\x16\x96\x15\x80\xca\xebr\xf9\xb1X~p\x17\xa1\x17\x0cf\x01J\x8cD\xc4\x08\xbbl[\x04,\x10+\x95\nl\xa7\x1e\xc6\xe6:qB\\fT\xc1\xbaDxo\x93^e#f\xc10\xd8gta\xb5\xfc\xd1\xe8\x94\xb1\x8f zX\xd6\'\x08z\xaf/\'\xe6|l\xd66\xbb\xdao\xc5\\\x01\\176W3\xa9J\x13k\xb0\x85\xe6\xb8\xf1\x0f\x11\xb3\x8f \x08\x11\x9c\xe5\xf7\x9bFG\x81J\xaf\xef\x99d-\x11\x81\x10\xbd"\x94\xcfl\x99Y\\\xed\x8fa\xae\xc0\xf6\xf6V%\xb0\x82g\xb1\xaa\xc6#\x84N\xd3\xa0H)\x9f\x1e\x9b\xf6\t\x805h\xc4c8:j\x1a5\x19!"\x86 I\xa1\xb7\x18\xcb\xeb\xd5\x1b&lt;3J\x17\xad\xa7 \xd7\xf6\xc6\xc6\xf6i\'p\xc9E5\xb025x,\x95\xf2\xcew\xd0,\x82p\xb9\x94\x1e\x8e\xfa\x81l\xaaO?\xc9./O\x9b}\xa2\x0b\x82\xcc\xe5\xd2O\xce\xd8V\x81\xca\xea&lt;\x05\xac\xad\x8d\xcav\x1a\xbaXUc\xd7\xafK6H\x92O\x9c\x05s\xd0A\x18C\x97\xc9\x04H\xfe\x1fG\x81\xcb\xe8%\xcc\xd3o\xdf\x02V4\n"\xba\xbc\xe6\xcdW\xab\xfd\xb8\x8b\xd6X`\xbb\xb2\xb1Q\x89S\xb4\xb6\xa1\x8a\xe5CM\x9e\xcb\xe7\xcf~\x11\xf4\xfaA}\x9fk\nl\x85\x03\x02N\x93\xeb\xc0(\x9a\xa7g\xec\xe6\x1c\xc4E4z \xb2\xe5\x89\x89W\x13\x0f\x82\xb1\x985\x08jmT\xceH\xa4m\x84T\x99\xc4\x1bI\xca\x9f\x9d\xae\x8b\xfa\xbe\xc1\xbe&gt;\x97\xe9\xc5\x8bQ\x80\xc2\xb9\xe5\x82\xbc\xf7\n\x91\xe9i{\x0e&amp;\xf3\xc0{\x90\x9b\x9e\x98\x98x\xfc\xf8A\xd0\xea\x04\xb9\xb66~\xdf\xf8\xea&amp;\xe9\xa6:\xb9UK$\xf2o\x82/E\x02\xd6g\xa3i\xca\xe4\xff\xf2\xcf\xcf\x9f\xff\xf1\xf1\xe3\x9f\x07@\xe2\x15sf\xbb=\x17u\x19}\xf6\xe7\x1f\x1e8\xc7V\xa0\xc6\xf0\xf2\x93\x02\xb56\x02+i\xba\xa9S\'N\x13r\xde\xfa4G\x0cB\x13\x8d\xa6\x83?a\xc2\x02\x81\xafoV\x9c\xfd\x8f\xd7\xdf\x89\xe2\xbb\x9c\xdd\x1e\xf1\xea\t\xd6\xb6:\x17w+;\xc6\xb662}\x16\xac\x80Z\x95\xedS\xb2\xa6\x0e\xd6\x95,\x9f=\\\x17\x89\xc1g\x83}\x07?\x07\x02\xa9\xf3\xf3R&gt;\x9fv\x87\xc7\x9d\xfd\x13\xcf\xdf\xe5\xc4\xc8[\x08\x0f\x83eq.\xec\xe6%R\xd9_ \xc9}\x16\x00\xac\xad\xd4\x8a\xbb\xaa\xce\xf3\x16`\x9d?|N&lt;\x03,\xf1\x97\xaf\xa7\xd5RIN\xa7\x13i\xb7\xdb=\xde\xffj\xe2eN4\xdb\xdeN\xdb-\xb6\x9d.7\xa7\xfc7\x88\xf7\xb1\xb0,\x04\xf0(\x9e\xa7\xc9\x9a*\x1bE\xdd\xb1,\x07\x83/{\xf6\x9f=#\x9e\x9e\x9f\x9f\xbe\x89\x9f\xc7\xe3\xe3\xe9p8\xdc\xd1\x05\xfb\xc5\xb7\xa2\xc8\xce\xcc\xcc,\xd9v\xba;)\xea\xdb.\x91F\xe9\xd4F`kk\xebk\x9a\xbfQe\xb7\xaf+\x94\xce\x83?\xfc\xda\xb3\xbf?\xf8k\xcc\x9a\xfa\xf9\xb7\xdf\xfeZ\x7f\xb5:777\xdc\xdb;&lt;o\xb3\x1b\xbd\xe6\x19\x9bmv\xb7\xeb\xbf\xb6aZz ~\x1a\xf8\n\xebO*\xce\xd4\xd5\xf9\x13\x02\xb0\x1e\xae\xdb\x87\x00\xeb\xf1\xd3w\x1f?C\x14\x1cx\x05\xcbfygw\xb7l\x9b&amp;\xa6\\^\x8bmq\xb7\xbd\xb5\x07k\x1bh\xef\xee\xea\xe8\xec\x1c\x08\xc7S\x95\xed\xcav`\x85i\xaaB\xf5\xc7\xe1\xf9\x9b\x89\xe7\xf6\xc9\xa1\x9e\x9e\x0f\xaeQ\x7f\xd4\x04\x19e\xec\xd9?:\x99-\x97g\x97\x05#\xac\x8e\x86\x99\xd9^\x85j\xe0\xfe\xaami\xb3&lt;\x0c\x9b\xb2p&lt;\xf0{\xa0R\t\x9c\xb9\xd5\xc1\xd2\x1d\x9e\x9f&gt;~\xceNN\xf6D\xc4\xd1\x17/\xa6L\xa6\xcf\x1fE\xcf\xc2\xc9\xda\xeeZy6k0\xbe\xf8qT\x9f\x9d\xef\xc2T\x9d\x8f~X\x7f9}T\x1e\x06\xa8\xb1x\xec\xb7\xe0v%p\x9e\xae\xfd\x8bV\xf3{Il]\xe38\xd9P\x0enc\xf9\x0b\x15M\x0e\xa9`KS\x83\xc0RL\xb41\xb5\xd2\xc5\x96\x16\xe9\xd2\x83\xb9\x19r\t\xe5\x12w\xbf\xc0r+i\x0450\x17\xc2\xf1bj\xaa\x8b\xfcY!\x06\xd2\xc5\xb1\x99\x1dla\xcfH\xcd\xcc\xd5a\xba\x9a\x9b\x8a3\xe7\xa6\xbb\xb9;\xef\xb2\xe6?\xd0u%^}\xd6\xf7y\xd6\xf3|\x9f\xe7}\xdb\x84\xf5\xc5\xa5\xd4\xf5\x0f\x8b\x04\x83R\xd8\x87\xa2\xdc\xbe\xc1\x99qkv\x7f+\x1c\xde^\x8c\xf5\n|\x08\xc2]\x8d8I,z$^\xab\x9d\xea\xf7=\xb9|\xfeDn&amp;\xfc \x8ay\xf7\x9fmY\x8dP\xf7\xbe82\xc7\xbd"\x91@\x92\xf4\xa1\x02\xd1@\xc7\xc8\x92\xd9\xc9\xa73X\x8c\xf0\xb6a\x8e\x8d\xe2\xb0\xe0\xd0\xd0\xc4r\xc6\x13q\x87\\\xc1\xa0\x9d\x04\xec\x01\xb3\\X\x8a\x9f\xdb\xf3\xc1Kj\x9b\xb0\xd4g\xc7\xa3\xc3l\xd4GR\xe9;\xe6\x98\x94NP\x06 \x88\xce\x08\x1b\xd6{|\xd8\x14\xfb\xd0\xe6&amp;\xb1~\x0f\xb8\xe7\xffA\xd6y\xca\x1f\xe7\x01\x87\xcaU,\x16\xed\xb9va\xbd\x0ch\xce\x8eu\xc3Q\x14\xf3\t\x80G6)\xde\xffF\x01_\x9c\x82\x01\xf1\xc3g\x9f\xa5&gt;LZ94\xc8\x9b[\xf0\xce\xdc\xdf\x9d\x8f\x0b\x11\x8b#\xe7p\xc4\x8bmT\xeb\xa5]\xa8&lt;\xd6\x89\x04&gt;\x8c\x0c\xe16\x8bW\n\xe4\xe7\x15\xacp\x98A7&amp;\xc6\xb5\x18\x96\x04X\x1e2\x8a\xcf\x80&gt;.\x85\xc2\xc9\xb7X\x9eu\xe6\x1d\x9ax1n\xcf\x9f\xfc\xa7=X+\x1bj\x80\xc5\x16\x80 r\xfb\xf4\xb1\xb9w\x89\xearF\xb6\x10f\x85\xb7Mk=(\x96\xc4\xd2\x871\xb5\n\x8c\x13\xcfT\xc5\x1d\xdb6\x87\xe6t\x06\xed9\x12+\xbea\xcf\xe7\x8f\xda\xb4G\xaa\xaa3kk\xech\x08\xc3|`\x92\x16h\xc7G&amp;c\xdba\x8e\xd1t\xb6\xaeE1/\x0e\xa7\xc7\x86\x94)\x15\x18V\xf9\xb2\x88i+L\xa7\xd3\xcc\xc0f8\x02\xf1x\xca\x9e{\xbfK\xa5\xb6\xc5C|P+\xcf\x8e\xd3 \xb7\xbc^o\x12\xe3\xf6\x8d\xce\x1a\x0c\xa6\x88r\xe7xS\xeb\x03\xff\xe1S\xd1\xb1\x98\xb2\x94RY\x9eC\xe2\xad\x05\x0e\x8d\x02\x12\xcf\xa5!RD*N\xd8s\xf6\x15\xea\xaf/[\xdc\xad\xc9\x17\xa5\xee\xf93g\xbah\x14 \xe08\x0e\'\x81\x85\x07\xeeor`\xeeT\x9a\x04\xa0\x18\x0e\xf7\x8c\xcd.\x11D\xdc\x1e\xe4\x8bM\x86Er\x95\xc4\xe2\x98I\xb0"P\xebr\xef\xf2\xbd\xfd\xa6\xa5~\x9e\xba\xd28\xda\xed\xeaZ\xce(u\xe9\xa8\x0f\x08\x83#\xe4\x03K\xb8\xbd\xab\xbd\xe3\x05\x04\x07X&gt;\xcc\x17\x1d\x18\xca\xf0\xd4Dq\xc3\xc9\xda\x8f\xc5\xc8\xad\xf3\xd6\x96G&amp;L\x01\xac@\xee\xed\xef\x9d\xe6 \xf3\xa8\x855\x95\xfab|\x10\x9e\xf8\xd4\xa8\x0e=ayI,8I\xce\xd3Z\xb8P($1/\x1aB\xd1PsW\xe3Om\xc8i\xdb\xd9\xc3\xc3\xd9l\xd6f3E\x84\xa9x1\xa5\xc9\xf1)t9\x9dVm\xa1Z\xd4\xef\x07\x0f\x83\x05\xadd\xc2z6\x9a\x0e\x01Y0@u\x81{\xc1\x0f\x0cL\x1a\x05\x18\xf3\xfa\x00\x95/\x94\xae\xac\xdaL\xfeD\xc2\xc5X\x88Y+\xd6\xb1\xb1\xd5\xd9XD\x9d*&amp;\x08M@AgZ\xf8\xb4\x9bV\x06\xb1q\xf0\xf0*\x89\x14\x10T\xdf\x1b\r\x01]p\xa4^\xaf#$\x17x\x92\x05\x98\x0c\xa1\x17\xb4\xefh\xe5\xd0\x16\x89\xc4\x13f\x1a\xc7`M\xa7\x87I,[\xa6\x94\x00X\x1a1\x87i\x81h\xf7\xadT\xabqp\x8b\xe2\x18^O\x0e\x00\xacP\xc8wqQ/\x97\xeb\x08\x92\x04T\x18\x8c\x80\xce\xedE\n\xe5\x82\x96+:4\x94\x8a2W\x9eB_\x1c\xabT*\x03\xabC6%h\xdb\xcb\x1b\x1a\xa1q\x81\xe1\xb2\xb4\x14\xab\xeb&gt;\x9b\xc5\xea\x05\x90T\xa2&amp;\x96\x17\'\xb1\xcae\x04\xc7H+\xd1\xa3\x05\xfa\x15\x1a\r\x04`\xcd\x9a\xaa\xd7\x84\x98\xf9\xbc\x9b\x15\x1b\xaeX\x07\xe6\xf4\xca\xa5D\xb5\xb6\\\xd4\xf0"FF\xc4M\xbfi\xa9Z\xd9WX\xbd\x91D}\xeca\x80\xe5kb5\x1ae\x90T\xa1\xa8hl\x02\xf3\x02@\xa4\x80\x81\x9e\xb4\xb8\xe0!\x967\xfc\x96n\x8aXo\xb5\x0e\xcc\x9e)K\xb5\x1b0\xf9\xf8\x85*\x9e\xd1\xa3\xe2\'Z\x99[\xdfE\x15\xbc^\xbf\x88F\x07\xfbAna\xde\x8b\'\xac\xa4\x84m\x9d\xed\x97\xe2\x08\xac\xed\xe1\xfa\x04V\xbd!\xccQ0\xe4\xa9\xda\tp\x16F}3\x86\xc5\xeaM\xb5\x96 T\x10\x9f\xce"h\xf1Vb\xadp\xc7|\xe5:z0\xdb7\xcd\x0e\xa1\xde\x9fX\xb0\xb6c564!\xc5Q\xbd\xdc\xed\xef\xb1\xee/p8\x8a\xe7\xdd\x10+B\xae%!\xe3\xd0\x90-\xa2&amp;\xb1\x8a\x89\x8d\x93nP\xf4y\xc1\xf3V\x96\xf8\xef\x95,^\xc7^=\xdcv\xf4\xb3\xa3OXe \x96\xc0\x1a3L\xc3S\xec[:D\x81\\6\x06\x9d\xa6 \x8d\r\xa4h:z\x88\xb9\xb5\xb8%KU\xab5\xd0\x14\x83\x00\x0b\x92\xe7\x97[Z\xb7*Y\x04\t\xbd:\x18\x91N\xf7EAn\x01,\xc0\x85hE\xfa\xfd\xa1\x89\xa9\xc2\xccm8l\x94e\x94\x0c:\x07\xea\x86\x9c\xf3\xce\xa7\x99\x8cB\x0b\x8b=\x04\x08a\xa9D\xb8\x01\x16\x85\xe3ji\xca\xafh_!\xde\xe8X\xba\x00O\xf7\xb1\x9b)\x0f\xb8\n\xf0\x84\xcef\xda\x9c) \x88t|\xe6\xd3\xa7\x89\xc1\x089#\xf2\xddrs\xd0\xf24\'\xf2\x19Lb\xb9V\\Z"H\xb5(LUK\xeb\xd6\x8b\x02\x1bA\xd3\x15_\xb9\x89\x85\x02\xb9@\xaf\x96\x8e\xaf\x1fG\xd6@G\x84\xe1\x99\x99\x8f\x1fk\xeb\xbd\xc3z&amp;\x88\x1e\xc5\x12\xcc\xe5~rA\nG\xbc\xb4\xe4\'\x1e\xd52\xabZk\xba\x1a\x12&lt;T\ty\xcb\xd2i\xe0\xe5A\x9b\x01\x86A2\xb2\xbe\xa3T\xbe\x9b\x82\x01\xd5i"\x1e\xbfR\x9aL6\xbf\xc2B\x9e\x82Z\xf29\xf7\xe3\xb4O\xb1\xa8Rj\xb5\x90\x10\xce\x93#\xadP\xbe\xdbR\xac\xefZ\xd8\xfb#}Q.o\xf6\x02\xb5B\xa0\x01\nD\xfd\xebk\x99\xab73\xd27\xef\x80o\t\x10\x84L,\xde\xe2y\xc4`\xac~\xde\xfd\x8b%\xff\xc7\xe3m\x08\xbe\xdb%\x93\t\xfd\x1a\x0b\x85\xe6\xe4\xa9\xcc\xdf[{\x0e\x05K\x10\xac\x82^\x94\xd7G\xa3(\x1aM\xa7\xd3\xd6\x81\xc1S\xf5\xd2\xbbj\xed\n\xb8\x16\x97\x8aw\xb5\xa3\x9b\xd3\xcf\xf5\xf6\xae\xc6\x16H0J\xa7{\xbey\xd4cQ\x98=\x1e\x19\xc0\xe2{\xd4\x84\xc2\xf1\xb2\xb5\x86\xb9\xc0\xc5\x80\xf7\x0b\xf96u@\xadh\x14X\x05\xd1\x88ZXK\x9c\x7f\xd18\x88\xa5\xd2\xbb\x99\xa9\xf1\xbb\xbbht\xec0\xb6\xbf\xb8\xcdq:-\xe4m7R-\xb7[n\xf4\xc84\x1a\x0b]\x1c\xe1\xc9\x13-\xb6\xa7\r\x18\xc3..\xbc\xf8\xa8\x0e\xe4\x16\xe88\x95\xb1\x8ecf"\xf1\xe5d^~&lt;!\x9d*\x14&gt;\x8f\xdfu\xdcU\xb2\x07\x86\xdbmq\x98#\x0f\xd8\xdd\x8f;\x12\x8b\\\xee\xf1\xb8\xfc\x9a \x9d&amp;\xce\x10-\x1e3\xa8+\x85d\x92tX\x9b;"\x90[@-+\xdb\xe4(\x06~\xebT\x8cj\xef\xee\xb4S\x9fgF&amp;{{\xb3\xb7\x0f,\x1a\x1f\x0c\xb4\xcc\x8de\xc7|s\xf1\x06\xc9\xc5\x1e\x15O\xa3\xe1\xa9h\xacL\xb5\xe5\x9b\xb7\x06\x8c\x83\xaa\x80\x0f\xae\xf5\x01,\x01H\xae\xe1L1\x10\xec\x84\xd4\x93\x93\x1d\x1d\xff\x9b\xd4\x01[z\xbb\xc0\xa2\x81rO~\x7f\x90"\xa8\xe8l\xde\x01\x828b\xa3J\xe8\xe7\x19y\n1\xb1\xdb\xf2\xc9\xa7\xab\x01\xa0p\xa4c\x07\x94y.\xe0\x12\r\x8f\x96T\xf3\x9d\x14ydH\xb7\x1a\xdb\xbf}xx\x90\xc9\xc2\x0c\x1a\x03"\x9f\xf9_(Ow\r\xf8\x1c1\xd3,\xf3\xbb\x9c&lt;\xbf\xf0\xba\xf5+pjW\x19\xc3\x11|`mZ\x10\xe2r\xd3i6\xbbo\xcd\xc3TX \x88u[Z\xce\xeak\xd9\xe9\xaf\x7f\xc5o\xcf7r\xb4\x13;\xf3\xcf\xb7?\xf7\x81t\x96\x98c\x96\xa9]N\x0eq\xdf\x86\xe5)\x95\xfa\xe2^\x8bU2\xa5~\x01\xca\x15\xb0E\xc3l\xee\xe4\xe9\xd5\xce\x8e\xd0\xed\xbe\xf9\xf0\xef\xafG{\x9f\xee\xff\xf9\xaf\xeb\xc4_\xd7\x97\xf9\xc0e\xe0\xbfoAU}l\x8b\x1c\xa6B\xce\x13\x9e_\xdf\xec\xb6\xeb\xd6\xc8\xee\xa7\x9b\xaf\xc5\xe9&gt;\x94\x0b\xb8\xd8\xecP\x0fy\x1e6&gt;Y\xba&gt;\xda{\xbd\xb7w\xf4\xfa\xf5\xd1\x87\xeb\xaf\xd7\x97\x01\xfb\xa5\xfdo\x0b=\x18\xe4C\x14\n\x9d\xc1\xe1\xb0\xc42\xe1u{F\xeaG\xc1\xba\xa8\xbfV7\xfbAj\t:\xd8\x02\x01wB"\x91\xc2\xe3w\xda\xcfG\xf7\x1f\xf6\x00\xd5\xd7\x0f7\xd7\xcbq\x87\xe6\\\xa5\x92\xdb\xedr\xa7\x93\xcfg0\x98\n\x8eQ&amp;&lt;j\xeb\x9dE*\xf5\xfaj\x1a@q;\x04\x02\x81D"\xd1\xc2\x08r\xf7\xed\x1b\x86}\xfb&lt;\xf3\xe6\xe3\xc7\xea\xe9\xa9N\xa7\xff\xf1\xe3\xff\xbc\x9cmLZi\x16\xc7\x87\x02\x16\x16A\xb8\xc0\x88z5\x885HA\xc0\x19\x93\x8b\x85\xe2KJ}!%\xca\x90\x14\xd6\xa4\x11\x94\x1a2\x18\x1b\x1d\xb6%\x8b\xd5j\x05\xd3\xd2XM\xd6\xa8\xa1\xdd\x9dM\xa6\xa9Y\xdf\x92%[\xd75F\x13ML\xc6\xac}\xcb\xee\x8c\xa9\xedN\xb5\xeeL2m\'\x93n3\xdd\x0f\x9b=\xe7\xe24\xddo\xb3\xd3^\x1f\xe5\xfb/\xffs\x9es\x9e\xe7\xde\xf3\xbfG\'o\xddrh\t\x9dS\xa8\x93\xca\x11\x8bjav\xf2\x94w#\x1e\xd5\xe4\x88X\x88v\xe8\xc8\x91B\xc0:\x0c\\p\xed\xf9\xe5\xe3\xa7\x8fq=}u\xe5\xfc\xe4\xed\x07=\n\xadV\xa7\x93\xc8\xa5r\x89\xb4\xb2\xa8\x8f\xe9\xc1\xd3\xeb\xfd\xf1\xa8\x8a\xc5\x12\xe5\xb0X\x80u\xf10p]\xfc\xfa1\xdc{\x0e?~\x8a\xeb\xd5\x95\x7f~_I\xdd\xba\xe0U\xd8\x08\x9d\x0e\xa73\xa4\xf2J\xdb\x03\x86\xad\x19\xbc\xb3\xfd\x93\xd1\xa8K\x95\x93\xf3kY\xe6\xa1\xc2\x8b(\x17p}}\xf7\xee\x11\xc0z\xf5\xea\xf7\x9f~\x7fF*W\xf4LR\n\x10\x8b\xb0\x81ZR\xb9\xd6}\x83\xe9\xe9\xe1\xb3\xfd\xa1H\xc4\xaa\x91\xe5\xc9T\x99G \x8a\x85\x171\x8e\x85\xc7\xeb\xec\x7f|u\xe5S\xba\xf9\x08\xa5\xb6\xfe~\x85\x01\xc4\xd2\xda\x08\xa9\x1c\xca|+\xc3\xa9\xf5\x1e\xaf\xa1\x87\x04.Wn\x9e\xc9%:t\xe8\xe4q\xfa5\xec\xe1\x93u\xd6\xd2O\xa0\xc6g\xd1\xadG\xa0\xa5\xa8"\x9b\xae\xda\xa95\x00\x16\xa1\xb5\xfd\x8aq{\xcd\xb1?\x90\x94&gt;9u\xda\x9aku\xd5\xd5--%\x0e\x1d/\xc4\xf3sD_\xa4\xd3\xc1\xdd\x82\xc3?x@\xa2%\xdd\xb6@P\xec44\x16\xc8\tB\x1b\xb8\xcd\xf8dz\xda\xa2W\xe15\xeaC\xe6\xa8\xd5ZR\xb74\xb3\x948~\xbc\x10\xb1\x8c6\xddM\xadS,\x86{\xa2\x840\x18\x08O\xb5\xb8z\xdaF@K$\x027\x98\xc7\xba\xa5\'\x8dF\xa3&gt;i6\x9bg\x96\xe0\x0c\x9fH V]W\xa4\xa3\x914\x04\x9cp\x82\xc8\x12@R9\x83l\xae8\x00X\x04A\xd8\xae2\x8f\xb5\x1e\xa2\x14$i\xd4\xeb\xa7\xa6\xe2\x1b}\xad\xed\x8b\x8b\t\x1c2(\xeb\x8a\xc6Cd\xc0)\x84\xf3\x83\x10\x8e\xa4\xc1 t\xc5\xa0\x96\x00\xb1&lt;\x06\xe6\xb1x\xeb\x91v\x87BA\x8e\xea!\xc36Z\x1d\xad\x17\x16\xd7\x13\x89\xb2\xba\xbaD"\xb14\xe9\xd6\xea\x84\x02\x89\x8e\xf0L\x07\xd3\xe1\x14\x18\xa4\'\xcb\xb4\x8ek\x8c\xbb\x0b\xd2\xeeDP.\x05\xea\x15\x9a&lt;1=\xd1\xba\xb8\x0e\\\'O\xde\xbds2\xb1\xe4\x80\x1a*\'l\x86\x89\x00^\xcc\xf8\xd5H\x150\x9c\xb8\xc6|\x10\xefD#\xed\x14`\x91\xdePh\xb2\x7f\xbas\xb9\x0f\xb8\xd6\xef\xc0oqi\x83r\x07\x02\x01\x83ab\xba\x9b\xcb\xe1\xab\xb94\x96\xd6\xddw}\x1f\xd4\x8a\xc6\'\x91K\xe1\xf5\x86&amp;\xdb\xbb}\xdd\xf7p.\xe4\x02\xfc\xf5\xf7S\xad6O0\x18\xec\xee\xf4u*9\\\xa5\xda\x03Zim\x8e\x9e\xeb\xfb\xa0\xd6\xcc\x06\xdc\xdeIz;Nz}~\xff\xf2rkk\xeb\xcd\xbe\xbe\x13\xad\x8e\x9b7\x97\x83J\xb6Z\xd9\xa9\xf6\xf9\xd3\xb9|\xa5\x87\xf0\x10Z\x03\xd5\xf3\xed~`\x01\x97\xdeH\x92\n\xe3h\x92\x9aV\xfb:\xbb\x97\'\x02\x13\xf7n.OO{&lt;\xcb\x9d\xe9l?[\x89n7%G\xe9\x81\xae\xa8u\xb7\xef\x0b\x96\x1d\xb8Bz/\xa85\x9aTx\xba\x95~\x1fD\xad\xbb\xbb\xbb3X\xadd\xfb\xd0D\xc6V\xab\xd1\x15\xc1a\x03\x16\xc4p_\xb0\xd6\xed]]\x1bq\xbd\xd7k\x1c\x1d\xf5:&amp;\xba\x95j\xb5\xd2\xe7\x83\xa8!\x10\x1f.\xd3\x1cN:W\xad\xe6\xf3\x95\\~P\x871\xec\xefia\x1e+a/\xeb\xda\x80\xf4\xd2\xeb\xbd\xa3F\xc5r\xb7\x9f\xcd\xf6\xf9q\xb4\x9f\xcb\xa6\xedG\xdct&gt;:\xb7@3\x0e\xdb\t\x87\x08\x03\xd5\xbe\x1fXK\x9a\xae\xae\x99\x99x(\x84\x81$\xa7\xfd\x90\xdc&gt;\xe0b\xa3\x01\x90{\x90\xcbO\x99F\xd8|\xd0\xab\xda\tj\xb9\xa9\xf6&gt;\xe6\xb1\x8e\x01V\x19pE \x8c^\xa3\xc2\x10\xf0\xb3\xd3\xfd L:\xfdO\xbbX\xf8\xe9\\6\x84\x93-\x16\x02\x96\xcdMy\xfb\x19\xc7\xe25\xcch\xece\xd0\x00#!\xfd(lGr\xda\xc3\x86\x9cR\xb3\xd1\xdf\x86\xa6@\\\x1c\xda\xba\x92^-@,\x07I\xed\x83Z-Q\xc0\xaa\x83\xa4\x9f\n\xe9\x8dF\xd2m\x98Pr\xd3\xd9hpC{\x14\x00qh3\x19\x9f\xcb\x17cw\xd4\xda\xa0\x1f\xec\x83Z\xdf\xc6]\xa0\xd6R\x14\xce\x0bIHy\x88b0\x9d\x8d#H\x1c\xda\x14\x05\x82qS^(q\x96\x10\xee\xae\x84\xadH\xb1\x1fX\xd7\xe2VH\xae2\x8d5\x12J\xea\x8d\x8a"\x83\xd6\xa3d+\xa1&amp;\x1c\xa4\xfdl\\~\xca&gt;\x06T\x80\xa5#\x10\x8b\xeag\xbe\'^\x8dX]]e%]\xd1\xa89\x02\xb5^\xe1\xb6iu\xe2\x03|6\xe7Mo\x16\x1f\x876\x84B\xa7S\xa7m\x04\xacv\xe6\xb1nD\xacV;TT\x8d\xcb&lt;\xa5\xc7\xacG\xc1t\xd5\xdc\xff\xf1\x8c\x1d\xc0\x08\xa2CD^\x89X\x14\xf3\xe7\xado\xccV\x97\xc6e/\x810\x9a\xf5\xb8\x8c^8M4z\xaa\xdf\xa4\xcaB&amp;!n\xc4\xca"82R\x8c\x9fN\xd3\xbe1\xe7\xba\\\x80URb\xb7\xea\x93I\xe0\x82\xba\n\xc9_Dd\xbdA\x85\xde\x10\x81@"E,\x92\xa4\x98\xbeb\xf0\xd2\x1e\x98]\x1aP\xab\xac\xc4n\x07\xbd\xa6\x92\x91d(\x1e\x01\xb8\x8e"Bx\xe0\xb5VR\x89\xc4\x89~\x1a9\xaaEQ\x9f3|\xd5\x9f\xff\xbc\xfdt.p\xa9\xca\xea\xcaT%v\x8d\xd9\x1a\xdf\x88F\xe2PZ;\x8a\x1a+\x9d\xa9\xe7\xa6P\xaf\x00K\x00\xd9%)@\xb5(\xe3m\x86\x1f#]\xbf\xa77\xe7j4\x9a\x92\x12\x96HT\xa62E\xadS\xf1x$\tT\n\xc0"\x84\xa9t\x17\xd0\xfe\x1e\xc0\xd2A\xcac\x10\xff\xccd\x14\xe7y\xdf\xbd\xa0\xf4S\x10E\x15\xce\xa6\x8bD"\x1cd6\xc3\x8e4*\x1a\x1b\x0b\x08\xad\xbczoZ\x11\x13K\x88\xb1$h,\xd2\xf1\xdb\xab\x8c\xe9\x05T?\xdc\x9b\xd4\x9b\xad\xb9\x1a\x15K\x84\x7f\x08f\x05,\x88\xe0\xc0@\x81\\\x9e\x9a\xed\xdc\xdb\x87PN%\xf2\x02,\x10$\xe5\x98\xf8\x0bSONy\xbc\xef,\x0fC\xf1=,\x9a\tG\xd4E%\xb9\xa7K\xcb\xab.\x17\x14H\xf7&amp;Ni,\xfa\x16+\x90\xfe\x88\xe5\xf6\xfc{\x95\x01\xaey\x1e\xafa\xd5\xb2\xfb0\x1eONA\xdd\xc2\xcc\x12e\x82^\x99\xac\x92\x12\x95\xe6hSm\xd5@\x9bto\'b)\xc5\xa7\xb9\xe2,\t\x01X\x8d\xb8\x15\x1d\xb6\x91\xbf~u\xf6]\x07r\x9e\x86\xda\xdd]\x89G#f\xc8-\x19K\x94\x93\x99I\xeb\xa5R\xe5i\x8a\x8f\x96\x96\x7f\xd2&amp;\x15\xbc\xc6B*\xfa)3\xad\x96\xc2\xe8P\x18\xfc\xbd\xbd\xcf\xaf\xbe\xd3\xef\xb5\xcc\xcf7\xac\xfe\x10\x0e\x03\xd6\xf6\x93h$b\xb6jX\xc8\x05L\x90`\xe8\xd3*&gt;}\xb4\xb6\xaaM\x9ez\xba\x85X\xb4]\x18v\xa4\xf45\x96;\xbb\xb7wg\xe7\xab\x96w\xc7\x05R}q\x7f+\xbc\xbd\xbb\xbb\xb5\xfbl\x06\xa8\xac\x1a\x95\x8c\x85\x0fus\x00J\x86\xbe6\x94\xeb\xf2\x19\xa9\x84\x0e\xa38\x8b~\xef\x839&amp;\xa5{"$\x17i\x18\xe9\xed\xfd\xd3\xce\xce\xcb\xbf5\xbc\x1b0\x1e\xa4\xfa\xa3\x8a\x95\xf0\xca\xca\x16\xac\x873\xd18\xe4|\x9e\x8c%\xc37\x06\xb0T*\x96\xccTS\xdcT\x0e[Q*@\xa0\x03\xe2\x1f\x83)\xa0\xb1\x8a:\x8c\x80\xb5\xb6\xb3\xb3\xb3\xf9\xf7\xcd\x91\xff\x80`\xf3o\xafT\xda\xc7_\xcc\rZ\xb6c+\xcda\xc0\x82(F!\xe5q\xb0YF\x83\xa9@-\x93\xa9\xe6\xdc\xf9\xf2\x81\xb6\x02)\x84\x11\xd7\xde\xdbs\xac\xf2P\xe6\x8bH8\xf5\x07\xc6677\xc7\xc66O}\xf6\xf2\xcb\x96\xb4\xb7|\xa3\xc1\xe3\x01\x94\xa5bpn8\x16k\x8emm\x85\xb7\x9e\x03V.\xa4y\x1e\xd4\x88\x1cV\x9eJf2\x15\x9f;\xd7TZ\x8b&gt;I|\x97\xf8\x9a\x8a\xc6J\xe5\xbc\xd1K\xf9\x11jvv,{\xfc\xd2\xf8\xcb\x7f\\kx\x0b\xb0\xf9\xf9c\xab\x96A\x8b\x05~\xf7\x87bC\xb1\xf0\x07a\x94\x0b\xd4R\xa9L5&amp;\x19\xda\x11k\x8a\x81\xa9\xf4|\xed\xef@\xac3)\xac\x83\x07i\xc9\xe8\x8e\xbdWO\xbd\xee\x05\xa0\x1a[\x9b\x9d\xcd\xbfti\xe4R\xc6\xc8\x8b/[~.\x18H\xf5hp\xd02g\xb1TT\xcc5\x0f\x81\\aX\xcf\xa3\x1a\rhe2\xe5\x9a\xe8U\\\x0cP\xe8\xc1-\xc0\x11E\xdc\x8b8*/\x85\xd6\xf3\x1a\xab\x83$\xbb\xc7h\xac\xb5\xb5\xfaK\x00\x95\x9d\x9f1\x02\x92\xfd\x9c\x8f\x0b\xf0xi\xab\x15\xc3\xa8\x15\x80\r\xce\xdd\x1fjn^\t\x83^\xdbO\xec\x1a\x88\x1dl?\x93)\xcf\x94WSs\x1aCX\x0e1\x84\xad(\xa4\xa9\xa4\x958\xde\x89\xad\x1a\x82\x08T\x1dF\xf7\xc2\x18\xae\xb5\x85S\xf5\xe3\x97\xf23\xb23\xea\xf3\xb3O\x8d?\xbb\xfa\x7f*\xc6{\x8f\xf7\x8b\xd5\xb9\xe1\xf7\x87\x11j\x0e\xb0*,C\xcdC\xcd1\x00\x0b?\x9cQ\xa9 \xa5\xf2\xf2h2\xc8\xf6\xa6\xd2&amp;\xac\xf2\x97\xdb\xce\xd0\x19/\x94\xb6UuT\x15\xa4\x0e6\x80\xa5 \x8dF\x1f\xa6\x15P-d\xd7\x7f6R\x9f\x0f`\xf0;52\xfe\x0c?\xc7\xc0\xfb\xc99\x95\xd6\xb0\xfah\xf8\xa3\x8f\x86+h,\xcb \xa8\xd6&lt;\x04z\x85\xc3\xb1\xd8\xf6sh\x89\xb0\x07Y,\x15&amp;W\xf194\x86\xd4\xa6\xbaOVV\x96@&gt;PU^&gt; \x97\xa4\xd4\xaa\x84\x10z\xa7\xd7\x00kvvaa!\xa3\xfe7\xd9\xf5\xf5\xf5\xf9\x19\x19\xf9\xf9 \xd8\xa9\xf1\x17?\xf9;\x11\xf3\xbc\x8fW\x1fU\x0c\x7f\xf8\xe1\xfb\x83s\x98V\x16\xcb\xf0\xf0\xf0\xbfh\xac\xd8\x07\xb1\x95\xd8\xf6\x13U\x0e.\xa8],\x15\x94\xf8sMt\x14\xb1\xfb\x08\xa0\xae\x0fT\xd5\xd6\x96\xb7\xc9%\xffm\xe4|C\xda8\xe38\xae \x83f`^\xb4\xc4\x11\xab\x87\xff\x0e\xdb!\xb49/\x940\xab\xb8\xbeh\xeb\x18\r\x07\xd7\x17\xc3P\x1a\x08,\xc7\xa0\xd9\x84\xcd\x14\xfa\xe2\x90\xc5KAw\xc9L\xd6d\x85B\xcc\xfb"x\x94\xd5\x80\x0c\rn/2F\x93\xd6u\xa0\t\xad{\x91\x17vA\xad\xa2m\xdd\xf7\xf7\xdc\xd5v[W\xf6K&lt;/1p\x1f\xbf\xdf\xef\xf3{\x9e#\xb9\xbc\x8b\x1b\xfaV\xf7\x89\xef&gt;\xf6\xdd`P\xbe9\x9f\xdd&gt;\x05(\x80\x11\x97\xdd\xee\xf4%\x12\x9b\xbf\xff\x9faI\xd3\xdf\x9d\x81I\x91\xa8\x10\xf6I\x8aV\xb1Z-Ve]\xd7a"\xee\xfe_\x9a\x9b\x1b\x9b\x9a\xcc&amp;\xdfz6p\xe9\x12B?2~\xfd\xca\x95+\x1d\xd7\x07\xfb{{i&amp;\xa2\x8b\xbd\xe9\xcd\xb1\xee\xa3\'.\xdffX&gt;\'\nX\r\x17\xec\x00k#,\x02\xf3E7Y\'{\xfb\xaa\x18=\xfd\x83\x81\x98\xc3\xa2\x82{wv\xaa\x13n\xa1: \xe9\xfe\x05\xb4z\xf2q\xe5d\x13\xaa\x99\xde\x83=r\n\x13\xa2\x95\xf9\x8e\xcf\xae\x8f\x0c\x9e\xeb\xed\xa3\t\xb2\xe30}r\x98\xba\xe9\xd1O\xe7n\xdc\x9e\xbb=\x07\xa66g[t\xfb\xc0C\xe2B\xca\x9c {z\xff\xad\xfd\x82\xf5\xf4\x81\x01\xd1!\tR\x8cQ\r\x14\xf7\x01\xe5\x10\x85X\\\xc0X\xf4c,\x82k\xbd\x91\xb8h\xae\x86\x8b\x01\x8aV\xff\xe0\xc8\xf8\xc8\xe0-H\xd5\x17\xe8\xeb\x1dd\x97\xa0\xa3;\xa0=\xb0`\xc1A\'\x1cL$\xd2\xa96\xc8u\x00F\xe9\x07\x99/\xb1]\xfe\xe6?\xbcD\xd2\xff\\\xa6.\x05\x06I\nA\xac\xc9XubvB\x12EQpO\x88\xc2\x82\x1f\xe5\xa2\x1a]\xeb\xecd`\xf5\xad\xa7\x08\xab\x17\x0b\xc1\x11$\xfd\x1c\xb4\xc2*\xfa\x12\xb0\xae\xd0\x1bv\xe3\xdd\xef\xbd\x9fU\x1f\x12\x17Ie\xffis\xc6N\xdeQ\xba.\x1cHfg\x92\xa56\x7f{\xd3\xb7\xb7\xd0DC]j2&amp;H\xa2\x04\x9d&amp;\x8b`r\x0b\x0c\nU,.\x12W\x84q\xad\xcc3\xae\xc6#\'\xdbab_\x1f\\\xec\xef\xbfFRa\x0e8\xcd\xb0:\xae\x8f\x8fw\x7f\xde}\xb9\xa0j\xea\xe3\x87\x88\x96\xddyy\xa3\x9c\xa04\x91vm\r\r,_\x07\\Ng\xe2\xe9\xfd\x9b\xff\x08\x19\xa0\x90t\xca8r\x85\x91\x07&amp;\x94[r8\xe2\x80\x12\x04\xa0n)\x15\x92k\x14T\xbck\xb3\xd3\xd3\xd9\xd9\x89\xe5V\xfb\xd9@\x80\xa5\x8bB\x15\x08\x9c&gt;644\xd4\x07\xac\x0e\xe4lp\xf0\x93\xc3iY\x93ep\xdd\xb8\xeds\xfeX*\'\xa2sKK\xd1ht\xce\x07\xc5\x0e\x1d\xa2\xe8\xdb\xad"\xb0\xed\xbf\xf5~\xb4tJ:\xda\xc1\xe4dH\x14M\xf3\xdc\x02\xa0$7+I\x8c\xc5\x8a\x8a\xad\xe6\xd7M.\x97\xbe\xe6\xf1\xd0\xa5\xcbX\x04\xb6\xd0\x87q{A\x15\xc0\xb9\xda\xd0I\x9c\xa7\xf5\r\x8e\x8f\x93\xa7\x9f\x8ft|!k\x11YcX\xa9\xbb\x1b\xa5r6EP&gt;\x9f\xcfN&gt;B.J\x1a\x83\x02\x165\x8cl\xf9\xa6\x951L\xc9\x7fR\xd2\tj2\x16Cop\x83\xc6\x12\x8a\nFf\xe2BQ\xf1\xe6\xf6\xf5B\x016\x82lo\xbe\xab\x8bq\xd5\x9f\xa4\xe5)\xf3\xef\xd8P\xe3yhx\xec\xda\xad~d\x1f}b\xfc\x93=Y\xe7yY5\x8c\xc7\x0f\xb77J\x1b\x1b\xdb\xd1\x04\x1a\xc5k\xb12sv\xa1\xcd\xf4\x11\\Q(\xf6\x0e\x1b~\x16\x14\xb02b\x15\x8e\x81\xc8!:\x10s\xd8H\xa2\x89"\x00\x85\x1d\xc5\xe6\xad\xe0_\xd7X\xba\xf8{\x1f\x1d\'0D\xac\xbe\xbd\xa5\x07\xf9j9\xd6\x08*h\xd8\xc3\xa4\x03\xea\xb9\xfe{\x9c\x1c\xe1]\x9c\x06\xb0\xc7\xe5|i\xa3\xf4\x94\x90L\xc7^F\xca|@\xd2Qw\x85\x96\xd9\xedr\xdd\x0f\xefP\xd2M\xaab\x15HR\x1c\xfdA\x12\x18\xd4\x04SJ$\'\x05a\xd5\xa6x\x95\x1d]S5\x96\xae\xf4&lt;quy&lt;P\x0c\x01\xeb\xc3\n\xbf\xb1\xd3\x83g\x1a\x03\x97\x02=\x98\xc6\xa9\xfb\xaf\xc8\x1c\xc4\xd5#r\xc1\xd8K\xe6K%d\x1e\x06\xfa\x90\xaf\xa5%\x1f \xe8Q"\x9aE-\xf9.44\xd8\xa3\xa9\xa9\xa9\x19T\x1d[\xe7\xa1\xb6V\x17s\xcb@\x80PqD\n@n\x16y\xd1r2..\xdbl\xca\x99\xc5G\x0b\x05C&amp;\xb9\xe4{\x17\xbb\xba\x8e\x1f\xa7\xef\x83 \xb9\x02\xa7[\xeb\x19\x95\xa7\xbe\x07\x8b\xea\xabGN}\xf8\xd5W\xeb\xba\xccG\xf8\x88\xae\x174\xb5\x12\xce\x13W6\x15]J\xa5RY\xfcDI\x9aT\x16 SS\t\xa6\xde\xdd\xf2\xcf\xcfwwgg\x83u\xa6}[\x95!\xc9\x14f\x00\x00\x02\xabIDAT\x9c\xcdk[\x16\x1dq\xe2\x12%\xc9\x1a\x86\xe8\xab,\\\x82\x18\x13\x17m^\xc5f\xdbY\xf0\x1b*G\xbdkj\xedb\xd7\xd8\x18\x0bX+b\xdf\xd3\xdeda\xb5\xe2\xf4\xe3\xea\xb7g\x03k\xeb~Y\x8e\xe8\xbc\xack\x9a\xb67\x1cN\x92^\xdb\x04A\x95E\xfaS\xa4\x13\xf6\xb06\xf4\xd1\xdc\xf4\xb4\x94\x07{\xed\xf9D\x9d)\x14\x8e\x87Z\x05\x13\xd3\x0bjQ\xa2(^f\xe43\x99x5g\x03\x97w\xf9\x91\xbf`h&lt;\xefr\x15T\xff\xca\x93g\xcf\xe6\x1b\x9b\x9a\xdb[ZzZ\x8e4\x81kl\xccC}\xb6~~}E\x97#\xd4\x1cd\xb9\x00\xad\xd4\x9a\x92\x0c\x87\xc1\xb5\xf7\x80j\xc6d\xbb\x91e\xaa\xe1\xb6\xc4~\xef\x96\xf2I\xbc,\x9c\xaf\x1b\xd8Z\xcc\xd9\xacZ%\xaa\x90#\x14B\xe03\x19\x11\x01C\xc40\x00\xb0O\x03\xd1\xe6\x85\\9`\xa9*\xc7\xf1\xaeQ\x03\t\xe3x}\xe5\xc9\xfa\xda\xd7-\xa7p\xea\xd8\xe4\xe9\x1a\xf3x\xce?{\xf6d%\xc2s\xb8\xa9\x84\xa5\x01J\xdd\xc3\xe1\x86I\xb0\xe7\x0f\xd2\x0f\xd2F:\x9d\x06\x1b\xd3\x8c\xf42\x0355CX\xa0\n\x0f\xd7%\x15\xdbAm\x89\x84\xe4\xc0&amp;C\xf61,ID#\x8b\xa3h z\x91\xae\xad\x05p\xc92\xcf\x8f\x1a\x1c\xcfsT&lt;\'\x13\xdb\xfc\xaf\xdf\xcf\x83\xc8\xcf\xb3\xc2\xd3\xb2JT\xd0\xca0j\xb9dn\x18\\\xe1\x17i\xc30\x82F\x90\xb8\x1e\xcc\x98\x95N\xcf\xce\xce\xa6\xd33S\xbb\x1bL\xad\xe1\xe1\xbaWP6\xa5\x18"$\x13*N\xa3Q\x82{\xf0\x92\xa8\xe25x\x08\xb9\x10z\xbf\xbfP@\x94]\x05\xcd\xc2\xe28\x1c\x9e\x93\xf5\x95\x05t\x03\x17\xdd\xd9\x1ft\x12K\x0bj\xc1\xe0\xde\x8bp\x0e\x07#\xae\x9a\xa1\x1aj\x10\x05\xc5H8*d&lt;\x08.\xf0\x95\xf3\xf9\xf0\xbf\xb0b!\xab\x80\x05\xaex\x86\xca\xa2\x8a\xaf\x12\xd6\x19\xc5\xf6\xe5b\xa5\xf6b\xdf\x8f.\x19Q]\xdc\xcb"\x10^\xb5\x90,*\xb4\x92\x82\x7f\xffE\xad\x92\xcc\xe5\xc2L\x04T-\xa8j\xda4*\x08\xc1\x0c\xe0\x04\x19\x14\xb6\x00\x9b}\x9e7_\xf7:V8\xf6\x8a\x8a%*\xc3\xe2\x8f\xc0a7^\xc1+\xbcg\xbc\x8a\x02\xd7\x15%\xb7X\xd9)\x16\x0e\xd4"#9Ns\xf1\x9cE\x05\xf9tc\x9f\x80\x80\x84\xa8\'\xc3\xb9$\xc3\xaaL\x9bT\x04f0\xd5h31\x1d\x9c\x0e\xc2\xc77a-\x86\xfe0\xb1F\x1d\x80\n\x81IbT!&amp;\xda\xb2\x89\x05$@\xe5\x18\xdc*L;P\x0b\x1b\xa8\xc730N\xc6\xa1\xdd\x13\xab\xcap\x92E\x1dl\xd8\xcbYX\xd3\xf2\xb4\xec~\x89E&lt;\xb4?M&gt;\xce\xee\xe6\xd9\xc8\x18\xfe\x0b\x97M\xbe_\x7f\xef!\xd0\x00\x00\x00\x00IEND\xaeB`\x82'</t>
        </is>
      </c>
      <c r="M378" s="3" t="n">
        <v>45492.67790509259</v>
      </c>
    </row>
    <row r="379">
      <c r="A379" t="n">
        <v>992791</v>
      </c>
      <c r="B379" t="n">
        <v>1984</v>
      </c>
      <c r="C379" t="inlineStr">
        <is>
          <t>Claudinho</t>
        </is>
      </c>
      <c r="D379" t="inlineStr">
        <is>
          <t>Claudinho</t>
        </is>
      </c>
      <c r="E379" t="inlineStr">
        <is>
          <t>LD</t>
        </is>
      </c>
      <c r="F379" t="inlineStr">
        <is>
          <t>LAT</t>
        </is>
      </c>
      <c r="G379" t="inlineStr">
        <is>
          <t>LD</t>
        </is>
      </c>
      <c r="H379" t="n">
        <v>180</v>
      </c>
      <c r="I379" t="n">
        <v>27</v>
      </c>
      <c r="J379" s="2" t="n">
        <v>36792</v>
      </c>
      <c r="K379" t="inlineStr">
        <is>
          <t>Right</t>
        </is>
      </c>
      <c r="L3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4adc64cb-52f3-4586-8455-5aacf00a0a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2}\xae\x00\x00\x03\x00PLTE\xff\xff\xff)*%\x15\x15\x0f\xc4\xa7\x8d\xfd\xfd\xfd\x1d\x1d\x19""\x1e\xff\xff\xfe$% \x1f \x1b\x0f\x0e\x07\x12\x12\x0b|W$\xbd\x9d\x7f&amp;\'$\xbd\x98|\xba\x94y\x17\x17\x13\xbf\x9e\x84\xfc\xd3A\xf8\xcf;\x19\x1a\x17\xf3\xc63\xf5\xca5\x1d\x1b\x11vR\x18\xfb\xd1=xR!\xc2\xa2\x86\xc6\xaa\x8e\xb9\x93t\xcc\xb3\x94\xba\x99x\xc1\xa5\x8a\xf0\xc21\xed\xbd-\x1a\x15\x07\xcb\xad\x93qL\x1b\xcb\xb1\x99\x88b,\xfb\xce&lt;\xc9\xa8\x92*)\x1f\xc9\xae\x8f\xf9\xcb9\xcc\xb2\xa0\xc9\xa6\x8d\xca\xab\x97\xa7\x83T\xce\xb5\x9a\xf6\xc13\xc4\xaa\x94\x1f \x1f\x8fh7\xfa\xf9\xf8\x8ce2\xc7\xa3\x88\xf4\xf2\xf0\xa5yO\x84^*\xf3\xbc0\xd0\xb6\x9f\x81[&amp;\xfd\xd5F\xcd\xae\x9a\xc0\x9dx\x92l9rO\x12\xc3\xa2}\xf7\xc76\xfd\xd32\x0b\x0b\x05\xac\x87g\x99vI\xc6\xad\x9c\xb6\x8dp\xc0\x9a\x81\xb1\x89c//($\x1f\x12\x7fZ\x1e*+)\xa0tJ\x88_3\xee\xb7-\x94qC\xc6\xa2\x82\xa2}I\xac\x80Z\xa6{V+%\x16\xcf\xb5\xa5\xb5\x93q\xa7\x81e\xcf\xb9\xaa%#\x1a"\x1a\t\x9bvA\xb1\x90d\x9eyN\xb3\x8ak|S+\xb1\x8fm\xc6\x9d\x80861\xb7\x93j{V\x19\x9buY\xf7\xce5\x9fyF\xaf\x84a\xc5\xa8\x85\xb5\x9a\x81\xaf\x89Y\xeb\xb3*\xb2\x91y\x85b=\xa5\x81Z\xa9\x87]* \r\x97l?\x7fgOq[HC2\x1e\xfb\xce/pK,\xc2\xa0\x8c\x82Y0\xd3\xbd\xb0\x9bqE\xa7\x82N\xe7\xb7+\x97p:\xed\xec\xea\x96qP\xfa\xd7$iR;c@\x18\xab\x86o\xbb\xa0\x8d\xf4\xc9*lI\x0e\xe5\xab\'\xdf\xa6#90"4)\x18\xbb\x99ozZ8\xd9\xc8\xbddD(\x8coWJ:*\x8eeE\xec\xac&amp;\x8el@012\x90iM\xc0\xa4\x95\x81\\B\xf9\xd0\x1ftT1&lt;-\x131*\x1fXD(\xc7\xb3\xa5QC6\xc1\x96p\xe4\xb1&amp;\xd5\xbd\xa7`J;\xf3\xb4,\x90{j\xd7\xc5\xb3mhbeWJ\xe1\xe1\xe0\xb8\x8efRTVxvs\x9f\x88t\xd9\x99\x1d\xd9\xd8\xd7\xc4\xc5\xc4\xf7\xc9=\xa4{a\xeb\xe6\xe1\\]`\xa8\x91\x80E?3\x9e~U\xf1\xc2$\x9b\x80f\xea\xa0"\x92\x92\x91\xa2tr\xe8\xbe wOAN0\x0fM8 V@\x11\x80n`\x88\x87\x85\xa7\xa6\xa1\xf5\xd38Z4\x18\xcf\xcf\xcc:&lt;&lt;\x99j[6$\x0b\xbc\xbb\xbb\xe9\xc2KVNB\x99\x9b\x9eCFH\xcb\xbf\xb3\xb7\x8f\x87\xdb\xb6%\xf9\xd8=\xb1\x9c\x8c\xac\xae\xafA&amp;\n\xeb\xc9Zils\xe7\xe1\xd4y}\x81\xcb\xa7-\xfd\xd9C\xf8\xed\xac\xdc\xd0\xc5\x87t%\xba\xb6\xaf\xe1\xb7\\\xad\x80\x82\xe2\xd5\xce\xde\xc8\x8b\xe7\xcd9\xb7\x94!\x88YN\xd8\xba:\xe1\xd4\xa1\xf6\xdcb\xf4\xf0\xcb\xd3\xad"\xe9\xd2\x82\xbb\x975\xf5\xe3\x7f\xa8\x88(\xd9\xb9r\xf3\xf2\xe1\xed\xe1\xaa\xe2\xb3@\xc7\xa1Q\xfa\xdfJ\xe5\xa94\x9a\x83#\x02\xb9V\x0e\x00\x00 \x00IDATx\xda\xcc\x99\xedO\x1ak\x1a\xc6\x0b\x0e\xce\x00E\x0b\x89\xc9\x18\xd4\xd5d\xc0\x8ds"\xd6\xd8R`c\x82\xad\t\x1e\xd4\x99\xa8\xa9\x0bT\x1db\xab\xe01\xebj\xc0P!n\x8f\x9bh@c\x025H\xa3\xd4\x08\xbe\xe4\x18\x82\xb6\x1aM[i\x8cI\x8b/Y=ml\xfb\xc1\xd3\xcf&amp;\xfd\xb0\x7f\xc3\xde\xcf\xd8?\xe1\x8c\xdd\x0bP\x02\x1f\xf8\xe5\xba\xae\xe7~\xe6\x81k\xd7\xfe\x04\xe1 \x0c\xc70\xfc\xda\xff\x89p\xfc\x12I\xcf\x0b\xc0px\xe9\x07#\x01\x05\xa67\xbe\xde\xde&gt;\xd9\xfe\xe3\xe8h\xf3\xe8xg\xdc\x08h\xd8\x0f\x05\xc31\xe3\xc6\xc9\xc5\xa7\xd4\xfaY&amp;\x93q\xb0\xa4\x94e\xdd\xe9\xa3\xe3\x8f\x17;\x1bzd\xe1\x0f\xc2\x1a?\xde\\_I\xb2\xac\xc3\xc1\xb2\x00\xc5\x89Z\x08\x82\xe0\x08\xa6\xc5\xfdf\x7f\xc7\xf8c\xb8p|c3\x1c\x89DX\x92%9\x8e\xa6i\x86\x11\x9d2"FD0\x844W\x94\xd9\xdc1\xfe\x80\x05\x80\xa8\xc0&amp;\x07\xebd\x1d\x88\xe9\xf4\xf4\xb3\x9bq\xcf\x83]\xa2y@#H\xce\xbd\xb9\xad\xbfj\xc3\x80*\xcd\x02\x93\x13\xc8h\xce\xc11\xf3n\x86\x99o\x11\x81Z\x08\xc6\xed\xce\xa3\x19\x82{ya\xc4\xae\x16K\x7f\x92\xf6\xf9\x9c,\x05h$\x92R\xa9,\x90H\x88&lt;\xc0\x13\x11"\xf7\xbc\xfb\xd4-\xca\xcdu\x1fm\xe3W\x98$n&lt;^q\xb2\xa4\x9cd)\xb9\\\xac\x14\xcbAb\xb9\xb8@"\xcd\xcb-P\x16H\xc1.\xa0\xe2\xc4\x12\xfa\xe5\x8e\x1e\xbb\xb2\x00\x8d\xfba\'\x05D$%\x93\xc9\x00\xc8b\x91\x89A`\x19 \xca\xe4\x00\x96\xc7\xb4\x10\xa2&lt;\x86&amp;3\x9f6\xae\x88\x0b3\xfe\x01T2\xf8|\x80\xb2\xc8\xe4&lt;\x15\xf0\x88\xc5\x97\xcf\xe5\x05\xb7Z\xe6\xe7[Z\xf2rE\x0cA\xe6\xa67\xae\xa4\xf8\xfa\x93\xa3\x15\x1f\xd8$\xb7\xf0T\xf0\xb0\xf0\x8e\xc9\x11\xa7\xc5".\x90\xde\xbaU\x00\xde\x11-\x12\xb1RJ\xd0\xdc\x9b\x93\xab\xe8\xd7\xf6\xba\x8f\xa2\x10\x8f\x05\t\x91X\xbe3"Jh\xbe\x1c\xbd".\x10}\xfe\xcc\x90$K\xd3\xdc\xcbm\xc1\xb9pl\xe7\x8cB\x9d\x92\xf3@\x16\x04d\xb9tM\x8ez\xc6\x17MY\x80\x16f^\x0bQ \xa6H\x8ef\xd2\x82s\xe1\xfaO\x11\xea\xb2\xe9\xc8\x1e\xb4\x06\xe5\xfc\x13\x0b\x94K\xa2\x04,\xb44\xf9W\xc4\x12\x11\xa1$I\x9aN\xd2\xd0/\x81\xb1vV`\t\x82IJR\t\x9f\x0f\x1fK\xa2\xf9\x00\xff\xa5\x04\xc7I8\xa9R\x8c2\x85\xb2)sE0c9\x92v3tr\xf3\xb5\xa0~a\xdbg\x14\xf2BL\xc2\x84\xf79"\x8e\x08\xaf0(\x93\x89\xc5b\x19\x86(@\x11\x92R\t\xe4\x98\x9bG\xb3(\xc5\xdcdx_\xc8\x81\x8f\x8do\x8a)&gt;!2\x92H$\x02\xd9%\xa4 \x92\x1f\xee\xfe\xb5\x95L&amp;\xcc\xa1\xc1/\xe6\'?\xc7qh\xd3\xa4H:s\xa1\xc7\x85\xeb\xfbG\x8eB\x9d\x969#\xd9\xa5htqfa\xc1\xeb\xf5\xceM \xcd\x8d\xcc\x8e\xf8\x83kk\xe0Yl%\x06\x17\x17I\x96\xa2H\x96\xbf\xe8\x91\x89\xe93\xe1j\x8f\x1b\x8fdb\xd4pg :\xba\xd8\xd36\xf73\xe8\xed\xf0\xf0M\xb8\rw6t\x0e\xbf\x9d\x98E\x1a\x19\xf1\x03\xe0J,\x10\xf1\xc1n\xe0t\x92b\x0bI\xec\x0bf\x176\xfeF\x06\x9b\x8e\x85\nD{\x9e\xb4\xddy&lt;\xd6\xfa\xf7\x87&amp;[ss\xf3\xd0Pssw_o_oGiIG\x87\xc73\xb9\xb5\x95\x9a\xf5\x07\xd7\x01-\xe1\xf3\xb1\x94D*\x17\xbf\x1c\x172CXxT"\xda\xf3\xd7\xdbw\x81\xaa\xb5\xd5t\xd3\xd6\xfc\xa2\x1bn}OWW\x9f\x96\xd6\xd5\xd5\x95\xe6+T\n\xc5\xe0\xa0g\x8bw\xed\xddR,\xe0\x80\xa1J%O\x84\xda\x84\x8ci\n\xcd\x83\x0fQ\xf5\x93;\xb7\x1f?\x1e\x1b\x1bk\x05\xb3^\xf4\xbd\xe8\x03\xad\xae\xd6\xd5\xd7\xd7\xb7\xd7+TE\x86\xb2\xb22@\xf3t\xee\xf5\xf7\xff\x1e_\x08\x06X\x0e\x86\xc4Ga\xb0\xe0\xd2/C\xb1,\xe5;\xd0\xaa\xff\x86\xcc\x02*\xbbm\x00\x98^\x80Su\x97T\xed\xf5\xf5Ee\xba\x9f\x8asr\x8aT\xa57z\x1b\x1a\x1a^\xf5\xc7\xa3&gt;\x8af\xc2\x17\xc2`a\xf8\xb6\x1b\xdc\xa2\x02Z\xf5\xf56\xe4U+\xef\xd5\x8b\xd5\xa7p\x83\xf4\x90U\xed\xed\xed\x06CNEy\xf9_4\xc5E\nEio\xef\xa3\x81a\xbb7\xcb\x92L\xf8X \xb7\xb0\x9d$E:}!\xb5Z}\xe7\xb2X\x88\xaa\x0f\x90V\xeb.\x03l\xff\xa7A\xa7\x03\xa8\xea\xeaj\x8d\x06\x19\x96\x9f\xdf\xd8`\xb3\x9bf\x12N:y\x84\t\x14\xe2&gt;GR\xce\x84\xf6;\x96\xc9d\x1f@f\xad\xbax\xab\xea]\xbcU\x15\x9a\xf2\xda\xea\xda\xear\x8dFS\x0c\\\x8a\x0e\xc0\xb2\xc7\xb3\x0e\xda\x916\n\x94b\xdaI\xc9}Y\xadZ\xabn{\xdcj\xb2C\xb1\x9a\xa1\xeauP(\xe0\x02$\xc0\xd2\x01V9\xc2\x82\x1c\x8b\x8b\r*E\xc9#\xc0\x9a\x08\x86\x93\x9c[\x98\xce\xe3\xc6u\x18\x8e\x8e\x83K,\x93\x1dF\x03\xac\xc2\x12\xc0\xaaw\xe5\x97\xb4\x1br\x0ce\x80\x05.\x95\x9bQ\x86\xe0V\xb1\x01\xdehFX\xfe@\x92s\xec\x0b\xb2-\xe2\xaf\xcf`d\x7f8\xd0j\xb5\xea;c&amp;\xbb\rfh\xdfS\x1e\xab\xdd\xe5\xd2\x15\xebt\x86"\xa8\x16\x081\xc1\x9fb\x9d\xc1\xe5*i\x1e\xb0\xd9\xe3\xef\x02\xb4\xc3\xb1)\xc4\x9c\xc7\xb1\xed\x0cEQ\t\xc0*\x84n\xc1 \x85\xd9\x0en\xe5\xe7\xbbP\xa5*\x8a\r\x86"T/x 4\x1e\xb0\xa8\xa9)\xbf\x11\xecz\xf6.\xe6`Q\xb9\x84\xc0:q\x83[\x89\x83i\xad\x16\x06\xc4\x18\xe2\x02\xac\xd2\xd2\xa6&amp;&gt;\xbb\n0\x0b\xa0\\.\x15`\xa2\x96\x19\x803?\xffF\xc9\xa3\x01[&lt;\x18\x83s\xee\x9bq!\xba\x85m\xac|\x0fQ\xadn\xbb;f\xe2\xb1`\xbfAfA\xd35:\x03\x94\xac\xce\x85\x84^\xe1\xb1\x9a.\xb1Zg\x00+\xf9R\x98kT}\x1a\xb0\xbe\x86\xb4h\x9c\xde\xe6\xdd\xea~\x8a\x96\xa0\x0b 4fs\x85\x01\xbc\xaaC\x94|\xbbP\x90E\xaa&amp;\xc0B)f}\x8e\xe4\x9b\xd7\xc2\x0c\xae#\'\xe5|\x0f\x8d\xd7\xf2X\xff\x1ej\xee\xabCs]\x05\x04\xe6j\xb3F\xd7\x8e\xaae\x80\xe7\xb5\xbf\xd5V\x9b\x7fB\x86\xa9\xf2K\x1a\xd1\x88\x18\xf5E\x1ciAB\xc4\xf1c\xd8\x10C\x85\xe0V\x0f\nq\xa8\xbb\xafCQT\x94c\xd0UU\x99kk\xcdfdPE\x85\xb9\xb6\xeb7\xa4\xdar\xd46\x95\xe2F#\xa4h\xbf\xff&gt;\x92\x14\xa4\xf2\xe8\xba&amp;\x023\xbe\x90\x0f\xf1\xee\x18D\xd8Q\xaaPM\xd5\xd4&lt;\xb7VV&gt;\xa8\x05\x7f4\x9a*\xb3\xf9A\xd7\xaf\xa0\xae\xae\xae\x07\x95U\x159\xd0.\x1e\xcb\x14\rD\x04\xc2\xc2O\xc2\xce\xf7\x85\x85\x85\xe8\x02b\xec\xe1pC\xef\xe0\xd4\xd4\xd4s\xab\x15\xee\x95\x00QYk\xae\xaa\x02\xc0\xae_\xbf\xf0Z^\xb6&gt;?\x1fT5\xc1\x84\xb0\x99L\x8b\xd9\x800X\x18\xbe\xb1\xe2{_x\x0f\xdcj\x9b\x9b\x1b\x199L\xa5\xe0"tk\xf7\x1c\xb1U"\x95\x03\xd6\x83e\xd0\xc5\xf1\xfe\xfe&amp;(\x9d&gt;L\xed\x0e\xa2\xcd\xda\xe4]\xca\x1e\n\xd4\xad\xf13\xdf\x01\xc2\xeaY\x84K\xcep8\xc90\xc9\xb0{e\xfd0\xb5\x85L\xab\xac\xb4\xd6\xd4X\x97w\xb7R\xfe\xf5\x8c\xdb\xcd\xb8O\xe7\xdd\xee\xd3\xcc\xd9\xe1$\x98\x05XK\xc2`]\xc3\xf4\xe9\x0f\x07\xf7\xb4\xf7\xd4\xd1\x04\xfa\xb6\x8dBg.\x89\x94\x0eg\xd6FR\x9e)\x1e\xcbj\xdd\xf5\x1f\xae\xc5\x92\xacD"%\x08\x89H$b\x08Gl\x02\xec\x9a\x0b\x06SF\x81\xb0R\x80u\xaf0\xe4\xa3\x90\xd0\xb9\x1e\x8e\xd5l2\x1cX\x1b\xd9\x1a,\xab\xb1VZ\xad\xd6T\xd0\xbf\xbe\x06[\r\xc7\x853+gg\xeb`\\8j\xb7\x99\xee\xcf\xf8\xcf\x859\xfb`\xd8\xf9W\x08q\xfa\x03EE\x021\xc8\x11\x94\x08\x04\xb2\xd9\xec\x92\x7f\xb6\xb3\xb4\xacfy\xb9f*5\xc2\x1f\xc7\x82\xfe\xc3\xbd\xdd\xdd\xf3\xf3\xe3\xf3\xddT:81\x04X#_\x849b\xe0\xd8\x97\xf7\x07`\xd6\xd7\x04`\xccN\xc4\xe3\xf1\x85\x85\x99\xc5\xd1\xd1\xc5\xc5\x99\x19\xef\xcf\xdd\x8ab\x88qjko\xaf\x1f\xde\x9ax5\xe9\xf1\xc0J\x1d&lt;\x9fz~\xbe71d\x9b\x9b\x99\xfd&amp;\xd0\xd1\x07\xfb\x16\x82\x10\xa7C\xa3^\xef\xb3\xf8D\xff\xc4%\xd9\xbb\xc5\xc5\x9e\x19\xef\xdc\xdb\x8e\xb2\xca\x07\xd6\x7fy\x1a\xfa\xe3\xcf\x9e=\x8b\xf7wNz\x06U\x9e\xc6F\xa0\xf3\x0c\xdbn\x8ey\xf7\x04\xfbz\xe4\xf5\xf5\xe9{P\xae\xebO\x9e\xb4!\xae\xb7\x9dp\xe4\x8a/\x80aQu\xcf\xfd\xee\xfa\xf2\xaerUo\xff3\xef\x02`\xf7wzn\xa8nx&amp;;;\'\x1b{\x07l7\xffq\x7fP\xa8\xdf\x0f\xb0\xf19\xc0*\xfc\xe5\x17uOO\x1b\x18\xf6\xdf\x05\xd4\xa2 PEC\xa1\'\xb6:]mE~\xc3\x84wf4\xfa\x9f\xec\xd2\x9a\x7f$\xf5\xeaU\'\xd2d\xf3\xd0\xcd\x87\x80\x85\x0b\xf2K\x10\x8e\x8d\xbf\x9d.\x04.\xd8\x7f\xb4\x8b\xa3K\x11R,\x93\x8b9\x07\xfa\x9a$\x14R\xb7\xae\x1a\xccE%\x9d\xfd\x0b\xd1\xc0\x07\x1f+\x97)IGlm\xe1\xf7~\xfb\xabG\x8f\x06.\xb1\x8c\xdf\xbe\xfd\xc9C\x02\xd7\x8f\x1b\xb1\xf1=\x1ek:\x14\n}u\xfe\x8fW\xf3\x7fI,\xdd\xe38l.rw\xf4\x9es\x85\x0b+\xbag\x1d\xb8Y8\x8b\x19\x84YJ\xe2\xd4\x85\xab\x9d#\x13\xe7 \x93\xe3\x97\xd9\xf2hS\xd2\xb9A\xea\xa8\xa1\xd60#i\x04\x85\xe9H\x93\xd2L\xb5\xac4#\xdd\xed\x17\xa3\x19\x02\xc9\xa1\x0b\x82s\x99\xdd\x11b\xb8\xb3?\xf4C\xfd\xd0\xdfp?\xcf\x89\xfb\x1f\xe8&gt;\x92?\x05\xbex\x7f&gt;\xe7s\xde\xef\xe7y\xbe\xf9\xd3\xb7\x7f\xf9\xc7\x8b\xdf\xfe\xf5\xcb\xa3\xc7\x0b \x97r\xe9`\xaag\x804\xbb"\xd9\x97\x0b{\xaf\xbe\xba\xf5\xdb__\xfc\xf9\xdb\x85l&amp;oO\xb3\xd6\xde\xfb\xb6\xf9\xc1g\xea&amp;\xb9\xd8\xd2)!\xec?\x0f\xf8?]l",e\xaa^\x83!\xf1\xea\xe3\xab{\xb7\xbe~\xf1\xdf\xff\xfc~\xe7C6\x96\xf2\xd2\x10\xcd\x06\x08\xb3+\x17-\x97\xcf\x9e?\xb8u\xe7\xe1\x9b\xdf\x1f=\xd8\xd9.\xfa\xd389&gt;k\x0b\xa9%x\x93\xc4\x8eZXG\xa1\xf0\x82\xf1\xc6b\x01\xe5*z\xf9\xa4j\x9fa^\xbd-\xef=\xf8\xf0\xf8\xce\xbf\x7f}\xb3\xb7\xb0\x13S&amp;\xf4?\x81/\xc5\xcd\xae\xad\xe8~\xa9\xbc\xb7\xb6\xbe\xfe\xe8\x977\xa5hnk\xcbO\xe2\x047;a\xc5)\xcdJ:\xbf!h%\xd6n\xcc\x0b\x0b\xb0\xa42/\xb4x6\x16[.\x95?\x96J\xe5\xb3\xb3\xe2i6\xab\x8c!\xac\x01\n\xb0\xfc\xb9b\xe6\xf44\x1a=;;\xdb?q\xa5\xcdf\x17N\xe1\x1cM\x93\x1au\xbc\xd9\xc8.\xb6\x14\xeb\xbcV\x971\x8c\x0cR\x8f\xcc\xbb\r#!S\x84\x15\x89\xe4r\r\xc0\x88\xc5b^\x06a\xc9)\x92s\xf9\x930\xb8\xfc\xfe\xea\xf1\xf1\xfc\xfc&lt;\xc9\xb2$F\xe1V\xbd\x1eW\x8f6\x9b\x8d\xd3\xd6b\xad\xd4j^\x86\x11\x01\x967\x91\xc9x\x13\x81d\xd2\xef\xaf\xc0rU\xfc\xf9\x84\xd7\x9b\xd0\xea\x0f\xa6(\n\xec\x15I\xa6\x1b\x8d\x8a\x8b\x85\x19_\x88C\xc6 I\\\x82Y\xf546Z\xd8\x1d\xad^_\xb4\x10K \xfcT\xafk\x19\xa3\x8c\xb7\xa6\x81| \x9f\xb4\x0793\x14\xc8\x95vU\x92\x0c\xc2\xa2\x0f\xa6\xa6\xa8x\x1c\'1I\xba\x023\x1e\x99\x9dx&lt;N\xe18N!\xac\xf9\xf8\xca\xa7\xdd\xcb\xc6UK\xd5\xbaJ\xd5\x19\x83\x01\xb0DF&amp;\xbf\x94\xf4\xd8\xc793\x0bT.\x98\x98\x96\x84\x17\xe6~\xf8\x00z\x8b\x02\x0c,\xde1\x97\x86W\x0f`\xf5\x15Tq\x8a\xfa\tS\x1c\xd8\xf5\xac\xa4\xe0\x1e\xad\xb6\x16Kp\x14S\xea\x0c"\xe5\x88Rfd\xc2t0deY\x10+mN\xb3\xecx\xd8\x8b\xb0\xd0\x93H\x810\x80\xa5\xd9-\xcc5\xc1\xe6\x8374iT\x03(\xc4\x8e\xeb\xcd\xe9\xc6\xcah\xba\xda\xda\x01\xf1\xac\xe8eVk\xa9\x11~\xcf\xcd\xc3\x99}N\x82\xf49q\x9c \xadvTC&amp;&lt;\x0e-?E\xe0\x18\x8e\xc7;L\xee\xddB\x01\xac4\xc4\x0c\x8d\xa9\x035\x18`m\x15\xd3\x85fa\xb0\xa5\xef\x9d\xfe\x13\xaf(\xf5\xb9\x06\xf9B\xd4\x1d\xd6s\xac\x13\xfd&gt;\xc8@r\x9c\x87\xf1\xca\x12\xc3\xfa\x03\n\x02\xfe\x14\x8eZ)\xaeq/:\x00\n\x82\x07\xc4\x0e\x15\x84Xv\\\xef&lt;\xd9\xaa4\x0b\xad\x9d\xf2\x02\xc1\xa8WY\xaf)E\xe0\x1f\x0ca\x8f\xddJ\xa0\xdf\'\x08\x10k&lt;\xcccq\xd8\xc0\x80i\xa8S\x02\xa4X\x8f\xc9\xbd\xe8v\xb8Q*CXr\x8a\xb0\xdaig_\xf5:]\xd8h\xe9)\xb1P\xb0QL\xd5S\xfc\xe0\x828\xa6\x0f\xf9\x10\x16\x0c\x03\x96\xd3\xf3XZ\xabF\xd5\xf9\xf3\xc6\xcf*\t\xa8\xd5\xa3Q\xa3\xac\x08\x7f\x0e\xf5(\x8f\xc5\xd9\xe9P\xd7y\xae\xba{\xd5Z\xe7,&lt;\xdaJ\xd5c:\xa9R\n\x8f\xa2\xcd\x13\x82\xdeBrA\x92\xa7\xc3\x8cL\x96\xd0q\x9d*\x8d\xfb\xe2\xb5F\x02T*\x8d\x1a\xe4\xba\xc1\x82\x9e\x97c\x80\xa5\x0f\xaa\x0b\x8d\xea\xeeQk\xf7\xde\x84\xcfNR\xf5\xed\xe1\x99U\x84\xb5i\tr\xd0\xef\x18\x86jH\x87\x130b\x13\x16\\erl,\xc61\\\xa21iL\x0e\x07\x14\x11\xbe\xd4\xa6&gt;\x95\x04\x83\x07\x91\x0e9\x9a\xd7UG\x8bC\x99`p.U\xcbj\xc7VG\x00Kk\xf1\x04Y\'\xc1w\xbc\x1d\xb0\x0c\xc3:#3N\xa94\xa3}\x14\xd6\x11W\x99L\xa8\xdd\x11\xd4M\xcbc\xa4]O\x9b\x1d\x97[\xcd\xc5\x96\xfb-w,U\x97\x19VGd"\x83\xce\x86\xb2\xbeB\x01jq\xfa%\xc6\xab\x9b\xe8^5\x86\xc1"\xc8%\xb9\x9c\\\xd5\xf3\x7f*\xc0\x02\xae\x0e\xc0\xd2\xd3\xb4o%\xdd\x84\x8eo\xb5c\xbe\x08\xe8\xbc)\x11\xb2\xf2\x86\xc4\xa6\xe5\x9d\x15\x9d;\x11\xd3\x1cj-\xdd\xd3\xda7/u\xb3\x1cK\xfa_}\xd0\xdf.\x98 \xf4\xa354\x846\x00\xe2b1K\xcf\xd2\xbe\xf9\xa6c\xf4\xaa\xd5\xa6Yptb[J\x88FPs\x19\xb4\x13\x9e\x10\x92\x8bpr\xb46\x01\xa3\xac\xf6\xe3\x07\xa56\xbcT9+e=\xf8m\x98\xa1j\xc7\x90\x1a&gt;\x1a\x95F\x15\x17\xc3+q\x82\xf6\xf5ml\xb8[\xbe\xf3&amp;\xe8\xef\x9a\x98x:\xc6\'\x1f\xa8\xa2\x05\xaaH@\x15\xad\xf6\xbc7\xa6\x84\x91\x96Rz\x99\xe4\xe1a\xe3\xda?\xdf\xa1RiLCj\xb4\xe9\xa5Q\xa9nK\xc4\x04\xc2\x9aW\xc3\xc8h}\xde\x17\x1eM\x0ew\xcb\xa47X\xc3\xb6^4#\x14\x04\xcb%\xf3\x81D\xac^\xcf\xc6\x02\xfe\xe3\xe3\xe3\xfd\\\xbaG\x85v\xdfnVW\xe7wrh-\xe8@=6\xba\xab\xbeh}&amp;\x13\n^Ot\x8f\x8d\xdd`im\xf7{\xad&gt;\x18\xf2\x9c\xddO\'\x93\xf9b&amp;\x13\xc9\x1d\x1e\x9f\x17\n+}\x1a~[P\x03P*S\xe7w\x1d\x03\x14\xfc\x17\xfdT\xdf\xe7v\\\xb4\xba\xe1o\x1e\xc6\xd7\x93\xb3:)\x042#\xc8ey\x17\x9a\xf4\xb1\x1cW\xb1\xfbam\x81Q\xdd\x07\xb1\xce\x81\n\n\xd7\x01z\x01\x98F\xd3y[.\xa7p\x84\xe5Ro|\xe9o\xd3\x19\xd9\xe0\x17\xf7;p\xf3"c\xb7\xee\xa9\xa57\x14r\x01U\x05\x81E\xa2\xd1H\xf9,\n\xce\xfe\x10&lt;i\x1f\xf8,\xc4\xa5\xea\xec\x91\xcb\xe5bxQ\xd3O\x15W\x83m;C\x17\n\x04_\x86\xa5\xa21\x91\xa1[\x0b\\\xf6\xa0\xddcw\xb9\xfc\'\x91\x9d\x85\xe7\x8f \n\xad\xed\xbd\xfd\xb8\x7f8\x07\xa6&amp;\x1e\x07\xc1zz\xe4\x12\t\xd8\x1a\xc0\xea\xbdj\xe3\x05\r\xe0\xea\xef\x00\xb5\xc6@/\xad\xcdb\xf1,%+\xfe\\$ZZ\xbf\xf7\xf0\xe1^\xb9\xb4\xf6\xe0\xe1\xdb\x8fQ\xb4}y.\x01\xb0\x9e\x01\t\xb8{\x05\xb8-Z\xdc\xde\x0by\x02\xc1E7\x92\x0bqm\xdal\x9b\xb9h\x89\xbfZ\xf0\xb7\xaf\x1e\x95\xa3\x91\xd2\xda\xab5\xb4;\x18\xdd\x8b\x1e\xae\xc4\x07\x80J,\x16\xf3X\xee\xfe\xf6^\xb3\x11\x1cY@.\x91Qd`t\xda@`gmma\xed\xe5Bi9\xba\x7fx\xbc\xb2r|\xb8\x7fV.!\xbc\x8f\x87qj\n\xc3\xc4\x18\x86\x8a\x18\xfa\xd2\xee\xcb?G\xeffdH/#\xbc\xb3\xb7\x17\x1e?X\x7f\xbe\x13\xcd\xf9\xb7\x1a\xe9f|e\xbeRI7\xe7\x8e\x8fs\xcb\xeb\xf7\xcas\x14\x86)\xc4\xc0E\xb0O\xc4\x83m\xc6\x12\x0c\x9a\xd1\xb3(\x83\xc7Q$\xaa\xfd\xf8\xf8\xfdN&amp;\x92\xccg \xc1\x9e^_\x9f\xa2u}2?w\x18)\xed\x9dP\x18\x81\x8b\xf9C\xb2\']\xfd\xed\xc6\xea\x9f\x93J\xa1\x883\x88\xad\xf6rg\x1bV\xac\xfe\xfe\xfd\xfbz\xb6\xb4\x0cL\xc0U:\x8d\x9e\x16ON\x0e\xc5\x18A@\x15q\xc2\xda\xbb\xd1\xf6{x\xfd+PC("hf\x8c\x15#\xcb\x0b\x9f?\xaf/\xec\x95N\xaf\x1b\xd5j\xf5\xf2\xf2\x12\xbe\xcf\xca\xcb\xc5\x8aB\xf2w\x84\x05I\x84\x84\xd6j\xfb=&lt;A\x1f\xdfZ"\x19o\x9f\x93\x91\xe5\xbd\xe7{&lt;\xd3e\xf3\xf2\xb2\xd9l\xf2`\xc7i\x97S\x0c\xae\x14\xc7\xd0\xd1\x9d=t\xd4\xfek\x8b\xa32\xe9\xcc\xd8\x18`\x8d\x19t\x9b\xb6@ \xb3\xbd}Z\xbcn\xf0bUy(\x88\xfaN\x9f\x13\x9b\xe2\xd5\xc2p\xcec\xfe\x03\xb0vy\xac1h.\xf4\xca\xde\xd4\x1aD\x89D\xa2\x98\xdfj\xd0\x8d\x06\xda\x141\xb3N\xa7\x02\xac+j-\x02\x07\xf3\x13\x9cu&gt;k;\x95\xd0\xbd-\xbd\xe1\x9a1\xea\xd0\xa8\xdfd\xba\r\x06\x86a\x12\xdb\x99\xedL\xdeo\xf6\xf9\xd0\x89\x1e|0\x12\xb0pb\xd23\xab\x18l?\xd6\xa7m\x99T\xcac\x8d\xe9\xc2\x80\x05\x82i7u\x81L\xb6\xb6\xf0&gt;\x1bH\x86@\xaa\xbb\x00\x05\x96\x9a%\t\x9c\xf0\xf5Z&lt;\xe2?\x00k##\xe3\xe5\x9a\x99\x99\xe9\xb6\xc1\x9a\xb0\xd8,\x1e\x8f\xc5\xe3\xcfd3\'ft\xf8)V\xa0w\x0eqp\xe0$\x08\xa7\xd53\x1b\xech?\x96`##\x12\xcdHy\xb5\x8c\xd0[\xc3\x16\xcf\xec}09!\xd6g\xf6ab\x85B|\x17\x83\xc6\x9a\x13+H\x16\xa8|AK\xd0\xd7\xd7\xdf\xfe\xfb\xc3\x08K\x84\xf4\x02\xae\xeea\x90\xcb\x02T\x93\x93\xd3N\xc5]\x85X.\xff\'\xd4O\xa1\x90\x80\\\xe441=\x19\xb4X\xcc\xce\xae\xf6cA2\x03,\x19:\xcd\x90\xce\x18\x86\xa1\xb7&amp;\x9e\x84\xa6\x9d\xe8\xf2O\xc7\x0f]\xdf\x7f\xff\xc3m\x84\x05T\x90\x8b\xa6\xad!\x8f-\xe8T\x0c\xb5\xffv\xba\x10a\x19E\xd2\xd5\x91\xff\xf1r\xee1M\xa5i\x18\x9f^\xce\xe99\x94\x16N\x93\x93\xd4\xd0\n\'r\x0b\x90\t%m!J\x86\x08\x92P\x9c\x91\x01\'\xdd\x8eD\x16Z.\x0b\x1a\x84F\xae\xba\xc0R/\x80\x97\xa0\xe0\x00\x01Gn\xe3\xba\xbb^\x98\xc2@\x16\xb4\x18\xd2Q\x06\x16\x08\x8c\xb8\xdb\x11D\rq\x925\x04G\xd41\x13\xcd\xee\xfb\x9e\xaa\x93\xec\xc6\xdd\xb9\x08\x1f\xf0\x07\xff\xfd\xf2&lt;\xcf\xf7~\xef9\xdf\xf7\x9d]\x90|\x9c\x8af\x9b\xa5\xa1!6\xbe\x00\x1a\xf8\xa0\xa0\x88\x005\x9e\r\x04\xac\x9d99\xdb4\xf9FG\x8e\xb7_\xd0\xeac\x81Z\xd9\xbc\\\xc7\xb7@_\x1f\xdc\n\\&amp;k\x1e`\xa9\xd4x\x1c)(H+\xe2T\xdcQ\x1e\xabx{Y\xa2\xc1[\xe6\x17\xbeFju\xa0\\\xc8\x15X\x84\xa7O7Y\xa0\x82z\xa9D\xa2\x10\xedV\xed\xa7G\x0b\x0b\x0bo]\xdek\xb0\x94d\x96\x95\xed\xc0E(|M\xd4\x02\x13c&lt;wm\x01\xae\xbak\xdd\x8dE\xad\xad\xc6\x12K\xda\x11\x99B\xa1\xaa&lt;z\xb4\xb0\x0f\x9e\x16\xcf7}\xd5g(\xc9\xac.\xdbn\xf0Z\x1b,\xc9)\xc4\x8a\x8eA\x1b\x8f\xd7Mw^\xaf\xe8\xe8(\xda}\xb8\xe9\x88BQ\xa8\xa8,\x84\xf6\xf4\xab\xf3\xe5\x97n\x9cm*qT\x97U\x17\xfb\x01\xac\xf7\x1a\x14\x08\xf1\xa9*\x88Vt\xb4[\xaf\xf9\x8c\xe9\xee\xd1\xee\xda}\xb5\xe5W/\x83w{\xaf6\x95_\xdaw\xe9\xc6\x95\xdc\xae}\x8e\xea\xea\xea\xe2\x9d\nN\xa5\xf0\xfet-\xaa|\x15\xaa\x05\\\xc9\xeb\x10\xcb\xbf\xb3\xb3\xf3zwwm\xf9\xf9\xcb@U\x0eB\xdd\xb8r\xa5+4\xb4&lt;\xb1\xaczG\x8eL\xc5q\n\xef\xca\xd5_\xaa\xdf\xf9{\x95gvLtppt\x0c/\x97\xd4?\xb5\xf4\xe4\x89\xe6\xe6\x1b\xe5}}W\x9bj/\x9d={\xa5+)T\xd9U^]\xb6)K\xc6\x89\xb4"\x95\xf7[\xdd\xae{\xd3R]\x85\x1e\x06\x07\x07\xc7@s\x83\xe7\x0f2\xfc?,=y\xb2\xb9\xf6|\x13\xf6\x84\xcd\xb9]\xcaP\xa5\xff\xfe\xa2\xed;\x0c\xebU07\x01k\xef\xeaw\xa7\xef\xfc6;\xdb\x13\xa9~\xe4\xc2\xd3\xe7\x1f\x9e8\xbb\xaf\xf6\xcf\xcd\'N\x9c\xe8\xcaP\x12\xd2\x93\x8d\xd5;\xb2\xbc8\xb56\\\xabV\xed\xcc\xfa\xe7\x1a\xb4\x81\xd9\x98-\xc4\xc2\xe5z\xdd\xba\xd1\x0c\x0f\xc0\xcaH\xdd\x7f\x1d\x0f{\xa7\xa6f\xf8+\x95\xfb\x1b3\x8b\xf3d"\xad6((&lt;D\xb1s\xdb\x85\xd5\xbfS\xf3\x99\xe7+,\x90\x0bW\xc6\xd1\xe9\x0c\xa9\xd4?\xa3\xb4\xb4s\xba\xb4\xb44\xc3\xbf\xf4z\x87\x11\x0c\x94\x89\x02\x80j+`y\x1b&gt;[\xf5\n!\xd1\xc2#"\x1fy\xfcK\xf6\x84\xb6+\xb0\xee\x1a\x02\x01R*\xb0u7\xb6n/\xce\xf1\x93q\x01\xb0D\xbe\xbbY+R\xac\xdf\xb3\xea\x85K\x12y\xcb\'\x19\xb0\xa2\xddXP&amp;\xb0\xc1\xd9u\xbcnbb\xe2\xda\xb5\xeb\x15\x8d-\x99;\xf05\xb4\x0c\x96H\xa0zwsx\xe5\x07\xeb\xf7p\xab\\\xb8$\xe2\xc1\xab&gt;\xbcX\xc1Q@\x05&gt;\xc6\x00\x18&gt;p\x04\x06\xfaT\x15\x19\x0f;\x8a\x01\n:T.\xcc\x17\xa0\x826\x87\x87T*\xbc\xb3\xbc\x07%\xabK5P\xee\x03j\x01O\x14\x0c@\xc3\xba\xca\xff\xa3om\xc1}\xe24\x03422\x0e\xa8"\xf0\xfd\xf7\xe6\x10\xc0\xf2\xca2\xac\xea\xab\x11\x89d\xf2\xec\xc4.P\x0b@\xf48\xe2\xa20\xf9Q\xfa8h\xe7\x1d\xbb\x1d\xb8\x19\xbcW&amp;S@/\x11\xe6\xfb\x1e\x0c\x98\x87\x88\xf5\xfe\xc7\x7f\x88\\\xcd\xb7n\x91\x17\xf7\xe3\xbe0\xc4\nP\xe2\xe2\xca\xe2\xe2\xf4\xfa\xa8\xa8\xb8\x83\xe6DGqZZ\x9a\xe1\xc8^\x99\x82\xe38\xb5:,\x08\xc4z/\x02\xb1D\xf0tm0\xacVA\xe5\x0f\xee\xf47O\x04\xfa\xf0\xe5\x01X\x0e\x96\x01\x16\x8c\xa8\x83\xe6\xfcL\x88\x14nP\x1f\xe5Dj\x18a\x110P,\x18"X\xab\xdf?\xdc\xb7:\x07\x92\xc4\x92\xc8;\x8f~\xb0\xcc\xd7\x05\xfa\xf8\xf0\x1e\x82D\xf9\xf9F\x9e\x8b\xc7J\xe3\x0f\x92\xc1\x12\x08C\xed\x8bbE@-\r\xd7\x86p\xf8f\xfe\xaf\xb5\xa7\xf0:\xff[W\xea\xd0\xccE\xc7\xd7\xcb\xc9\x80\xe5\xe9\xe9\x16\xcbl6\xd92\x8d\xc6\x83&lt;\xd6\xa6b\x03P)*En\x0b}#\xf8\xb19&lt;\x00L\xe4\x14\x1f\xac\xcf\xea\xb0-\xde9$\x16\xbfU&amp;qd\xcf]\x8a\xe9[^\x19\x9d&gt;\x0e\xd1\xe2\x03\x1fg6m\xd2\xd8\xf2\xcd\xe6\x830\xcc&amp;\xcd\x9e\x9d\x85\nN\x0bb\xa1\x87\xbe0\x82"@\xae\x80\x105byg\xb5|\xff\xe2\xe1\xc8\xe4\xdb\xbb\x01\x8eT=svF\x98rk\xe5^\xe7t\xa0{\x1e\xa2D&amp;\x8dFc2!\x96\x19\x94\xd3@\xc7\'\xd2\x02\x04O\x15\x10\x80j\xc1\xf3\x06\xa8\x85\x07\xc1\xdf\xdf\xb4T\xb3\xb805\xd2\xf3v\x04\x93\x88%\x1b\x07zo\xca\x85Ba\xdb\xf8\xcaJ\xe7| X\x18\x85b\x81s\x80\x85z!V\xbe\xc9\xb6\r\x9b+\xad\xf6\x95X&lt;U\x00\xdeDR(\x14^\xde\x1f\x03\xd6\x18\x13j\xef\x7f\x0b\x1f\xb3\x80\x8a087\x94D\x10\xac\x90\x91\xb6\x8d\xbb\\\xa3\x80\xc5S\xe9\xf5\x80e\x03,\x07\xea\x05\xe1\x07\xac\xd8\x02D\xd2\x86\xc1@\x0f\xd1\xc4\x00\xa0\x12\xe1\x06\x8b\xd7\x9e{5\x8b#\x8c\x80\xb6\xe37\x06$\xbf\x0eJ|\xe8\xdb!\x1dA(iF*\x94\xb6\xcd-\xbb\xb6\xcc\x07Fcyw\x9b\x08X%\xe0#0\xe5\x9bL&amp;\xcd\xe7\xb1*(\x0fan,\xde\xc3\x80\x00\x98\x01\x95\xe8\xa2\xdf\x1e\x17\xaa%\xd7\x91\xb9\xbd\xbf\n\x0c\xed\x9b\xb9H34\xcd\xa2ZB\xa9n|\xd9y\x7f\xbe\xe2#=\xefa\x9c[\xad\x92\x12\xc02\x03\x96\xcdf\xb56\xc4s\xea\x97Z\xf1\x16\x82\x87X.\x00K!\xb3:\xbfy\xb4\xc0\xc8i\x9d\x9cM\x19\xeb\x17K\xc4\xbf4\xe8\x91\x93\xbdI\x0cA\x03\x13\x89w\x80\x85\xd2\x91g\xae\xa5\xf9\xba\x8f\xa0\xae\xeb\xf9\xb2\x85r\x01\x96\r\xb5\x02\xaam\x9f7\xc4\x17\x14\xf0P\x80\xe5\x8b7\x90\x02D"\xb4\x11*\xd7?\x9e\xb4\xbf\xb8cg\xe54-\x10\xb0\xc2\xa9\xb1\x9e_"\x180\x1d\x1a\xe8\xcdey*\x82\xa5Q-a\xc2\x82\xef\x8a\xabn\xa2\xaa5\x0e\xb9\xe2\xdc\x81\xd2\xa0Z\x00\xa5\xb1Z,\r&lt;\x96\xef\xcb\x01O\xfe\x90w5\xfc\x8a\xb8JE\x9e\xab\xfd\xe9d\x1b-\'hA\x8a\x80\xf5 n\x8e\x0c\xfe\xbcb\x81kLd\xcf\xdc\x90\x1cbN\x93\xbcZ\x84\x92\x05\xb9\x12\xa6\xbe]v~?\xd1\xd1R\x06\x81\xc7\xb5\xc7l\xca\xc4\xd0\xbb\x1d\xb4X\xf2\x1ab!\xf4\xaf\xb0\x80I\x1d\xa2\xe6W"p\xd1\xeb^\xfb\xef\x17g\t\x92"HA\x92\\.\xf4 H\xfb\xcc\xcf\xb9T&amp;\x11\x8b#\xfb\xc7\x87t\x00\x02\xb1"p\xb8\xb1 \xf5\xb3\x0f\\\xce\xe4OZ\x8c\xa0\x97;\\\x18z\xdeD\x1b\xdeb\x89\x8f\xffM\xc1k\xad\xc2\xa0\x80au\x10\xa1\x89\x95\x7ft\xb6\x7f7hgI\x9a!\xe5I\xa4\x9c\x92z\x10\x0c\x85N\xfe\xf4\x9d\xb9\x81\xbb7)\x82fy*\x9a\xd0\x81\x83\xac\x92\x95\nYa\x82}r\xd9y\xaf\xe2\xcb\x96V\xfdK\xac|\x93\xc6\xeav\xd1\x9a\x17\x0b\x0e\x16\xbcL\xbbo\x98\xda-\x13 \xc1/\xf7;\x14kFN\x03\x16%H\x82|\xc9=&lt;\x08\x82\xb1\x0f\xfc\xa4\xcfX\x80R\xb0\xf4\xe5\xea\xc0;\xa4\x02\x99`\x00\x9c\x92`\xf1{\x05Rb\xf6\xa1kx\xa9\xe2L\x8b\xbeU\xdfZ\x865\xd4\xa4)\xb1\x82\x8df\x93\xd5\x12\xeb\x8e{\xc4k*\xe4Qq\x05\x1c\'\xe2\x9e\x0f\xb7?\xedY`)\nr\x9a\xd2F\xd2T\n\x91\xe0A\xd2\xd2\xdc\xf1\xff\xdbW\xf0+\xdf\xccB\nAS\xe0\xdd+\x07u\x84\x0e\x18\xd3\x87\x06\x16\xa4\x8c\xd0cj\xe0\x99\xd3y\xbf\xf6LQ\xab\xb1\xd5h\xe4\xd5*\xb1\xe2\\\x04\xb9~\x9c\x86P"`\xfe\x01\x12\xd4Q`\x12i\x1b\\5\xdf&lt;\x9a\x93\xd3\x14\x95;\xbb\x90"\xa7(R\x90\xc2$\x08)ZJ\x8d\xf5G\xfe\xaf9\xf92R\x02%\xad\x83\xfa\xc92\x0c\t\x0e\xd2:\x1atg\x89\xb6\xbb\x93\x8f\x9fg\xe0\x172\xee\x82\x8d\xae\xe4\x8a\xa2\x96\xea\xc4Dcb~~&amp;\xce@\xab\xc6fs\x87\xab\xa0@\xfd*\xeexi\x12\xc0\xc0F\xad\xf7\xbd\xf6\x9a\xc5~;C\xc9u\x97~\x18\x1c\x11\xb0r\x8aL\xa1&lt;\x12X9!\x95\xda\xc7{\xde8%q\xf2\xf5\x8f\xdd\x10\xa4\xd3$\x89\xe5\x93aI\x80\xd3\x91\xf0#\xd4\r\xcd\x0e\x9cz~\xce\xb9N\xca2R\xdd\xdcC\x97s\xc5\xf3\xcb\xd3F\xbc\xea\x9d\x98\xc9cY\xac\x00\xe6\xc6\n{=\xd4*\xe8\x9d\xf9E\xb2\xf0I{\xcdw\x1bG\x08\xb9@\x90\xfe\xafc\x8f\xef\xcc\xc1|"\xa1z%x\x10\x02\xc8\xac|h\xfc\r\xdf\xe2\x11\x8b7N\x8e\xdd\x14P$\x05P\x90p\x86\xa5t\x04\xe8\xa4#Xjh\xee\xc2\xe3\xdb\xf5_\xd4oxR\xca\xb0B\xe9\xd4\x00\xc4k\xc5\xe7\xcci\xf7\xbb\xf8L\x87\xc6\x92\x87\\0\xdcr\x15\x14`k\x13\x86\x95\x1d\xdag\xc0\xaa\xb49\xc1\xc2\x81) \xa1:]\xc7\x9c_?\xb8\x00\x13\x9d\x16\xa4K\x13\xa4\xb4\x9c\x91*\xc9\xdc\x8b3\xff\x1d1\xcc9\x94\xce\xd0\xf4t\x92\xa2p\xf2\xb1\xa8\x15\xb8\x07\xf9\x94\xdb\xe7.&lt;\xffb\xc3\xf0\x86\xfa\xfas\x07\xee+\x950#\xed\xfd\x0f\x9c\xc3K\xd9-\xa7\x0fg:\x80\xcb\xa1)\xc9kh@2w\xe1\x8aW\xa9\x10LT\xa9\xe2\x14\n\xe8U\xb7\x8a\xac+55\x8b\x83Cd\x8a@@o\xf9\xdb\xf0\xf0_\xea\x0f\xdc~0;\xa5\xa3h\x0f\x0f\x86"\x85B\x86\x14\xe4\xf6N\xfe\xe7:\t\xa5s!\x97H\xa7P+\x14\x0b\x1d\x84*\xaa#\x18\xb9}\xf6O\xb7\xcf\x81P\x1b\xce\x9d\xab\xafw\x1e\x18U\x12J\xa5\xb0\xb7\xff\x99\xf3\xd8R\xe3\xe9\xdd\x0e\x1e\xab\xb8\xc4\xe2\xe6\xc2;\xdf\r~^2Y\xbc;\xe80\x0f\xc1\xc1\xa0\x9c\xa5\x9a\x9a\xa7\x1bg\xe5))\x02*\xf5\xc9\x8b\xe1\x7fSq\xc6\xa1m\\w\x1c\xb7Tt\x93\xea\xe5\x86w\xa7;s\xb8\x89\xf3\x0e\x13n\xf2\xb5\xc5WQ\x08\x9c1!&gt;m\x18\xeaTpl\xb0\xa4\xf6XGh\x97\x03\xa7\x17\x92\xfeQ1\xcc\x84\x11\x8c\xe3\xc4B\x18\x08\xc1D6\x13\x19\xe1\xe29(&gt;\xeaRU\xc6\xb0\x90\x88\x1ab\xe2\x10\x13\xe4\xd8\xce\x12\x83\x1d\xe2\xa4v\x9c\xc4m\xba\xef;%%}\xb2-c8\xe9s\xdf\xdf\xf7}\x7fO\x92\xdfU\xe4\xa2\xec\xd8\xf5\x81IT\x10)\x11\x88\x04\x83(ira\xe6\xd2O\xb9f&amp;\xfb\xc3\xf0`\x98J\x85\x11j\t\x85\x99x8\x1a\xcc/]\xed\x9cO\xcb\xb2[6\xd3\xe9t1-\x0b\xf7\xff\xd0\n\xe8\xd0\xcc\x04\xe5\xfa\xe7\x89\x13_\x9d\xfe\xea\xc3\x0fO\xbfG\xb7\x03\xb6\x9f\xa5T{\xcf\xb6\xb7\xf7\xf6\xb6\r\xf9\x96\xa2\xa3\xaf\xef\xd4N!\xf3\xfd\xd3\xa9|\xa0?\x19\x08\xdd\xad=\xf4\x1c\xc7.\xca\xd0\xbf\x0b}\x9b\xce\xc6\x00&amp;=\xa2?\xd0?yu\xe4\xd5\x14\xa3P\xd0\ta\xe5SE\xd1!\xd8xtn\xf9\xde\xfa|\xd9\x14\x88l\x97\xdd"\xa0\xe4\xb4LP\xc6PkK\xf2\xd6\xed\xb5\x8a\xb3\xfd\x8f\xaf?8\xf3\xc1\xe9\xd3\xa7\xcf\xe0%t\xef\x9e\xf6\xf6\xb3g\xf7\xb6\x1f:\x84_{\xdb\xf6w\x1c\xe8\xeb\xa3\x9b\x91\x0e\xec\xd9\xa1\xc6\x9a\x98\x8e\'\x03I\xe6\xf0\x86\xe8y\xbc\x01,"\x08\xbb\xfb\x96\xd9H\xf0\xf5H \xdc\xe2_\x98\'\x90\xccO_{\xa5\x92a\xaa\x13\xc3\xf8P\x91x4\xc4\xc2\xee\xf9\xe5\x1b[\xf3\x15\xd9\x95\x05B\xf4r\xb5\x9c\xb5\x01\x96\x967\xdeo\xa1\x9167u{\xbe\xe0\xec\x9c\xf8\xdb\xf1S\xc7\x7fs\xe6\xcc\xc7{\xda\x86\xdaz\xdb\xfd\x8f.0\xe8\x1b\xf4o\xe3u\xfeh\xdf\xe8\xe8\xfe\xdfQc\x1d\\f\xfa\x03\x01\xf6\xb3\x15\xd11mM\xb7MM0\x04\xe1\xf9\x93\x99\xb9Ps0L\xed\x15\x8d0,\xbc\x07\x8b\xbd\xfbR0\x00\xf9\xb7x\x1c\x92\xb5F\xd8H4\xbfto}\xb7\xe2\x08p\x81@\x04bg\xcb\x18U\xb7\xe8\xba\xdf^n\x85\xa0\xc1\xc9K\xb77\n\x1b\x7f\xfd\xfa\xcb\x93\xa7\x8e\xbf\xf7\xc7\xbd\xbdt\xed\xb7\xff\x97\xfe\xe7bt\xeb\xf7P\x07\xa5::0\xf0\xce\x99\xed\x17\xc6\x02Vl\xc7\xa9\xe8\xa5\\\xae\x9a\x03\x97$\x12&gt;\xbb\xd67\x1djf\xc2\x91h3\xca\xc8\xf8\xeekX\xecg/\xb0 U&lt;\x1eGo\x88DZ\xf2\xcb\xf7\xb6\xe6\xb3\xb6H4`\x89\xa2h\x98v\x91\x82e\xd3\xa6\xeb\xae\x9c\x0f!\xdb\xa2\xd3\x13\xcf\x84\xcc\xc6\'_\x9e&lt;\xd9~\xfcO\xc7\xda:\xb1\xb6\xea{g\xff\x1ez\xc9\x054\xec\xb7\x0e\xf8\xfb\x01\x87\x0f|\xbc\xed\x14\x1e&gt;\xbd\xf6\x11\x94\xe8\x8f\xff\x9cT4M\x07\x95\xa6j\xa6\xc1\x11Q-?_\x9f\x89\x07\xc3\xa10R\x02\x13\x1f\xb9\x16`\x93\x0b\xd7\x1b\x16c^@\xe1\x07\x92=\x7f\xf1\xc6z]$(\x1fnib\xf1\x9e\x9d3M\xdbEr\xc1\xa9E\xf3\xfe\xa781&amp;ted\xd3\xc9&lt;8\x06\xac\xf6c\xedC\xfb\xba\xdf\xa4\x1b\xdb^k\xa3\xa3\xf7\xb7\xfb\xba)\xd4x\xf7\xa1mj\xaco\x16\xc2\x90*r\xf9\xa6\xa3\x19\x1a\xd4\xd2U\xc5 \xa6\xe7\x19\xa2]\xce\xd5\xaf.Pc57\x87\xc2,\x83\t\t2Xl\x04\\\x0c\x13\x8eSoQ0\xf6\xf3{\x9b\xf3EQ\x92]\x02,"\x0b&lt;q\xdd\x1cT7M\x08\x06\xae4l\xcf\x0c2\x91\xe4\xad\x91-p\x1d?IK7\xb4ol```t\x14`\xaf\xedG\x9ev\x8d\x8d\r\x8f\x8f\x8f\r}r\x13\xc6\x9a\xf8&lt;\x94\xa4Az\xdf\xa9h\xbaO\x05,M\'\xbc\xa8\xaa\xd5*Y\x1b]\nGY\xe6\xf5`\x04\\a\xd4\x11\x9a\xe5\x91bM\xb0T$\xee\xf7\x1cf\xf2\xeaf\xddq\x88h\x15\x8b"!\xaa\xa0y\xba\xeb3\xd1o\x1a`\x02\xc0\x0e\xb7\xc2\xa5\xd1\xfc\xb5\x91\xadBf\xe5\x14\xfd\x00\x11\x1c\x8d\x8d\xa5T\xb1!h76\x0e\xaa\xce\xff|K\x8d\xb5\x1c\x89\x05bD\xb4F&lt;\x00\x00\x05pIDAT\xb1\xdf\xef\x10\xb3\x04(\xaa\x95"\xa9\xba&amp;\x1b\x8a\xc2\x95\xaa\x06y\x8eh\r\xb1\xad\xbf\x0e\xd2.\xc0\xb2\x01|\x05\xc2sW\x80EK\xc8D\x82\x0b\xd77\xeb\x82\xc8\xf3\x82\xa5\xb9i\x91\xe8\xaa\xe0i%3k\xeb\xc0\x02\x17\x02\xac(\x80\xeb\xe6e\xac\x04\xc2\xd1\x85o\x9e\xd6\x0b\xb5\xef~\xb1\xbf\x13\xafT)\xc7\xf8\xf8\x8d\x81\xd17\xdf\xf0\xc5\x1a\x1b\x1f\xdbwv\xa5Pxx\xf0z2\x10ccG\xde\x975A\xc7\xa3\x18\x8a$I\x9c\xa2k\x94\x0bX\xda\xa2\x97]\x1bX\x8a2\xcdH|X\x1e`&gt;[\xa0\x89\xce@\x86\x89&amp;\x91\t\x14\x8a\x87\xbafV\x86\xe3UU\xc3Y5\xb0L]\x13\xd2\xc0\x12\x91\x18+\xe7\x19v0\x16\x9a\x9ex\xc4g6.\xfc\xa5\xe3@\x17\x95\xe7\xdc\xb9\xf1\xf1\xe1\xa3\xdd\x9dC\x9d\xdd\xfeF\xe1\xde\xedJ\xe1\xfbGS\x1f\x85c1\x18+\xedX\x9cd\xa9&lt;\xc7\x81\xaaG\xd1uU\xd7)\x96\xceKrn\xb7{9\x1e\x01\x17\x9b\xa4L,\xbd@\\\xd2\xc7\x8a\xc6\'a\xaa\x8a%\x82\xcb\x12\x05\xd7\x15x\x01Tt\xcedm\x02.MUT\x92u\t\xb0*\xce\x0fGpV\xe1\xd0\xf2\xc8\xb3B\xe6\xc1\x9e\xb7\xbb\xba\x81u\x0ec|\xb8\xbb\xabc\xa8\x13L\xb8\xffn6\x93\xc0j\x86\t\xb0\xb1\xc8\xdfWR\xa2\xc5K\x1c\xd7\xa0\xf2\xb1\x04]\x95r\xc0R\xf4\x12A\x84\xe5CXG\'\xe9Z\x8c\xa6;\xcb6a\xd5\x17\xcd\xcf\x9c\xab\xcfVD\x18\nb\t\xbak\xab\x12\xef\xe9\x9a\xa2\x1af\x16IO\x04E\xe2_b9\x02\xf9s+\x0ed\xd8[#\x8f\x0b\x99\xb5_uu\x1f\x1dn`\x8dA\xadN\xfav[w\xc7\x05j\xf7/.\x86\xe0\xab\xf0\xe0N\xcd\x92@\xb5\x08,\xdc\xf5p\xaa.\xe3\xa4\x15\xa9T-I\x92\x96\x13\xf9\xf2\x93\xab\x0b\xa1 \xe5B\x17di#l\n\xb7\x84\x96\xa66wg\x05\x07X\xb2\n,\xdb%|\x8f\x02\x1f(\x06\xc52T\x8f\x97|\xac"\xb0D\xc11n^\x8e\xc6\xd8@hn\xea\xe9\xc3L\xed\xc9\xe8\xc0\xc0\xf0\x8fb\xbdA\xff\x0f\xb6\xe3\xad\x0b0\xd6\xe3wg"1\x18+rW\xc4\xe1\\cH\r,8_\xa0E,I\x8a\x913V\x8d\xea\xda\xe8dK\xb0\x19QB\x9b\x0e\xc2\xa1):w\xfd\x7f[\xe9Y\xb4bQ\x94M`\xc9\xaeiH\x9c\xaeI\x10\xcb\xb0a3\x1eT\x1c\xfd{\x1a\xbd\x0c\xec\x82\xb5r\x1eM,\x80T}TKl\xaca\xd4\xd7\xea\xf3\xf5y:\xea\xb8\xdb\xdd]\xa19z+\tc\x05\x98\x7f?HH\n-a\x0f\xe5\xea\xe9\xe9\xe1\x0c]\xf7\x14\xc1\xe8\xd1(\x96j\x1b\xab|\xce\x9e\xef^\x8a\x07\xa3\xac\x8fE\xd5\x9a\x9ez6\xef\x88\xb3h4\xbcG\xb1 \x96&amp;b\xae(\x14KwQ8\x15X\x92*`\x15A@\xa5\n\x8ee\xed|\xca`\xc2\xc4\xaf\x1c|\x96I\x14\xfc\x91*d\x12\x99L"\x91\xca$R\xa9J\xa5\x80\x1c\x9d\xc3\xc9\xf7\x07&gt;[\xa9q\x92O\x05\xa0\x1e\xfaS\x01\x96\xa1\x88\xbagTK\x9c\x84\xb2\xac\xaa\xd5\x9c(\xaf_\x8c\x07q\xb6\xfeb&amp;\xdct{\x8b8\xbc*g\x8b\x02/\x9a\xa6*\x11\xd76x\xb8]\x05\x96f\xba6\x11\xa9X\xc0\x92\xd3PT\x10-\x01\xc1V\xbb{\x04\\\xe1\xe4\xad\x83\x0f3\x8b)\x8c\xc4\xab\xc3\xa98\x85;\x13\xd3H\xac\xfe\xe4\xbf\xb6\x17q4\xcfS\x9e\x1e\x9f\nX\x9af\xe0\xc1u\xbd\xa4s\x9cBD\x14\xb1J,\xb2&gt;\x93\xc7\x92\xd0\xc7b\x9a\xea\x8eU\xabYB6+\x03\xab\xa4*:"\xcf\xa3Y\x0cki\xb6\x9b\x16\xfc"\xf2&gt;\x96/\x97\xe8\x08\x16_\xbb\xdb\x82y\x1c_\xb8\xf4h\x11\n\xa5\x12\x94\xeb%[j\xd6)&lt;\x1e\xb9\x12\xa5\x17\xaa\x0c\xffP\xa3I\xc5\xfb3\xb018&lt;.1xE\xd3r9\x8d[\x95T\x91\xd3\xab9\xc2\xd5\xdc\'\xd7&amp;\x9b\x99XC-\xa7fY\x16/\x16\xcb\xb6\x08,E\xb1]\xc13\r\x9eWh\rm\x1b\x96\xa3T\xc0"\xbe\\\xc0\xa2\x92\xd56\x0e\xb7\xc2^\xf1+#\xcf2\r\xac\xd4K,ZBj\xacA\x940vw\xa3\xb6\xc8S\xb9\x94\x9f`i\x02\xcf\xd1\x0eY\x02\x16\xf2\xacT\xad\n\x1c\x8f5\xc5\xf8E6\x829\x0e\xb5\xc4\x1a\x0f,^.gE\xcf\xd4\x15/g{\xba\xad\xf2P\x0b2\xdb\x00\xa1\x11\xcb{\x80!\xb2,\xfbr\x89\xa2e\xd5\x1e\xfc74\x18\x18\xccc6R\xb9h\x19\x95DBj\x94\xb0v\xe7\xd2B\x04Z\x81jqq\x91\xa7)\xaaP\xb9\xb8\x1f\xd5\xc2&lt;\xf4\xb0\xa0(\x19\xab\x1c\xa7j\xc028K\xd2s\xf3\x9bhE~n\xe1)\xac\x1a/\t\xd9\xb2\xe0\x95tE\xcbi\x86++\x14\x0b\x8d\xdeN\x13ZC\x1e\xd6\x02\x16\xa1X\x02\x85\xa2\xc7\xdc\x87\xedc\xd1\xe9\x91;\xb5U%\x95R)\x1a\xc0\x14\x940\xf5xd\t\xd9\xe0Sq\x8b\x8dI\x88V\xf8r"*\x9eF\x88\xc7\xa1\x8a\x00\xa3U\x04VN\x04\xb9-[\xe9\xf5k\x93!\x86b\xf1\xa2\xff\xccn\x99x%\xcd\xef\x0b\xae\xb0\x8a\xb3\xfb\xff\x80\xce\x02F\x9b\x92\xf8\x0e)P\xd2r\x039\x0bX\xb0\xc2\x9d\x95\xfb\xe6\x19\xab6\xb0\x85t\xda\xea\xdb\xad\xc7n\xb5\xb5\xb9`\x97\xb9\xd7*\x83\xa2\xf0*\x1b0\xb9\'&lt;\xbb\xf7X\xf8\x0c0\xa8\x1f\xff}\x0c\xb4\x14\x18\x8f`w\t\x03\xa3AY\xd9MJ\n\x94\xf2\x8dw8\x00i\x90\xb3\xa4\x80\xcdi\xa5\xc7\xb9-/\xa6&gt;4e\xe3\x03\x00\xdcF=,}\x14\x9d#\x00\x00\x00\x00IEND\xaeB`\x82'</t>
        </is>
      </c>
      <c r="M379" s="3" t="n">
        <v>45492.67831018518</v>
      </c>
    </row>
    <row r="380">
      <c r="A380" t="n">
        <v>994190</v>
      </c>
      <c r="B380" t="n">
        <v>49202</v>
      </c>
      <c r="C380" t="inlineStr">
        <is>
          <t>Derik Lacerda</t>
        </is>
      </c>
      <c r="D380" t="inlineStr">
        <is>
          <t>D. Lacerda</t>
        </is>
      </c>
      <c r="E380" t="inlineStr">
        <is>
          <t>CA</t>
        </is>
      </c>
      <c r="F380" t="inlineStr">
        <is>
          <t>ATA</t>
        </is>
      </c>
      <c r="G380" t="inlineStr">
        <is>
          <t>CA</t>
        </is>
      </c>
      <c r="H380" t="n">
        <v>190</v>
      </c>
      <c r="I380" t="n">
        <v>22</v>
      </c>
      <c r="J380" s="2" t="n">
        <v>36429</v>
      </c>
      <c r="K380" t="inlineStr">
        <is>
          <t>Right</t>
        </is>
      </c>
      <c r="L380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fc27207-d272-4c0d-b192-2d395ded2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=Y\x03J\x00\x00\x03\x00PLTE\xff\xff\xff!\x1e\x1c\xfd\xe90\xfd\xec-\xff\xee:$"!\xf9\xe9.\xff\xfe\xff\xfe\xee4\xfe\xee0\xf7\xe2%\xf4\xdd(\xc1\x8ec\xb9\x83[\x98dB\xadvC\xf1\xda*\xbd\x87Z\x0f\x81N\xba\x88_\xfd\xfd\xfd\xaas=\xba\x85S\xa7yU\xfe\xeb4\xb4\x85`\x10vF\xfb\xe5&amp;\xbf\x8a^\xc7\x98j\xb5\x7fU\xbd\x8bW\xfb\xec3\xa1uS\x8d\\&lt;\xbf\x94b\xbc\x8f]\x11}K\x92`?\xf7\xe4-\xadyH*%!\xbe\x8bd\xaa|Y\xf3\xdb/\xf5\xdd \xfe\xe7)\xaf\x84e\x12\x8aU\x14\x8eY\xf6\xdf/\x9bhC\xc5\x92g\x11\x86Q\xf1\xda!\x1d\x1a\x19\xb3\x81\\\xfe\xf07\x9foP\xcc\x9el\xc7\x96c\x95nV3)$\xa4yZ\xb6\x82M\x9bt[\xaauN\xa5rJ\xb9\x94z\xc1\x8f[\xad\x82a\x9djKK;1\xc4\x93^\xba\x91q\xaf|R\xa0jD\xb1|G\xfb\xe87\xa8~`)()\xb4}M\xa3mG\xc3\x94cUA5\xac\x7f]\x16\x93]@3*\xaf\x88j\x93fN7/+\xa7\x84g\x8akU\xc2\x97k\xb6\x86W\x93\\7\xc8\x99s\xb5\x89f\xec\xd82\xbf\x91lxXB|^K\xb1\x8fy\x84\\@\xa1z`\xfc\xe5.\x0cm?\x98lJfM=\x96d6\xc9\x9ew\xb4\x8cl\x9a_;qR:\xae\x81W\x89Z2\xaf\x88t\xf9\xf9\xf9\x9ci;\x15\x9a`\xbf\x97v\xce\xc3F{T8\xf4\xe86\xec\xd4"\x92gE\xb9\x8ff\xf8\xe25\xee\xee\xef\xbf\x99\x7f`F1\xcb\x9ae+\x1e\x19\x16\x16\x14\xdb\xce=\x8a`B\xe1\xd1/\\\\[\x87dK\xf5\xf4\xf3\xe6\xd6;\xa6n=\xb8\x8an\xef\xe09\xb6\xadOoH.\xd2\xc30MLM\xc4\xb8E\x1f\x89W|O.\x8a\x81C\x9etK\xac\xa1@\x95\x8bA\xa2\xceE[J&lt;\xcf\xa2x"|Q\xdf\xe2\xe4\xc5\xb44=%\x1a\x9c}jkUE\xa2\x96=\x9f]O\xeb\xe6\xe3\xa4\x9eR\ra7\xd6\xbe\xb6\xb5\xd7Eka,\xa9\x82o\x98\x92Q~p[L\x856xrE\xf6\xee&gt;\xdb\xc4%\xe4\xca\x1eP1#gjlY&gt;\'\xca\xa2\x82\x1d\x98`\xdf\xe2?\xcc\xaf\xa6j@#\x80t.\xc5\xbf\xc0\x80\x80\x86\xf6\xe8A\xb9\xaa91\x88S\x8a\x89Z:8:0|=\x9d\x8d0`gA\x1a\x9dd\xea\xdeE\xad\x9c%?e=\xbfzv\xb4op\xcd\xdeB\xb7\x9f\x9b\xed\xe9=\xa8m[\xd7\xd2\xd2\xa3\xa2\xa8#l&gt;\xe4\xd3\xca\xc7\xcf:G\x96N\xad\xbb/\xb4\xb4\xb8\x92\x82#\xbd\xac\xac\xe5\xdb\xd8\xc8\xcf\xd0\xd0\xa9\x91\xa2\xbfG\xad\x88\x87\x83\xa6&gt;\x89\xb4Mo\xa3J\xc6\xa7\x0e\xda\xd3M\x91F(\xb1fdP\x84Z^\x97@\xb6\xc5Bq\x8c`\x94\x93\x99\x9e\x84|\xa4\x92\x90\xec\xe0a\xec\xe4\x94\x91\xba\xb0\xcf\xbb\x1d\xf6\xf2\xd4-\\2j\xa3\x8d\xb0\xcc\xc6\x9e\xb16p\x8c(\xbe\xb0\x1e\x93\xa6i\x8e\x9c(\xd5\xdb\xaeO\x94\x81@\x91s\xc0\xc8\x89\xaa\xb7\x88\xb0:\xdfV\x00\x00 \x00IDATx\xda\xcc\x98\xdfk\xe2j\x1a\xc7\xc7\x8b\xe0\x8d\xc9 z\x1a\x04\xeb\x12g\x08\x8d^x\x11A\tG\xdd\x9a\x8eJ\xe3\xd2\xe8*VGk%q\xb2\x10O\xc7\x1f\xc7\xa1\x08\x8aS:H-{!\x82\xf4\xc2Ci\x85\x81\x81\xa5W\xad\x85S\xea\x8d\xf7\x87\x99r.\xca\xa1{9W\xdd\xf9\x1f\xf6yca\xf7~\x9b\xce&gt;\xad\xb15\xa5\xf9\xf0}\xbe\xcf\xf7}\x93g\xcf\xfe\xf72&gt;3B5\xbb\xdd\xa6\x15\xfd`|\xf6\x7fQ\xc0a\xb4vog\x07\x17\xb3\x1bT_\xac\xdf\x1d\r.o\xed\xde\xccf\xb3\x03\xd1\xf7\xc1\'\x8a\x18\x86\x89\xf3\x8b\x9b\xe3C\xab\xf1\xbb\n\x05\xbd\xbb\x17}&gt;\x03\x06/\x1f\x90}\xf0\xf9\x80\xec`v\xfd\xf1\xf0\xbbif&lt;\xbc\xbb\x9f]\xcc\r@d0\x00\x95O;`\x80\x88\xcd\x87\x17\xf7\xc7\xdfC2\xa4\xd4\xcd\xdc\x80a\x06\x83\xc8`\xb9 \xc3\x88\x0c\x03\xbf\xf9&gt;@a\xa8\x9b\x07\xd7\xcd\xa7\x17\xcch\xb5\xde\xcd1\xad\x00+\x88le\x00H\x06\x8e\xf0\xae}\xcfgO.X\xf3\xf8\xfa~\x88\x01\x87\x88\x14B\xc6\x02ki\xce\xc24\xd14F\xf1\xe0\xb6\xfb\xa4`\xd6\xdb\xa1\xa8\xc9\x84i\xae2\xec3\xb9\x0c4\xd2\xb0\x8f\xb4b\x98\xc5\x87\x98(\x8a\xb3\'\xe42\x1a\x8f\x87 \x13\x04\x02\\;\x98\xc9\xc4R\x95Z\xad\xd5j\xd5\xf6\xf6\xa6\xb1\x0c\xd0!\xf7\xc3t\xc2+\x07\\Of\xab\xc3\x19\xf2\x12\x86\x98R\xb5\x9a\xac(=\x1a\x8ah\xb7i\xa7\x02p\x99}m6\x11\x9a\x98\xbb\xef&gt;\x89\xf1!\xd2\xaf\x81\n\x94\x02\xa6\x16\x10\xf5\xe8\x9e\x13}9\x01\x8c\xa6\x9dNg\xa35\xd8\xcb\xa0N\xfa\x10y\xee\xe2\xf6\xf0\t\x04\xb3\xde]\xe4D\x11\xe2 3h)t\x0f\xe9\x04D@\xb38\xa0j4\x10\xd94\x88l\x06\xb39\xbf=\xd4]/\xeb\xc7\x03\x83(\x1a\x98\xd8\xa0\x85\xf4\xd1\x14z8\x12\x1a\xe1\x7f\xd8\x06\xe7\x8cOk\xf5|\xd6\xd5\x9b\xcbz\x93\x131&amp;SQ\xb4k#\x18"K\xfcw-\xd8\x8a\x8bf\x9e\x80\xbd`\\\x91\xc1\xf4\xa5\xea^\x00UJ^ !("\xaa\x15\xc1\x12l\x94]`\xd1E\xbaX\x04\xb0\x86\xb35\r\xc2\xb0\x82\xbc\xb7\xba\xfa\xde\xd8\xbc\x1e\x02\x95\x82\x8c\xa41\x11\xd9h\x94\xe3(\x8e\xe3\x92\xd1x4\xcaB\x11U\x82\xa8\x02\x1a\x12\xcc\xa9\xd4N\x80\x0b\xc3\x0e\x8e\xad:\xe6\xd5!\x8aQ\xa0B.\'4\xa5\x00\x88\xa2H\x92\x0cS&lt;\x9f\x8c&amp;\x93qT,[\xadV\x01\x8c\x06\xb4Z\x10a\x893\xfdl\x8f\x16g\x11\xcb\xc8\x0f\x9e\x02*\x8e#I\xb7\x9b\x0c\x85(\x8a\xe3\xb9(\x97\x8c\'\xb5\x8a\x03W\xb1ZD\xe5\x9c\xa2\x05\t\x1b\x1e\xeb\xd5F\x8dJ\x14\xb5\x16.,\x95\xe4\x90P$I\x91!\xe8#\x8f\xa4\x82\x17\xa2\x8a\xa3f\x165\x8f\r\x82\xda\xda9k\xea%\xd6\xf1P\x14\x83\xb9=g\xb1X\xd5\xa88\xad\x85\xa0\x95;\xb4\x91v\x93\xe10\xcf\xf3\x8b&amp;V\xb56\x12E\xa4\xd8(\xc3 .\x90KG\xb1r\x99\x1a\r\x17d\x17\xf3\x17E\xc6rC\xa5#uA\xe3zPk\x91\x15\xd0\xc8*\xdd\x98\x06\x11\xd7P\'\xd3[\x8f\x0fD&amp;\x18\x1b+\x88\x8a\x856\xa9Q\xf5\x08aA#\xddi\x9b\xcd/\x84\x1f\xb8\xe2\xf1EP\xc0D\x02\x96s\x10\xcbAv\xcd\xeft\x9a\xc5{Xt2\x95Z\x0f\xae\xc9\xb2(\x0c\xa2*\xa8\xb5\xa0J{l\xb6\xb4;\x8c\xc04\xcb\x83^h(\xaa\x00F\x8c\xf6bA0\xd7\xbd&gt;[\x9c\xe6\x05\xb40V\xa9\xd1\xec;\x14O\xa8\x83G\xd0\xc1\r\xd4\xc2t\xa4\xf4\xb6\x04\\n\xe40@\x83odz\xa8\x9f\x08\xc29He\x10VS\x0f,\xa3u\x06T\xe3Z\x0f.\x87\xb8\xe2|\x18T\x8aD&lt;\x9b\x9e\x88\xc7\xe3\xb1!.\x04\x86\x12\xc3]w\x93\x14\x9f\x84\xe0\x07\xb0w W\x0ec`\x14uQ\x0ba\x8d+\xb2\x8a\x86\x9f\x8d\'y\x08\x86\x8d\xd7\xaf\xff\xf1\x1a\xca\xb3\xb9Y\xb2\x95J%O \x9f\xef\x97\'\x93r&gt;\x10\xe8+J[\x13\x8ce\x1b\xb0\xcf\xc1\xb0\x0b}\xd6\xc5\xe6L\x9cW&amp;m\x1e\x8dY&lt;\xde.\xcbr\xb9&lt;\xa9T\xc6\x00\xf17\xcf\xe6[P\xcb\x13\xe9W&amp;\xe3X.\x98\xcbeb\x99Lf,\xb75,z\x90\xca1z%\x84u\x06\xce*\x1fi\xd3\xdf\x96S\x99\xcc&lt;\x06\xfb\xf7`.6)\xafB+7\xdfz"\x91|*\x15\xcb\xe5\x18&amp;\x08\xf9\x96\x9b\xc7bcY\x01\xac\xb6RK\xc5\x98\x83\x8fz`Y\x9b\x17\xf3\xd4$\x0b\t\xc0\xf6\xe4qJ\xd3\x84\t\x06\x99 \x88\x12\xd8H\x83\xbf"u\xf2\xa8\x12\x8b\xa1{F\x06N\xa6&amp;\x93q*\xb5\xa7\xb0q\xb5-\xc30\xea\x83e\xec\x0eA\x97\x00\xcfG\xe5q,\x96\x8a!\xa9\x10\x16\xf4\xab\xd2\x0f\x81\xfb\xeb\xc8\xe7\n:\x91\x81\xedt\xa5\x9c?===\x9bT&amp;\xbdd\\\x05\xb9r\xfa4\x11\x96\x9eT\xb9\x0f\xf1\x99\xad\x8c\xcb\xf9\xfcY\xbf_\xae\x8c\xf7\x00p\x0f\xa2\x0c-\x8d|X\xa8S\xaa\\C%\xb7\x8f\xa8Hi}\xed\xcd\xeb\xd5rYMr=\xa5\x12\xd3\t\xeb\xcb\x10p`\xa7\x90?;}\xb3\xb6\xbe\x19\tQ\xaa\xda\x83\xdb\xb0\x96\xd2k\x1f\xf1\x10\xa3|\xb8^?RU\xc2\xd9\xe8\xb5\xd5\xa3\x15a\xab\xb3\xbb\xfb~\xed\xb4\x9f\xe5\xf8\xb6"\xa7\x86_t\xf1\xd6\xddp\x82\xb0V\xcb\xa7k\xef\xdf\xaf\x97\xea$u\xa4\xd2\x8d\xd1`\xd4h\xd0\xec\x03\x96\xc0\xc7\x89\xc6\xa8\x810\x05\x07n\x91vw.\xd7V\xfb\x1c\xa7\x82\xb4\xa9[=b\xdex{\x00qDQ\x81\xb37\x97\x97\xbb\x1d\x8b\x1f\xbct\xc4:GWP#\x1a\x88VV\xfc\x9d:\x8b8{\xea\x11\x0fb\xb9$\xa9\xb0\xbds\xb9\x896\xb0\xbd\xf2d|\xabK\x9e\xdeL\xce4\xac\xd3\xf7;;\x92\xd4\xf1\xf3\x84S\x19\r\xae\xa6\x805\xa0m\x92\xcb\xbc\xf5\xf2\x85\xad=\xb8\x1a\x8cF#\x05\x16N\x96OK\xcb\xcb\x85\xdd\xb5\x10`A\xccMtQ\xcbzs\x06X\x1c\xb5\xfa\xf3\xe5\xcen\xa1C\xb2\xedl\xb6\xdf\x1aL\xcf\xcf\xa7W\x83\x9e\xcdd\x16\x04\xb3\xc9\xd6\xbe\x1a\x00eK.\xf7\xd5P\x88c\xc3\xaeBa7\x02X}\x88\xdek]\xd4\xba&gt;\xcb\x83Z\x9fC\xbb;\x05)\xadR\xa4:8?\xd1j:h\xd1\x82\xf9\xcf+a\x87\xd9A\x8f\x10\xe8\xf9\xc9\xfe\xfeI\xaa\xbc\x11\xa2Y\xff\x8bB\x89\x8a\xaaYX\x93~\xd3\r+\xcf}\xde\x90$\x9b\x9f[\xed\x8fc\xe8\xd1\x11\x93\x02\xae\xab\xf6O+\x89%\xdc\x81/%\xd8\x06\xb0\xa6*\xfb\xc1\x0f\xe2\xc5\xc1\xb4\xa2d)K\xa7\x14R5\xacoz`\x195\xb5&gt;\x87"\x1d\x9b\x9b\xea\xa7N\x86\xf7C\x0c\xfb\x90\xabL\xcf\xa72\xf1\xf7\x84\xd9\x8c/\xe1x"I\xb4\xf6\xf6jr&amp;\xe8\xcb|;\x03\xd9Zj\xa4d#9=\xb1@\xac\xc0j\xa8$E\xc8vM.\xcb0\xf2\x804\x18\x8c\x9c\xec\xbb$n7;\x1c\xe6%G2\x0e\xb1\xd5PZ\xadAM\tl\x84\xd46\x91\xac\xd7\x01\xab\xdd\x97k\xa7zl!\xac\x7f,\xb0&lt;\xa5:\xef\x8el\xae\xbdus\xed\x16\xf2\xb73\xfa\xfc\x87\xc4\xabWf&lt;\xb1\xb4\xb4\x94\xf8\xe1\xf9\xbb\x06\x8cb\xa3\xc8\n\xa5uH7\xe1\xb9P\x0fsY\xc0\x92\xf3:\xc4\xbc\xf1\xf0\x1b`e\x11\x96\x00\xab\x8c\xe75Eh\x99\xd5\xe2\xd2\x8e\xbf$\xec\xaf\xa0\x89\x8e%\xc4\x95XZ\xa1\xe1\xc4\xa8Q\xe5\xd1\x9e\xd0\x8f;\x04\x92\xcb\xf6\x15Y&gt;{\xfcG\xa9Fk\xf7_\x0fX\xe8^\x82L\xc2^^\x85%\x86\xf4\xfb\xfdB\xc2lB\xd6\x02,3`\x99\xcd[B\x12=\x1e\xa1\xd9$\xcf\x0bp\xef\xe1\xa6\x10V\xad\xf2\xf8\x0f\xba\x9a\x1f\xaf\xcf\xca}\xe8b\x08,\x1c^q8`i\x81\xc2q\xbf \xac\x00\x96\xdd\xac\x95\xddnNh\xb5\xb4\xb4\xe5\xd8\xda2\xff\t\xfe\xd0\xe1w\x93Q\xd8\xab*r\xfe\xb7G\xde\xdbt\x7f\xfd9\xd0\xebe\xb3\x81\xd5\r\x8f\xc5\xb2\x05\x00\x16W\xc7e\xc1\xe1\xa2B8a\xf6.\x9b\xecv\x93\xcb\x8e\n\xc7-\x0e\rk\x0b7\xdb_\xbe\x847\x0bx&gt;\xab\x10I\xd8g\x7fzL,\xa3\xf1\xf70\xee\x08\xc3?\xcf\x86&lt;\x9b\x1d\x90\xc6b\x82\xf4\x96\x00\x0b\xf7\xfbA6\x97d\xb2\x9b\xb6\xe1\x00\xf3\x18vX\x128\xf4\x14\xa0LP\xf6-\x1bZ\xd5\xb3J\xfcy\x02\xaf\xfe\xfa\xb8X\x9f\xbe&amp;%\xdc\xef\xcef7&lt;%I\x02e\n\xdb\xdbR\t\xd7Z\xe9\xf2\x0b\x0e\x8b\xdd.mo{\xbd(&amp;\x1cx8\x0e\x9f\xdb_\xc0J\xed\xf5\x9a,6[\x9d$\xd5^|\x05\x0f\x7f\xfd\xf4\x98\xcfG\x10V\xd1e\xc2\xfd\\ R\xeaH\x1d\x97\xd7\xeb-H\x1d\x9b\xe0\xf0\xdb\x00\xcb\x02\x1d5\x99\n\x92K\x020\x17\x9c\xb4T\xaba\x00s\x99\xbc\xcb\xde\x1f\xed6\x08.7G\'\x1d\xf6\xe2\xd7\xdf\x1f\x15\xeb\xd9\xa7\xaf_\xed^\x93\x9fZ\xdd|\xbb\xbe\xbb\xfe\xc2\xfb\xe3_A\x05\x98A\xa1\xeewmoo/\x17\xb6\x0b&amp;\xbb\xc5\xbe\xf3\xcf\xcb\x9d\x9d_~\x91\xc2\xc5"/8\xccv\xafwy\xf9\x85-\r\x93K\xb5\xd3\xff\xe6\xd5\xfc^R\xf9\xd38\x9e\x17\xd1\x8dS\xc8D2`\x82qXN\xce\xc5\\\x144\xc8\x8e\xb3\xa32\xba\xa3\xcb|s\x1d\x1c\x1b[\x1d\xfc5\xa09Z\x16"$G1b;4pn\xc2\x8b\x96/\x19\x05\x81|\xaf\xda\x84\xbe\xf4\x17\xec!l9W\xf5\x8d\xaeNW\xe7\xfc\x0f\xfb|\xa6\xc3wov\xef\xd4\x8f?\xe8\xae\x97\xcf\xf3\xcc\xf3y??\xf0w\xa9\xca\xd3\xa8\x9d\x98Z\xb7\xfd\xd5\xcdj\xba.\x08\xc2\xe6\xe2\xe2*\x8e\x9bM\x870\x91y~\xfe\xc7`\xf0\xfc\x9c\xc61\xf7\xe0y\x00\x90e\xf7\xb6+\x95Z\xf1\xad/\xbc\xb3.\x82\xafy\xd4jJ\xf0\xbeuge\xa4\xd6\x9a\x07\xac\x8a\xd3\xb9\xb0)\x9aX\xf5rz\xd1\x8ac\xb4/\x1a\x89:qw\x9a\x0ejr\xeb9\x8d9\xddi\x15\x1e\xb9\x08\x8a\xa6\x15\x90\xac\xd1\xf7\x0b\xd6tyS\xa5H\xd08\x8cX\x99\xb3VF\x1c[\xb7_\x87\x8bs\x15B\x01\'\x06\x02\xadA9\xed\x86\'3RI\xf9\x01\x8b\x8e&amp;\xb8\xe4\x11c\xe0\x18.\x1dr\x1a34T:\x1cM\xed\xec\xa4\x8e\xd7\xdd\xe5A]\xa7H\x10\x8f\x1e\xc2?g\xf5]\x8d\xdaZ\xd8\x1f\xffR\t\xcb\x9c\xa2\x83\x90\x1f\x0c\xd2V\xa0\xda:\xd9\x89\x86iU\x95\xb5~/\xd7\xce&amp;&lt;\x89R\x15\x12\xae&amp;Jd\xd87\x0b\x12?\x15\xa1\xd3\x83\x96\xaeJ.O\xc2E\x84\xe7l\xc4\x97\x11\xe7\xad\x0b\xc7\x9f\xd7\xe7p\x95\x11\x7f`\xbd\x0bGgO~]B\xcd\x11\x8dI\xe6B\xde\x8e7\x8e\xc4\x9f\x17\xaa\xc6\x1c\xe3\x02\xcdp\xf2\xe9\x0f[)\xbf\xbb\\\xa7(\xd1\xe3Ix\xf0\xf7\xc7\x7f\xc2F\x8a55s)Xm\xeb\xefW\x9b\x8cV\xcb\x83\x13\x07u\xdc\x17\xf9t\xddN2\x0c\x93\x83\n\xdb\x8bfb\xde\xeb\xce\xda\x81\xa5\x03\x05u\xac\x9aK\xe6\xb2\xedOQ\xffl8#P\xbc\xc81\t\x17\x16\xa9\xf8F\x8d\xb5{\xe5\xc6\xd6\xd7W3\x1c\xd7\x07\xacV]\xa0\xc8\x93\xb3\xd0\xf9\xf99*\xfa\xa1\xb4\xeet,\x96\xceY\xe7`\xcdb\x81\xbf7\xe2\xf1\xd3\xd2y\xb6}\xb2\xed\x8a\x10*\x0fX\x89Dx\xbb\xf2\xb5\x82=\x8d\xf6N\x9cy\xca\xbc\x9f[\xc73\x9c\xd6\xafA\xcc\xd7\r=x\xb6q\x1a\xda\x00\xa6x,\x06\x05~\xa8\xddF\x12\xfe,\x14+\x95\xda\xa5\x10jM\xc4\xceo\x82\xc4J\x98\xe0%\x96I\x04\t\xcf\xc9\xd7\x14}9\xea\x06\x84p|\x1c\xf6eX\xae\x86\xb0\x04\xc3htB\xf1e\xd4J\x85\xc2\x9fa\x12\x87\x89\xe0,\x1a\x0e\xcc\x06E\x88\xa5\xa3P\x07\xc2\xec4\xd4p\x07}4/j\\\xc2\xa3z\x96|\x841j\xac\x8f\x839_$\xa2*L\xbf\x96\xcf\x07\x0c]\xfe\xd5\x1b\x07\x93\x9cr\xb5|\x8d\x1a^\\\\\xcc\xc2\xe7\xa22{\x11\x1cR\x86Nq1\xe0\x8a\xc7N\xdc\x1e\x1fM\x01\x16\xc3R\x92=c\x15G\xed\xc4\xdd\xdbL=\xec3(\xa6\x87\xb0d]\xff\x14\x8fw:!F\xeb\xf7?\x7fFX\xbf\x9f\xe1\xebp\x98\x98-\x9c\xad\xad\xc5c\x05\x95%%J\x01,I\x92\xe4&amp;N=\x8c\x1a\xeb^(C!\xc6C\xc8\xc3\xa9\xc9\xc2\xd2u\xe8\xacs\xd6\xfe\xd4\xce\xf6^^\xbe\xc1\xeb\xe5\x85y\xb9\xff\xfe\xfd\xfe\xfb\xe3K\xee\xfa\xe6\x1a\x9cx\xd3\xf0P\xa2(*\x08K\xf4\x85\rqX\x1b\xb1\xb5\xa6\xe6o\x03B\xb3\xb9Nr\xe0Dx\xf5\x03d\xa3\xda\x86\x10\xeft\xfe\xfe\xef\x87\xbb\xc7\x87\xc7\xbb\xc7\xc7\xef\x8f\xbf\xdd\xdd=\xfcvy\xf7\xcf\x03\xa8^\xcf\xda\x85"/+\x9a\xa8\x80\x13\xb9\xc0m&amp;c\x0cG\x1d[S\xf3\x0f\x01\xd0\x7fsZ\xafgZ\xab\x967\xfc\xfb\x8dj\xa3z\xdd9\xfdv\x87\x90\xee\xef\xef\xbf\xdf?\xde\xc3\xfb\xf1[\xe9\xec\xbazs\xd3(\x92\x06`i\x8a"r\xdc\xd5\xfc\x97Az\xf3\xf6\xe3\xa8K\x8c\xcbVz\xd1\xf6\xfc\xf0\xd2\xcb\x07\x02\x88\xacEt\x13\x87\x87\x1c\xd7h\\\xbc~~\xfd\xfc\xdf\xf3\xfaz\xb1\xb4\x14\xdco\x14\xf6\xbb\xaa\x00X\x8a\xa2\xb0\x9c\xf6\x045\xca\x97/#\x1f\xde\xcd\xec~y~\xbe\xfa\xb8\xfb\xd8\x83\x04\x91Ga_\xb7\x17\x8b\xfb.\x9d\x1a\xbe~\xfe\x97y\x00\xe9\xed\x8f\xd7!i\xdf\xdf\xefv]\xba.+}Y\x81tZ\xfb\x80\xb6\xbc\xc6\xd2\xb1\xf9\x08\xbfu\xe6\x0e\xd2i+\x9f\x7f\x01s\xa9.W\x97\xd5!\x85\x19o0\xe8 0C%$\xbb\xc7N\x16Y0\x16%\xcb\x14\xcf\xb3fWd&lt;\x03E\xf4[g~\xfe\x06\xd6\x02/\xa2\x9c*\xb2,K\x19B\xab%\xd0\xc3\x1f9":\xa4\r\xa8\xa5\xe9\xedmBd4\x9d\xa2\x14\x99Gw\xe2\xd5\xeeXG\xe83\x1f\xef\xfb@\xd4\n\xa0/\x85e]\x14\xe8\xc2\x80\xcc%\n\xd9\xc6I\xe3\xe4\xa4q\xc8(\xba\xae\x82\x9e\x06\x16M\xe1Q[\x1c\xb0\xb4\x87\xf1n\xda\xcc\xcc\xdf\x81\x13M\xac@\x00\x05\xb3D\t\x82\xae%s\xd5v\xbbT-\xb5\xdb\xd9#\x90d*T\xd2&lt;\xafi\x1aO\x99\xfdz\xb1\xff4\xde}\x83\x99\xf9\x87~\xbe\xf5\xc6\x95\xcf#.\x97\xa8\xe7\xc1Z\xd9l\xb6\x90\xcb\xe6\n\x87E\xd14\x16\xc1\xb2\xa2\x06\xd7#`\x11\xbc\x98\xff0n\xac\xcb\x17d\xaez\xbd\x8e\xb0dY\x16]\xf0\xcf\x91VO\x14\x8e\x12\t\x8f\x87$(\x91$!\xcaE\x85\x13i\x82&amp;\x08\xc0\xba\xdf\x1d\xf3\xd6\x08\x04\x17`\x05P\xc3\x1d\xd2\x84\xa2\xc8`/s\xae\xef\x01\x19\x91\x08\x06\x83v\x89\xb4\xdbE^\x12)\x8d\x13y\xa0\xa2\x08\x8a\xba\x1a\xf7\xee\xcf\xfc\xee#\xe8\xd3\x00p\x05j\xb5~\xbf\xa7\x80\x9f\xd8b\x11\x90\xe0\x8d\xace\xb7\xfb\xec$o\'Y\x0eD=\x0f\xb6"(\xbe\xff0\xfe\xd5\x9f;\x94K\x05\xe0\x12\xfa\xbd^O\xd44\x91)d\xab\xd5l.\x07\x9f#D\xe7\x81J\x87e\x98$\xc7I\x12\xc1\xf3\xe3\x8fxs\xc6\xf2\r]\xd6\x02\n.\xa5\xd7\x03q\xc0d\xabmS\x94\x82L\x05\xa9\\\x82\xa7\xf10\xc1p\xa8s(I4-\x91l\xffr\xfcX?\xbf\xd4j5\x03\xec\x15\x10\x00\xab\xc7\x9c\x9f\xc6\xd0X\x11M\xcc\xe2q\xa0\x03\xb6j\t\x0c\xc7p"\x88,4\xbe\x9e\x04\xd6\xfc\x07\x84%\xcb5]\xa8\x81\x17\x7f)A\x8d1=\re\xc5\x06\x9a"\xc6\x81\x0e\xa4=\xbcO\x93\x1c\x89\x98\xd0\x99\x84\xb5\xe0Q\xac\xc9\x14%S\xb2\xa2\xf4\x92\xb9\xf8\xc6\xb4e\xba3m\x01\xa8\xce\xf42TAh"\x1c\x8f{CI\x8e%\xd1\xa2\x0b`Q\x13\x88\xad\xdd{\x19\xb0@uB\xb4\xf7\x8eN\xbdo+\xb0\xcbo\xbb\x9e\xcb\x88\x0e\xac\xb6l\x89%\xd1\xaa\x92\xc7\x05\x05.=\t\xac\xf9[\xc2\x90)\xb8YX\x96K\xe6N\xbd?\xfd\xb4\x8cV_\x01\xea\x00m\x90\xbd!Z\xbc\xa5\x04\xda\xddp\xb9\xec\x12\xed$&amp;\x82\x85\x1b\x06\x05\x92\x93\x85\xa7\xf0(\x1bZ\xb6,\xff\xbeem1\x17;\xd1\x9eb,w\xb8_4\xa9\x08\xdaI\x8f\x1f\x0bT=\xe6\x16\xe0\xd6\xe1\xc1Z\xc0U\xda@\xfb\xa5h%\xfd\xe0\xe0\xe0m\r|z\xda{\x9a;\xda7\xd7\xcdH\x82\xc0\x9c#\xae\xf1\xff\x8f\xb50\xbc)\xe8p\x1bB\xe5\xc0q\xb9\x98\x17\xad\n\x1f\x98X\xe6\x12\xec\x9a7^\x82\xb4j\xae*I\x04\x8ec\x0b\xf4d\xb0l\xee\x8ca\xd4@\xa7s\\/\xf9\xcb)\xa4\x06\xcb\x0f*\xd4\x83XngQ\xcb\x04\x99\x8a\xe4Q\xef\xdeI_MM\x06\xcb\x9d\x11\x04\xc3\xe4\xe24&amp;[\ny-\xcb\xe6\xae\xf0\x1a\x94\xff\xd5\xc3"x\x97a\xd1\x12\x82\xea\xc61\x9b\xd39~\xac\xa9\x99+\x0c\x07,\xe0\x92!s\xc1\x03\xe9r1U\xb8w\xda7\xa1\rHW%\x08u\x0fP\xc1\xb5\x08q\x85\x03\x16\x06X\x13p\xa2\x89\x05n\x04Y*\xf7e\x11\xb0\x8a\x85\xc2a\xe1\x10mYW\x0b\xfb+\xc5b\xd7\x05\xb4v\x92VM\xac\x85\x05\xe7\xed\xfc$\x9eD\x1b\x8e\xbb\x9bz\x00\xf9Q\xe6%\xa9\xdb]).m\xc1\xd9C_++\xc5\xae\x9d\x85k\x9a&amp;p\x1a\xc7L\xac\xe7\xf1/\xcd#,\x87\x19\\\xa0m\xc0`\xea\xb6\xbd\xbb\x87\xce\x16\xfa\x00[\xa4k\'\xed.\x96\xe2%\x10[\x98\xcdf\x03\xac\xdd\xf1\xc7\xd6-\xe6\xb0Z\xddMDe\x18\x82.\x10\xe1\xa8\t\xb4cr\xed\x1d\xfb\xbb\xe6R\x1e\x05\x01\x0f\xc1\xe5\xb0-,,\xb4\xc6\xbf\x02&gt;uksX\xdd(\xba\xeau\x1d\xb5\xe9\x89\xb0/\xba\xf7\xc3R{@\xe5\xebv\xa1 \xe2\t\x1c\xea\x1f\x0c7\xad\x15\x18\xfb\x068$\x887\xac\x8c\xe9HA\xa7\x88\xed\xed\xf7\xd1\xad\x1f\xe7\xd8\xef\xf7\xdb\xed\x92\xc4\xf3P\xff`\xb4\xe9D\xdbd\xb0pp\xa2\x03\xd9\x8b\x80\x02HU\x9bM|\xdb\xbf\x97\x82\x80O\xa1\xc8\x8aD}P\x8fA\x1d\x06e\x0f\x1a\xa0!k\t\x13\x10\\\xb7\xb8\xd5\xbaj\x85\xec\x8d73\xf52\x84=\xe1t\xfa\xb7v\x80\t&gt;{\x11\x7f\x18\x1eA`R\xd1\x04\r\x83\x03X\xc6\xf8\xb1\xa6\xae\xdc\xd6\xd5U72W&amp;\x93.\x97\xcbu\x15\xc7\xfc[\xa9\x1dtR\x95H\x18\x14\x03d\x10\x07\xbat0\x13\xcb\xb60\xf2v\xdb\xff\xc2\xc2WWW\xd1\x08\x18w[\xd1&lt;\xac\xbc\xb9iz\xf1\r+\x1a\x868w8\x1c64\x03E\xd6\xb29\x10\xd6\x04\x9eDd\xadU\x88zH\xaa\x9b\xe9\xb2\t\xd6\x04.0\xd8\xd6V\xc4\xf77\xb75\xb3ju\xfc\x87\x97\xf3\x0fm\xf2\xce\xe3\xb8D\xcfB\x9elI\xd3\x9a\x95\xfchtyr\t^S\xdaX\x83Gr#X\x9e\xbbEM\xce\xec9"\xc8%W\x82\xb0k\xee\xae0AB5j\xb1PR\xda\xa2\x17[j\xc4\xc6\x0c\x8a\xcb\x08.\xbd\x047\x07\xb9\xb3\xc5\xfe0\xfd\xe7\x18\x9d\xed\xcay\xd2\xb5\x03\xeb\x18\xb5\xb5\xfe\xae?\xee\xfd\xf9\xa6n\xc7q\x8c\xdd\xb6\xde\xa7U(O\xe0y\xf1\xfe\xbc?\xef\xcf\xb7\xe4I\xb5[\x01\x05\xb2W\x80\xa8\xda\xf5\x7fib\x1d\xb8\xe0z\xadV\xa6\xd35\xb1j8\xb6\xdbL)\xd1e.\xf374\xd4\x892\x9a\nz\x83\x9dM\xa2jW\xcb\xda\xa7&lt;a\xc9H\x0f\xedV`54\xf5\xf5A1C\xc0i\xae\xdf\xd3%W\xc9t\xf4n\xac\x0c\x81\xfbJ\x00ZU\xb2&amp;\xee\xba\xb0\x86\xdb\xa7\xa4\xbc\x9c&gt;@\xfa&gt;\xbdU]G7\x96\xc9\xfcP\xab\xef\xa3\xa6\x06\xbfX\xaa\xdam\xae\xdf\xe4V\xb9H?\x1d].\x83\xe3wTV\xd2\xb3\x11\x95_\xfdu\xcd\xb8J\xca;Z\xa8\xfe\xb9\xb5NG\xde\x82\xbbdu\xba\x86&gt;\xa8\xe5\xaf\x93\xf1e\x81\xddf\xb3S/\x88\xa4\x16a\xd3\x91\x06\x96\xd7\xca\x04}\xe5\x81\xab\x9f\x95\xaf\xd5S\xfc\x9f]\xbat\xa9\xfd\xd2W\xbf$\xc7\xd3}y\xad\xb6\x88\xd5\xe0\x97\xe9y\x9eWy\xdd*A0\xe8t:\xbaN\'-d\x1bL\xe6\xd2V\xfe\xea\xdd\xf6\x0bks\xb8i\xf9\xdb^\xfa\x9c\xe6\x1f\xff\xb0\x03X\x0eP\x19\xb6\x1ad\xbc\xe8\'\xac:m)\xb8\xf4N\xa7J\xaf\x95\xe1"\xe4\x14\xb5\x81\x00{D\x83\xa9U\xff\xce\xde\xc55yz\xab\xfc\xfeOpX\xdfw\xe0\xd5\xfa\x1d2\x07\x04\x11e\x187Q4\xf8\xed}\x1f\xf5\xe9x=Jp\xe2\xb0P\xaau\xd1e]\x1d,O\x1d\x04\x15a\x1d\xdd\xdf\xb3\xd8\xb1\x06\x0f$\x9d\x7f\n\xa8?\xbf\xfe*6\x9eH\xf7u \x05d2Q\xf4c\x12\xfbt\xb2R}\xa5J\xe5t\x92^\xc0\xb2\xdb\xc9[\x94\xaaZ\xbc\xc4\x05\xac\xb7\xde\xec\x19\xbbw\xff|Gy\xf9\x8f\tu\xe8\xc6\xbd\x9e\xbd\'\x0e\xbf~t[\xfd\xce\x00\xdd\x97\xf4\x10y\xc1%\xfa\xc9\\:\xb14\xe0\x95\xbb\xe5n\xb7\xdb\xa9\x12p\xb9\x81\x02\x84\x9eP\x12e\x0e\x87\xab\x94a\x85k{\x86n=\xbes\xf7G\x02+)\xe98\xbf\xf8\xccW\xb3|\xf8w\x7f\xda\xf6\xd6\xce\xdde\x8eV;\xb0\x1c\x0e\xd1 \x88\x82\x81\xb8\xec\xa2&gt;\xe0\xdeD%w;\tKWGP&lt;\xa4\x02\x95Kp\x9a\xb7-_\x0e\xd7n\x0f\xa5\xd2\xd9\x05\xe2*\xf9\xe1\xa9\xf0\xe9\x8b{\xcfzjjk\x96q\xfc\xac7\x9bw\x97\x12\x16q\x01K\x10x\x83\xbf\xc9\xaes\xe9\x9df9\xe3\x02\x96\xe8\x80\xe7x-\xec.\x1a\\\x0e\x94\xa0r\x1fH\x8c\x85k\x95\xa1T&gt;\xd7x\xe5\xce\xdd\x1f\xfa\xc9\xe6\x8e\xbbw\x16\n\xcbj\xa3r{M\xcd\xc4\xdb\xd8-^\xaf\x93\'*\xea\xa2\xc3\x00\xa7\x0b\xfc*\x96{S\x17\xbe6\xc9\x9dzXO4\xd0\x83f"J\xd7\xda\n,\xf39\x1f\xb0\xd4\xa9\xd4t\xae\xd1\x13\xe9|~\xe3\xfb\x7fR\xb7\xbc\x1cL\xd7\x8e+\xa6\'\x8cJ\xc2R\x8f\xee\x91{a\xeaR\x87\x9d\x15\xb0\x0c\xbcJ\xcf\x1b\xd03Q\xef\x95\x13V\x17\xc3r\xc0\xe5\xa5dw$\x89\xa3\xb5\xd5%\xa8~:16\x16F\x0f\x97Gr\x1e\x8f-\x97I&lt;]&lt;\x7f\xe8\xfb\x90\x95C\xa8kU\xd6\xc6F[aB\t\xac\xed\xdb\x8d\xe3{vb\xdc\xf4\xfa\xaf\xb1\x1c2^\xe5\x0c\xa0\x8du\x82\xca\xcbz\xd8\x05o\xe9a&amp;A\xaf-\x15\\\x0e\x17\xac\xe5 \xb5\xdeA\x0f}\xc6Tj\xb9\x90\xf3H,\x8f&amp;\xd4j\xf5\x97+\xff\x80d\xff\x0bY\xc9:\x12*\xa8Pp\xa6j\x8d\xe5\xd10\xa8\x88k\xe2\xa8\xb9\x14\xf1\xc4\x8bv{\x9f\xdd\xdeD\xd9\xa5\x07\x96\xde\xa0\xf3\xf3\x18\xc4b\xc1[\x0c\xab\x14X.\x17\xb4\xa2&amp;:\xc7/\x87\xc35\xa1T*=\x97\x93x\xb8\x87!`\r\xcd|\xf9t\xf1F\xc7w~\xe3\x0c.\xbfp\xe7Z0\xa8\xe08\xa9F\xa3\x91f3JV\xdb\xd5\xa3f\xbd\xa0\x17\\\xe4\xad&gt;6\x8b.=\x02\x14r\xf1\xc0\x83Zr9M\xa2\x1eP,]]\xd4A;\xb0\\G\x13\xe1\xb0\x0f\xceJM\xcfE$\x15\xd1a`%@\xa6N$\xee\xad\\\xf8.)[\xb2\xae\xa4\xe5\xfe\xbd\xc7mAk\x95\xcd\xc6\xb04\x91\x87\xc6"\x97r\xfcL@\xc0\xcd\x80\x85\xf5\xac\x13)(U\x95^o@\x0f*\xe7\xea "\xb8\xf0#Q1,\xa2r\xf0\xa3\xbepX\x19\n\xa52\x05`m\x88fB\xea\xd0|\x06X\xf33S\xd7\x1f#e\x0f}\xfb_i\xc0\xd1\xa5\xe3\xfe\xd3\x84:19\xff \x16\xb10*\x8d\xa50\xfcR\xae\x01\xea\x10\xee\xd5G\xd6\xc2\x94\xc1\xcc\x01\xccf@\xa5r\x9b\xc9\xf2$\x98\x9b\xd2\x1e\x16\xa4W2\xb5\x1c\xe2\x00\xc4\xaaU\x03\xeb\xc9\xdc\\\xa4b\xc3\xe6\xe8\x93\xcc\xf0\xed\'\xc0\x9a\xed\x9c\x1a\x86f\xcf\x16o\xb4|Kf`\xc5\xdc\x7f\xfeyf8149;3\x15\x95J5\xf8\xfe\xa6\x8b\x90\xcb\x0c?\xd3n\x01U\x9d\xe8\x12]\x08\x06\xaf\x1b_^`\x15\xe5"\xbdV\x97\x10s\x16\xb0^\x1b\xbf\xec\xf3A\xac\xd0\xf8\xd2\xdc\x1c\'\xd9PQ-\x8d.E\x96\x004&lt;\x0b\xf3\x1b\xd5\x937oa2;\xe8\xcf\x83\xfcW\xa8\xc5\xa7\x89\xc4\xec\xcd\xeb\xd7\xdb\xa2\x11\x9b\x85\x93J9\x86\x15y\xa2\xfcZ\xae\x80\xc1\xc0\xbceo\x05\x93\x0b\x87\x03\x9cf\xdcf\xb7\xd7\xe9^\xa5\x82\xbb\xbcD\xb6\x8a\x85W\x1e\x1b\xf5\xd5\x86\xb73\xb1rsK\xdc\xfa\x8a\x8a\xf5R\x8b\xcdf\x8b\xcd\x0c\x03\x95Yl\x18\r\x1az\xb1\xc2\x9aY\xf2\x1fP-+\x8fgg?\xbf\xdd\x16\xe48[$b\x93J_b\xb1Y\\\x95k\x0b\xef\x12\x91S0\xbc(\xf04q\xc8Q\xb9\xdc\x8ceH\x96/v\x11\xf3X\xec"S\xcb&gt;\x90\xf0\xf9|F\x10db\xd9\xb9l\xb0\xf3\xe4\x95\x8a\x8dR2.\x17\x9dz\x98\x19\x1e\x9ey0\x93Q\x1b\x8d\xc6\xf9\xdb\xb7\xd82/\xf9w\xa7\x1f\xfa\xe4Esg\x95\xd5\n\x16.\x92\x8b\xd8LU\xd1\xe6nTs\xd0\xc4\xe5\x1e*\x95\x08z6\x8c\x01\x88\xc0V\x8f\x81\x17\x0c4r\x98A\xca\x05`\x01O\xbe\nG\xf3\x88\xa3\x04\xf5\xfb\x17\x89\xb0\x8f\x895\xf1 \xb74W\x18\xe9\x1f\xec\xee&lt;iUD\x83U\n\xce\xc2E\xb2Y\x9b\xd4\x14%\xffO^\xcf$\x98\xcd\xbeiey\xc7\xca\x17\'\xad\\\xb1\xa0U$6\xd8\x7f\xf6\xec\xd9\x8b\x17/\xf6\x0e\xc4;m0\xbd\xb18\x8e\x13\xbf\xe5E\xec\x9dV\x9d\x81G;\xb1\x13\x81\xe5f"\x99\xe9\xdb\xbd\xdaI3;\xe0\x10\xd5\xef\xc71\x85\xb5L\xaclnn\xba\x10=\xf2\xf7dwr\xb0\x7f\xa4\xbf?&gt;\x98Lfs\n2Klj&amp;\x93\xb9&gt;oT&amp;\x86\x1e?\x7fy\x8e\xa55s\x04\xf6\xb6\xa0\xa4\xd2Hv0\xde\x1fO\xc6\xa2\xc1h\xb6\xad\xb9;&gt;p1\x98CF\x18\x99^\xea\xf1-X6M$\x96\xc8V\xb5@\xdb\x10C\x08\xc1\xd0J\xda\xd7],\xebU\x02\x1b\x8e_\x83j\xcc\xb7*Vn\xba`\xdb\xb89\xf9a\xfc/\xc1h4\x96,\x8cL\xe7\xf3\xf9\x91\x98\tw\x96J\x15Q\xc5T&amp;\xa1\x9c\xfc\xd8\xb3\xf0i\xf1\xe0\xd2\xb2\xb2\xe0\xa9&amp;,\x04h\xb4\x90\xce\'cAEU2j\x83\xed\xad\xd6`r\xf4\x94\xf4\x11\xc9\xc5\xf4R\x8f\xff\xcc\xef\xb7\xfb\r(\x11\xffh\x16\xdd\x94\r\xe8\xa1\xd9mf\xc7\x88.\x16\xaa\xf0\x96\xa8#\xaa0\xb5P\x1dzHb\xe5\xb8\xcd\xb1\x13\xfbN\xb45r\xd9|3\xda\x92\x8d\xc5\xe2\xe9\xa4\xc9"e\xa5\x89\xde\x9e\x99\xffX\xe2\xb9\xc9~u\xb8p\xe7\x8a\xa4\xba\x1a\xde\x06\xd4\xe0H\xfc\xc3\x13Y\x1829z1\x08,\x93\xc9\xa4\xc8\xf7\x1e\x89&lt;\x196b\x94\xe10ch\xf4\xa0\x9fQ\xf9\xe1.\x97\x8b\xe7\xc9\xf3\xd4D\x82\x92\x17\xd5\xea\x02\x96V\x10\r[\xc6k\xc7\xc6Xd\x193\xb1\xc8\\~)\xb21\x96\x8e\xe7\xdf\xe8=\x19M\xbf\x91n\xe30\x8f\x9c5\x99n\x962\xbd\xd8|\x05M\xeb\xdb&amp;I\xaaO\x16&lt;\x8d\x9a\xea\xeaj\x88\x15\x1bI\x06\x93\xfb\xf6\xe7\xa3\xb6\xe8@{{\\aC\xa2\x9aL\xd3\xbd\xc79D=\\i$\xc9&amp;\xcem9FT8Sa\xed\xf0t\xd2be6\xaf\x1e\xb9\x00\x06,\\;:\xde366Vc$\xaad.\x9b.,\xe5\xa2\xe9\x81/\xdaN\xec\xeb\xcf\xa7\xdf\xdc\xcf\xb88\x89g\xba\xd7J\tiaX\xd5\x92\xf5S=\xeb\x0e\x9d\x7f\x7f\xa1\xa2Q\xaai\x94h,\xdc\xa3\x91\x98U1r\xfa\xf4\xe9xd\xa4\x1d\xd5\xcdY4\x9aF\xeb\xd9\xf7\xaa8.F\xc3Bz\x19\x8d\xa9\xf4\x99\x83\x04V,^\xe5fHTL6j\xa9[\xa5\xe5\x03o\x8f\'\xe8\x94e\x0c\xa5\xd4CS\xd1\xdcHz)\x9b\x1b9\x97N\xf7\x8e\xee\xbf:\xd0V\xd8w5\x7f\x92\xb3Y$?\x1fLw\xd2\xee-\nV\xbd\xbe"8\xb3\xee\xc6\xf3+\x92\x8d\xf8AR-\xe5\n\xd3\xe8^l\xe0\x83\xf6K\xed\xef\xe5OA\xae\x0f\xda\xd0C\xae\xb3\xb7\xdb\xb3\xd1$\x05W\xa8\xa8\x97qb\xf4\xcc\xc1\xb2cP\x8a\'\xac@1P\xdd\x0c\x8bI\xd6%\xf7\x06\xca^;&lt;n\xac\xf5\xf9\xa0U*\xd4s3\x98\xcb\xe5\xa7s\x91d\xba\xbb\xb3\xad\xb9\xff7\xfb\xdf\x8cw\xa7\xaf\x9e\x8e[mR\xc9\x86d\xba\x13\xce\xb6\xb0\xd2H\x90\xb6G\xd6-x$\x8dRK#\xfe\xe3\x1e\xe5\xb3\x11[\xe4\xec\xa9\xd8\x00\tu&lt;\t\xba\x81\xb6*\xeb\xbf\x9a.\x9f\xd0\xc6\xf1+\x8e\x07\xd9\x089.\x8c\'aw\xb5\xe32#\xd8L\x95\x83blCBuj\xe8\\\nS\x04KKX\x18\x92\x83z\xf2BY:\x85\t\xaaLt\x13.h\x90\xf0\xc8\xa8V`\xf0\xc1\xe0!\xc1Y{JK\x0c\x01\xff\xe9$u\x16\x82\x0f%\x19\xe6\x12&amp;\xc1\x90I\xe8\xa5,,\xbb=\xf5\xfb~\xb2\xd3}q\xecD\x89\xa4\x8f\xbe\xef\xfb{\xef\xfdd#\x18\xf2&lt;\xc7\xcb\xc4\xf5%\xe3\xbaG\\\x1b\x8cj\x9dM\x0fh?\xab\x9fcS\xbd\xf8\xcb(\x93\x8b\xf7\x1f\xff\xfaO\xdf&gt;\xcc\xe6rp\xfb\xabW//\xdc\x14rxP,\x1e\xf7L\x1e7&gt;\xfe\xd5?^4\x83\xdf\xbe82Vf\x13\xf1\xe3\x96\x9b\xa6\xba\x9fL\x02\x8b\x9a@f\x86\'\xaaY\x8eC\xe7\xdb\xad\xad\x14\x93\xb5\xc0q\x1a\xd8&lt;\xb7\xfc&amp;\xa5\xb19\x94\xad\xbag\xf2\x85\x02\xc7iQ\x1e\xefEz}\xf2\xf3O\x17\x16\xb6\x00\x06wa\x18\\\xfd&lt;r&lt;\xb8\xee&lt;\x7f~\xe7\xd1\xcf\xfe\xf0\xcd\xc3\xe5\xec\xf2\x1c\xa3\xba\x1c\xc9\xc5\xbf\xbe~\xf7\xf7Z\xa93rMS\x8a\xbb\xf5\xd6Qs\x08\xbb\x04\x8e,\xea\x07^\x81\xa8XyB\x0eE.3\xc3i\x8c\n"\x1e\x1f\xe8++z\xb07\x18\x0c\xf6`\xaf\xbd\x86\xd7\xc2\xe6\xbe\xd15\xc2\xa1\xa6q\xa2dvN\xce\xdfD\\ \xbbw\xf4\x8b\x8dO\xe7\x17\xe6\x17X`\x92YE\xcdzt\x87\xa9\xf5\xfc\xf9\xb3?\xee~C\xe5\xe4!Q\xbd9\xdf\xd99\xfd\xcf\xf7o\xff{t\xf4~\x9bbg\xe7\xe4\xa43\xb6Mg\xf7\xc5\x8b\xba\xd5=\x0c\\\xf4\xa2\x15\xc65\xcb\x11UfF,,\xcd\x16H\xac\xd9wu\x94\xb5^\xab\xe1\x1b\x86\xd1z\xf1\xe7\xbfy#c0\xf8\xa1a4\x8dN\xe7dgg\x07W\xdb9\xffz\xba\x1c\xe7\x1e^\r\xb6\xb6\xe6\xe7\xe77@\xf6\x19Z\xd0\xc7\xab\x8b\x8f\xee,&gt;F,~\xf4\xec\xf7\xa0\xa2d3\xaa\xb7\xed\xf6\xe9[D\xf98h5\xc6\x1d\\\x8d.\x87\xb0\x1d\xbf\xda\xb3\x0f\x0f\xec\xa9V\x91\xb5\x08\x0b\x8b0\xc3\x8aV\xe1]\xa0$_\xef\xd6]Ew:\xdf\x1d\xdd\\^\xb0\';\x1f\\D\xcf\xd7\x19IB\x82/\x7f\xcd\xca=\xd5\xfb\xb9\x977_mmmllDr\xc1`\x8bD\xf5t\xf5\xe9G\xcfv\xff5\xa1\xfa\xf2\xd5\x9bk-\xceS;+\xae\xe8\xb5z\xd8\xf0\x9d\xae\xa4\xaaj{\xd499u\xe2n\xaf\x15:\xf2\x12\x93\n/(D\xd6\xca\xcc\xa4\xd3\xc8`&amp;\x03\xc7\x1f\xee\xda\xca\xebc\'\x95\xd4\xaf\xb7\xaf\xb7wNOO\x10\xd7\x81\xdf9\xf5\x0c\x93\x97$1\x96\x10c|\xe9\xc32\x9b\xeb)*WO~\xb7\xb5\x00\xb0\xbb?\x05\xd6\x83\xfb\xab\x8f7(\x9e\xfe\xe5\xe8%\xc1\xdf#\xac7\xe7\xa6 D9Bivza\xd33\x86\xdd\xb8\xa0\xc6\xe3j{\xd8;\x08\x0c\xb3@\x7fN.E9\x14H\xad\xf4L&amp;\x16#*9\xa9\xd8\x07u\x8c4\x8a\x92J\xe9.|)\'\xf3\xb2\xee\x85\x86\xa9\xf7&lt;\xdf\xe5$)\x91\x88\xe1%\x95&gt;T\x08)\xcb\xbe\xfa7_a)n&lt;\xbe\x7f\xf7.f\xfa\x07\xccg\x1b\x9f\x1c\xbd\x9c\x9bcba\x92:79Ud]M\x969M\x93\x00\x16\x80\x8c\xc2\x0b\x83\xd0\xe8\xa6^\xd7\xec\xe4\xd2\xa4&lt;d\xc48\xe50=CZ\xa5g\xf3\xb2\x8c\xdew\x10\xda\x80\xc2\xab\x88\xddERvkA\xd51e\xb3\xec\xdb\x9a(\x81\tT1Is\xdeW\xb2\x14\x0c.{5@#\x9a\xdf\xf8\x18X\x0fhYnm\r\xaeX\xefd\x0e|y\xd1\xe6%56\x0b&amp;\xbe\xe4\x98\xc3\xae&amp;A#\xdb\xc7(\xe0U=\xc3\xb1DM\xae\x1d\x1e\x96\x0bi\xd8*\xcd\x0c?\xc5*\x14\nr\x9eB\xaf\x05\x01\xfeU\xd7]\x90\xa5J\xb504\\\x94S^C\ncD%\x02+&amp;\xc6\xdd\xf7\xfd\x1c\xf6\xfe\x13\xb0\xfe\xcd\x17\xeb\xeb?\xc16\xed\x01+\xae[7\xfd\xb9h[IY\xbehK\x84%\xf3&lt;o\x1eV\x81R7jv&lt;\xdef!\t\xf9\xbcf\xe5\xcb\xd5j\xad\x886\x87\xaa\x95f\xd5\x01\x15\x1fX\\\xc1\xcac\xd2\xc2\xa60U\xaeC`\xcf7l\xdb\xaf\x07\xa1\xef\xcay\xcb\xc4\x15%I\xe2\x12Q\x00O\x14\xcc\xb7\xfd\\\xeeV\xb1J\x7f\x80\xd6\xbd@\xf3\xd7g\xbfyrU\x89\x88PIsMt\xdd\xdd\x00\x00\x04hIDAT\x95\x8bQ"\xc6\x0bj\x8c\xe7c\xbc\x1d\x0c\x9a~k\xafY\xadwm\xdf\xc1\x88\ns\xe5\x15\xd7\xca\xeb\xe5\x9a\x9eZ\x81\x10\xa9d\x06b\xc5hW3C\xc6\xb2\xf2h\x99\xa9\x14\xbeK\xe5j\x18\xb4ZA\x10VmR\xcar|\xd7\x1c\xdaC\xbf\x1b\x9bb\x01L0O?Tr\xb9\x89`\xd9\\\x05\xb5\x82\x8d\x14_\xdc\xf4\xa3C\xd9,\xda\xce\xfeyWbXt\x16_\xf2\xbdF3\x18\x84^\xbd\xdbk4Z\xe1\xd8\x1f\x1a\x8e\xddCf\x8aE%\xc9\xb0\xf2\x1a\xc4\xe2\x18\x162Y\xd0\nP\x8b\xc0\x8a\xc5T^q\xcae\xdb\xd14\xd3u]\xdb0\x1a~\xe3\x87\xa6\x17\x8e\x13\t!\x82\xa2\xd0\xe2\x9dK\xe2\xcaE\xc9$\xb0\'\xeb\xeb\xeb\xcd\xabJ\xf4+\x98\xd6\xf6\xf7\xb7\x91\xa6\x84\x14\x13T!\x11\xe3`*\x14\x85\xa1mT\xc7\xa3z\xb39\x18x\xc18\xf4\xaa\r\xa3l\x97t\xda\xbf\x03\xcb\x9a`\xcd2\xb5\xf2\x1ad\x81\xe5u\x8c\x8c\xaf\xf5\x12\xda\xa0\x8ev\xea\x8d\xeb\xe3\xea\xa0\xe1\r\xf6\x06\x18\x9d}\x15\xc9\x9bpe8\x9e\x93F\xdf\xf5\xff\xcf\x95\xabT\xfa7\xff\xbe\xe9W\xa6Lk\x9b\xfbg;m\x01g`\xa9\xc4\xe38Q\x93XM\xa07m86\xc6^#\xc42\x0f\x1b\x83\xbdf\xddx\xe7\x90XJ\x1e\\\xd4o\xf8\xd9\x19\x18^\xb1\xc8\xf0\xd6a\xef\xb8Z\r\xead\xf4^\xd3\xdf\xdb\xf3\x06X,\r\x04\xcc6tQO\x12\xb7r\xc1o1\x8d\x12\xb9\x96\xcbM\\\x96\xadT*(\x19\x11\xd3&amp;\xa8N\xd4\x89\x1d\x81\x05\xb94Q\x88\xe3\x07\x01\xefj\x9c\xcaiwhT\x8dz\xb3\xd1\n\xc2\xfa\x81O\x15@\xb1,-\xce\x1c\xcf\xb0R\xc9|2\x95,\x1d`\x1d\x86G\x83\xb0\xea\xb9\xf5\x01h\x9aD4\x06\x91&amp;\xc1\x89\x89\x88*\x13\xe9\x05,Nr!\xd8\x84k9\xbb\xb6\x96\x8b\x1c\xb5\xb9Oq\xd1\x89\x16/B\x10\x81\x85UCB1\xac8\xa9\x86P\xe3\x92&gt;t\xfc^\xafW.\xa5\xf4T\x12X2\xb6\xb6\x11\x16\x92H\xa4\x18L\xc30\xc0v\xa4\x1e\xdaz\xd5\xeb\xd9\x8e\rs\x99\x9a\xc4!\xdd\x12]\x1d\xd7Op\x1cQqL/&gt;\xd6\x8e\x9c\x9f#*\x96\xd1\x1c\t\xf5\xcf\xcd\xb5\xb3\xed\x11[\xb4\xcc\x90\xb8\xbd \xa2\x1c\xdf\xaaEX\x8cKH\x14,\xd4q%\xa9\xa4\xc8]\x8a\xd5\xcdO\xb1\xd2\x99\x82B\xc53\xa9\x90\xb9\xb0\xb3Ptd\xb4@\xf5\x8a\xaa\r\x8f\x02"Q\xfe\xd8UP(\xe8f8\xc6\xf3i\xfc)a\x9e\x9f\xc1L$U\x8ey\nT\x9bk\x95\xcb\x13\x95\xc7\xffM\xe5\x02C\x02X\x91X\x11V\x148,\x17\x14\x98\x1d7\xc6\x87\x92\xef*\xc0\xa2\xf2\x1ea\x110v\xae\xb4O\xa4OY\x9eRi\x04\x15\xa5\x02\xe6\x12\x98V\x0c\x0b\\\x19|IR\x07\xb5u\x1fX\xb4\xf6\x98R\xcbg\xd7#\x89\x15;^"\xb1\x12\x94-!Jbd-U\x9db\x89\xa2l\xe5I,\xea-\xf0\x96\x06\xcf\x13\xd6\xd2L\x1a\x96\xa7J\x86\x9dWR!*\x856;\xf2\xac\xcc[\x90J\xd3\xc4\x88\x89\xb0`\xdc\x18\xcf\xc58t\xec\x08\x8cE\xfb\xf4\xb2\xb2\xc6\n\x02v\x13k\xd9&gt;\\E\x87%\x02\x13\xd9\xb9\x02\xc9$\xd1\'\xd3Jed*\x13/!\xe7\xd1a\x18\x00Qi]\x93-\xc5%R\x0b\x85\x14\xa8L-\xa6\x9a\x15\xa9E\xf9\xe3&amp;\x17\xa6k\x02\x8bP\x98\xe7%\x86%#\x93\xbc$\x8c\xae\xcfr\x9bD\xb5\x9f[\xbe&lt;1\xf9\x88\xca\x94\xa8\xbb\xdf\x9eN\x16WI8\xe6\xach9R\xfd\xc8C.\xc2B1\xe5\x81%\x8b"\xf5\xc7\x08\xab\xc8\xd28\x91\xcb\xd2&amp;9$*azUz6\x91\x03\x14\x7fk\xfa\x89^\xb8\xfd\xf0\xfc\x0c\xabo\xad\x82\xfc\x99\xbc9=J\x89\xc3\x9d\xc1 \xdebET\xd34\xe2\x98\x1ca)\xbaNX\xc8\x8e\x88\x8d\xe1\x12\xca\xa9\x95L\xadPuW\xc8\xf8Tk\xb9H,\xe4\x8b\x9e\xf7\x16\x8b\x9a;z\x1bY\x99&lt;6\xc9"\x1c$JR\xbbs\xd1\xa7\xfc\x8dL\n\xf4e\x93\x99)z(\x0cWT\xf5\xd8\x93\xc5\x7f\x1c"HyJ\xa2Bc\x8b\xa5u\xb5.\x99\x0bS&lt;\x9a\x0fa\xd1\xe6\x96\xd9\x8b\x1a\x13W`v\xa7\xe67\xa1B\x85\'.\x94\xec\x0c\xcf%\x90A,I\xb4\x13\xd3\x1c\x8d\xd8@Mc\xec\xc5\xd9\xe5\xf6\x8f\x82M\xc5\x98#;\x9dQ4-\x00AeoS(\x15\xa0\xaa*R\x16Y\x12-\x12K\xb3\xe2\x84\xf5?\xb5m\t\xb5\xd7\xb4{\xec\x00\x00\x00\x00IEND\xaeB`\x82'</t>
        </is>
      </c>
      <c r="M380" s="3" t="n">
        <v>45492.67740740741</v>
      </c>
    </row>
    <row r="381">
      <c r="A381" t="n">
        <v>994454</v>
      </c>
      <c r="B381" t="n">
        <v>1957</v>
      </c>
      <c r="C381" t="inlineStr">
        <is>
          <t>Rodrigo Garro</t>
        </is>
      </c>
      <c r="D381" t="inlineStr">
        <is>
          <t>Rodrigo Garro</t>
        </is>
      </c>
      <c r="E381" t="inlineStr">
        <is>
          <t>MEI</t>
        </is>
      </c>
      <c r="F381" t="inlineStr">
        <is>
          <t>MC</t>
        </is>
      </c>
      <c r="G381" t="inlineStr">
        <is>
          <t>MEI</t>
        </is>
      </c>
      <c r="H381" t="n">
        <v>174</v>
      </c>
      <c r="I381" t="n">
        <v>10</v>
      </c>
      <c r="J381" s="2" t="n">
        <v>35798</v>
      </c>
      <c r="K381" t="inlineStr">
        <is>
          <t>Left</t>
        </is>
      </c>
      <c r="L3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2c3457f-f055-471c-bdde-3a832c03c5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n\x87\xa4\x00\x00\x00\tpHYs\x00\x00\x0e\xc4\x00\x00\x0e\xc4\x01\x95+\x0e\x1b\x00\x00\x03\x00PLTE\xff\xff\xff\x13\x0e\n\xef\xef\xef\xfe\xfd\xfd\xf4\xf0\xed\xf2\xee\xeb\xf7\xf5\xf3\xff\xff\xfe\xf3\xef\xec\xed\xed\xed\x17\x11\x0c\x10\x0b\x07\xf1\xed\xea\x1d\x17\x12\xef\xeb\xe8\xf5\xf4\xf2\xe9\xe8\xe8\xeb\xeb\xeb\x1d\x14\x0e\xf5\xf5\xf5\xf0\xec\xe9\xee\xed\xeb\xda\xa6\x8c\xde\xa9\x8a"\x19\x12)\x1d\x14\xd5\x9bz\xf0\xef\xed\xdb\xac\x92\xc9\x9a\x83\xce\x99z\xdb\xa5\x85\xe1\xad\x8e\xf1\xf1\xf0\xe0\xab\x8c\xdc\xa7\x88\xd8\xaa\x8f\xeb\xad\x92\xf4\xf3\xf0\xfc\xfc\xfb\xe3\xb0\x90\xec\xeb\xe9\xdb\xa2\x84\xce\x9d}\xf6\xf4\xf1\xef\xb0\x92\xdc\xa2\x81\xd7\x99~\xc6\x99\x80\xda\xa7\x8f\xd9\xa5\x88\xda\x9f~\x19\x13\x0f\xd8\x9d|\xd6\xa6\x8e\xd1\x98x\xeb\xaa\x8e\xe8\x9e{\xdc\xad\x97\xf6\xf1\xef"\x1c\x17\xdb\xaa\x8d\xe4\xa3\x8b\xcc\x9d\x86,!\x19\xcc\x9f\x8a\xcc\x96w\xed\xac\x8d\xe7\xe6\xe6\xe4\xb3\x92\xfa\xf8\xf8:* \xea\xa6\x85\xc8\x9c\x87\xcf\xa0\x8a\xe6\xa8\x90\xe1\xae\x99\xe4\xa2\x86\xeb\xa1\x7f\xe9\xa2\x85\xda\x9f\x82\xe9\xa6\x8a\xd3\x9f\x80\xdf\x9f\x80\xd1\x95u\xd7\xa3\x83\xf2\xf1\xee&amp;\x1f\x1a\xcd\x89t\t\x07\x04\xeb\xa9\x882\'\x1f\xc6\x8co\xce\x9e\x82\xb1t^\xef\xb4\x97\xd8\x9f\x87\xb1xb\xa8q\\\xd7\xa4\x8b\xd8\x9c\x81\xe4\xa6\x81\xc7\x86o\xd8\x97u\xde\xae\x92\xbe\x85g\xd2\xa3\x8d\xcd\x93s\xc6\x97y\xc0\x93|\xde\xa9\x8f\xacx\\\xe0\xa4\x86\xd4\x97{\xe6\x98v\xb8~d2#\x18\x94mZ\xde\xa6\x8b\xb8xc\x82VE\xcb\x8fy\xd9\x99y\xe8\xac\x97\xc0\x8bk\xcc\x8ep\xe4\xe3\xe3\xe5\xb1\x9c\xe4\xa6\x86\xe6\x9e\x83\xd2\xa5\x91\xd6\xa6\x94\xa5kV\x9aeR\xda\x91r\xce\xa2\x8f\xd2\x8fv\xee\xa7\x8a\xb3\x89s\xd4\xa3\x88\xc6\x93\x7f\x92\\K\xbd}i\x92eQ\xe2\x9e\x84\xd7\x8cp\xd0\x91|wN=\xc8\x92r\xe0\x98x\xe9\xac\x8c\xcc\x95~\xd2\x96\x80\xd6\xa7\x8b\xc2\x80l\xd1\xa2\x85\xbe\x97\x83\xc0\x92v\xbb\x8dt\xdd\x9a\x80mM;yU@\xe4\xa2~\xb5\x8f|G&lt;4\xe2\x9a\x7f\xdf\xa0\x8c\xf4\xef\xeb\xe5\xb6\x95\xcd\x81k\xe1\xb9\xa4\xe6\xce\xc3[G&lt;\xb2\x7f_[?1\x84l_T7*\xb8\x81l\xe0\x94p\xe6\xa9\x89\xa7|e\x9fmV\xb9jZ80)C. \x87]H\xbe\x87r\xe1\xde\xdd\xd1\x89m\xda\x91{\xc1vb\xd7\x88y\xdf\x9f\x85\xf1\xe4\xde\xe0\x92w\x9dv`\xd3\x9c\x86\xaekZ\xda\xd7\xd5C4*\xea\xd7\xcf\xac\x82k\x87eT\xec\xb0\x9a\xc5\x8dx\xa3_P\x8fD=\xf7\xee\xe9\x87\x80zkUI\xb4\x86iw`SiE4\xe3\x9dy\x9aHE\xc4\xc1\xbe\xdb\xb2\xa3\xd7\x95\x84\x9fm]\xdf\xc8\xbdSLF\xb0\xa9\xa5\xc0\x8bv\x86_M\xd5\xcf\xccxsm\xa7\x88z\xef\xa4\x81\x93vh\x8are\xd2xl\xe0\x94\x84\xc7rl\xb9\xb5\xb2\xe3\xac\x85a[U\xcf\xc8\xc5\x9f\x99\x94\xa0\x81q\xe2\xc1\xb3\x94\x8d\x87}&gt;3\xdb\xbd\xb0\xb3TC\xc8gV\xbb\x9d\x8c\xcc\xb2\xa6jc]h6(\xb7aO\xdf\xa4w\xbf\xa4\x96\xe0\xb5\x9a\xd2\xbe\xb5\x97~q\xa5?0\xaa\xe4cQ\x00\x00 \x00IDATx\xda\xdc\x97\xdbO\x1b\xe9\x19\xc6\xf1\xfab\xd5\xb1F$\x83\xd8\x8c\xb3I\xabt\xe3\xa0F"\x90f\x92\x18\xe4\x92I\x88\x18X\x02\x84\x12i6\x8c\x05\xb1\x15`\tt\x81`\x12\x0e\x85%\x07\xd8,\r\x81@ \xb4J\xcb!\x16\x17\x95\xd7\xe6(\x1b\xd8\x0b$\xb6X\x1c.\xcc\x82\xe5-2\x0b^\x91\x0b\xe4\x80\xb8\xa3\xea\xc5\xaa\xcf7\x0e\xe9?0N\xaa\xbeX\xf6\xcc\xdc\xcc\x8f\xe7}\xde\xe7\xfb\xbe\x88\x88\xff\xc7R\xff\xb7\xde\xdc\xfc\xaf@\xc5\xa4||\xf0\x17Q\'\xa2/7\x1c\x88L\x89y\xf3\xf0\xc3\xf7\x8a\x952\xb5\xe1\xdbZ\xf3\x04&lt;\xbb\xbb\x81\xbd\xbd\xc0\xf6\x9aocc\xa3\xe1\x8dv\xefK\xa8\x94\xd9\xed\xa0\xdf\xeat\x1a\x0c,M\xb3\x06\x91w\xba\xad~\xab5\xb8\xbd\xe5\xdb8\x16\xf1\x1e$\x93\x1bu`\xdb/\xd1\x1cGQ\x14\xc3\xa1h\x86f\xb5&lt;o\xa0Y\xc9\xe9\xb4\x06|\'b\xde\xb5\xd5\xd41\x1fOm4\xf8\xac\x94\nEq4\xcd\x91_\nW,k`YrK[=\xbe\xe8\xa8(\xf5\xbb\xb5\xd4\xee\x9e?\xe87\x10\x16\xd5\xfe\x17\x81\xa1d\xd9h\x99\xd3`\xdd\xdd\xf2}\xf0\x0e\xb9\xd4S\x1e\'GS\x1a\r\xf4\xc1w\xa8T!@\xa2\x19\xa5\xe2h\x03\xd8\x9c\xc1\xc0\xda\xe5w\xd5H\xf5\xb1\xd7\xbbNN\xa3\xba~]\xc5q*\xcd\xf5P\x81\x8b\xb0\x01\x0e\x8a\xe1\x0b\\\x1c\'\xb9\xadk)\xef\x84K\xad\x8e\xf4\xedI\x14\xa5\xb9\xae!\xb2\\\x7f[@\n\x81\xa9\xdehe0\x90\x9f\xbd\xd7\x1b\r1\xea\xf0S\x85\xe6O\x85\xa6\xa1\x81D\xa5}\xbdd\xfb\xcbF\x0b\x19\x8c\xa3hQ\xa4%\x7f\xd03\x1bn.\xb5:\xdac\x80\xa78\x15\xc50\x0c\xd4\x812\x1aY*x\n\x80!\x97\xc9\xa67\xd0\x90M\xe4\r\xa2\xe4\x0c\xcc\x9eP\x87w\x047&lt;\xa2J\xc5 \x08\xb4,\x03\xb1T\x94\xac\x18\x87\xe0b\x18\xf4t\x1f\x0b\xd9\x8a\x1e\xd2$2\xf0#\xeemE\xaa\xc3\x19W\xaf\x83\x08\x05\x96ey\x8b\x16T\xfbvB\x9c\xe2B\xa5\te\x17,OC/\x96\x06\x1a\xbc\x87\xe0\xe0\xc4\xc0\xda1u\xf8\xa8\x0e\x04D\x15\xc5\xf2Z-\xafEfR\xacA\xcb0"\xcf\x8bx\xc2\x12C!\xef\x01\x85\xb4G\x11\xb5D\x03\tV\x9a\xe2\x9c\x9e\x83\xea\xb0Q5\xecJx\x0b\xab%XZ\xbc\x94\'W\x92\xc4\xf3\xe4\xc6\xc0p\x0ch8"\x1e\x01\x93\xfde\xe0\x88\xf1i\xce\x19\x08W\xb0\xaacf\x11\xa2*\xbcQ\xb0\xf0\xa4\x85\x1c\x8bU\x10T\x06Vf\xd3\x82\x89\xa8\xc8\xc8\x821PK\x84X$Dp/Z\xfd\x08\xb0p`\xc54xx\x9af\xb4ZI\x10\xb4*\rz\xc9\xb3\x14\x9c\xcf\x92\xed\x83(\xa2\x9d(\x96\x08%_14\xe1\x12e49\xc6\x02\xc7\xc2\x11\xab\xea\x13\xbe \x18,\x16\x8bK\xe0\x19@I"f\x91\xa21\x80\xaa\xfd\xe5GNy\x8e 1\xac\xdcF\x91\x07\x16Md\x03\xd6\xc1\xb0\xa4}\xe4\xb6\x1bN\xb2X$\xc1\xc2P\x0c\xa42\xd0Th\xb5\xd1\xc8\x9b\x08\x9aA\x96j\xa8\x90T\x0c\x0c(\xdb\x8bt\x11\xcf9\xce\xe0\xdf\x8a\n\x03U\xcal\xd0"X\xb4\x16\x01Z\xa9\xe4\xe5\x18\x04$\xd4\x81\xc0\xa2\xb1\x162\x8dZ\xad\xc5\xa2\r5\x11\xf3\n{\x19h*\xb4Di(CP\xf9\xb0W\xab_\xef\x11$h%\xb0\xc8x\r\xd9\xfaQ,\x9e\x08n\xab\xddn\xb7\xbd-\xfb\x90K \xa1F\x11\xc1\xc4\x90\xbdh\x8a,\xebN\xcf\x94Zi\xaaH\x0f\xcf\xbb\\.A\x90$-\xda\xc6\xb1\x80t\xdb\xfb\x96\x97\xe7\xe7\xab\xaaf\xf0\x19\x1b\x9b\x99\x99Y\xad\xaaj\x9b\xe8\\!d$&lt;Hx\x89$#\xf0op\x1ckUz\x18!\x96_+\x01\xca)Y$\x96X\x8a\x15\xecK\xebU\xab3s\x93?\xa2\x16\x17\x9f?\xafY\x9c\x1c\x1e6\x99\xcd\xe3m\xd5\x9d}+\xf6\xa1!\x97%\x04f\xa0Ch\xb4s[\xe1\xcd*\x16h\x97\xd6\t*A\xe2-X\xa1\x19i\xa8o}\xd54YSq\xf5Ww\xee\xdc\xb9q\xf2\xe4\xc9\xabq\x15\x15\x8f&gt;+|r7\xcf&lt;\xde\xd4\xdaZ\xdd\xb9\xf2/\x80\x81\x0c\x8b\x80\xc8\x91\x8d\xab\xf2\xee\x8aym\x13$\xb7\x93\x84\xa6$\xb1\x0c\xef\xee[\xaf\x1a+.9\xd38\xda\xdd\xdd=\xda=:\xda8\xda\xd8\x9e\xd3\x9e\x93\xd3\x1b"\xcb3?l"dC\xa4\xef\x12\x8bq$3\xcb\xf1\xbb\xd1\x8a\x86D\xca\x96[\x12\x9cN\x81\xa79,\xd2\xc2P\xdf\xbcy\xb8\xbe\xc8[\x90\x9a\x9a\xdb\x1d\x1b\x8bO~~2\n\x8c\x19\xed\xb5 \xfb\x0b\xd0\x00\x06\x9ba\x02\\Z\x86Ua\x14\x91\xc0\xfe\r%\xb1\xd4\x91\xdb\xc4V\x12\x8f@g-.{\x7f\x95\xc9x\xad\xcb\x9b\x90\x99\x9a\x9b\x0c\xa2XR\xba\xee\\R\x8d\xa9\xf7\xba\x9a\x8b\x8a\xae\xd5\x83\xec\x1f\x0f\xd1L\xd8\xccea\xc9\n\x84\r\x8f\xdb\xa7d\x17\xd5\xbf\t\x08\x92\x00\x93`\xb0\x04{\xe7\xfc\xd8pI\xad\x17T\x99\xa0\x92+\x9f\xa8\x95\x9a\x8b\xbf\xd4\xd4\xcc\xdb#]^oW\xf3\xd3o\x8b\xef\x9a\x1f\xc2g\xfdv\xe8\x85p\xc3&gt;M\xdaR\x16\xcb\x83m\x02\xc0DQ\xb2\xcf\x8f}\xff\xec\xf0\x99\x7f{\x07\x062\xd1CBDJ\x97\xacON\xd6\xeb\xa1\xd7\xd7\x99\t(\xafw\xa4\xf9\xdb\xc2\xe2\xca\xbc\xbc\xbc\xf1~\xbb@\x92\x96R1\xbc\xa2\x11!c\xc1\xec"/Y\xe7[J\x7fy\xf6T\xc1\xc0\xc0\x807\x81\xf40\xc4\x15\xab\xd3\xe9uz\xbd\x9e\x90ee\xc9`]#\xcdO\xeb\x8d\x85\xc5\xc5\xa6\xa6\xce!\x01\x96Dx\x89\xdb\x8abE{\x04D6\xb6{\xc2RK\xda\x9fN\x9d*( TP+9V\x07\xcb\xeb\x88\xb7t\xd9Y\xd9\xd9\xd9\xa3\xd9\xd9Y\x99YD\xad\xae\xae\xae\xe6G\xf5\xf5\xf5Fce\xd3\x8aKNaJTV\xad\xa85\'\xa2\x11\xa7\x05[U\xfc\xb9O\xca\x07B\x95)[\x1eX\xc9:\xf4P\xa7O\x96M\x9f\x9b\x95\x99\x19\xa2\xea\x82\xf5\xaf]+)1~\xd3?$HdA\x92\xb6\x94\xc4\xfa0e\xcb\x89-\x03Z\xb8&lt;w\xe1\xf4\'\x8dD\xac\x81\x014\n\\z \xe9H\xfft\xd0K\xf6|jB\xc2\xed\xdb]##\xcd\xcdE\x98\xc9\xa2\x92\x92\x92?\xb6\xd9]\x12\x8fm5\xaf\xac\xe5S\xd6\xdc\xbc\x96w\xbam\xcb-\x9f\x9e&gt;\x04,\xd2Do\x02\xfa\x98\x0b7\xe9H\x0bu\x0b\xf9:=:H\x9c\xe5\xf5\xde\x1e\x19y\xda\x8c*"\x82]2\xce\xf4\xb9e\xb9$E\x03""\xc6g\x05\x96\xe0\xb6\xcd\xbf\xbcx\xfcw\xe5\x04\xcb\xdb%\xab\xa5\x0f)E\xb4"T\xa9\xa9\x05DE\xc8E\xd4"\\\xb5\x87\x0f\x9f7\x8eU\xa3\x8b&lt;\xcb\x84\x01\x8b\x97\x9cV\x9b\xa3\xe5\xc2\xf1/\xca\t\xd5\xc0\x00\xc9\xf8\xaf\xf5r(\xe4\xa6fwg\xeb\xf5\xd9\xe4*5\x13\xde\xba\xbd\xcf\x05\xb9*\xce?\x1b[\xb7\x11\xb9Xe\x9b\x18\xa1\xde\xf0[\xc8Ff\xc9\xb1\x93v\xfc\xa3C\xc4Z\x05Xw\xb0\xde\xc4\x86\x025\x17L\xfa\xe4P\x01-SN.X\x1eu\xfe&lt;\xb0\xaamCn\xc1\xc2:\x95U+b*(In\xeb\xd22\xb0\xce}D\x9aXP\x80U:\xffm\xc5\xca\x16#\x98\xf8\xfa:+\x0b\x1e\xcb\xc8\xc89S[{\x16\\\x97\x9e\xcd\xad\xf7\xd9\xacnAk\xddPv??\xb5\xe7D\x0b\x97\x1d\x9bsG\xff,{\xab w\xb4[\x97\xbf\x90\xbf\xb0 S\xc1\xf3\x08V\x12b\xc9\xb1z\xe2\xfb\xac{\xed\xd8P\x9c\xa9\x95\xe5z\xf6}\xdbR\x1f\xf4\x92\xfc\xb3\x8ab\xa9/\x07@\xb5\xb4\xfcj\xa7%\xed\xdc\x91C!\xad`\xf2\xba\x05Ru\xba\x85X\x9dl\xfb\x05\xe2\x7f\xf43\xe3\xde\xbd\xf6\xde\x9c^\x19\x0b\x93x\xe9\xaf3\xf3KK6\xab\xa04V\xb4\xc7\r*\xc7\xe6N\xcb\xc5#W\xe0-\x19+==\xbdn\xa1\xae\xae.\x9d\xd0a\x0c\xe5\xec\xd2\xa5g\'%\r\xb6O\xf7\xf6\xf6\xd6\x9e\xad\xad\xad%X\xa5\xa5-U\xe0\xb2\xbb\x95\xc6\xfa\xc0c\xf5\x13\xaa\x97/\xee\'~^.\xab\x95\x9e\x9e4x\xe3\x9f7\x06\x07\xbfH\xaf#lI(\x80\xa6\'M\xc7}V\xd3Q\xf8\xa4\xd8XR\xf1\xa8\x88p=+\x8d\xff\xdb\xdc\xe6&lt;\xe4R\x1a+j\xd7\xb6\xe4\xf8\x19T_%\x02\xab\xbcq\x14\x14\xd3=\xc3e\xab\xe6\xca\xe1\x1a\xa0\r\x12\xaa\x8c$\xf2\xb4\xf7Qa\xdeC3\xf6\x80\x13MeO\n\x9f\x16\xd5V\\*\x8d\x8f\xff\xc3\xdc\xab\xe5%[Pa\xac\x94m\xff\xd2\xab\x9d\x9f^|\xf5 \xf1\xca\xe7\xbfNO/\xbf\xd9a\xac\x1co\x9d\xa8\xae\x9eh2ON.v\xdc\x18\x9c\x9e\xce\x98\x1e\x1c\x8c{TXi\x1aok\xeb\xef\\Y\xe9\xeco}\x98Wx-\xae\xa74\xfe\xe8\xd1\x97;\x8e\xe5\xa5\xbd)e\xb1b\xb6\x82\xcb\x9b?\xbd\xbcx?\xf1Hb\xe2\x95\xba;\xc62sSu\'\n\\me\x95\xa6\xbc\xc5\x8a\xb8\xe9\x9c\xb8\xde\x9b5Op\xf8YmZ\x9f\x98XoC\xb5\xb6\x8e\x9bj~\x1f\x1f\x9fv\xf1\xc5\x0e\xe4\n4(\x8d\xb5\xe7x\x05\xac\x07\x0f\xce%~\xf9\xe5o\x8d8\xdd4\xad\xa2\xaa\xaa\x9a\xda\x9a\x08V\xa5\xb1\x02g\x9f\xb8\x1e\xa3\xc9\xbc\x8aC\xd9\xea\xd80Nj8\xa2\x95\x8d\x8f\x9b\x1e\xa7\xc5\x1fMK{\xb9\xe9P\x1cK\xeds\x00\xeb\xc5\xc5s\xb7&gt;M\xfc\xfb\xe9\xc9&lt;\xd3\xf0\xf0\x8f\x8f\x1f?\xc6{+\xcb\xccf\x93)\xef.\xb0\xae\xc6\xd5v\xa0\x85\xe4~x\x12\'\xc7\x9e\x9e\x8e\x9a\xc5a\x93\xa9\xe5(\xe1z\xf1\xb3c\xd9s@\xe9\xe3\xab\xc3\xb1\t\xac\xfb\xb7n\xfd\xf0\xc3"ykM\xcfw\xdf]x&gt;9\xfc\x8d\t\x1c\xe6\xbc\xca\xfa\x9b\xe5\xd3\xbdq\xf5\xc6\xe2\xbby\xa6\xcaJhUS\xd3\xd1\xf3\x1fZ\xcd\xfe\xa7\xa94\x8b\xe3\x934\xb1\xbf\xee\x0f\x1b\x93\xcdp\xb3Yw\x18\\33\xbc\x98EZ\x926W\xb2\xd8\xf7\xd2u\xdd\xdc\x90z\x97\x02{\x9d^\xb6P\xdb\x81R\x18\x16\xfa\x02m\xb1\xad\xb4\x0c\x96\xe9\xa8u\xd12\xb9\xe0\x08T\xed\xba\xa4-P[\x07\xe5\xc5\x9d\x8cc,F\xd8\x05\x01\x7f\x99\xb8,:\x81\x18u\xcfsu\xe7/\xb8s\x1aH\xcaO\x9f\x9c\xf3}\xces\xbe\x87\x07B\x8cy\xcfK\xa5\xd2"\xe9Y\x10\x17\x182n\xb1n\xfd\x1b.\x9e\xb32\xda\xee\x10\xd2\xcb\x93\xf3^p\xd1\xcb\x93\x13\xb5\xdd\xa0\x9en\'p\x99;\x0e^\xed:\xda\xd6\xa15\x93\x90;\'\x94\xb8\xb6\xb6\xc9\x1c\xb6fd\xb8\x0cw\xb9\xa4EE\x17![\xdf\xbf\xcb1\xd6_\xff9\xb6\xfe\n$o\xb7;\xa4P\xbd\xd0\xbce\xc1\xa9[B\xa2\xef\xdfj\x050]\xc7\xd0\x993CmZ=\x82jE\xf1\xb7~_w\xb7sB\x0cPv\x16\xeb1`\xfd\x8a\xd3\xff\x80\xf2x\xef\xfegl\xfd1`\xd1v\x1aaM\x829\x05\xd3|\xe4\xc8\xf8\xbd\x9d\xadE\xdfugS\xc7w\x15\x15\x7fn\xa3\x10\x15\xf8\xe9\x0b\xe3__\xfa\xe4\xc6\xf8\x85\xe6\xa5\tL\xf6#\xd6\x9dG\xef\x17Tr:\x9f\x16&lt;\x1a[__\x05,\x97\x0c\x03\xaa\xee\xd3\xcd\xf7n\xfc\xe2\xd2\xdfo|\xb3\xde\xbf\xb3\xd5]\xeb$\x13\x82\xeaj\xd5\x80\x9e$u\xce\xc5\x9d\xfe\xc7\xdf\x8c_:\xf2\xf5\xa5\xcb\xf7V\xba\'\xc4\x80%f\xb1\xc6\x1e\xfdl\xf6\xe5h9\x8f\xcb\xa3\xb8\xceb\xc9p\x1c\xf3\xce7\xf9Z\xc7\xd1"\xeb\xc6\xf8\xb7\xab\xa7\xb7\xb6|\xbaZK\xc0\xb4\xb6&amp;\x881$i\xf6\xc1\x1fV\xc7\xc6o\x8c_\xfe\xf6\xce\xf8\xf8?j\xcf\x89]\xb8\xb8\xc8{\xf1q\xf3\xfa\xf7/j\xe3\xd6\xd9\x02n\x0c\x06\x7f\xcf\xcc\xec\x07\xb7^\xad?^E\xda\x82lM:[w\xc6\xfbW._\xb9r\xe5\xce\x92o\x11z9\x19\x8e\x99\xd6\x04\xa6X"E\x9a\xb3\x0b\x0b\xddK\xcdP\xc8\x0b\xac\xc6\xae\x9b\xbd\xb8\x18\x15\xb1\xb9\xb9\xd9\xb7\x10g\x18\xc7]N\xe4\xc5\xe7\xddm\x8f\n\x7fx\x05\x1d\x02\xda\xa9\x83\xc6\xbc\x13N\xdf\xe9\x95V\xdfJ\xeb\xcaJ\xf7\x02DVg\t\x0c\x98\xd6T\xb1@\x80\xb1X,\xbal6[\xbb\x04gti\xe9v\xef\x84\xce&lt;\xe9\x15C\x9b0\xdcl\xbe\x96M1T&lt;5\xcbIO\xe5\xcd\x08\xa7M\xb1\x13\x13\xcdc\xabp%\n\x1d\x19\xeb\xe4\xc4\xa4\xa1\xb7\xf6:\xf4\x85Z\x96\xca\xe2g\xa26\xd5\xda\x1a`%\x98\x94\xc5B\x02\x17\xb4/\x9d\x7fb\x99]\xcay1\x0c\xb0\xae\xdd\x9c\xa4\xac\xc1\xd4n|\x94\x0b\xd5\xf3\xf7\x0c?\x8b\x07L\xa6\xb6\xf3\xcd\xab0?\x08\x855\x19\xd4I\xbd~\x94\x172\x0b\xa9\nS\x89\xa4H\xadZS\x99z\x02\t\xe0J\xb1\x8b$\x92\xb4\x98\'\x97\xcf\xb1-.\x84aE\xde\xdb\xd7\xbc\xa1L0\xbe\xbd\xfb\x94\x0b,\xde\xdd\xe4\xb3x\xca\x9d&lt;z\xfcf\xaf]\xa8P(Z\x8c\x07ZZjB\x14\xe2\xb2X\xfc\x93\x84;\x90T\x8a\xd4\x02\xf0;=\x01\x94/&amp;\x11\x0c\x12\x04\x15\x0eS\xe8\x06\xcad\x06C\xa1\xe3H\xf3\xbd\xa1\xe0`pw{{\x84\x93l\xcdL={\x12\x0e\xbaOfn_\xb4\xc3\xf8\xa0h\xe92v\x19\x87k\x06\xadp\xbd\x04\xe1\xe7\xe4\x89\x08\x0cZ6\x93\ne+\xd0\x93H$\x02=\x85\xc9\xa4\xdb\xed\x86\xeb\'x\x12\x92\x0bTb\x0c3\x18B\x14\xe1\xde}\xbd\xfd\x80\x93\xd6\x85\xb0\x88\x1c\x11\x1c\\&gt;k\xcf\xcbS\xec\xdf\'\xbfz\xd5\x88&amp;\xd3A\xf4)\x8c\x1cU\xca\xdb\xe56\x95\x00\x8a\x98\x0e\x04\xdc\x01\xa0\x1a\x18\x18H\xf7$!\n\x0b\x0b\xeb\xeb\x7f\x9f\x81\xa2C\x19\r\xa1\x14C\xb0X\x1c\x9cD&gt;\x14\xf1I\x10\xb0B^\x8cv\x14+\x14r\xf9\x99\xabJ\x98\xd7\x87\x87\xd1\xc0&gt;\xa4\xd6\xc0\xd0,\xb2\t\xd6*T&amp;p\xf8\xc9dO\x00\x19nS,\x8d\xc8"G\xab\xaaJJNe0L\x8a\x9d\x9b\'\x08\xee\xb0@\xf2\x1b\xc1\xdc\x94\xd5:\x8f\xd1\xa5y\x8a\xce\xce\xdf\xb1#\xbbhx:\x1a\x8d\xda$\xd5o\xb0T\x15\x1f\xae\x99\xd2\xb1\x1e\xa8]\xcf\x80\x00\n\x1a\x8b\x01X:2mli,\xae\x83d\x89\xb1e?\xd2\xd6\xeb\xed\xa7\\\x9dD\xc0\xca\xe5\x88eLV\x9a\xd7\t\x01\xf6\x06\xb0\x94\x03\x03he#\x91@\r\xe1 ",S:\xcdb\x99\xbeCf?\x16\x1b\x18@X{\x8b\xebdR\x0c\xc7\xce\x85\xc3\xd6\xc1\xf8\xebg\x9c4\x88w*\xdb\x9fm\xe4rI"&gt;/\x96\xd2\xc5\x08K.\xd2h\x94P7\x81j\r\x9c\xbd\x1aY\x9e2\xb5\xe7C\x0fZ \xa5{\x12\x81\xa8\xc9d\x82*\xc6L\xb6h4r\xa0\xa4d/\xca\x16\xee\xfdK\x88\xa2\x82\xf1\xd7\x89\x19N\xba&lt;otc#\xb7\x99d\x88F\x99T\xe6Pt*\x00\x0b\xfc\xa9\r\xe4\xe4\x91x&lt;\xeah\xa4O&gt;\xd7\xee\xf1TxT\x82h_t \x90H\xab\xd4h?"P\xdbl\xca\xaa\xaa\xaa\x9a\xbaR\x99T*3\x14e\x880\x91\xdav\xec\xe1d\xb4\xe1\xcflnlnN1\x8aNZ*\xa3\x85\xc0%\x97\xf7E56\x9bZ\xe2A\x0b\x87h\x14\xa8D"M\x99\x07\x1c\xfe\xb4H\x19\r$\xa2j\x8fJ\xa2\x12\xa8\xd46\xa5\xb1\xaa\x06\xb0h\xb8\xe2\r\xe2\xbap&lt;\x95\xda\x1d-\xe0\xe4J\xe4\x97+66\xd3\x0c\xa3\x18\xb1Kq\x1a4\xafh\x97\xcb5\xec2\xab\xdaS!Q\xb3T\xd3\xd3\xd3}}J8\x9dP\xd0\x08\x13P{\xd0\x1a\xc2\xa6T*\x87[\x0e\xbc\xc1\x92\x1ad\xa1\x85\xed\xdd\x145\xc3\xcd\x1c\xc8/\x18\x9d\xdaLo&lt;id\xb1P\x9f\x07.\xb4j\xf0\xa85\x9e2\xc8\xd0\xdc\x9c\xbcP;X_\x1f\x89\x0c/w\x939\xd10\xc3D\xd1^P`S^U\x1a[Z\xeaN\xd1\xb4\x18\xc7\x0c_X\x16\x17\xb7S\x8ern\xb0x\xbc\x99a\xc0\xda\xc8\t\x01\x0b\xc4\xa5@\xa2\xcfo\xcf\xcf/S\xa3U\x9b\xadO.\xa2|;\xfd\x13\x83\x83\'\x83;\x9f\xecd\xeb\x01\xab\xc7\x06\\\x90,\x91\x08\xb5\x07\x9a\x96\x89\xf1\xa2sE\x0b\xf7\xefo3\x0f+9\xca\x16\xafr\xc4\x96\xde\x98\x9a\xca\xc9\xce\xba\\\x80\xc5\xb6.v+Y\x86\xb6\xa5}\xc9d|qkga&gt;\x18\xf4o\xedl-PD\x8a\xe9\x89\xaa\xd1\x86K\xa9l\x01\xacR\xa8\xa1L\x06M\x9e\x8c\x87\xc3\xb9\x19\xae\x86y~\xc1\xac\xc8\x14H\x07\xdcb\x84%DX\xed\xedl\xba4(lS\xa9x&lt;\x9e%\xfda*\x1c\x871\x07\xbe0\xe9\xa8M\xa9\x01*\xe8\xa5\x80E\xbf\xc5\n\x06k2\x1c\r\x81l\x15\xef\nEJ\x8d-r\xfc,\xceb!.v\x85\x8b\xf6k\x1au2\x95\xcd\xa6\xfca\x98\x18`\xa2\x81\xb9"\x95\nD\x87$]\xca&gt;\xb6\x86o\xb1p\xc3\xa4\x16\xbc\xa5\xf5A%g\xd6\x87\xbfg\xa4\xa6s\xeeO\xf9\x85\x06\x84\xc5\xa6k?\x9b,\xb5M\xed\xf1h\xa2\x84\xdf\x0fT\x14A\x11a\x98t\xfc\x141\xa0\x96H\xba\xba@Z\xfb\xf6\xb1Tl\x7f\x98\xd0\x12V\x1a\x9f\xe5\xce\xeeC\x15\x83\x8e\xce|M\x95W\xfa\x06\x0b\xce"j\x12J5\xb4.\x8f\x04\xb0\xb2$\xe9\xa7\x80\xcb\xef\x04\xcb\xe8\'\x92\xd0\x1b\xba\xba\x8cF\xe3\xbe\xc6\xc6\xc6R\xd4\x1f\xc4\xf8y\x9d\xd6\x1az\xf0\xb4\x9c\xc3-\x04\xef\xae\xc2\xd1\xd9^&amp;\x02,;:\x8a\x8a\xce\xf6\xfdr\xa4\x1d\x89\xba\xbaZ}\x82"\x9dN\xa7\x85B\xc9\x02\xff\xd8m\x0e\xbb#\x91&gt;%P\xbd\x91\x16\x92&lt;.\xebm\xa2\x82\x99\xd1/\xb9\xb4\xd5\xfc\xca\xd1\x07#s\xf9r\xebY\xc0\x82t\t\xa1\xd3\xc3]\r14t\xb4-a\xc9",TE?\xf2\xf9\xb5\xa4\xbe\xa3\xa3\xe1\xc4\xc1\x8f\xa6\xa7\x8d\x90,\x9a=\x89x/I\x0c\xd6qd\xc6~LW\xf9\xe8\xc8\\\xbb\xdcj\xb0#\xac&lt;4u\x89D\xd3\x80\xd5\xf6\x87\x8e\x0e\xbdY\xa7\xb3\x80\xa2 (\xcaBB\x19I\xb3\xde\xaco\x80\xeb\xf0\x97{Yi!q]\xbcM\x05\x1d3\xdc\xbe\xdc\xe5\xbd33"\x17\xf5Q\xbd.\xdaUZ\xbc\xb7\xeec\xc5&gt;\x11\xd4(\xd2\xa0\xd5#\x02=L\xc3n71\x85~Q\xa0~]\x13\xf9\x15\xa9?\\X\x7f\xa0\xe4s\xb6\x862\x17\xfe\xe2\xe5\x03\xc7\xd3rn_\x1c\xf0\xf9\x95O\x87s9\xe9s)\xed\xa2K\xeb\x8a?n\x04\xa8\xe9z\xadY\xd7\x04P0\xd3\xbb\x13Lbjj\x8aa\x18\xc8\x99\xd5\xaa5\x9b\xcd_\xe9?;TU\xf2\xf9)\x19P\xd1v\xfc\xe5\x1f\xf7\xfc\xfc\x03\xae_\xb3\xf0y_\x8e\xfe\xf7\xe1\xcc\xcb\xe7v\x1c\x93\xd1\xc5y\xc5\xe0\x7f\xaa\x1a\xcc:s\x93Y\xdb\x11$\x98T|7\x9eb\x9e\xc4Q\xa4\xc2\xc0Ei\xf5\xfa\xcf\x0e\x1f,y\xef\x0b1.\xa6\xed.\xe9\xcbJ\x1e\x8f\xcf\xfd\xe3k&gt;\xaf\x80Wp\xeb\xb9\x0b\xc7\xc42\xfa\xbd\xbc\xc6\x16\xe3o;\xf4\xfaO?\xd5S\xfe,\\v\x8b\xf7\xdf\xc4"\x1b\xbe\x05R\xdb\xa1\xd5\x1e:v\xec\xf3\xe3o\xb1\x1e\xfe4\xefb\xf9|&gt;\x8f\xf7\x9b\x17.\x1c/*\xc2N\x157\xfe\xfa\xa3B\x90\xbb\xd6\xb2\xb0\xb8\xb5\xb5\xb5\xf8\x7f\x9e\xb7l&gt;\'\xa9o8\xd4p\xf8X\xc9)\xb1\x18\xc7i\xda%\xfdW\xe5O\xf7h\xf1\xfd\x1f\xa4\xff\xe3\xe5|C\xda\xca\xd20.M\x9d\x9d\x011Jl\x02\xd7\xfc1&amp;\xa8c\x86xMH\x02.w\xa5\x19\rXF\xb0\xf9#eI@\x8c\xb3\xea$\x9a\x86\xa28\x92\x88\xb3mi1\xc3:\xbb\xcd\xcel\x88\xc9\x1aB\xb7bIY\x98d\xc1uK[\x1c\x8a\xfae@\x84\x9d"%\xa5\x1f:]\xe9\xee\x0c\x03\xf6\x83\xed\x0e\xfb\xbc\xe7\xc6\xee~\xda\xddvz\xe7\xb5\xe5~(4?\x9f\xe79\xef9\xe7\xde\x93{\xe9d7\xf4\xb2\x07\x07\xce\x9a\xb9P\xfc\x17\xb4\xb1\xff\xd3\xe3\xc7\x8f\x1e=z\xfc\x18WVh\x15\xbf\xf1\x86\xbc\x9c\xc3\xe1\xb3\xa4\xb1\\&gt;\x89\xfep\xf0@\xba3\xb12\xd7\x83\x83\x93\'\xc9\xc6S\xc1\xf6f3&gt;\xd7\xe1\xed\xb8\x8d\x0e\xf6\xd1\xd7\xa8[\x95\xbawo\x045:\xcaq\x9c\xce\x17\xe05\xdd}\xdd\'\xfb\x0e$&lt;\xaa+\x93\xad\x1f\xf4\xf5u\xa3N%\x0c\xcd:\xab\xd5l\x9e\xef\x9f\xc76\xe8\x13\xc2\xbay\xf3\xd6\xd7\xb7n\xde\xbc7\xf4\x87\xa1\x91\x0e\xcf\xec(\x1a\xaa\xce\x1d\xd0\xf0\x1a\xbe\xafo\xe9Y\x8f\x84\'\xaee\xb5\x07\xf9\xa5\xbe\xee&gt;\x8dF\x936\x18\xcc\xd6\xf9\xcf\x7fNk\xbd\xdb#t\x1e\xe925\xafhG\xc7\xd0\xd0\xd0\xc0\xef=\x9e\xd1_\xdb|\xbe4\xdd} \xac\xfb\'\xa4\xc4\xba\xf6,\xbf\xb4\xc4\xf7ix&gt;`0s\xe6\xfdO?\x9f\xbfz\x15T\xc0\xf2\x86B\x97\xe3\xa1(m\xef\x07\xda\xcf\x9a\xcd\xd6Y\xab\xcf\x97Hw\xf3\xf4\xb0\xe0\xe0\x89\x94_4\x90\xfd\xf4i&gt;\xbf\x04[&amp;2\xbc\xc5g\xd3\xed\xef\x03\xeb\xb7\x1e\x12\xcb\xeb\x8d\x9f\x89\x9f\xf1F\xa3\x0c\xcb\x8c\xb2\xda\xdc\x89\x14\xb0\x10\xae\xa5\x83\xf5\xd6*\t\xb1\xde\xf8\xe7R&gt;?\xc1\xf3X\x99\xa7}&gt;\xdfY\xac\xaa&lt;\xf4&lt;s$\xea\xbd\x1c\x8f\x9f\xf9\xcb\xe5htd\xc0&lt;P\xa1r\'\x12p\xb1\x1bX\xcfj\xab$\xc5\xda[ZX\x98\xe05\x1a&gt;\x10p\xbb}\xba\xb3f\x8f\xc7\xea\xf1\x90e\x08\x17\xa2\x05\xa9\xccV\x8c\x05\xab\rT\xeet\x1aZa{\x91\x7f\xfa\x8e\x94G\xd3\x7f\xe2\xda\xbb$\xaa\xa5\t\xa0|\xba\xf6\x01@y&lt;X\xf3\xf5\xf7c\xa7\xe8\xf9\xe4\xf6\xedv3QZ9\x9b6\x1cH\x07\xc2at\x93\xbe\xfcS\x97\xc4X\xbf\\\x82Z\x1f\x87\xf9\xee@:\x9d\xb0P\x8an{\xe8\x19\xf1\xbb\xef\x9e&gt;\xdd\xff\x91\x87\x9e\x9c{\xac\xd0\xca\xc6e\xb2a\x93\x89\xe7\xbbO\xf5-\xe5\xbf\x93\x14\xab\xaa\xf5\xfa\xf9K\xd9\x85\x89\x8f\'&amp;4$X\xc2\xdd~\x96\x1e\xc6\x12\x15\xf6A\xfd\xfd\x9e\xabWa\xa9\x95\xe3BI\xffN,\x9b\xcd\x98\xba\xbb5\x13y^j\xac\xcd\xae\xf3\x1a\xa4kb"\x1c\x0e\xf3i\xcdgn\x9d\x8a\x1d\\\xfc\xf4\xf4id\x9f\xa4\xf2\xd8\xac6\x8eK\x8eG\x8a;;\xc5,\x0f\xaa\t\xbe[b,\xd9fW\xd7\x07&lt;\xf4\x9a\xc8f\x172|6\xa3\xe5 \xd8\xfc\xfc\xfc\xcf\xfa?A\x97\x88z\xd1\xc1\xbc\x0eo\xc8\x99\x8c\xed\x14\x8b[YzL\x8d\x1e\x17\x90\x18\xabj\xf3\xab.\xe3)M\x96\xd5\xce\xc2\xd6B6\x93M:\x1d^\xce\xda\xe1M\xc6b\xfe\x0f\xbd\xf1P\xc8\x1f\x8b\xc5\xb2[;[\x1b\xc5l&amp;\x93\xcd\xf0&amp;\xc2\x92\xf6{nw\xbeznL\xa5\xf9\x0cb\x93]\xd8\x82 \xa8\x1d\xac\x9b\x93\xfe\x18\x96\xaa\x85?\xfb\xc7c\xe3\x85H\xa4\xb8\xb5\x81\xda\xcad2\x13\xbcI+9\x96\xec\x0e\xd4J%\x02&lt;&gt;pa\xa18\xb5]\xdc\x98\x9a*\r_\x18&gt;W\x88\x0c/.\x96"\xe7"\x85Hi\x91\x9ds.n- \x81\x9a\x80Ik\n|#\xb5Z\xab\xc0\n&amp;\xd2\x9a0\xd4\x02\xd6\xd4\xf6\x95\x19z\x86_*]\\\xcc\xe5\xd6\xca\x177\x86/\x96g\xca\x8b\xf8\x97-\x84\xcf\x04\x03\tk\xafUj\x13\xbb\xd4v`\x05\x02a\xe8\xb5\xb1]\xce\xddX.\xaf\xcd,\x96\x17\x17\xcb\xbb7vsk\x8bSk\xb9\xe5\xdc\xf6\xf6\xf6F6\x83\xbe\x05(\xad\xd6\x94\x96\x1a\xabvuLMj\xa5\xd3\x01S8\x9c\xdd\x98*/\xdfX\xa6gt\xb9\x99\xb5\xdd?\xee^\xc9\xe5\xca3\xb9\xe5\xe5\\y\xaa\xc8\xa0L?\n\x96\xec\xcb\xd51AP&amp;\xd2\x894\xbc\t\x87\xd1\x9afn\xdc\xd8]\xbe\x92\xbbr%\x07\xc0+\xcb\xbb\xb9\x1cam\xecdL&amp;\xb7I\xc4\xd2\x06\xaeK\xacV\xc3\xaaZ-(S\xa8@\x183K8\xb3\xb3\xb1\x9d\xcb\xcd\xe4\x00\xb5\xb6\x08\xb8\xe5\xe55xZ\xde\x889A\xe5&amp;&amp;\xa7Sr,\x19\xd4R\x0bje0\x95\xc2x\x14}\x84`\x91b\t\xa9\x8fDJ\xa5\xc5r\xa9P\x88\x14cI\xa7\xf6H)P9\x7f\x04\xac1\xb8\x18\x0c\x92^\x00\x03W&amp;\xb6S\x00J\xa4@\x97Ba\x9c6\x8fI-9\xa85A*\x12\x8b\xd4\x92I\x9d\xad\xb1I\xc1bI\x04S\x1f\xa4\xec\xf6D\x80\x91\xed\x14.\x0cG"\x91\x0b\x80+\x8c\xc7\xfc\xa2V\xcc\xc0#,I\xbf\xd2)\x93]#\xacIe\x10\x95\xb6S\x19!Z \x1cC;\xa5"\xaa\xe4\x0b\x07\t*\xa9\x95\x1eKT\x0b`Jlo\x12v#J\xadVc6rb\x1a\x8c\x8d\x93\x81~\xa2\x12\xb1\x9c\xceP\x92\x89\xa5\xd5H\x8a%c\xd9jB\xba\x94C#\xbf\xfb"\x08\xad\xd4]\x8c\xcb\x8d\x8f\x872\xc9d\xc8Y\x81rk\x01\x15\x0fA8j\\\x12\x9bX\xf5\xe5jS[[\xd3\xe4\xb4\x05r\r\x05\x83vc\x97\x1a\x92\xa5\x12\xd8L\xf8\xb0xG\xd0\xddnvE\xe2\x81\xe5\xc4\xc6\x1b\xbc\xe1=\x89"/{1\x12\xdb\xc6\xda&amp;\x9b\'\xa7A\xe5\xd6~\x11$\xb5\x98\x99FA\xa9\xa4~\x86\xfd\x90\xcf\xedc\x88\xce\x90\x13k/\xe2",I\xe5\xba\xb6\xda\x06\xb5\x9a\xa6\x95J\xcb\x90\xe3W\x1f&amp;\x8ct\x06A\xcc\x18\x85N-\xa4,D&amp;J\xe7`\x15uh\xc3\xdfI\x89%f\x8b\xb0\x9a\xa7\xa7\xc1\xe5\xfc\x0cju\xa9\x99\x8fH\xd9{\xef\x01K0X,\x06\x81i\xc69\xb0^u88\x873\x8c\r\x99T_\xfbf\xaf\x9f\xb8\xd3\xd5F\xe1jn\x86^A\xca\x16\xb8X\xea\xa1V\xd7\xd8\x98Q\x10\x04\x8b\xc1` ,.\x1a\xe5\xa2\x9c\x83\x8bj\xb5a\xfe\xba\xeb\xf5\xbf\xbdB\xfc=e\xb8\xbe\xb1gD\xb6\x88K\xa5\xec\xec\xec\xb43\xf7\x80U\xb1\x11bA.\xe8\x05*[G\x07\xb6\x1a\xac\xb4\xe1L\xfe\x89K\x12\xbd\xd8\xfb;\xe6\x9e\xa6\x84\xb6^r\xb1\xa9YI\\\xa8\xf3j\xd6\xbb\xe8\xc7\x08.H\xa5\xb3\xe88\x9f\xcd6\x1b\x9d\x9d\xe5H/\x98\x98)~\x7f\xb7\xb5\xf5us\xb1_T&amp;[\xcfg}\x86\xb6\xde^\x92K\x05\x17;\x95v;)\xc6\xba=\rF\xf5\x98`\xd0\xe9t\x06\x9fw\x80\x8eY\x13\x16gC\xb6\x92\xb1\xf1\xed\xfbu\nY\xe5\xffym\xdd\x81i\xf5\xceA\xc1\xa6S\xf5\xf6\x12\x17BOj\x05\x110xi\x17\xa7nJ\x96\xae\xbd]\xa7\xf3\rXm\xb3GT\x1c\xfa\x96\x7f|\xea\xdb\xbb\xf5.\x99\xec5\xbe\xbeE|!\x8cK\xb1\xb9\x137\x1b\x9a{Wz{\x9b\x08krR\xc4\xb2\xe3\x82\x86\x9f"\xb9H,\xb2\xb1\xdd\x8a\r?\xa8fI,\xf4S\x7f\xac\xf4\xfd\xdd\x9ez\xb9\xabU\xf6z\xb8D\xdd\xab@\xa5\xd8\x8b\x8d\xee\xef\x13\x96\x98\xf9i\x9a\xb2\x95,b\x90\xcbN\x997R\xb4\x88\xaa\x9dq\xd9\xb0\xc1\x06\x16\xb8\x92\xe3\xa5o\xd7{\xe6\xe6\xe6z\xf4\xae\x1f\xceU\xc9\x82\xac\xd5\xa5\x90\xeb\x15{\xf1C\x11\x0b\x85\xd0ONN\nGT\x0c\xcbH\x0bW\xc2\x02\x95\x99\xee%\x11\x1aG\x91w\xfa\xc7K\x7f\x9f\xeb\xe9\xe9\x99[_\xefy\xcb%\xfbA\x92\xfd\x07\x94\x1e\xa5\xd8\x1c}\x81\x05\xb90\x1c\'\x05\x01\x062\x0f;\x8dl@\x92\x8b\xedTt\xeb\x8d\xe4"\xb1\x10y\xff\xb9\xc5\xfb\xf5\x84\x05\xae\xf59\xa6X\xd5\xab\x81\x1d1)Z\xf4\xc7\xf4z\xb9B\xae\xb8c8\xdcok\xeb]YaXcc\xd0K\xe8T\xb2\x82d\x80\xc2\xfc#\x18\xdaG\x90y\x02\xab`q\x0c\xab0\xf5W`\xd5\x89`\xb0\xb2\xf5\xd5\xc0^@\r\x9ehl\x1c\xd4\xc3B\xbd\xfc\xf8\xea\x11V\x1b\x9b\x18!\x17\xa6F\x8b;\x1d\x0c\x12\x18a![:Vf\x9d\x99\xc2e\xc5Xt`\x85\x13+=\xbc[\xd7SGX\x0467\x87\xf4\xbf\x82\x91\xa2\x7f\x04\xd5\xd00\xa8\x1f\x94\xcb\x15z\xc8\xb5yx\x88\xae%b\xa1\xa1\xa2T\x84\xe5\xb6\x00K \x0f\xa9\x9b\xeaD2\xb3Y\xbc\xf9\xc69\xbc\xa1Pr|\xea&gt;\xa0\xa8\x98\x93\xa4X\x9d\xde\xf5\xb2\xfd\xb5\xf2N&amp;=\xa0\x1a\xaa[\xf4\x83-D%\x97\xd7&gt;?\xdc_\xf9w\xb6\x80%\xa8H\xaf\x84\x85\xb0(\xf1\x94-\x86\xc5\xa8\xc4\xc4\x87Bq\x7f\xe4\x1fw\xeb\xc1T_\xcf\xc0\xe6hH\xc2\xd2\xb7\xe4/s\x96\xb8\x02\xd5\xd2XS\x0b\xac\xc6\x16\x14\x98\xe0\xa3|\xf3\xfd\xf7+\xc9jjb3\x90J \xbd,\x90\x0bm\x0b\xe3P`\x1d\x82\xa8h 2\xb5\xbc\xde\x90\xff\\\xe9ou\xf5D\xc5\xb0\x18\x93\x08WwB\xd1\xfa2\xb3\x9fK\xdfX\xd3P\xd3P\xdbPS}\x9c\xb0\xf4\xa4WK\xcd7\x87\xcc\xc3\xa6\xe6&amp;\xfa\x03\xbdT\xcd\xc24\xa8\xc4^\xaa\x84j\x16\x83\xa8\xd6Q\xd7"\xac\xd8\xf0\xc3u\x10\xd5\x13W}]O\xa5\xe6\x18YO\xe3\xffyG\x8e\x82\x0e\xa8\x1a\xf8\x07\xb9\xaa\xab\xdfdr\x91\x89\xf2\x96;\xcf!\xd7\xcaQ\xb4T\xf8\x19cr)\x95ly\x8a\xa5\x96\xa5\x12z6\x10i\xf9\xe0\xf0\xc6\x0b\x0f\x1f\xd4\x8bL(\xa6S\x85\x8c\x10\xeb\xdenT\xb4\xfe\xcf%\x0f\x84\x92\x1fkl\xac\xae\xae\xa9!\xb2\x9a\xea\xea\xea\xc1\n\x17\xc8\x8eo\xea\x9aX\xe4\x9b\x98\x85*\x83J\xa5\x9a6\x10VJ\x99"7-JC\x85\xcbG\xc9r@\xad\xe4\xf8\xc2\x93\xfa\xa3\x82d"L\x1d\xfd\xad\x13\xc7\xc1\xdb\x8d4.\xff+\x94B\x7f\xec\xc4\t\xc0\xd4T7T\xa8\x98\x8b\x15#\xe5o\xee\t+\xccF\xd1BJ\x92\xca\x80\xa5**\x98\xa0\xf0\xa3\x08\xab]\'\xe6\xfd_u\x99\xcfk\x1bG\x1c\xc5\x83:\x12\xb3 \xb4\x12h\x13\xc8\xb4\xa8r`\xc9\x8a\xa5\x02C\xe8a\xc9\xcd\xf4\xbc\x14kO&gt;\x08\xa2\x83K\xa1\xb8\x17\x9d\xd2S\x0e=\xe4\x9aC\xa1\xbe\xe5`\xb0\xfe\x04\x9f\x04%\xe8O0\x18\x82\xff\x80\x80!P\x9f\x14\xe8{\xdf\xef\xccj\x1d\xd7\xa3_\xb6d\xb3\x1f\xbd\xf7\xe6\xcd,{\xf8\xe3\xaf\xaf\x85*\x88\xa5\xedE\x9e,\xcbtr\xf6\xb3~\x96\xc4\x0f{\x89\x85o\x1c%P\xaam\x81E\xb5\x80e\xadb\xc5\xeac\xfb\xea8\xc8E,\n\xf6\x8cz\xed?\xde\x7f;\xe3\xf6\x0f;\x88g;\x0f\x11\xac\xf7\x9fj$\x8d\x96\x90d=r\xf5\xfa=\x1d\xfd\xdeC`\xdf\xfc\x14\x8f\x9dK\x12kIE\xc1\x04\xab\xadX1\xd4\x92\xe0wW[\x9d\x8b{\xa2\xd6\x13RA\x9c\t\xcf\xd0\x16\xb3\x05\xb9&amp;\xdc\xdd\xfc\xa0T\xbf\x9c^7\xa8\xfa\x82\x95\x91*\x8cu?\xb0\xfd\x1f\x18\xec\x83{\xce9\xabXm\xf1\x8fT\xd6V"\x16[\x82\x01k\xaf\xb6\xcf\x83\x89#`-\x97t\rP\xff,p\xba#\\#,=\\\r\x0f\xffx\xfd\xef\xf5\xe0\xceP\xd72\xcf5\x1c\xf6v#\xcb\\z7c\xd8N\x89RJ\xe5=\xc4\x8b\x88e\xbc\\i,\xf1J\xcd\x06\xa7\xd6{,\x08\xc4\x9drq\t\x9c\xcf\xe6?Oy5\xb8\x9c\xccJ\xeek^@\xaa\xa3\x8f\xb7\x17\x0fP%\x02\xc5Y\xc5\x0c+\xe0\xb0\x97%\xe3F\xc3R*,}\xb8S\x1d}\x10\x0b\xaf]d\xcbP\xae&lt;(\x86\xa7\xf5\xcd\xf1\x13z\xa8\x83Xe\t\xa2\xe9\xf4\xe9t\n.\xeek@\xf5\xee\xe8\xf4\xcb\xc1WTtP\xb1\xd8\x89]a\x1aJ\x8a\xf1*\xd2\xd5\xe9gy\x92\xaa\xaa\x9c\x95\xb8\xef\xec3\x1e\xab\xf2\xa9Oc}\x0c7\xe7\xecsBI\xc2&amp;%\x98\x168\x05#\xd6hT\xf2\xaa\xcf\xd1\xe9\xed\x87\xfe \x1a\xf0\xee\x9f\xd8\x08\x99\x8c$Q\xa9\xe0\xca\xb0\x1b\xda\x08\\\xc3!?L\x85*V(km\x90J\x98\x04\xabm\x8c5\xd6I\xbc\xf28\x8e\x83b\xeb\xd5\xf9\xb7\x02\x06\xd5\x96\xcb\x93\xb2,\xa7S\x7fE\x18\xf5\xf0\xe2\xf0\xddw\xb7\xd7*\x15\x81\xa2(L\xc3\x01\x0fK\xacDHD\x06+X\xb0G\x1d\x1df\x89H5\xc6&amp;\xa1\xe2\xd1\t"h\x10\t\x91\x92\xdf&lt;\x16\xf2\x95\xc7\xb9\x82I\xcc\xe2\xde\xe6f\xfb\x12X\xa8\xd5\x93\x93rJ\x0f\x815GWLf\x7f\xff\xf9\xe5\xc3\x81\xe2\xe0\xe6\xa1j\xb1\x14\x0bE\x04,\xeb\xeb\x88/\nG\x15\x1f\x01\nL\xa0"\x06\xf2\xadp\xe43\x05\xbf\x87-\x04\xcb)V\xdc\x18il\xd6\xab\x9b\xed\xf1\xf7\xcf\xf7\x960Q\xae\xa3O\xe7\xf3\xfdW\xaf\xde\\^]\xf4\x07\xd9`\x07\x14\xdd\x89\xbb\x98\xc8zd\r\xd9Fl\xe4\x1d\xc1\xc2\xd6\x93T\x81\xa6\x86\xc2\xbd\xb0X\xa7E4\xf2\x1ab\xa5\r0Y\x91\xecz\xb3:\xdf\xfe6*\x17\xbfs\xfc\xf5\xf6\xcd\xe5\xe7\xab\xcd\xc1\xa0\x16)\xf2\x06F\x82\x95\x05\xb1\x9c_Jl\x93\xaa\xfe\x01X\x95hu\x16x\xbcR\xb4\xee.\x16\xdb+\xcf\xf3\xbc\xa1\x16K#Mmo\xb3\xba\xba\xf9|\xc9\x01\xa4\x8b\x83~\x90\x87L!\\\xa2V\x90\xaa\x07,\xf6\x0f\xa2b\xfd\xd4\xb7&gt;\xd2Z\xe4\x8f*\xef`\x80\xf1y\x02\x93\xfcKa\x8a\xa2\xe0\xbb\x85\xd4D.`\xb8w:;\xcd\xd2t\xec\xb0|\xc8\x96\x00\xc7O"?B\xa1\x85\x15f\x00\x00\x01\x19IDAT\xb2T\xb7\xacv\x10BA\xac\xa4\xad8\xfc\xc66xi%\xfdI\xa2XTF\xb9\xbcX\xd6\xe8\xd7 \x96)L\xd0\xaf\xd6\xcbCu\xb41\xaaj\xdc\xc2i\x88k\xb9V\xf4\xd5\x10\xaa\x16\xa02\r{\x92d\xe8+\'\x8b\xdcY\xdb6\xe2\x1c|\xec\x92\xd9\xabe\x83\\j\xa2\x97\x8a\xf92*\x96\xd1QIK\xe4\x1d\xa8\xc5\xe1\xc5"\x16O\xd9Z\xf7\xa8"\x89\xbd8\x1a\x0c\x94\x1a\xc5\xa1\x9d\x17\xc0\x8f]\x8f;\xc5\xd2\x0f\xf5\xe1u\xc1\x1cl`\xc9\xac4*aUQ\xa5`\xa2\xeex\xd2j\xacP\xc0\xba\x0f&amp;\x06\x86\x91d&lt;=@;9mk\x13f\x99\xfa\xc9\'Y\x03\x1bX\xc6\x07\x9d\x08\xc0R[k\xac\x82`g\xc0\xaa\xd2\xb8v\xd1c\x8d\x15+j)Y\xeb\x1e\x95\x9f\x81\t\xe7\xa0V\x93\xc3l\xf2Hu=\x8a\x10\xc4r\xc4\xaaT\x08\x1e\xb8\x10\xa9\xf8\x07]\xa3\x96k\xe0\x0b\xfd\x10?\x16\xb2\x12\xf9\xccwd.\xc6\xc4j\t\x17G\xcb\xdf\xa2\xa8n\xadA\x88:\xb8\x12\'\xeb\x8dCCK\xed\xd4d\xa1\xcce\xc3\xf0\x1f\x07\xd6\xec]Q1XU\x00\x00\x00\x00IEND\xaeB`\x82'</t>
        </is>
      </c>
      <c r="M381" s="3" t="n">
        <v>45492.67776620371</v>
      </c>
    </row>
    <row r="382">
      <c r="A382" t="n">
        <v>994479</v>
      </c>
      <c r="B382" t="n">
        <v>1954</v>
      </c>
      <c r="C382" t="inlineStr">
        <is>
          <t>Wesley Gasolina</t>
        </is>
      </c>
      <c r="D382" t="inlineStr">
        <is>
          <t>Wesley Gasolina</t>
        </is>
      </c>
      <c r="E382" t="inlineStr">
        <is>
          <t>MD</t>
        </is>
      </c>
      <c r="F382" t="inlineStr">
        <is>
          <t>MC</t>
        </is>
      </c>
      <c r="G382" t="inlineStr">
        <is>
          <t>MD</t>
        </is>
      </c>
      <c r="H382" t="n">
        <v>177</v>
      </c>
      <c r="I382" t="n">
        <v>2</v>
      </c>
      <c r="J382" s="2" t="n">
        <v>36597</v>
      </c>
      <c r="K382" t="inlineStr">
        <is>
          <t>Right</t>
        </is>
      </c>
      <c r="L38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b69e3a6c-6ffc-4ad7-b5ab-595f0f78103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\xe7\xaf\xbd\x00\x00\x00&gt;tEXtComment\x00xr:d:DAEewil2SDw:3796,j:1497870925631122622,t:24040619\x85uW\x81\x00\x00\x00\tpHYs\x00\x00\x0e\xc4\x00\x00\x0e\xc4\x01\x95+\x0e\x1b\x00\x00\x03\x00PLTE\xff\xff\xff\x00t\xfd\x01H\xea\x01D\xe0\x00M\xeb\x01D\xdb\x07\x0b\x11\xfe\xfe\xff\x02\x03\x05\x05\x07\x0b\x01Q\xed\x0b\x10\x16\x00O\xf1[,$\xafeU\x00J\xe6\xaacV\x01&gt;\xd9\x00y\xfd\x01B\xd5\x00G\xe6\x0e\x15\x1c\x00~\xfd+\x19\x19\x9f\\T\xfc\xfd\xfe\x9aC5?" \xa6\\Md-"\x9dRF\x16\x16\x19\xab`Q\x00b\xfc\xfe\xff\xff\xa5`T\x01D\xe3l2&amp;\x00R\xf3u4$\x89KF\x01X\xf0\x01;\xcd\x01O\xe7~C8\x01L\xef\x97NC\x80KGG \x19\x8fLAb3+\x01p\xfc\x85G&lt;w:.\')/R( $ $\x95TL\x01&lt;\xd2\x018\xc8\x01^\xf7~EA\xc7}n\xa2YI\x01/\xbavHF\xbadX\x01K\xdf\xbdpf\x01d\xf35\x1d\x1c\x8eF=\x01i\xf7\xbaj_\x18\x1d" \x1a\x1b\x01]\xf1\x84=1\xca\x8a{jB&gt;o;4\r\x19&amp;\x12\r\x0e\xb3bX\x9eI&gt;M68\x00\x85\xfd\x8fB4\x00j\xfc\xa6M?v@52-2P/*Y4/\x8eOL~9)\xc8th0"#\xe9\xf3\xfa\x15$.\x96ZS8\'\'tA?\xa4E5e:4\x1e\x11\x11\x86QM=/1\x8dXR\xf1\xf6\xf9\xc0zk\xc4m_C6:\xcd\x93~H&amp;"\x96LI\xaeXKwNM\xe0\xef\xf8\xb6lZV::\xc9\x81w\xc7\x87rYAD\xb1QF[$\x17\x9bVPF+)u-\x1bbGH\x81.\x1a=\x1a\x14~QPmJH`&gt;&lt;\x034\xc1\x02X\xe8\x87C7k*\x18\xace[\xd4\xe5\xee\x8c&lt;*\xc3bT\x87CCf$\x12\xd6\xa0\x8c\xb4[N\xdc\xea\xf3\xa7SI\xda\xa6\x94\x867%\xe8\xed\xef\xd0}p\xafK&gt;\xb1k]\xd3\x9a\x85\xa2ke\xce\x95\x8a\xb8^R\xf7\xfa\xfc\xbbta\xdf\xe3\xe8\x7fY[\xb8WH\xc1yd\x01/\xb3\x15R\xd7\x97:(\xa6]\\\xd2\xd1\xd4\x8e0\x1aO\x1d\x13\xd5\xdd\xe0\xb5vh\xca\xde\xe9\xd5\x8c\x82\xb2\xd2\xed\x82y\x7f\x99^].6&gt;\x00\x8f\xfd\xc0P?\xb0jj\x02s\xf7PlwKBE\xb2xv\x82\xb8\xe97NU\xac\xc3\xca\x03}\xf9\xdc\x95\x94\xd4\x87x\xcf\xeb\xf8\xa2;$\xbd~z\x192&lt;\xbe\xde\xf4t"\x10HYc$&gt;K\xce\xc4\xc8\xbb\xce\xd4\xb0E3:?E\xcf\x9d\x95\x98\xb1\xb8-\x0f\x0e\x1eb\xe5mQUP\x92\xea6}\xe6rrv\x11F\xc6\xdct\x85k\x8b\x96\xd4\xb3\xbb\x1cC\xb0\x8ehcg\xa4\xec\x98\xca\xee\x85\xa0\xa8^\x93\xda\xc7OY\xd1eR\xae\x8d\x908s\xc9&amp;p\xe9\xd3ub\xac\xa6\xa7\\{\x85\x08+\xa1"Ihp_e\x93\xbf\xdf\xc4\x8d\x8f\xd9SeFC\x8f\x84\xab\xd6\'c\x8a\xb1\xaf\xb4\xd6fw\x06\x1boI\x81\xd48\x7f\xa4^\xb0\xd0\x9ax{+]\xcf\x97\x9b\x9d\x1ce\xc6Q\x9e\xbc\x04\x0eI\xa2\xdd\xefj\\\x9b#d\xb1RZ\xb7\xd4\xfd\xdd\x86\x00\x00 \x00IDATx\xda\xc4\x98\xd1K\x1bi\x17\xc6\xbd\x9a\xc90\x04\xbc\x19\xc6I\xaaS,!^\x14M\xe5s2\xbd0E\tS\x9cA\xdbI*!\x8d\xd5\xc4\xd9\xd1f\xd3h\x9a\xea\xb7J\xd5hS\x0b\xd1j\xc5\x8aV\xb1\x06iA\xfbi-\xdf\x06$J\x02\x05C\xcdfm\xf6fAX\xf0r\x85\xa57\xbd\xdc\xcb=\xef\xc4\xee_0\xda\x93\xa8\x93\xe4b~&gt;\xe7\x9c\xe7\x9c7eez\x04^VV\x8d3\xc9$^]z]\x8d\xe3e\xdf)\xaa\x19\x06\xee\x8d\xa3Hv\'\x93Lx\'\x9b-,1\xf0.\x8e\xde\xad\xae\xae\xfe\x1eT\x00\x93dp\x06E\xf8\xf9Rxg\xbbp\xf2\xf5\xef\x93l8\x9c\x84w\x96\xb6\xb7\x01\xf0;HU\x9d\xdc\xce\x16\x0b\xddp\xff\xed\xf5l\xf1\x97?\xd3\xe9\x0c\xe7\xe3\x8eN\xb3\xc5ba}\xe78\x9f:\xdd\t\xe3\x17\xad\x17\xce\xec\x14\x0f\x15*\x7f|\x9c\xc9d\xd2\x87\x1cG\xc99\xc2@\x90d*\xa3\xe4\xf2\xe9t\x0e#\xa8\xc3\x93\xa5\x8b\xd6\n\xdf\x01(\x0c\xc3(\x8a$)\xf9\x88\'\x08%\x85\x19\x08\x0cK\x1dQ\x8aB\x91\x18IbT\xee$\x8c_l\xb1/\x9dR\x04A`\xe8\x81\x91\xd4\x91\x8f\xc0D\x8e4\x18\x00+%\xe7r\nF\x90\x14IQ\x87\xdb\x17\x9c\xc2B\x9e0\xa0 \x10\x9c\xc8\x85\\\x06R$\xe1\x92\x84t*\x8a\x8c.1\x82\xc8g\xc3\x0c~\x81b%\x8b\x8a\xa1\x84\x85QPE\\H2`\x92\x08\xd2Q\xbc\xa8\x80\x8e$\x85\xa1\xcf\xc8L1\xcc\\\\\x132;i\xcc`\xf8\x06F`|\x8c6`&lt;\x0f&lt;l@\x14I\x04\x84\xc4$\x0cX&gt;\xcb\\\x90\xb1\x02U!M\xfeK\x85\xf2\xc8\x06b.B\n\xb0\x06,\x10\xe10-\xb3\xa4\xf6\x01\xc1f\xb2\xf8\x85p\x81y\x172%1J\xb7G\x97.5@\xf0\x11\x89 B\xed\x12B5`\xd0\x8c"\xeaR%]\xe8\xbe\x88\xfa\xc2\x99\xffB\x17\xc2\xbdYI\x92\x82\x02\xed\xd2D\x93T\x17\xa0\xb1D@E*a\xa4\xe8\x8b\x84"&gt;\xc8\xab\x9c\xcf\x9c\xac\x9f\xbb\xdf\xc3&lt;^/\xe6\xe0\xbe\xbc/\x14\x8b\xc5\xec\xf6h\x80\x97$\x17\xe1\n\xf1(\x8b\x04\xcf\x13.\x89\xf3\xf9"C\x13{{\xf0&lt;\xf2\x1d\xa5\xb8\xd3w\xe7\xec_\xb0$\x14\xd2)\x0el\x80\xe3y\x9e\xe5i\x9a\x96\xa4@H\xa5\x83\xaa\x1aTC\xbc\x14P\xe9@$\xe2\xe3D\x9eS\x14Q\x84q\x04F\xa6d\x8a\xdde\xe78\x87p\x9c\xc9f0&gt;%r\xe0\xf0\x1489\xb8\x03\xd4\x11\xcb\xab\x82\xaa\x9ac\x1d(b1\x1f\x0f\xdd\x08\xb5U\xb2ZJ\x91e9_\xec\xae&gt;G\xbf\x02*\x8a\x94)J\x04\xa4R\xab\x91.Vb\xf9\x80\x103G\xedvc}\xbd1j\x0e\xf0"KR"\xebbY\xa0&amp;dYQ\x94\xfc\xc9\xd2\xb95$\x93\xd4\xa8D\xa0A\xdd\x86\x8c\x9d\x14y\x89\x16\xccf\x9b\xbd\xc3\xb8\x15\xb5W6X\x8cQ\x01R+\x08BL\r\xb5\xab,\xeb"H9\xa7\xc8\xb9\x93%\xe6\\\x16\n\x86yY\xcc\xc3\x00&gt;3R\xc2\xe5\x12Y\xd4\x8d4\x1d\xb7\xd9\x8c\xc6\x0e[\xdcf\xb4&amp;\x12\r\xc6(\xbc\xde\xb2\xdb;:\xa2\x1d\xf7\xcc\xaa*\xc1\x80\x04\xc1r\xe9B\xf2\x1c\xf4\xc2\x93\xdb\xa79\x8a$\xc8\x12\x13\xf4\x9d\xc4\x06\x83\x12b\xb2mU\x1a\x8d\x90BK"\xe1\xf1\xb4Z+-\xf5\xf5\xb7o\x1b\xeb-\xb6hG\x87Y\xf5\xf1$t\xae,S\x99\x82\xee\r\x89\xe3\xe1\xaf\x872K\x95\xdc\xdd\x15\x10\x02\xa0\x93\xcb\x15\xa4\xe3\xa3\x95V\xabe\xc6\xd3\xda\xda\xea1y{M&amp;\x8f\t\xbd\xb8\xda\xd0\xd0p\xd7\x1e\xb5\x99\xa3f\x1aZ\x16\x14\xa6\xa0\xf0\xbf\xea\xcd\x05;\xc3\x114\xd7Y\xfe\x82\x01\xda\xe5BP\x82\xd1\xda533c\xea\xed\xf5.\x97~ L\xa6\r\x0f\xc2\xec\xb2\xd4[\x8cv(5\x1f\xc7\xa2\x86\x95\xe5\x8c\xcey\xc4\xc3\xc5\x8c"\x96\xa0\x10\x8d\xe0r\xb1A\xdal\xb4t\xcdl\x986\x80\xaaw\xf9\xd7\xe5\xe5\xe5_\x11\xd5\xc6\x86\t\x85\'\x91\x00\xb4\xab\xb7\xef\xc7\x02j$\xc2\xa2YE\xca\xe9u=\xfb\xb1\x9a\xd9\xce\x80%\x94\xb0$\xb3\x19z-(\xd8\x8d\xa3S\xd6\'\xff\x9b\xd9@X\xde\xdee\x14^$V\x89\xeb&amp;D"\x91hl\xbc\xafBK\xfaX\x12l\x8c\xcceu\x94\xab\x9a\t\x9f(\xc4\xd9\xca\x10\x14\xa2\x82\x10\xfcm\xab\xb2r\xee\xd3\xa7\xf1\xc5E\x90\xcb\xd4\xeb\xf5\x02\xd2\xf2\xc82&lt;Q\x12\xef\x98L\xb5\x8fP\xbcx\xd1\xd8\xd8xOU\xd5\xbd=NF;\xf6\xe9\x92\x9e\xd6P\xc8cgXAs4.\x98\xe3\xa3SSssS@\xb5\xe81\xdd\xb9\x83\xa8FF\xde\xbc\x19\x81\xf0z\xef,,x\xab\xc6**\xc6\xc6\x1e]{\xd1XW\xd7\x03s\x93\xf7\xed\xf9\xa06\x89\\V\xbf,\x82X\xd47\xb1\xe8\x989n\x1b\x9d\x9b\x9b\xfb\x84\xa8\xa0\xdc\xef,x\xbd\xde\x917\x00\x05\x01\xbf\xe7Q\x0c\\\x9e\x9e^\xad\xa8\xb8\x8e\xe4\xaak\xbc/H\x94\xe8;\xe2\x00\x8b:\xd6o-d\xc2\xbfk[\x15\xd8\x15\xad\nB\x1ct\x02\xacq\xa0\xbaY\x8b\xa4\xf1\x0e\xcc\xcf\x8f\x94\xb8\xd6\xd6\x9a\x9b\xdd\xf0hq\xee\xef\x03\xd7\xa3\x9a\x17\x00v\xd7\x1e\x14E\x8aK)p :\xc6\xf5\xf3\xac\xe7\xf9\x92T\x18\xaf\x06h\xc1&gt;U\t`PW3\x9e\xda\xaa\x85\x85\xf9\xb5\xb5\xf9\x81\x01\x8dj\xb6\xb9\xb9E\x0b\xe7\xee\xfe\xfe\xee\xea\xe6\xe6\xd8u\r\xab\x9e\x06,J\xe1d\x92&lt;M\xea\xa5\x16\xcel\xe7\xce\xe6\x8d\xc4KA\xad\xae\xa0\xda\xad\x8b\x9e\x9bU\x97\x16\xdc-\xcdk\xf3o\x10\xd6\xec\xec\xac\xdf\xff\xd6\xe9lqB\x1c\xec\xaf\xfe\xbc\xb9Y1V\x83\xb0\xee\xc3\x86\x0f\x074E$\xb1\xc3\x97z\xed\xaa8\xfeN\xb3,\xd8GI\xd2\x15\xb4M\x81R\x9f\xc6\x9ft-z\xae\xdd\xb84\xe0v\xaf\x01\xd7\xfc\xda\xecl?`\xf5!$\xe7\xee\xfb\xbe}\'\xa8U1\xd6Y\x03\\=\xcfb \x16\xec\x1d\x8a\x8ce\x9e\xeb\xb6B3\xef$\x8d\x8a\x83\xff\x96\x08\xda\xe6\xa6\xa6\xc6\xc7\xc7\x9f,\xb6z\xae]\xaf\xad\xba\xecnF\xe1FX\xfd\xfd\xfe\xbe&gt;\'$q\xf7\xfd\xee\xee\xee\xf4\xee\xe6\xcf\x9dZq\xdd\x8aq(\x8b\xb2\xa8\x90\xba\xaa\x85\xb0X\x98\xb9\xb0\xf6\xd1\x9aZ\xe3\xe3 \x16r\xcc\x85\xcbn\xf7O-PSN\xff\xab\xd9~\xc7\xb0\x03\xb0VZVVv7\xa7777\x7f\xe8D\\\x8d=\xed!\x0e\x81\xc9\nu\x1a\xd6\xaf\xb6P\x12\t\x91c1\x12s\xd1\xa0\xd6\x1cPu\xb5&amp;`\xbe\\\xab\xbaT\xeevkT~Hb?\x88\x05j\xb9W\xa6\xa7+\x80\xab\xe2\x1b\xd6\xbd\x10\xe2\x82i-\xa7\x97tT\x8b7\x10\x14\xec|\x18\x01\x03\x11\xb9\xd6\xb8\xb5\xcb\n\x13\xaf5q\xb3\xf6\xc6e\xd0\x0bz\xcf\xe1\xf0\xfb\x1dm\x0eD\xd5\xe2.\x07\xa5*@\xac\x1fPm5\x02V\xac\x1d\xf6{\x19a\x15\xf4Z\x9fq|}O;\xbf\x13\x18P\xc1*\x03F\xdap\xb7\xa1\x01q\xdd\xac\xad\xbaq\xc9\xdd\xe2nq\xf69\xfc\xfd\xc3m\x90B\x90\xae\xd9}\xf9\xca\xe6\x15\xf0\xf9\x07\x0f:k\xea\x1a{z\x9e\xb5\x0f\x858^\x06\xb9\xd2\xcf\x93:\xda)\x86\x95\xb4\n\xd2\xbf\xc55\xb5\x1a\xac\xd6.\r\xab\x16\xb0\xa0\xbc\x9c~\x07\x14\x96C\xc3j^kv\x97\x97_\xd9\xac\xa8\xe8\xec\xec\xfc\x11rx\xfb\xd6\xd0\xe3\x92\\\xcaq\xb7~.\x9f\xfc\x1b-\xcb\x04`\t\xf1\xb8m\x0bMC\xab\xd5\xda\xa0%\xb1j`@\xab-\xa0\x1av\xf8\x9d\x1a\x16\xeaL\xf7\xf4\x15T[5\x9aZ\xf7\xef\r=F\xc74Y9\xd1\xad\xe4Q\xcd\xfb0\xb4\x98\xc0\x8a\x15\x8fomi\x0ea\x01\xac\xab\xff\xb9V5\xb0\x86\x9c\xdd\tIDX\xfd\xce\x96~\x14\xe8b\x1a\xf9\x16Jb\x13\xc8\xf5\xec\xf1\xe3\x08\xa7\x80Z/u\xdc\xb8\x96~\xc7\xb4\xca\x12\xcc\xb6\xad\xad-(.\x8b\x05a\x81X\x0b\xee\xe6~?\x14;\xa2B\xee\xf0\x16\xae_\xbdB\xd7\x07\xce\x150\xf9\x9a\x1f\x11VO\xcf\xad\t\x90\x0b\xb0\xd2;\xfa}\x01\x8d\'\xff\x84\x14\xa2\x82\x8f#\xac\xb9\xd1\xcaJ\xe0jHx\x80\xaa\xc5\xef\x18\xfe8&lt;\xdc\xa6\xc50\xba\xf8\xf0\xf0\xf5\xeb\xcf\x9f\xbf|9x\xbf\x0b;DM]SSOSS\xd3$\xaa.%w\xac\xe3y\x91a~\xe1\xd0I\xb5\x845\nT\x80\x85\xc4\xaa*w\xf6\x01\xc8k-\xbe\xbc\xfe\xac\xfd\xfd\x0cW\x00\xf5\xe5\xe0`\xff\x8f\xa7\x8d`\x10\x00U\xd74\trq\xe8\xb8\xa8\xe7\xda\xfc\xee\x08\xd4\x82\xf5=\x0eP\xa3\xa3F\x84\xd5\xd5j\xaa*\x7f\x7fp\xd0\xf6\x05\x89s\x16\x1a\xd7\xc1\xea\xea\x1fO\'&amp;&amp;\xfe\xfakb/2\xd4\x83\xb0\x06\x81\x0b\xb0\xa8\xdc\xf1\xb6\xeeX\x9aX \x95\x11%\xd1\xda\x05\xfbC9,0\x07\x07\xa0\x17\xca\x1b\xc0\xbdnks\xfcT~\xf5\xd6\xb3\x10JX\x8a\xe3RG)\xdfP\xd3\xe0\xe4\xe0\xe0\xd3A\xc0"\x95\xe3u=\xcf&gt;K\xff\'\t\x02a\xa1\x04\x8eji\xbc\xdd\xf4tprbr\xf0\xc1\xea\n\xcc\xc3W\x1f?~x\xf8\xf0\xc3\xab\xb7\xfdU\t\x8bQ\x95X8q\xf3\x81@HUy)41\x08XO\x11V\xae\xa8\xebwp\xcc\xfa!`\tq;\xe4o\xd4h\xac\xb4\xd1\xb4\xcf\x07F$r\xbeH\xfb\xe4\xf5\x81\x7fX5\xbf\x976\xd64\x8e\x9f;{XRrs0\x8eq\x0c\x8aL.\xc2\xe8\x84\xa4\x9e\\D1\x88C&lt;\x8c\x91fd\x98\xd6\xfc\xe8\x9e\xd4\x1fI4\xae\x19\xa9\xd6\x18c\xfc\x01\xd1Nt\xb3\xb39Q\xb2\xd9\xae\n\xa9\xb1\x12\xb4D\x8er\x0e\x06\x0bv\xddvW\x84\xc2J`A!^\x94\xbd9W\xd2\xcb}\xde\xb4\xfb\x1f\xcc[\xf0\xaa\x17\x1f\xbf\xcf\xf3&gt;\xef\xf7\xfb\x8c\x96r\xd9\x9d*&gt;\xefy\xbem\xc1c\xae\xa6\xdd\x16\x08\xd9\xbdZ\xa7\xc9\xe3on\x1e\xea\xaa\x9d\xbb\\\x00\xb5|\x0f\xbe\xfb\xfb\xaf\xf2nHj\xc07\xc33\x8d\xb0\x10\xd5p}}7d\xec\xdf\xd5\x7f\xd7\xdd\xfd\xbd\xcfa\xc4\xe2\x01w\xdb\xf3\xe7\xcf\xdb\xb6\x13,\xc7\xb8\\\xba\x18\xd5~\xdf\xf2\x12\xbc\x97\xb5Qk\xd6;.\x1767\xe7\xc6\xe4\xc7\xfa\xeb\xe7\xfa{\x0f\xbbZZ\xa1zu\xad\xf3\xc3\xd5\xbeY\x14\x17\xc1\xd8\xc3\xd9\x9dY\x16y\xc4\x05\x07\xb0H\x1a=\xe0\x1b\x1b/\xb7\xd1{\xd4\xa9\x0cku\xbd\x8b\x9b\x0b\x9b\x97\x08\xeb\x1f\xb2bU\xc1\x88\xf8\x82\xa5\xafS\xcc_T\xf7\xeb\x07\x0c\x14M\x91\x14\x15c\x08\x02\xd2\x06&amp;d\x02\xdbm==\xa3\xcf\x04\xb5 \x08\x1a\xe5\xc6\xc6\xb3g/\xf7@\xbf\x97*\x8ar\x82X\x15\xacw/d\xc7\xfaZD\x85\xa2uwW\xcf\xd0\xed\xcf\xb6GG\xb7_*q\x92\xe6\x92.\x91\rY\xb6\xdb\xf2\x7fh\xb3\x82\x8bNH\xa6\x8d\xd1\xce\x95\x8cuO\xa9\\Y\xb9\xdfNQ^\x84\x05\x11\xf6\xdf#5r\xeew+X\xdf",\xbd^\x81R&gt;\xc3\n\xd6\xbd\xbd\x8d\xfb\x1a5\x0e\xaaQ\x9c\x88\xf1B U\xec\x19\xb5$,\x10\x13\xf7\x8e\xd3\xa5i\xdb\xc4\xe6\xa6\xdf\xa4%U&amp;*\xe8GX?\xfe\xf8\x9f\xd7;\xafe\xfc\xb0\x81^\xeb{\xdfV\xd7\xb6\xea\xe1\xd4-\x13.\x0e\xc7I\x93\xca\xe3iL\xbf=\xf6\xc4h\xc0\xc2xK*\xe5\xb6Bf\x14\xec+\xda\xa5\xb1\x07\x1f\xea\xdf|\xff\xc3\xac\xde\xac\xa3 \xc8:+X\x0f&gt;~\xbc\xfct+\x9bA\xfd\x8a5\\\x8b\xd4\xd2\xc3,e\xa0\xa3t\x03s\xbe\xa7O\xc6\xe6&amp;\x0e\x0e\x82\xb1$\xc6fy\xc8@\x82$H\xf6F\x9d\xed\xee\xf3\xe3\xa3\xfa\x0f\xdd\x1f\xdeUw\xf5jU\xaf\x1a+X\x0f\xc6\t\xa3q\xb9\xeeV\x16\'\x88\x9a\xb4\x82uo\xb8\xb6\xdf\x01X\xe0\xb5\\kk3\xf3\xc3\xdd\xef\xba\xdf\xfd\xbc\xbf\xefh\n\x86\x93"&amp;f\xd7C\x02\xcb\xf2\x92\xca{psu~4|1\xdc\xbd\x7f\xa7\xbf\xb8\xe8\r\xbeR\x99\xbc\x08\xcb(\xe1\xa1\xc1\xb3\x92,\xef"\xfa"^3\xf2\xeb\x03\xb4\xadAXMF\x97k\x19\xa0\x9e\xfa\x1e\xbe\xa9\xf7\xfdr{u\xc74Cs\x89\xd1\xdc\xe0\xfa\xfa \xc6\x92\xdaf\xbf\'}\xb3?;?\xfb\xe9N\xebR\xb4\xf6\x06M\xa604\xfd\xd1\xe3\x98\x14*\x14N\xfd2m\xb9 W\xff\xeb#\xa4\x9f\x87\x15,\xc2\xe5r\xd5\xcd?\xec\xfa\xf4\xe9\x87\x87\xc3\x17G\xbf\xdd\xa4)\xf3\x00\x93LFs\xa7\xef\xdf\xa35%\xedtz\xc2A\xd2\xa0+\xa5K\xe9\x03\xad\xce\xd9\xa8\n\x82Z\x9b\xd3&gt;\x03_(\xc4\xb7L\xe75\xb2\xa85r\xbe\xd9\xda\xba;\x7f1\xfc\x04a\x19\x19\x171sq1\xe3\xbd\xbb\x9cmQ\xf8\xd3\xd4\xaa\xd9i\x88\xc2\xc9\r\x02\x16\xe2"\x83N\x93\t\xc7U\xe9\xe3\xe3\xe3F\xa7\x962\x85\x83A\xef\xc2\xe6\x9cO\xb7\xb5^\x88\xc7\xf9[9\xeebU\xc3o\xb6\xb5\xb3\xb3d\xf4l\x1e\xb0\x86\xc0;\xb8\x88\xa6\x99\xdd\xe5\x88\xb3T:0\xe1a\x13\xc4\x1b\x17\xc2\x02\xb1*r\xb1&lt;Kk)-\x84[2\x0c\xe5\x0b\x87M\xc1 \xdd\xbc\xb0p\xe9\xf3\xc4\xd7\xd7\xe3n\xfe\xa6F\x0e\xb1\xfe\xf41\x9a\xcb\xe6\x92bt\xf7\xffXF#\x01\xa3+\x9c&gt;P\xe14M\xad2\x15\xaa\xdc\xfb\xc2\xfbBa\x1d\xad\xe1\x12\xf6v&lt;\xdc\xb8\xd2\xa8\n\xab\x1aUj5\x98Tz\xb5y\xe1\xb2O\x8a\xf3\x83\x99\xa9\x90\x1cX\r5;\xde\xec\xe9\xe9i6\x17\x9dy\xd2\x0f\x1d\x0f\x99\xc7\xa8\xd3\x11\x04C\x1bb\x10\xc9(\x9a\x81v\xffR\xc3\x02\xc2\x02\xb9\x84\x80\xdb"H\xb8\x04G-\xa95J\xd5W,2\xbe\x8ee\xfe+\xdc\xc9p\x15a6xs\xa7\x88+\xba\xd6\x85\xb0"\x90\x12u\x06\x83!\x06\x87"M$\x87\r\x02r\x0e\x15\xf1\x0b\x16\xc8\x95\x81\xec\x13O\xa0\xa5\xa5\x90\x81\xccm\xc7\xe9U\xb06c\xcer\x06K\xfcS\x93\x96\xe1*64\xbc.\xe5*\\\xb9\xb5\xda~\x98\xa5\x91H\xc4h\xd0\x1ah\x92f\xd1\xe1\xf9u\xc0J\x82Z\xa7\x85\xafj\rJ\x19\x8b\x05b\xd9u&lt;~\x8d\x8c\x85\xdb\xaa\x86\xa8\xb1\xb0x\xa4s\xbb1\xe9-v\'C*\xab\xaaz\xb1\x9fE5\xac`)\xf4M\xcb\xd0V\x06\x8a"\xbf \x85B\t~\x10\xcb"\xb1\n\x85\xeb\xeb\xeb\x02\x8fq\x9c\x80B\x9a\xbb\x9cJ!w\x08\xe1\xacS\x83k\x17&amp;.\xa7\xe9\x95\x1e\x9cU\xd3\xb72d\xd8\xaao^\xdc\xb1V&gt;\x07\x8a\x11\xb5\xc8\x06B\xa4fhV\nI\xa1u~k\x0b\xde\xc0L&amp;\x94\x8dF\xa0\xe3\xaf\x11\xd6\x16\xcb\xb88{\xaa\x88|4\xfc@\x99\xd1\xddy\x1f\xd7NL\xcc\xf5\xe1\xf6\xb7JN,\xc9\x113@\xad\x12{\x1c\x86\x1a\rF\xe7\xc7+X\x0c\xf8\x87D"\xb1\x15\xda\x8a\xc7-\x10\xa3\xadR\xf4\x0c\xc4\xba.\x97\xcb\xd7\xd7q\x015}\x06\xecD\x1eN1_\x9c\x1a\xed\xb4jH\x845i\xb7\x066\x18\xe6vD\x8e\xb1\xf5\xcd\xdfJ\x98\x9d:\xcb\x86\x06#-\xe3\xe0\x98\x91\x7f`\xc1\xeaU\x16\x93\xa8X\x19\x01\x83\xb1\xf6\xbe|rR,\x9e\xe4\xcb\x19!\x14b%\xf0\x13\xc5\xfc\xc9\xc9I&gt;\xdf\x03\x1eL\x8d\xb0\xfa\x1cv!dg\xbc;2\r\xf9\x1b\x8e\xa7\xcf\xf8x6:\x83\xaa\x88\xb00\x9e\x0fe\xe2\x10xRm\x01\x01ca@\x88\xeb\xa9\xab\xab\x93\x93\xab\x93\x80\xa5\xd3\x92\xc1\xd5,k)\x17O\xfe|\xf2\x97&lt;j\xadv\xaayb\xb1oI\x93=\x95b0\x1e\xe4\xf9\xb8r\xeee\x98\xa8E\xe0\xb2\xcb\xb5H.\x82Hr&lt;\x9f\x88\xbb\x8b\xf9T* \x88I\x9aIfEl+\x05\xd2\xe4\xdd\x96\x84\xb5\xd3")\x95\x1c\x1f/\xe7\x11\xd7T\x9b\x15:\x1e\xb0\xc6\x165\xd1\x1c\xa9\xbb\x91\xe9\xf3]\xcd\xc8\x8d\xd1\x95\xec\xe4E\xcc\xd5\x85\xe4\x829/\x0e\x862\x81\xa9\xfc\x94;\xb0\x85E9\x92Ib\x8f\xf4\xaeu\xd4\\\x9a\xde~\x85.,\t+\xedX(\x90\xca\x9f\xfc\xb1g\xaa\xd3\x0e\xf3\xc1\xdc1\xed\xb3qg\xf0+\x9c\xcb\xe4N\xc1@l.3\xea\xd3,\'\xb6t\xa1\xa6\x8f\x10"/X\xdcS\xc5b[@\x12]$\xcb\xb9\xd6v\xe7\xe7\x9b\xa4x|\xa5C1\x03\x81;\x14\xca\xd8\xd5\xecV\xb9Xi-\x01\xa7 \xecO\xfa\x96"g\xc9\x98Y.\xaco\xaaFn\xf5\x04\x96\xcbbtk\xf5\x17\xb9\x92|(\x11HM\xa5\x02\t\x0e\x86\x05\x8b\x89\x91$\xc7\x19\x1f\xc5h\xaf\xf3\xd0\nW4\x91\xb1@\xd6\x1020\xb5\xda:\xedRp\xb5\xc36=\xf6\xd8\xc6\x88\x92ibG6/_\xf3\xfar9yv\x96\xc5\xf4\xd5\xb5-\x80\xd5\xc4\xc0s\x0c\xb70\x90\xe1i\x12gYdg\x06%\x8d\xf3\x91\xd9\xa4&lt;T\xe1\x82$e\x02\x90\\\xed\x1a;\xfc\'k\x02_\x1d\xb0-M\x8e\xf9\xcc0\x80\xc9\xd2\x8e|V~\xe43\x94f\xed,\xa9\xaf\xee\x1aoE\x8b\x11\x91\xdd\x8a\x07\x02\x16\x9c$q\x1e\xd4\x02\x93\xc5\xd0\x8d\xca\xf4\xc6F\xda\xaf]\xd5\x06q\xc1\xda\t\xff\xecj\x8d\xb5\xd3.\x90f\x9bm\xb2o\xccG\xf3pU\x0e\xceeL\x18\xe7\xb65"\x19\x8d4A\x8enA{\xa4$\x86\x02\x05N\xe18\x0eP\x1c\xe7"\x1e9=\x9e\xf4^Z\xe5\xf7Ot4S\xc1\xb0J\xf5je\xe5\x95I\xf9L#\x91\xe6\xa1%\x84\xc5\x08\x0c\x1d\xd4^\xc9\xb6kn\xa8\xf9\xa9\xb4ld1\x82\xe8\x82*\xb6*f\xea \xaf\n\t\xdc\x00\xb9\x1a}\xc476)\x86:\xfc\x07~\x7f\xfa ]ZX\xb2-\r\r4{\xbd^\x8fGe2\xdd\xd7\xe0\xb4yh\xb2\xafo\xecq4\x10\x8eQN\xf9\xd4\x02\xae[\x9b\x96\x13]"\xf4&lt;p\xcd\xccD\x08N\xc2\xc1\xdf\x98{!e+Z[\xc6\xc7\xfb\x87\x1cO\x1d\x1dK\xb3\xe0\x14\xc7[ "-\xcd\xcdMl\xfa=\xda\xb0\x1aZkhr\xb2\xef\xc3/\xbd\x89\x80\xc0\xfawd\xdc%5\xec|\xa2h1\xc2\xd5UC\x15\x81k9"\xb2\x0c\xa1\x1br8f\xc7\xd1\x1fh\xec\xea\x07\x06Z\xfb{!r;\x06\xbcf\xed\xc2\xc0\x90\xa3\xcf\xd7\xb78\xe1\xd7R\xed\xa4\xb9\x17\xd4:z\xf3\xf3&gt;\x99P{n\x7f\x92\x8f\xaa\xaa\xe1\xf7\xfb\xba\x98\x8b`\x89\xea\' \x17Z6\x8b\x14\xd1\xd4;\xe4\x98E\xcd6d\x0e\xbf:&lt;L\x1fn\xac\xac\x1c\x1e\x1e\xbe}{|\x98&gt;\xd8\xb4M\xfa&amp;\xa7\x17\xff\xc7\xcb\xd9\xc6\xb4u^q&lt;\x9aR\xbb\xc1\xba\xcc\x1a#\xf6\xad\x01G0+\xd6\xe2r\xb1e\xf0\xf5\xa6;\xb8\x82\x80\x86El\xd8\xach~\x8bLl\xcf\xf8\x05YF\xb6&lt;9\xb3\xe7\xc5\xd7##\x12\xd22\xc9j\x84d\x11\t\n\x1bL\xbc\xa8m\x02\t\x11\xca"J\x96\x854%)I\xd3\xa0\xa4J\xc8\x9b\x1a \xa9\x94\x84*\xda9\x97(\xfb\xb0O]q\x1fa\x0b\xf8\xf4\xd3\xff\x9c\xe7&lt;\xe7&lt;\xf7\x9c\xebS\x96u1\x9eL,\x16\xba\xf8\xd9\x85\xa5\xdb\xb7W\xb7\xb4GVH\xdeU\x1d\xd8}\xe07\x7f\xe0\xb1\xaa\xf0\xee\xe8H\xa9\xc2k\x93-4\xdaMJ\xbdkbb\x08\x1f \x02\x1c\xac\xbe\t~\x9d\x88\x9b\xcd\xc6\xb4\xa3\xab\x0b\xc3C&lt;t\xf1R\x90\x0c\x06\xb7\xb8A\xa3\xbc\xff\x86\xe2\xc0\xfe\xbf\x19O\x86d20\xdb\xef\xff\xbc\xbf\xa5\xd4\x9b\x94\x00\x15z7E1\x0c\xd3\xdb\x8bM\x06\x0e%D)\x93\xc9\x03\xff&gt;\x912siP\xcb\x94\xd9\xc4"\x85[\xde\xbf\x08)\xfd8\xa3:\xb1\xfa\xc5\xa43\x19\x0eC\xf0j\x01,\xbf$i\xb7\x13\x84\xc6\x0b\x18\xa0\xcaD\xdf\x87\x7f\x19\x9a\xba=\xf5\xe1P\xa2\xabE\xa1)\xf5\xe2\xdd\xaa/\xd1e\xcc`|8}&amp;\x1f-\\$\x99\x1d\x9e\xef\x0f^\x98t\xbae\x80E\xb4\x1c)\x85\x18\x99\x91-H\xe2\xec\x89\xe7S\x8f\x96\xfe}vix~ii\xa4\x7f~i~\xe9\xd1\xa3\t\xfb\xc2\xdfY\x8ec}R%b\x9d\nm\xf1\x95\xdb\x1b.\xbe9\x7f\xe4\xb4\xc1\r\xde\x15&amp;LZ\x85\x91\xe3|\xba\x85\x8b\x97\xee\xaeF\xe7\xe7\xa3\xc3K\xd9\\\xb0\xbf?\x98\xeb\x1fn\x1f\x19\x1eY\x1do\xac\x9epQ&gt;\xbd\x94\x01\xac\xf8)\xeb\xbd`\x9e\x1a\xfb\x01\x8b\xcc."\x96\x0c\xac\xa8\xaa6r\xac\x8b!\xd8\xdb\xab\x17\xa2\xfd#\xd9\xecp6\x18\xccf\x83d\xb6?x,zlu\xaaK\xda\xe7\xd2\xeb\xa5&gt;O&amp;c\x86\xf8\xf0E\x1e\xc7\r\xc8\xe0s\x1a\xbb\xee\xc0\x8a*\xc6\xc2qJ\xb5\xe5\x8f\xef\x1f:7|\xf4\x1f\xd1`6\xd8\x1elo\xe7?\xd1\xa3Kk\x87\x12\x13R}\xc2\xe5b\xd1\x861\xf3\xe93\xdb\xf2\xb7\xc8\xdc%\'\x04z\xb0\xa2\xce\xa42y(\xa5\xd6bjy\xff_\xcbk\x8f\xe6\xfbG\x8eE\xdbqE\x8f\xf5/\xad-\x1fr\x04\\C\x15\x15\t\xca\x88\xe1!\xe6\x9f\x1b\xc9c\x171\x99;\xe3\xc7\xd0\x051\x820Y,\x8cZ\xab\xb2\xa8\xf6\xff\xfa\xbd\xe5\xe5\xc7k\xd7\xce\x82\xaf\xcf\x0f\x0f/=Z[\xfe\xe0\xb7\x8e\x13&gt;W\x05`\xb1\x88e6[\xb7\xb6w\xeb\x7fO\xa1\xb8\xd3\x89r\xe9\x08\x85\xc5\xa2\xd2\xaa\x00K\rX\xd7\xae=~\x0cdk\xf0\xbd\x0c\x9f\xa1\x84/\xedsI+*\xf4\xb0\x1b3q8\xa7\x17\xf3\x8aE\x8e&lt;h4\xa0s\x85\t\rb\x01\x97\xeaH\xd3;\x87\x1e_;{\xf6\x1a\xac\xb55\xfc\xa5a(\x90N\xfb\xa4R\xa9\xcb\x87X\xb1\x90\xd5\x9f_\xacm#\x0f\xc2\x88\x95\xd4A\xddoa\x10\xab\xdad\xe9}\xe7\xbd\xe55\x9e\x8a\xff\xfa\xd5\x90\x83\x8d\xf8\xf4.\x80bY\xa4\x9a\xac\x89\x8d\xe7\x17\xab\x7f\x91pBDM\xeat\x10\xdeM*\x15\xcf\xe5\x854\xfa\x83e~\x81\x11\xff\xea\xf0\x18Y\x9f\xc3\xa5\xa7"\x11\x16=\xcb?9\x99\xca/\x16\x99\x1d\xd7$\r\x12(5t:\x9b\xddn\xe2\xaf\x94T&amp;B\xa73\xb5\xf4\xf6\xf6*\xd5]\xbd\x1e\xbb-C9\x02\x81\x80+\xcd\xa1\xbfg\xcc\xd6\xc9S\\~\xb1\x84\xd9q\x82\x90\xc8!\xa7\x87\xcc\xcf\x069\x9fE\xcb\x83\x11\x0b\x92\xc6F\xb7\x13\xcc+k\x94y1^\x05\xd2\\\n\x12\xd5x\xccl\xad\x99\x8c\xe7\x19k[\xf0\xb9\x9d\x90\x19h\xc4\n\'\xc3&lt;\x97Z\xadnR\x95B\xa5(\xe9\xe8X8|\x98\xb0\xe8\xc1\xd9\x03\x91T\xdc\x9c\x8a\xc7!\xd3\xaa\xa9\tql\x9e\xd5"\xef\xda\t]c\x87\x04\x85\t\'Q/F_VV[R[\xb6_Qu\xf8pU\xa9*!\xee\xe9\xeb\x9b\x08\xa4B~\xbf9d\xc6)\x03k&lt;\x92g\xacr\xf2\x92]A$\xe9\x0e\x03p\x85\x93\xb2\xb0\xddn\x0cH\xc5\xc7\x1b:\x7f\xd1P\xa2g\xaa\xbbzF;;GG\xfbn\xa4\xcc\xa0\x925\x84O\xad\xad\xa1\xd4\xf7\x81U\xaa\xb1\xcb\x0crZ"s;\rN\xb7;\xc6\xa8\xc5@\xb5\x0f{l~\xd9\xb0o\xdf\xbesS\xa37\xb8\xb8\x9bn\xae\xb1\xfa\xadV`\x8bG\xd2\xf9\xc6\xdav&amp;V\xaa\xd1\xd8\x9c\x06\xb9A\xe2\xa4\rr\xb9\xc4l\xa4\x12=\xc7G\xcf\xfdns=\xda7:\x11H\xc7C\xb4\xbc\xf8\xa0\xd5j\xa5k\x90\xca\x97o\xac\xf23\xf1R\x85I\x93tv\xe0`\x81HTl\xf0\xc78\x8er\x1c\xef\xec\xec&lt;\x87\r@\xe7\xa6\x02F\xb3\xd9O7\x03V\x8d\x15\xdc=\x9eJ\xfb\xf2\x8fu!\x85X\xb6\xa4[\xd2&amp;\x97\xef\x10\x89\x9a\x9dn\x7f\xd2f\x0c\xf4\x8d\x8e64\x8c\x82[\xb1v\xf8\x07\x10\x0bZ\x0f\xd6\xd04PA\xe6\xecc\xf2\x8c%\x1c\xf9\x84\xc7\xb2\xdb\xdcr\xc0\x12\x88\x9ai9\xedt&amp;\x91\xabB\x1a`3\x19 \x06\x137\x8b\x04\xc5\x07\x9b\x81*\xce\xa5\xe1|d\x17G\xf2\x1b \xb2\x0f\x00K\xa1\xb1\xdbm2\x03?\nX\\,7\xd0I\x8e\x8d\xb8(\x08\xf0\xc9X\xac\x91n\xc6\x9e=\x91\xa8\xb5\xc6\x1cO\xb1i_\x9a\xa2&lt;\xe3G\xf3\x8c\xb5H(\xaa\xe1\x18\xb4\xdb\xedn\x83\x08\'\x01\x05r\xb9!\x89\x972\xb6\xa4\xd3\r&amp;\x05g/F*\x11\x1dK\xa52\xe9@\xe0\xfb\xc2\xda]mA,\x9bS\xbe\xe3m\xd4KD\xfb\xcd1\x9b\x9b6\x18h\xb9\x9c\x96\xe3\x98O\xb1@\xd0\xec\xcfp\x91\x08\x1c\x8f\x14\xd4\x91\'\xa7\xa3yL\xe6\x85d\xfb&amp;\x16\xca\xa5\xb1\x81\x19\xb1\x9d\x11\x1c\xcc\xeaw\xd3"\xec!\xe4\x95\xc29S\xda\x9cb#\x11\x1f6\xb4()v\xee\xea\xe7\xd1\xfc\xe9E\x92\xe7O\xf2X\xc0\xe5\xf5\xdae\x926~rS \x92\xcbEr\x01oR\xfcK$\x12\x00\x15\x07\x91!\xe0\xf2QJ%E\xc5\xd7\x07\xa7\x83d\x9e\xf4"scw\xee\x13\np.\x0b.\x93\xd7&amp;i\x03\x98\xe2\xcd\xa9@\x01?\x99\x84l"9\xc4+.\x82\x89s\x80\xc2V&lt;*\xde\xbary,\'\xcc\xcb\x0cRyn\xec\xc5\xca$\x81\xcf\x14\xa1\xbe\x80&lt;\xde\xa4\xd1\x81`\x02\xd1\x0e\xc1\xe6\xb8\xeb\x0e~\x90RP,\xb7\x9e:\x05&amp;\x04*l\xd5u\x80\x11S\x92\xf5\xfaOoF\xf30\xddY^.&lt;zg`\x9d&amp;Jw\x83Z*\xad\x92\x01./\x11FCb\xa7%R\x01T\x1b\xc4\xb1\x909\x05Q\x94\n`:\xaf\xd7\xf3X\xb2\x8d\xa2\x82\xcbW\xceo\xfd\x14\xa5Px\xecV\xddJk\xc7\x1b,\xa5\x16\xf5"\xc2aY\xa3\xa4\xa3\xad\r\xe8p\xfa\x076%\xe4Y\xa9\x08\xfa\x95K\xeaJ\xbc\xc6\n\xb7\xd6\xed)\xa8\xffrzvk\xb9\xca\x85\xb9\xb1\xa7\xd7\x07\xd6\xdf6\xe0\xcd&lt;bi\x11\xcc\x82\xfd-v]\x98g\x93\xb8\x93\xb6\x98\x11\x84\xe2&gt;\x81\x13\' \x05,i"\xf1Z\xad\xd6\x81=\x05{\xeag\xae\xcc\x92[y\x9f$$\xc1\xaf\x06\x066\xde\x96\xe8\xb0\x91\xd2\x02\xd5\x05\xe6\xa5Z~GB:\x08\xe9&lt;\xa4\xd11\x0ej\x1d\xa31\x92\x8e\xa4\x03.(\xf6\xc1\x8a&lt;\x16\x17\x07\xac\x1f\x16\x14\\\xdd;\xf3\xf9,\xben`\xab:\xae\xc9\xd9+u\x03\x80\xb5\xa3Q\x87jU\x03\x96R\xadTk\x19\x0ca\x90\xa4\x12:\xc2\xee\xcd\x18Y\xd6\xc8\xb1p\x0c\xfa\xa0\xc4\x80\xe4\x19\x0bk\xbd^I\x19\xe3\x8d\x1bu{\xb6\x17\x14u\xef\xfc\xf2\xce\xd3\xe9\xd9\xf6\x9cp+\xa2\xab\x90\x8c^\x19\x1c@\xac6\x19\xf1_\xacJ5\xd6\xd5^/Hf\xf4\x02\x96\xc7\xe3a\x81\x8cMS@\x85P=\x15R=8\x17c\x8cK6~\xbe\xfd\xdd\xedou\xef\xdc{\xfd\xd9\xb3\xaf\xa7\xcf\xe7Hr\x0b\x9eX\x07\xa7\x07\x8b\x10k\xbd\xa3\x8aW\x0b\x8ai0be\x19r\x99,\x8c\xc7h\xf4j4\x00\x07\\\x94\x8f\x02\xb1\xa0\xd4\x17\x8b\xc5\x15\xfcVT2\x9e\xcc\xc2\xc6\xcfx\xac\x99\x99W\xcd\xf4\xdc\x93\x97\xdf\xcc\x06\x85\xdf\xed-\x1b\xe5\xdbrc\xb7^t_\xe5\xb1\xda^cA\x19\x86O\xd2\xcb\xca\xd4*\x08\xac\x0c\xc3\xe0\xb6\xb4\xb0,\xa5\x0c\xe0\x02\xaa\x1e1.ib\x13K\xb2\xfe\x16`\x15u\xffh\xe6\xce\xfd\xfb\x1f\x8bj\xe6x\xb0\xef \x19\x9c\x83\xd3w\xae_\xedF\xaa\xba7ji\x9b\x9a\x9a\x80\xaa\xb6\x16\xb8\xaa-Z%lL\x95E\xc5P\x0e,\x12\xf1\xbeM,.\x14\xf7`\xebH\x02\xb1\xbc\xf4\xca\x8f\xb7o\xe7\xb1\x06\xaf\x0f\xbex\xf5\xd9\xdc\xdc\xbd\xafo~\x13\xcd\xfd\xbf\xdb\x12\xdc\xea\xe1\x93\xfb\xaf\xea\x01\xab\xaen`E\x8e\xcf\xc8\xaa\xab\x8f4a\xcf"\x96b%\xb5\x95ZmS\xa5\xbe\x12\x1cM\xab\xd6\xeb\xc1\xa7\xc0r\x89\x8a\x1e^\xad\n\xe0\xe2\xb1\x0e\xfe\x14\xa8\xde-\xea\x9e\xf9\xe8\xea\xf5\x17\x83\x83\x97?\xfd\n\xc8\x9e\xbc\xbc9\x1b$\x85\xe4\xb7}3\tX?x\xf4\xd2\\\xf1\xc1W\xf5\xf5(\x16\x84\xd3*B\xa3\xa8V\x01\x16\x9a\xb0\xb6d\xd7\xae\x92\xb2\xca\xcaM\xc0\xb2\xb2\x92\xda\x12\xd8|\xe0Q\x15\xe2\x9eB`\xea\x11\xa3\\\x0e\xc6c_\xff\t`\xfd\xa0h\xef\xce\x8fn\x8d\x9d\x1f\xfb\xea\xe9\xe5\xcbW\x1e.&gt;\xb8\xf7\xec\xe5\xf4\xf9(\x90}\xabw\xa6\x90\xc2\xdc\xec\xc3{\x1f\xff\xf3\xfe\x93\x17\xdd\xddu@\xf5\xa7\x81\x8d*L\x03\xb5M\x08U\tT\x85\x85\x85\x80S\x0b\x05\xec\xae\xc2]\xf8\xc3k$.,\xe4\xa5\xda\x94\xcbA1\xe6\x95\xff0r\xbe\xa1m\xdcg\x1c\xb7\xee\x0f\x85\x9b\xd0\xf9\xa4\xcb1\x83\xd9,\xfb&amp;v:4(\xd77;\x1d\xb6\xe18v+\x87\xd7\x110z\xb5\x17\n{3\x16\x83\xdf\xc8\xe0\x17{9\t\xac7F\x84\x82\x94\x103\x1c\xb1\xbe\xb0\xa7n\x01\x99\xa8\x11\x11\xa9X\x08\r\xa8\xd6LP\xad\x18j\xb3\xc55\xd8\x1es\x1c\xb7!n\xf6}~r\xb6\xd2\xae\xacO\xacH\xfe\x13\xe9s\xdf\xef\xf7y\x9e\x8b\x14\x05Zq\xbaX\xd7\xea\x07\xef\xe6\xb2\xd9Rm\xa7\xb3\xb7\xdd~\xef\xf3\x8d\xfdg\xa7\xfdv+\xf7\x9d\xdf\xc6\xf5\xc6\x08\xf9\xf7\xe2\xf8\xca\xfe\x97[O\xf3\x85B\x9e\xb0\xf2\xff",$\xebM\x92\x88\xb0\xca\x0b\x91\xd1)p\x8cQE\x08sx\xe9\x8f\xc3\x8ck\x805\xf1\xfd_\xfd\xf8\xad\x076\xb4\xe2x7\x1am6j\xed\\6\x97+\xd5\xb6\x01\xd6\x7f\xf8\xf7\'\x90\xecE\xffe\xeb\xe6\xf8w\xe9Lt\xc9\xd5\xfe\xe9\xb3\x07\x97\xf6{\xd3\xbd\xde\x96QH\x13V\xfa\xe9\xaf\x7f\xf4\x0e6\xcf\xcf\x005\xc0Z\x00\xd6\xe80\x05\x1cH\x0b\x0b\xe5ry\x89p\x08\x8b)7\xbc\x84\x19\xf1\x8b\xa7\x1ca\x89AS\xabnU\xf76\x1b\xed,\xc8\xa0X\x077\xdf\xfb\xe7\xe7\x8f\xff\xf1\xf8\xc5\xe9\xcb\xec\xc8\xff;\xf3\x19\x1f\x19\xc9\xd6N\x9f\xed_\xf9\xf0\xb8\xd7;9X\xdf)\x041`\x81\xeb\xc1;oQ\xc4/\xf2D\xea\x00kb\x98\xdc\x8bD\xca\x91\xc8\x12\xda\x0f\\\x91\xcb\x03\xaa%\xfa\xfc\xa7\xfb1!%s\xaa[\xd7\xa2\xe9[iE(\xc0\xc0\x1c\x14k\x1fu;\x80\xac\xd5\xee&gt;\xd9\xd8\x80\x9b\x90\xec\xdb\xdf\xdf?\x0e\xa5\xb2m\x82z\x1b\x06\xf6\x8e\x8a\xc5R\xa3\x10\xb8D\x95W\x9e\xfe\xfeMz1\x18E\xe3\x01\xbeE\xc6FQ\x13S\x17\x12Q\xb2pk\x89xq].\xaf\xad\x95?\xce\xa7R\x1c\xc7\xe9\x85\xa6\xe6\x89b&gt;)\x9a\x9c\xb0\xd7 \xb0\\\xb1\xbf\xb9\xd7\xe9\xecu\xbb\x9b\xdb\x8f76^\xbc\xcc\xde\x1c\xf9\x96\x89&gt;&gt;~\x01u\xe9\xc3\xe3/\xf2_\xde-\xae\xaf\x17\xfb\x1d\xa3\x90\'.\xdb\xfe\xe0\'S(\x0c\x86\x1f\xd05a\x8d\xb1OF\'\xc6\xc6&amp;~7\x85,1\xa8\xa5\xcbD\xb7\xb0\xb227\xf7\t,\xe48\x95\xd3\xbd\xd9\xa6\x19\x93\xc4\xb4\x8d\xad\x9d\x92\xf7\xb6k-\xa4?\xb7\xde\xd8\xe9vP\xdd\xcd\xa3\xc7\x8f\x0f\xd6\xb3\xff\xebe\xb47\xa0T\xee%A\xfd\x10P[\xbd\x9d\xdazq\xfd`g\xb7j:1\xc2J\xaa\xbd\xdfD\x06=\x07\x18\xd0\x81\x0b\xd7S\x18\x0eT\xb4\x9c\'\x86\xcb0\xf32,-/\xac\xac\xce-^?\xd4%\xb4\xa1\xcc\x99\xf5\xd9\xba\xe2\x1afL\x91\x05\tY3)Y\xf4l~\xae\xd5\xc6\xd4hl\x02\xec\xc9\xc3\x87\xef\x8e|s\xcf\x8cg\xdb\r\x82\xfa\x1eA\xe5w\xefB\xa9\xda\xc9V:\x9d\x17\xcd\xc24q\x89\xb1\xbf.\x94\x17P0\x8f\xb0\xe0\xd5\x18\xc6\xc3\x14{\x92\x8b$\x83H\x88}\x84~\x08J-.\x96\x0f\xf5D\x98\xa8\xf4@\x8b\x16l7a\x88\xc0b\x95J!d\x98\xa8\xece\x06\xd6\x9c\xdd\xee\xf6A\xeb\xe67\x82\x9e}y\xfa\xe2\xd9\x83_^zp\xfcEuk\xf7h\x1d\xd58\xcb\xa7\x93\xc9\xb4"\x05\xaf\xe5\xfa\xed\xca\xca\xca\xea\n\xc0"\x173a\x00H\xa21\xac\xc8e\xf4\xe3\xcf\xf13s\x93\x8b3k\x87JXb\xd1\x92-\xcdK&amp;y\xc9\x90uY\xe0\x08\xcb\xc4\xb9\x8e\xd4\xe9n\xf7\xdb\xedV\x8b\xa6F\x0e\xc6\x80\xec\xebT\xad\xd3\xe3\x8d\x8f\xde\xbe\xf2\x01A\x9d\x1d\xc1\xbebmg\x0bP([\xbeH\x97\xc8\x1f\x96\xa1\xc2\x1c\xd8@\xb6@Sa\x90\xfa1\xc65F3\x03\xdfcJ\xcd\x80JL$$\x8e\x83\x8b\x81\xd6t\xa7\xd3\x8a"\x83\xc6\x84^\x92@T\xf8\x1egt\xf6\xf6\xf6\xba\xdb5peK\xedF\xf7k\x7f\x87\xb8\xfa\xe4/\x97&gt;z\xb0\xbf\xdbeJ\x95\x8a\xc5\xe2\x01\xa4J\x0f\xb8\x14\x15r\xe5\xa7o\xa5\xf5\xd8gk\x8b\xa8\xd5UH\xb6\xb2\xb00p\x94j\x94\xf5\x00%j\x95\x9eX\x02U\xf9\x90O\xc0BTX\niu\x1eL\x8a\xad\xf0d"\x88\x98\x93\xb2)\x08\xaa\x0e\xb8Tg\xb3O=p5\xf7\xd5\xac\xd3\xbfl\xdb8&gt;\xde\xc5"=\xdb9X\x07S\xb1\x0f\xa9\x10+`\xd9\xb6\xcdC\xae4\xb6\xf5tZ\xdf\xfa\xdb\xe2\xfc\xfc\xcc\xe2\xe4*\x8cZ]ax4\x0f\x88k\x94QMNB)\x90_\x07U\x98\xa8pq\xa2Q\xcf\xc9\xf8\xbec*\n\xc0.\xa0\x80\x85\xd1\x01"\x7f\x00\x00\x06\xe0IDAT\xe2yU\x90\nR8\xe8\xe2\xcc5\x9b\xfd\xea\xfa\x1bi\xf57\xabU7V=9\xaaaR\x95J\xfd\x93*x\xd2y\x86\x15\x8b\xe1\xae\x023\x0f\xb9n\xa5\xf9*\xe3\x9aY\x84&amp;s\xecM\x18\xab\xccQ\x90\xd1HX\x9d\xbc73\x8f\x9a\xfb3\xd2\x9e\xa0d\x03+ai\x81\x11\x9d\x8dF\xa3uOB\xe8e\x96.I\xe0T]\xd7y\xa4-%H\tI\x00X;\xfb\xdf\x13\x85\x9b\xadF\x172\x9d\xec\x10\x13\xa0\xda\x8d\x93jL\x89\xd9I\x86e\xdb1^V\xa5\xb0!&amp;!\xd84\xb8\xce\x07\\\x17\xc5\xd0\x98\x9f\x83\xa0\xcfW*\x95\xf9\xd5?\xf4@Ey\x0f\xa3\x82\xa6\xaf(\x8eeY\x99P(\xe4K^\xa0\xf34&amp;dP\xa923\x95:@0%cos0\x14\xde\x18!\xa8\xb3\xdd\xa3\xdaz\xa9\x94+\x15Kpo\xaf\xaa\x88\xa2\x18\x8b%\x93\x84\x95\xb6M\xc7\t\x87=\xc7P \x1fq\xe9\xe7\xf7I\x10\x06v\x0f\x803\x846\xb7JL\x8b\x8c\xea\xc6\xda\xc7=.\x9c\x90\xe0\xa1\xc4\xb0\xea\xa2\xa2\xa8N\xdc\x90\x03\x80y\x86o*\xa2k\xca\xaa\xaa_L\x0bb\xa2\xa0Iai\xf0\x9f\xc6\xddl\xf5\xbbg\'\x07E\x1a\x1d\xa5R\x91\x84Rx\x97w\t+\x16KS\xbc\xf8\xb0\x01$\xd7\xf7U^$_\x93\xba\xfa\xea\xce|\x85\x14#\xbf*\x83[L\xb9\xf9\x99{\x95\xe5\xe5\xca\xdagyP%\x88(\x0c\xb9R\x86k#\xecR&lt;!\xba&gt;\xf4\xcaX\xbe$\x8b"y(\xbfN\x18\xb8(\xff\x92D\xab\xe6*0vwj\x90\xa9\x94+\xd6\xfa\x8d\xcd\x8e\x88\xe3pE\xfa%\xc6D\xe8\x85\xa32$\x81OO\xe7]K\xd2U\x1e\x8a%m\x9e;{\x9f\xb8H\x99eT\x85\x897`dT[D\x05\xac\x01\x1a\xc7+T"\xe4\xf2B!\x0b`!\xab\xeeyV *\xbc\n\x16Y\x95\x99\x87\x80#\xac\xab\xb5\x9d\xdd\x13L\xa8R)\xdb\xc2\x90\xedT]\x91\xd7]Q\xe7\x07dPK,x\x99x\xbc \xbaI\x0c\xad\x82C\x01\x05\x18\xba\x9c\xab\x9e\xdf\xaf\xdc \x8ak\xa8\xe5\xca2\x9c\xab\xd0\xd5\xf2\xb5\xe5\xb5\xc3d\x8a\xa8XA-\x8e\xd7u\x05.\xdar&lt;N\xe1\xb2BV&amp;\x13\xd5\xb4\x90\x1f\x98\xb2h+"\x02f\n\xff\xc1jo\x9e\xed\x1e L\xa5\\\xeb\xe0\xa4*\xf2\xbc\x08\x1c*\x9e~\x83Z\x8a\xe0dPV\xc1\xf5\\\xe4_1\xa8qt\x1d\x8f \xaa2w\xf6\x9c\xd4\x19`-\xd3e\xf9\x11\x94\xaaT@\xc5\x85\x07Xa\xa2\x128\xcc\x03\x99\xc7\x9fR$\x07X\x96\x15\xf2e\xc1j\xcej\xb3\xb3u\x1fs\'o\xf3\xaa\xca\x02F\xe3l\xe8\x8c\x8d\xcd\x12\xb6\x112\x0e\xc7\xf0\xc1\x12e\xd3H\xc0M\xd3\x88\xa3\xfcx\xc6+\x14\xe8\xeb&lt;\x8eZGL\xd1\xd2\xbc\xae\n\x10\xec\xce\x05\x16C{\xf4\x88\xb9y\xfdP\xe1\xc89\x86\x85\\\t\xba\xe1$\x02C\x17E\x05q\xf0-\xf2\xd02d/\xa4\xcd\xde\xbe}[\xf3\xcc\x02\xee\x9dO%\x0c4\xa2$\xe8\xfa\xd0`\x96\xd7\xb6\xcfp\x1c\x94o\x90\xb0\x06\xb4\xa9\xb0\xbe\x9cx\xdcq\x88,p\x89\xd8u\x15:,t\xb5J\x1f2\xce\xa1\x900\x12\x8a\xa9\x85zT\xa9\xcc&lt;\xef\xf1\x9c \r\xb0X\xe2%\x1f\x15\x18\x98\x9a\xbcT\xf7}8\x88K\x94.PK\x8bZ\xa1\xd9\xdb\xd1D\xc2A\x1b\x14d\x19f\x0f!\xe8\xeb\x98\xa2\x18\xbb$\x93H\x89RUX\x88\x80\xf2\x05\x0b\x99rL\xb1@X.\xc9\xe7\x9a&amp;\xa2\xa7\xbe.\xea\x1e.\xc5\xbf\xfa\xf4\xb5\x8b\xcb\xd7\x90\xb5\xfb\xe7y^HIR\x98\xe2\x1e\x06\x9d`X\x1ab\xe4\x1b\x81\xa9\xcb\xb2\x14\x00\xc7\x93\x83\x10\x06k\x08\\Z\xd4\xf7\xeb\xb3Z\x1cP\xa0k\xe2\xfe\x15e\xa8T\xc34\x10Y\xa6D\x86\x05\xfbqL\x98\xc2\x1eNp}\'^\xb0c\x12\xa8\x8c$F=a\x15\x02GbB\x11\x17\x9d\x16\x98)\xae\xfa\xeaSP\xdd@\xf6o\xcc\xcf?\x7fe\xeb\x1c6\xe0\x05\x16m\x9d\x90\xd6\xc4\xa3G\xfd@2e\xf4\x8b\x89`\x99\xa6\x1f",\x80y\xb2\xeck\x19\x07\x9d@\x96\xd6\x81\xa5\x0f\xed\x9c\xc5\xf0h\x8c\x88\xd1\xc4l,f[4=\xbf\xaei\x16\xfcs\xa4\x00TN\x8c\xf65\xcd\x0c\x03\xa6&amp;8\xb2o\xa0\x18G;D\x05\x18\x92&gt;\xff\xa7{w\xce\xb7`\xa0@X\x12\x9b\xa2\x9c\xea\x11\x94\xc6\xb8\x1c\x93W\xc1\x15\x84Bu\x0f\x0e\xb29\x91\x91\x14p\xe212Q\n\xdam\xcf\xd5\x85!\xec\x17P\xb8\x03\xbdxR\x0b\xado\xfa\xcdP\x10\xe0n\x0c\x16+\x94\x89\x13\xae$\\\xe6\r\xc71\xa4\xb8#@-\xf9\x02\x8b\x8a\x14{\xff\xfe\xe4\x9d\xf3\x9e\xa2s\xb4G\x88\x89v\x0e\xa7\xe3\xc4\x81U\x13\xe2d\x0c\x19\xf9\x10\x91u&amp;\x94e\x18\x14\xb3\xc0\x0f!-\x19\x0b9\x03VS\x90\xa5!&amp;O\x8c\xb9GP\xff\xae\xb9\x8cQd\x87\x81 :\xb6\xffO\xcc\x82\x18\xcd0\xf9\x80\x19h\x8b\x89\x94\xd9\xcaL\x83\x02\xc5\xc27Z_do0\xe0\xcc\xf7\xd8\x13l\xf4\xef\xf0\xab\xa4Y\'\x0e\x0c\xe2\xa9\xba\xba\xba\r\xc5L\x1b\x9a\x9c\xe3\xa6\x8d\x0f\xc0Z\x8b\xdf/\\\xb8:\xb7\xa4uU\xc6\xa1t\xd7\xb6X\xab\x80\x99+\xc1\x86\xef\x7f\xdf\xe7"\x1e\xc5*N\x07\xbd\x04_\xa4\xa2\x95xQ\x84\xe2"\xca\x9c\xe7h\xbc\x1a8\xcd\xd3\xc3w\x0f\xb1\n\xd6.\xa6`}\x8e\x97Z\xc5\x05\x17\x81Hl\x0f\xbb#\xef\xc2\xafZ\x0b\x8d\x85\xa9\x98\xa8:\x1b)9\xf8\x0b\x82\xa1\x92m\xd5l\x80\xcc\x10\xca\xf5\xbf\xd5\xfb\xf8\xe8\xcd\xe0\x92\xa6\xea\xf7\xb0V.g\x16\x13=nF\xbdl\x82\x93\x9d$\x11\x90\x12+\xbf\xe0\xaf\xecXD\xecSh2\xea\xb5)&gt;\x1f\x99\x0f\xbav\xbd\xcb\x1bk\x1b\x8b\xdfB@\xb2\xd6\xb1\x81\x83\x1c\x96\x91\xd2\x8a$C\xec\x8fX\x99\xdeT\x8c\x05D\xe8\xd0m\xaa\x1a"\xd5\xf2I\xab^&gt;\r\x038|\x95\xcb;&amp;\xecD\x87\x98td\xddYG\x1bO\x88(D\xec\xc8\xbcZ\xf48TR,Y\x82j\xcb\xe3\x8d\x05\xbf\x97.DE=\xb0pb\xd4\x94R_W\x12\xcc\xdan\x9a\xa7\xf3\x95\xeb9s\x81X\x8f\xc7\xb3@E\x8d\x01\x07\x92\xcb\xdb[\xe1B8\x0c\xa6\x13\x8a\x15\xd5F&amp;\xff\x88e\x00!\xa9{\xda\xe2\xf1\xba\xf9|B \xcc\xd8\xeb\x90\xa3K\xd1iG\x03\xe2mW\xf9{\x91\x90\x1c:\xef\xee\xe6Z\xc32\x84\x98\xd0&gt;6\xe4B%\xf9t\xe7q:\xbf\xb7\x13\xecV\x85\xeaO\xfb\xec\xf1S\x18\xa3jR[=_\xa9J!;\x14\xd26w\xb3h#P\x0b\xfd4_\x8c\xc8~\xa8\xde0\x8f^\'\xa84}\xfd|\x8e\xa3\x8b\xbcO\xe6\x90\xca\xb9\xd1e\x9eM\x08\xfd8\xc9*\xd3\x8c\x08!U\x88+\xa9\xd8\xd8\xc0\x12I{\x94g\x8b\xe9\x889\xc4~,f/;r\x9fv\xde\x0eTA1b\x08f+\x17\xf4\xb6\xd1t\x83\xdb\xad7\x1d\xfa\xca\xb1\x88\xf8S\x80\xc54\x1e\x90\x05e\xfc\x0fMZ\xb5h\xa7E\xe9\x81\x00\x00\x00\x00IEND\xaeB`\x82'</t>
        </is>
      </c>
      <c r="M382" s="3" t="n">
        <v>45492.6778125</v>
      </c>
    </row>
    <row r="383">
      <c r="A383" t="n">
        <v>995071</v>
      </c>
      <c r="B383" t="n">
        <v>1966</v>
      </c>
      <c r="C383" t="inlineStr">
        <is>
          <t>Bruno Gomes</t>
        </is>
      </c>
      <c r="D383" t="inlineStr">
        <is>
          <t>Bruno Gomes</t>
        </is>
      </c>
      <c r="E383" t="inlineStr">
        <is>
          <t>VOL</t>
        </is>
      </c>
      <c r="F383" t="inlineStr">
        <is>
          <t>VOL</t>
        </is>
      </c>
      <c r="G383" t="inlineStr">
        <is>
          <t>VOL/MC</t>
        </is>
      </c>
      <c r="H383" t="n">
        <v>175</v>
      </c>
      <c r="I383" t="n">
        <v>15</v>
      </c>
      <c r="J383" s="2" t="n">
        <v>36984</v>
      </c>
      <c r="K383" t="inlineStr">
        <is>
          <t>Right</t>
        </is>
      </c>
      <c r="L38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5ed6b3-da31-4793-85cc-e63d553f89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2X\x86\x00\x00\x03\x00PLTE\xff\xff\xff\xd9\xd7\xe0\xa9x_-#\x1d\xd8+\x1f\xd8,"\xdc, \xfe\xfe\xfd\xdf\xe2\xef\xdb+\x1f\x9bmV\x9fnV\xdd."\xdd:/\xa4u^\xda\xd9\xe3\xbd\x94z\xdb\xde\xea\x96hR6*#1%\x1f\xaeza\xa7rX\xdd\xdf\xec\xd6)\x1e\xbb\x90v\xba\x83j\xaap]\xd5\xd4\xde\xaf\x7fe\xa7u^\xda\xdc\xe8\xb8\x8eu\x9ft_\xa2pY\x9ep[\xbc\x92w\xa4s[\xb3}b&lt;1*0($\x89_K\x8bcN\xaa|d\x9flR\xb9\x81g\xa1s[6-\'\xb7~c\x99jU\xbb\x85n\x95lV\xad}c\xa3pU\x85\\I\x95eO\x90eN\xadw]\xbb\x91z\xe1\xe4\xf1\xb3\x83i\xfc\xfb\xfb\xbb\x8ds) \x1b\x91aJ\x98oZ\x9ar\\\xa7kX=,$\xb7\x85j\xaaub\xb9}^\x9bjR\xb7\x88n\xa8qS\xaau[\xb3\x80f\xdf\xdf\xe8\xa9yc\xae\x81i\xde\xdd\xe5\xdb0\'\xa6o]B2)\x84aRS8-\xbb\x81b\xb2xc\xb7\x8cq\xb1vX\xa5wb\xaeyh\xf9\xf7\xf6\xb6z\\\xb1x^\xb7~f\xdf\xe1\xec\xaeu_\xa0jX\xdd\xda\xe2\xa4hU\x9bdR\xa0ve\x9acM\x8ffSyM;\x90`O\xd3(\x1e\x8fiX\xbe\x87p\x9bsc[@4\xb2\x86miI=qPB}QA\xad\x82p\xbe\x8dx\xb7\x83mK5*\x92m]\xb4}j\x88WC\xaetV\x8a\\G\xd5[Y\xa3zc\x91iSS=5\x82S@\xb4zg\x96]K$\x1d\x1a\x7fWG\xd46.\xa6kP\x84WF\x7f^NB72\xd1&amp;\x1clD5\xd7\xa1\xa5\xdb@7\x8f\\G\xbc\x88taE9\xa9~k\xa0hN\xd5\xd1\xd9\xb7~l\xf5\xf3\xf3\xe25(\x9ehR\xd6gf\xe2;.\xd7\xba\xc1\xe0J?H/&amp;vVF\x96q`xZMOE@\xc0\x8f\x7fsH8\xd3\xcd\xd3\xadpS\xd8\x8e\x90\xaeqa\xbe\x97}\x89fW\xa2ziJ82\xae\x89x\xdaSK\xb4\x86tI&gt;9XF&gt;\xf1\xee\xed\xa2_S\xdb\x98\x9b\xed\xe7\xe5\xb6\x8f\x80iRG\xd6\xc2\xcabMC\xd7ts\xdd\xcc\xd4\xb9\xb1\xb1\xd9\xa9\xaf\xcf{{\xe4A3\xe2\xe3\xed\xcf\x96\x97\xd2\x84\x86\xb7th\xdd\xd2\xdc\xda\x7f}\xc5\xbd\xc0\xd1\xad\xb3h?1\xb8\x9e\x95\xcc\x8b\x8dja^\xceqp\xc4\x95\x88\xd9HB\x94OF\xef\xd0\xcf}uq\xddb[\xda\xb3\xb7\xbf\xb8\xb8\xe4\xe2\xe1\x9eULaWR\xdc\xc3\xcc\xff\xfe\xfe\x91\x8b\x88\xf9\xef\xee\xdc\xd9\xdd`9,;$\x1f\xb3ic\xb6\xa8\xa6\xde\xcc\xc7\xd1LH\xa0\x99\x97\xe0YNXOJ\xce@:\xab\xa3\xa1\x97zq\xea\xdc\xd9\xdeoi\x86I?\xe3\xe6\xf2\xf6\xe2\xe2\xc9\xc4\xc6\xad\x92\x88\xd8\xc0\xb9\xe8\xba\xba{=8\xca\xa1\x9f\xa2\x8a\x81\xbf\x87x\xd0\xc8\xc8\xccgf\x84~{\xcb\xb3\xa9ukg\xc5\\[\xbfwp\xe8\xa5\xa1\xc3&amp;\x1f\xb1aU\x88ng\x1d\xcf\xd4\xfc\x00\x00 \x00IDATx\xda\xbc\x99OH[k\x1a\xc6K\xb3($\xe0"\'\x06&amp;P\xe9\xb5\x98\x1cs\x939&amp;\xb9\x89\xe62i\x8c\x9cb\xaa\xd2Y$*z5\xc1\xc5xu\xd0\xa6I\xd5\xd8F\xa6\xb9s\x15\xf1 hj\'\xdc\x8diR\xeb\xa2\xa6\x98\x086\x08Y\x97B\xe8BP\x84`\xa1 \xe2\xce\xdd-\xe2n\x9e\xf7;\xe9\xed\xc0\xccj8\xf6=\xc9!\xffL~&gt;\xcf\xf3\xbe\xdf9\xc9\xb5k\xffg\xdd\xf8\x8f\xf2\xec\x1c\x1e\xee\xa4\xd3\x9e\x1b\xff\xa3\xae}\xcb\xfa\x03\xc83\xb4s\xfc\xee\xe4\xe2b\x7f\xff\xa2zrvvr\xf6\xee\xf9\xce\xd0P:=\xe4\xf1|k\xb0\xaf\x1a=\x7fuprQ\xc9\x15\n\xb9\xbc$\x15\xa4B!\x9f\xcfU.\xaag\xa8\xf2\xe7\xe3]\xa6\xdf\xb5o\x04&amp;K0\xb4\xf3\xae\xba_9*H&amp;A0\xc9\x15\x08\x04\xd8\x9d\x000s\xb9\xd3\xca\xfe\xc9\xab\xdd\x1d\xcf7RLV*}~q*I\x92H\x18\xb8\x06\xb0\xe1\x06\xc7q\x02\x8f\x1d\xdd\x13\x04\xa1\x00\xe5\xce\xd3\xdf\x80\xabf_z\xb7|$\x90:"\xa8D\xdc\x88\xc7\xe3\x01F\xc5\xabT\x1c\x0f2\x93\x89\xf6\x82 \x1d}\x1a\xbar\xaeZ\xaa\xe0\xdf\x11\xbc\x12E\xecL\xa2 \x8a\x9cH`&amp;\x8e\xd3\xe9T&lt;\x83\xd3\xf1\xc0\x12\xa8r\'\x87\x1e\n\xd8\x15\x82\xe1\xed=\xe9\xf4a\xb9z\x84\x18\x11\x04\x88t@\xf1zU \x138\x1d\xdd\xd3\xf1:\x15\x8a\x178\xc6e\x92.\xaf\xdaH\xbc\xf7n\xb9\\\xbd\xb8\xcc\x07\x02\x1c}8\x11y\xbd\xf3T*"\xc2C^&lt;\xc8\x9e\x12\xc8T\x8e\xb8*\xef\xae\xd6\xc8\x1b7\x86\x8e\xab\x95\xa3\xa3\x9ch\xe2T2\xd5\xfc|\rk\x1e\xb1bJ\xe9t\x10\x0f%p@\xa3\x94\x99L\x95\xf2\xe1\xd0Ua\xb1\x11\x94&gt;\xb8\xc8I\x18\n\xa2\x0e\x1f\xcd\xf3:\xc2\x92\xa9\xe6!\x13\xc3\xe1\xf0\x1c\xc0td2\xae\xc4%\x9dV\x8f=W\xc4\xc5|\x18*W$\x8e\xec!U\xa8\xef\xc8C\xda@\xa5\xe2\xc0\xe5\x9dW\xe1I\xa6\x97N\x0c\xe8(m\x1c\xda5w\xb2{5X\x0c\xea\xf0`\xbf\xc0\x13\x90H\xb9\xa1x\xe9T\x7f\xc4K\xa5cw\xa0\x93\xc8b\x86&gt;\xe0T\xac\t8\xde$\xe7\xebJ\xa8v\xca\x97\xa7&amp;\x1a\x02\\`]\xa4"\x8fh\x1c0./Cb\x91\x93\x1b\xd4K\n\xb2\xb6\xc4(\x93\xaa\xbbW\x91z\xd2\xea \xc7S\xd2u\x81\xde\xde^\xcc\xa9\xf5u\xccS\x82C\xc6x\x12\x85\xb0\x18\xa3\xdc\x95\xb5\xbcyY+\x08G\x07C\xcas\xd1l?\xbf\xe4\xe93\xb8x\xef\xfb\xe5\xe5\xc8\xc7\xf7\x91H\x04|\xeb$\x1a\'\x8al\x1c\xb0,\xc9\xb6\xb2\xd0\xd5f\x86\x17SL\xda?\xbe\x12\xac\xe3}\x89G~\xb8\x00\xa8\xc67\x96\x97\xc7\x1f\x8dolD\xa3\x11\x08\x17\xa0uH\xc4\x0e|\x14;\x99F\xe5\xd5\xc9V\xab\x08K\xc8U\x8f\x95\xc6\xa2C\x86O9\x9e\xc59\x1e\x19\x7f\xb2277\xb7\xd2\xbe\xf2\xe4\xc9\\\xfb\xdcB,\x16M\x91np6\x90\'B\xe2\x14\xc5\xf5\xf5\xf58\xab\x80\xa8c\x8bQ\xeeL\xe1\xd4\x93\x85\xc7\x15\xde\x8b\x10A\xac\xf1v\xbfem\x11\x97\xb5\xb55gW\x97\xd3\xe2os=\x8aEI8\xaad$\x15M\xa5R\xcb\x10\x14\xf5&gt;\xf2\x11Fs\xc0R\t\x95\xe7\x1e\xa5\xb1\xd2\'\x12\xfea\x15/\xc67Z-]_js\x00\x15rw\xeb-\xda6\xb3+\x13Ce\x16\\\xe6\xbf\xb7C\xcc\x95\xb9\'\xbfP\x8d\x8fo\xbc\x8f\x8b\xf4\xb7\x92\xc2rQ\xb2*x_\xac(\xf1\xf1V\xa7L\x94Hl&amp;\x06\x06\x86\x87\x87;\x87\x8dF\xa055\xaam6\xb5\xdaIeY[\xfb\x19\xf5\xeb\xaf++\xed\xed+s\xbf,\xc71FxSuGa,\xcfy\x0e\xef\xcb\xf3\x81h\xabSOT\x89.\xc2J0,T_gK\x8b1\x14\n\x19A80\x90\xc0K\xc8b\x19\xee\xe7\xf6vW,\x8e\xdc\x0b\x95WJ\xbaH\xd1: \x0fy.\xd2lq\xd6\xfc\xdb\x04\x15\x93\x8b\xa0p\xe9CY\xfbp\xb3s\x18`\x9b\x9b\x8b\x8b2\xd9\x9a\x7f\xcdo\x1b\x8b\x8a*//\x9d\xec(\xabV\xfa\xc4DT\x81\x8cM\x16\x0bT\xb8\x80j@V\xab\x93Q\xf51*\xe3\xf00\xb0\x16\xe5\xa2\xde\xf8\xcd\xa2V\x9b#\x98\xc4|\xe5XY\xb5\x0e/A%\x98".u-Y]\xb0\x90\x02\x8fdu\x0e\x7f\xa5\xea\xeb\x1cf5\xb0\xb9\xb9Y\xc3Z\xb4\xfcf\xd1\xa8m\x99\x00Rp\xaa\xa4\x8b\xc0zu\xca\xd3\x99D\xd4\xa5u\xeae\xb9\x10\xad\xcd\x9aV\xd8}\x81\xea\x93\xa5\x83\x8d\x03\x89\x04^\x05\xa8E\x8b\x85\xb0\\\x11,R\x85\x03E\xb1&lt;\xe5\x02\xb0\x84|\xcc\xa5\xd50.J\xd5\x7f;\xc82\xd6\xd9B\x9c\xc3\xc3\xa1\x10\x919\x89\n&amp;\xda\xcc\xd1\x00\xcf\x9bN\x86\x94\xc4JW\xd9ay2\xe6j\xb5\xc8X\x03n\x86ED2\x97\xb5FfmA\xa1/e\xae.\xa6\x96\x1fXm\xb1\xa4\xc0\xf3\x97\xbbJb\x1dV\xc8C\tXm\x0c\x8b\xc4\xa2\xe9\xd0\xd2\xd2\x07\x06\xb2\x91\x80\x0c\x06C_\x0b\xc3\xc2\xc3D\x85i\xb6\xb8\x06\xb1\xfc~\x9b\xadm!\x82\xae\xc9\x9d+6\xb9h\x98\x1e\xb1\xd3\xe5d\xa6Ykq\x82\x8ba\x85\xf0\xf1V\x036B1X\x89\n\xfb\x16\xa3\x91\xc42\x02+\xc4\xe6\xbf\x93\xb0\xfc\xb6\xd6\x85\x94$\xc0E\x8f\x82X\x9fO\x89J\x8a,\x10\x96\x1eX\x03\xeeD\xc2\x18\x06\x87}\xd2n7\xd4\x98\x0c\x86I\x03\x89E\xd7\xfePb$\xe4\x1eq\xebi\xe6[\x18V4\x8f \xec\xef(\x87\x85\xc4\xd3w\x0c\xf9\xa8\xab\xb9\xcd\xcf\xb0\xdc\xee\x81P\xd8:c_]\xfd\x1d\\v\x86\x87m\xd2\xce$ka\\\xa1\xd0\xc8H\xb7\xde\xd9\xe5\xd4\x90\\\xad\xae\x18a\x1d)vt\x83\xa3\xe5\xaaDX\xc9X\xb3\x99E^\xef\x0e\xd5\x87\x8c=3\xf7\xec\xab\xd3\xabDe\x07\xd1\xa4\x8ce\xbfk\xb0\x86a"j\xc4\xed\x86\x8b\xd0\xcb\xe2\xb7\xf8[\xcd\x19\xc2:\xfd\xac\x1c\xd6\xe1&gt;\x9dU\xe5#1\xb3\x16\xe3T\xaf\xefv\xd7\x1b\x8d==w\xedP\x8b\xf4\xb1\x1a\x8039)\xa3\xd9\x81\x156\xcaX\xf5\xee\xfan\xc2Bi\xdb2\x11\x93 \x14\xca\x1e\xc5\xb0\x8e+D\x95\x8c\xc4\x9a\xd9\xd8\xeav\xbb\xb1(\xf7\x84g\x0c3,Q\x00!\x17\'\xef`\xb3\x93xaZ\xb6\x99Z\xd7\xddH\x17\x9b\\~`\xe1\x04SRlrQ\xe21\x1cpx\x971\xe3\xf8\xa1\x1b\xe5v\xd7\xf7\xa0\xc2aR\x86\x98\xbe\xa8e\x0f\xff3\xcc\xba\xd1\x9d@\x1f\xc2\xc3n\xa8\x05\x0f5\x0c+\x8f\xff\xeeL9\xacw\xa7\xa6B\xb2\x98\x8a\xba\xda\xb4\xce\x1a\x15a\x19\xfb\x81\x00,V\x94/\xbb\xdd\xfa\xb8\xbf?\x1c&amp;\xb5\x06\xdc\xa1\x110\xd5\xa2\xa5\xd1\xa8\xdb\x16Ry\xc9TP\x0e\xcbS\xceA\xacT4;\xf6T\xa3\x97\xa9\x8c\xf5\xc8\x96\xd1h\xa5\xd1\xc0\xa8\xc2\x06\xd9&gt;\xeb\xe3\xc7ac\x8b|\xf0\x05\x03\xf5\xb5d\x01\xebis,\x997\x15&gt;)\x96-\x1c0\x17\x8a\xa9\xbdL\xf0\xa9\xba\xa9\x9bE\xab\xbe\x9e\xb0\xacw\xed\xb5t\x11\x1ae\x0c\x9eZ\xa9\x0f\xa9\x8c\xfd\xfd\xf5\xdd,\xf0NPi\xd4Zs&amp;\x99\x97\ne\xc5:1]\x05\xd6^f\xc9\xec\xf8s\x93\xbe\xfb+\xd6]\xc3\xea\x9d;\xablVY[\xc2V\n\x19\x90\x18\x150\xc9\xe5zwM-\xb5F\xe3\x18[H%\x95\xc4\xda\xa9\x82\xaa\xb4\xf4\xd4q\xbb\t\xae\xd4\xc2e\xbc\xd9\xf3xf\xfa\xe5\xcb\x97\xd3\xab\xf2L`)\x0b\xf7\x1b\xc3\xcc\xd9\xbb333\x7f\xb9IX\x8d\x1af"\\\\\xdaK\xe6s\x07\x8aa\xed^\x14\x8a\xc5R\xb0\xe3\xbb\xba\xa6&amp;\x02c\x83\xeb\x87\x1fn&gt;^}\xf9\xe1\xc3\x07\x80MO\x92\x8b\xe8KR\x8b\xd6!\xbb\x1dT\xdb\x0f\xff\xfa\xd3\xf5\x86\xc6F\rf\xbc_\xadQ;\x96JE\x86\xa5\xd0\xe2s\xb8Oj\x05}\x83\x84\xd5\xa4\xa7\xb5\xba\xe1\xfa\xf5\xc1\xef\xa7\xb6\xdf\xbe}\xfb\xf2\xed\x8fL\xb1I;[\x17\xffe\xa5a\xb1\xba\xbd\xbd=\xb5=5\xf5l\xb0\xaeQ\xa3\xf1\xb7\xfeMkS\xfb\x1c\xe6L\xb1\x90++\x88\x95+\xeee_;\xea\x08\xab\xb1\x11XN\x8d\xcd\xe1\x98\x1d\x9dz\xf3\x96\nXPl\x95\xd6\x1e\xfb\xe4*\xd56aMmm\x8dv\xf8|j\x8d\xb6\xbd\xb5\x15X\xbe\xb1\xac\xc2X\x10+\x1b\xf4\xd55\x10\x15J\xdd\xbc\x80\xb3\xe8\xbdh\xf6\xf5\xec\x83-\xb0A/Rl\x1a@\xd3\xa8[`z\xb6\xf5`6\x98\xcd\xd0\xe9ls\x1b\xe6\x9d\x96a\xed\x15r\x9f\x94\xc2\xf2\x1c\xee\x83*\x1b\xbc\xddT\xc7\xb0l\xaeX*\x92D\xe5\xf3\xf9d\xb2XZ\x9a\xd8zCX\xd3\xd3w\x18\xd6\xf6\x9b\xad\xd9\xe0Rf\xaf\x98\x94\x02x\x05\xce\xfd3.\xad\xcd\xe7\xeb\x00V\xb2\xf8IA\xb5J{\xa5\xcc\x92\xaf\x89\\\xac\xb3\xb1\xefBR\xa9d\x9e~!\x108.\x10\xc9n\xbd\xf9q\xfaw$\xff\xde=2p+\x18\xcd\xe7\xe5\x9f\x0f\xc48\xb0R\xd1X\xd0\xe1\xf0uLd\xf7r\xa7\x07J\xaa\xb5\xb7\x97\r\xaa\x81U\xd7t\xdb161;1\xfb\xe2u\xb6\x14\xc9\x07\xe8\xcb-1Y\x9a\x9dzs\x8b\xec\xbb\x87\xfe\xdb\x9ez\x90M\xca\xdf&amp;\x89\xf9T6\xf8\x1a\xb5\xb44\xe1\xe8\xe8\xf0\x11\xd6\xb9\x82j\xed\x95J\xa5%[SCCC\xdd\xed\xdb\x83\x83\x83\xcf\xa8Fg\x83p\xb37\x1eOF_oM\xdd\xfa\x13\xb9\xf8pf{jk"\xd6\xbb.\xae\xaf\xc7#\xd1\xa5\x89\x17\xa3\xa3\xa3\x0f\x1e\xbc\x98\x9d\xf5\x11V\xb1x\xf4J1\xac\xdd\x0bP\x95\xb2\xbe\x86\x86\xc1\x86\xc1:P\xdd\xbf\x7f\xff\xfb\xfb\xdf9\xc6\xcc\xae\x85\xf1\x8d\x8d\x8d\xf1G\xe6\x8e\x7f&lt;$\xae\xd5\x99\x99\x87\xcf|\x0b\xcb\x1f{{{?.\x8f/\xfc\x9bV\xf3\ricK\xc3\xf8\xc5/B\x84|\x08$\x1f\x1c\x12v2\xe8\x12\xb3\xcd61\x98v\x89\x8bf0[\xff\x10a\xd6K0\xa3\r\x19f\xf2g\xb0)\x1a\x9bMRIk\x82\x18\x17!6nJ&gt;5Z)A[Z\x1b\xdar?\x96\xc0b\x91`\xcbe\x95\xde\xe2ve)\xab\\\x96\x95\xb5\x16Z\n\xed&gt;\'\xde\x85\xfd\xbc\xc9}\x13\x90\x04\xc9\xfcx\xces\xdes\xde\xf7\x9cLWP\xc10\x0cM\x87\x11\x04\xeb\xd1\xf6_\x1a\x80\xf5\xd3\x19\xcf\x0f\xf0\xd6\xb3\x05\x86\x88\xa5\x04\x93\x8e\xe3\x049\x13\x99\x9c\x9c\xbc\xb5\xb8\x85WhvF\xa5\x1c\xee\xff-\xc1\x1a\xb22\x86\xd0\xe2\xd6\xfe\xfe\x16h\xe7"\xa1\xb5H\xd6\xd6\xa2\xa7\xfd\x1b\xfe0\xe3X\xd8|\xf4\x8a\x1c\xb4|\xf3\xfau\x03\x8e\x9e\xc6\xfe\x01o=[\xa7kX.\xa3N_\xe8\x99\rE\xee\x90\x16\xe0\xcd\xcd\xc9\xc9\xad\xad\xb5\xc8\x8c\xc2\xda\x87Y\xb8dW\xeb.D\xd6\x16\xc9W\x80\xca\x182P3\x91\xbe\xc4\xd0\xfe\xb0\xc3Q\\\xd8\xdc\xfc\xfbX\xfd\x87\xb2\x04\xe9\xc9\x937\xdd\x7f\xde#y\x8b&amp;\xde\xf2\x18\x8dm\x97zf#\x91\xc9g{\x9b\xf7\xffp\xff\xdd\xf6\xd4\xda\xe2b\xc4\xa0\xd2\r\xb5^\xb9\xd2\xdaN]\xcaD\xa0\xd6"\x94\xbczurj2\x14Z\x0b%z\xcc\x8c\x9f\xa6i\xc7\xca&amp;&amp;b\xf7Xw}X\xa4\tx|\xf7\x17/\x0e&gt;|\x82Z#J\x1d\x96\x1c\x98\xaa\xc5\x96\x9d\rm\xdd\xfa\xfa\xe9\xdd\xde\xfd\xcd\xedW_\xc1\x15\t\x06\xf5\x97\xcf\xb7z\xdb}lOfnmk\xff\xea\xcdG\xab\xbf\xfe\xe3#d\xad\xb5Hh6kchX,\xbc\xb0\xb9\xfd\xa7\xc7\x07\x1f\x8f\x1f\xd7\x895vpzo~\xde\xf9 6\xb5\xf9\xac\x13X:\x97\xd1\xa8k\xb1%B[\x93_\xdf\xbf\xda\xdb\xfb\xfd\xcd\xbdW\xefGB\xb3\t\xd9V\x18@9;\xee\x13\xb3\x99\xb9\xd0\xe2\xfe\xb3\xed\xd5\xd5_\xae\xae\xae\xae\\\xfd\x16\xd6\xcb\xaa\x18\xda\x04\xe7\x8fl\x8e\xbcx\xca\x89\xce\x8fo\xea\xe1\x82\xd9\x9fW\xdc\xa3\xa3\x94F\xa3\xfan\xc5\xd1\xd4\xa4#b\xb5\xb5HPk\xee\xf0_?\xec\xbd\xc3\x84?&lt;\x9c\x8b$T\xb6\x9e\xc0\xfc(\n|\xdfr61\x93Y\xdb\x9a\xfa\xf4\xee\xe6\xcd\xd5\xd5O\x87#W\xbf\xdd\x82Z\n\x13\xc1Z\xbf\xd5%\xa5\xcb"\x9b?\xe8\xae\x0b\xeb\xe8\xf3\x97J*\x95r\xab\xdb\xa6V\x1c\xba&amp;\xa7Zmt)\xf5\x82Y\xce\xcc\x8d\x14\x0f_\xc1r#EC$\x920_"X\xe3\xe3\xa3\x04K6\xc0\xe7s+\xdfm\xbe\xdb&gt;&lt;\\\x98Z\\\x9b\xcd\xa6\xcd\x8cIo\xa2\'\xee\xa8D\x91\xa5\xca\xe5\x93\xb1\xe6\xff\x7f.6w\xbf\xac\xbc\xcd\xe7\xbd\xde|\xdcsg\x05\xf9\xa1Imu9\x91#h\xb3\xed\x82&lt;\x11\xc6b,\xcb3\x89\xd9\x8c\xac\xb2\xa5\x03,\xb0._\x17\xb3\x89\xae\x0e\xb8&gt;\x92\xe9Z\x18\xf9\xba&gt;2\x17\x89dd\xb9G\xa5o3\x99\xe8\xde\x05\x05GQly\xb7z\xbb\x1e\xb5\x08\xd6\xe7\n6PQ\xd7\xca\xba\x12\x86W[\xd5N\x9d\xd3\xe5Q2\xc8\x92~?c\x96\x80\x95\xc9\x18\xe4\x9e\xf4\xb2\xe6\xf2\xe5\xdf\xc1[i|\x06K$\x910\xc8\xc1\xa0l0\x18d\xb3YuI\xdf\x06\xb5\x1c\xeb\x0c\xe5k\x08\xd6\x97J\xc5rj\x89\x1aGbJ\xdd \xb8.:\x9d\xc8\xf1\xbc\xcb\xe3Q\xea\x9c\x18O\x1b\x1e,g{\xd2\x81e\xca\x07,J\x0cd\xc1\x85\x98\x91m*I\xa5R]P\x99\x19\x85B\xa17A-:F\xaby\x8c\xe1\xee\xf3\xb1\xba\xbdU\xc9\xa3\xd2\x1a.\xf6\xd6\xf2C-\x9c.~zz8\xc7\xf3F\x8fRP\xc9\xb2L\xba\xdc\x04k|t\xa0 \xa5\xb3\x00K\xcc\xc8f\x05p\xb0\x0bt 5(\x98\x96\x16\xa8E\x17=)\xbeT\xde\xdd=\xa9\x0f\xeb\x9f\xa7_\xdeV\xbc^K\xffp\x98\x06\xd4\xc5\xa6A$\t\x9d\xd3\xe9\xe4s\xd3\x88\x9c\x8b\x13\xcc\x10\xa5\xb0\x1c\x10)\x8a\x02\xd6|A\nd\xb3Y9+\xdb\xccH\n\xc8\xa1\x80\x12P\xf7`\xef\xcc\x98\xe8\xb0\xdf]\xa2\xca;\xbb\xdfw\xd7\x95\xb7\x1eW\tVk\\m\r\xfb\x9b\xd4\x10\x8a\xd3h\x06H\x8d\xc1A1\xde\xe5\xe4\x04A\x90\n\xa2\xb8\xbc\xccR,{\xef\xfa\xf5\xf9@@J#dY\x92\x04\xb2F3fAh9\xc3j\xc1\x8a\xed\xe7\t\xd6\x97\x83:\xd3\xe9\xf7o\xdfV\xf2\xad\xec\xae\xde\x9ft\xb9\x90\xb7\x06\x9b4\x03\x03\x1aN\xc3R\x94\x93\xa2\xb0d\x0b\xa2\x08,\x91P\xcd\x93\xa6w \x1d\x00U\xc0\x96\xb6\x81\x8bDAP\x14P\x8f\xa1\x00"\x0b\xa3\xc4\xb9K\xe5\x9d\xfc\x93\xfa\xb0\xba_\xc2\\\xf9\x94\xb8#&amp;\xfd\x1eW\x13\n\x1e\xb5\xfa\xa2\xef"E\xb0\x00\x82\x10\xf1\x16\xe7EM\rkt\xf4\x9e\x18\x08\xa4\xb3\xe9\x80$A\xb6\x02\xc1\xd2\x0bb\xa1\xd0\xf2+\xc8e\x02V\xba\\\x82\xb7N\xc6\xea\\\xaa\xdf&lt;\x87Z\xf8!*\xe7\xf74\xc1Vj\xdfE\x9f\xfb\xb2\xcfW\x83\x12I\xd4\xfe\x80R\xc3\xde#\x89\x8b\x12a\xfat\xa0 H@\x03\x98H\xfe\x0f\xe5+\x04\xa3=\x04\x8b*\x95\xdf\x1e\xd4\xbb\x83\xe8&gt;\xf8\\\xa9\xb0\xbb\xbb\xfc4\xb00\x88j\x9f\xcf\xe7F\xf8J\xec\x99X\xe4\xb1\xec\x00\xc5Q\xec\xbd\xf1\xf3^o\xcaM\xe9\xe1\xfa@\xa1P\x00U@\x12X\x96ChP\x990\xca\xe4F\xef\xcen\xb9\xc4V\xeb\xec\x9f\x92\xcb+\xcf\xf3\x15q\xb7\x1c\x7f\x08s\x01L\x8d\x84\xea\x8e\xc7\xb1\x1e\x95@F\x01\x0b\xbai\x06\xa1\x1du\x0eu\xe2\xa9%\x85i\x00\x95\xf0"\xc3\x08\xb18 S\x1c\xb0\x94\x9e\xe4Flg\xa7\\\xe2\x8f\xbb\xeb\xc6\x1a;&gt;\xad`F\x97P\x8b\x1a\x8d\x80\xd2jS\xf1|\xbc\x06\xe6+Qg\xe1S\xb3l)~\xb7J\xaa\xc5\xbc\x93\x12$\xa1P c\x19\x10\x04P!\xb8\x82\xa07A\xac\r\x15\xc1\xba[\xf7M\x8d\xe6\xe6\xd7GU`\xed\x94\xb9\xf0F\xceh\xb4Z\xb5\xbcV\x1b\xcf#\xe2\x84\xab\x042\x1f\xe5\xf3\xb1\xeex\x9e\xf4#\xaa\xd5\x87&lt;\xb8\xe0rA\x94\xd2\x12\xd1\nI\x0e_\xe8kX~\xf9\xc7\x9d2\xff\xf1v\xfdX\xc8\x11\x96TI3\x9f\x96\xfdF\xa3\x16\x01\xbd\xb4\xf1(\x01K\xb9\xdd\xe0"^\xf3\xb9-\xd1\xe8\xd25\xe8\xb5\x14\xe7y\x9e\xd2s\x02+\x88\x18A\xe1\x0cK\x8fA\xe40\x86a9-\xb1\x0f\x0f\xea\xbfn\x83\x1f8\xaa.-ES\xe5\x99b\xd28L\xb8\xecZ{4\x1a\x8d\xc7\xa3\xd0\x8b\x98\xdf\x9d\xe2S\x96\xb8-\xc8[NA\xe5\xe48p\x11\x9b\x03\x8c;\xa3\xe2\xda\xf4({=I\x7fL\xe0\x9c\xfcI\x03N\x86k\xee\x82\x0e\xd7\xf2B\x0crA\xaa\xf8\xb0\x1dH\xfd&lt;\x1c\x96J\xc5\xcf\xd0\xa2\xf9\x9d\xfd\xbf\x86\xe2\xd1\xa5\xa8\xa7k\x7fQ\xe2\xb1\xcb d\x80\xf0\xa9\xc1\xa5\x03\x14\xea\xb8d8\xe6\xc9\xf1\x8d\x10\xabV\xfb&lt;y\xfe\x9b\xea5K\xaa\x08\xb9\x08\x97V;\x1c\x8f\x92\xc8Gk\x0e#qo\xe7\xdf[\x19\'\xef\xe4\x19yq\xffG\x96\xc2\xb2I\xac\xae\xc3\xbe\xb1\x86\xa5$X\x9ebx\xfa\xc1\xf4\xc9\x9b\xe6\xc6T\x8a\xdd/O\xee\x9e^\xc9\x17\x8bap\xd5\xbce\xb7\xdb\xfb\xfbIg-O2\x95\xdb\xcd\x89e\x89\x8c\x1d\xcb\xe9\x9cB:-\t\x98\x05\x98\x0f Rc!\xadQ!\xe8b\xf8\xc1\xd3\xeaQs\xa3\xb0\xc6\x0e\xaa\xa7W,\xfeb\x91v\x19\xad\x10\xccn\x1f\x02V\x7f_\xd4\xd2\x9aJ\xb5\x03\x8b\x12E\x8e\x7f\x88\xcd\x0e\x9f\xe39\xa9\x86\x05\xd3!\xb0\xb8\xbb\x9a@\xa4#T\x8e\x98\xff\xe1\x8b\x83\x06]/k\xae\x95e\xd5+^:Vt`\xbd6Z\tU___4j\xb1xKnr\xc5\x80*QN~\xba\xd6j\xcb\xd1fI\xd2\x8bl\xfbPJ\r\xa9\x88X?iE\x17c\xb9\xa7\xc7H\x0e\xaf\x1b\xd2\x84 \\o\x8e\xab\xa7\xd3\x18E\xdas\xe6.\x82\x858\xe7\x1d\xaf\xb5\xe0\x89\xb1]\xb9i\xec\xc1r\x1ba\xb3Yb5\x9a\xf6s\xd1\xb8\x1b\\m\x0c\x90L&amp;h\xe5\x88\xc5\xa6?&gt;nn\xe41\'\x8a\xeb\xa3\x83\xf7\x18E\xb8\x0b9\xd5:\xd4\xd7g\xb7\xf7\x9d\xab5\xba\xcf\xb7\xbby\xa7\xd2\xef\xdf\xc8\xe1\x9d\xf3\xc7&amp;\x82fnpP\xdd\xdego\'X-m\xa0b\x1c\x8e\xdeb\xec\xf0\xf8q#\xefJ\x9d5\rn\xbf(\x16\x1dt2I\xf4\xb2\x93 \r\xf8s\xde\xf3CZ\x97\x92\xee\xed,\x86\xc3X\x0866b\x1d\x86 \xc3\xe8u&gt;\xd2\x96\x87\xdd\x11(\x11\x1d\xbd\x9d\x13\xb1\xbf5l\x04\xff\x87\xab\xfb\xe3a\xd1Q\xe3:\xc3\xc2\xe8\ry\xbdCj\xabQ\xc9\xe0\xa1\xbd\xbd\x13\xc1N\xf3\x8d`\xb0\xc3`\x08\x06o(\xf4:\xab\xb5\xa9\x86ej\xc1\x96\xbesb\xfd\xf0\xc3\xcfq\xaf\xec\x9b\x0f\x87\xc5\xde^\x9a&amp;r\r\xd9\xc9\x89O\xfb\x90Vkt\x19=L\xa7\xad\xa3#\x18\x0c\xaa\xcc*\xb9\xab+\xd3\xd5\x85O7:\x15&amp;%\xa8t\xa8\x0f\x15\x8a\xce\x1b7&amp;&amp;\x0e\x8f~\x96\xcb\x81G\xef\x8b\xbd\xff\x95KK\x8eN\x86\x8ct\xd2\x9fL\xd2\xbd\x17\xe4\x0bAF\xe0\x87yc\xcec6te\x0c\x1d]##\xeb\x13\x8e\xff\xd0r\xb61MfY\x1c\xb7\xcfdc\xf24\xb4\xd9\'S6\x8cm\xb5\xad%i\xcb4iZ\xdb\x92 i\xbbb\x1e\xd2\xda\n\xdbfI\x99\x0f;\xbb\x11Zlx\x11\x12*)T4%4\xc3K@\xd7q#0&amp;6n0\xf8\x01_v\xa2+\xbb\xa0\xa24d%;3f]\x17G\x99MW%\x8a\x8e\xb3\x1a\xc3\xac\x99\xfd\x9f\xa7\xcc\xcc\xa7\xc9\xce\xce\xf0\x9c\xd0Rl\x13~\xfe\xcf\xb9\xe7\xdes\xef\xb9\x98i\xc3\\\xaa\xb3Z\xad\x91X,\xb62)\n\xd6\xe4\\#"\x17X]\x08zhe3y\xac\x8d\x8dn\xb7\xdb\xe3\xd6\x85e\xd5?\xdfT\xbb\x7f\xbfb\x13\n\x8a\xa4\xd3\xd0\xba/\x1d\x0cZY\xe96\x94\x16,\xb0b\xe0\xba\xb7]\x94\x0e\xcfw^5j&lt;\xe4\xc5.$/,\xbd\x980\x90\x92\x11M\x97_o9\xd4\xb1\x8c5\xcb\xd9C\x87\x96\x97\x97;\x1c\xac\xdb\xd8\x9a\n\x06#\x16\xaa,@\x05\xa9\x10\xf1O\xc4i&lt;\xdd~\xff\xb4G\xe3\xd1\xd4\xe1!C\xd9\xcfP.\x8a\xf4\xda#\x11\xc3\xf2\xe7d \x12^\xdc\xb8\x11M\xa5\xa2\xad\x06\xa3\x91c\x05\xac\xe4x\x0ch\x0f&gt;\x11\xa5O\x97\x82+\x8ez\x14\xb1\xe4134\xcc\xccn\xb71\x15\xed;\t\xa2\x9b7o\xdd\xbau3\xff\xbc\xfc\xf9\x8d\xbe\x93\xd1^g\xc4\xe8\xb4\x80\x8a\xb5F\x82\x10+\xb8rT\x1c\xaa\r\xe7W\xe2\x1e\xc4&lt;\xd4\x02\x16\xa6;\xe4#\x16\xb5&gt;\xea\xc2\xb3g?\xfd\xc6\xaa\xf74\xa0z\xc5\xb0\xb4&amp;\x9d\x9cV\x8bo\xe3\xc1Hl&lt;=\'V\xf7\xf0\xe4\\\x8c\xb0\xf0\xc0\xd8g\xd4fVg6\x93n6\xacHk\xaf\xc0j\xaf\xe0\xc5N\xda%7\xb3\x16\x8b\x95\x83\x13\xa5\\\xc4\x184\xc6\xc6\x83\x02\xd6\x061\xe4::7\x1e\xf7\x08\xdb\n\x1a\x99\x9ea\xa4\x16\x84\x8e\x1eXe\xcd\xcd\xcdeTv\xec?\xf8\xfb_\xda\x02\x01\x13#\xd3Jy\x0b\xe7\xe4P\xe5s\xc9H\x12\xd9BL\xacW1`yh\x8a\xc3\xe4k\xe68\x8bT\xef-e\x14&gt;\xe4\xfc\x80\x896\xe4\xb4z\xbf*\xa0\xb21z\xed6\x009\xc1\xc5\x82*i\x0c\xc2\xc4\x89-!C\xb8)\xb80\xf5"\xe8\xcd\x16.\xc9Y\xb4\xdeRo\xa9\xca\x87i\xd2\xaf\x96it2\xbfMEQG\'|&lt;\xe74:9.\x89\x01i4\x8a\x8b\xe5\x81\\2\xb3\x0cy\xdb\xcd%\xad\x98`\xa4p\xa6\xc2\xe7S\xd9\x14\xa5(.\xaa\xb1\x1aU\x94z\x19oa!\x82\xca\xe12\x18\x9dN\xa3\xdd\x18\x01V\xdaHI\xfe\xb6(XO5\xc9\x98\xd5\xa37#C\xf2\xc9$|da\xf5\x0cuj\xa8\x14\xde\xb5Rv\x13\x9d\xaf{1\xe5X\x1cF\x83\xdd`\xc0S\xd0\x00*\xbbqbR,\xb5\x9e\xd6!a[u,\xcbq\x18\xfd\xf0\x8e\x855\xab\x19\x85\xca\xb7\xb65!\x94\xb3\x8c\xa2TM\x1et\x1a\xec\xc0j\xc0\x82\xc2`L\xa7\x0c\x86\xb6\xf3"\xa5\xd3\xed\xf7\xbb\x90\x84"V\xd0pVD\x8e\xd1\x99d\xcda\xc6\xa6*V\xa0Z\xfc\xadP\xd2\x1e\xac\xdd\xa9`\xa0\x15\xde\x06\x96\xdd@p\xf6\xb4\x1d\xaa\x9d\x16\x0f\xeb4%GD:kI\x92Z\x06\xa3[g\x96\x99|(\xf0\xc1\x85\xba\x11T\xb5;\xfdj\x1dKb\x12\x10\xf4\xc2S\x8a\xbcY\xf7P4\xaca\xea\xd4\x0cF8\xdaA\x06\x95\xc1\x98\xb4z\xc2&amp;\x13V\xf2;\x15\x07\xf7\x83n\'\x02_\xa6\xd3YAl\xa4\x0f\x08h\xf6\x94\xc1ehh\xbc$\x16\xd6\xc3a)k\xc1pw:\x9c\xe4$\xa2\xb2\xba=H\xaf\xd5(\t\xfd\xc8\xf0@\xb2\xb8\xf1o1$\x04\x03\x06!\xb0\x12\t{\xaa7\xe1jpy\xee\x8b\x84\xb5\xf1a\x1bVOl\x04\x81\x8c\x85\x1f\x04\x89D\xb0\xd6\x825j4u\xb0\xda\xda\xba_kt\xf1\x18\xa6\x9a`:\x9d\xa2\x91h\xef\xed\xedM\xf5\xda\x07]\x06\x97[4\xac\xf3\x02\x16\xe4244\x90\x93 \x96\x15\xe2\xc4?\xa8kl\xac\xab\xc3W\x9d\xa6\xae1\x8ei9\x9d\x1e\x1bK\xc3{\xbd\xad\xad\xdd\xad\xa9\x84\xc1\x05s?\x15\rk\x02XR\x16a\xd5@\xa7&amp;TJ c\x8c\x8f\x8f\xc7\xe3\xf1\x0f\x1a\xe3\xf1\xc6\xd3\xa7\xeb\xe2\x98\xfe\xd2\xd4\x96\x91\xb6\xd3!K\xaa\xbb\xdbNT\x0e\x17+*\x16O\x8dk\x88\xae|4\x1b\xd3c\'\xd2\xe9\x13\'h\xd2\x0b\x9e\x18G\x918NLCM-cv@uww\xb7\xda\x814\x08.\xcb+\xd1\xb0.\x90ZR\x1d\xebl\xc0\xcc\x82\x116F\x97VZ\xfe0\xd4\xb2o\xdf\xbe\x96\x16\xe1\xdb\xd8\xbe\xa1\xa1\xa6\x03!p\xe5\xa9\x10\xee\x0e\x12\xcb\xc1=\x17\xeb\x16\x19a\t\xcbs\x0e\xbf\xc8a\xb0\xa7ZB\xc29: \x86\x0e\x84\xda\xdbCMCMM\xf9W\xed\xa1\x96hw/\xb8\x12.\xc1\x85\xc0\x9a\x13\x0fKK\x1b\xfff\x1d\xebp\xf0\xc7\x1c\x83\x89hh\x14\x00!\xe0\x1c\xa0[e\xa3\xedk\xd7}F\x7f\xb1#\x14\xed\xee\xe8\xe8\xeeH8\x1d.z\x10\x968\xb7\x86\x05,\xed\xb6mZ\xd4\xc9&lt;\xc7\xf3\xf5\xf5\xae\xc4\xc9P\xfbh(4:\xda&gt;\xba\xe3.L\xb8r$\x00.F;:\x12\x1d\t\x17R\x9c\x13T\x8eC\x0e\xee\xc2Q1\xee\x7fcY\x92\xc7\xd2\xcb\xf4f=\xcb\xf3%%\x10\xac\xb5\x8f0\x08\xe9\xcd7\xde\xb8\xbb\xe3\xee\x8eQ\xa2\x0b\x9d\xec\x80%\x12\xd0I0W\xbd\xab\x9eo{\xf1\x898\xb7\xdb\xce_\xa0\x86n\xbd\x1e\xcb\x063\xcf\xc3\x9f%{\x06{\xa3}Pk\x07a\xbd\x99\xd7kt\xb1\xaf\xb5\x83.r\x91V\x16\x8es88G}}=o\x1d\x7f\xf0\xe2\xe8zsm\xccc\x81\x0bZ1&amp;\x14\x18H\x15\xc8\x17\xae\x04\xc0N\xf6-\xdeX\x0c\x85\x16\x17\x17\xfb\xa8\xe7\x06!5\x08(\xc4\x13k\xb1\x02\x8c\x87X\xf5&lt;\xd7\xd7\xf4\xd9?\xd6\x9b\x8b\xf6l\x1eN\x08Xtj\xad\x96\xa1\xc2`\xb5zaX\n\xb7\xb2\x96\xa3Q|u\x0b*\xc1\x9c\x14S\x9c\x85\x13\xb0\xf6\xd4\xd7\x1f\xe6\xf9h\xe8\xef\x99\xdd\xeb\xe9\xc7\xb5\xcb\xe7\x97\xda\xbc\xdeB\xadV-\x03\x95\x9e\x05\x96\x8ev\xfa\xe0\xcf\x86D\xa2\x83\xc6\xdd\xe0\xa0\xcbI\xcb\x0b\x87\x80\xe5\xe009\xe1S&lt;W\x7f\xf8\xd8\xb1\x12\xbe{\xf1\x8b\x8c\xf2\xcf\xdb\xd7\x8bk\xad\x01hr\xd7\x8b6j\x9d.\xd4\xeb\x19\xbf_\x86\xd9Q*`\xc9\xa4X\xdd\xbb-{\x1c{x\x9d\x8egu,\xc5\x13\xa8"I\x0e39&gt;\x85\xe1\xc1\x1f;\\\xc2\xb7\xb6\xfc+sD2\xb9N\x7f\x90!\x0f\xb5\xf0\xec\xaa|v\xd8+4\xe6#\xb6L(\xaa\xa5Z\xda\xab\r\xfbM\xb0\xae0C\x87`a\xa0\x02\x0b\x8bSg\x12k\x1e\x9d\x0e9NJc\xa3\xe4\xf0a&gt;z\xe2\xe3#J\xe5\xd5\x87w\xd6\x03L\xf0\xdf\xe3\xcb\xbf\x9b9"\x995\x95\x92yQr\xa1\xf0"\xa5\xd4j5c\x1a\x1e\x0e\xc0T&amp;\xbf?\x1c6\x9b\xb1$\xb3P\x9f\x81\xd5m\xd6h\xccf-+\xdd\x96\xbf\x8f\xc1E\xbfz\x02\xac\xeb\xf3\xa7\x16\xde\xf9\xb1\\\xf9?\xfe\xb0\xd0?s\xe6\x9c\x04j\x95R\x07\x7fi\x1e\x8b1u\xa1\xe6\x0f3\x90\x8b\xb0\x02\xcd\x81\x80_\xadF\x9d\x8f\n\x04P:\x8dF\xa6\x01\xb9\x94:\xff\xa9\x97\xdf\x11\xfd"CXK\xb9\x97\xffy\xfc\xe3"L\x90\xea\xce\xb3\x99\xe9\xa9\x91\xcb\x12\xf9\x8ba@)\x8a\x8b\x15\n\x9b\xcd\xa4"\x14\x13\x93oS\n\xe4\xad\xb6\xbaZOja8\xe8h\x7f.LM\x8ez\xb5\xd0\x9f.u\x8c\xdd\xcbc-}ye\xfe\xd9\xe3\xed?P\xb1\xb5\x08\xb8\xb3\xd0?\xffr\xa9g\xe4#\x89\xfc\xc8J\x1e\xab\x98:\x9a!O\xb3\xcaF\\\xd4\xd5\x85\x1fH\xacB\xbd\xf6\x18\r\x05)k\x06\xaa\xc9o\xca\xf7\x03x\xa9\xe5\xd8\xf9\xd5,\xa8\x94\xfd\xb9\x9e\xdc\xea\xea\xea\xd4\xb3\x1f\x14b_7\xe0-\x9c\xcbNu\x16\xbc\xf7\x1e\xb0$\xf2{j\x85B\xb8\xfdQ\xac\xa2\xfd\x90\xe6\xe6\xb2\x80\x8d\xf1nR3\xfe@Y\x99J\xa5`\xfca\x99\x19\xc5\x10\xc2\x0eT\xaa\x00\r\x06:\xf6\x01X\xa1\xde\xfaY\x06T\xcal\xcfO^\xbf\xce\xad~\xfar\xe6\x1b\xb0\xdb\xff7T\xffLv\xe6\x9f\x03\xb9\xdc\xde\x81\xcbJ\xc9\xe6\xd9a\xa2\xf2\x15\xfb|\xbe\xb2\x8a\xca\xca\x9a\x9aJj&gt;\xdf\x84|\xa1(V\xa9|6\x12OFN%\xf5\x9a\x03e\x01\xe1\x04\xd2\xa6`J\x19\xb5\xfe\xc1,Qe\xe6\x81\x95\xeb\xe9\xe9\xcc\xfe\xfb\xdb\xd8\xff~\x8a\xdd\xce\xa7\xcf;\x0b\x97\xb3\xd9\xe9\x8b#\x03/\x9fgs\x05\xe7\xaeJv+Wlt\x93\xc6G\'+DUS\xd9\\\x86\xdfJ\x07\xebd\x84\xc50&amp;\x95\xe0\xe0J\x12\x93\x8c\xb8\xa0X\xd7=\xa5D.Q~\xd8Y\xd5\xf3\xf2\xf9|\xae\xe7\xcc\xcc\xf4\x97\xf3\xe7\x16\xee|\xdf\xe5\xce\xb71\x05\xa8kg\nrS\x1f*\xaf\xe7\xde?uU"\xdf5\xdb\xa6\xf2\xbd\xed{\xbb\xa2\xe2\xad\x8a\x8a\xf2\xf2rpU\x80\xcbf#\xaew\xdfU(\x84\x13G\xc1\xbf\xc4\x8c7+\x9a\x05.\x9b-\xbc\x92\x91o\x06\xd6\xf5\xbfT\xf5\xcc(3\xcfWI\xb0\xac\x00\x96w\xe4\xc6\xff\xa9\x13%\xaa\x85\xfe\xe9l\xf6\xe2\x08\xfd\xd72\x92\xcct\xee\xfdkW\xe5\xf2\x9f\xca\xe7ly\xad\x00VSN`\xc4\xa5\xf2\xa9T\xc5\xe4E\x1f\xdcV\x06\xaa\xca\x9a-0\xb8\x18?\x94\x95\x91\'M\x13\xb3\xa0\x92K\x8e\x9c\xea\xa9\xda\xbbt\xeaxf6\xbb\xdaS\xd09\x95\x9d\x9a\xfa\x1al\xe3\x86\x8d\xdf\x05\xb5\xe6\xbe\xc7\x1f\x9d\xcaf\xaf\xfdu\xa4`\xa0s\xfa\xb8\xf2R\xff\xa3\xdc\xeb\xaaG\x97~#\xdf\xfd\xab\'\x13\xbe\xfc\xf1\xd8[\x95\xe5E[\x8b\xca\xcb++H\x93\xbcU\n\xd6L\xde\xddRT\x04\xac\n\xbc%\xb810\xf1\xb1d\xf3f\xa8\x05\x1fV\xbd\xde;\xd0\t\xb0\xe3\xd9\xa5\x9e\x823\x17\xb3S\xf3\xd7\x9e=\xfe\xee\xe0_SJ\x08\xa9\xa9\xa9Gg\xfe4\xb04?}&lt;\x93\xb9|q\xa4`\xef\xeb\xaa\xce\xbf\xed\xde\xbd\xebg\xf2{\x81\xb25*`m\xddZT\x93g)\x17\xa4+\xdfR\x93\xb7-@.*\x17\xde#\xae\xc0\xc4\x1f\xff[\xa8\xf9\xbc\xb6\x8d\xa7a\xdc\x02\xcbk\x83\x8c\xec\x93l0\xd8\x0b\xf9+\xec\xdd\xde\xe7`\xd6\xba\x85a\x0e\x06\xc1\\2\x94\x1eZ\xd8\x8b\xf6\xe8K\x91\x0e\xc5`d\x19\x16\x96 \xc2\x12\xf7b\x82\x90\xe3_\xc1\x89I\xf1\x9a\xc5\xce\xc1\xcb\xf6\x10\xb2\xa6\x9d\riK\x99\xb29\x94\x0e\xec\xf3\xbe_YI\xca\x0c\xf3\xda\x91\xed(\x91&gt;z\x9e\xe7}\xbf\nm\x81\xa8\xd4B/\xad\xcb?\xeb\xad\x96\xedL\\\x7f\xf6\xca\xb4\xd3]g8\'\xb0\xef~\x11,\xd4\xe9\xbbw\x1f{\'\xc3`\xd9\xb1\x17\xe6\xc9\xec\x7f\xcd\xfe\xe0\xb4\xdbn\xb5\x1a?+\x8bU\xad\x96\xcd\xd6\xf7?\xfcA\x08C\x1c\xe0\xdayD\xe2\xec&gt;\xda)\x97A\x92/\xb1{\xbbL\xcc\x8c\xdfP\xf6\x0f/\x89\nXkS\xd1\x1b\x9f\xe7W\xe9V\xda^z+\xdf\x9d\xdc.\xec\xce2\x80b_\xb6\xe9\xff\xd7\xd71\xff\xe3\xbf\xff\xfbqr2t6#\xdb\x1c\xfe\xe4\x17\xa6k\xeb\xb4\x03\xa8\x85\xf3\xea\xb3\x9c\xee\x19\xd5j\xb5\x9e=~\xc1n\x11U\x9e\xb1\x1eq\xc8\x9eeP\x04Fd\xf9\x9d\x0c\xefyD\\\xbb\xa0\x92\xb2\xd9,\xb8$/\xad\xeb\x9f\xfd\xe6l\xd8M\xb7Z\xe9\xee\xe9\xc0\xf7g\xc3\xab\xf4h\x13\xcc?;Q[\xfe\xeeA\xef\xbd\xfb\x88\x98#Qvwn\xf9\x85\xd7\xeb\x01\xde\xb7\x005\xb7\xf6\x8bh\xc5\xa0_\xadj\xf5d\xf3\xc3\x9f\xe8_\xaa\xbf\xd9%,\x80\xe5\xc9-\xe6\xfa[&amp;\x9fg\xb0r\x88\xf8\x88M}rx,iY\xe6r\xbb\xba\xfe\xe6\'\tf\xba\'&amp;\xc0Z\x9d\xeb\x9e\x8f\x90\xb1\x97\xf3[\xf2r\xbbXF\xbd\xf7\xd1;\x19^o:\x0b\xb8\xde\x9c\xae{\xc1\xa63B\x06`\xe5\xbe\xaa\xaa\xfem\xab\xeb\xd6\xb5:\xea\xf8\xfb\'a\x9aH\xadg\xc4\x91\xa7\x0fe!\x16P3\x99\x83L\x86m,\xed\x96vA\x95\xcd2\x97t\x9an\xe9s\x9e\xf5R\xd3\x9d\x986\xc0\xec\rI6\x80d\x9d\xcd|8\x0fx\x15\x8fn\xa7\x00\x158\x9bN\xd7y5\xf3\xd7+bj\xb7\xdb\x90\r\x88\x12\xd7\xab\xb4m\x11T=Y\xf8\xf4=5\x9b\xc0z\xc6\xa20N&amp;S&amp;\x96\x9d|\x86\xb0\xe8\x1d\xe5\xec\xf0\x8e\xaa8X\xe8\xfa\xd5\xacP\xa0\xa5\x11[\x7f2\'/G\x9d\xa57pg\'\xe6\xc2\xde\x04\xc3\xdb\x00!\x8b\xa0z\xc1\xb2\xdb]\x9eX\xfe\xda\x05\xd3\xa8\xdd\x1e-\xcc`2\xdb\xc7`\x165[\xb4Ok\x8cU9{\xfc\xed\x93\xddR\x18-\x8e\x10c\xed\x90w\x08\xfe\xceN&amp;\x13\xba\xc8T\x05\x8d+\x9b\xed_\xa7\xf57\x1305\x9b\x02\xac\xe0\xcfN\x9c\x05\x9d\xac{\xdd\x1b\xcc\xaca\x17\xba\xdc\x02\x8c\xff\xb7\xca?\xbfx\xd7\x9b\xeerh\xb9\xee\n\xef\xf0c\xd8{b\xb9M\xb5f\x10Q\x01\x0fu\xdfi-\xfb\x95$q\xd5\xdf\xfe\xf9/O8Z\xac\t[\x97/1\x19!\x11\x15\x7f\xed\x94K\xc8\x95\x1aR\x15\xd5\x9e\r\xb1\xac5\x0e(\xf4\x9a\xc2K"3\xa9\xadF0\xd3E+\xa0/\x9d\xdb\x18\xfe\x9c\xf9\xb2\xect\xcdSk\xb5\xea!\xe2#\x90\x13\xd2&gt;\xa6_M%\xad\nx\xaaj\x7f`\xb6:\xab\x9b\xe4\x18\\c\xe9??\x90^y!\x8b\x00\xe3\xc1P\xca\x97\xcb\xe5\x90\n\xca\x95\x9e~\xbaP\xb5,KU,\xf6\x97\xba\xbc\xb7\xd70=\x1f\x91\xe7\x02\x1f\x0e]\xf0\x07\xd0\xac\xddj\x93\x99\xb3\x89\xb3\xb0\xbb\xb1w\x80\xda\x04\xd6j\xd0c\x85\xdf\xf6\x96\x00\x00\x04\x85IDAT\x990\x18,\xb7/\x19\x86j \xe7\x92\xb0\x10\xe3\xa6g6\xf6\xe4v\xaf\x92d\xae\xa4\xf4\xf6\x87o\x9f\xbe,!E\x07\x07lW8\xae\xb0!\xac\x83\x90\xea\xc5\xa7\xb3bV\x0b\xbbP\xb5\x1a\xa0z\xfe\xfcy\xe3\xca[\xabDD\xb2\xf1\x8b\xd4\x84f\xd4\xf5\xa3\xce\xb57\xc3\xc4\x88\x9d^\x07\x9e\xd5;\x05\xd3\x08\xcey3\x7fj\xd4\x8a5\x83\x88\x80\xa5R5]\xcfl\xe4\xe4\\.\xedU*l#q\xfd\xf5\xf7\xe0*\x83\xe0 \xc2\xe2\x02\xd6\x01\xb3fJ\x87\xe7\xef\x8b\xa1R\xa8\xa9\x93\xdbc,\x80\x99\x13\x7fJ\xc7\x17T\x04&amp;M\xa1\x19\xdcl\xc3L\xcb\x8ay\x9ew\r\xeb\xd0\r\xc3\x89;\xadU\x91&amp;U\xad\xc1\xbe\x021\xd5\x8c\xa9o\x05W\x8d\xbd\x1cU\x83\xd4Jr\xbc\x92\xc5\xe3\x1f\x1f?-\x89\t%\xc2\x1dR\xe5\xcb\x07\x07\xccU:\xbc\xdc\xcfFTjq\xf5fK\xc5`\x9e;e.\xe9\xae\xa6\xae\x15\x80\x0c\x92\xc5X\xa6\r\xa4\xf3\x8dj\xbd^%,\x89\xb1h+\xadq\x05\rF"\xb0\x86U\xa9\'\x19,\x99\xacT\xce&gt;=~Q\x8a\xb0x\xb6Gb\x01\xab\xf4\xe1"\x1c\x0cb\xd9\xf1\x9d\xbd\xdc\x96\x8a\xf0\xe4\xab\xe1j\xbams!\x18&lt;\xc24\x0b\xba\xa3v\x8c\x03\xeeO\xb5\xca\x18D \xa9\x81\xcb\xa8U\xeb\xf8\xd4\x07\x93-\xc7\xe3\x11\x96\xee\x8dI(\x96\x0c\\\xcd\xb7?\x12\xd7\x0e\x8f\x05\xe6\xc2\xb6,\xc4*\x1f]\xee\x17\xb3Y\x91*HU\xf4\x1d\xa4 \x12\x0b`p\xf4M0\xe8\xb3\x02\xa2^\xbf~\r\x87\xa4\xfd\xd5$\x88!\xe0\xb4\xd4Q\xe1\'p\x8fP\xad\x8e\xc7\xd5\xe9z\xe0\xcd\xbb\xb6\x9eH\xc5\xefa\xc9\x0b7\xa9i\x8c\x84g\xa5R&lt;\xfb\xf4w\xa1\x17\x0fxnC\x91\xac\xa3\xf3\xf7R\xb6\xb8\xa5B\xad\x1dY\x96s\xa4\xd2^X\xb9\\&lt;\'\xbfq,\xach\x82\xcc0\xc2D\xabR?F8\xf8\x86Qc\xb0j}\\\xebcP8W\r]O$\x14%\x11\xdfr\xa1\xe2\xb2\xd3\xd74v\x90+\x99,\\\x1e\xbe\xcc\x8b\xb6C1\x16\xa8\xfeq~\x86\x1b\x86\xadV\x90\nZ\xe9\xb2\x1c\xdf\xdb\xbbc\nKF\xc8V}\x83L2\x0cU\x94aH1\x12\xc90^\xab\xc0\xaaC&amp;\xdc\xc7\x98\x8b\x86,\xa7Rr\x82*\x85\x8a\xb8R)\xfdt*\xe4\xda\x92e\xdf\x9f\x1f\x96\xca\xf7\xb1\xcaG\xe7g\xcd\x90)\x94Ju\x89J\x8e\xae.\'\xde\xd2\x16\x17\xad/04\xd7\xd4m\xdc\xfb\x803T\xc6"\xb0Z}\\\x9f\xba\x9e\x830\xa5\x04\x0em\xb6\\L\x86\x1d)\xbbg\x846\n\xbd*\xc9\xc2\xc5\xf9\x11\xac+\x87ut~\x11B\x15#\xaa\x81\xa9+rXq\xde\xc4\x05\x14Q\xd1\xe5\xcb\x8d.\xc8\x0c\xe1\x1b\xd4b,\x0e\xd6\xd8\xc0Z\x08\x9d`\x9c\xc2,\\\xa1^\x04\x86/\xa2\\XU\xe6\n\xc9\xb0\xd5\x9a\x17\x97\xe7G\xd4\x83G/\x0f\tJ\x0b\x1b\x90\x1e\xf0R\xb5p7\xc3j\t\xa6\x10\x8b\x99P\t\x9c\x0e\'\xd5q\xab\xb22\xc6!\x19\xb0\xb0\x98\x8c\xd1t\x14\'ET\xc8\x92\x88lL\x08\xb0\x14\xfd\xfe\xa2WM\xde\xc3"C5i\xff\xec\xf8\xfc\xe8\xe9\xd3\x0f\x17M\x1e\xea4\xab4\xe6\xcaj\xd3\xdeBP\xdd\xe9\xc58!\x15\x1d5%N\xab/\x02\xab_\xabS\xaab\xe8\xbb\xf1\x14K\x8b\x1cO(J\x84\x95\x88\xa8B\xc2H&gt;E\x81\x8f\xc9\xa8\xc0%\x16b\xb5\xf0\xfe\xf2\x98\xc7\'&gt;h\xa1\x89x\xb3\x0e\xb0&gt;+\xac\x15=\xd9\xc5\xf8\xc3\xe2\xa3\x8a\x137\xae\x86\x98\x19\xd5Zl\\\x19\xaf\x03d\x9c\xbe\xf9\x80j\x8b\xb5\xe5\xe2\xeb"\xcd\x15\xfbt\xad\xdd\x81\x11\x07\xbf@\xa0\x90Q\xdc\xc6\x00\xb1\xba\xf6\xc8\xc0\xfbZ\t\x0f\xef1\t\x13\x12\xd4\xf6\n\xec\xd2\x1bf\xaf_\x8d\x8d\xc7h\x13|N\xf1\x8e\xc4}\xacm\xe2\x85VL\x85\x07\x0e\xa1\x9bV_\x13H\xf7\xe8\x1e\x80\x12\xab\xd6\xb7\x96\rE@\xc5\x7f\r+\x1e]?\x9f\x996i\xc7\x8d\x8d]Soq\xcc\xa3\x9d\xca},\xf1\x0c\xb9\xf80\xf4#6\xc6`\x9d\x82\xa5\xddQ\x89\xe1\xaf\xf1\x83\x16\x83\xa9\xe5\xd8\xb8\xfc;\x96_\xc6\x8a\xdf?qJ\x88f\xc6@\xa5(\xe0JE\xfb\xb6\x9d\x98H&lt;\xb01,\x08&amp;\x8b\xc6\xf1\xd6\xd5\xca=\xa8m\xfe\xc3\x9a\x0e\x00\xf5U\xd4\xb7\xd1\xfaJ\xae\x84\xa2lO\xcd1k)\xad\xd8\xd0N\xb7G\xa3v:,\xdc\xc0G\xef\x7f\xa3\xf0w^\xff\xe6\x86i\xea\xe3\x1b\xaaJE\xbc\xdc\xdc\x8cW\xc1\xc2\xb6\x7f\xfdw\x1b\x0f^\xe8\xbcx\n\n"\x18\xfd\x1f\xed\x14\xbf7\xff\x84\x1f\x19\x00\x00\x00\x00IEND\xaeB`\x82'</t>
        </is>
      </c>
      <c r="M383" s="3" t="n">
        <v>45492.67870370371</v>
      </c>
    </row>
    <row r="384">
      <c r="A384" t="n">
        <v>995293</v>
      </c>
      <c r="B384" t="n">
        <v>34425</v>
      </c>
      <c r="C384" t="inlineStr">
        <is>
          <t>Diego Costa</t>
        </is>
      </c>
      <c r="D384" t="inlineStr">
        <is>
          <t>D. Costa</t>
        </is>
      </c>
      <c r="E384" t="inlineStr">
        <is>
          <t>ZAG</t>
        </is>
      </c>
      <c r="F384" t="inlineStr">
        <is>
          <t>ZAG</t>
        </is>
      </c>
      <c r="G384" t="inlineStr">
        <is>
          <t>ZAG/LD</t>
        </is>
      </c>
      <c r="H384" t="n">
        <v>184</v>
      </c>
      <c r="I384" t="n">
        <v>4</v>
      </c>
      <c r="J384" s="2" t="n">
        <v>36361</v>
      </c>
      <c r="K384" t="inlineStr">
        <is>
          <t>Right</t>
        </is>
      </c>
      <c r="L38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c6a7b33-27c9-4745-b80d-94c42286b5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2v$\x00\x00\x03\x00PLTE\xff\xff\xff\xf3\xf4\xfa\xf9\xfa\xfe \x1d"\xf6\xf6\xfc\xf8\xf9\xfd\xf0\xf1\xfa\xfe\xfe\xfe\xfb\xfc\xfd\xfd\xfd\xfe\xfe\xff\xff# %\x1c\x19 1(*\xec\xee\xf9\x18\x16\x1dQ51*"$8,.\xe0\xe2\xf2($+\x87ri:((\xe4\xe7\xf52$$\xff\xfe\xffY:3&lt;23)\x1a\x1c1,4P;9}K&lt;lC8"\x19\x1d\xa6\x81q\x14\x12\x199! \x83iaA-,L1-VA?\xf9\xf8\xfai[X\xe8\xeb\xf7F43\xe3\x9a}z_W`TR\xac\x8c~\x8c{v\xc0\x90|\xc8qO\x91tiZMK\xf6\xf3\xf4\xea\xb0\x99\xf0\xb0\x93\x8fl_\xe2\xae\x93\xc0\x97\x86\xec\xab\x8c\xb6\x85s\x9bZE\xe3\xa3\x83\xc9\x95\x7f\xa9ye\xe1\x94w1\x1d\x1d\xbcdD\xc2{^A%"kcaRFE\xc8|_M("\xb6\x97\x8c\xd0|X\xdf\xa9\x8f\x81WLa&lt;2\xda\xdd\xee\x85M&lt;\xe9\xa7\x88\xeb\xd8\xd3\xcb\x84jdPJ\xdb\x96w\xa1wgJDF\xb4\x8f\x80`A:\xbb\x82k{hc\x9e\x80s\xd0\xd3\xe6\x92XF\xaeX&lt;\x98pb\xee\xee\xf2\xdc\x9e\x7f\xba\x8cx\xbbuXRMO\x96~t\xe2\xa6\x8a\xc1oOlNHyVM\xa7iQ\x98wk\xe8\xa0\x85\xac\x92\x89\xf2\xb6\x9b\xccwU\xb3tY\xd1\xa4\x8fsb]\xa2_K\xcc\x81c\xd6\x8cn\xb0\x80l\xd2\x9d\x86\xb0jP\x88[N\xd8\xa8\x8f\x9agV\xea\xac\x92\xe2\xb2\x9b@DU\xda\xac\x98\xb9{aF;&lt;X-\'\xc6\xa0\x90\xa5\x88|\xabpZ|pk\x85aV\xec\xb7\xa1\xad\x85t\x8deY\x92\x82~\xd5\xd9\xeb\xa5XE\xd4\x97|\xd0\x89k\xc1jH\xd5\x84dsPG\xde\xca\xc5\x9d\x86}\xa3P7\x95H2aGB\xa2r^\xc3\xc1\xc8\xb7mT\xda\xa1\x87\xe5\xc7\xbcx&lt;+\xeb\xe8\xectG:\xf1\xe1\xde=6;\xc4\x83f\xc3\x8bq\xc3uV\x91aR\x8aSB\xd8\x8agpWP\xbd\x9e\x92k5\'\xea\xc0\xad\xcd\x91w\xc9\xce\xe3\xd2\x81^\xd2\xa8\x97~wv\x9f\x8f\x8a\xca\x9b\x88\xc1\xc6\xdd\xd8\xc2\xbc\xdd\x90o\xfd:GHM]\x85@-\xe4\xb8\xa6\xaccK\x87\x81\x84\xc7\xa7\x99?&gt;G\xf1\xc8\xba`X[\x93\x94\xa7\xd6\x8dy\x9aaK\xf4\xbc\xabrki\x9bO@\xdb\xb3\xa1VTb\xb2\xa1\x9c\x92\x8f\x9a`1&amp;\xb3dH\xce\xcb\xd5\xb6\xbc\xd5\xa0\x9f\xae\xb4\xb0\xb9\xe0\xdc\xe0\xd7\xd5\xdb\xf6\xe7\xe5\x93\x8a\x89\xb5]?\x87\x85\x96\xfbMZ\xb5vh\xdd\x97\x85\xa0\x98\x99\xe9\xd0\xc6\xbf\xaf\xab\xe4\xe1\xe7\xb5ZW\xf7(6\x90P&gt;\xca\xb7\xb2\xb1\xb5\xcb\xcd\x8ar64B\xe3\xd2\xcf\xde\xbb\xad\xce\xae\xa4\xc2da\xe9\x9e\x99\xaf\xa9\xadplv\xef\x9b\x85\xf7\xda\xd6c`m\xa5\xa8\xbe\xf6amyx\x86\xdaxy\xe1\x87\x80\xbc\xb8\xbe\xf7\x91\x96\xf7\xd1\xc9\xcc\xbe\xbb\xc8mo\xef\x8f\x7f\xd3ji\xdb#0\xf6y\x81\xdaOY\xebL[D\xf5\xcd\xd3\x00\x00 \x00IDATx\xda\xcc\x98mLSY\x1a\xc7M\xee\x07do\x1bh\xd3%\x1d\xdb\xd2V;\x08\x86B\xa4#D\\\x90\x97\x96\xb1\xb5`\n\xa5"u\x02\x03\x82\x14\n\xa6`[\x01\x85\x11\xea22\x1ah\x0b\xcb[\x11\x08\xb5P\xa5\x04\x1d\x03YDa\x07F\xe4\xcd\x0c\x101\x805\xa1\x01t\xe2d\xd9\x98\x98\xe5\xe3&gt;\xe7\x82\x93\xdd\xef{q\x0e\xb777\xe1\xcb/\xff\xe7\x7f\xfe\xcfs\xce\xbe}\xff\xbf\xe5\xb5\xef\x0f\xb6\xbe\x08\xcf\xcaZ|\xb1\xd8\xb6\xd8\x99\x95\x15\xe4\xfd\x87\xc0\xfb\xc2+\xa8\xf3\xcd\xcc\xd6T\xdaF\xf7h\xda\xd4oOf&gt;.\x86\x7fv\xb0\xfd\xe1o\xdaf\xa6r9\x14\x9fC\xc4\xf2\xa1\xe0\x9c\xdc\'m\xe1\xfb?\'\x94Wg\xdb\xcc\x16\x07\xdbE:\xe4\xb3\xf3\xe1\x83\xa5=Y\xed\xfcl`^A\x0b[\xa3\x18F9\xf4\xbf\xcb\x07$ct\xbfl\x0b\xfa&lt;\xa5\x0cZx5\x85\xfbP0\x0c@\xd0s\x08\x15\xd2\xc7\xc7\x87xS\x18\xb93m\x9d\x9f\x01,k~\x8b\x03\xc2\xe08\x05\xc7\x01\x03=\x88\x8c\x82\x16\xb0Qpj\xda\xc3=\xaf\xa4\xf7\xc2o\x0c\n\x05\xf3\xc10\x8c\xc1\xc0q\x0c\x07\x16\x0c\x83\x0f\x0c\xe3\xf3\xd1?\x10X\xf7\xc3\xf9\xf0\xbd\xdd\x80\x8b[\x00\x03(8FePq\x06\x8d\x86c\x0c\x8cF\xa5\xd3\x994XT\x06\x05\xe0\xf88\x8d\xf3\xa4s\x0f\xa9\xc2\xdb\xa600\x15\xd4\x10c\xb3h4?&amp;\x9dF\x03\x1e\x0e\x9d\xcab\xd1\xe1\x8f\xc5\xa2R\xa94\x1c\xe7\xe3\xd4\x87Y{KEx\x88\xcf\x0e8\x1c\xe0\xef\xeb{\xe0p\x00 \x05\xfb\xfb\xfb\xb7\x04\x1e\xf6\x0fL\x0f\xf4\x0f\x0e\xa0\x02+\rc\xcd\xecU\x1d\xf7\xff\xf2\x1dN\xf8\x9a\x1f\x9f ;s\x86\xc7\xe5*\x14\xbc\xfc\xf4\x03\xf7\x1a\xf2\xf3o\x96\'5t5t)\xae\xf5p\xf3}\x83\xe9T\x1c\xe3\xec\x91^\xde\xefG\xc1\xd3\x14\x8c\xc6\x14\xc8f\xfb:\x86\x87\x9b\x9b23G\xf4=\xad5\xad\xad\xcbU\xf6\x1c\xc9\xdc\xc8\x1c\xac\xba\x8c\xde\x82\xf4`(%\xf5e\xd0^\x84\xe8\xe2\x14\x86\xd2\x00c\xfa\x11T\x00\xb5\xb4$\x16k\x1c\x8e\x1c\x89\xd40 \x97\x8bD\x16\xb1x)33sR\x9f\xd1\xe0\xcf\xa2\xd2\xba\xe7\xf7 \xbf\xb2&gt;\xe0(\x970?\xbf\x04S_\x1fP5e\x8a\xc5\x16\x91H\'\x92\x0f\x0c\x00\x15\xc2\xda\xe5j\x9a\xeci\x08\x0c\xa6\xe2i\x8b\xa4s\x05\xcd0 7)P\xc1\x04$V3\x88%\xb6 *\x9d|\xc0\n\x0b\xc0t"$\xd8\x12\xc2\x9a\xccHj\x81\xad\xfa\x8c\xec2z\xb5\x8d"\xadhLf\x82L6\x8bJ\xd8\xb4\x04Z\xe9t\xba\x01\xabshhHe4Z\xcdVD\xf6\x89\xab&lt;5\x98F\xffH\xb2\\\x9dS\xb0\x05A\xabx\x10\xcb\xb4\xeb,\xb1F$\x92[\x87T\xaa8X\xe3F\xa7\xd3hTJ\xa5\x1a\xc4UW7\x19]\xeeO\xa7\xa6-\x92\x9b\r\xa8\x84\x14*3~\x17\x8b\xa0\xb2\xe8\xe4\xf2\x01g\x9c0n(\xaeH(\x14\xae\xc4\xa9T\xe3f\xb9\xc3\xb2\xb4\x04X\xd1\x93k\\\xe0\xfa\x9a\xd4\xf4Z\x1cE\r\x87\xc6\x8e\x17\x08d\xa6\xd9&gt;De\x01\xa5\xacV\xa0J\x16\n\x93\x8b\xf2\x8a\x8a**"\xf3VTF\xab\x0e\xf9\xabN?\xd9\xbc\xd6PM\xa5\x93\xb9\x1b\xf7\xbfB%\xc4i\xa0\x15\x12\x0b\x95P\xac\xd1\r8\x8d*\xa10\xaf\xa2\xa8(\x02\xad\xca\x88\xda\xda\x88\xc4\x95q\xb3H#\x9e#\xb8\xcaSY\xd4P\x12\x9bc\xdb\x06\x9a\x13\x08\xb1\xd0&gt;\xfc\x1dkH\x15\x97WQ\x1b\x11\xf1\xe9y\x1c\x91\xd8\x0eXH\xaf\x11(\xe3\xb5\x82@:\xf5=\x89b1 H16\xfb\xbf\x0c/\xd6\xc8\x07\x8cC*\x10\xab\xb6\x02\x91U \xc1"#\x13\xdbW\x8c\x03:\x91X&lt;7\xa2\xd7_\xbb\x99\x1fL\xfd\x07i!\xd1\xf9\x1d\x9a\xa3\x10VB\xc2\xa7\x84G\xe90\x00\xdb0N\x98\x97\\QQt2\x1b\x08U\xd9++\xe3\xe3f\x83\x0e\xd9~D\xab\x8d-\x0c9F\xaf^ \xc9]\x7fZ\xd8@31\x9f\xc02\x11X\xcd\x99D\x98B\xbe;\xc1^B\x95\n\xe5\x96\x15\xa2\xcbh6+\xa5\x1a\x8dE&lt;WV\x1c\x1b{\xfa\xab\xcb\xd5\xf4\xf7d\x99\xbe\x8d\x81Q\x08,\xb0\xd6.\x16tiH\x08\r(ft\x1a\xadN\xb3\\*5\x18\x0cR%\xfc\x0cR\x87Xc\x99\xb3-G\x9d\xbb\xff\xd7/\x8f\xd1\x1f\x925:\xcc\xa3n\x08s\';\x81\x88\x07\x02\xab\x89H.\xcbNC\x84\x0e\x04\xbd\x11"^\xa7qh\xa4\x12\x8dCd\xd1\xe4T]8w\xff\xd2\xa5\xf3\xd5\xa1$\x99\xcbk\x1e\x8d\xc9\xbfcu\xec`e\x82V\xc8^\xa8M\xc3\x03\x11\xe6D\x8d\x11\x804\xc0f\x11\xe7T\x85\x9dx\xea~z44\x8d\xa4\x88\xf0\x9e\x81\x1a\xc2\xac\xccGa\nb\x11\x1d1sN\xa3\xd1\x01\n4Dx9\x89\x06\x14\x07\x9f\xb0\r\x91\xb3\xc4b[U\xd8\x8dw\x1e\xf7\xa5\xefO-\x90\x84\xf5\x01\xdb\x11\x8b)\xf8T\xc4\xba9\x9b\x03\xdc\x84\xe24\x8exN&amp;\'\xff\xa5(\xb9\xa8H8\xe4\xd4\x11c\x04X\x1e\xb0\x06=\xd3\xb7\x8f\xb5\x91\xe4y4i!\xac\xdd\xdc"\xa8r\xec\xca\xfe\xfa\xf6\xbc&lt;H,\x14Y\xb5\xb5?\xff\xec\xaau\xd5F\xb6g\x1b\r:\x88\xf9:}q\xcc[\xcf\xb6\xc7}\xfb\x08I\xfd\xc7\x0b\xb0(\x18\xc2bC\xf3\x99\xedRDO\xc0\x9c|\xe5\x8a:\xa6$1\xd2\xe5\x1a\x1b\x1b#^cc\xaf\xef&lt;\xbf\xf1\xfczI\xcc\xba\xc1\xa1\x99\xab\xab\xb918\xd8\xe8q\xbf\xfc\x9a\xa4\x84\xf0\x9e\xc1\xb1]\xac\xf8x\x99,==?\xbf!$\xbf\xa5\xa5\xa00*\xac\xb4\xd25\xf6o\x82\xe9\xf1\xf3\x07\xf7O\xff\xed\xf6\x9f\x0b/\x16\x9e=[Sf+\xaby:\xd88\xe8\xf1\xfc\xf8l\x95$\xb5~\x82C3*"\x1f\xf2T\x10\x10\xec\x1f@\xaf\xa6\xb3\xbaY\xa7\xf2\xbf&lt;x\xa1?\xb1\x16\n8\xe6z\xfc\xe0\xf47\x85\xe7CCsO\x85\x1e9\x1fr\xf3\x966\xa7\x18a\x81\xb9\xbe\'\tk\xdfO\x0c\xca\x0e\x16&amp;\x10\xf8\xf9\x05\xdf\x0bIM=U\xdd\xdd]]\xddRx6\xaa4\xb1"\xc25\xe6\xba~\xe2\xe0W\xa9\xfe\x81\xa9\xa1G.\x87\\\xbe|$?\xa9F}c\xb0\xb1\xb1qp\xfa\xe8*I\xb9\xf5\x0b\x03\xa9\xc5\xe6\xf3i\x02\xe6\x81\x82[\xb1j\xf5\xdd\xa8\xd8$8\xab\xb64\x1co\xbd[\x9f\x1d\xe1r\xb9\xae\x86\xfd\xf0\xcd\xc5\x90\x90\x83?\\()yt\xe2\xe0\x97\xe9I\xcb\x80\xb5\xe9\x19t\xdf~I\x92\xb7\xe6\xd1m\x08`\xe1L\xc1\x81\xf2\xd8\xe2\x1c\x87\xd4\\_\xdfo\x8fm\xbd\xd6\xd3\xd3Zl7\x9e\x8c\xacu]\x7ft",,\xecn\x7f{{{b{v\xfb\xd5\x13\xdf\xdez7\xd8\x98\xd28\xe8^}BR\x11\x11\x16\x85\xcd\xe63\x98\x87\x1bZ\xb5#e\x12sv^e\xe5\xf5\xfa\xbb\xea\x9a\x89\t\xadM\xaa\x1c\x17VTB4\xd4\xaf\x8f\xb7\'FVFFf\xabT\xed1\x07\xefo\x02\x96\xc7\xfd\x9e$,\xa2\x88\x18\x88\xc5\x10\xf0\xb4\xfa\x8c\xe8b\x89}\xbd?\xe6\xeez\xfd\xba\xbd&amp;\xa3W19\xe70[\x87N\xe6e\xd7\xf7\x8f+\xed\xeb\xa5W\xaf\xe6\x9dT\x19U\xed\x17\xce\xa54n\x82Z\xd3\xa4\xedD\x06q}\xc5`\xfa\xf6F\xaf\xadEODk\xd5\x0fJJc\xd46\x9b\x9e\x0b\'\xd9L\x8dT\'W\x81V\xca\xe22\x9b\xcd\x1e\xd6\xdf\xbfn\x86\t\xb1\xfeQ\xe3f\xcaf\xa3gz\xd5\x9b\x9c\xabnP\x0b\xc7\xf8\x18\x83\xc9\x9b\xc8P(\xfa:\x14\x8a\xa4\x90\x82ka%\xa5\xea\xc9\x0e\x93\xa9\xa3I,\x15\x89\xcc\xfd\xfd\xa5J\xdb\x88\x82\xd7p\xf3\xe2\x95*\x89\xc4\x08\x9coS67!\xb9V\xf7\x93VDH.\x9c\x96\xc0\x9dPpe&amp;\x19\xdb\xc7\xe7\xc3\xc6\xcb\xa3\x19\xea\xfe\xba&gt;\x99\x0c\xb0\x0c:\x11\xda\x05\x12\xfd\xadg|J.?\x80;Rl\x18Re\x97\xa4@@l\xbb\xa7I\xba\xb2\xfc\xc8\xc1q\x9c\x81\xd3\x0es{\x15g\x04\xf1-S|&gt;\xc6\xda\xfe\xe7\xbb\xba\xe6\xe6&gt;\x99i\xb8I,\x92\x8b\x1c\x06\xab\xf2\xd7\xf5\xb7\xd3t|\x94\x9d\x1b2\xabW\x0ee#\xacM\xc0"K\xad\x17\x80\xc5a\xd0\x04g\xb8\xbd\\\x93\x80w\xfcG\x16\x9b\xf6\xf0NL\xcd\xe4p\xc7\xaclv\x07K#1\xd8\x96\x7f\x8d\x19\xacf2\xa9\xd3\x8f\xb8\xbc\x1cUvv\xfdk\x88\xf9F\xf7{r\xbc\xe5\xfdf\x03\xb0\xa8\xcc\x04\x1eW\xd1g2\xf5)2z\xba\xca\xcfF\x85-G\xf7\xf2fM\x9f\xb0r\xa4JIX\xd4\xf2\xb7\x05\xf7\x8e\xc7\xd8&amp;\x87G\xcc\x10\x12\xae\xd7\x8d\xdb\xdb\xee\x8fd]N\xfe\x1dgp\xe8~\xb2.nGGoo\xc7\xf0\xda\xda\x9a^[\xa3\x8d\xce\xe8\xe2\x99f\x01\x0bN\xfd"\x98H\xed99\xea\xa8\xe5\xd8\xd3Q5ee\x12\x03:E&gt;N\xd9\xf4\xb8\xdd/\xc8\xbaD\xdabp\xba\xe9\x01\x07\xba\xba\xb8\xbdZ\xadV\xaf-+\xab\xa9\xd1\xea\xf5\xbd\\\x1el\xc4f\x10K\xae\xd3H4:\x89\xc4\xa1V/\xab\xedv\xe5\xba\xd1\x0c\\\xce\xeb))\x9ei7I\xd3\xa9\x97\xd7+\xce\x06\'\xc0\xf7\x0c\xb7\xab\xabW_\x96SU\\U\\62\xa2\x8f^C\xf1Pg\x81\xd9\xd9*w\xd8\x1c\xf2\x01\xbb]\x02\xd3a\x7f\xfd\xb8\xd1l\x95\x0e\x18\xacW\xef\xa4l\xbb\xddd\xdc\x8ex-|\xec\xf4\xfa\xd7\xc6\x06=\xc07\xbd\x8b\xd7\xf5\x1f^\xcd\xff\'\xed\xfc\x8e\xe3&amp;.\xf1:K\x82\xa4!\x8a\x80\xd8:\xc1\x0b4\xce\xac\x05\xe1#\x88\x0c"X$|\xa9V\xbc\x843\x94\x0bU\xca(\x06\x15\xe4K\xd0^I\xa9\x17t\xd5\xe4\xf4\x90\x1eh\xd5^\xab\x89\x99\xa9\xc9\xc19= \xda\xde\xb5I{.\x0b\xce\xd5\xb8xUYi\x93I\xe6\xd5\xfe\xb2\xd7\xc7\xdb\x9f\x80\xbc\x8d\xfc\x82\x89\x8f&lt;\x9f\xaf\xf7\xeb\xf5|\xc1G\x0eX:\xbf\xdf\x0fl&gt;\xdf\xf6\x8f\x92\xa0\xef\x9a\xf8n7\xa4\xf8\xbbSS\x97\x1e&lt;\x18\x9a\xdbQ\r5\r6\x81Xb\x98\x9c\xf6@h\xe4\xe9/\'\xd0\xe4\xf3\xfe\xad\xbeI\xfd\xee\xa7\x9f\x7f\xc6\x00\x96\x9a\x12\xdc\x8e\xd8\xfcB\xa1P\xa5\xd2E&gt;\xf5\xdd\x13\xdd\\\xf5wu/\x1a!\xc33\xba\xa7.-\xd6-6I\xc7\xadQ\xc0\xea\x1e\x12\xc3_\x01V\xe8\x9f\xcf\x8bN\xbd\xca\xb4`\x17\xbf\xc1R%\x82b\xb8\x88\xe5T,AV\xc2\x8d\xd8t\xe2.\xd5\x90\xf8\xd9\xa7\xbe/%"yD7\xc4P\xb0L,D\xc1\xe8\xbe\x04|\x0c\xbd+\xec\x92\xea\xf5\xd1\xee.\x98\x8f\xee\xcdP\xe8\xe9\xeb\xafk"U\xa1\xccb\xbd\x1a\xbe)\x92\x94\x95\x96\x920x:\x95@\x91\xfbl\xd7\xa6\xba\xc0\xa1??\x8b\xac&gt;\x12=2\xd8t]&lt;\xd3\xe1\xdb\xb8\x89\xc52\xaa\x1e\x18\x11\x85\xc2\xe9]\x9euIy\xd1\xa1.\x95uW\x19Z\xbf\x95\xf0\xdf\xd8\xd8qe\xd6\xc9\xaf\xa1\x7f\x96\x95\t\x88\xd0\xb6\xca\xa9\x84\xa0&amp;\x82~\xda-\x86\xf5\xf4\x99\xef[\xc9#K\xab\xc7`kb\xc6\xe3&amp;\x84\x85\x98\x8cw\x8dN\'\xca\xe5\xf52\x9d\xda\xc5\xeeAw\x00\xb0\xaa\xc0\xdb\x8d\x83\x0f\xeb\x995\xb1\xf7f\x99\xa0LP@\xc2`\xf0T\x02x\x88b\xdd\x98\xba\xe6\x7f\xc6\xfdQ\xc25{\xa6\x83\xdbB\xad\x13(\xb4H&lt;\xaehBLN\'\x0b\xb63\xaf\xd3\xc8h\x92\xcen\xae\x87\xd6\xed\x0c\x84\x91&gt;Jg\xd6\xc5\x8a\x01\x14\xab\xac\x90\x84\xc3\xe0\xa8PZ6\xa1\xb0\x0b\xd4\x82\x85K.zt\xbf\xb5\x84x\xee\\I\x9fV?\xa7\x16\xc9\x0c\x0c\x93\xde\xc82\x99\x00+\x1eg"&lt;\x1e{\xf9\xedz(\xb4\x06e\x97&gt;:\xca,\xd6\xa9?\x00\x16\x11\xc5\xc2\xfd\x8a\xa5\xd3\x01\x16p\xd9\xe4e\x8f\xc6]\xb5\xd8s\x02I\xec~m2!\x10\xcd\xf8\xeaxF\x84\x05\xf5\xef\x8d{M\x88\x82\xe7\xda|\x1b\n\x85\\\nc*\x9d:\xca\xec],\xfa=`\t\n\x0bH$\x12\x9eJ9\xbe\x88B\xb1X8%\xf6s%\x92.\xaf&gt;1cqpw6R)\x87\xa5{\xc3Y\x97\x82\xea\x02\xc1@2\'`\x05@-\xa5T\x91J\xc1\xfb\x99\xc5\xca\xfb\xe2\xff%\x8f\x9b\xc0c)%\x1a\x8bY\xa7\x83\xbe%\xee\x9a4\xcb%\xf7\xa6nt\r\xa9&amp;\x85\x1b\xfa$\xdcD\x84\xc5\x00,\x04A@/\xb4c\xf0\xd8\xb3\xc7X\xbc\xa3T2\x99a\xac\xa2\xbfH\xcaDeD"\x89T\x8c\'PJ\xb6-\xc7\xddT\'\x16w\t\xcd\x06\xf9\xb7\xab\xbe\x88\xa3g\x87\xed^\xd8\xd88Z|\x10\xad\xab3\x1aQ,\x14\x92\xc7s\x01\x96\xf25\x9b\xc5J%\xff\x9ba\xac\x9c_$"\x91\x00\xb00\x13\x80%\xd7\xc4\xa0S\xe9\xcc~P\xcc\xaf\xf3\xdb`X\xcb(\x03\xfc\x85\xe6\x81\xeaD4\x9a\xae\xab\xabc0\x8c\n\x05\xd4\x17\x82\x96&lt;\x8a5\xe2e\xc5\x11\xef\x113\xc3\x13\xe874\xc0\x12\x080\x98b\x1c\x988\xc3\xb5\x18\xcc6\xb3\xdf&amp;\x84\xc1\x18\xf1\xc9\t\xd4Bj\xfb\xf5\x1eJ;\xad\xdd\x91\xe8^D?\xe3b\x80``(`1\x97\x95\xeb\xca\x00Zh\xf1\xa3\xc3\xa2\x0c\x0f\xc5\xefD\xe5\x02\xa2\x00C\xfa\x15K\xc35\x18 =\xd8\xfc6\x9b\xcd\xb2-\x13\x11\x89\xfd\xdf\\?\xab\xa6\xd3\xe9\x84^\x8fjq\xb1\x8e\x01\\\n\x16\x02\xed^\xefZ\x0e\x85\x94\xb3\xa6\xf8\xe1!3\x99\xe9\xa1X\xf4\x82\n\xff\x9bXH"\xe1\xe0&amp;\xca5\\\x8b\xc5`\xe1\xda"\xf0"\x0f\x8a\x04\xa5\x05\x97o7\xb7\xa8\t\xc5\xc5\xb8Q\x8aF\xd5}\xec#\x03\xa0\x14&lt;\x9e\xf7\x10*&gt;\xcc\x82\xd1\x94\\\xcex\x86xY\x0e\x15_*\x00\xb5\xcae%\xf2\x99m\xae\x85\xcb\x85\xdf\x99\x92\x99 \xb5\xbcL@\x9dI$\x12\\M#\x16O\xc7R\x0c}\x93Q\x94\x0b\x85\xe2)\xbc\x87\xa1\xd0\xeb\xd9\xf8r*\x95\xcc|\xe4\xaa\xb8\x82\xc7\x0bJKq\x13\x98rY\xb0D.\x07(\x8dF\x0e\xa5N\xc1J$\x14n\xe4\xfd\xc1A4\xe9\xde\xa8\xe9 \xab\tcc\xb1\xbe\xc9&amp;-C\xc13\xf2x\xfa0\xe4\x87\x91\xc1\xbb\xe0k \xf3\x91+\xefox\\ai)f\x02\x836.9\xd8\xa8\x99\t\x12hd5\r\xba\xab\xef\xd9\xd6\xd6\x1f\xf7\x01,\x1dMX\x1c\xed\xbd\xd5\x8d\xd3\xfc\xc9A-\x8f\x01T\xec\xb0R\xa9|\x1c5\xb2f]\xeb\x19\xa7\xca)\xfa\xa9\x7fB@,-\x00,\x98&gt;%\xf2\xed\x199\x85\\N\xa6\xa9)1\x9fo\xcb\xbf\x05/\xfb\xfb\xefU*\xd5{q\xa2z``xxl\x0e\xb0\xb4&lt;\xbdk\x16\xb0\xdc\x8b\xc6\xd9\xc0\xeeI|2_\xf4\xa2\x1e\x0fw\xf1\x18+\x88\xdaH\xa1\x16\xd3\xd5\x03\x8d\x9aU\x9f\xcfgY]]\xf5\xedo\xedo\x01\xdb\x94xp\xa1\xa7C=\\c\xd5\x02\x15\xdb\x15\xd8\x84f\xca`\xcc\xee\x86rN\xe2T\xbc)\x87\x014\x81\x83dC\xa1\xc0\x9a\x81-\xc4\xb7\xf3{\xc6f\xe0\x02\xac\x02\r\x9c\xf7p\xb6\xe0\x08\xad\x9dg\xd5\xa3m\xe3\xe3Z\xde8;\x1cP*G\xa0\xaf\xce*Oh\xab\xfe\x8aF\xa5\x8e\xbe+\xc6ce2\xa8thV\xd8i~"F\x91\xdd\xfb\x12\xa8&gt;\xc098H\x1f|\xd8\xdfZ]\x8dX\xe7\x1b\xd5\xb7\x17 5K](\xd6n\xdc\xc4\\&gt;\xa9o\xee\xf2^|\xf2\xc5\xab\xaf\xfe\nj\x01\x96\x8cZ\x86\x1f\xe6\xb7z\xa6)\xf7\xb6A\xac\x83t\xfa \x9d\x84\x93&gt;x\xbfe\xb1\xb4Z\xafv\xdc^p\xb1\xa5R\xf7.`YYq\xaf\xb2\xe8\x84\xb0\x8ar&gt;\xca\xcby\xfe\xd91\x96\x8c@-\'\xb4\xd5\xdc7o\xa3s[(V\rEw\xd2\x1b\xc6\xa43\x89~\x97\x18\xdd\x18\xef\xbc\xee\xe0\x84]v\xb6k6\xb0\xf9\xfa\xe5nx\xf3d\x9f\x85x\xfe\x04v\x1f\xa0B\xf7\x1fGO\xab\x99\xab\x89\xc5&lt;}\xfc\x9e\x9e\xe6\x9e\x9a\xfb\xb5Z=[\xaf5\x1ayN\xb6\xbd\xaa\x9a\x13\x0eK\xd9.P\xebuE\xde\xa9\x9c\x93=/\xdf\x14\xa3+\x19\x01\xab\xee\x1d\xe3\xb7\xf6\xc1\xd2\x1f3\x18\xa6{\x07\xdaG\x87;\x06zz\xac\xecq\xadB\x01\xe1T:^;\xbf\x1bf\xdb\xc3(\xd6IC\xc1\x0e\xf4\xa6\x1f\xc5\x92a\t\x8dc\x9e\xbe\xbe&gt;\x18\xd6\x06\xb3\xa6\x84\x82%\x8fb\x1b\x1dW\xef\x8f\xc3 D\x10\x93\x89\xcdt\xb9\xd7\\R;\xa8\xb5\x19:q\xaa\x9c\x8b\xef&gt;\xa3\x03\x96\x9a@\x08N\x8f\x99\xcd}f]\x9fPg\x8e\x05\xd5\xe4\x8e\xd1\xe6N\x97\x97\xc9B\x03\xaa\x89\xc9\x94J\xc3kn\xc0\n\x076_\x9e&lt;\xd6GOV\xe8\xd4c\xb5\x82\x8d\x0e\x8f\x19\xf4\xea\x13N\xaa\xcc\xbd\xbd\x1d\xfc\xe1ZX\x15a\x83E\x83\xa9S\n\xad\x01n\xa2\xdd\x1d\xce\x8aZy\xefV\xea\xb1X\x02\x94\xbc\xbaD\x83bA\xa8\x9fTM\xb6z\xda\xf8\xcd\xe3N&amp;\x9a\xf6\xa0\xb2\x9cz\xa9\x94\x1dv\xdb\xedv\xf7\xda\xe3\xc0z\x16\xb0\xfeCZ\x01\x17Q\xae\xe04*\x17\x18\t\xf9\xd9\x10\xbbj\xbd:\xb8\xc1\x83\xaaB\x10\'\x0ba3\xd9\xae5\xb7\xdb&gt;?\xbf\xb6\x1b\xb8\x98\r\xac\xfc\'\xf5X\xa8z,\x81\xd2\xe80x\xccf\x8f!\xc6\xdd\xd6xj[\xab\xac\xd6h\x93\x02\x81E_\x81\x80Z \x94\xbbs~~/+X9\x7f\xcf\xc7\xbc#\xd3\xb1p\xc0Eh\x0e\x9e\xd8\x0c\x04\x1d\x07\xbf\xaav\xa1s\xbevG\xa5\xd5\xeb\xd18\xc3f\x83X\xd6\xce\xce\xf9\x7feG\xad\x1f\xf2s\xaf\xac\x90\xb1\xa8`jX\x81b1\xb9\x0c\xd5\xad\xe7jM\xd5\x9d\x96\x05~\xa2u\xae\t2\xa9^\n\xfeu.,p\xf6\xf6\xd6\x1eg\xe1\x99\xc5\xdf\xfe\xe3Ln\xfe\xca\x052\x8aE@\x97\r\xb9\x8cJko\x9c\x1e\xabikky8\xdf&lt;=67\xa7\xd5j\xa5\xd2\xce\xf9%\x0e\x87\xd3\xb0\xb7\xb47R\x91\r\xb5\xce\xe4\xe6\x9eY\xb9@#\x83b\x10p\xe42:\x9dLV\x0f\x0f\xdci\xab\xae\xae\xac\xbc~\xbb\xa3upPk\xb7w~\xce\xe1\xb4\xb44&lt;]z\xb87\x92\x85\'\xae\xf3\xbe/\xc8\xcd\xcd\xc7]\xb8@\x0305AM\xa1\xe2p8:\xb9\xa3\xe3l[\xfb\xf0\xef\xce\x9f\xbf&lt;\xdcf\xb5Z;\x17&gt;\xe74\xb4\xb4T&gt;\\ji\xd8\x1b9\x95\x1d\xb5N\x97\x16b\xc8\xb4z\x14\x8cL./\xc0\x14\x16\xf7\x83\x8f\xe7G/\xd3\xe0\xe7r\xf5\x9d*T\xaa\x86\xca\xca[\x7fZj\xb8\xd5\xb0\xb6\x99\r\xac\xef\xcf\x10KO\x17\xe4\xe3\x80k\x94F\xa3\xf5\xa3OUc\x8a\xfb\xe9\xed4r}}\x7f\xff\x95\x8f?\xa9\xe6&lt;\xe4\xb4T\xde:{\xab\xf2\xe9R\xe5YNv\xb0~8S@&lt;\r&gt;\x16\x93\x01jt\xb4\xfe\x7f\xbc\x9c\x7fh\x1ai\x1a\xc7\xcfD\x1d\xad\xd1&amp;\xea\x18\x131\x1b\xe6\x18\xf3\xcb\xd3\x19q\xee0\x92\xae\xb2\xb0\x11d%\x1c\x115\x89\x06\xad\xc4EW\x84\x8bp\x06#\xbdV\xb4\x8a\x1aZ\x90\x01S\xb6\xec\x92\x84\x14\xe5"\x89\xb1\xd0?6!\xa1H\xdaBM\xbb\x94\xfc\xb1K\xff8w\xef\x0eZ\xd8\x10\xd8\xff\xef\x99\xe4\xf6\xd8.,w\xbb\x97\xe4\x1d\xfc\x810\xc3\xc7\xef\xf3}\x9f\xf7yg\xe6\x1d\x85R\xd9\xae\xec\x12&amp;K\xcc\xfd\xdfB\xa1\xc2\x12\xc5#\x11\x82vciW\xa42\x1f\xc0L\x07\x7f\xbf\x0c\xac\xa3.\xf9\x07\x1d\x1d\xed\x02\xa1\x1a\xb8\xa6\xa6\x06\x93J\xa5T\x08nS\x08\x05R\xa9T(Lj\xd1t\xda\x1d\xc6r\x04Q[\\@\x1dwn^\x8a\xe5\x8f\x84r\x19\xe3z\x86\xab\xaf\xaf\xb7W-\x90*\x99\xcb\x8cRA{\x87T)U&amp;)\\\x1fv`9?\x11H\x7fj\nc\xa6\xd4\xa5`\x9d\x08e\x1f\xca\x18\xac.\xb1\x1a\x06\xc7Nu\x97\x00\x80\x98\x85\x0f\x82\xabW!\x8e\x96r~\xd9\x1c\x1b\x1b\xf3\x07H\xddF\x0e\xcb\xe5v.\x05\xeb\xadP\xa6\x92\xc9O\xe5R\xa9\xd5\x03\x03\xaa.\xe6\xa2,\xb3\n\x03B+\x15&amp;\x83\xde\xe5X,\x96\xf3\xe7\x02d \xe0\x0e\xeb\xb1\x9d\xfb\x97qg\xfaw2\xc0\x921\x12\td\xc0\xa5R\xc9\x05\xa71lg\xde\xc4b\xca&lt;\x06J\xc1\xcbM\xa3\x81\x86~\x06\xc76\xbf\xbe\x04,\xde\x9eL&amp;\x132+A\x04\x02\xb9L\xa5\x02\xe5\xba\x04B\xe6j\xb1\x94\xc9\x13%\x83i\xe1\x8eN7\xe6\xc7\xd2d&amp;\x80:\x1c\xcbk7/~\xa8F\xf8/\xe7\x8429\xb0\xc8\xcf\xb8d\xf0M.\x14\x8a\xa5]b\x05\x932\xbc\xb9E\x98\\\xe8\xfcc\xae\x00\x04\xd1\xe10\xdf\xda\xb8p,\xe4\xf7o\xf6V\x98\x93\x10\x03\x8cH\xf2vA\x97\\\x0e\x9f\x1f\xc8\xc5BUo\x7f\xa9\x9c\xd5k\\7\x16\x16\x17L\xa0\x96\x9fp\xeb\x16\xaeo0X_\x7f\xc6\xe6\xf5\\ \x16\xeb\xf0\x91T\xa9\x80y\xe2@\'\xd8\x0b\x82\x07X\x00&amp;\xfb\x10~\x82\nzl\xdb\x98\xba1\xbah\xd2\x99r\x98_\xe72~\xfc\xfe\xef\xbe\x99\\\xbd\x03X|\x0e\xfb\xe2R*\xbfu\xfcH*\x15\x03\x03\xe4\x05\x95X&amp;\xec:UK\xa6\x1a\x80\x12\xc7\xb6&lt;\xb6p\xf3\xc6_\x0fF?\xd5\xe5L\x98\xc3\xbf`\xdc\x1e\xfd\xe3\xf5;\x7f^\xd51j\xb1\xd9\xdc\x0b\xd3\xebu\xab\xf9\x04\xf283M\xecT\x0f\xa8\xc4*\xa1\x0c6\x95X\xd17\xf5^Q\xa3\'\x8c\x07\xff\x80Y\xc56\xe1\xf2\x87\xdd\xfe\xed\x88u\xfe\xe3\xf7\xafO\xe7\xc3\x9b\xf7_v\x8bX\x17\xb6\x1e\x83\xdf\xaaV\x9f0\xd9\nb\xa8P\xf7\xaa\xd5`r\x06K\x01\xf5C&lt;\xa4\xd1\xd3\x91\x9d\x7fn\x8e\xce\xd3\x01\x1d\xa6w\xeb\x8c)\xa8"La\xafAo\xbd\xff\xa5G2\xf1}\x1brQb--}\xd7.P\xaa\x06T\x9djEo_\x9fZ\xa1\x16\x8aA\xab\x95d\xb2\x98\x8d\xa2t\xadR\xd9\x19\x8d\x90\xfa5\xb7;g\x9c\x9fO\xa5\x08r\xc6k\xc0k\x0f\xef5\xab\xadC\xd6\x05a5\xeb\x12\xc9\tT\x0e*qg\xff\x94z\xaa\x1f\xaa\xadA\x85\xb8O9\x98\\qZ\x0c\xd1F\xa1\xf6\xb4\xb29\xbf\xb5\x85\xe5\xdcn\xe3\xfc\xe2f*\x15!Q&lt;:S{\xf8b\xff\xf8\xd93.r!\\\xbeC\xcfH\xf7QG\xfb\n\x14\xa3\x9d}P\xc6C\xb5UZQL%W\xfa\x92\xce\xb9\xe1p\xa3\xf0*R\xb9\x99\xda\xca\xe8\x98\x9afats3\x15q\xe3Q\xcd\x8c\xeb\xe1\x8b\x93\x93\xb7G&gt;\xe4"L\x8f&lt;oM\x88D\xfbW\xdbw\xc5\nu\xdf\xd4T\xf1A\x10*\xd1\xe4JiP9\xe8t\xce\xcd\xa1\xfa\x06\xf9*\xb2\x18\x01,\xa8\xff\xac\xf3\xa3\x9b\xf3\xc6m\x1d:\xa3\xf1\x9a\xfe\xf6\xf4\xe4\xc9\x93/|\x08\xd2s\x01`\xc7u\t\x97\xd5\xfam\xc7.X\xaa\x13\xfa\xdel\xd1n\xb7;wK\xc5\x95A\x0b`\xed\xa1\x99-\x926\x12[\x19S\x9apU\xe6\xe7w6\x17\x17\xb6\xd1\x99|\xcc\xff\xb4\xf0\xe8/\xbb[&gt;\xe47\xe7\xafW\xcf\x97\xc7\x1e\t\x97\xe3\xb9\xda\xeed\xac&gt;X\x9a\xb5\x15\xcbe\xc0\xb2\xd8V\x9c\xd4\x1c`\x8d\xa3$Y\xb0\x82Z&amp;\xc2e\xad\xa4*\xd6\xd1\xc5\x8f\\n\xdck\xc6j\x99\xbe\x0e\xc1[\xb0&lt;r\xde\\\xfc{\xfb\xf5%\t\x97\xc7\xfdV0\x07V\xef\x7fp\xed\xb1-\x94\x0fi\xe7\x9c\xcex\x92\xc1\x9aq\x13.W\x84&amp;k\x85\x86\x8e \xac\x15k\xa5\xf2\x87\xd1\xed\x9c^\xaf\x99A\x03\xd1\x92\xa2\xe3\x0b\xa6\'\xf6\x9ck\x18\x11\xee\xf1\xd1\xb1g\x02\xb0\xf8o\xa5\xdaR\xff\xe7\x0ff\xaf\xcd\x86\x82\xf9\x10\x05je\x93\xbb\x94\xd6\x00\xd5\xa8\xd1\x98\xda\xac\x14^5\xd2\x04MX\xad\xd6\xca\xe8G\x0b\xb9p~\xda\xeb\xc0\xcb\x83\xbd\xd2g\xa7\x0b\x9a\xcfS/\xfe\xcb\xfd\xfd\xc3\xfa\xd2D7`\x1dJ\xf7\x82\x0c\xd5\xb5\xc7\xa1PBCQ\x94=\xbe\xb2\xeb\xf4b\x18\xf8&lt;bMm\xa6j[\x19\x9a\xaeE\xac\xafh\xe3\xb6_\x87\xe1f|&amp;Z\x0eNI\xdf\xb4\x9da\xf1\xcf\xaf\x0f\xee\xef\x1f\xd7\xab\x80%\xe2!\xcf\xa5\xc3\xc1\xcf\xdf\x9b\x05\xae\xf8z"\xebud\x13q\xcb\x8a=\xef\xc0\xdc\x01\xbaf\x8d@\xf4\n\xe3\xe0\xb1H\xe4U\xa1\xe62\x99\xc6P\x83&amp;\xaa)\xda\x92\xc2{&lt;\x06\xeb\xcayq!`\xab\xfd\xe3f\xd5\xb3$\xe9\x16\xb5!\xaco\xf7\xb4\xc5\xf7\x1e\xcc\xce\xc6\xe3\x9f\xdc^6\x1b\xca\x89\x90\xc5RfN\xd7\xa4*\x91Z\xed\xab\x1aM\x90\x19\xb2@G"\x91-B\xb7\xb1\xe65h4\x9aPH\xad~}\xf6\xe4\x83+\xe7\x13\xc6!\xcf\xf1\xfe\xf1q\xab^\xad2X\x1c\x84\x7f\xb2\xa7\xb5\x07m6[h\xfdv\xc2\xbb\x9c\xcf.SN{&lt;\xe1\xc8\xb9R7\x0f\x0e*\xd6\x1a\x1d\xa0\xd3\x81B\xad\x16)\x90i\xcc?\xed]\xf6f\xb3\xb6bg\xc3\xf7C\x92?\x07\xae\xa1\x89\xe6~\xab\xd9l5\x01\xcb#\xe9\x1e\x01\xac\xef\x87\x87\xa9R0h\x0f&gt;\xfe$\xe1\xcd\xe2f\xaf\xc5\x19\x0cjp\x94\xa4\xad;;\x07;;\xa9\x00\n\xd9\xb4\x06q$2X\xccl\xbee6d\xe3\xfd\xaa\xaf\x86~\xc0\xbar\xe5\xffK\xab\x08@\xd5\x9bG\x1eO\xbdy\x86%\x19a#\x88O\x93\xd7P\x16\x8b%\x94x\x9c0h\xb2\xe6\xe8\x1ce\xb7S\xda\xf1\xf1\x06\tF\xaf\xa4i\xbf\x9e$\nVk\xdaEg\xb0\xb1\xd8\xea\xe4\xb47\x1f\x0f\x8a\xc1Z\xff\x19\x12\x11\x84\xcd\xff\xb5`\x08\xdb\xd3jz\xaa\xcd#\xc9\x84\xa7Zg\xb0&amp;$#,&gt;\xc2/d\xf3\x1a\xc0\xb21\x96\xd7\x98q\xad\xc5NY(\xbbv\xb8\xd1\xd8"\xc9@\x1a\xc5\\h\x80&amp;]F\x1aEck\xd3\xab\x93\xab\xcb\xf9\xf5\x92\xf3\xf5\x8f\x1e\xaa\x81 \x1c.\xeb\xd79\xdfWo\x81\xa1\x96\xaa\xcd\xd6\x88db\t\xa0&lt;\x80\x05\x19\x02A\xee\xd9\xf2\xebe*\x18\x02\xae\xd0\xb2CKQA\xca\x92M\x18\x1catf\x06\xcd\x10\x81\x00A\x90\xf4\x16mt\xb9Qlm\xf5\x0ckp\x8b\xf5N\xfd\xc0\x17qE\xbf\x18\x0c\xe1M\xd4\x19;AJX\xf2U}\xdd\x92%\x8fg\xe9\x14\x0b\xba"24^\xd6d\xed\xe5\x90\xcd\x16\xcf\xde2h\xe7\xecA\x8b\xdd\x9b\xcf\xe2a\x0cs\xeb3n\x12u\xeb\xd0@\x86\xcc\xf9Q\xd4\xf1\xcd\xddI&amp;\x88y\xf5=\xce\x8f\xa9\x10\x84\xcb\x1a\x19\x11\xb18\xbf \x94\x88\xcf\xd3l\x9eB\x8dp\xb9,v\xfdu7\xc8\xc54\x06\x0b\xcc\x85&lt;\xa3\xb4\x9a\xb2\r\xd4\xb2\x85n\x19\x86\xe7\xecE\'U\xd6F\xc7\xc73h\xc0\x98&amp;I4\xa0s\x87\x1b(\xe6G\xf5\xe6\xc9\xbbw\'W\x1d\xb8\x8d\xfa\xec]3\x81\xbb\xb8\xa2\x11\x91H\xf4\xbf\xce&lt;\x86$\xf5&amp;8\t\xfc-\x1a\xe2qX\\\x91\xe79D\x11\xc0`\x93\x9c\x9a\x0by\xe9tj\xb3\xeb\xf1x&lt;\x14\xfaSvx\xae\\\xb6\x94\xecTT\x1f\xce\x8c7\xdc.\x94\xcc\xe8\xfda\xfd8\x8am\xc4\x0c\x86[\xd3\x93\x93w\xa7\x97K5\xf6\xbb5 \xfc9~\x1b\x1c\x9c\x91\xec\xbf\x9e\xa0\xe8\xe1\xf9\xaa\xa72Mt\xb3\xda\xda8\x1c.\xd3$/F$\xdd \x184\t\x98\x8b\x03G|\xeb\xa4\x12\x89\xc4\xba-X\xbc\x9d\x1f\xa64!\xb0\xbc\xd6\x8b\xa3z4\x03B\x91\x19\x14C\x1b\xe3`w\x87\x01w8\xa6c\x1bk\xf9\xc1\xd7?y\x8a\x0c\xd2\xc6\xe6\xb4\xf1x\x8cd#L6\xfcy\xa4\x1e\x84\xeb\xa9\xd7\x97\xbaE\x1086\x8b\xcd\xe2\xfe\xbbu\x1f2\xbbJ$ \x99\xe4,\x8a\xfc7Nj\x1d\x9ce+\x86n\xaf\x97\xb5x\xd6n\xb1\x87\xf0\xe1\xe1h\x03Es\xe9hT\x8f\xa2{Q}l\xcd\x8b\xe3\xb8\x01Gc\xb1\xe2O\x0c\x7f:4\xf2x\x1chm\xbc6`\xfb9\xfb#l0\xb6\xc4wJ\x04\xda\x8a\xfe\xd5\xca\xf9\x854\x92ea&lt;\x15\x92\xdc\xaaz\x08\xcbJ\x08a\xf0%P\xb0)\x97T"e #\x81\xe4\xa9\x04\xe9\xa1a\x90(&amp;\r\x06\xd1a\x97 \xacyP\xb4!\xdd\x83N$\x93\xc5\x97\x15v\xc4!t\x13\x1a\x94\x15Z\x9d!"\xd1VhQ\x1b\\m\rf\x91\xb5\xc36\xee\xca(vg\x9avXF\xed=\xf7\xde\xaa\xc4\xbf\xcb\xb2=\'&amp;D-\xad\xdf\xfd\xce\xb9\xdf=\xb7\xa21\x9b\xcaQ\xb3\x14\xa91\xd7X1\x18`\xd5\xe0\xb9\x18\x01\xab\xfa]\xdd\xf8\x93\xcf~\x7f\xff\xbes\xfck\xefxC\x93\xd3)\xc5B1%$\xcb1\xd1"\x87\x94\x90\xb7\'#\xc4b_{\xe5\xa8&lt;\xf4\xab\xf5+b\xd9\x10\x0e\xbd\xd1\x80Og08\x1c\x0c\xc3\\\x7f\xc7\x14\xd6\x01g\x8e\xe0\x124\x11\x9e\x8bT&amp;\xf3\xdb\x97f\xac\x97\x15\x93Y\xb1\xe2P\xf4\rR\x93\xd4\xd4\xd7\xf7\xd9\x93\xaf\xc6\x9d\xbe\x80\xb3n\xbcI\x1a\x97\xc4X,\x16\xb2\x88Q\xc1\xa2,\x87\xa2\xad\x19Q\x14\x059l\x17~\xa3x\x10\xed\x1e\xca\xd7\xf6\x91\x1edb\t\x17&amp;\x830\x18\xd9\xcb\\,c\xc5\x93\xac\x0cu5\xbe\x1b5a.\x00\xdb;\xff\x13-\xfa-I\xaasJuO\xfa\x00K\x92[\x83\xd0\xa6J\x1d"\x8e\x98\xe8\x95\x97\x95DB\xb6gzD1$\xb7\x8cX\xea~}\xc8R\xaa2\x17\x8fX=\x0e\xc8\xa2\xcaE\xce\xc4\x18\xf4\\9}\xe9{\xf7\xaa\xa0\xa0Hh(\x0c\xbd\xe1\x07\xd3\xdd\r\x03d\x15\x83\x1d\x9c\xbe\xa3rq\xb9\xf1:\xaf\xb3c\xa8\xef\xc9\x1f\x9c\xd2b8\xd3\xfa\x8d\xb3\t7\xce\xd2\xa2h\tY\x94\xb0\xab\xd3\xee\x9b\x0c/*\xcb\xae\x81\x91\xd8\x97\xcdi\xcccC?=\xaa,?PZ\x14\xab,\x98\x89\x0c^\xab\xff\x08xR\x95\x19\xe6\x059\x82\xb9!\xa0\xb8p\xb1\x99_\x1f\xed\x9d\x9e\xfe\x13\xb6\xed \xd7\xba(\x05\x85\x0ei\xe8\xfe\xc3!qQ\x91\xbd^\xd8\xa5*\xa2\xb8\xb8\xe8VB\xc9\xdeO\x1f\x84]&gt;?\xf8\xc5\xd4t\xb7K\xaa\xde\xc5b\xf1\xbc\xa7PrT\xba\x08\x8ec\xf5\x97\xc1\xb0\x1a\x04\x0f\x9b,v\x83\x1a\x93\x01\xe6\x84^=\x80\x06\x83oT\xc1\x8d-\xa2`\xbcz\xfd]\xf1\x0c\x0e\xc6N\x7f$\xf6\x80\x93\x8a\xdf&lt;\xf4:\x15\xa5\xb1E\x16\x9c\xe0\xa7\x8bJg\xc2\xd5;v\xa7\x7f$\xec\xab\xf5//\xe7r\xf9\x81d\xc3\xe3=\x80\xb1!\xddI\xf6\xc4\xa3\x19\x05\x8f\xca`\x84\x0cN\rw\x96e9\x8e\x03_2\xeaHUAV)\xd7%2M\xdd\xbfn2p\x84i\xa7:\xf7\xb2XL\xc3\x18@\xae\xf7!_\xd0)u\x04\x1e\xb6y-\xcb\x8d\x03\xaeNX\x10\xc1\xe7[\xba\xbb[\x06S\xa9\x91d\xad\x7fp\xb01?\x9d\xaf\x0f\xfe\xf6\x05\xee\x1d\x10\xda\xce\x16\xb6\x97f\xd7\xa9^&lt;\xcf_\xe0\xd2S\xab\xe0\xc8\xfcDF\x83\xc9\xa4\x03*\x15\xebBT$\xc3`\xf7\x96\x0cf\x93\x81Y\xaf^H\x7f(\x9e\xc0\xc1z\xc4{R\xbe\x80\xd7\xd9\xd6\x1ahk\x8b\xba\xf3+3\xc0\x95\xb0\x84\xeb]\xa9\x84\xbb1\xd5\xd5\xe2\x9f\x99I\xcd\x1fL\xe7s\xf6\xa1\x86=\xc4\xe3\xac\x9deO"\xb3\xf1\x97\xa8"\x17\x01\x83\t\xc9\xe2:\xc3J\x91/\x81\x911&amp;\x9d\x15\x8bu\x15\xeb\x12\x19sw\'\x02X\x06&amp;^=\xfaC\xb1\x80\x0f\x86\xf6\xe6\x1f\xed&gt;\xbb/\x93\xf1\x8aBx07\xff\xb4~p\xb0}f\x106\xb09\xd8\x8d\r\xcctw\xa7\x1a\x0f\x0e\xf2\xb9)\xe7\x9fw!\xe7@q\x0cbm,\xbc\xb8\xd0\x0bR.\r\x0cc\xc1\x8d\xc5.k`\xcaX\x84K\x13\xf4\x12\x1aS\xb5\xb3\x0e\x8b\xbd\xd1\xb0T\x9dK\x17\x8b\xc7\x90W\x16q\x9ez\x7f\xef\xf0\xa4\xbdM\x90\xa4D~z\xe5\xe9@\x7f\x7f\xd8\xdd\xd9\x99\x1aq\xb5\xac&lt;\xe8\xef\x1eIM&lt;\x98\xcf\x1d)\xcdb\x04\x97\x13\xe2J\xd9\x93t\xbc,\x16Ic\x85\x8c#\xc1R\xdd\xf0\xcc\xbb\x8aEs]\xaeD\x8a\xb5\xb4I\xd2\xb9\xbe\xbf\x10)\x15\xcf\x18\x06\x9c\x0f\xa1\xef{{\xfdQo\x8f%\x16K\xe4\xf2ks\x7fY\x19\xe9\x84-YW\x97\xbbk~\xa2\xcb\xed\x1e\xac\x7f\xda\xb5\xbc\xd8\\\xbd\x89\xa9\xb0X\xd9\xed\xc3\x85\\\xc5\xed\xf92\x17\x80!\x95J\xaf\xf9\xc1%,\x15H\r\x8d\x8b\xa9\xda\xd8\x80\xd5\xde\xa0\xc7Y\x9c+f=F\x0e\xd7p\xba3\x1a\x12{|mBhjzm\xee\xd9\xbfv\'\x1a\xe7\x07\x06\x1a\xdd\x89\xfcn\xce\xed\x0e\xdbk\xfd\xa1P\xdd\xe3#\xe2\t\xa4\xb2&lt;\xb3\xf1\xad\x0bF\xcfS2@\xe39T\xa1\xa2\xb3LG\xa9\x08\x96\x1e\x17\x9e\xfa\xa1\xaf\x98\n`A\xcd\x1b q;4\x8b@\x85\xab\xf3\x10\\!\xd3\x13\x94\x05\xf7\xfc\xdc\xdc\xc1\x1a\xc4\xfc\x044\xca\xee\xb5\xae\x91N\xb9-\xd0\x1a\xedhh\xf8d\x9dRmg\xb3\xc7\x9b\x0bGW\xd6=\xfe\x92d\xac\xba\x18aS\xd2\x91i\xa8B\xa9\\z\xba`ivg\xb0\xbe\xddI\x9b0\xc8\x16d\xf1\xa4\xf4\xdc\xe1\xf9\xfc\xdbo?w\xec\x85\xe4\xdcL\xae\x87\x00\x00\x03DIDAT`\xa6\x15\xb0\xec+\xf3\xd3\xb9\xdd\xbf\x1f\xee\xe6S\x9d\xd1\xa8k\xa2\xc5\x1e\x08\xf6\xb4f\x84\x86/?\x99b\xd8H\xda\xc3\xa1\xe7\x853\xf6\xcd\xc2\xb5\xff\xf7\xe6\xf92\x19\x16\x0b\x8b@\xa5\xd0\xe19F\x994"V-=\xaa\x1a4E\xd6\xd7;\xa3\x1c\xebp8"\x9b\xa3[\xeb8\xfe}zzz\xfehW\xf2fZ\x03\xf6p8\x95\x9b\x9a\xca\xad\x1dL\x0c&amp;\xed\xc1@K}k\x8f\xaf=3\xd9.5?n\xde{\xbd\xba\xbf\xbf\xff\xa3\xf5\x87\x93\xed\xf7\xabG\xd7\x9b\x04^\xab1R\xefz\x0cB\xce\xae\xc3K71W\x92\\\xb6\x1c\x95\xa7F\xf3w\x1bo\xc9\xd6\x07:zX\x14\xaa\xac\xe9\xc8\xbbb\xb1Xx*I\xbe\xc9\x8c\xcf\xd5\xe2\x9aN\xb9\xa7\xa6\xa6\xdc\xd0\xda\x08B8$\'\xeb\xfd\xfe\xa4El\xae\xdeX\x9a\x8d/\xec\xbf\xf9\xe3=\xd8\x93\x8f\xbe\xd8\xba\xe5*\xa5j\xad\x1c\xe5 )\xd5\xe1&amp;\xb1b!W\x88\xa8\x9b0Vu) \xad\x11\xac\x11\x1c\xeb)\x01W\xf6\xbcO\x18\x1e\x9e\x81:\xef\x1a\x0c\xa7\x12\x89eEtz\xc3.\x05\x87\xa8Xdg\xf5\xecl&lt;\x1e\x7f\xe1a\x1d\xe6* \xbb\x1b\xe1n\x06\xe3\xd5\xf3\xd3*\xc3K\xa6N\xb3|\x96\xfa\x07u4\xfa\x889\xf1\xb1\x9c\xe6\xc0\x88^f\x84&amp;N\xbf\xfd\x01\xb0\xb2\x85W\xde\xe1/\xee\xf4\xcf\xd4\xd7\xd7\xdae\xc1"\x0cy\x93\xf5\x9dJL\x0c\xc1R\x14\x92\x9a\t\xd5\x06\x195k0\xe3\xfdS\xe4\xc6\xb7`\xd4\xca\x1e\xf1\x17v\xb8\x84\x90\xe2\x92\\r\x17\x94\xd2F\x80\xca\x03Q\xd7\x7f\xc3\xa3\x0fY\xccu~\xbf\xf6\xce\xa7w\xc6z\xfd\xbed\xb0-\x18\xf0\xf9\x93\xb8\x91P\x04\xbb\xd0\x1c\xa7T\xc4M\x89\x1cF\x93\xd5|\x0b\x16\x80\xf1\xc8\x86.\xedA\x80Rmc\xb5\\\xd2;\xa7\x89\xc4_\xeb\xb1\x11kJ\x97\xb2\x10\x85\xc2\xab\xb6\x16\xff\x17cc\xb5\xed\xed=\xb0\x18\xb5\xc7DiQRB\xd2\x02\x81z\xf3^\xcb\xdb\xd5\xa1]\xf7\t\x9b\x8d\xbf\xb29R\x9bG\xd5\x90Tw\x03\xdd\xc8\xa7\xf0#\xba\x1b\xb8\x18\xc7\xb3\x02\x01\xfb\xf0J\xb0X\xda\xc7\x86\'k\xfd\xc3vQ\x08\x8a\x92\xd8A\xa1V\x0f=\xff\xcb\xb5\xf8\x1b~?M\tB\x17\x86C\xb0\xc0&lt;\xc9\xf4\xbcy|x\xe3\xcd9X\xcfs\x0cV(\x9d\x07dEN\x82^\x96EQ\xf4\x06\xea\x00\n\xa8V7#\xe8\xff\x7f\x85\x00\x974BZ\xabA\xcaS\xcb&amp;G\x9f\xde\x8c\x05\xdf\xb2q\x04\xacP(\xfd,\x0b\t\x01j^\x88\x89u\x1d\xa4\xa8~\x1c\xf5|\xd4;\x8c\x12\x83\xa5\xcdvY\xad\xca\xca~Sei?\x05\xdf\xb4!\xcf\xf3\xb3\x02p\x95\xbe\x8aB\xc8A\xe7\x02\x86Z]\xda\x02\xa6\x8fz-\x05N\xa0g/gQ+~\x9eC\xb7c\xa9Nc\xb3q\xc7\'%\xe0\xfa\xf9o\xc9\xa8\xb3cvuvug\xd4\x81\x10B\x1fI\x05\xdbH#\xfd\x1d\x97\xd4\xe2Y\x8eE\xb7ba\xcbC$\x93\x9c\xcdfs\xfctR*\x95| \x140y\xb8\x8fe\xa2(\xac\xc1\xa0m\xe4\xe8\xfaT67t\xcbD\xac\x94\xa5:[\xa0\xca\x8e\x9f}\x7f\xf8\xfe%a\xfa%\xfe~\x00{#c\xc4\xa2\\`Q\xbb3\xf4_\xdc\xe6\xa2\xb9\xc0\x13\xd0\x8c\xc3c\xfae\xae\xb9\xff\x07U:\x13\x92F\nC\xc4\x00\x00\x00\x00IEND\xaeB`\x82'</t>
        </is>
      </c>
      <c r="M384" s="3" t="n">
        <v>45492.67895833333</v>
      </c>
    </row>
    <row r="385">
      <c r="A385" t="n">
        <v>997023</v>
      </c>
      <c r="B385" t="n">
        <v>1966</v>
      </c>
      <c r="C385" t="inlineStr">
        <is>
          <t>Igor Gomes</t>
        </is>
      </c>
      <c r="D385" t="inlineStr">
        <is>
          <t>I. Gomes</t>
        </is>
      </c>
      <c r="E385" t="inlineStr">
        <is>
          <t>ZAG</t>
        </is>
      </c>
      <c r="F385" t="inlineStr">
        <is>
          <t>ZAG</t>
        </is>
      </c>
      <c r="G385" t="inlineStr">
        <is>
          <t>ZAG</t>
        </is>
      </c>
      <c r="H385" t="n">
        <v>186</v>
      </c>
      <c r="I385" t="n">
        <v>3</v>
      </c>
      <c r="J385" s="2" t="n">
        <v>36955</v>
      </c>
      <c r="K385" t="inlineStr">
        <is>
          <t>Right</t>
        </is>
      </c>
      <c r="L38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9dbd6c-8814-4d3d-a513-d9b9411001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Oe\x16\x00\x00\x02\xfdPLTE\xff\xff\xff&amp; \x1ebB8rH7\x1f\x1a\x1a\xde1#\x1c\x18\x18\xfe\xfe\xfd\xdc0""\x1c\x1beD9rI;uJ9pF9\\?6\xe0\xe4\xf1zK;^A7hA5\xe1\xe2\xeehE:mF8pD6/#\x1fiD6kF:2\'#\xe3\xe0\xea]&lt;2\xd9.!mA4lC7\x7fO&gt;\x19\x16\x15\xde\xe2\xee\xe4\xe5\xf1\xe13#W9.f;/\xe4\xe3\xe6i?1b;1\xda\xda\xe0\x81Q@eA4Y;2\x84TCb@4tF8\x7fO:nH;*!\x1d\xfc\xfb\xfb8\'"|O;kSJsL?e&gt;2wI7P4,\x84RA+$"&gt;.&amp;wM&lt;}M=\xdf\xe0\xe5[:.\xe2\xdc\xe6A2)\xdc\xdc\xe2K3-E/*fH&gt;T5,`?1:*%:,"`JB\xd4*\x1f\xe35%uJ=\xdf\xde\xe2\xe3\xe4\xea\xd7,\x1foH5gNE\xe5\xe2\xedjH=n?0L80fC7{PAS914$\x1fE3%\xdd\xde\xe5{G4}L9\xde4*B*$\xe2\xe1\xe4\x86VCJ7(hKAuF4zL8wL7W&gt;6\xdb\xdf\xedmJ?mOCJ1)\xdc.!rB2r?-wOA\x81Q&lt;sVKaE=h9+\x8aU?\x91`N\xe6\xe6\xe8Q:)lE3fRK\xdf\xe0\xe9\x89XFuRE_9-\xf2\xf0\xef\x8eZE\x8f]IfJ2m;*4+(WD:\x84R;qPEaOHu[QC61\x88S:\xf9\xf8\xf7\\F&gt;N=6U?-\xd8\xd7\xdc\xf6\xf4\xf4Y5+9/,\xe1\xd9\xder^U\xe6:-lQ5vC/[C/\x8fY=\x82M6\x85zw\xde\xd4\xd7\xeaA1aG0c5$\xe8H9\xda\xd4\xd3WKFlXP\xdfPGQ0)\xe5\xe0\xdf\xdf\xc3\xc8\xe0\xb9\xbb\xd9qo\xba\xae\xa8\xdeB8\xb6\xb1\xb3\x84WG\xdb\xbc\xc0\xdd\x94\x95\x8a[J\xe5\xaf\xaf\xa8\x9f\x9c\xe2[R\xea\xe7\xe6\xd5F?\xe0&lt;0\xe9SD\xd9\xa7\xa8\xdb\xb3\xb4J-%\x8bvm\xec\xeb\xebP\'\x1c\xd77-\xe0lg\xe6\xe7\xee\xd9\x88\x87\xa0\x95\x93\xdc\x9f\xa0|SE\xe2\xcc\xd1\xbd\xb9\xb9\xe5zs\xc6\xbd\xb7\xe4\xe7\xf4\xd9\xdb\xe7\x96eS\x84lc\x8f\x85\x81\xd0\xcb\xc9Z/!\xd9UP\xcd\xc4\xc0\x97\x82t\x88RM\xd6\xd0\xce\xe6f\\\xae\xa7\xa7\x9e\x8b\x84\xe1\x8f\x8c\x81]P{d[F \x18\xd8}|\xe4\xd3\xd9rfabYU\xe5\xa5\xa3\x97bA\xcd\xcc\xd6\xc2\xbf\xc0\x80_&gt;sW:\xfa\xec\xec\xc8\xc6\xcb\x88cZ\xd6`\\\x7fC&gt;\xaa\x97\x89\x97\x8d\x8czpm\xe3\x85\x80\xd6\x97\x96\xff\xfe\xff\xb5\xa4\x9b\x8aoP\xf1\xcf\xcd\xee\xc2\xc0\x9emGNC?\x99ye\xe7\x9c\x97\xf4\xdc\xda\xf8\xe4\xe3\xa8\x92\x80#\x00\x00 \x00IDATx\xda\xc4\x97oH\x1by\x1a\xc7;1D\xc6?\xe1R\x92\x9bd\xe8\x8b\xfaB\xeeEm\xa5\x99$\xeb\xd5f\x04\x19\xb4\x9bL`\x17,%A\x07\x8a\xe7\xec\xaa\xb4}\xb1V,\xa3tI\x1d\x12\xcf\xcbjf%[\x86,.\x01\xb3\x9c/\xa4\x85E|\xa7\xafJ)B\xab\xa0\xc8\x16\xfa\xa2rh\xb8\x17\xb6\xb0\x15\xce\xbe\xb9\xef3\xd1\xee\xbe\xb8w7\xb6O\x9b\xc9$\x11\x7f\x9f|\x9e\xef&lt;\xbf\xf1\xcc\x99\xff\xbfj\xffW\x9d\xf9\xb4U\xfb\x9bE13\x13\n\xad\xac\xa4kkCi\x9cYo\xfd\xf6)\xd0\xfe &amp;43\x97\xfeasg\xe7\xe0\xe5\xd2\xe2\xda\xc2\xd2\xfa\xe6\xd6b\xe8\x13)\xfb\x03\xd4\xdc\xe2\xd6\xd2\xd6\xbb\xed\xd5\xd5\xdb\xd9\x9f_.\xcf\xbf~\xb1zx\xb0\xf2)ZYkQ\xcd\xa5\xe7\xd2\xb02\xb3\xf3\xee\xfd\xe1\xfbW\xd7n\x9b\xd9\x9c4\x9b0TM\xaf\x1c\xee\xcc\xac\xa4C\x1f\x19\xad\xba\xda\xdc\xd2\xcb\x83\x83\xf5\x9d\x85\x9f\xd6\xdf\xef\xef\x9bF.k\x16s\xc9RI\xd5\xcc\xca\xfe\xe1\xbb\xf5\xed\xa5\x0f\xc6j?\x1eTh\xee\xa7\xed\x7f\x1c\x1e\xfe\xe7\xfd\xf6\xc1\xf6\xa1Y\xd1\x95\xb8\xaa\x17\xa5\xa2^\xd2\x0c}\x7f\x7f\xffpB}\xb5\xfe\x97\x95\xc5\x95\xb9\xd0G\x11V\xbd\xc6fV\x166\x0f\x0e+\x15h2\x7f\xdc7\x8bzQ\x91T]\x93\x0c\xdd\xd4\x8d\xa2i\xea\xa6*\xcf\xbe\x98\x7f\x02\x9d\x0b+\xa1\x8f\xc0U[\xbb\xb687\xb7\xb6\xb4\xbdz\xb8\xaf\x9b\x15S\xd6t\xbdT4T\xa3X9\xac\x80\xcd0\xa0K\xd7+\xbaZ2\x93\xd9\xebw_\xbc\\O\x9f&gt;\x16\x12\xfenu}o}\xfbv\xb1\xa4kE`\x89\xaaaV\x14YG\xef*\x86")\x9a\x91\xc4G\xa6a\x98f\xc9H\x1a\x89\xbb\xdb[3\xa7\x8ce\x85j\xb9k\xb7\xbc\xfb\xb0\xa4*\xf8W*)\xa2V2\x8a\x9a\xa6\xca\xb2Z\xd4\x0cI)i\x92\xaa\x95J\xa2\n8C\xc4\xd3\xedw\xe9\xd3\xbd \xad\xb9\x10\xfa~WTeESDI7\x15),\x17Ka\xaeh*},#+"\'v*\x8a^\xaa\xe8\xb0\xa8\x1a\x9a\x02y\x9e\xd5\x85\xd3\x8d=\xfd\xf2\xf4\xfa\xb3\r-{D\x8b\xe2\x8a3\x149,\xab\xaa\xa8&amp;e\xb6\xc9\xd5\xafq\x82\xa2jP\xa7\x97\xc2\xa2"KjR\xedM&amp;g\x97\x17N1^\xc7ca5\x91\x95\xa4\\\x06I\xd7M\xb3\xa8\xc8\x8a\\\xaah\x1c\xcf45\xb1\xaa\xd6\x07w\x86\xd6\xc7)\xb2 \x8b\xa2$Ix\x88\xea\xf4\xc6\xb3\xf4\xa9\xf9\xa2\xfdx\xe7\xd1\xd2\xcf\xaa\x02\x11\xb2a\xa8r\x9f\x08U\x9aR*\xc9L\\\x16\\\x82\x0cYz\xb1\x9fg\x19\x8e\xe9C\xd6\x0c \x89\xb2,\xe6f\xe7wh~\x9d\x12Uh\xf1\xcd\xf4tR\t\x8b\x08\x8d\xaah\\\x13+(\x86\xd2\xafi}\x82\xa2\x88\x82\xc0\xb8\x04\xb5\x04W\x82\xd3\xc9\xc6%Y\xa4y\xa1\xe0Y"_+\xa7\xe1\xcb\xba\x96~Xz\x9d\x11\xa1D.R\x96\x8b\xb2K\x08K\n\'\xaba\x17\xcb\xf7\t\x02\xdb\xd4\xc4\xa9\xaaf\xa8a\x16\xe6T\xa5\x8f\xe3xY\x92d\x19!\xcb\xbe\xda:\x8d\xdc\xe37\xae\xado\xdf\xcdfdY\xe0EM\xe2\xe8Z\xec\xe3\xc2&lt;\xe3\x92\x15\xae\xc9\xe5t\xb1\x1c\xe7d\x91\xb4\xe2\xbe.\xb3B\x9f\xa2\xaa\xb2\xc0\xb2\x02\xcf\xcb\xe8\xa3"\xe57p\xb3s\xc6n.`m&gt;\xcc\xe6\x93|\x98c\xc3bX`d\xa4\x06\x86\xa0\x88\xe5\x18\xd6\xe5d\x04\x9ec\xf98&gt;04\xf0q}\x00\x0f3\x0c\x13\xe5e9#\xa3\x93\xd9\x8d\x85\xd0)\xd8\nmMHR\x81\xe7\x04\xc4\x06\xe1\xe1\xe2\x1c\xcfq\x0c\xe3l\x82*\xa7\xcb%\xe0=\x86\xe71&amp;\x04\x9e\xdec\xc3\xb2\xcc9\xa3Q\x81\x973\xe8%\x1fV\x13\xcb\xf6\x8f\t\x0c\xac\x97YPE\xa3\x0c\x1b\xcd\x00\xc3\xc9:\x19\xf4\x88\x02ea1l\x13\xde\x00\x10\x9e\xf0\xd2\xc5\x19\x80ob\x18V\xe0\xe2\xe0\x8frb\xf2\xad\xed\xba\xf05\x17\x1f\xe6,*\x86e\x18\x17\xadN\xc5\x08\x98WN\x96e\x80\xe7"&amp;\xfa\x80\xe7\x105\x86\'`\xe0\xa3\x8d\xbc\x10\x15\x04^\x9aXJ\xdb\x8f\xb5\xb9[\xc8D\xa3Q\'\xa8,)\xa0 i\xd40\xa8\x13X\x97\xabJe\x89;&gt;%m,}\x0f\nY&lt;\xff\xc4~\xac\xd0f9\xc33\xb0\xc3D\xa9I\xb4d\x13\x91|\x80\x01\x00KG|\x00}\xd6\x81%,zAX\x02\x9f]\x9e;\x1d,$\x98\x9aH\x8bV5U\x17G\xce\xa8\x8f\x02ya\t\x80\xe38A\xa0\x03\xe2ga\xa1\xf7\x0c_^\xb6\xdf\xd6\xcc\xaf9\xea!\xd6\xa1\xb4\x13\x1a\x111\x18\x04\x1c\x05:\x1c\x8e\x8bb\x98G\xc5E\xec\x00\x8a\xd2\xdf\xdf\xdd/\xd3\x87\x8c\xc5\x0c\xdah\xf9\x99\xfd\xb6\xd6\xe6IV\xd4\xc2\x81\x10\xac\x07\x04.\xac(\xdd\xca\x9d;\x18\xf9T\x06n\x1e\x9a\x9b;\x8b\xb1bggs\xf3\xe7\xda?\xeft\xf7\xc7\xc3\\5\\Q\xe6h\xcf\xf6+1\xb4W\xe6\xa9\x13\x98\xe6\x0c\x06V_\x7fwW\xbb\x8a\x9d\xe6b,V*\x95p7\xd1\x83G\xca:\x1b\xef\xe9\x19oi\x89\xc5:\x89\xad\xb9\xbd\xab;\x8ef\n\xf8J\x99\'6\xdb\xc2__O\nD\x85\x86pa\xb1[\xec\xff\x1c\x8b\xc6Z@`\xf6\x98\xa6\xd9\x83g\x1f\x0e\xa0C\xd5\x10Wk\x8c\xea\\\xe7\xb9\x8b\xcd\xbdwDN\xc0\x98\xe0_\x7fi+\x16m\x88\xf3\xd5\x16F\xe3\xe2\x9d\xf6\xf6\xf6\xe6s\xb1X\xcb\xd9\xf1\x9e\x9a!\xaa\xc8\x90YS\xd3\x00\xc2\xf1*T\xcf\xf8\xf8\t\x17\xca\xedv_\xec\x06T&amp;S~\x16\xb2\x19ka\x97\xb00\x13\x93\xed\xbd\x17\xcf\xc5Zc\x7fm\xc1\xda\xc0\x02\xd8`\xc4\x82#\x1eP\xd5X\xcf\xe3g[Z[A\x86\x83\xc7\xe3q\xf7J\x19`\xe5~\xb5\x19k\xe6\xd1\x11\x1f\xe53\xf1\xaea7\x98ZPg\xfd\xa0\xfasM\xcd\xd7_\x83k\xf0\x98\x0bL\r\r5dl\xdc\xefO\x11X\x15\xcb3\xdc\x15\x8f\x172\x85\r[\'\x046\xc47\x85L\xa6\x90\xeb\xf58\x1c\x8e\xd6\x16\xbf\xdf\x7f\xd6\xef\xf7\xf9|\x8d\x8d\x00\xb9r\xe5\xca \xc0\x80\x86\x17\xf55T\x8d\xbe@ \xe0\xads8ZR\x0e\x87\x85\x95\xc4\xcds&amp;\xb3\xfb\xbd\xbdX\x7f{[(HR~t\xd4Q\x97J\xd5\xf9\xa9\xbc\x81\x80/\xd8X\xd3X\xc5\xbay928\xd4\x00,&lt;\x1a\x1b\x1b\x83A\x8b\xab\xceKXn\xeab2\x07[\xe5={\xb1vv\x0bR!\xe9\x19\xad\xabs\xa4\xbc\xdeT\xc0\x9f\xf2\x06\xc0u\xab\xad\xbe\xbe\xa1\x81\xba\x18\x89\\\x06\x96\xc5\xd5\x00.\xb2\x05,\x80Y\xb2HW\x17\xfe0\xc9/\xdb8\xb9h\xc4\x1f\x91,O\x1d\xca\x8b"\xa4@ x\xab\xad\xad\xed\x8bo::\x10\xfa\xcb\x91\x08\xe9\xb2\xaa\x1e\xba\x02\x81\x1b^\xb2\xe5\xad\xf3\xe0J\x84\xae$*\x9f\x9b_\x0b\xd9\x88\x95\xde\xc8\xe5\xa4\\\xaf\xc3\xc2\xc2Z\x01\xab\x88\n\xb6:`\xebf\xe42j\x10\xfd$YA\xea!\xb0\xbc\xf4\xf3\x84\xe5\xf6\xb8\x87\x87\xf3\xf9|n\xf7K\xfbtaj\xbd\xcd\xe5\x92I\xf7h]\xdd\xb1/\xac\n[\xc1z\xea!:8x\xd9\xaa\x9b\xd0\x05\xb0\x9a\x1a_\xd0\x17\xa8\xba\xa2h\xb9\xddYP\xa1\xf2\xc9\xf2\x9e\x9dX;\xbb\xb9|~\x18=tT\x85yo\xa0\x80\x15\x84\xab\x0e\xea \x98\xa6\xa6\x80\x85j8\x0e\xd71\x96\xc7\xb2\xe5\xce\x0e\xe7\xb3\xe4\xcb\xc6\xfd\xa7\xb6v\xaf\x8c\xdf8\xec\xb6\xb0\x08\xcc[\xa5\xf2\x05\xeb-\xaaj\x8d\xa0\x8b\xd6\x04\xa36\x12\x96\xd7J\xbc\xdb=\x0cW\xee\xe1,l\x1d\xe5\xe7\xed\x9b\\\xb5g\x1e\x01+;\xec\x06\x13U\x9d\x03XArU\xffEGG\x84xFF\xa6F\xa6\xe0\x8b\x82?H\xba\x08+\xe5\xb5\xa8P\xc0\x02\x17*\xffv\xc5F[\xcbGG\xf9\xac\xc7s\x8c\x05\xb0\x1b\xb7n\xdd\xb8\x15\xaco\x03U\xc4"\xfa\xce\xfa?B\x01\xbbI\xf3\xab\xd1\xe7\xf7\xfaS\'XV\xea\xb3\xb3\xb3\xd9\xfc\xee\x82]X\xd8\x11\x9f\x94\x8f\xb2\xc0\xb2\xc2U\xc5\xa2\xa2d\xc1\xd5\xd4w\xa8\xb11\x1c\xa0\x8b\xc0\x06\x87\xae\x90/l?\xa9\x93h\xd1\x8c\x98M$f\xcb\xd3\xff\xb6\x0f+\xf4\xa6\x8c\xaf\n[\x94\xac\x13,jb\xc7\x9f\xce_\x9d\x02\xd1\xd8q\x01ljd\x04h\x91!\x0b\x0c3\xfe\xd8\x97\xe7\x04k\xcf&gt;\xac\x99\x8d\xf2,\x8a.\xc3c[^k:tD\xce_\xb8:00606\xf6#\xd5\x03B\x1b\x18\xb8?pu\xe4\x82E\xe6\xfb\xdd\x97gtt4\x91(O?\xb3\x0f+=_N$\x12\xb4!V\xb9\x88\ni\x8fD.\\\x1a\xb8\xff\xc0\xaa\xc9\x07\x1fjr\xf2\xc1\xc0\xa5KWG"C\x10\xe6\x0b8p\xbbea%Fg\xa7\xa7\xcb6b\xad\xcd\x97\xa7\'\xae\'\xaeY\xc3\x14T\x81*\xd5\xf9\x0b\x97\xee\xdf\x9f\xbcwor\xb2z\x98\xfc\x17\x9d\xe0\xf4\xfe\xd3o\xda\x827\xfc\xad\xb1\x94\xcf\x17\x0cx\x86\xab\xb6\xf0\xcd\x80\xf5\xc8N\xac\xe9\xe9\xcf&gt;\xbb\xfe\xd5\xb5\x13*l\xd5)\x7f\xb0\xad\xed\xdb\xa7\xbf\xdc{\xfe\xfc\xf9=\x1c\xeeYDt\xf2\xcb\xe3\xbf{\xf2\xd8\x01s\x92\x94\xbc\xe8vx\xbd\xd5]\x91\xb0&amp;&amp;\xec\xc4Z\x99\x9f\xf8\x1d\x0b\x1d\xf4zp\x9f\xd2\xd5\x95\xccgGo?}\\\xa5yNX\x93\x8f\x07\x1e\x7f\xfb\xd50\xdd\xc3H\x85BA\x94\xa4\xeed/\xc5\x9d\xa2\xf5_Z\xcd\xef5\x8d5\x8d\xe3{\xe2E j\x98J\x9c\x9a\x83\xe8\xdc\x98\x1d\x99d\xa2i3\xc6q\x1aE\x8a\x19\r\x81\\(\xb1\xb5\x81\x91 \x8e-\x1a\xd4IM@1&amp;\xc5\x90_6\x85\xa6\x15$\x9e\x05\xd9#\xe9E9\x82,\xe7*\xe7x\xb3\xe4\xa2\xd0\xee\x91\x86\xb0%\x08\x85\xb07\x85\x9e^\xf4\xa2\xf4f\x9fw\xc2\xfe\x05\x99}!\x01a`&gt;\xf3&lt;\xcf\xfb}\xbe\xcf\xbc3w0\xb7\xab4V\x01\xb0B\xf1\xab\x9e\xd8\x87\\\n\xdcu\x0b\xfe\xf6\x9f\xddX\xc8\xd2\xed59\x8b\xc5\x98{b\xe8\xc6\xbd\x17\xe0c\x81\x0b\x90\xd0\xf2\xf9\x1e!g\x03\xc1:\x00\xae9\x85\xb1\nMG*\xce\x0f\r\xf0|\xdf\xbd\xbb3\xbe\x99}X[\xc8H\xdf\xbdg10\xb1v1V,R\x8c&gt;`\xf1\xdd\x9d\xfdq\xf6\xee\xcc\xd8\x10\xb8\xc4\xa9\x14\x0f\x8f`\xb9\xd1\xf7\xf8\x7fXJ\xee\xc4\xdf\xff\xd5D\xe1r\xc4y&gt;\x9e\xec\xbb\xe7{0v#\x9eL-\xf4\x8d\xf9\xa6gg\xa7g\x96\x81\x8b\xa6)\x8a"\xd8|\xc0\xe5{\x80f\x10\x03#I\x1c\xddjE\xf4\xe3F\xa3q\x80\x7f| c\x15\xfe\x1fX!&gt;\x9e\xe2\x07\xc7\x02\x86\x89\xc8\xc5E\x9bf4A2\xe0\xb5\xf8\xfd\x96\x80\x86\xa0(;\xc1\x00\x96w\xdc\x90\x0f\x82\xfaK \xb3\x9b\xed"\xc1\xe2$9:\xc4Ci\xed\x1e\xa0\x9aWR\xb7\xfe\xac:\x00\xab\xe9\x88\xa7v\x92Cy\\\xc3\x14\xd7\xde\xaem\xaeJQ\x16\xcf\xe7Ir\xc4)\xdacE\x08\xd8C\xf8\x01s\x9a\n$\r\x9c\x85\xd4j\xd1RB\xc4q\xc3\xd0\x02\x0fXh+6\x95T\xf9\x7f\x02V\x08\xb0R;\xeb\xd9y\r\x1b\xe56\xd7\xd6Z4\xb8dU\x10\x0f\x87\xc3\xa4I\xb4\x17\xdb\xb1\x18\xc5\x02\x16\x80\xe9F\xef\x0f\x0c\x06\x02`\xf9\xf3\xa2 \x8abP\x9f\xe4y\xc0\x82$V\xdf+\xd8\xaa\xffQu\x84\n\x85j3\xb5~\x1aa\x12QIb\xd4C}F\x8bel,\x10p\x9aLd8-\xd0m\x8e#\xc4\xf2\x08`\x19\xc7\x1e=\x98\xd9\xda\x9a\x9c\xf6\xb9,\x87\xa5\xb4(\xaa\x82\x13\x0b2\xd6n\xe1\xe3\x1f\nb\xfd\xf2\xb1\x19\xda-TWv\x10\x16cg\x9dN4\xbe\xdf\xba\xf3\xe3\xec\xb2\xcb_"IS\xba\x16\x8dmsX8G\x9aI\xa7\xc55\xf3\x0c\xe4\xe3\x87\xad\x1fnN.\x9d\x1c\x92\x805\xbc\xf08^\x00\x95/|&lt;W\x0e\xeb/\xff\xf9\xd2t\\aE Z\xe9\x92\x7fiz\xeb\xce\xfe\x9d\xad\xfd\x9f\x9f--[J:3Y\x16\xc1\xd5\x88\xb9\x1c9a\x1e_\xf65\x7f\x93\xdf\r\xbc\xf8\xf9\xee\xad\xc9\xe3\x92\t\xcc\xfd\x02\xcf\x17v\xe7B\xbb_^*v\x88\xd7\xdf\xff\xb7\x9f\x9a\x8eB\xb3\xba\x92\xca\x02\x958r8\xb9x\xf0\xf3\x8b\x17w\xee\xec\x7fyw\xb0\xb4l\x1c\xd6\xe6\xca\xc2v\xa5.\x96\x1b%\x9d\xde\xb2\xe4z\x1c\xda}q\xf3\xe6\xd6\xbd\xc1\x93\x93\xe5\xc3\x91\xbc\x8c\x05\xbb0\x14:\xf8\xe9\xaf\xca\x1cf\xc8\x0f\xb7\xf1g\x13V\xd5\x91\x04/\xf3\x10\'\xfd\'\'\x8f\x0e@Lo\xee\x17\xe2\x83\xae%\xff\xb0\xaeQ\x16*\x15I(7\xba\xd6Q\x9f\xcb\xeat\x1a\xfd\x90^+\xa9\xd3A\x86q\xc0\x1a\xe2\xf9Pa\xee\xf1`\xf3\xf5\xf9\xab\xe7\n\x04L\xfeV\xe5\xe9\xbf\x9b\x8ef\xb5\xba\x93Ti\xc0E\xe5uy\xbd~`\xd0\xe2?&gt;\x04\x00\xab\xcb?Zjd\x84\xca\xeav4\xd3\xe8\x1eZ\x8dN\x9d\xd9\x84\x16\xae\xc1\xdc\x1a\x15HH0\x987\x0c\xcd\x01V\xdf\xb8a\xe5\xe2\xdd\xe7W\n`\xf5\xdf\xfe\xf5\xfc\xcd\xd9B\xcaQ\xdd\xdbIj\xd1&lt;\xafR\xb1\t\xaau:\x8f\x9bH\x13`Y\x03\xa5n\xaeV\x07\xd3\\\xaf\x95\x11\x97N\xa7\x1b\x01\xcd\x10Y,\x12\x89\xb85\xc1&lt;\x0e&gt;u\x80\x0f\xed\xce\xdd7\xab\xd5zC\xf2\xc3\x86\x02T\xe7g\x17\x11\x18\xb1\xae\xb0\xe4\x172,\xc3\x10\x84\'*\xa4\xc3 \x07Vk\xa9\x0b\xc1\xb2W\x8e*v\x01q\x95\x9cf\xad\x16g\xa3v\x89n\x15cT\x02I.`\xc5C\x85\xb8Y\xa5\t\x1a\xcc\x86\x9dk\x1f\xaaC\xe7\xf905O\xd1\x9e\xf9\x1d\xd8\x88I\xb5J\x15T=d\xe8\x18,\xce\x8e\xb16\xdc\xe4\x1ci4\xca5\x84uT\x17j\x99L\xae\x91\xc35\x11\x0f\xc1q\\q\x13L\x05\x91\xd0 .\x19\xcb\x80\x9b\x0e;\xc7V\xd3\xb5\xc3\xd5\x7f\xfb\x8fOzREH\x9eu\xc0\x9a\xba\x8a\x95TD^\xb4\xb8*y0\x9b\x89$s\xe5LM\x14*\x97\x97\xf5Z&amp;\x9d\xc9\x94\xc3\xa2m\xdeCQ\xe0\xeb\xc1B\x179;\x8b\xeba&lt;K\xa6\x00+\xaf&amp;;\xbdN\xe3\xd3\xab\xebb=\xff:\xdf\xe94D\xbb\x1d\xb0\xd6\xd5\x10-MB\x8am"\x7f\x05\x03\x05\x85\xd9p\x11H2\xb5\x1a\xc2\xaa@\xb0`\xa51\xcc\x86\x11\xc4\xf6\x15WLJ\xa8\x82\xe0\xe9\x93)\x07\x7f\x9f\x8cD\xbb\xbd^\xf7\xe2\xef\xd7\xc7\n\xf7z\rAb \x89\xebS\x80\xf5\x90\xe1bO\x90\xe9\xdb\\\xe5&lt;\x18\x8by\x12\x08\xa6&amp;\x1c]~;\x122\xe5r&amp;#b\x94\x07\xc3\xa2\x04\'s\x15\xb9\xa8\x06\xb0&amp;\x00+\x1e\xc8\xd5\x84\\\xaf\xd79=\xbf&gt;\x96\xa9\xd3k\xd4c\xee+,\xb0,t\xb1\r\x19Dq \xa2\x1e\x82\xa609\\\xf5\xcbo\xdf \\\xe5r8,b\x04E`\x98\xc7\x0e\\P]\x12\x03\x93\xd9\xf0D\n\xfc\xda(P\xe7:\xbd\xde\xca\xb5\xa3\xf5\xf4\xb5\ramg\x92\x08\x0b\x86{H!\xd8v\x98\xc4b\x94\xc7\x03\xc3\x0f\xc1\xa6\xcb\xe5Z\xfd\xe8\x1b\xac#\x90\x88\\8\x9d \xd0\xf2x$.\x06O@\x13\x0fU\x90D\xc0\n\x19\xc4Z-\xdcU\x02\xeb\xf6\xfb,\xc2\x122\xc9\xbd=\xc0b$\x0ef\xb0\xb7k\xc5b\x11\xf9Q\x8e"&lt;l\x18b\xb5z\x89\xd6\x11\x92\xae\\\x9aM\x000p\x01t\xbb\xdd\xa6\tF\xa3\x9d@\xd1J\x05\xc3\xb5\xa8g\xa4\xd7\xbb~\xc9\xf7\xbf\xfc\xd4\xe9\x94\xebu\xfb\x14`e\xdd\x04\xc2BS\x17\x8c\xce4\x87\x8c2DK\xa8W\x8e\xaeV\x05\xf8\xcba\rT\x160Q\x80\xd5j\xb5(\x06\xb28\xb1\x80\xb04\xe1\xb2@i;\x9d\xeb\x0bD\xff\xc6\x87nG\xdc\xaeH\xa72\x16C@i\xad\xad\xb5\xdb-\x1a\x84\taQ,PAi\xcbX\xab\\T\x10\xc3\xb8\x1b\x83\xd2\xa28\x8e\xa6\xe9S\xf0\x1cn\x8dZ\x8d\xb0\xa6\xd8p#\x83e\x8f\xfb\xde\xdf\xbe6V\xff\xfb\xa1.\xb7Z\x8f\x9e\xeeUW\xb2\x90E4\xe0\xc3\x903\x1f\xe1\xae\x96;a\xdf^}\xf2\xf6\xfb\xdb\'\x9b\xf0\xbf\xed\x89zX\xb0\xd5\x1a\x0c\x04\x95F\xe0\xeey\xe8?W\xd1J\xaa\xc8F.\x13\xb9\x7f\xb6\xa1@O\xfc\xfdl\xa4]\x11\x04bE\xaey\x86\xa1b0~\x116\x90q\x90z\xa8x\xfb\xf6v\x05\xb8\xde^\x82\x9a\x15%!\n\xaaa\xb2a2\x16\xd8\xfb\x88[\r\x1bqb"\t#\x8a\xde\xd4\xe86r\xd8\xa7\xf7\xd7\x7f\x81\x8a\xbe4\xb8\x88\t\x99Lb\xbd\x8a\xb2\x08\xc5LC\x1e\x8bpO.\x06\xb7\xc50\t\xbcC]\xae\xaeU\xe8&gt;5A\x88\xb2\xa8\x99\x83n\xc15\x94\x07L\x84^\xafV\xcb\x1b\xb1\xd1\xedt\x1b\xd9\xcfO\xfb\x15\xc0\xea\xdf\xf8,e\xa0\xbfd\xab{+\xd9,\xda\xfa\\\x0b*\x9e\x86\xc6\x88\xf6a\x14li\xde[\x12\xc1B\xd4\xd3\x87KK\xc7\xa4\x08\xc3\x8e\xc8F\xe5\xdaB\xd1\xd2\xea\xb5HL\x1d)S\xae\x0b\x1d\xe3\xe2\\\t#\x08\xe1zC\x97\xc1#\xb0P\\\xeb\x11\xd8z\x14\x07\xd5\x85\xa88Ps\x96\x8d\x8a\x87\x8b\xb7\x16\xfd\xe9\x9a\x18\xf6.-\xde\xba\xb9T\x1a!\xb56\x16\x95|\xabE\xcc\xab\xd1\xeb$\x19+n\x05\xaaN\xe3\xbb"\xafO\xd1\xa9\xdd\xa7\\\xb7QK\xac\xec\x01\xd6)\x98\x03\x1aQ\xa1\xc2\x01w\x03\xe3)\x84\xc8\xef-\x95\xbc^\xff\xb1\xdfk\x04\xebz\xa8\xb3\xb1\t\x89\x93/A\xc1B\x1d1\xe4p\xf0\xfe\x93\xae\xb5\x84\x7f}\xae\x10\xd6\xc6\x19`\x8d\x8c\xa4@"N#n7!\xd7z\x0cd\x8b#\x18\x0c\xf7\x02\x87yBg5z-\x16\xe3h\xc0\x7fr\\\xc2Q\xe7\x89\xa1+\x08L\xa35\x9b\x87\x17\xe2!Gh\xc0\x19|\x98\xcd~\x7f\xa5\xcc\x89\x01p\xbd&gt;\rF\x08\xcd\xce\x1e\x84+\x0bX \x93tL\x16.\x89\xf0\xd8\xc8\xd2!8\xd2\xd1Q\xb3\xce\x19\x80\xd9\xd1[r\x9aT\x8c]6\\\x14T\xbcJk\x06\'\x8f\xb0\x02VR\xb5\xbe\xf7\xe6\xa9R\x83\x0f\x14\xfd\xc5\x05\xc1&amp;e,\xe0B]\x05\xb0dY"X\x1c\xe6W\xab\xdf\xe7\xf2\x8e\x1b]\xcb0\x9f9u&amp;\x1b\xe3\x89br\x03\xc246\xb3\xc1p\x855\xeeu\x0e\x1b\xdf\xfd\xaa\xd8&lt;\x06\xd5\xf5.\x95\xcd\x1b\x10\xd6:d\x11\xeeH\xc9\x85CI\x04\x14\x97itlfvvr\xc9\xff`vqrrf\xd9\xab\xc3Y,\xc1"\xe9B9\x04\xc3\x8c\xb0\xc0\x04\x06\x02&lt;\xffZ\xb1ov\xd1g\xd5_S\xa9a5\xda\x8a(\x8b\xd0Z\x08\xd4w\xec\x04\xc1\xa8p\x83\xd15=\xb9\xb8\xb88\xeb\x9b\x99\x04\xac\xc5\xc5i\x97wT\xabb5 \xf5`\x08\xb5f\x03\xc2r8\x86\xf4\x86&gt;\xfe\xecU\xbf\x82\xc7\x18\xfd/\x7f\xfb//\xe7\x1f\xd3\xc6}\x05\xf0\xe6@\xa3\xd89\x0b\x9fl\xfc\xa3W\xae\xff\x1c\xe5\x98OF\x01\xcb\xbe\\q\x83E\xeel,&amp;7\x9a\xe5\xd8&gt;\x96,Dc\x122\'\xc6\xf0\xb4T\x9b\x02\x7fl\x88$\xa2\x19\xa0\x84\xbfH$P\xe2d\xf9\xb1F\xa1!\xa2\xa4\xa2\x02\xba$\x7f$\x88\x84\x96T\xa8\xa3\xd1*\x91\x94%K\xa7\xf0O\xa2\xbd\xf7=\'\xffM\xcbZ\xbc\x87\x01\x0b\x90\xf8\xe8\xbd\xf7}\xdf\xf7\xbe\xdf\xf7\xae#\xf0\xd6g\xc7\x89\x15\xd3\xc0\x85\x16\x82\xafe\xb4\xc4\xf2\xaa\xbb\xa5\xc5\xd1\xe2km\xf5\xf9\xe0\x05o[\xa2\xba\xe8\xb1\xd7\x14m\x85\x17P\xd9lP\xf6\xf8\xfdRgQ\xe0\xf0\x9dM\xbd\xe7\x84P\x7f+\xfd\xeb\xed\xb0\x14\xfb\x03]i\xdc\x88\xe1\xb3l\xab\x99Cw\xf2\xb5D[u1%\r\xe7z\xbc\xac(\xab\xf0\x03wP\x15\x9d\xf6\x9fB \xb5\xa3g\xa1\rW\xfa\xff\xd0\x99\xbe\xb7\xa9\x9de\xa4;\xfe/?\x7fxw\x05\xb6\xc5\x00\xb1b\x19T\x8cv\x86\x07\xa7\n\xfaT\x91M\xe0\x11\x13\x1d\x0bd\x126J\xd4[[\xdc&gt;\x95Oq(\x06\x96\xdf?\xb1\xf0\x8f\xbb\xff:S\xb7\xd9\r\x1a\xbd7\xcf\x9f\xb8\xb9\x02\xa9\xa0\xd9\xfc\xaeq\xf9\xebd\xb5\xa0\xcf\xe7\xd3e\xd6\xd6\xdf\x15\x08t\xc5b\xb1\x8c\xcbf\xb3y)\xb6\xd5\xe1\x8e*\xa2\xd7\xe3\xac\xe0\x9c\xa9\x04b\xad\xdc\x19\x18\xea\x1d(\xd9\xecn\x16\xb0c]\xdd\x99k\xb0-\x92ks\xa8\x80h\xaf\xd2\xe8\xf3Eu\xaf\xc4\xb8\xb6\xd14W\x0e\x91\x82\x81"[`YVn\x05\xcfW\x92\xbc\x84-\x00\x89\x0cl=\xa3\x05\x99\xce(!m\xd6\xbds\x87\xb1\xce0\xc7\xb0\xe4w\x8a*\xf8\xb8,Hx\x10\xc1BL\x1d\xee\x89\xe4r\xb9\x88,\xc3\xd7i\x9f#\xaa\xaa\xa00&amp;e\xcbd2\xf1S\x13C\x85kj\xae\xcb[\x11\x0b3\xbb7\tq\xc1\'G\xe4\x08\xber9%y\xf4\x882,\x08\xc3\xb9iX\x90\x0e\xc0\n\x065\xd1kJ$\xda\xda\xe2+\x0b\x85lj&gt;s\xad\xbb;\x80\x17\xfaEf\x93\xa6F\xdd\x8eZ\x0c\x0c\xb9a\xa1jwe\xa5 0\x9d\xeb\xeb\xeb\xb40\x8c\\\xb0\x16\xa2Q\x85\xb7P\xe0Ym\xf1\xdbW\n\xd7\x99^R20\xd1\r%?\xc1\xf2bd\xf7E[[UYdjb\xebyYZJ\xd3\x94\xa8\xf1\x11\x1d\x94\x15\xd4A[&amp;\xc0\xf2O\xd4\x15\x12\xab\xe4\xceJ7\xae:\xb3\xd9\x9c\x8a\xa8AU\x8d\xb0\xac\xc8R\x99\xae\xa5\x87K\xef\xbc\xb3\x04\xf2\xdb\x87K\x01\x1be\x11yY\xd1UU\xa6L6&lt;q;u\xfe\xb5\x82\xb6\xf1\x8f\xdf\x828\x1f\x88\x01\xd66VQ\xb1\x8f\xcb\x9bre\xfa\x0f\x02\xd6\x0b9\x98I\x91\x1cG\x8c\x80\xcb\x9b\xc0\xb5 \x98\xfe\x1f\xb0\xd0\x8a\x88\xd5\xa4(l\xca\x99\xf2z\x18\xce\x95\t\xa4\xdfZ_\xdfQ\x16\xab\xa9\xa1=\xa1H\x04\xf2\x1bo\x13\xaf\xcb"\x15\x06\x87\x87\xf4\xa1\x90X\xafa\xbf\xf5K\xac\x94(:aMr\x8c\x10\xe2\x87!;\x85\x081\x9c\xd3a\x19\xaa:O\x1a\xcaB\x11\x9e\xa5\xc2HUp\xac;\xdd\x1d\xdd\xfd\xc0\x85m4"\xbb\r\xdf\xd0\x9c\x10\x99\x86}\xba\x85\x08\x84\xfd\xe9a\xa9\x9c\xf3H\x9e&amp;^\xb4\x82\xbf\xc7\xe3\xf1\xe6Bc\xdd\xf4\x9b\x08\x97\xcbe\xb7i\x1aes\x01Y\xcc\x8e\\\x10ZQ\xa6s\x91\x1e\x86\xa6i\xa6\xa9\xa9\x89\xd7(\x82\xd5\x9c\xf5\x17\xd8\xb7\xae\xc7M\xe1\x8e\xfe\xfe\xfe\x84\xcdF%!\x88{]f\xe0*bz\xd0~\x11]\xcf\r\xf7H\x0cg\xe7\x9c\x1ep{9I\x11e}\x90\xf5/\x17\x16\xeb|\xd8De\x81+\x03X\x1a^\x1dzmf\x1a\x8a\x1bF\xea\t\xf1\xb0\xefD\x08\x95\x13\xa8\xf8\x88\xa2&amp;\xb3a\xa4\xb2f\xe3\x05\xc6Z\xce\x9a\xbcV\xd0\x17&amp;0\x9a\n\x81I\xf4\x9a\xedN\xce\x0e\\B(\x12\n\xb1\x12v\rr)KDV\xa3\xc1d\xb6-\xde\x8c\xcd9\xf1\x89\x82b\xd5Md\xb3x\x1f\xde\xd1\x01X\xed\x8a/\xaaj^\x17\xf8\x19`y\x9a\x04(z\xaa\x18\x14\xca\xa2\xa9\xd8\xe1|$\xdb\x0cT\xed\xed\xd6\xe6\x89\x82NE\r\xdd\xa3L\x14k\xb1d\xc3\x80eMF\xa3\x101-,\x95\xf2x$\xa1\x07&gt;\x18\xd2n\xcajxa\xdd\xe2p\x1ci\xfe\xe0\xa8\xa6\x01Vv\xae\xae\x90X\x9f\xdc5\x99`ga\xf1?Y-\xaa\xdb\xed\x0b*\x8a"\x8b|Dd\xc5\x90\x18bEMV\x92\x08\xe5\xa8\xafw\xb8\x8f\xf6\xb5\'\x93\x9a\x08\xea\x85l\xb9\x80Xgn\x85M\xa0\rQ\x04\x1dX\xad\x8d\x0eG=\x8056*\x1a\xc2)(\x90V\x80\xd4\x92\x9eo\xf7\x11-\x89]\xbd\x80U\xd8\x0cb|%l\xf2x\xbc,\xdb\x0e\x8b\xd0\xa2E\xebk\xdd\xf5\x0eH\x90\x83$\x8d\t\x06\x81\t{\x8c\xb7\x94\x92^t\xb7\x9aL*\xb2\xc6\xb3\xd6\xec\xb53\x85\xc4Z8\x0cX\x12`\x81\xb1d\xad\xbd\x91LYl\xc1\t\x10\x87\x83\x8c\x13\x105\xe5[\xfc\x01\x0b\x95H\xb0V\xc6\x0b\x88Uw\xb3;\x0c\xee\xed!f\x94e%\x8a\x0c(\xc5\xa5/\x05\x07Zpt\x04\xe7\t\x1aU]\x8e\xf0"k\xb1\x1e_(\xe0$\xe0\xc0y\x7f8\x05\xab\x8d1\xb8\x94(\x9960&amp;B\xc8\xc8\x8818\x92\xa7\xdaR\x8f\xe9\xbc\xcc\x87\xc0\xb9\xfc7\x0b\x8854\xd7\x8fX\xa9\x94\xc7\x02f\xd4d\xd5]jL"\x91\xd1\x19\x94\x17\x934\xc5\xc5\xe8\xf2AU\x81\x1c\x07\xd4e\x8d/\x0f\x14\xea!\x03\xd8&gt;\xd2\x91H\xa5\x9c\x0c\x07\xd1\xc9\xd2\xae\xc9\xba\x9b\xd8\xac\x94\xa8\n\xe7}\x8a\t\x19*\xabxK=(\x0b\xa9B\xa0-\xaa\xedQo\x81\x1e~\xf0\x1dV\x18\xf1\x84\x8d\xc4qP\x18\xe8K\xf1m)6\xc4\xd0S\xf1K\x1b\x82\x11\xeb\xff\xa8\xca\x98\x10\x8a,\xeb\xa5\xc2\xd7\xae\xd4\xd5\r}\xf2^\xef\xa6\x8f\x03\xe2\xac\xcfJ\x9b-\xe5\x81]\x0f\xfc\xab\xa9\t\xf2\xf5`\xbd\xe1\xe3y-\xe1\x90\x14\x8e!!V\xad\x1b\xfd=\xc2\x87XH\xac\xa9\xf0\xf1\x85\xfd\x0f\xae_\x9c\xfb\xe6\xc0\xd0\xe6r\xe1M\xfa\xc5\xc3\x19[\xca\xe6\xe48\'#I\xb0\x1e5\xd5A\x96a\xb1\xe1VdV\xaa\xf8G\xa5d\x00(\xaab\t\t6\x04*/e\x8a\x8f.O&lt;z4\xba&lt;\xb8\x7fh\xf3N\xb8\x8cj\xff\xd8\xbd\xee\x0e\x97\xd3e\x07,\xce\xe0R\xa2\xb5$(\xa0\xcb\x17\xbf\x9c\xd4\xc2\x99\x9b(Q\x15\xcb\n\x98&gt;{RT\xb6y\xf5\xf6\xe8\xe3\xc7\xb7\x1fT\xe7\r\xb9I\xbd\x10%C\xd7G\x8f\xfb3\t\x17\xe4-x\x10\xc30\x82G\xe2u\x1f\xec\xc8\xb5\xc6\xcc\x981/\x86L-\xbe`\xde\x80\x82D\xb0(\xc0\xea;tjuuuna\xf0\xd8\x01cU~\xb7\tT\x03\xbd\x0fV\xe3\xdd\x1d\x19\x17$\xf1v\x9aF\x8dI\x92\xc4\xca\xba\xda\xda\xea6F\xc7Jq^\xb1\xd6\xd1\x82%\xad\x0e\x19!\xa1\x12\x04\x01\xe2/EY?\xe8k\x07\xb0\xafW\x97\x17\xae_\xdc\xff\x03=?\xff \x11\x80:\xf0\xde\\_\xdc\xdfA\xda\xd1]\xe6\x98\xd9\x8e\x89\xb1$@T\x8a\xe8Q&lt;\x01\xf4\x91\x1a\x83\x94\xd9\xfa\x0b_\x07*\xc8Vq[\xb0Z\xb3}\xb0\xbd\xf75\x1fZ\x1d}&lt;Q\xddpe\xe8\x07\xc4\x8a\x17\x8f\xedx\xf6\xb7\xfd\r\x83\xa3\x96\xb6\x8eLb\x9b\xddN\xdbis\x0c\n\x1e\x8ea$\x16\x0f\x8e\xa0\x82Vd]\x87\xf2gZ\xcf\xc9\x98:C\x85\x16\n\xe1\xaf\x04\xa0\x92\xc0\x888\x8e\xa1i&lt;\xdfni?\xf2\xf57\xd5\xd5\'\xfe\xda\xfb\xbd\xb9\x88\x9e\x9eo\\\xbe?\x7f\xec\xed\x86\xc1\xc7"b\xb9\xd0\x844\x1d\x08\x04h\x9a\xab\x92\x04\xa9\xaa\xaa\x82\x83\xf0*\xf4\xf4\xf0P(\x86X\xbc\xce\x08\x85zX\xf8\xc6\n\x1e\x0e\xa8@Y^+\x05X\xa0\xda?\xf1\xef\xffbt|p\xb0z\xf0\xc4\xd3\xb5\xef\xe3b\x86\xfd\xd66f\'gN\xff\xf9\xed\x06\xd0V\x1e\xcb\t\xca2\x9bcP\xf0\xd0\x15xJSQ^\x14\xeb\x82\xf7\x0cS%\xa1n\x04"@%x\x18\x06V,1"E\xe1\xb9\x04\x1f\xe2\xdf\xffY\xdf2PU\xef\x19\x9f\xfd\xe7\xe5g\x03\xff\xa3\xca\xf2\x0f\xc9x:\xf5\xf1\xfc\xe9\xb1/N\xecz\xa3\xa1\xfa\xb6f`q\x1c\xd80f6\x07b\xb1\xf2\x8aJ\xa9\xaa\xa2\xa2\xbcfG:\x1d\xdbZ\x84#+\x15Ree\xa5\xc0\xb2=\x82\xe4a\xf2\x02\xda"X"\xa8QVG\x17\x80j\xe7\xce\x13_]=}n~c\xcdx\x1aI\xc9\xabS\xd5\xadmLMM\x9d\x1b;\xf9\xe9\xb1]\xbb\x1a\x1a\x96\x8f\x86\xfb\x89\xb68\x1a\xb9\xba\xbabfPWe%\xe1z7mH\r#\xe1AW\x08\xa8@O\x0c\xe3dpG\xc0\xa5\x98\xb2\x02USH?tq\xb0z\xe7\x9e={&gt;\\\xdcw\xf5\xc2\xe4\xe2\r\x03\xecU\xb8\x8c\xbf[{:5\x7f\xe9\xd3\xc9\x99\x93\x04\xeb\xf7\xfb\x1f\x1c\n\x1f\x0cd\xb6a\xd4\xa2i\xc4\x02.\xae\x8apu\x96\xd7\xa4\xd3]\xe9\xf4gi\xfa\x85\r+\xab\xb0\x08\xc2\x83f\xb2\x85zR)\n6G6\xd2\xfe\xe8\xef\x83H\xb5\xf3\xc9\xcc\xbe\x99\x99s_M\x9e\xfe\xf2\xe9\xda+&lt;Z&amp;\xff\x17k\x1b\x97\x9e\xcc\xdf\x18\x1b\xf9\xc9\x9b\'G\xd0\x88`\xc5\xd16&lt;\xa0\x04.\xbb\x81\x15C\x97\x02\xae\xaa\xdd\x9d\x9d\xbf,\xdbQ\x96N\xff\xb8\x0cl(\xa0\x15\x85J\\\tF\xd8u\xe2\x9c\x81\xcd\xe6\x15\xd9&amp;^\x7f\xfc\xc0P\xd6\xd9\xc5\xd7\xf7\xed[\xfcp|\xea\xdb\x0b\xa7o\xdc\x7f\xfe_\xc0\xf2\x0f\x83yvyvv\xea\xd2\x17c\x17\x16\xbf\x9d\x1c\x19\xf9\xe8\xec.\x94\x8b\x87\xbb\xf0h\x0b"\x16\xb1"\xfa\x17\x98\xb1j\xf7n\xc0\xea\xec\xdc\xbb}\xfb\xde\xbd\xbf\xfaM\xa5!\xe0r\xe5\xe5\xe5\x1c\x06\x11\xd8B9X\'.\xc0b\xf5\xdf\xe5M\xb8\xf3\xd2\xcc\xebo\xce\x9c\xfb\xbcz\xf0\xce\xec\xe4\xd5\x0b\x1f}\xb9\xf1\xfc?\xba\x7f&gt;t&gt;\x7fz\x7f\xf6\xc9\xc7\x97o\x8c\x8d-\xce\x9e\xfd\xfc\xdc\xc8\xc8\xc9\xf97\xc0\x8a\xffn\xdb~B\x13\xcd\xcf8\x80\xcb\x04A\x9a\x0cJ\xed\x04\xca[\'C\x94*\x0e\xb35{\x08\xdb\xec!\x11\xf1\xd0K\x12\r\xc8\x94\x1c\x8c/B\x13H\xd97\x9dY\x02\x1e^\xb6\x97\x1cJ\xa1\x07\x0f\xd6\xcb\x8e\x01\x07$j\xcd*\x8eh\x94\x0cQ\xe3\x18\x89dA\xca\x9a1\x83\xd9\r\x19\xd8L`I\n\xed!,\xfd&gt;\xbf\xdf\xab&amp;\xdb&gt;\xaf\x9a\xe0\xfc\xc9\xc7\xef\xf3\xfc~\xaf\x18\x15\xac_\x7f\xc1^r\xa3\rb\x08kQ722?D\xef;\x05\x8b\xde\xcf\x82cCa\xfd\x16\xf36\x8a+\xc55\xf6`\xec\x97\xf4\xbe\xf9\xdf&lt;y\xf2\xe9\xef_\x05\x83Mo\x93\x85\x05W\xbe[z\x19|Y\xea\xc6\n\x85X\xf9\xec\xff5S\xb9\xe3_\x08\xaas]L\x9c5v6c\xd5\xb4\xcb\x1c\xbaN\x85\xc3\xe5S\x84%\xb8\xdf\x1f}\xb1\xf8\x8c\xb3h\x8f\xb0\xd9l##\xb6\xd1\xa7\x94\xd7\xd3\x8d?m\x80\xb6\xae\xb0\xb0\x0c\x1e\x8e!-\x96\xd8\x83\xfb\x1f\xe3\xef\x7f|\xefW\xbf\xfb\xec\xc5\xb9\xb5\xe9\x95e\xd9Z\xdd\x135\x86YC!\xd6M\x07\x83\xdf\x94\xaa\x97\xa9p4\xd7\xdf1\xfa\xaf\x0c(\xcd\xfb\xf1?g\x9d\xebR\x1a\xa8h\xac[\x8a\x98\xfd.g\xfa2\x1c\x8ee\x05Ap\x0b\xde\xe3w\xd8\x08\xe6\x87\x87lp\xcd\x13\xcbf\xa3P\x80\xda\xd8X\xdf\xa0\x1b\xce\xb2X\x1e\xf2\x1a\x1b\x1b\xc5Y\x01\xd1b&amp;\x7f\xf6\xe4\xb3o/\xd0?\xa8\xc6KyQ\x14\xf7f\xc5\xb9p!\x97IG\x82/\xd3\xd7\xc9\\4\xbaS\xbeQ"\xeb?m\xc1~\x80\xe6Uk\x89\xc4M\x99\xa1Bn\xb3\xddi\xb5Z3\x88\xab\x11\x12\xa8\xbc\xc7\'\x8b\xcf\xa6\xe7G\xc0\x1a\x1eAR(z\x8b\xee\x1a\xd2Z_\x87i\x9d\xb3,\xbf\xb6\xfc\\a\x8d\xb2dG\x88u\xef\xd3\xef\x0edB\xc9\xe3\xf52T\xe2e\x17\x19\x85\xc3\x85v&amp;\x1eq:I\x16\x8bF1e\xdf\xb3W\xa5{\xe7\xbdl\xe6\xba\x18O\xdc \xa8\xcd\x1c\xda\x87\xad\xcaK*g&lt;\x87\xa1O\x0b\xdc\xb5\xfdnzqF\x07\x97mD\xc7X\xa3\x16\x0b\x1b\xf9\xa7\xeb}\x15\x9fx\xae\x1ae*\xc6z\xf2\xdd6G\xc9\xdejA\x14\xd5\xad\xb4\xb5^L\x12\x8c\xda\x17\xb1\xdb!\xab%c\x9b;\x8d\xec\x8f&lt;\xa9\xbf!\xa8\xebb:\x9e\xbdj#\xc9d-\x0e\x94\xd9\xeee,\xc4U\x08ov\x1c@\xe1\xeax\xbf\xfb\x06\xae)\x9b\x8d~IF,\xb6\x14Y\\\x7f\x86j\xbd?Z\xb4\x121\\\xf7m\xc3\x14\xd6\'\xc3\xf7\xbe=h\x82\xa4\x1f\x97\xe5R\nY\xe5\x8b\xf4\x98\xbf)\x02\x12\xde\xdc\xdciw\x12\x11\x97\xcb\x15I\xd7\xba\xb9\x9d\xf6\x8d\x8a\xb6\x03\xec\xe6\xa5\xc4\xd9U{\x07\xdd\xed$Bf\xb7\xd9\xef\xb7\xd32v:q\x9a\x88\xb7\xc2\xe1v\x9dX\x0e\x87\xe09\x7f{2\r\x91N\xd7w\xada\xb8,\x1b\xeb\x96\xfe\xbc[\xb8\x89\xcaf\xa3O\xe9"\xab?\xbc\xb8@Pz\x94\x1ca-\xec:\x83tntFJ\xdd\\t\x13\xb5\xd3\xb8\x81\xccn\x0f\xc5k\xc9\x9c\xea\xfb\x7f\'J\xa5\xecM\x83\x9b0\xe6\x08\xcaowQ9\x9d\xdcU-\x84\xa3Y\xce\x02,\xf8\x8f\xdd7\x0c5\xc3\xa6\x8b~8`k,2\x0b\xbd\xe5\xd3\xf2\xb0G\xb2\xd1o\x86\xa7\xa7\xe7\x1f\xfc\xe2\xef\xaf\x82\xe3(\xc6*RX\x97i+\xa9\xac\xd6\xa6=\xc4\xa6\n\xb0\xe8N\xa3\x93\xad\x87\xec\xaeHI\x95\xe0\xa6\x9d\\#S\xaa\xfb+\x15:\xfd\xa1\xa0\xf2z\x19,\x94H\x8a\xe1\xcd+\xea\xa0\xcc`\x8e\xf3WGofP\x88k\x8a\xcb0\\\xcbk\xac\x94\xf6\r\xd1\xdcMMM\xe9\xa6\xa1\xfa\xe3_\xbf&gt;h\xc2\xc4Ul\xde\xf3Ef\xa2r\xda\xcd\xe8]&amp;\x99\xe3\xb2v\'\x1b\x8f\xb8T\x1d2\xb5\xaf\xce\xe2\xa1@%\x10\x08\xe0)\x8cL,/]As\xc5\xab1Q\x12\xc3\xb9\xba\xa7\x97\x17\x80\x17\xfb\x1f\xde&lt;~D0\xd1Lq=\x00\x00\x04%IDAT4r\x99\xd5\xd2\xd2\xd2\xf2\xda2p,(\x88\xc0\xc2\x1fO\x0f\x7fB\xa8U\xde@\xc8XX\xf9\xeb\xbe\xcajuy\xedh\x11\xa6*\xa9t\x13\x1a\x15b\xbaI\x9c\x9a+\x95\x8a\x19\x13\x85\xea\xc1Pnw=\xd3\x12\xd5&amp;\x8d4\x17=;\x14\x14W\x080\xc7\xc5\xfe\xd1\xe2\xcc#\xd0t\x10\xc0\xb3\xc4\x0b&gt;\x96\x13\xeb\xf2\xa4nz\xe8/G\xfb\x17\xcdq\xd6@\xde\xc3HR\x14g\x93\x11\xbd\xb7\x9f\x96\xd3\x89\xd6\x90,\x14/V\xcb1\x92EU\xd9\xfa\xd6\xeb\xd7\xaf\xa9y\x82\xcc]~\xb3\x194\xbf\xec?MT[{\x1a\xb5F\xa3\x96\xd4\xe1+\xc1\xe3\x19\xb8\x00;?\xde=\xf9\xea1z\xe9[!\x90\x0f\xc7\xd2\xd2\x14\\+:\x9dorrfrf\xf1\xf3\xa3\x1f\xb6\xcf\x9b\xcaL\xe9\xc7\xd9\x91\x8e\x89\x86\x85T\xb9\x14R\xd6\xb9\x95\xa6\x172\x16Y\xc5\x1cI\xd4h\xe9\xa9*\xaf\x03Tn\xdc\xe9\x96eJ\xcc\xcc\n\x0b\xa2\x9c\x12\xd5"T(\xb5\xa9\x1d\xf2x\x08\xe6\xe8\x95 \x04\x0f\xf6wO\x16\x1fM\xf8P_~\xe9#\xda\xca\xca\x8a\xcf7\xf1\xfc\xf1\xf3\xc9\xc5\x93\x81I\xabW\n=\xcc\x14\x0c\x06\r\x9d\x0e\x13\x809yZ\xac\xe0B\x05*\x15\xc4\x91Qa\x9c`\xc1\x95=K\x90\xdd\x02\xbe\x0b\xd0"m\x15(\'5\xb1\xd4\xf8\x1a\xabW\x18Ki%%\xe6\x11\xe4\xf3\xed\xb7G_=\xa6\x0fq\xc2E:\x1f}8\xf7\xf9G\'\xbb\xfbd\xd2\xb2\x02K;\xae\xc0B]\xcd\x82$\x19P\xf9d1b\xf7Z\xf9b\x87\n\x8d\xb4\xbb\x10J\x00\xb2\x80\xca\x8c\xa0\x94\np\xdaV\xfc\xac\x11CP\xbd\xa26j\xc4B\xc6\xc1\xe3\xf2\xdc\x9e}\xbd\xbe\t\xd9\x07\xec\x18\xbe\t\xb4\xd1\xe7{&gt;1\xf1\xb8g\x1a\'\x8fR,*\x1a\xadKC\xaf\xf6\x00\xab\xbb\xbc&lt;*\xafK)\xaf\x1d\x191\x96\xbb\x07C3\xb7N\xb3W\xb9\x82\t%\xf6I\xb8\x91\xd4\xa6T\xa7\xee\xe9\x95\xc0b\x93\xe9Fo\xd46/^\xed~~\xdf6\xe5\xa3\x0f\x0c\x7f\xf4\xe1\xed\xf6\xf9* JT\xf8:\xae\x14TB)\x0f\xd0\xc2BOvY\xab\xbb\xec=\x12\xad\x7f\xaf\xcb\xee\xb2\xfb\xfd`\x91\x8b\xcdW\xc5\\\xcfvr)\x93\xda$\xf6r\x12\x15\x18M\x97XNx\x8c=\x98\x9eu\x13\xb7\x1e\xbd\x87d\xef\x7fx\xf7lyj\xfa\xe4\x9f\xc7\x17M\xa5s\x8ajP\xb2\xdeQliH\x05\x17\x97i\xf6Z\x9dt(\xe0f\xfb$N,X\xfe\xb4\xe8\\*\x1e\x12\xb6\x07\x0cZ#\x97\x12\xe7()\xf5\x9d\x0e\xb2\xf9\xd2\x88&amp;1\x969%\x98\x91\xeb\xc8\xe4QFF\x8bf\x1e\xbf8\xda?\x08\xaej\x07E\x96U^\x94\x95\x1c\xef\xa6(\xabY\xe6\xe2,\xc0\xf2\xe5L\xe2\xd4O\xab\x1fia\xbapai\xa1N\x13\x9dv\xac0\x87b\xaa\x01L\xd3/\xb5Z4\x15\xcaY\xc0x1\x99\xd1\xa8\xc7ad\x86\xd5 o\x9e^\x11\xad\xf6K&amp;\x94#\x9eiQR\xb3L\xa5\xc0$6"{\xf9\xcbj\xa9\xeeR6N\x94]\xc5s*\xc3db(\xe6\x1a\xc4\xa5\xd1\xdc\x86\xa9\xc5T\xb9V\'\x18\xc3\xf5\x84\xe4\x82C{h\xbc#j\xe2\xe0Ii\xf5\xa14\xf6\xc0\x05B\xddV\x19$\x89\x0f\x08\xfe\xe3\xcb+\x9c\x0f\x11\x12\xb3\xa9\x069\xf5\xb2\x9aS\xdf\xcdK\xba\x03S\x17r\x9d\xb8\xc3x\xa70I\x18p\xfe\x9dV\xbbz\xab\xd8\xa0\x0b\xb4\xdf\xe4\xf7f\x95RP\xb8H\x06\r\xb9\x94\x1f$\xa6Z\xc9L\xa2\xbeE[\x96\xaa\x1c\r\xcf\xcd\x85\xfb,\x1eV?\xb0\x9e\x87\xd3\xf8c\x93\xc4X#{*\xdcQ1\x13\x0f\xab\x9f\x16-E"\x952\xb7L\xfd\xb4xVJ\x17\x19\x8dE\x92\xca5\xce\xe2[\x15\xd5\xdc@\xd5\xeb D\x88\x8bn4\xca?"\x8fD\x87D\xb1K\x92Thuk\xf1\x90\xfe\xf0\xf0\x90\xb6$\x88\xd8wZc\x7f\xda\x8d\xe8\xa8\xe3\x14O\xea.\xef\x90~\xd2C\nL\xea\xb5\x01\xae9Zq\x05&lt;j\xd5 \xa7AP\xdc\xa6\xe4\xa5\xe6\x1e~\x91x\xf8\x92\x84\xcc1\xa7\xb5t\x84h\xc4\xba\xd5S\xba\xc7QOd\x92\xad\xfc\x9ea\xf6\x7f\xea\'\xa3%\r\xe6Cm\xe2\x161\xf5_x3\xa5\\\xbc\xf8\xb3\xa7\x00\x00\x00\x00IEND\xaeB`\x82'</t>
        </is>
      </c>
      <c r="M385" s="3" t="n">
        <v>45492.67851851852</v>
      </c>
    </row>
    <row r="386">
      <c r="A386" t="n">
        <v>998499</v>
      </c>
      <c r="B386" t="n">
        <v>1981</v>
      </c>
      <c r="C386" t="inlineStr">
        <is>
          <t>Ferreira</t>
        </is>
      </c>
      <c r="D386" t="inlineStr">
        <is>
          <t>Ferreira</t>
        </is>
      </c>
      <c r="E386" t="inlineStr">
        <is>
          <t>PE</t>
        </is>
      </c>
      <c r="F386" t="inlineStr">
        <is>
          <t>ATA</t>
        </is>
      </c>
      <c r="G386" t="inlineStr">
        <is>
          <t>PE</t>
        </is>
      </c>
      <c r="H386" t="n">
        <v>175</v>
      </c>
      <c r="I386" t="n">
        <v>47</v>
      </c>
      <c r="J386" s="2" t="n">
        <v>35794</v>
      </c>
      <c r="K386" t="inlineStr">
        <is>
          <t>Right</t>
        </is>
      </c>
      <c r="L386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79e084d-c289-4c03-8859-1d0ffba5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7\xa9\x18\x8e\x00\x00\x02\xfdPLTE\xff\xff\xff\xf2\xf2\xfb\xfa\xfb\xff\xf5\xf6\xfb\xf6\xf7\xfc\xfc\xfe\xff\xfc\xfd\xfe\xf3\xf3\xfb\xf8\xf9\xfd\xf4\xf4\xfc\xef\xef\xf8\xf1\xf1\xfb\xf2\xf2\xfc\xfe\xff\xfe\xf9\xfa\xfe\xee\xee\xf7\xf1\xf1\xf8\xdf\xe0\xec\xf8\xf8\xfe\xec\xec\xf5\xdb\xdd\xe9\xe8\xe7\xf2\xc1\x92~\xd9\xda\xe7\xe5\xe6\xf0\xea\xea\xf4\xe1\xe2\xee\xd4\xd7\xe4\xd1\xd4\xe0\xe3\xe4\xef\xf5\xf5\xfd\xc7\x99\x84\xc7\x9a\x88\xc0\x8fz\xcc\xa2\x91\xde\xde\xea\xce\xd0\xdf\xad|i\xbb\x8bv\xc4\x96\x82\xd3\xa5\x94\xb9t]\xcb\x9e\x8b\xd5\xaf\xa2\x9djX\xc9\xa1\x8e\xb4wfM2/\xbc|h\xc7\x9e\x8c\xd2\xa1\x8f\x97eU\xce\xa0\x8d\xf4\xf5\xfb\xc7\x95\x80F.-\xb7}k\xcb\x90}\xc2\xc4\xd4\xcb\x99\x85\xd0\x9d\x8b:\'(\x92`O\xcc\x9d\x87gB:\xd2\xac\x9dmG&gt;\xbcyb\xc6\x90|\xcf\x95\x82\xbc\x82o\xd7\xbe\xb6\xcd\xa6\x95V95WHB\xc1\x80h\xca\xcc\xdc\xa9wd\xc1\x87s\x92T@\xc6\xc9\xd8\xa5s`\xf5\xf5\xfc\xcf\xa9\x99\xd5\xb9\xae\xa4o\\a&gt;7\xd6\xa9\x99qMF\xca\x8cw\xb4pY\xf3\xf3\xf8\xa8\xaa\xbc\x81RF\xb4\x82nwSM\x8c[KfGC\xb1t`\x8c`R\xc7\x8ar\xf4\xf4\xf9\x83XMzOC^FD\xc3\x8byQ@BkZT\xa3\xa2\xb3\xd2\xc4\xbd\xabm]\x88vlB49\xd8\xb3\xa7\xbb\x8b}\xcb\x97\x80[2-\xf1\xf1\xfa\xc6\x85m\xc0\x97\x86\xacra\xbb\xbf\xd1\xb2\xb5\xc9\xb9\xba\xcd\xe5\xe4\xe9\xd1\xb4\xa9uI=\x88N&lt;\xcb\xbb\xb2\x90\x81w\xa7bN{i_\x9baO\xd7\xd0\xcb`ZbfQJ\x98\x89\x7ff`f\xce\xae\xa2-$+shg\xd1\xc9\xc4\xed\xec\xf2{qs\xe9\xe7\xec\x81qe\x9e\x90\x88\xa5iW\xc3\xa1\x93\xa4zn\xd1\x98\x87\xb5\x84s\xe4\xe0\xe5\x96YI\xadiS\xb7\xb5\xc1UJL\x89UG\x9f\\G\xc8\xa7\x9c\x88zur`WZ@=t@6zv\x7f\x95k_\x84\x7f\x85\xac\xaf\xc3\xb5\x89v\xdb\xc3\xbee81\xafyp^MEL9;kdn]MM\xc3\xbb\xb9\x97\x9a\xae\xc2\xb7\xaf\xe1\xdb\xdbIFQ\xa4\x97\x90\xa9\x81volu\xd9\xd4\xd2\xd0\xcc\xd2\xd8\xd6\xdb\x8b\x88\x93\x9fka\xc2\x80r\x9csh\xae\xa4\x9f\xba\x8e\x86\xb7\xae\xa6k&gt;37.5[QW\xcb\xc1\xb8\xb4\x82{\x7fF;\xbd\x9c\x91bRS::G\xda\xc9\xc5\xaa\x9f\x96\xb2\xa9\xa2\xb4\x97\x8f\xc4\xc1\xc9\xde\xb8\xb0\xba\xb1\xb1~ZS\xbd\xa6\x9f\x9b~w\x9c\x9a\xa4WT^\xca\x8d\x8b\x8c\x8e\xa3\xf57F\xb4jk\x95wn\x94\x92\x9e\xc2\xad\xa8\xd9\x8a|C&gt;H\xdb\x96\x87\x86_Y\x8bi`\xe8(5\xab\x8a\x83\xbeus\xfe\xfe\xff\xde\xab\x9b\x94\x8b\x8c\xc7\x84\x82\xe2\xb3\xa5\xdc\xa0\x9134A\x97ML\xa2\\T\xb6X^\xd3)6\xb4g\\\xe9S^P$"\xc4se\xe6\x89\x89\xdfpt\xf9\xf8\xf9\xb7\x1d$\xe6\xcc\xd1\xacNS\xa4\x95\x9d\xe5\xa0\xaa\xc7ei\xae,7C\x91\n\xbb\x00\x00 \x00IDATx\xda\x94\x98_LZy\x16\xc7\x01\xe5^\xf1/\xd3n\xbb\x99\xa4\x9b\xdd\xe9N;\xd2\xd9\xad.U[\x17\xd2\x99,b\xeb%\xb1\x99i3]\xecL3\xdb\xd8\xdd*\xa5$u\xaa/8\x03e@h@\x90\xb1\x06[Z\xa1kI\xb3\xa1Hp\xa9\xa0I\x19&amp;\x90j\x06j\x8c\xda\x97\xea\xc36\x93\xc6\xd7}\xde\x97=\xbf{\xb9\x97{/Ww\xf6\xa0B\x9f\xfa\xc9\xf7|\xcf\xf7\x9c\x8bH\x8a\n#K\x82I$\x92\xc6\xc6F\tS\x8dT\xd5P\xb5\x8f\xac\x1a\xba\xaa\xa1\xaa\xe0\xa7\xaa\xea\x12\x8e\xe3W\xf1w}8.\x93\xc3/\xfc\x0b\x971\x853%\x86"\xdfpx\x89\xeb\xeb\xeb\xea\xea\xa9\xaa\xe3\xd4-(Q\t\x0b\x900\x8c\xfc\xd0\xc8\x8052\xc5`\x9145\xd4\x0b&gt;}\xda^%\x977\xe1\xbe_\x98\xf7\x9b\xcd\x8b\x8b\x01\x9fy\xde7\x8e\xd7\x8e\xcbk\x81\xa6\xbd\x9dd\xe2\x801x\xa8\xea\x05\xa9\xean\xd5\xd1X\xd2\x92Z\xd4\x1bK,\x8a\xad\xa6\\\xd5\xac\x8f\xd5U\xf2\xf1Z\xf3\xe2jz\xad\xb8\x16\xffO1\x03\x7fW=\x8b\x8b&gt;\xb3\xd97^\xbb\x1fo\x07\xddd\xa4n8\xb7\xc4\x1c\xae:\xa1*aI\xa5\x12\n\x88\x83\x85\xc88\\H.J\xaa*\xf8pi&lt;\x1d_M_\xdf\x8cD\xbc^\xaf;\xe4\xf5\x86\xfc\xc9d\xb2\x98J\xa5\x16\x03\xf3\xbe\xda\xda&amp;9\xbeK+\x19.1\xab\x99,\xb9(,\xac\xd4G\n\xac\xd4=\xee[\x19\x8c2W\xfb\xa7U\xed\xef\xde\xdf\x9a\xf5F\xdcn\xd7\xca\x1c\xbcV\xe6\x0cnw(4a-d\xb3\x89\xb4\xdd\xbc8o\xf6\x89\xc5\xb5\xf8^X\xacVr\xbaX\xc74QB{\x1e\xa3]U\xf2\x16\xcf\xf75\x94\xc1\xa0\x7f\xe6\xd5M\xafa\x05!\xcd\x05\t"\x18$\xc6\x0c\x06\x83;lp&amp;\x0b\x99\xb5x&gt;oO\xf9\x0e\x04\xf6#\x97\xcb\x04[\xc8\xb6W\xbd`\x13I\xaa\x92\xb5H{5\n\x15\xab\x91\xed\xbe\xfb[[\x11\xb7#H\x00\x11A\x0c\x12D4J\x10c\x08\xcc`\xb3:\xfd\xfed\xa1\x18\x8f{\xd2\x01\xdf\xb8\x1c\xaf(\x06Ix\x14\xeb\xb8jI\x98\x17\xc6\x1eC\x84\xc3|\x00\xa8}\xe0*sz\xcb\xebr\xcc\xcd\x01\xd0 0\x11Qb\x0c\xfd\x8e\x19\xa2c\x86\t\xdb\x84\xd3\xef\xf4\x17\x8ak\x89x\xda\x93n\x12\xef\x86%\xfe\xdfX&lt;\xb50v&gt; \x8d\x98\xecBq\xd5\xb4z=\xe2r\xad\x04\x83+\x00\x05` \x141\x16\xbd\x16\x05\xac\xb1\xb1px\xc2duZ\x9d\xced\x12\\\x16_&lt;P\xbb\x0b\x16\xbb\x87|2QC\xc3\xdb\xb7"\x11=\x90XY.n\x9e\xb2B\xe2jS`\xd3\xeb\x08\x82\x99\x889\xb2\x7fH\xad\xe85\x02\xb0\xa2\xd1\xe8X\xd8`\x9b0\x99\xac&amp;\x13(\x96,z\xd2\x8bM\xe2K\xbba\xed\xca%\x02\xae\x06\xc0\xc2\xcaa\x8f\x98(\xbd\xca\x8a\xd5\x90\x9a\x91\xa1U\xed\xbb\xbf\xb4\xe4\x18\xfc\'\x18=8\xf84:H\\#\xa2\x14\x18\xa8\x15Ej\xd9&amp;&amp;^[\xad!\x93\xc9\x99\xccd\xb2\xf1\x94O\x8e\xcbv\x15\x8cN\t.\x97\x08(\xa4\xe4o\xa9\x97%":\xbf*,/\xff\xed\xeaR,\x17\x0c\xe6@)\xd2\xee\x8f\x80\x8bx\x04J\x19\x10\x94\x01\xa8\x80\x0b\x9a\x08\xad\xb4\xfa\xfd\xfeB6\x9e\x0e\xf0\xb1\xc4\x82\x82q\xbc\x85I9\xc5\x04=\xaf\x8f%\xae\xab\x8b[^G.\x97s\xac\x18\xe6\x08\x03x\x1e\t\x05N\'\xbb\x07\x15\xb6\x81V6\xe8\xa1ub\xc2\x04\x13\xe9\x04\xef\xaf\xa5\xe5x\x85^b\xbc2(x\x96\xc7\xd8T\x12\xc6\xfb\x15\xfb\x1a\xd6M\xe0s\xaf\xc3\x95sx\x17\xdcn\x80XY!\xa2+\x06\x9b\xcd\x16F\x8e\x9a\xb0\x85\ra\xf8\x0bd`-\x18HH\n\x93\xd5\x9fY[\rpW\xa3\xb0\xc5xM\x94J\x1b0\x9e^\x92J\xbd(\xb7\x8f\xafF\x1c\x0e\x97\xcb=\x0b\xfb&amp;\xbc\x02m\xa3\x02\x01XB\xc0\x90t:C&amp;\x9b\r\x11\x99\xa0\xc8\x89\xb4\xa2&gt;\xae\xee\xbf\x85\xff\x7fX\r\x18\xaf\x8bR\xacb1"2t9\xb4\x1f\xf8|\xd6\xe5X\x98\x8d-\xb8"!\xf7D\x18\xccDv\r\\\xe4\xf4\x17\xe3\xc5B\xa6\x98\xc9\xc2\xcaNZ\x11\x90\tL\x0f9\x01]\xcc\xac\xa5\xf7S{[\x88L^\xd9C\x14\x10\x15X\x18+!\xd8r\xc1\x12\x8c\xc4r1\xd7Bdg\xc7\x0b\xdb\x0fz\x86R\n\xc5\x01\xb4\xaaP\xc8\xc2\xdcA%\xf2\xf9D1\x93\x89g\x93\xc8Y\xb0\xbcQ\xe2\x07Hw\t\xdc\x12r\xc1\xc5\x88\xf2\x01\xe3QI\x98\x94\xe0X\xbe\x06\x7f\x07\xc4\x8a-\xb8\xe1T\xb0\x86vvB!7\xb2x\xd8f2\x85@\x1a\xd4\xc4b6\x91-&amp;\x0b\xdb\t\x84\x96O\x00]\x01\n\xb0\xd6R\xe3b\xbc\xe2\xc8\xa9\x1cGVna\x18V\xa9\x96\x84\x89zz\xf34V\xc9\xff\xb8\x14sy\x1dnod\'\x14\xb1\xee\xf8C\xd602;4\x11\xd8B0v\x88\x00\xe9e1Z\xf2\x16K\xc2H\xea\x06\xa4p\x89y\xcc\xb8\x18\xdf\xc3]&lt;\x7f\xa18\xc5@1\x1a\x89\xf6\x16=\x8bd\x92\x92\x92\xd5\\:\xb4\t\xae\x82\xd3\xca\xeb\x04iv\x9c;;`pr\xee\xd0\xd0%3ky\x8f\xc7c\xb7{\xf2\x96\x04@YF-\xa3y\xbb\xd1\x13O\x00W6\x11O\x1d\xf8\x19X\x88\x88|\x17\xa1\xaa\xe8\xa3\x84\x9d\xabt+\x9b~\xb9\x15{5\x1b\tEP\x0fa\xf0\x93I\xffF\xe8\xb5\xe9\xcd\x1b\x13\xd9A\xe4\xaeB6\x9f7B\xe5-\xf0\xeeAp\xc6|&lt;aI\xac\xc15\xe1\x133W\xb3`\xd6ST\xa5\xbf"Q\t\xac2S1\xe6,$k_\xfb\xfd\xa5Xl)\xe2u\xbb\xdd^\xd3\x06T\xd2\xb9\xf1\xfa\xf5\x06\xfc\xbe\x860\x00\xbd\x92\xc5\x84\xd1\xee\xf9\xd1n7\xe6\xb7\xd7\xd7\xe1g\xfd\xe5\xb6\xc5\x98\xd8N\xe4\xe3\x805/\x17\x0c/\xee\xa1Sn"\x82BK\x91\xe30zcc\xaci\xf4-\xcd\xba\xbc\x10\x0c\xee\xb0\xfb\xcd\x9b\xe7\xcf\x1f?~|\xf7\xf9\xc6\xb3\xbbG\x8e&lt;\xb9\xfb\x0c\xd8@\xb0l\x02yj\xdb\xb2\xbd\xbe\xbc\xbc&lt;2\xb9\xbc&lt;\xb9\xfer4\xbf\x9d\xb0\x18\x8d\x1e\xfbb\xe9P\xc5\xf7\xbe\t\xb9X\r\r\x1c\xc1\xd8\x07N\xa9\xaa\xd3K\x0b.\x17\xdc\xc8\xee\xb0\xed_o\x1e\x9f8}\xe2\xc4\x89\xdf}\xf2\xc9\x8d\xe3\xdd\x97/?y\xf2lc\xc3\xf9\xd3\xcb\x97\xcb\xeb\xcb\x93\x933\xe7\xcf\xfe\xfe\xec\xe1\xb6c\xc7&gt;\xf8`drr\xd4\x92\xb0x\xec\x9eTj\x9czL\xe3\x0b%gs\xd1\x07\x98\x88\xee\xa2\x14\xe3:\x8c^B\x8cZWWgg]n\xd4B\xc3\x9f\xff\xfa\xe5i\xa8\xe9o\xbf\xfd\xee\xbb\x1bW\x8ekZO]\xbe|\xf7\xd9\xb3\x9f^\x8e\xcc\x9c\xbfs\xfe\xe2\xc5\x8b\xcdJ\xb5J\xd5\xd9\xd55\xf0\xde\x1fF\x96G\xb7\x130\tpB\x0b&lt;\x05\x914\x02\xf7\x97\x88\xe1\xe2\xe5\x04V~F\xa3\xb0\xe4\x9b\x0b\x0b.\xb0\x95\xdb\xf0\x97?}\xf1\xe0\xc1\x97\xa7\xcfM?|x\xfb\xf6\xbd\xbe&gt;\x85\x06\x81\x1d\xb9\xf9\xfd\xc8\xd9\xf3\x1f~x\xf1\xa2R=\xa5\x1d\xd2\xf7\xf7\x0e\xebZ[\x8f\xbe72\xb2n\x01\xadR\xf6y\nK&amp;\x84E\xfd\x08`\x89\xdeb\x1c0t\xebHX\x81\xdf\x18X\x8a,\xb8\x1c\xd0\xc2\xb1G\x1f\x03\xd6\xf4\x83s\xe7\x00\xec\xf6\xbd{}\n\x85\x02\xb8\xba\x0f\x8e\x1cnFBMi;\xf5\xfa\xfea\x9d\xaeU\xa3Q\x9c:zpdy\xdbhO\xd9\xed\x01\xe6Y\x9b\x13\xf7b\xae\xeb\xf9X\xe0zv\x1b\x19\xb5\xe8\xb0\x7f?2\xbb\xe0pA\xb0?\xea\xf9\xf8o_|\x83\xea\xdcC\x84\xa5\xe8CX\xbd\xbd\x1d\x1dmj\xa5R\xad\x05\xac\xfe\xe1a\x9dF\xa1\xe8\xeb\xeb\xbbr\xea\xe6\xe4\xd9\xf5\x84\'eO\xcd\x8beB_\x01\xe0\x02Xul,8S\x1b*f\x91Y\x8f\xef/\x01V\xcc\xb5r\xad\xa7\xe7\xb3\xaf\xcbX\xb7\xe1\xbf\x06,\xddp\x7f\x87\nQMi\xa7:\xf5\xc3\xc3 \x94\x82\xe4:~tyr\xc6b\x01o\xcd\xcbd\x1c.\xb1\xc0H\xd2\xb3\xc8\xa6\xa2oT\xce(\xd2\\\x8d\x80\x15\x83Skn\xf0i\xcfg?\xbc@P\xe7(\xb5\x90\xb9t\xc3\xbd\xfd\x1dmJ\xb5z\n\xb4\xeaD-\xd4 &amp;\x84u\x13F\xd3\x02\x01Q\xf2VY\xad\x9f\x8d\xd5 \x14\\4\xd7!P\xcb\x95\xcb\x11DK\xcfW?\xfc\xbd\x84E9\xbeU\xa7\xd3w\xfd\xfa\x18\x88\xa5\x9cR+\xb5Z}?p\x91Z\xf5\xdd\x80&amp;N\xde\xb1@\xccz\xe6\xdbq\x9e^\x02X\xe2\x8a&amp;Br\xbd\xc5\x84&amp;\x91Z\x8e\x87\xb6\x00\xcb\x01j\xb5\xb4\xf4PX\xd3$\x15\x8c\xa1F\xd3\xdb9\xa4n#\x83AMfC\'\xe9-\x04v\xea\xe0\xcc\x0c\xa8\x85\x12\xa2}w*\x9a\xac\xbe$\x99\x88W`z\xda\xf7\xa5t\xa0\x93\xeb\x1d\x84\x95\x0b\xce=:\xd9\x02j\xbd\xf8\x06i\x05XH*]oW\xd7G\x1f)\x95\xcdH,\xe8\xe3\x90V\x0f\\}0\x0b}\xf7\x8e\x7f\x0fXg\x8c\xb0\xc4\xe7\xf1\xdd\x91p\xde7L\x02X\x18K\xaf\xf2\xfe\xa9\xf9\xd5\xd6l\xcc\xf5\n\x9e\xc1H,\xba\x85\x8aV]o\xbf\xbeK\xa5jC\xe1@U\x9bZ\xa5\xd6\xeaA/$X\xf7\xc8\xe4\xcc\xe8\x19X\xdf\x9e\xc0\xdeX\x0c\x12\xfa\xcb\xe9a\x03\xff&amp;d\xa9\xd5x\x00\xc5\xa9+\x18\xa4\xb0^\x94B\xeb\xdf\x9a\xde\x81\xae\xa1\x0e\x95\xeaX\x9b\xba\x19\xb8\x94\xcd\xcd`\xb1\xc3\xcdJm\xbfN\x87\x86\xb1\xf5733\x17\xce\xa0\xa5\x18\xd8\xb3\x85\xd4\x0c\xd0zq\x95\xc2\xb0\xb7\\0Iy9\x8eo\xc5@\xad\\\xf0iK\xcbW\xff\xf8\x1a\x9c\x85B\xfe\xde\xed\xee\x81\xae\xce\x0e\xc4\xd5\x06D\xcd`z\xd2^m\x94\\\xa4Z3w\xce\xa0&amp;\xa6\x02\\k\t}\x1b\'\x88\x85:(\xe5\xef \xe6\xf0\x92o\xc2#\x0f&lt;\xb7\x92X\xa0\xd64\xc4\x03diw\xf7@\xaf^?\x00\\$\x11\x84D\x87V\xa5V\r\r\x91!\xa1\xd0\xf4\x1e\xbe3s\xe1\x82\xd1\xf8#\xecD\x99l/\xd3\x8b\xc5\xe5T\xe59K*\xf0tV\x1a\xc5K\x9b\x8eW\x0e\xf0\xd6I\x98D\xa4\x16\xd5\xc5+\xad\x9a\xd6V\x14[CC\x90\xa6SZ-\xbc\xb7\x1d\xeb\x1a\x1a*yK7px\xe6\x0ex\x0b\xae03\xce\xe7\x92\t&gt;\xd4\xa2\xaf{+\x1c\xcf?\x08\x99\xafJ\xaa\xaf\x03\x96\x03\xacu\x12\xa9\xc5\xa4)\xb9\x11a\xf7\xe8;US*X;\xb0\x0f!Oa)R\x8e\xd7\x0c\x9c\x05\xc7\xc3\xc1e\xf7\x98e\xff%\xd5\xecb\xd2L\xb38n\xeb,.\x9b\xd6\x9d\xbd\xe1f\x13\xab&amp;\xb6X\xe8\x0b\xc5\x0f`\x05D\xc4\x17]"\xa6\x14\xf9p\x82 \xb2"\xceH\xc1\x12\xeb\xc5\x88\xc6!\xee\x8e\xf6c\x12*\x8aS:\xb3\xb0n*.\x9dfj\xed\xecd\xd4\x06wJ\xb7f\x1aG\xbb\x9d\x8bY\xf1#\xcd\xd0H\xc6\x8d\xd1N2\x99\x9b=\xcf\x0bZ\xad\x88\xfbq\x12\x8d\x89\x17\xfe\xf2?\xff\xe7\xff\x9c\xf3`\x92J\xba\r\xbd\xd6\xc4\xedF&amp;U\xeb\xe7\xef\xf4\xde\x00\xb5\xacV\xa4V\x08\x05D\r\xd1F\x82K\n,\xdc\n\xd0J,\xe6\x1a5\xe8\xf6\x81\xd8(\x87\x92\xe6\xf4):%H\xad\xd6w3\x92b%\x9d\n\xd3\xf6\x17)\xc9`O"e\x92&gt;|6\xfe\xacw\xdc\xcaf\xa0\xa3\x18\x8e\xab\x85\xdc\x059\xcf\x94\x89KJyn\x16\xf2TE\xe2\xf6!\xb0\xa4R\n\xc2\x1am\x9d\x9d\xfdr(#\x15\xd7\x91#\xbbg\xd5\xfdT\xc7\x7f\xb6\xefY\x82\xc8\xaf\xcc\xdf\xdc^z\xf6l\t\xb0\xa0\xe2\xe6\xaaI4\x117_Di\xc5b\x15\xb2\n\xe18\xc2\x10\x01\x86GCD\xb9\x14\xa7\xf4\x8d*$\xa3\xa3\xb3W\xee\x0c\x91\x0f\xa8}\x03\xe1\xb1dX\xdf%[\xfe\x81\xec\xd7\xb7\x97\xc6\x9f\x8d[\t\xae\xb8\xb9\x10\x15X\x1e\xa4\xa2\xc2\xf8G+C\x81ZF\xb3\xd9h**\x8fk4\xcadR\\\x06X\x12\x89dt\xb6u\x11M\x10Y\x07b\xed\x95k?U\xdakSW&lt;S3I\x99\xbf\xba\xfdx||)heC\xd9\xe1\xf6\xf1z\x9c\xb5\x16\x8c\x893\xb9\xa7\x01\x06\xcaF\xa3\x95\x95\xd9\xe6\xe6\xe6ls4Un\xa98\xe7\xa4\x0c\xa7\x9c\x92\x8c"\xaa+W\xa6\x87\x92R\xed\r\x88\x8c\x03\xb1\x8e\xefv\xfd\xf6\x80\x8a\x1e\x9f?\xb8\xbf\xb4\xb4d]"\xb0\xaa\x84"m\x93V@\xaf\xce\xc3\x06\xf1\xec\xd3T\xb8yT\xc0\x85Je\x03\xc6\xb2\xf3\xb9\x0f&amp;\x06\xd1V\xd4\xa6\x88s\xb5~\x05w"\xf1\x81\xcb\xc1XGv~Hb\xf9\xe3i\xdf\xed{\x91@\xdf~q\x7f\xe9\xf1c\xab58\x03X\x8c\xaa\x86\x86\x06\xb5N\xa7\xd6\x8dL\xd1\xeb)\xd9\x85\x90\xa5*U\x19\xa2\xcb=Sx\xe9\xc1\x83\x81\xa9\xd5\x95\xf9\x95\xf9\xd5\xd5\x81\xeb\xa8\x89\xe0\xf8\xaf\xa6\x8b&gt;[\xfc,#\xc5A\x8c\xcf\x0fD/\x93a\xed\xb9\x7f\xe2-&lt;\xfa\xc1\xd0\xd17\xee\xcf@Y\xc1\\3|&gt;\x901\x82\xc1*\x86\xafY\xbdRP\xdfv\xe2\x04o\xe7\xae\xa6\x8c\r\x8c\xcc77\xff\xd6\xd7\xecS6\xe8\xe6\x9f.HZA\xac\xd6\x85\'\xcf\xd77\x1e\xce\x92\x7f\xb7\x8f\x8a\xbc#\xd71\xb4\x9f\xa1L=\x14\x8b8\x88\x99\xd3"\xd1\xd3\xbb\xbd\xfd\xfd\x04\x16\x7f\xa6\x9f\xdf\xcf\xe7\xf3\xfb\xe1\x9b5\x18T\xaa\x1b\xcf\x9d\xcc))-\xa4\x9e\xcf-\xe5\x15fW\x8fL\xcd\xff%h\x05t\x06\xc3\'\x14}\xfbd\x11\xb0\xaet/&lt;\x1a\xceo\xe7\xd1\xae\x923^\xbf\x1b\xc9\xbb\xfax,~\x1c\xd3\xd2\x92\x82\x91\xf6\xce\x83\x7fU\x87\xbdZ%\xb0\x10\\33\xf0\x17\xab|\x0c\xa2\x82\x0c_\x83\xa9\xb1\xfad\xf1E\x90\x8bUZz\xe2\xd6\xd4\x94ZYU\x05\xde\x1b\xa9\x9e\x18\x80\xc5\xfb\xf9"\xb2V\xf7\xa7\x83f\xcd\xe4\xbf\xb6~L\x19\xaa\t\xac\x8c$)\x1f\x9foH\xbb\xdd\xf5\x93\x0eV0\x07\x1b\xb8\x08\xb9\xac&gt;\xf5\xfc\xea\xd4Hcc\xa3I$T*\x95"GA5\x9eS\x02X%\xc5\x94\xbc/\x04MZ\x93\xa9\xa9\xb1@\x00G\xe2\xd6\xa5\x8f:\xbb\x11\xd6\x97\xd7)\xd9\xeeo"?\x8cf\x14\x91S\xa6*a\xfcd\xb9\x85F\xc1\xdd\xa3\x17\x89t/\x1c\xf0{\x1dUlh\xdc\x8cu\xc6Z%\xd25\n\xbc\x0e\xb5n~\xf5\xc2\x1f\x95Ja\xc8\xe1\xa5\x1bp1\x8fZrQ\x8cW\xd3\x05Z\x93\xbeqeuu\xb5Q\xef\xad\xcd\xa3\xc0M=:\xda\xddM)\xa3\xc5b\x91\x1f\xe6\x8a\x8aR\x84W" 2\x927\x11q%&gt;B R\xe2\xc9\xf7\x81@\xc0\xa1\xac\x02C\x81Z\xc1*\x91\xa9\xb1IX\x15\x0c\x82\x7f\xfe~y^\x19\x089\xb4t\x0c\xe7\xb2\xe0\xd6\xc1\xcf\t\xf4\xfa\xf9k\xbeM6\xe3Oo\x8b\x04N\x03~\xb6S\x01X}%\xb4\xd1\xe8r\xe4\xe5\\\x16YNN\xd9\xc7#\x07y\x8b\x18\x08_\xcd\x12$\xd2\x93u\xbf\xd7o\x17*\t\xb5\xacV\xa5C_\xe0`\x07\xaf\xdd`\xf7_\xf6}\xf8\xa2Ih\x0f\x84\xb4\xce|c\x89\xa6\x1d\xc4r\n\x1a\xef\xfd\xd3\xde\xffg\xfb\xc7\xd3\x97C\x1e\xc0B\xe3Vw_\xa5j9\xb6\xbc\xfcr-K.\xcf\xcaJ\x02E&gt;\x1ck\xcf{\x17\x98\xeb\xc9zx]`\xb7+\xd9\x04\x16Ci\x12x\xed\xca\x95\x17\x9f0\xfa\xd9\rW\xee&lt;5\x05\xec\xca@WO\xb9y\xb2\x1c;\xe7\xec\x19\x98X\x98\x16\xf2\xfb\xed\x1f\x7f\xfd\\\xdb\xe5b\x9e\xa1)$\x92&gt;\xc8\xd9\xe5\xe5\xc8\xf2\xcbh\x96&lt;K^\x94j\x928\x10\xeb\xf8\xab+;~\x14\x1f}\x1fvy\x1c\xf6*\x06\x81\x05\xa7Lo\xb2\x87L#\xef\x81\xdb\xff\xf0\xe9\xa3\xe7\x1d\xfe\x80\xd0\xee\xbf9\xccd\xd6\x19j-\x1d\xa7\xc7n-\\\x08\t\xd5\xf7\x1eZ\xce\tz\xeaNUv*\xba\xfb$\xbc\xad\xe5h\x0c\xd4*"\xcb\xe5r\xf2!}L;\xb8^9\xfe\xe8B\xd8k\x01\xb9\x18\x8c~\x14TBS\x01\xdd\xeb\xf0\x9b\xbc\xfa\x91\x91\x89\x89\x89/\x9c5^\x93\xd0\x1e\xaa\xe9\xc1\x98\xf9\x06\xd7pG\x8f\xf3\xa6\xabz\xe0\xdb\xa9j\x97\xa5&gt;\x0f\xe3\x14\x9f:\xaf\xe8\xfbH\xa2\xda\x8a\xc4\xd6b\xcbsEY\xe9\xe9I\xda\xb87\xf1\xd3\x0e\xe7\x02\xb5\x16\xfdNN\x87\xc0\xbe\xc9\x00\xc7\xb7\xf8L\xda\x02\xba@\xef\xe8\xf2\xd0k;\xc6\x1e\xb4\xe5\xb9\x9c\x05Z\x07\xc220\xf39\xb5\xae\xbc1\xac\xc3bx\xd8\xd66\x88a\x18\x07\xc3sr\xce\xf6-v\xce\xadE" Wd\xb6H\xfe\x7fbm\xf7\x91\x94y\xc7a\xc1\xb1\x02\xfb&amp;\x9bo]j\x11j\xf5N \xa1\xeb\x89\x05\xd6b\xb1\xd4\xd2\xbd]\x0e\xbb\xbf\xa6\xa7\xae&lt;\x1f\xcf\xeb\xe9\x19\xe3`\x06\x83\x01\xc3\xd0\x17\x87\xc9\xc4q\xca\xf5\xbeN\xd5Z,\xb2\x0c\xa6\xff\xb1(\x1d\xb0\x80+k\x1f\xda\x7f\x88\xb5=L\xa0\x94\x1f\xc31O\x08\xb0\x96ZZDMz\x80r\xd5Z\xce\xb9,\x18\x967V]\xeb\xa9\xe9\n!\xac\x8d\xf2-s\xdb\xf0\xf0\xb0\xa1\x9e\x03@\xf1BX9\xe0.U4\x1a\x01\xcb\xbb\x87\xc8E\t\xacTr\xa5`"&gt;\xff\x8c\x1f\xc9_\xea@\x01\x8f\xdf\xce\xe6\x8f\x13X\x02\xa7\xab\x03\x156\xf8\xb0\xbe\xda\xd5\xe3\xec\n\x07\x02\xfe\x9a\xe1|\xa9\xb48\xdb0\x8c^\xb5p\x1c\x87i\x8b\x89\x8a#\xa3\x9c\xe9TD\xd7\xa0\x8b\x91\x18\xf5j:\xa1\x96&lt;k_@\xec\xde\x83R6\x11\xbd\x10\xc6\xdbx\xcd\x82Y\xbc\xf6\x00\x83\x7fc\xbcY\xad\xf5",\x8b\x01\xe3\x0c\x0e\xd6w\xc0onv\xf9\x03!P+_\xba%\xce\xaeGo8\xf9\x00&amp;3\x9be8B\x93\x9d:\xab\x90\xd0\x00\xab=\x12\xa5\xbd\x99N\x94|\xffn\xb6[\xaf\xd4M\xdc\x0e\x89\xa3/\n:\xd6\xc3\x9bB\xc0\xba\xe1\x83x\xf08]\x16\x0bjSG\x87\x81\x89\x1b&lt;\x08+\x0cX\xb0\x7fe\x9f\xac\xab\xab\x93J\xa1w2\xca\xa9b\xb3y\x12\x97\x15\x97V*\x14kk\xcb[\x10\x11\xb6\xb7\x90\xb7\x0e\xb8\x80^q\xa5Vk\xfb^$\xbd\xd3\xe4\xf2\xf87\xed\x0c~\xcb\xdf@-=X\x0b\x89\x85\xc3Q\xc3\xb9\x93\xae\x9ap\x1c\x0bd\xc2\xc5\'1\xb4\xb4\x8a\xcd8\xc8%\xe6\x9a5FYIn\x99D\xb2\xc6k\xe7\xb2P&gt;\xc4\xb1Pt\xbdn\xaf]\x9f\xa1\xa5\x1dR\xf1Q\x82\xf4\xb9\xae@+"Nbo\xb3\xc8\xa4GT\x06\x03\xc7``B\xa7\x98\xc3\x9ep\xc8\x8e\xb0\xd0\x82-\xcb\xe1\xc0\xd6(\x86}Q&amp;\x9b\x040\xb1F\\I\xb3IF\xd7&amp;#1Z$r7=Q\x00\xf6\xfa-\xf4_`%R"\xfd\x82V\xad\x13\xc1M\xcd\xefm\x86\xf1\n\xb8\xc0\xf0\xd0G\xf8\xbbff\x9d\xc7\x01i\xda\xe5\xe9\xc9g\xe6o\xe0\x80\xd5^\xc1R\xf1*\xb8b\x8d\xc6\x0c\xfb\xf5E\x15M"\x99\xa3\x1a\xa3k6M\xecj:\xf1o_\x89J\x9e_\xe4\xc3\x9b\x18\xef#\xe9\xe8\xd7M\xc2\x95&amp;\x06\x9f\xcd\xef\xfd\xa4\xc1\x04M\xa4[\xc0\xf4\x18z\xae\xd1h\x98\x1e\x87\xd2\xee\xef\x82\x80\x80\x9d\xd1L\xc1,\xc0\x15U\xb1\xd0\xee/6s\xb9\xee2\x9bD\xa2\xa8pG\xa3\xe7Y\xb3\x04\xd56V\x12\x87%\x14;\xb4\x85\ts\xbd\xbb\xd20\xaff\xb0\xd9\xfc\x1b\xef7\xc0\xb0\x05\xe6r\x81\xb9d\xe2bn\xc9EL\xab\x0c\xa07\x9c\x9e\x8d\xad\xad|q\xb6\x0c\xb3H\x8d\x1a\x1e\xec\x8a\x15\\\xd8\xb0+x4\x85BR\xe9\x8eE\x0b\x17$W\xe5o\xec\xe6J\x1e\xa9\x87b\xed\xecf$\xd2O&amp;\x9d\x08r\x8b\xdfr\xfb\xf7\xba\x95F\x01\xdd\t\x9eg\xca\xd0\xbb\x83\xd1\x19\xf2;\xfc\xe1\xf0\xcd\r\xe6\xe4\xd6\xa4;\xf7\x84\x197\x18\x8d\xed\x15T\xaa\x1b\x16\x7f7Oe\x03\xacBwL\xc5\xbb&gt;\x9b.\xdfM\x95\x9e,T\t\xb6\xc3\x9c\xb5\xfd\xc8K\xfa|^-DX\xc1\xdbo\xebt0\x11\x03\x16g\x12ai\x98a\xbfVk\n{6&amp;\xbf\xa1q\xb9\xb0\\S+q\x8dF*\xad`\xa1\xd7p7\xb5l\x0e\xb0xnVk+m(=\xde\xc4\x1d2\xf9\xff\x88\x95\x10\x0c\xc6\xd5\xe9\xf7\xae\xf9\xd8\x9bl\xeb\xfb\x97\t,\xba\xc5\xc0d\x1a\xa1KFK\xc0$(h\xd2\xae3\xb9\xd4Q7\xcfF\xa3\xaah\x97`Le\x1a+x\xbc\x8a\n7\xd5&amp;Q\xd8:Y\xd1\xf3o\xdd\xbd\xbb\x03\x95\xa2\x8d\x04\xd7\xe1X\xdb\xee\xba\xfa\xe2\x1f"\xa5\xd2\xd7\xd2K\xc8%\xa0\xff\x9bu\xf3\x8fi:\xbd\xe38\x19\x1d\xe9\xfe@I\xbd\xd4]nY\x7fx\xdf\x82-\x94B\xbfWi\n|\xa1Them\xae\x16X\x19\xb6\xa5\x80-\xa0r\xda\x12\xc0\r\x9c\xe6\x10DO$\xd2\xf2\xe3\x90\xb1!uh\x03\x9a\xc3\xf5\x10[l\xeeH\x07\xbb\x0c"\xeaH\xe0\xfc\x03\x03\x17\xf9\x03\x08\xf1\x123\x8d\xc9&gt;\xdfo)\x14\xa8\t\xed|J\x08\xfa\xd7+\xef\xcf\xfb\xf9\xfcx\xfa&lt;5\xdc$W\x89P(\xcc\xac\x7f\xa5q*m\x9aN\x9e\xa4-\xb1\xed\xf7\x1c&amp;\xca\xa6{O\x92\xf2\x0f\xe3\x0b\xc7\xe2\xe4\x9c?L\x7f]\x1bE\xf2\xc3"\xad\xbb&gt;D\xac\xf5\\\x1f\x11\xd1uK\xa7O\x1b\xeakh8\xa1V\xeb\x8a\xf9\x90\xdf\x15%\xf9%%\xbc\xfa\xca\xca\xee\x9b\xaf^i\xec\x12Q[[OE\xe7\xf2\x8a\x0b\xd2BUIvU\x89\x90\xc0\xca\xe1\\\xcejv&gt;\x1f\x19&gt;N\xf2_\xeb\xbb1`\xb6\x0f\xdb\xd5"\xb0j\x9fu}\xf1\xd7=\xcf\x9a\xc6&amp;\x1a\xd5:\x03?\x17\x1c_RR\x92\x9d\xd1\xda\tI\xbe\xf2U\xa5\xd3S=C7\xb9f\x932\\@\x84\x7f\x91Q\x95\x0f\\\xe0xN]V\xc1\xd0\xf9\x91Z\x12)\x00W\xc08\xee\x8a*\xd2{%\xf5\xc1\xbd\xb7\xcd\x11]\x83\x80\xd5\xa86\xa4\xe6\x16\xf1\xb2\xab\xaa\xaa2\x0e\xfe\xa1\xe2/\x9d\x7f\xbe\xf3*\x05\xb8\xdc\xa6$.\x0f~xU\x84\x90\x10G\xf3\xe1\x18N]\x1d`\x91(dRx@,&lt;\xa9\xfe\xf6h(X\xbe\xd2\x08\x9fO\x07\xc7\xee\x96\xea\x1b\xa7\x8b\x9d5\\^U6\xaf\xa8\xe2\xeb\xafW:\xa1\xfc\xc4W\xdet\xda\xdb\xed\xcaXe\r\x17|\x97Y\x06ZfW\t\x0f\xc7\xa4\x9f9\x93\x03X\xc4\xfd\xaf\x80Xx\x1d\xfal\xabfa\xbb\xe4\xda\x18\xce\x0e\x0c\xde\x00,\xbd\xba86\xb7(#S\xc1m\xad\x87\xb5\xd2\xdd\xad\xd1\x18\xf8@\xe5t:\xa1(\xb5\xe6\xe6",\x16\x0b\xdf\x8e\xc2\x18\x0e\x87\x93s\xbb\x80D\xf2^K\xdb\xca\xb5%\x85\xf9\x91\x85\xedr\xf9\x8e.#Z\xbe\x1d+\xc5\xb1\x0c\x90"\x0ef\xb2*RSS\xbb\x0b\xf9\xdd\x9a\xd4T;,hJk2\xa1\x81\xaf\xe1\x17+\xfb\x19,av\x95\x19?\x1f\xcc\xb9}\x9c\xb8u\xbcC\xb0\xedX0\xdb~\x16\x0c\xd6\xc6\xed\xc1\xe3^,\xbd\x86\xcfo-\xd2"|\x83nZ\xa7),\xec\\Y\xe3-.\xcerg\x96\\.\x17\x8f\xabEl\xa3\xd6~\x86\xa4$\xdb\x9c\xa8\xc2\xb1\n\xd6\xef\x1b{/\xf9\x06\x00\xf3\x0e\x1e`2\xa2P\xeeZ-\xdfx\xb6\xa7\xaf\xa1\xb4W\xaf\xceS\x17\xa7\xb6"\x0e\x9bN\xadV\x1b\xf1ac\xed\xe7\xa5\x19X@\xb5\x08\xab\xccm\x1d\xb5Y\xfb\xa9\xe6\xaa|T\x95\xce\xc1\xd5\xf2\xde\xce^\xd7l\'\xd7Q_\x1a\x0b\x0fJ\xad\x8d\xa9\xf1G\\-u\x9a\xdaP\x18\x8bX_\xcc\xab\xe1\x8f\xfa\x95\x95\xb5\xb5\xd9Y\xc0\xb1\xdbg\x89e\x9f\xad\xb1\x8eZ\x1d\xd1\xa2\x123J\xb4[\xe1~\x17\xb5\xdf\x1bHB\xb0\xa3\xc1a\xf9\x8a\xe31|\'\x8a\xf1\xb3\xd3Xd\xd4\xf6\x022~\xe1\xf2\xf2\xf2\xca\x8a\xd3\xe1\xb0&gt;\xb9\xfa\xdc\xf1da\xf2\xdfs_V\xde\xe4\xc7"\x88\x19\x93\x08P&amp;`\xfd\xb0N\xe3\xd5l\x87^\x9b\xb9\xe2W^\xdf\xef\xde[\xbe$\xf1`\x0cw\xbc\x187\xfd\xe8\x9cu\xd4x\xe7\xa6q~\xfe\xe9\xa5\x85\xf3\x17\x87\xcf\x0f\xd5\x0e\x9d\x1a&gt;5|\xf5\xf1KME;\x82\xc8\x05\xa8\x84\x86\x81\xe7s\x86\xfco\xb5\xefPkS.\xa2\x95\x86\x15\x16\x16\xa4\xe9#Z\x06!\x88bu\x9a\xd8\x98ju \xfd\xb6\xca\x94\xbf=\xbb\xfe\xf8\xea\xbd\x8bCC\xf03tq\xf8\xea\xd5{\x0b\x15k\n\x89\xa4\xbf]\x80Ih\xf8\xe9xV-i\x9d\xc7\x97$\xc8$\xd2\xf6\xba\r\xe36\xb4\xd1G\x83\xc4\xf2\x9d\xc3\xfd\xe2\xe1\xddR0:\x91\xba\x10\x84J-\xd2\xa4]\xbb\xfb\xe8\xde7\x17/\x0e\xe3\x970\xbey\xee\xb6\xcf\xae\xae\xf1\xccf\x8c\xc1H\xa6\xd1\xd8\xa8T\xc5\xc9j\xde\x88\x1e\xd9\xfb.\xe1}\xe6\n\x1ak\xe3\xfb\xc6\xa9\t\xb0\xbc\x11L_,W"\x0c\xaavey\xf9\x9f\xdf\xe9\xbf\xb8\xf4\xe8\xd1u\xf8,\xbc\x99]]\x9d]d\x98\x13Q\xaa$Y\x80ah\x8c\x94sj\xc3\xeb^\xb5\xc8;\xf2\xea\xfaV\x04(\xbcz\x87\x80\xf5\xcb\x03\xdf\x02\x96\xda(N3\xd8F\xfb\x19TV=8~\xf9\xcd\xe8\xd3\'\xcf\'\xc7\x01i\x156\xe2\x12]\x80%c\x023&amp;\xc2\x92Q\xa6\xf4\xf2\x10e\xabZD\x9axOy&lt;\x8a\x9f\xcb\x85\x05\xc7\x85\x9f\xf5\xd6&gt;\x9c\x00,\x9d\x1a\xa2hCX\x0c\x863\x15\xa8\xde\xbc!\x80\x16\x97f\x16\xdf\xfd\xecB\xd9Xb2\xf8J\x84\x01\x16*\xbd\xbc\x97\xb2\xd5[;\xb0\xb6$\t\xd0+\x04\xac\xbd}\xd7\xc0\xf2F\xa3Xl\xe4#Z-\x03\xe1\xf3\x81ku\x15\x90\x96fzb\xde\xbd[LF\xb1\xe4d\x0c\x13\xb0\x01\x0be\xb3\x99\xe7\x0bH\xdb\xd4\n\xc4\xe5G\x16\x1e\x16$\x17\x8cB\x05}}Mz`\x82\xcdX,G\x00Li\xe3\xd7\x83Z\xef\x96\x96\x80\x0c\xd0P4Q\x04ba( \xb1Q:\xbb\'\xab\x80\xbc\xcd[\xf8\xef\xf0\x1d\xc9kS\xb3 \xb1\xf0\xbbz\xaf\xfbn\xdc\x9a\xd0\x8b\xcf\x9d\x13\xa7\xe9lJ\xb9&lt;\t\xc9\x85\xbe\xa1\x95\xbb\xb8\x04r-\t\xa9\xd1(\x8ab\xe0*A\x82\x14\x82\xc9N\xb0\\\x06,\x8a\x9f\xa76\x11w\xae\x10\xb1~\x8a\x8c\xd8sk`\xec\x9a&gt;M|N\x0c\x85\xd1\x96[\xc3\xd5j\xe5J\xb9\xd2i\x97\xd7 v\xa4\x9dEC\x131\x91\xc8\x8cat)\x13E\x13\x12z\xce\xdc\x8e\xc2_%l\xe4\xf9\xcd\x80z\x13\xd8\x07\xc0\xc2\xe3x\xeb\xf4\xe9\xc1\xaf\x80K\x9c\'\xd6\xd9b\xa1\x8f\xd0j\x93\xda\x11\xa5\xcd\xe6t"v\x13\rle\x86ECU*i\\\\\x82\xa5\xeeLV\x14\xc5\xef\xe5\xd2\x16\xf7o\xcb\xf9\xe1!cED&lt;&lt;\x9dr\xe8\xda\x89\xd24\x1c\x0b&amp;\xb3\x1a\xfc\xe8/\x93\x95i\x97k\xdb%\x02vbr\x9bY"\x11\xd0\xd8RU\x0f3.\xcer\x99\x03\xd9\xd4\xb7\x13)~\xde\xda\xf8#\x80\xf1\x83\x17+\x12\xc7J\x19\xe8\x03\xae\xbc&lt;\xb5\xa18V\x9e\xc4;x\xd0\xa5P\xb8`\x00k\x13\xc1hxX\x98/\xa1\xd1\x00\xe8\xb2%\xc1\xd2\xc3QqrZ(\xeb\xefK\x02\xaa\x15 \x8e\xa1\x04\xf1\x19`\xa5L\x80^\xbd\xb2^\xb5!V\xceMRd\xf0x.\x97P8\x03DBa\xbeB(\xa0\xd3\xab\xc7-=\x16KOz\xba4=\xa7\xc5\xfbh\x89B&lt;\xc7\xd9\xa1V\xf8\x07\xc1\x8a&lt;9\x00X\x87N|5\xd1+\x93\xe9\r\xd3|p=\xb7(\x83\xe7R\x94\xb9\xca\xcaJ\x14.\xde\xa2\xc2Tm\x9a\x1c\xb7X,\xe3=\xe9*\xa9*\xa7\x96D&lt;!\xf4&gt;\xf4\xda\xaa\x96w\x1b|\x08\xb5\x8e\x95\x1f:\x94\x92\x12?q\xe2n\xef@\xafN\xa7+\x8eUra\x08S\x94\x95\xcdD+\\I5&amp;O\xbb\xa7z|rr||\xdc"\x8d\x91\x02V\x07\xc5\xf7\xb8q\xdbN\x0c\xd4}\x85\x8c5\x10\x1f\x8f\x1f\x92\xdc\x9d(-\x1fh\x84\xf6\x14\x863{\x92\xab\x8cj\x82\x8f\xc5\xedq\xbb=\x9eq\xc0\x02\xbd\xe2\x98\x89\x89\x10\xc4\xa1\xcdw\x97\x81v\xe2\xce\x04\x16\x16\x02WW\xb9L&amp;\xc3\xbf\xde/m&lt;R\x0e=\xa1n\xde\xe9\xb4\x9bL33&amp;\x93\xc9\xed\x1e\x87\x8f\xc7\xbd09y}\xb2\xba:\x0eMfJ\xa5uC~\xef\xf5v\xa8E\xfa0X\x11S\xe5\xb2&lt;\x9c+\xbe\xb7T\x0f\\\x8d\xea\xf9by\xbb\xdb\xcd\x8c\xae6yL\x1e\x8fg\xc1c\x9d\x9c\xbc\xb4\xb0\xe0\xae\xa6\xb3\xa1\x04A\x10\xff\xbbY\x11)\x14\xf26o\x05\xe8\xa1CRk\xaa&lt;/-O\x16\x0fr\xf5\xeaK\xcbA\xaf\xf9b+Dnf\x86\xee\xf6\x98\xecv\x8f\xdd\xeeXX\xb8\xf0\xb4\x9fJ\xa5A\xb2g3\xd3s~h\xc6\x9fY\x12\xdb\x90B\xdeR\xb5I\xe4\x80E(\xf8}\x18Yp\x12\xb0\x08\xaex\x82\xeb\x08&gt;\xf9+=\x10\xc1%\x0f\x8ee\xb2:\x1c\x8e\x0bs\xfd&amp;\x13\r\x03,\x11\x8e\xd5\xb1\xbf\xa3%\x8aBZO\x10\x94\x0f\xac\xd6O\x91\x91\xaf\xa7\x1a\x1a\x08,\x1f\x97^vD7\x0f\xc3\xaa\x1b\xe2\xe7\xb0{p&amp;\xeb\xc2\xd3\x17Z\x13+\x1a\xc4\x12\x890\xa6\xb4\xeevGG\xc7G\xfb[\xc27\x9f\xedmU\xcb\x8b\xe5wv\x12t\x8a?y\xa3|\xac\\\x96\x06+\x0f\xf6#\x0eV\xda[:\xfd\xc2f\x05(\xab\xd5\xea\x80\xcf\xdc\xdc\x9c\xb5\x1f\xfaC\xa8\xd7f\x11\x8d\x0e;1k\xe47##\x0fj?\x0e\xf7{\xa9\xbaE-\xa2h\x93C\x0eb\xe4\xd4\x8f\xf7O\xdf\x07\xcb\x03\xd6w\x84\xbfp\x87\xc9d\xb8^\xb0l\xa3s\xa3ss/lH?\x8b\xc5\xa0a4\x89\xc0,\x00o\xd5eMMM=\xe8z\xd0\xbc\x8f\xe4G\xb5C\xad\x90\x83\x18Y\xfb\xf7c\xf7\xbf\xff\x17\x8e%\x16\x13\xfe\xc2\xc1\xe2\xe3e\xb2&lt;=\xe4\xd5i\xc3\xb4Nc\x80m\t\x1d~\x19\rz-\x81\x00F\x1f\x15`=&gt;y\xb2\xeb\xed\xbd\x96\x8f\xa36k\xe3V\xb5\xc8\xff\x0fV\xc4\xd9\xcf\xbb\xfes\xe5\xfb\xf2\xde&lt;\xbc\xdd\x12\x13\\\xc4\xaa\xbc\x83\xff\xcf9M!\x0ciZjt4C!\xa1\xd11\x91@\x04\x9d\x04SU\x97\xf5\xf2\xe1\xc3\x97\xb7\xdev\xec\xf3\xc9\xe5\xf7\x18zC\xad\xf5\xa2M\x0e\x16+2\xf2\xa3\xb3\x9f\x9c\x05\xac\x01\x19\x01a\x84F\x10\x12+\xf1\x0f\xa3\xa1\xd8\xc6wZ!z\xd1\xd1\x02\x1a\x95QF\xa5\x0bD\xc0%\x10\xe1A\xcc\xf9GS\xdf`\xd3\x85\xfd\xcd\xfb\xa2\x88\xa3\x11\xa2&gt;R\xc8\xdb\xbcE\xf8\x8b\x1c4VX\xc4\x9f~w\xe0\xf3\r,\xa3Fc\xc4\xaf\xb2\xc0|\rL\xa3\x8e~\x13\xb5\xda\x92\x10\x97 \xa2\x01\x16K\x80\xb1\xd9\x98\x19\x82H\x07\xac\xba\x85kM\rc_\x8e4\xef\xdb{\x9c\xbc\x89\xb5\xd9\xd9\xfb\n\xb6\xaf-\x0cj\xe8i\xfe\xe3\'\xbf\xfe\xb4\xe9\xca\x15|\'B\xc4\xba\x0b\x81+\r\xa7".\xd3@MNW\xa9\xe2\xd84\x9a\x80\xc1`\x08`\xc2\xc0\xfeG\xc9\xf9\x87\xb6q\x9fa\x1cS\xb3z\x17\x92;\xe5\xa4\x93N?\xd0o)\xc8R6M\xb6k\xceD\x8e\x8d\xc9T\x90\x86\x84\xa2\xb4\xa0\x8b\xa2\xda\xd8^\x83H\x89\x99\x91\xa5s\xc2\x08f[m0&amp;N\x91\x8bg\xd6\x94\xd4r\x03K#\x16\x9a\xd9\t%c\x7f5\xb0-\xe9\x9a\xe0\x94\xc0\xe8\xcc\xc66\x0c\x1d\x81&amp;\xce\x1a\xc2\x9e\xf7$\xd9\x8a\xe92\xe7\x1b\xe9\x14\xeb\x8f\xf0\xf1\xf3&gt;\xef\xfb}\xdf\xcb\xddu\xc0\\\xb6`rr\xf2\xe3\xec\xa7W\x8e\x7f\xba\xcc\xb3,\xf7\xd2f2\xee\xddv\xb7}C?\xf1But\xbe\xa0\xd7\xe9/\x11\xd6\x91\x83\xa7\x87\x17\xb2\xe1l\x96\xc62\xb4\x82\x89X)\x1fH\xa2\xb7\n\xf8\x826\xc2\xea\xb0v\xb5\xb5Y\x81\xd5a\x0bF&amp;\xcf}\x92}\xf7\xd7S\x7fYfY\x96\xe1T\x8d\xf6n\xaf\xac\x8d\xf5\xf5\x85\xb0\xd2rE\xd2\x8a\x9a\xabSS\xbf|\x1f1\\X\xa0;}\xb2\xc3\xa7\xe9\x7f=\x13\xee%!\x18I:\x1c\x8e`\xd0\xe7\x15\x04\xa1\xc3\x86q\xcc\xda\xd7\'\xc0\xfa\xc1s7B\x0b\x13G\xbfw|\x8e\xc1\xe2\xd2\xcd\xcd\xdb\x1fL\xb0\xf5E\xf3\x8b`\xd1\x15\xfeiy5\x17\xd7\x8a\x86E\xc2:\xd2\x0b\x9a\xb0\xdf\xef\x0f/\x1c\x1d\n\xabX\x1ek0\x80\xde=\x18\xb4\xd9\xbc}}\xde6G\x9b\xa3\x0bX\x1dV\xaf5_\n\xbf;\xf1\xee\xc5\xf3\xe3\x0c\x03\xb58n+pU\xdf7H\xd6R\xedVw&lt;\x86\xcd\xe4V\t\x8b\x17\xefOM\xd1y\xb7*V*\x11\x06\x16b\xe8\xcex\x04\x9b/\xe0\x888\x02A\xab\x17b\x05\x1c\x0e_\x17\xa2(\x08^\xc1\x13\xcb\x12\xd6[\xe3\xaaZ\xdb\xb9\x9a\x9f\xf1V\xd5z;\xcd\xc1\x95\xca\xea\xea\xaa\x1c\xd5\x8a|n\xea\xc0&amp;V\xca\x9fH\x85\xf1\x99p\x97\x96&lt;\x825\x00\xac\x88\x03\xe6\xf2z\x83\x0e\xcc\xaepY\x9f]\x10&lt;\x99\xd9\x85\x893\xd9\x8bgu\x9c\x8a\xc50\xdb\xf4\xaa%\xe5V\x1b\xdd\xb2\xb3\x10\xee\x89\x83\xaa\xb2*\xc7\xf5&lt;\x13?p\xe0\xa3\x8f\xde\xe8\x1d&amp;\xac\x04\xc6\xd6P8\x1cJd\x96\xf2\xf9|2)e\x14\x00\x00\x0b\xd2IDAT\x10\xe3\x17\xd4\xf2\xd9\x88\xca\xe7p\xb4\xa9\xe6\x7f\xd3\x93\xe9\xf7g\'f\xb3?\xb9]\xc5\xaaJ\xd6\xdc\xd2\xf8\xa8\x90\x96\x96g\xbb\xe8\x1da=\x9a/\xd6\xb0\xb4"k8~\xe0\xe7t"\xe9(,\x9f\x8a\xc5\xdc\xa9P\xc8\x9f\x82\xe3\xf3A\x94\xa8@$\x82 \xda|6[\x1b\x82h\xeb\xf0\xa2\x82e:\xc7f\xb3g\xc6\x16\x8e\xfcvZE\xaab\xb1\\sKc+\xbd\xb7\xa5\xb9\xa1\xad\xd8Q\xf3\xaeT\n\x84U\x81Z"#.\x1e@C\x8a\xbd/\x1b\x0e\xa7\x12nw\n\xc6O\xb8=\xf9\xbc-H\xe6\x82\xeb\x03V\x9b\xd5\x07\xb5\x02V\xb8\xcc\xa3b\x85\xcf\x9c8\xfa\x99\x9e\xd9\xc2b\xc0Uw\xd5\xde\xbd\xdb[\xd6\x96\xff\xdb\xc8\xec\xde=#WrR\xa5\x02\xac2\n\x04\xcb\xe7^\xf91\xb6e`\r\xa8^\x8f\xa5\xfc\xd5\xfa\x80,\x0c\x9cs$#P\xa9\xdb\x16t\x10\xa0\x15\xc6*u\xee\xefOML\xa4N\x7f&gt;\xce4U\xadU\xe3\x12\xd9z\x99W\x9f\xe6\xd0\xb2c\xb5\xa8\x86J\xb9\xd5\x8a,\xc9\x95\naA-&gt;\xfa\n\xa6\xb0\xa1\xa1,\xb0B\xc0\x02\x17D\xcb\x8c\xe4A\x12PiP#\xe8\xa3\xbb\x0b&amp;\x83ZU,\xff\xc5\xcb:\xae\x89\x19\xe5\xaa\xfeB:2F\xd3\xcctCK\xb1C\xb5\xd0\x8a\xee~d\x96\xe5\xdc}\xf0\x94\tK\x96\xf4\x16\x9e1\x1c\x7f\x15-\xcc\xc0@8\x8cTT\xe5\x02V\t\xf5\xc1aC\x00QO\x83&gt;\x9f\x0f\xd2uwS\xa9\xb0\x1f\xea\xec\xec?11\x11~}\x85o\x1a%,\x8e\xab%\xa4\xa8\xd1\x184\xe3\xd4\xe6onE;P\x0bT3\xe5\x9c\\\xceUre\xa9XQ?\xccF\x9e\x15/\x00\xebK\xc2\n\xa9X\xeeD*\x91A\x8b\x85L\x84LTN}\x88\x1fB\t\x8b\x91\xe5\x0fu\xf6\x8f\xcd\x86\x86\xdf\x9ac\x9a\xb8\xd1]\\S\x13\xb8F\t\x8feE\x83Qc4L\xa7\xf7\xa8a\xdc\x99Z\xbb\x07\xa5\x1c\xa8\x8ar.W\x94\xe8\x98+\x17\\\x1a\x98K\x06\xd6\xc0@\x88n2U\xb9\x12U\xb5\xbc \x82Td\xf7\x00\x89e\xa3\xfaU\x8d\xe2X*t\xf0\xb6H1\x1cU\xb1\xe8\t:\x0c\xa3\xb3\x18E^g0\xea5\xd3\xe9ZW\xf1\\\xb5\xfe\xae^\xbc5.\xe7dP\x15\n8JJ\x11?\xc8\x05\x97\xde\xc0\xb3\xe6W_\xa7\x18\x86\xfc\xa4V*\xe6\x86\xe33\xd4\xbb{I\x1ek\xdef\xeb&amp;.\x12\x0b\\\x82\xdd\xbe\xb4?6\x16&gt;\xf6\x1b\xb6\tA\x04\x12GO\x1b\x1a\xdd\xc50\x06\xa3\xd3\xe94\x8a:\x8bE\xa3\xe3\xdb\x1b\xcf\xe7\xb4\xfc\xcfK\xca\x1eA\xaar\xb1X,h]9\xb9X\x88\x17A%+q5\x8a\xe7{\x87\x06H*\x12+\x11\x1b\x8b\xd1\xd6\x83\xe6] q\xbc\xc0!o\x11!^\xf8\xca~(\xe3\x1e\x1b&gt;k\xe0^\x86B\xbb\x1e\xb38B5\x86\xe5\x11A\x8d\xc6\xa9u:-:^\x9c\xa6\x8e\xe7\xf9j\xa1T\x8d\x17\x11\xba\x82R\x88k\xcd\xf1k\xe5\xa2T(\x96\xe5\xb2\xacH.\xad\x8e\xe1\xff\xd0;&lt;\x00*\x8a!\x15T,\xa8\xe5\x19\xc1&gt;#\xe4\xbd\x18\xa5\x91\x866k\x9f\x17Q\xa4@\xda=K\x99\xeb\x07\x97y\xeee\x84n\xfa\xc1\xd7\xa3\xb5\xda%Z\x8cF\x809\x9d\x803\x1a\r\xfc4\xd7\xfc&lt;\xb5T\xa9d(T\x90$\xbd\xde\xe5\x8a/\x12\x1f\xb8\xca\xa4\x9a\xc9\xc2\xb3+o\x00\xebz\xe2\xba\x7f\x16I\xd8\xdfOg\x9bI,\xec\xca^\xc1J\x99\x08,\xeaK\x91\x03\xe0\x83\xebK\x03\xef\xcd\xb1i\x0e@O\xee=q\x8d\xb3\x94\x8b\xf0\xbb\x85\xe4\xaa-\xd0\xe9x\xbe\xae\xd8\xb7J\xa5/\x92\xa5$\x97^\xeb\x8aF\xa3\xf1\x0bE\xa5(\xc5\x11P|\x0b\xb9`\xfa\xf7\x86\xb3\xa1D"\x91\xc2\xa2\xe6!\xa3b!\x88 \xb3zm\xc1n\xb0\xc1\xf1\x01ZAk^\x18\xf9\xb8\xf7\xf6L\xb5\x8e&gt;\xbc\xf7\xf8\xda\x95e\xaa\\,\x1c\xff\x0c\x96^\xaf5\xea\xf8\xb4\n\xf6mCW\xa1\x8c\xe0\xb9\xb4\x1a\x82r\xb9\\\xd1\xd5\xf9\xb2\x12\x8d*\x8a\xf2MN)D\xf5\x06\x96\xfd\xd3\xb1,\xed\x871\x02;\xe1\xee&lt;D\xce\xf2\xd8\xbd\xd4\xc4\xc0Q]]\xbe\x00\xa61\xec\x8a\xbf\xa2-2\x9f\xbf\xf1\xc9\xb1\x95\xe9&amp;J\xbe\xb9{\x0f\x98\x9f\xad\xaf\x80\x8fU\xb1\x8c\x9bdN\xa7V\xaf7\xe9\x9d:\xa6\xbdy\x1b\x16Y}F*\x16\xa2&amp;8\xd1\xec"&amp;Z\x15db4ZP\x94\xa7_(\x8ad\xd6\x88\x8c\xee\xafh\xb2`\xa9Xb6\x95\xd8\x9f9D\x01$\xc7\x0b\x94\x8e(\x10(\xf6p}$\x99\xa4\x93\xcd\xb6\xfc\xc8\xd0\xd9q\x0ei\xc8\xb0O\xd6\xbe6\xde\xbc\xa2Z\x8b7Xj\\u6\'-\xadF\xc7\r6o\xc3\x9a\x96\xe4bTk\xd1\x9a\xcdf\x97\x0b/\xf5-\xdf)\xc6\x81%+O7n+\xa8\x11:\x96\xfd]6\xebw\x97J\x19T\xf8\xb1\x18:@\xb2U\x9fz\x04\x16\xc2\x97lks${&amp;\xb1z\xa0\xd6;\x07/\xf3\xaaX\xec\xc3\xb5\'\xf3\xebo\xab\xe1D\xc5\xb2T\x97qk\x91hZ\xfc\xde\xcf@=r\xc9E\xc9\xa91\x997\x97\x8b\xde\xc5kJ&lt;\xea\xaaL\xdd\xf9b\xe3odz#\xcb\xe8&gt;\xc8N\xb8K#K\xd8yb\xeeN\x0f\x92\xce\xdb\xf1&amp;\xdc\x05\xd9\xa8|\xd1\x86\x9dlm\x9d&lt;u\xf8T2\x98\x1f\xf9\xf2\xd8\nOacu\x0f\xd6&gt;\xbc\xb3\xbe\xc8\xabX\xa2\xc1`\xb0\xd0\xab\nf\xa9bi\xb5xY\x1a\xe7\xad\x99"Z\x84*\x94\tG\xfa\x8b\xfa\xc3\xfc\x858\xb0V\xa7\xee\xceol\xcc\xa3F\x18\xf1\xcf\xde\x1e\x08\xb9\x97\x90b1T\xf8\xfdv\x14O/M\x87\x1d\xe4z\xbb\xd0\xe1\xe8\x89\xd0tx\x18\x7f&amp;\x83\xf9wz\x7fA\x1b\x0f*\xd5\xcc\x83\x7f?\xbev\xf3\x1f"\xcf\xb3\xc0\xd2\x89:,\x82\xab\x87S\x15\x0b\xd6wn]\x8b\xbe\'ZVL\xce\x9aB\xa6\xda".W\xf1R\x14X\xca\xd4\xef\x95\xffl\xdc\xa0\xd2%2M\xfc\xe7\xa1\x8cgd\x04\\c\xb1N\xa1\'\x19\xf1\xa1\xf7\xeb\xe8#2\x8c\xae\xc9\xd6H\xb2\xf50-`\xdd\xf8\xe0\xc8e1=\xd8\xf4\xddvnfm\rX\xf7EQ\xc4\xc4\x88c\x1d\xac\x16\xca\xaa\xf1\xc1\xa5\xdf\x94*]P\xa2Z2\x94\xb9\x81J%3+\x97\xe2\x12\xec\x7fw\xea\xfe\x8d\x8d\xaf(\x17Ef\x94Y\xf6g\x04\x81\xb0\x12\xc0j\xc5\xdc\xba\xaf\xcd\xe7k\xc3\xe8*x\x0eu\xa8wm\x11\xd4\xa9\xc9d\xb04t~\x8e\x1b|i\x90K\xb7\xcf\xdd[\x9b\xb9\xb0\x9e\xe3Y\x9egx^T\x97N4\xe8\xea\x82Q\xd1\xd7\xeb\xebX\xd4\xeb\x15%\xbd+\x1eUM\xae\x06\xaf\x11\xeb\xea&lt;\xcaW\x14QT\x10\xc5B\xdc\xc8\xd2\xf6\xff\xc7N\xbb\x1dX\xee\xfd\xee\x8c\x90|m\x1ff\xd7\xe4&gt;\xba\xa4\xcc\xee\xf9\xbe\x95\xee&amp;\x83\xb5\x92I\xcc\x1b\xc2\xf5\xd3h\xe21\xd2\xa4\xd3\xe9\xc7\x0f\x1e\xb6\xbf}e\x19%\x0cFS\xb9t\xe2\x96`jB:\x1b\xd4\xfa\x8e\xbe`2KpP\xb4J\xa5B\xe9\xeb`\xd2\x85; \x8e\x96\x11\xc5\xa7\x1b\x7fF\x9d\',n\xbcd\xb7{&lt;K(\xf1%{\xb2g_\xcf\xc9[\'[1U[\x85\xce\xce\xc8\xad\xd6V\x98\xbe\xdaA,\x85&gt;s\xe6\xae\xde\xbd*\x15\xa48\xde\xd8?\xc6\xf9\xc1\xf64_\x07\xabr\xa9ii\xacV\t-a\xd1^\x03\x8d$I\x8a\xab\xd5\xb3!\x88U0\xb3\xb4\xb8h\x92\xa4\xa8\xb4&gt;U\xfej\xe3\x9f&amp;\x8dA\x9d\xd9\x99\x9f\x12V)S\xf2\x8c\xd8\x92=?x\xed_\xb7&gt;\xfc\xe1\xc9\x9e\x88\xd5\xd3\xff\xa3\x9e\x93=\x90\xc9\xab\xe6\xa5\'</t>
        </is>
      </c>
      <c r="M386" s="3" t="n">
        <v>45492.67768518518</v>
      </c>
    </row>
    <row r="387">
      <c r="A387" t="n">
        <v>1002443</v>
      </c>
      <c r="B387" t="n">
        <v>3013</v>
      </c>
      <c r="C387" t="inlineStr">
        <is>
          <t>Gustavo García</t>
        </is>
      </c>
      <c r="D387" t="inlineStr">
        <is>
          <t>G. García</t>
        </is>
      </c>
      <c r="E387" t="inlineStr">
        <is>
          <t>LD</t>
        </is>
      </c>
      <c r="F387" t="inlineStr">
        <is>
          <t>LAT</t>
        </is>
      </c>
      <c r="G387" t="inlineStr">
        <is>
          <t>LD/MD</t>
        </is>
      </c>
      <c r="H387" t="n">
        <v>175</v>
      </c>
      <c r="I387" t="n">
        <v>32</v>
      </c>
      <c r="J387" s="2" t="n">
        <v>37259</v>
      </c>
      <c r="K387" t="inlineStr">
        <is>
          <t>Right</t>
        </is>
      </c>
      <c r="L38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26a5697-09c7-4711-b42a-41511e5eb2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\xe5K\x81\x00\x00\x02\xfaPLTE\xff\xff\xff\x00B-\x00?(\x00:&amp;\x00H0\x00P8\x00F.\xff\xff\xfe\x00L4\x00J2\x00A*&amp;\x19\x12 \x13\r\x1a\x0e\x08\x00S&lt;\xf2\xf4\xf7\x00&lt;&amp;b6!\xe1\x8ad\x00=*\xe4\x8eg\xe5\x92k\xe7\x95p\xfd\xfd\xfd\xd2|V\x017$7)"\xea\x99t\xf4\xf5\xf9\xe7\xea\xef\x12\n\x069\x1f\x11\xeb\xee\xf1\xc2mH/\x1b\x11\x17\t\x04R)\x176\x1a\x0c+\x1f\x192#\x1d@\x1c\x0c\x0c\x05\x03I\x1f\r\xaf^9B#\x14\xcazU:#\x18X=-\x04[G\xd7\x85_ \r\x06V4#PA8\xde\x85_Y0\x1c\xc6tPJ%\x14\xdf\x8fk\xcf\x87a\xec\x9d{ZD7\xd8\x81ZB(\x1b\xfb\xfa\xfam8#\xbbpMH90\xc6\x80[\xbb\x7f]\xbdgDvXE\xb3fFmSC\xb7wU\xee\xf0\xf4R"\x0f],\x17\x8eK.\x81^I\x9cU4\x81F,w: \xe0\xe6\xea\xcfwP\xf2\xa8\x88\xbf{Xd.\x18b;)l4\x1aQ8*P0\x1e\xbc\x969\xd0\x80\\dD4wA*\xf7\xa4\x7f\xc8\xb8\xb0\xd6\xc3\xbaJ,\x1d\x9a\x85z\xbe\xaf\xa7\xeb\x96m\xb1\x9b\x91\xda\x89cX(\x14&gt;1*dOC\xa7`A.\x14\x08^J=hM=\xeb\x90h\xd9}U\xf2\x96o\x92hO\xf2\x9f|\xd7\xdf\xe4\x02G5\x8cdL\xaerR\xb7c&gt;\x81@#\xec\xa3\x82\xc1\x85h\xa0Y=\x000 \xf1\xed\xec\xf8\xf7\xf6\x8aE\'\xec\x8bcr]Q\xf3\x9cu\x97N.\xd5zQm@)\xa8\x91\x86\x9blP\xe5\xaf\x97G3&amp;\xe3\xbb\xa9\xa8kM\xe6\x87^\xa3qT\xde\x81[\xcd\x87hzQ;\xa5W4sJ2\x0cC(\xdf\xd9\xd8\x85L4\x83fV\x95P8\xb2~`\xa9w]\xcaqJ8\x12\x05\xe2\xa6\x8d\xe3\x98{\xf6\xf2\xf1\xcf\xda\xdd\x87qf\xeb\xc5\xb5So;w\x7f\x80\xe5\xcf\xc7\xcc\x8fs\x8aW=\xd4\xb1\xa3\xed\xe4\xe2\xf7\xb0\x90\x91{pvg`\xc8\xd0\xd7\x93\x8eC\xbd\xcc\xd0\x9a\xa0\xa7\x83\x86A\xbc\xa6\x9d*\x0e\x05fVNJb1\x18_N\x94Y&gt;\xb5\xa5\x9c1[1\xd6\xd3\xd2XNI\x9bcG\xb0\x9098c7{\x89\x8e\xd6\x91j\xd8\x8bj\xd8\x96t\xd1\xcb\xc9\xc9\x9d\x8d\x89\x82\x82k~A\x8c\x92\x97\xe1\xe1\xe3\xbf\xc2\xc6\x9bsahq6\xe2\x84t\xbc\x8cs\xe1zS\xdc\xb1D\xa3\x8b: X3\xda\x9d\x82\xb1\xb7\xc1zro\x9c\x93\x91\xa1\x9cL\xc6\x9f@g]\\1wk\x9b\xbd\xb8\xae[C\x11P1\xef\xdc\xd7\xa4\xac\xb7\x0fiX\xd9wh\x80v1E\x81x\x03&amp;\x1a\xcd\xaeM\xb5\xa5O\xaa\x84vF\x14\x08\xf6\xb9\x9f\xab\xa8\xa6\xbb\xb6\xb3\xad\xc3\xc5\xc4\x93\x7f\\\x15\nx\x9e\x9c\x1aKDV\x89\x81-Q*\xcaraw&amp;\x17\x19H(d\x98\x92\xe6\xbdS\x1eN,-g[\x86\xac\xa7\xd0\xa4\x93\x1790\xd9hGGZZ\xf5$t\xc1\x00\x00 \x00IDATx\xda\xcc\x99\xdbOZ{\x1e\xc5}\xdb\x0f`N \xdc\x02\x19\t\n\x88"\x1a\xb9\x08\x08\x88\xa0V\x8dz\xc0`\x8b\x9aJP\xa9\x95\x8b\x95s\x9a\xb4\xde"\x0e\xa7\xeahm\xd5\x1al\xeb\xe5\x18\x9b\xd4\xcb\xc8\xc3\xa4\x92`\xb4\x0f\xe7TM\xec$}1\x9a\xf8r^\x9bh\xfa\x17\x9cd\x92Y\xbf\x8d\xd3\xcc\xfbt\xdb\xf9\xb2\xb9\xf8\xf6\xc9Z\xeb\xb7~\xbf\xbd\xcd\xca\xfa\xdf\x87\xa2\xe8\x0f2\xe4G\xd6\xff\xc5P\x94\xd0\x1e\x8b\xad\xfd\xe5$qr\xf2C,f\xb7g\xe8\xbe/\x12%\x8cm\x7f\xfc\xc7Y\xf2"u\x80I\x9e\x1d\x9f_\x1en\xc7\xbe/\x18\xa8\xd6&gt;\x1e\xa7\x9cbL&gt;\xae|\\\xf9b\xfd\xc5\xf1\xc7\xb5\xef\x07FQ\xb1\xfd\xf3\x0b\xc2\x04\x18\xa52\x9f\xc5Rb\xc8\xa7\xd8yv5*\xfc.`T\x960q~@\x90\x94befX_G\x99\xef&lt;\xde\xb7\x7f\x07\xc5(\xe1\xe8e*\x08*e\xbe\x92EK\xc4b\xb3s\xd8\xd9\xd9l\x0c\xe1\x12\x1f\x9c\x9f\xd8o\x9c\xca\x9e8\x0b\x8a\xe9,\xd1\xee\x81)\x9b\x9d\x9d\xc3\xce\xa3\xbf\x01\xc7\xca\xcd\x17\xa7\xaen8\xfb\xc2\xd8\xe5A\x90\x04=\x13&amp;\x16\xf4a\x13\x9a\xeclVvv\x0eQ\x8c\xe4L\xec&lt;?\xb9\xc1\x84Q\xd4\xc9\xb9&gt;CEr\xc4R\xb2i\xebrr\x80\x95\x93W\x90\x93\x93\x87\xbf\x81\xaa\xcc\x0f\x9e\xed\xc7\xa8\x1b\x8bU\xe2L\xef\x0c\x92&gt; Xl\xf2\xbe\xd6\n\x06\xe6\xe5\xe5d\\d\xb1\x89^\x07\x977\xc5%L$\tU\xa6\x16H\xd8\x81@\xe4\x82F\x04\x0b\xaf\xec\xffD\x1fe\xa6\xbf!.*\xa3\x15\x1c\x14_W\x02M\xc0\xce(\x96\x97G\x7f\xc0HB\xc7\xca\x0f\x06\xf5\x97\xf6\x1b\xe0\x12n_Se\xb4\xa2=d\x11*|j\xb5`\xd2f\xe3\x0bTy\x04,7\xe8\x0c\xea\xaf\x98/\nj\xed\xfc@\x8ff\x0f\x16\xa3\x1drsq\x91\x89\xe0-eiw#\x11\x05^\xbbZ\xad\x96V\rz)\xa7\xf5\xc1\x83C\xc6\xe5\xb2_\x1eX\xf5\xc1`P\\,-\xae(\xce\x95Js\x8b*\xba\x8a\xa4RU\x91\no\x93\xdc$/3\xa9\x8a\x14\x8a\x08\xd0`*+7\xb7-\xe8&lt;\x1b\xa5\x98\x0e\xd6E\x1f\xe9\x06 U\x14u\xb5w\x998^\xdf\xa2O\xce\x99p\xbfJ\xa7\xdd\x95\xcd\xcd\xbe\xca\xca\xd6;\x8d\xbdr\x15\xc8"\x11Vnq&gt;\xe4\xd2\x9f\xc7\x98\xa5\xfa\xe1\xbc\xaf\xcf).\xc6\x94-,\xa6GF\xc2\xb5\x0e\xa31\x1cv8\x1cFGm\xed\x88k\xc4\xd5\x84\x19\x1c\xaclm\x94\x9bTRi\xc5\xf4\xf44\xe4:8d\xb2V)j?e\xed\x9b.\x96\x16\x95\xb9\xc1\xa3\x11i4\x1e\x8fGD\xcf\xb2G&amp;\x1bP\xbfx\xf1\xc2\xe5r=ijr\xfb*9\x9c\xb2\xf6\xf66k\x9b\xd3\xe9\xd43j#e?\xb6\xea\xf5\xd3:_:\xec\xd0h4\x19\x1e\xcf\xf5,/\xd7\xd4\xa8\xd5\xea\x17j\x80\x01\xcb\xed\x9b\xf0r\xbc\xde\x92\x07!k\xd0\xa9?\xb8\x122X\x0e\x1fS\xd6\x92\x92\x85\x99\xdb\xb7\x8d\x9ak\x95\xc6\x97\x97=\x9e\xf1\xf1\xe88\xb8d5\x03j2/\\O\xc6\xdcD.\xaf\xd7\xdb\xf1 ^g\x85\\;k\xcc\xc9\xb5v\xdcg\xed\xd8\xac\x1e&amp;T\x84\xc9f\x8b\x8e\x93\x89\xce\xce\xceF\xc7\t\x16\xb8\xe0\xe3\x8b\'Mc\x83\xcdp\x91\x03\xb5\xe2\x84K\x9fb.]X\x86\xd6\x8e\xf7\xc3\x1b\xc3\x19\xffl6\xd0\xd8\xa2\xd1\xe8x\xd4\xc05\x182\\_\xe5\xba\xc6\xf2v\xd4\xc5\xebBz\xbd\xfe\x98)\xb9(\xe1e_\xdf\x8f\xd5\x1b\xc0\x12\x8d\x8b\x08\x0b\x0f/\x03\xc0\xf0\x8b\xc73D=D\xae\x8c`\x90\x8b`\x95\x95\xe9:\xa0V\xa8O\xefL%\x98\xc2\x1a=\x0b\xdd\xfa\x19Xs\x08\x16\x8c\xe3\xf1\x04\x02\x82c\x00\x16\x97\xcf3\xd8&lt;\x08}\r-\x18\xb0\xa0V+\xa7\x8c\xa3\xb3\xc6\xe3\xa9P\n+%\xc0\x10\x96\xf00u\xeb\xd1\xf3a`!\xe9\xd1\xd9g\xfd&lt;\x89\xc5\x022.\x86\xc7\xe7qm\x1e\xc8%#\\\x19\x13[\xd1\xabe\xba\x92P*\x84\xabO\xbf\xce\x90\x8b\xc2\xcb\xf8\xa3\xbf=\x1f\x9e#X\xd1\xe8\xec_\xfb%C-\x12\x01\x9f\x0c\xb8\xae\xd5\x02\x16j\x82`\x11*\x1a\xab\x0ej\x85\x0eB\xa9}F\xb0\x84k\xdd/\x7f^z=77W\xae\x81X\x86g\xf7,CC\x96\xfb|\x01\x9f\xcb3\xf0\xa0Y\xa9\r\x8d*\x83`\x03\x19\x13\xc9&amp;\xd4+/\xa9\x0b\x85\xe2\xf1x(\x95\xbcbd-R\xdb\xdd\xff\\z\xfdzxn\xae\xcaC{h\x19jii!.\xf2\xf9\xb8\xb8&lt;\x9b(\x835@\xb0\xa0V\xf3\x9d;\xbdr\x93.\xd4G\xb0R\xa9\xe49\x13.R\xc2\xc3\xcfKKK\xd5P\xeb.\xb0\x0c&lt;\xc9\xc3\x96\xa1\x16\x8bD"\x10@0&gt;\xe42\x88\x96\xff\x1b\xab\x99\x96K\xae\xb3ZC\xf1d2\x9e\\\xeffb\x03\xa2\xec\x9d\x9f?/A\xac\xf2r`\xa1\x12$\x16\t\xf4\x1a\xb2\x10,A\x06\xcbh\x94\x91\xc8\x13,B\x85t\xf5\xca\xdbJ\xac\xa1\xe4\xcbuPuo3\x80%\xb4\xfb\'?\xbf\x1e\x1e\x1e.\xbf\x8bu\x88B\xe0\x0b\xa0\x17\xc1\xe2q\x11y\xbc\r"\xec?t\xa3~]\x89\xc0j/)\t%\x93\xc9\xf5\x9d\x9d\xee\x04\x13w\x8d\xb1@\xcf\xa7O\xc3P\x0bX\xb3\xa4\xa9$\xe8\x07x\xc8\xe7\x96\xa2\xe3\xe9bE\xb8\x06\x8ct?\xd0&amp;\xc2E\xb9\tg\x88:8\x08\xb1\xba\x0f\x99\xc0\x1a\xf5\x1f}\x02\x17\x8d\x15\x9dES!U\x183\xa9\x06\x9b\x8dl?\xc0Z\x1e\x90\xd5\x90u866H\x87K.o\xd7YSD\xac\xee\xee\xc9N\x06\xb0\xa8\xd1\xc0\xd1\x17\x1aK\x94\xd9x\xf8$P|R\xa6\x86Yp\xcd\x1a\x0c\x06\x91\x8d\xd88\xa0v\x01k\x8cn\x08`\xb5Yo\xad\x83j\xb2\xa7\xc7\xcfD\xb6\xb6\x03GG\xb4\x89t\xc7\x13.\x8c@\xd2\xcf\xeb\x07\xdal)\xa8\x0c\xa56\xd18:u@\xfd\xa4\t\'Ape\xb0\xe2pp\xb2go/`g\xa2\xb6\x02[\x90kc\xe3.\xce\x0e\xa2\xa8\x8d\xdb\x7f\x8f\x8c\xe4\xde=R\x0f\xf0\x11\xf9\xe2\xde\x9f\xb5\x89Dt\xba\xc8\x11u\xb0\x99&gt;\x9f\xf6\xc5w UO`\xcf\xcf\xc4\x89&gt;\xb1\xf5\xf4\xcf/\x1b\x1b\x1bPK\xe3A\xb8\xfa\x7f\xfa\xe5!\xc6\xf2P"\x90\x08x6\x1b\xd9\x193\x01\x93\xd5\x8e\x8c\x80\x8b&gt;8\xebt%\x0f^\xeeL\xee\xf5\xf4\xec\x05\xfcL\x14W\xc2\xdf\xb9ut\xb4\xf1\xa1\xfc\xee]\x8d\xc8\xc6\xe5\xdf#\xad\x85\x9eGGX$\xa8\x07\xb2_\x9bK\xef\x97\x8a4\x0e\xdck\xb8\xd2\xe9\xcc\xc1\xd9\x9b\xc1\n`\xfc\x0c\x14\x17\x95\xe8\xdc\xda::=\xfd@\x96\xa2\x8d\xcb\x13Hh\xa6\xbf\x03\x8b\x94*\x9fo6\x9b\xd1\x15\xa56P\x85G\xd2\xaf\xd2\x8b\x0b^N{{{I\xc7\x83\x97\xdd\x93{\xfe+`\x8d2`\xe2\x1f4\xd6*\xb8\xe6J\xb9\xf7\xcd\xbf\x0e\xad\xaeNM\xadN\xad\x9e\xfej\xc1\x9e-AS\x98\xcd\xa5P\xd2\x11N/\xba\'\xbc:)[\x9b\x9d\xa7UH\xbb\xac/\x91w\x7f\xc0\xef\xefd\x00KH\xb0\xfe\\=\x85^\xbf\x9b\xcds\x9f\xc8|\xf9\xf2\t{\xf7\xed\xdf\xf8\x96!\x01\xdf\xcc\x85\x81F\x99\xa3\xf6Ue\x99\xa9(\x97M\x9e\x8eh#R\x85\xa2"&gt;9\xf9\xce\x7f\xe5\xbfb\x02\x8b"X[\x10\xe7t\xc3\xfc\xfb\xf3\x85\x0e\xdc\x02\xb5Y;\xe6\xe7\xe7\xd3\xe9\xfar3j\xf5&gt;MU\x1bv\xb9A\xa5`k\xb5\xbb\x8a"y;~*\xdaP\x0f~\xc8\xc5\x90Z\x9dO\x9f&gt;\x9dZ]\xdd\x98\x99\x9f\xe8\xe8h\x9b\xae\xa8\x98\xae\xe8\xe2,\xa4\xd3\x8f5\xa4\x1b\xb8\xa5\x1a\xa3L=\xe2r\xb7\xe2~Z\xa5*,\xe3\xf8|X\x8a\xbd\xa6\xa26\x14\x84?\x10\xe8&lt;d"[\xdb\xd7XS\xc3\xf3\xf3\x0b\x0b\xf3?&gt;\x9a_\x98\x98p\xbb\x17\xdf\xcf84(-\x84\x1d\xf7\xfb\xae\xa6\xc1\xd6\xde\xc2\xc2\xc2\xde\xc6V\xdf\xa0{\xb0\xf9\x0e\xa7\xd1dj\xdfA\xc3C\xac\xc35\x06\xd4\x1a}K\xb0\xb6\xa6\xb6\x9eo\xbe\x7f\xfc\xba\xba\xba\xba\xde1\x13\x1eq\x8d\x84kk\x8d\x9e(\xb6\x1f\x91\xb16\xfcd\xb0\xb5A\xb5\xa2jh\xac\xf4\xa1\x1eP\xf3\x8d\r&amp;SE\xf7\x1e\x8d\x95`\x00++\x8355\xb5U}\xbb\xcaQUU\xef\xa8\'M@c\xc9\x96\xc1U*\x92\xa9]\xd0J\x15Y),\xbc\xe3\xf3\xe1\x86\xac\xb1\xb7\xa1\xa1\xb0PU\xb4\x8e\x86\xf73\x84\x15#Xo\x80\xb5Q^\xa51:\x1c\xf5\xf5\xf5\x8fg\xc2(\xa8\x91\xda\x1a\x99\'\x8a\x8a\xd7\xa8\x9b@\xb5\x12YQq\x1677\xe7}\x1c\x93jE\xa1*TI\xe3P\xcb\xff\xb13\xc1\xc4\xe6\x13Ktv\xbe!r\x9dVi\x1c\x10*&lt;\xf3|\xd3\xc7\xe9m\xf45\x85\x1d\x9a\xf1\xd9~\x89@\xa4\x1elT\xad\xec\xee\xae4\xfa\x1e\xfd\xf8\xa0\xa2\x98&lt;\xe2\xd2*T*\x85\x15;b`\xaf3a\xcf\xa2\xbe\xf9\xbf\x1b\xed\x7f\xbc\x05\xd6\xd4\xd4\x87\xb9*\xa3\xc3\xe5^\xdc\xec()\x8eD"\xaa\x86\xca\xa6\xb0q\xfcY\xff/?E\xd5\x83\r\xa0\xd2\xaa\xbc\xf3mJqAA\x01y\xec\xac]Q)\xba\xd6\'\xdf\x05v\xf6\xb6\x85\xc2\xd8\xda\xb7~\xbe+\xc4R|\x8b\x95\xf8[\xb9\xa6v\xacyqB\'\xce\xffWAA^Qac\xf3\x88,\n,IT\xdd\\\x18\xd9\xd5\xee\x96yuI\xf1ENA\x01\x8b\x95W\x90\xb7\xabPH\xfb&amp;{\xde\xedLn\xdb\xf7\x8f\xd7\x03\xdf2`8WR\xdb[[o\x9e\xae\x9e\x96\x97\x1aq\xcek\xec\xd8\xb9P\x06\xffM\xab\xf9\xfd\xa4\x95\xa6q|\xef\xb8\xd9\x9bC\xe0H\xc2\x85a\xe78K\x0f\xb8\x06\x1d\xf9!E\x0f\xeb\xd2\xd3\x06\x18 \xa5\x075 \x08\x82\xcc\xd2\x8a,\x9b\x19\xa0\xa4B\xc1:\xae\xb2t\x9c\x88\xec\x088\x92\xd0\xaat\x93\rNRcz!j\x93\xa9q\xb9p\xd3\xa4\t1\xe9\x95\xbaM\xbd\xd1\xbbI/\xf6y\xd9\xf9\x13\x8e\xef\x85\xf1\x8eO\x9e\xe79\xdf\xe7\xf9\xbe\xefs\xe3\xc6\xfdI\x1b\x13\x95\x08\xb2\xc9L28\x13I\xe8\x0b\x906\xa5r\xed-\n\xd6\x8d\xfe\x9evP\xd5B\xa1c\xa4:[[\x9b]\xfa\xf0S\x97mm\x8c\xbd{z\xce\xc04\x87sr\xb0^\x9e;\xde\x93\xc9\x04\xba\xc5\xa8\xf9\xd5\xbf=\x9fCwq\x7fg\xfe\x81\x16\xf4f2\x8dLrJg\x1a*\x14\xb6\xee\x17\xb0\xaf=\x8f\xddRi\x0f\xc5\x90\x90e\x92\x94\xba\x97=\xb5\x17_\xdc\x1cv\xbbm\xb7n\x8d\xb1\x85\xc5\xd9\x98_\xaf\x0cl|\xfc\xa5\\&lt;V\x81\x95\xe8\x04\x7f\xa3\x1d|v\xe8 0\x10\xcd@\xa7&amp;\xdb\x00\xaa\xcc\x94H\x92\x00\xd5\xba\xaf\xa7r\xaf\xfe\xfe\xeds3\xc5\x80\xb2\xea\t\xbf\\&gt;r\xdb\xb3\xfd\xb8]*\x15+m\x0cs\xc8\x92\x8d\xe5l\xcc\xe1\xaa\xa7\xeb\xeb\x7f\x02\xac=\x15\x0fZ\xb2ff\xa5\xb3o\xef\xe1B\xde\x98\x88&amp;\x02\n\xc1\xd4L#\x99LN\xadH\x8c\x0c\x88B\xc1O\x99s93\x88\xa9\xdeo`\x86\xd0u\xd2\xa4g\xfbEG{\x87\x98\xb8\xb8\xba\xcaU\xda\xd8\xc9`\xb9$\xc4\xb9v\xfb\xe01\xc2\x9a\x90\xc1\xac\x07\xc3^\xe7\xa06`\x8cF\x13&amp;Z1\xd5h$C\xc9\xe4\x8ch1\xc1\x80~\x9e\xe9\rC\x96\x96M\x1c\xb2D\xd1\xf5\x9b\xbc\xc7Q\xf5U;\n\x1dJB\x7fqe\xa9\xb1\xf25rVK\xba^~\x90\x97\x92\x15\xe7\x8b{0\'\x00\x16\xccU\nh\x81\xcdf\x93\x16\xdd\x9diL%C\xa1d\xe6\xeeJ\xdc\x0cXg\xa4\xc10\x14E\xde\'\x91N\xc3H?\x8a&amp;\xe7\xea\xec,\xe8\x18\xa1\x07\xac\xabCV\x86g\xce\x06\xb7\x11\n\x06\xbda\xee\xdc\xfc\xf1.\n\x96J5a\x070\xbbB\xab\x10\xc8Pa%CA\xc0\x9a\x11\x05\x10\x96\x98\xf4\x0fY\x12\xc64b2-\xc6\xf3f\xc0r\xac\xf9\xb6\xff\x06\xd5\xaf\xf7\x03\xd6s6\x86g\xf8\x04\x1b\xc9T(\x95r\xf2\xe7\xcb\xc5\x12$Q\x85s{\xd1\rs\xeb\xaa\x99\xcbKB\xb9\x87 \\\xc1\xac\xa8\x99\xc3\xfc\xa4X\xac\x1f\x8a\xa6\xd3\x8b\x92\xd6\x8d\xa5)o\xa6\xb0\xae\xc95\xdf\xf8\x17-,\x06\x8a\x8b\r\xd7\xcfi+\x7f\n\x87\x10\x16&gt;?\x8f\xb0\xb8\xb8\x90\x8f&lt;\x8e,\xabA\xee\xba\x85\x056\x08\xb0\x04\xcd\xfc(\xa6oE\xcbh\x92\xe8D+"\x1d\x1d@X\x8e\xdbU\xdf\xf8\x03\xe8C$i\x00\xac\x13V\xb0\xce?\xa1\x1c%C\xfc\x16\x16/(\x04\x17\x16\x16\x06\xb9\xd9\x99l/\x1f\xf7\x82\x92&amp;C)g(\x98\x11\xe8 c\x84\x98\x84\x8aO\x00\xd6\xca]\x85H\x17\x88\xe7\x9e`\x8e\xe5\xaa\xcf\xf5S{\xa1pF\x12\xd4\xd5\xd7\xac8 \xc0J:\x9d\xce0\x8f\x07X1&gt;\xcf\x8bnj\xc2x\x10\x94*\x93\xe1\xf1\xbd\xa1\x10$1\xecD\xe1R\xc4G1\x02\xb4\xca\x92H\xa3h)\xe0\xd0q\xe3\xa8\xcd\xb1\xec\xf1\xb9\x1e\x93\x80u\xa6\xa7\x86\x0e\x1f\xb1\xa1\x10\x90\xc4\xe0f*\xb32\xc3/\x97\x8bE\xdc\xebM9\xadN\xb50\x05\xd5\x94L\x06\xbd\xa9T(\x03\x1d\xd1\xe9\xdcT\xf7*\xe2\x94\\.\'H\x7f\xd4\xb4\x08\xd1R@\xb8h\x88\xd6\x13\xf0d\xbe\xf1\xdb\xf238\xa4\x8d:]e\x01\x0bj\xab\xe1t&amp;?EDx\xb9&lt;W\x14\nS\xa9\xb0\x13\xf9\xc30\x80A\xa8\x00\xae\x15-\xeby,+J\x1bHB\x8e\xc9ICbQ"\x11)V\x14t\x13\xb0l\xdfC\xf3\x19\x7f\x80]\\\x00\x16\xf6\xc4\xc7\x86nq\xda*\xc1\xcdP\xa3\xf1)\x9bBX\xb10\xd4\x91u\x13\x8e\xd5\x19FH\xa8\xe0Sa0\xfe\x9b\xfc)\xda\x02\xf2`\x80\xf2*0\xe9&amp;`\xa1\xda2\xe5ZI\xacm\xdf\x94_\x00\x17i\xfb\xde\xd5\xc6\x8e@\xa4\x9c\xf0\xe3\x99Px\xbe2W\x84 \xa1`\x9d\x9f\x03X8\x98\x05\xa1\xe0\x02g8$\x14\xf2\x04t\xde\x00\xea`0\x90\x85\xad3K\\w\xf7\xae\x08r\xd8\xfa\x12\x97O\xc7\xb7\xbbH\x84\xa5\xb4}WaEM9\'j\'(fj3\\\x84y\xcbj\x85\xf2\xdf\x04\xac\xf3s\xab7\xbb\x12\x91\xacpS\xce\x94\xaa\xaf&gt;a\xa7\xf3\x16r\xeb\xb3-\xc2@nu\x17\x18\x93\x16\x05\x0b*\xdeL\xc9\x1d\xcb\xb3\xae\xed\xe13\xfd\x85\x9e$l_\xb2\xf2!r~sR\n7\x1a\xa1\xcdsg\t\xb2\xd8\xc2r\xb6\xb0\xc2\xbc)\x9d$\xa2\xe1z\xf9\xb4A\xc9\xe4\x16\xf2\x94a\x0b\xa6\xac-B\xdc\xdd}_o\xd4\x8aD\xa2\x08X4h&gt;]\xcb&gt;\x97\xa7\x9f$\x95\x04A\xf4TY\x1a\xb86J\xce\xc6\xa7\x14$\xad\x84,\xc6\xff\xb1 ^\x9b\xea\xec\x8aD\xb2\x12\xe4ktW\x17\xc6&amp;M\x9b\xfd\xe2n\xb4g\xb0\x05\xe3|Ao\th\x15\xa2\x08\xa8\xe9h\xabS\xbb\xaa\xednb\xa4\xc7&amp;\xb7\xd5\xd8\xb9\xab\xe4&lt;*\x85CSY\x8d\x86\',\x02V\xcc\xf9+\x97\x15\x9f\x8a,J4a\xabZ\x94H\x0bd\x9d\xb4\x919C\xa3&lt;\xcc\xa3\xad.c\xa4\x15 \xf2(\x87#7A\xb6\xd6`~ z\x1c\xb7\x0e7X\xc2Z-N\x08\xf1`0\x19\xc2\x8fQ\xb4\xc2\xa9\x96DX\x85\xbd"\xc9\xa2\x08\x8fY\xadj\xae]&amp;\xab\x0f\xd2F\xca\x00\xb6\x10\xa0H4hYL\xda\x08\x1dOX0b\xc4\x01\xb2\xf5X\xact\xbb{&amp;\x0f+,\x99\x0c\x0e\xa7RR\xabA\xa1\x9c\xde=\xa4\x10\xea\x14:j5.\x88\x98$u\xb55\x16+\xe1\xf5z_\xdf \x9dG/\xfa\xc8\xb3\xea\xf5~\xbf\x9f\x192\x81\xcd\x86`\x11#\x93\x9e\xd9\x9a\xa7\xc7\xed\x1e\xe9\xf9\xd2\xc5\x9a\xf5\xe1L\x97\xad\xb10dn\xe2\x19\x94\xbcZ(Dw\xa6B\\&amp;Z4u\x96J1\xb5PU\xaf\xd7\x9f\xda\xb5\x81\xbc\xd1\x08\xe3*\xc5\xc0T\x8a\xc8\x0cL&gt;\x9e\x86&amp;\xa9t\xdf\xaeVk\x1b&gt;GO\xcfm\x17\x8b\x06\x833]\xb1B\xc3\xc1\xe7*\x95\xb9\x98\x1a\xda\x0f\x0c\x85|Ug \xadU\xed\xa9Z\x07\xb8:\xb5\x81\x80\xa9I\x07L\x89\xa8\x05"\x06\x89\xd4\xeb\x19\xa3\xd1\xcc\x10\xd2\xfe\xc9\xb5\xea\xd8\xf4\xf48\xfce\xd3&amp;r8\x03\'\x9b\xb1\xd2\xfc\xeaj\xe5&lt;&amp;\xe4\xa3\x87\xa7$\xb7\xb3\x99\x08\x80ZMLp\xb9\\\x00;\xb2\x8b"\x91\xa6NG/\xe6\x13Q\x98\xe2\x01\x8b$\xa1\xee\x8d\x14\xd1\xdf\xefx\xbc\x06@m\x8fV\xd9}\xbb\xe3p\xdaVO6\x06\x80\xae\x1cC\xaf\x04\x99L\xaf\x80N,\xf6\xd5\xfbd2\x98\xb8\xf8Bu\xa9tdG+\x07\xcdt\xa2\xf5\xecJ(\xd1\xd7h\xd0G\xe3\xa3\x80\xd5\xf5\xa0Z\x01"\x0e\xdb\xcb\x10\xbfn,\xb7m\x94c^/P\xf1zEF\xa3\xbd^GTPg\xa5\xa3\xa7O/\xb5\xbaf3\x81\xee\x8e\xfc~49\x8b\xc5J\x0c\xf33\xb4\ts\xf7\x0f\xdf\xf4\x9c\\\xd3\xc2\x01R\x1b\xcej\xa5\xe8\xf5\x06\x11\x96$\xd19\xb1[\xaf\xabp\xbeJvyyyg!\x10\x87\xf67\xe4\xd7\x9f\x15\nb\xb4\xf6\xb3\xb5\xd5\x81=\xf13\xf7\xe8Q\xc0z0\xbbq\x9dKI\xab\'s\xb87\x98\xe4\x055\x8b:\xde\xee\xee\xe0\xa0\xbdS\xdb\x8c\xc7_\xbe\xcc\xa7\x17\xfe\xb1\x90\xcf\xe7(=\x83\xf9\'\xff\xd8\xfd\x19t\xa1\xfb\x18e\xb0\xf4\xd1\x14\xc2\xf2]\xeb\xae\xd4\xc0\xc6&lt;`\x81\r\xd2D\x04\xfc\xdd;y\n\xcb=\xff\xf6\xb4v\xb0\xbe~\\\xae\xac?;pm\xff\xe5\xd4s\xeb\xed\xbb\xdf\xff\xf6\xc6g\x1d\xf2\'\x18c\xac\x07\xb0\xfe\xfe\xe1\xc9\xda\xb5n\x08\xb6=*\x97\xbc\xe8\xb5\x87\xa7\x10\xa8\xecqF\xf9;O\xcd\xb5\xff\xe3\xce\xd2\xce\xd8\xd2\xce\xfe\xfa\xfe?\xdf\xf8\xc6\xff\xf3\xfa_/\xbe\xfa\xbc[\x89Q\x80ug7/\xefw\x0f\xdfr]\xe3\xea\x0fz\xde?\x89\xe1\x80%\xe4k\x14\x13 \xa0\xdf\xe4\xde\xbe\xd9\xd9YZ\xfayi\xe7\xe7\x9d\xfd\xb1\xa5\xfd\x0f\xdb\xe3\xff}\xfd\xfa\xddW\x7f 0\n\xc3\x98\xd1\xddA\xb3\x1b\xb0\x96+\xd7\xbb\xef6\r\xc5\xc5GOc\xbd\x1a\xe4\xadU\x97?\xd4\\o\x96v\xfe\xba\x04\x01\xdb\x1f\xdby\xf3\xc1\xe7{\xbb\xf6\xee\xcfn\x8c\x82\xa9\x9e0\xc4\xf7\xbe\xa1\xa4Rw\x97g\xf5z\xb1@"J\x80\xc5\xe7s5HIq\xfc\xfd\xe5\xc3\xc3\xd3SW\xad\xe6\x1a\xaf\xcd\xfaf=\xcb\x8eI\x87-7J1\x04\x0c\x0cC\xf7\x9e\xbe\x04\x91wO\x8e_\xf3\x92\'\xe7Q\xe5X\xc5C\xef\xae\\\x19z\x8f\n\xe3\xef\xdf\x1f\xbd\x7f\xb6\x8e\xa8|\xa7\xbe\xd9\xd3\xd9\xc3W\xcdf\x9e\x029\x95*\x95\xa3\xf7\x16(i{\xff\xf0\xf2\xd8u\xef6OW\xe6T\xdc\t\x1ez\xa4\xe3\xf1quX}\xf4\xfe\x08\xce\xf1/\x07\x07\x07\x1f\x0f&gt;&gt;\xbc\xbc\xd4\x81\xb7&amp;\x94\xed\xedR\xa92\xb7`\x86\x7f\xfao\x9e.]7\xd6\xc0\xc9\xfc\xde\x84F\xf6?^\xce7\xa4\x8d&lt;\x8d\xe3\x95\xe0\xa5\\\xa2iHk0\xd5DFc\xcc\x11\'\xfe\tQ\xd3\x10\xdb\xcc\\6\xe3\xde\xcd\xdd\x05\x06I\xd0\xd2F\xa9\x8d\x8dy\x91Mf\xe0\xac{\xd0\x17:\x97\rC\x83\xd4j\xa0\xad\x85t\xb3G\r\x86^\xd1R\x03\xda\xdbJ\xb4l_\xa9\xa0\xbe\xb0G\x17\xca\xf5\x0f\xdbR(\xf4\x0f\x85{~\x13{G\xb9\xe3\xeev\xaf\xf1!A_~\xf2}\xbe\xf3&lt;\xbf\xdf\xcc\xef\x99\x01\x90k\x00\x9a\xce\x17G\x0e#\xaa\xcb\xdf}\xf7\xd7\xddx\xf9\xd9\xe4\xf1\xd3\xe8QOCC\xdd\xc4\x84U\xa7\xc3}\x17o\xac\xa8\x8bK\x85\xee\xec\xbe\x85\x9e\xd3\xdc|\xf0 :\xa2\xf1E\x81\xeb\xf2\x1f\xffv\t\xc8\x80\xed\xe5/\xcf\x1e\xff\xdc\xd4\xae\xd3\xebu\r\xd6\xe3J\x13\x88\xd5\xdbw\xe2O\xc5&gt;\x10\x0b\xe6\xfa\xe6\xeb\x1e\x88\x01\xb0}\x85\x88U\xd1\x01@\x97.!\xbd\xa0WO\xfe\xeet\x83\t\xa8\xf4:\x93U\tx\xb8\xf7\xea\xa9\xa2&lt;\xe0\xfc\x18\xab\xeb\xdaWo\x87\t\xc4Uq\xe8P\xe1\x84F\xc7\x9d\x1eh\x8b/\x81\t\x96}G\xeb~\xa1\xd3!\xac\x06S];\x8e\xe9\xfc\xee\xbe[\xfdE\xc7\xdaw\xe5\xda\xc9\xb7\xcf\x88\xc6\xc6\xc6\xe6\x83\x87\x0fU\x1cFg\x7f\xee\xd8\x88c\x9f\x9d\x99\x9c\xfc5\xba_Zgj\xd0\xebE\xaa\xf6v\x87N\xef\x18\xba8vjO\xb0\xae}sw\x98il\x844\x02\x17\xc4\xa1\x8e\x81\x1e&amp;~\x16\x8a\x95\x12\xdd\x18io(PA8\xf4:\xef\xb9\xab}\x1b7\xbe,\xfaa\xeb+\'\x91\\\x80\x05\\\x87\x0f\x03\x19zxn\x83%\xf3\xd9\xf4\xc4o\x0b\x0f6\xd1Z\xab\xbd\xddd\x8a\xe1\xba\xd8\xd0\xc5\xab\xd7\xc7n\xed\x01\xd6\x89\xfe\x93 \x17\xd1\x06\\\x1d\xe21\x1bQ\xae\xc66\x00\xfb\xcd$:\xfc\xf0\xab\xba\xba\xd3\xd6:\xe891\xdcav\xcf\xcc,_\xbfU|\xcb\xff\xa1\x7f\xec\xc6Wo\x9f\r\x03V#\xech!\xd0\xb5\xd81\xd0,\xde{&gt;#\xde\nQ*\xadH,\x8d\xc3l?wn\xf3\xe6\xd5\x1b{\x80u\xe2\xfa=(\xe8_\x93m\x8dm\x8d\xcd\xc8\xf3G\xd0\xe5x\x04\xdd\xec\xediC\xc7\r\x8e\x8f\x1eU\xfa\xc0X1X,\x0f\xde\\\xb08\xaf\xee\x85Z\'\xfb\x04r\xea\xd1\xfda\xa6\xad\xad\xadq@&lt;\xc6u\xe4\xf7G`\x13\x0bU\x16\xb0&amp;\xc1aJ\xabIg\x8a\xc5\xcc\xf6\xc1AK \x10;W|\xcb\xa3\xc3xI&amp;.\xdc\xbb?L\x1d;\x86\xb8**`\x0f\x0bT\x97\xef\x88\x06\x03\xac\xa3\xedP\xdc\xfd^\xb3\xddn\t\x18\x0c\x1a\xcd\xcd\xe2\'q_\xe7\xb5\xfb$\xc3\xc5i&gt;I\xa1\xe7\xd5\x8cmii\xa9\xe3/\x97/C\x12\xc5\xa7\xb2\xf3\x13\xa3\xd0\x9e\xf5\xb0\xc82\x9b\x9d\x1aq\xe2\xe6\xdc\x1e`\xa9\xaf=#(\x8aJ\xb8X!\xc9\x89\\(\xce/\x9d\xef\x81\x9az\xec\xd8\x99\xf4h\x1dj\x88\x8e\x989\x160\xa0\xe12\x99\xe1\xe6\xad=\xc0\xba0Fp\x0c\xc1\x86B.\x9a\x8fS\x1c\xc7\x116\x82aH\x8a\xa1\xb8x&lt;\x9e\x1e\xb5\x9a\xb0 \x86{\xbd1q.I[&amp;3\x0c\xeeA\xdd\x02\xac\xa98\xd1(\xb0\xeeP(\x91\xc8\xc5\xe3\xb98\x07@9\xf4_.\x97\x1eU\x82X\x18\x16\x8bi\xe4h\xc6\xad\x05a\r\x9d\xfa\xb6\xe8\xa3Q\x9d\x17\xc68\xae\x99\xe2H6\xe4f{{\x13\xf3\xf3\xe9\xf4|\x0e\xc5\xfc&lt;\xa2B\xe35\x18\xae\xa9\x97k\xb5-( \x89\x96\xb1\x8d\'W\x8a\xbb\xe2\xea\xac\xb9\xf0\x8c\xa3\x9a\xc3\xe0,\xda\x1dO\x8cO\x8c\xa3H$\xd2(\xc6\xbb[\xfd\xb8\x0e\xd7\x19\x0c24J\xd6"\xcen\xc9\x0c\xce\xbe\xf5\xf5\xfe\xe2\x0e\x89\xd4\xac\xdc\xbe\xcb1\x0c\xed\xa2\xb90\xcb\xa5\x13\xb9\xc4\xf8h\xb7\xb9\x1b\x85\xb9\xdb\xe7w\xe08n\x90\xa1\t7\x14Z\xa3V+bmn.?)\xe2\xac\x8f\xba\xcb\x93\xf9\xf6.CP4MO\xf1\x02\x95\xce\x81`\xe9\xe3J\x9f\xaf\xb5\xd5\xebmET\xf52\x91\x06E\xad\xd6hDX\x96\xbe\x85\x85\x99\xe5"\xce\xfatVG\xd6\xfa\xef\x92\x04\xc5\xb3.^`\x840\xc7%B\x89\xdc\xfch\xab\xaf\x1d\xd6YA4\xa0%\xc2h\xd1\x81\x83Z#\x9a\xa0\x94i,\xeb\x01\xcb\xe6z\xb6hUB]\xe5\xc9d\xfb\x1eM1\x0c\xc7\xd24I\x869&amp;L\xd3n6\x9e\xeem\xf5Y\xdb\x83\xb5\xb5\xe8\x96\x88\xa8\x14\xc2\xd2\x1ak\x11\x96\xc1i\xa9\x0f,\xac/\xdf\x96\x16-\x87+\xab\xcb3\xf7\x04\x86\x02.\x8e\x12(\x82s\x85\\.:\xcc\'\x12\xe3J\x13VVf,\x84\xb6\xf0\x07\r*"o\x05\xe4\x9a\x85\x99T\xb1\x06\x02\xd5\x9d5\x91\xb5\xf5\x85G\x02\xc90\x14\xc5\xc4)\x1b\x11v\xb9\x07\x87\xdc.\xda5\x0eW!.\x8e\'\x16r\x08D\xc6ZH\xa8\x16\x92\xe8\xd4\x18\xeb\x01\xeb\xf1\x97\xc5\x19\x1cVWUOg7-\xf7\x92p)R=\x0cc#\xd9p\x98\x1e\x1c\xb2X\x86,N\xa7\xb37&amp;\x97a\xf2\x82\xdfk\xcbZ\xc4)\xc5Z\x84\x15\x90\x19\xe5\x0b\xeb\xa9\x8d\xdb\xc5\x19h\xeeTTg6,\x8e\x8bI\x9eCm\xd1fc\xdd4p\xb9\xa0\xde\xd3t\xc8\t\x85]&amp;\x8e\xe6j\xc5S\x94-\x7fn\xa9\x15\x87s\r\x9a2\xa3|3\xb5\x9c\x7f\xb2Z]\x040u\x95\xa2&amp;\xb3\x1c\xf0\xd3a!G\x11\x0cE\x90a\xda\xed\xe2\xd90\xcf\x86\xec!;,\x17\x0c\x0e\x07.G\x95\x14,\x05\xf5],\xa7\xf2\xfaz\x99\xd6X\xbf\xbe\xb8\xbc\xfc\xf8q6;[\xa3\xfe\xa4of\x90\xaa;\x15\x8a\xae\xc8\xb2\xc1\xef\xba(\xb0q\x82 \x85d\x92\x87\xcb\x10z4;8\xe4t\x06`\xc1\xe0W\xfa\xe5A9\xb2\x94\xb6\x05\x1a"\x12\x0b\r\xc7j\x8d\x81\xc5\xfcb*\xff8\xbf\xf8\xfa\xe1\x9b\xe9\xaeO\xf5\xce\x08\xa9T\xdd\xa5@\xe1\xc9\xd7;\xdc\x80\x15f\x08fjx\x8a\xe48\xd0\x8d\x874:\x03^\xbbA&amp;\x03\xb5\xe4A\xc8\x1f\xf0 s\x89\x03\xe92\xf0\xdbB6\xbb\x08i\xdc\xc8\xbf\x8f&gt;\x7f\xfeb{Z!\xfd\x04dju\xe4\xcdS\x11\xabzGc\xb0\xd3&lt;\x0b\x1a\x91\x1c\x99\x9c"\t.\xce\xf3|8\x04\x8e\xf7\x064\x064e\xad\x0f\x06\xf5\xb0\xb1\xc6\x82\xfa\xa0|\x17\xabv}\x07\xb0R\xa9\xc5|\xaaR\x15-y\xfe\xfa\xc5vD\xa1\xfe\xff\xc0\xa4\xd2\xce\xcc\xd6\xd6\n\xa4PQ\xd5\x95\xb1`^\xf09\xcb1\xe4\x14\x99\x14\x92S&lt;\xf4 F\x18r\xf6\x8e\'\xc6{[q\x0c\xd3c\xc1\xa0\xce$n\xf811\x85\xd0\x8d\x0c\xd95\x11+\x95\xcf\xbf\x1b\x91DU\xaa\xe8\xdc\xebWO=U?]2\xc8\x9f\xe2\xe9V\xd3+\x85\x88\xa5XIa1\x17\xcb#,P+,\xa0\x13\xa8\x04C\xe4\xd2\xf1\xdc|z\x02\xba#Z\x9a\xeaL\xb8,\x18\x0cbz\xd9.\xd6\xc2\xeaj6%be\x9f\x7f?R\xf93\x95D\x15-\x9d\xdbz\xf5\xb4\xa6S\xfa\x13Z%\xfc\x9aN\xcf\xf6\x8b\x07MM\xdbUUb\x16k\xd6\x02\x8eDX\x80\x12Ap\xb6$\x1b\x16\x08\x9bm\x89\xa4(X\x05\xc2\xeafT9j\xad\x83\xfd\xbe\tC\xb3\xcd\x988\x05\x8e\x8aF&gt;\xb3\x9aGT\x8b\xd9\x9d\xf7\xdf\x8f\x8cHJ*+U%%\xd1\xa6\xb9\x87o2?\xfe\xd2\x04\xa5"o\xb6\x1e4\x957\xcd\xcdV!\xb5\xe0\xbb\xb2\xe9\x98\xe7x\x9e\xb1\x11\xc4\xd2T8\x9c\x04,\xe2&lt;E\n,\r{\x8an\xe8A@\x05;\x1f\x7f\x1dV\x98\x9a\x07\xb82\xcdjf-/Zkg-\x05X#%\xaaJ\x89JU\x12--m\x02\x9b\xad\xfc(0\xa9\xbaf\xf6\x87\xad\xb9\xa6\xa6\xf2\xf2\xf2\xb9\xe9\x82XP\xba\x1ek\xc6a\xdf\xd3\xd3\x0c\xd9\x03c\x91K\xb0\xc1`H^p\xd9-v\xef\xf8(l\xa8\xeb@-\xdc\xeaC\xe3\xe92\x19\xa6\xc3\xe4e3\xd3\x99\x1d(\x10\x8b\xf9\xec\xdal\x1e\xa8F$*\t`\x81\xc5\xa2Q\xf8\xc9[?\x88\xd5\xec\x7f\xcc^D\xcc^Sy)\xc2\x8a\x14\xb0P\xe9\xdat\x84\xdc\\s3\xc7\xb2Ir\xf8\xfc\xd2\x12i#I\x81\x86z\xea\x04\xbdF\x95V\xa5\xd5\xe7\xc0M\xb8\x88\x85\xe1:\x99\xdc\xf0$2\x0bX@\xb5\x03\xb2\xbd\x03s\xa18\xa0\x92\x1c@\x99Dd\x0f^l{\xfe{1\x03&amp;$\xd4\x03Q\xa8\xd2\xd2\xd2\xf2\xd2\x7f`UA\x8d\x08XBa\xc2&amp;\xd0\xb4@,-\xd9:l\xe40\x95tCgDX\xe6V\x00\xb3\xfaqPI\xa4B\x06\xdb\xf4L?\xcd\xe6\x11\xd5\xda\xect\xe6=\xc2\x92\xc0\xa7\xa0X\x01\xac|\xee!H\xf6\x9f\xde\x9a"\x85\x95\xc2\x07\xa1\x10\x13\n\x94\xc4]\xcf#\xb9\x02!h:\xd0\x0cy\x1b8\x0b\x1cO\x92\xac\x0b\x16\x12!\xa7\xd9\x0br\xf9\x94J\x9f\xc3\xe47\x01\x90\x0c7\xe80C\xbf\'\xb3\x96\xcd#\xaa\xd5L$\xb2(bI*%\x07$\xbb\\\x08\x0cI\xf6p;\xd2%\xfd\xf7\xd9\x14\x85z\xb5\xf5\x01j\xff~\xf8\x02\x97\x88\xb5\xcbU\xbd\xe6\x0c\xb9\x86\xdc\x83n\x97\x0b\x966\x03\xb0M\x14x\x91*d\x8ey\xbd\xbeV\xb0\x17\xac\xa2A0p\x16,\xedu\x83\x91Hf\'\x9bET\xb3\xd3\x1e\xcf\xce;\x11K\xf2A.\xc4U\x12E\xf6/\x87\x92\x01\r\xe0_4\x93\xee\x93VM\xbfyX`*\xdf\x0fL\x85\xcf\xaeZ\x1f\xec\xe5Yv\x02\xd6\xd0\xa0;\xcc\x13\x04c\xa3H\x96\x1e\xb2\xd8\xed\xb0c\x8dib\xfe\xeeV%\xca\xa3\x03\x92\x88\x8b;\x8e\x8dj\xb0V\x81*\x13\xf1x \x8b\x88\xea\x9fX\xaa\x9f\x17\xc8\xa2\xd1R\x90\x0c\x91\xd5|\xfc\x1cS\xad\x00\xa1\x9a\nB!\xaa\xfd\xfb?\xc6\xaa*\xb8\xab+\xb3`\x07\xa9\xdcn\x9e\xe4l\xd0\xa9\xc3!\xb7\x05\xb0z\xbd\xe6\x98F\xe3\xfb{\x17\xe7\x13\xda\xc6\x99\x86q\xcdh4h\xe6\xa0\xcc\xa2C\xd1R\x81\xd8Kn\x96A&gt;-\xa6\x07\x13\x84\xab\x83X\xe6bl\xe1B\xfeP\x88\xc19\x18\xc5{0\xa6\xe0C\x1c\xcc\x12b&lt;\x8b\xb1O\nS\x9c=\xc4\xa3N\xe9\x18\xc6\x8b\xd4bw\x85c\x11$\xd5\xbb\xd6&amp;\x88.r\xa4B\xf1b[\xa0X\x0e\xbd\xf4y\xbfo\xc6\xe9\xeegK\x19M\xf4\xe7\xe7\xe7y\xde\xf7{\x07\xe2\xa4\x1e\xa1\x1c\x7fG\x17f\x84u\xf3\x0f\xf7w\t\xebGFU\xc8\xebq\xfd\xdb\xff\xc3\x12\x01&amp;\x08\xaa\xec\xa1\x81\xec\xe2\x7f\xae\xb5\xf2o\x98P\x04\xc5p|\xac\xb0o"\'C\xea\xbf\x1aC\xb6\xd2\xf3\x9bOo\xa1cm\x8e\x8f\x8f\x8e`D]\x9d\x9e\x9e^\xf9\xfdd*\x99\x9ax4\x95\x9a\x1a\xa2\x8d\x1b`/2z~\xfb\xe8\xc7\xa3SF\x05\xac"\\d\xc1\n\x06=\xb9\xa2\xa2\xaa\x8a\x02\x93L\x96)\xff\xd7\xed\xe0\xe3\xc2\x1b&amp;\x14\x95\x9e\x87\xa4\xf8`8\x81J\xf4\xa9H.\xfd\xc5\xda\xad\xcd\xec\xe6\xc2\xd3\xbd[\xb7\xfe\x8c\xb9y\x0cs\xe0\xea\x83\xe9\xe9dre%\x99\\]K\xa5\xa6\xa6\xa6\x86n\x0e\xdd\xbc3\xf5\xc9\xcf\x84U&lt;eZA\xacD\xe1+\xb4\x08\x8e\xa4\xa1ED\x83\x1e\x97*p3I2\xef\xdf9\xe8\xa7\x94\xf2\x08o\x07D\xa4(\xec\x064fb\xe8*\x0e"\x1f\x0b\\G\xd3\x9bO\xe66\xf6\xd0\xb56pu=2\x9bN\xaf\xa6\xb3\xab\xd0k\xf2~\x12t\xa9\xa9\xd4\x04\xf4\x1a\x1aJ\xddI\xee\xc6\xf5|a\xbb\xb8\xbdMX\x85\xa3\x7f\xfc}\xf2~\xcf\xe9\xf5\xfa\x86!\x8a\x84\xc5lTE\xc3P\x01\'p6\xb6\xc1\xe8^\xca\xd1\x9f\xc2\x0f\x19\x13-I"4\xcf\xc7\x13@\xb1\xaf\x1b\x0c\x0f\xa9\x7f\xb0\xbe\xb9\xb0\xb7\xb7\xb0\xb7\xb1\xbe&gt;;\x9a\xc6P\x8f\xf1\x06\x93Ezlltr:E\xdd+\xf5Ij"ygI/`z\xe0\xeb\xcb\x7f\xce\xa0(\xaan=\x97+Ym{\x00\x16\x03\x8a\x89\xa2\xd8\xab\xb6\xab\xce \x8a#\x91a}\xf4Q\x02\x89\xfa\x0f\xcb\x13C\n{H\x8a\x8c\x9b\xe4\t\xa6\x9c}\x91a:\x11W"_DW\xfcwzc\xef\xbb\xbd\xa7\x1b\x87\xa0\x1a_\xc7\xf8&lt;&gt;;:\x8bk\xb3\xec\x0c\xb2?A\xe5\xf8h\x02\xcdu\xf4\xe7\xe2\xd9\xc5\xf9[Z\x8b\xbf\xac\xad\xb5\x9dX\xcc0\x9c\x12\xb8\xeaU\xa7m\xd5\xed\xb6c\x888Q*\xd5-wP\xad\x9a\x06\xe5?\xa0\x9f\x92R\xacm\x12\x92DL\xf8\x96\xf1M\xc7\n\x17\xafQ\xcc$2\x84\xf5\xc5\r\xd4\xc5\xf9\xf9\x99\x9e9\xb8\xb7\xfc\xc3\x0f[\x10ki$=\x97F\x83\xc0\xd7\xc8\xccL\xf60;2\n\x13\'\x1e}\xf6\xa7\xb5\xe4\xf8\xdd\xfd\xfc\xd1\xd9U\x8c\xf6\xc1X\xd0h\xb7\xebN_\xd3\xfaV.g\xbb\xfdv)W\xc2\xad\xe98\x160\xdb\xbdA\xd0\xcc\xe5r.\xc9\x158\xe1\x91b\x11\xff\x80%\xcb\x92\xeca\xc9R\xc3\xb4\xbb\xf7\x8az\x86\x1a\xfc\xe9\xb7\xe7\xb1\xc5Xd\xe7\r\xb4;\xb8\xfd\xfd\xd6\xd6\xc6\xb3of\xb0\x1f\xa2\x12G\xa0\x17z\xecRvv\x8cjq\xed\xf9\xf3\xf9\xcfw\xf5|\xf1\x1d\xbd"\xc8\xb6\xc1^\xbb^j\x1bZ\x15T}\x11\n\xe5\xea\x84\xe6\xe2q.Ww\xaa\x8e\xd3n\x9bH\x1c\xb0\x86\xfd\x94\x87\xc2\x9e2p\x90\x98H-Ii\x95+\xc7\xc7\x9dZ\xcd&lt;\xdfy\xfd\xe5\xf2\xab\xca/4\x8f\xa8\xd2\xf0\xce\xfb\xf8\x8dL\xe2\xaf\xf7^\x1d&gt;\xfbfif6=;\x83\xbblzn}}}.\xbd\x82V\xbf\xf6\xfc1\xa0\x10\xf6\xb3s\x12\x8ac\xc5\xfaN\xb5\x17,\x03\xa5\'\x1a6P\xeau\xcb.\x1b\xc0*UM\x07\x89\xab\x9b\xfd\x9e\xeb\x0e\x8c\x00\xeb\x07\xa1\x10b\x15\x96\xae\xa3\xee\x91)\xc4T)\xbb\xc7\xb5NYV\xb5r\xb3V\x91%\x81\xda\x9e4&lt;|\xb2\xfdq"\x13\xdf\xff\xfc\xc5\xd2\xfa\xcc\xec\x83\xec(\xfd\n\xfc\xe6!\xd6\x93\xf9\xc9\x95\xe4\x1a)\xa5\x1f\xe8\xf9w~7``\xb4\xedh}\xb7\xeah\xa2\xd1\x06\x05eIu3d\xebc\x00\x00\x04YIDATa\xa1#\nt\xa2d\xd6s\xcd\\\xbd\x1c`D\xbeRa/K\xadA\xc3-\xbb\x92\xd9\xa9\xd9-\x04\xab[\xeb6\x80Y\xe9\x1c\x97\x89\x16\\\n\xb6\x89\x9d\xf7z"\x1e\xd7_\xfe\xebY6=??\x97N\xafo\xbc:\xa4_\xeb\xff\xcb\xdadzy\x9f\x1a\xa7^&lt;\x89.zT\x04\xa6\xd1&lt;\xc3vi-*\xf6\xab\x90\'g\x1bHZ\xd36T\xb5\x07:\xd3n6\xeb@\r\x84&lt;\x14n \x9ck\xb9f\xc5"\xe3:\xa6\x05\x95p\xda\xed\xd4\x8e[\xd0\xaf\\n\x91\xb52\xb0d\xca\xe3\xf0E!\x13\x8f\xc7\x0f^.\xcfe\xb3\x8f\x9fl,l-\xe0\xf6\xdd\x1f?}|w\x1f\xe7\xf5x\xfe\xec&lt;\xb8H\xc1\n~\xd0\x0b\xfd\x00\x8f5M\x13\xa3\xda\xc0u\x9c\x9ePm6K\rA\x86\xa9M\xcb\xc0\x83n\xcf\xa8\x06x7gX\x94\xa4*\x88\x8em\xb3\xecX\xb5Z\xa5Y\xebB,\xd9\xac\xd5l\xb2U\x91\xa9\x16\xb0\xe0c\x18\x89\x8c\x0c_\xbdI$\x08\xec\xf6\xf2!]l,lmm\xed\xed\xfd\xf7o\xbbqZ\xfa\xe9\xeb\x87&lt;RA\xe2\xe0d\x1aq\x11\x155+Q\xd4\x06\x8eSj6M\xbc\xa9\x03\xe9\xca\r7\xd7lV\x9dR \x1c\xe2*\xb5\x1aN\xa5Q\xe9Z\x15\xfc\x95\x03\xb9\xa0V\xa5S\xb3\x10{\xd9\xb4\xcc\x06\xc3b\x89#\xb1\x10.&gt;\x86\r\x9f\xe9\x0c\x0c\x19\xa3\xfff`a\xe1\xd5\xf7\xb7\x0f\xd8\t\x92J\x15\xb9B\x1e\x16\t\xa5\xc5\xd8v\xa8\x89\x1c\xcc\xb0\x9a9\xb2\x10?i\xa5\x9e\xab\x9a\xdd:\xa4s\xda\xc0"\xd3*\xb6\r\x95*-Nt\x0c6\xc4\xbbkC0\x89\xba*\x9c\x93\xd8\x8d-&amp;\x98\x1c\xa6J\tG\x86O\n\t\x0e\xb6\xfb\xf5\xdd\xc3\x9f\xbe\xde?\x88\xf3\x05\xa9\x044m6)0\x175&amp;\x98\xa6qBO.\xe4\xabT\xaf\x0chC4\x06\xee\x00&gt;v\xac2\xdaH\xa0lu\xbav\xc5,\xbb\x8d^\xabaw:\xb6\xe9\xb6\x0c\xa3\x05\xe3,\xbbk7\xa8\xd9\x03Da-\xc3_$\x1baQ\x11G\xae^\xa2\xd3\x02,\x918\xd8?\xe0\x840\xf0\xec\\\x11\xb0\xf7\xc2&amp;\xee\x9e\xc6\x17\xdf\xa1\xf1H\xe4&amp;b\xf7\x19\xf4U\x18\x80\xe7\x92\x07(4C\xee\x03\xabs\xd9u\x1bN\x15ju\xcd\xcae\xcd\x96\xa9}Z\xdd.\x1aC\xa3\xa5H\xac\xdfK\xb2\xf4[\xc1X\xd7eXl\xce\xbf:\xcd$\xd8\x8a\xeb\xec\x00\x84\x85\x93\x10\x99\xad\x12\x96\xc8&amp;\x04-\xca\x13\x05\xb0(\x9d\x11\xbd\x85\xa7\xd0\xf6\xcc\x96\x80rRUY\x15];py\xd9\xe9v\xbb\x16R\xdeP\x10s\xcb\xb4\x8f\xbb\xc8&lt;!\xb1\xcf\xf7\x95\x92=4jj\xd4\xe2B&gt;V\x18\\\x90\x8a\x88\xe2\xb8\xc3a\xfc\xf4\xea!\xbd\x8c2\xc8r\xcd\x92t\xad\x176c\x0e\xa4\x126\x1d\t\x1c\x0c\x05N+\x18\r\xb7\x80\x85@\xb7\xc2\xb4\xe5H\x161ZpQ\x92\xa9@\x19\x02\xde_f[\x91,y{7o&amp;\x1e\x16u\xe3\xc8\xce{\xf0d\xe0\xe4\r\x06\xf7~\x87=I\xf1\x05\x8b\x12Y\x94\xa3\x89^\t\x92Ht\xcf\xa8\xd8\xf3\x04R\x8b\xbe\x17\x83\xa1\x10\xb0\xca\xac\xa8\x08\xaca\x02\x89$\xe23\x8d\xa7\x92\xa7\x98\xc41\xfd\xed\x9b\x15"\xc7\nSAf8V&amp;\xa1\xbf\x0bI\xbc\xe3P\xe3e\xf9b\xe3\x8a\xe89\xa7\xf9R\t\x9eb\xc0\x11xy3\xb1\xd4\xc5X(\x12\xb8\xec4\xe8:\x90m\xd5\xf4\xf9a6\xd9H\xf4\xb6\xd71\xff\x90+\xc5\x9fX\xc3\x0c\x8b\xbf\x92\x8e.t\xb2\x11X\x85\x13\xb6kH\xe4\xb4\x04\x1fe\xe1\xda,\x0f\x894\x02\x13\x9d\xf4\xa8\xc8\n\x85\xe7D\x92\xb5\xc5\xc50\xb0\x8e\xf9\xfb\x93)l\x84\x90\xae\x07S\x1f\x8b^D\x87\\(\x1f*\xcc\xb10{\xd0\x9f\xc3\x17\xf9\x0cUd\xf1u\x98]\xc5)\x1c\x8bD \xbfT\xd1\xcf\x91\x07\xc8\\S}\xb5 \x97\xffIB\xecm,&lt;\x1c\xa8\xec\x84"\xfeU*\x0f\x94\xe4}\xba"y\xce\xc9\xd7\x06\xf2i\x95\x0f\x1c\x9eZ\x94-\x96\xb3\x0b\xd4a\xe6\xcd\xce\xc3P\xc8\x1b\x92\xd8\x1b\x90+\xbf!\xf0\x843X\x92\xe8\xac\xc8\x93\xce\xda\x03\x1e\x93\x87o\x17\x95H \x14\xb9\xc6bu%3]&lt;,jQ\n\'e\xe7B\xfeh\x1f\xf2\xb9"\x1c\x8d\xeeN\xf2\xa0b\xcd\x8c\xeaAa\x13\x89\xb7)\xb0\xe4\x08~#P\xc7&gt;3\x04\x0e\xc3\xeb\x8f2\xc8\x9f"\x0bA\x86\xf5+\x1dNp\xddO\x84\xad\xe7\x00\x00\x00\x00IEND\xaeB`\x82'</t>
        </is>
      </c>
      <c r="M387" s="3" t="n">
        <v>45492.67751157407</v>
      </c>
    </row>
    <row r="388">
      <c r="A388" t="n">
        <v>1002528</v>
      </c>
      <c r="B388" t="n">
        <v>1981</v>
      </c>
      <c r="C388" t="inlineStr">
        <is>
          <t>Patryck</t>
        </is>
      </c>
      <c r="D388" t="inlineStr">
        <is>
          <t>Patryck</t>
        </is>
      </c>
      <c r="E388" t="inlineStr">
        <is>
          <t>LE</t>
        </is>
      </c>
      <c r="F388" t="inlineStr">
        <is>
          <t>LAT</t>
        </is>
      </c>
      <c r="G388" t="inlineStr">
        <is>
          <t>LE</t>
        </is>
      </c>
      <c r="H388" t="n">
        <v>180</v>
      </c>
      <c r="I388" t="n">
        <v>36</v>
      </c>
      <c r="J388" s="2" t="n">
        <v>37638</v>
      </c>
      <c r="K388" t="inlineStr">
        <is>
          <t>Left</t>
        </is>
      </c>
      <c r="L38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b4c9f97-071f-46f5-8750-2fcba8a00b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[D\x17\x00\x00\x00&gt;tEXtComment\x00xr:d:DAEewil2SDw:3461,j:7954900097623563676,t:24013121\x82D\x15v\x00\x00\x00\tpHYs\x00\x00\x0e\xc4\x00\x00\x0e\xc4\x01\x95+\x0e\x1b\x00\x00\x03\x00PLTE\xff\xff\xff\xf3\xf3\xf9\xed\xed\xf6\xf1\xf2\xf9\xf2\xf2\xfc\xf4\xf5\xfa\xf9\xf9\xfe\xee\xee\xf9\xed\xed\xf8\xfe\xff\xff\xfb\xfb\xfe\xf6\xf7\xfc\xf0\xf0\xf9\xfd\xfd\xfe\xf7\xf8\xfd\xe8\xe8\xf4\xe4\xe4\xf1\xe4\xc4\xb6\xeb\xeb\xf6\xe6\xbc\xac\xe6\xc7\xb9\xe0\xae\x96\xe7\xc2\xb4\xea\xea\xf5\xe5\xc1\xb1\xe1\xe2\xf0\xe8\xca\xbd\xe9\xc4\xb6\xd7\xd9\xe7\xe4\xbe\xaf\xef\xd1\xc4\xe6\xe7\xf3\xe0\xb0\x9b\xf5\xf6\xfb\x1e\x15\x19\xda\xdc\xea\xe0\xc1\xb4\xeb\xc7\xb9\xe4\xb4\x9dpMB\xbf\x93\x82\xe4\xb4\xa3\xea\xcc\xbf\xd3\xd5\xe4\xc3\x89q\xe4\xc8\xbc\xcf\xd1\xe1\xd8\xb8\xaa\xca\xcd\xdeeE&gt;\xd9\xaa\x96\xc6\x99\x88\xe9\xbf\xac\xe9\xc1\xb0`A:\xde\xbe\xb0\xb0\x85r\xdf\xb3\xa0\xf1\xc5\xb5\xd8\xb5\xa6\x13\x0f\x15\xbf\x83j\xd2\x9a\x83\xb8\x8f}\xdd\xbb\xab\xbe\x8by\xde\xaa\x93\xe3\xb9\xa9L@&lt;\xcc\xa9\x9b\xc0\x99\x8b\xce\x92z\xdc\xae\x9b\xae\x81l\xd9\xa6\x90\x98m]\xe5\xb9\xa2\xd7\xaf\xa0\xee\xc2\xb1\xe9\xcf\xc4\xba\x86q5))\xa6xe\xd3\xa0\x8b\xd1\x97~kH&gt;\xd4\xa3\x91\xd9\xa1\x8b\xd2\xb3\xa4\xf3\xc8\xba\xdd\xde\xed\xb6\x8bwvQF\xf1\xd5\xc9(\x18\x18\xcb\x97\x81\xe7\xb8\xa9\xcd\x9a\x88\xe3\xbd\xa9\xe0\xe0\xed\xe0\xb9\xa6\xd4\xac\x9c\xcd\xa1\x91\xe5\xcb\xc04#"\xdf\xb5\xa4\xc4\x93~\xb6\x7fkN1,|UIA65\xca\xa5\x96\xd6\x9d\x86\xad|h\xc7\x9d\x8fA./\x86]O/\x1d\x1d\xc3\xc7\xdb\x80ZMJ+$\xc3\xa1\x93{jW\x96bR&gt;#\x1f\xe8\xbd\xa6\x8acU\xae\x89{\x84L=OFF\xce\x9e\x8e\xa5\x82t\x91iYXG&gt;[TV\xca\x8dr\xc6\x8fy{J&gt;\x9fo_\xa8r^\xde\xa4\x92\xe7\xae\x9c\xe0\xa9\x98\xce\xaf\xa0Y&gt;8\xb4\xb8\xcabQH*""\xb9zc\xd8\xa4\x96\xf8\xf6\xf7\x9fyjX92\\1\'\xe8\xe4\xe8r`P810\xd2\xa7\x96\xf0\xed\xf0k_[\xa6}k\xf0\xca\xbf\x8fZKB\'$\x9ehV\xbb\x95\x86\xe0\xc5\xb9\xa0wc\x98sd\xaexc\'$0L83\x84yr\xdd\xc8\xc1i[K\x90R@B&lt;;YMG\xbb\xbf\xd2\x89QEoff\xaf\xb0\xc2\xb6\xb1\xae\xcd\xb7\xb1xok\x89\x8b\x9f\x96\x99\xae\xe2\xdc\xe0\xc1\xc0\xcc7&lt;KwD8\xf5\xf3\xf4\xc0\xbd\xbc\xab\xa3\x9e\xa2\xa8\xbfnA4g:0,1A\xe7\xd4\xcc\xcf\xc0\xc1\xd9\xbd\xb3\xa6\xa4\xb1\xb2t\\\xb8\x9a\x8c\x9b\x96\x9d\xeb\xb3\xa6\xce\x86w \x1e"AFV\x9c]Hw{\x90\xdf\x11\x1e\x8b\x85\x8d\xca\xc9\xd5\xf7!0\x95\x8d\x88\xfa;H\x89kc3\x0c\x0c\xa9iT\xa1cL\xd5\x93\x83\xda\xd2\xd5\xea\x98\x96\xa2\x96\x8f\xae\x91\x84\xd9vx\xf2\xb8\xad\xd0\xca\xccvp{\x8c\x81|_bt\x97XF\x80z\x87\xa8LN\xf6R]P\x1e\x1bl0+\xf6\xe6\xe6\xceim\xbbac\xdc\x88\x8e\xf1\xa1\xac\xdf\x96\x8c\xc0\xb2\xae\xee\xd9\xd5\xdd\x84~\xb8\xa1\x9e\xc3JS\x8933\xe2\xcb\xd7\xf4\xc3\xce\xae\'0\xf2w\x81\xd0\x19&amp;\xde5A\xe9Gm{\x00\x00 \x00IDATx\xda\xc4\x98\xedOZi\x1a\xc6\xfb\xa9\xc9\xbaa\x92\x86\xc54\xeb4aI}\xa1kw\x82\xb6*\x11\xb1\xe2\x19\xa5X\x13\xcf\x828\x89\x04\xecF\x1d\x14=\xbeP\x03\xa2\x8bE\x04_p[\xcaq}\x03&lt;\x1d\xdf\xaaB\x15R\x86a\xd6\xaeBlb\xeb\x90\x90&amp;6\xc4\xb41lbi\xfb\xbdI\xbf\xee\xfd\x1c\xbb\xfb\x17x\xda\x8b\x83|\xfd\xe5\xba\xee\xfbz\x9e\xe3\xb9sg"\x16\x8b5\xbd\xbb\xbb\x9b\x91\xb1\xf0\r\xeb\x1c\xeb&lt;\x8bu\xeek\x8b\xb50\xbf;\xbd\x1d\x8d\xc6R\xa9t*\x0c:\xd9^\xd8\x9d\xdf\xfd\xba`\xe0\xd2\xf1!e2\xb9\xdd\xa6#\xd3gE\x92\xb1\xe8\xc9\xd7\x04cMo\xbfH\x876An\x93\xdbd0\xa1\xbfHnS$\x16\xdd&gt;\xffu\xa0\xa6\xe7O\xe2!\x9a\xc8}\xca\x85~6O\r\xdb4\xa5c\xfb\x0b\xac\xaf\x10\xdev\xf8\xd0\x1et\xb9l6\x17\xb8e\x0b\xba\x00\x0e\x1e\x97\x1e\x01\xfa\x01\xcd\x9f\n\x1fO\x7fY\xb0o\xe6\xa3\xf1\x08e\xdf\x04*\x9f\xde\x89\xc8l6l\xd3\x05\x94\x9b6\x926\x0f\xd0\xfc\xa9\xd8\xfe\xfc\x17\x04c\xed&gt;\x8d\xbf\rQ\xae\xa0\r\x84\xe1&lt;\x1fF\x10\x18\xe6\t`\x18\x81\xbb0\x0fi\xb3mz\x82n\xb7?\x9d\x8a\x85\xa3\xdb_l\xf6\xa7O\x90U\xc1\xa0\x0bQa\x9e\x84\x08\'I\x0fA\xe0\x01\x8f\x07\xc7=\x9e\x04N\xda,Z\xcc\xe5\x8a\xf8\x93P\x18_\nl\xfa\xe9a\x08\xa0l6\xe4\x16\x18\xe5I$\xc8\x04\x9e\xd0\xe2\x81\xc0\x06\x99P\xf3H2\xa1\xc5HBo\xa3(S,\x1aE`\xd3_\xa0&gt;\xa3\x11\x80\xc2|&gt;\x9f\x13\xc3\xc0 O \xe0\xe1%x$\x8f\xc4\t\x0f\xe9I\xf0x`W\x00\xd9\x86\x05]\xfep4\xfc1\x16&gt;\xd9e\xde\xab\xb7v\x18"B\x8f\xe3\xb8\x0f\'p\x9c\x08\x04\x08p(\xb0\x81b\xe4\xe1\x1b\xb8\x87$\xc18\xd2\x83{,\x01\x17T+\x9c\x00\x8c\x97\x05k;\x1e\xb2`\x96\x00N\xf2\x90H\xad\x16\xb3X\x08\\\x8d\x13\xda&gt;m\x1f\xaeV\x93\x04\xae\xf7x\x88\x80\xc7\x02;`\tDB\xb1\xe8~4\x16\xde_\xc8`\x12\xebO\xd1\x0fv\x8b\x05\x83\xb8\xc8\x04\xc2\xc2a\xff0\xccfs\xfa|z\xbd\xde\x06}\xe1\xd3c\x18X\xa9\xc7\x08\x0c\xc6\xcdEER\xe1\xfd\xf0\xc7\xf0\xfe&lt;\x93f\xcd\xc7a\x07\xb1\x00\x0c\x15\xf8\xa5Vk\t\xe8,\x97\xcbpTc6\xc0\xa9\xe8\x06\xb9P\xab\n\x9cN\x00\xd5\xf6\x91\xc0H%ca\xd4\x14\x0c\xda\x95q\x02Kh\xa1s\xd3\x82\xf4&gt;\x9b\xcbt\xb463T\x9e\x97W\xde843c][\xb3Z\xd7\x8e\xd6\x8e\xccGnU\xae\xd3\xa7\xd5\x12\xb8-\xe4\x8f\xc5Rpz36^\xac\xe3\xb7v\xc8\x10\x16\xd1\x83k!\'\x81@ugd\xa6\xa4\xa2\xbd]S\x08\xea\xed\xed\xef\xef\xef\xea\xaf\xaa\xaa\x1az\xb8V3b6\x03X\x07\xe6\xc3\xb0t,\x15\x8e\x1e3\xb6\x8e\xf3\x1f\x80*h\xb1X\x02\x84\xde\xe7+\xaaW\x19\x06\x96\x1d=u\xf9\xf9\xf9c\x1a\xd0\xed\xdbJ\xafW\xe9U*\xbd\xad\x85y\xe5C\xd6\xb5\x11\x00\xb3\x11z\xedf*\x99\xfcx2\xcf\xd0\x9d\xe2\xfc\xcf\x1f\xec\x08\n#\x02\x98\xb3H\x90;\xfed\xf1\xe5\xeb\x83\xa92]Y\xfeX\xfb\xd8X\xb5F\xdc-Gj\x90\xcbok4\x15\x8d%=#w:\x05.\xbdV\x1f\xa2\x82\xc9\xf0\xf1&lt;3\xe35\xfd*\x04\x83\x85\xc1\xfecE\x82\xfa\xf1\x9d\xbb[\xef\x11\xd6TYY\xd9\x18\x18V]]\xad\x10\x83\xba\xe1\xab\xa8\xae\x1e\x1b\xcb/\xd3\xdd\\6w\x16\x11}z\x0f\xb9\x99\x8c\x9d,0\x82\xb5ph\xb7\xc0T\x11\x01\xbd\xafhog|\x1c\xb0\xde\x9cbA\x8c\xa3\xa3\xa3\x88K\xa1\x10\xc3\x17\xa8\xaaGG\x81\xabl\xdd1\xa2r\xe2j\x1e\x0f\x83\x9b\x0e#\x17\x8a\x8c\xa7\xef\x10\x15\x9c+\xfa\x8e\xb9\xbd\xbb\xb4[\xa7X\xf9\xa3\x10\xa1B\xa3\xa0\xd5-Fd4\x17`\xe9\xa6\xd6Gr}j\x91\x88\xa4\x92\xcc\x94\xc4\xef\x1f\xbc\x83b\x80c\x99\xd0\x1b\x01\x0b\x84\xb0\x80\n\x8c\xa2=B\xe9u\xd3\xa2S\x1c\xa5\xb9\xa6\x0e\x1c\x86"-\xd4?\x16\x8a\x9f0q\x06M\xff\xcb\x1e@G1\xa9_Z\x9a\xdbAX\xef_\xbe9@T0S\nD\xd4p*YC\x03\xa0\xfd\x9fk\xbdF\xd0\xa1\xd5\x92\x98=\x12eb\xb8\x16&gt;\xd8\x03\x1b&lt;\x88\x03\x1f\x1c\x9c\xbb\xbb\x05\xa2\xcdBP\x80$\x97\x03\x95\x0ciR"\x91LN6t\x8b\x11\x18\xc2\x9a\xc8\xed\xf0\x11D\x80\n\xc5\x8f\xcf&gt;E\xd6\xabw\x96\x00)\x12\x89\xfa\xb4\xe0\x16\x04\xb8\xb5\x05{X\x96\xaf\x11\xcb\xe52Y\x81L\x06.\xc9$\x1c\x8e\x84#A\x0f`\xa1 \xc1\xae\x03GgG0h\xc7B\x91\xc3\xe8\xd9W\xea\xef\x9e\xda-\x90\xa1\x88\xd778h|\x86\xb0\xde\xbf9\xd0\xe5W+\xe4J\x99DR\xc0)(\x00\x1c\x0e\x87\xcb\xe5\xe6\xe4p9\x9c{\x93\r\x8a\xcfv9\xcc\xb3\x14\xe5\x0fR\xfed\xf4\xec\x0fl\xd6\x03{\x00\xa8D&lt;-\xc2\xdaz\tz\rK8&amp;\xa6\xb1\xa4\\\xf4AH9\xfc[\xb7\xf89\x1c.g\xf2s\x8cS\x8e\x9a"\x8aJ\xbf\xf5G\x0e\xe3g?\\\xac\x17v\xb8\x1f\x8bDj|p\xc9\xb8\x07Xo\xde ,p\x0b2\x04\x938R\tP\x01\x13\x9b\xdd\xd4t\x0b\x1c\x83\x1c\x15\x805\xa5\x83\xe1\n\xb9\xd2\xc9$&lt;\xc7g_[q\xfb\x06\xcaP\xad]2"\xac\xd7\x0e\xc7\x012K\x8c&amp;K*\x85\x87\xc3\xe5\xdf\xaa\xacd_\xfb;@\xe5@\x9e\x92\x06\xa8\r\xc0\xd2=2\x04\x83\x91\xc3\xb4?\x1d?&gt;\xf3\x86\xc8\xf8\xf5\xdf\xc8,\xc0\x1a\x84\xdaB\xe3~\x802\xd4\x80[J\x1aL\xca\x11V655\xb1\xd9l&gt;\xa4\x08\xe3\x85z\x02\xe6\xab\xbd\xae\xc7ls\x85\xd2\x91P$~\xf6\xb7\x1b\xd6\xaf\xa8\x1dx"\xe4\xd6\xdc\xce\x16\xf4\xbbn\x8a&gt;u\xaaOWQ\x88\x06\x0b\x80*\xd9\x95h\xba\xb8\xb0\x8e\x88K\xach\xaf\xb89\xa2\xa2\xfc\xf6\x104\x04\x03w\xd4\x07\x1b\xd0\x0e"\x1eOk\x9c{\x06X\x0e\x9d\x8e&gt;\x0c\xf3\xa1\xe2\xa1\xb2\xee\x01\x16\x97_\xc9\xe7\xb7!\xaf\xe8e\xe4H\xa0X\xc5\nM{\xe3\x9a\x8aJS\xf6\x10#X\xdf\xd2X"\xf5 \xc2z\xb2\xbc&gt;\xf5\x19k\xac\x9a\xc6BT|\x1a\t\xad\xe3?8\x08kR\x06\xf5u\xbb\xb7|\xa6\xd3\x9d\x8cD\xec\x918\x03W\xc1?\x9f\xba\xd5g\x84\x83z\x1c\xb0tue\x88k\x0c\xf5)\x14)\xb7M\xc8\x15\xf2\x85|\xbe\x10\xa0\xe8\x91\xe7pd\x12\x99\\\xde\xda\x9bg=2%\xfd\xa1\x10u\xb8\xc0\x14\x96\x1a2\x9c\xdb\xdb\xb9Kc\xa1\x8bi\xb5\x86...W(\xcc\x11\n\x85m`\x19\x1fqAe@\xd9\xcbdJoWo\x89y3\xed\x8f\xf8#i\xc6\xb0\xfa`\xe0\xe7\x9e\xed\xd1n\xd5\xd5\xe5\x8f\x81YJ\xa9\x94+\xcc\x01\x1a!\xc4XY\xd9\xc4n\x02\xb0\x1c!\xcd\x05g\xa4\xd7\xdbUbv\xfb\xd3!K(\xc9\xc0k\xff_\x10\x16\x0f\xf6\xb0\x03\xb0\x16\x97a\xe4utC\x0cK\x85m\x08\x066\x10\xd60\xf3\xfa\xb5kM\xfcS\xb3\xb8\x1cIA\x81\xb4\xb6\xa5ee\xc6\x9d\xf6S\x16*\xc9b\x06\x0bZ\xcbh\xecx6\xbb\xb78\xe0Xw\xbc\x06\xc7*\n\x87[\xda*/\xb1/efeffeegee]\xbf\xd6$\xbcwo\x12$)\x80B\xab--\xbd\xff\xdb\x91\x1f^\xe5\xa8\x13\x06.6\xafh\xacA\xa3\xd18\xd7\xb1\xf7dq`qq\xb1fb`\xe2\xaf\x0f\xcb[J3\x81*\xfb\xa7\xec\xec\xec\x9f\xae\\\xb9\xf2\xc7\x0b\x17+\x85\xff\x14\xcb\xc5\xdd\xb2\x02\xa5RZPZ|\xf9\xbe\xd5DAC0\xb0\x88\xac\xa7\x1b\xf4\xf5\x01\xb0::\xf6vvv\xeassggg\x9d\x02A\xae\xb9\xc7\xdb|)3\x9b\xd6\x95\x0b\xc5\xc5\xdf\xf5\xaf\xac\xacT\x95\xe8\xca4J\xb9\xdc\xdb\xf2\xdd\x8d\xd5\xcb\x9f\x8e(\xca\x15\x99f\x06\x8b\x07XK\xc6\xa5%\xe3\xec^\xbda\xc4\xa02t\n\x9c\xb3EN\xe7^\xcd\xf7\xcd\xec\x8b\xd9\x10\xe1\x1f.tYGT*A\xbd\xa1f\xa8\xfc\xe1\xa3\xf5\n\x8d\xb2\xf6\xc6\x8d\xab\xab\xcfS\x11?#\xa3\xc5z\xf0\x19kippiN5r\xc7&lt;3d\x1d\xb2\x1e\x99\r\xf5E\xaa\xf1\xf2\x96\xe6\xbf]\xcb\xca\xca\xbcPZe\xed\xcc\x15\xd4w\x1a\xee\x98\xd7\x1e5\x96\x94T\x14\xb6\xdc(\xbez\xf5\xf1\xa7t\xda\x1ff\xe2}\xff\xe7S,$\xa3jmh\xa8\xbc\xbc\xb0\xb0u\xb8\xb5p\xc5:2b\xbe\xd9%lf\xb33/\x15\x7f\xff\x9f\xb5\x9a#\xab\xf5\xb7\xfe\xfe\x95\xaa\xaa\xfe\xaa\xbc\xbc\xbc\x1f\x9e_^\xfd\xf1\xc7O\xa9d\x9a\x89\x89g!\xac\xc4\xa9[E\xe6\x87%\x8dP[c\x9a\xdb\xde\x1fZz\xf3\x1a\'&amp;\xf2\xbc\xd2\xb6\xeb\x99\x17o\xf4\xae\xf4w\xb5z\xa13\x9a\x9b\x9b\xdbJk[\xbe\xcf\xbb\xff\xbc\xf8\xea\xea\xe3_b\x9f\x92\x8c\xfc3\xe9\xc5\xffB\\2\xe6\xd6\xf4\xe8t\xeb\x8e\x81\x81\xe5\x9e\xbaB\xe50\\]&amp;n\x0e+\xa5\xec\xeb\x17k[\x87\x0bd\xf2n\x19\xa7\xadY*\x81vh\xab\xbd\xbf\xbaz\xf9\xf2\xd5\xc7\xbf|\xfc\x14[`\xca-z\xe4;\x8a\xee&lt;\xeaY_\xfe/\xaff\xff\xd2\xe6\xb9\xc6q\x7f\xed\xc0\x81\xc4\x88()\xa1\xd4\xbc\x94\x88\xe4uI:\xb51\xa7\xcb\x93\xa8\x8f\xe1\x89I\x1a\xe2\x8c)\xc64o\x9b\xb1\x15\xc3\xa2m\x96\n\xcb\xcb\x93\xd4\xd3cV\xd3\x83\x9d\xa6\xa2\'8\x91\x11\x98\x83\x8et\xc3\xa0N\x96\x80\xb0\xc3\xa1\xab\x1e[\xdd\x0e\xaeh[\x8f\xd5\x9eB\x7f8\xd7\x1d\xcf\xce_\xf0\xb8\x0b_~\xfd\xf0\xbd^\xee\xeb{\xdfOx1\xec\xf14\xdfy:\x91V\xb8\x88\x94_k\x15\x0c\x89.c\x02A\x03\xf2a\n\x0eG\xa1B\x13\xa2\xd5V77=]k\x07\xae\xafO\xe4j\xf7\xcf\xc7I\x04*\xf60\xe1M\xa7\x16\x93\xee\xd9\xc1\xce\x8f\xdc\x8f\x86\xfd.o&amp;\x10\r\x91p@k\x0c\x16\xde\xea\xba?r\xf3\xe6\r\xa9t\xb5\xbe\xc1 \xb0\xd5MOO\xdb\xe7\x96\x17\x96_Qm\xc7\xdeA\x97\xeb\x7f/\xaau\xdf=\xc6\x1eh&amp;\xa2k\xd9\xb1\xb1/\xbf\x1a|\xff7\xdf\x8fO\xfck\xea\xf0\xe2:\xaf7\xde\xa4\xe9\xe9\xb1\xae\xae\xa5\xd8\xbe\xfeO}\x1d\xd7\xd2\xab&lt;\xeb\xb8\xed&lt;\x885=\x87\xb8(n\xc4\xbb\x8fr\xe1\xd7\x0f\xbe\xfd\x0b\xac\xa6\xfd\xee1\xfe\xc0pdjm&gt;p\xe7\xd1?\xbe\xf1\xf5\x0f\xde\xfee\xeeu \x1a\xc8\xad\x8d\xb6\xc36j\xb5YV\x9b\x9f|\xe9{\xff\xd7\xc1\xdf\xbe\xd1\xaf\xc3@\x15\xb4Bi\xd5"\xac_NQ\x8b\xf5d1\x9b\xc9d\xefw\xa2)\xef\x96\xe8\xafE\xa2S\x8f\xd7\xd7\xfc\xc4\x8d\xa7\x7f\xd5\x7f\xf2u\xdd\xb8"\xb2\x1e^DX\xbd\xed\x96&amp;k\xdf\x07\xb7\xbe\xcf\r\xfa$\xdf\xbd\xba\x19Y\x05.\xac8\xb7\x96\x17^\x81\xedy\x87\xc2\xf2z\xf7Q.\x19Her\xfdg\xce\x80Z\x12\xb6\x9fH\xa7].o4\x1a\xf5J\x1b?n\xadk\r\x9aS\xe1\xf0N\xbd\xaawC\x05\xb6\xd1\xca\x0b\xf5\xdd\x1c\xf8\xe4\xc9B\x1f\x07]{\xe9\x042\xe0\x02\xac\xd7w?\x9f\xd3*\xe6(\xcb\xe4\x83;\xe1\xdd\xddl\x86\rr\x9d\xe9\x9f\xe5{\xa0\xe0a\xd7Rh].\xb4\x9bZ\xad\xc1\x0f\x88\x00`\x8dB\xe7\xb5\xab\xda\xc7m\x96\xfaP\xcf\xadK\x97&gt;\xee\xb3X\x1bTh\x1b\xbb\x80\x06\xc4\xc2\x8d\x15k\xa1\xd0\xab|N\x15\xd6\xb2k&gt;\xe9\xdb\r\xb3}\x9d\xb0\xd7\x00\x96\x9fP\x03\x95\xc5\xe2tZ\xac\xba`O_\x9f9\x95\t\x04vV\x0b\x1b\xe8j\xab\xa1\'hQ\xe9Z\xeb\xce\xcb\x04\x02\x81A\x87\xac\xda\x85J4\x1f\xb4\x85\x83\x83x\xd0z\x96*\xac[\x8a\xb5\xbd\xc5dR\xef\xee\x07\xac1}\x87\x9f\x90*\x14Nk\xd00nkm\xb5\x8d\x8fs\xa62\x99@x\x1e\xb06,\r\r\r\x9a\x84\xcd\xe6pt+\xbb\xc1,\xc2\x18\xa3\x0b\xb0\xee\xf7j\xed\x0b\xb7\x8c\xf1X\xfcB\x02SR\x85u\xd1\xb9\xb3\x17\xc8\xeeJ|\xfd\x9d\x9dW\xdcz\x8f\xdfkV@\xf2\xa0\xc7 l6\xa1\xcb\x0fX\xd9\xf9\xd1\xc2\x86J\xd5\xde\xdbK\xc2h\xbf\xc0`TT2\x94\\\x87\xac\t\xb0\x1cg\x11\x16\xb8\x0fVu\x82\xdbEUq]\x14\xee\xece2\xbb\xbe"\xd6,\xbf\xc3\xefE\x87!`%\x12\xf0\x13\x0c\xb9v\x02\x81lx\r\xb0\n\xe0e\x8dq\x16\x17\xd6UFu\x05\xad\x0b\x96z&amp;\x13\xc3\xba\x11VkwWu\x1eO\xe4\xf3T5\xe3\xc5\xd0\xfc^*\xb588\xd8\xd9\xd998+\xe9\xf0\xab\xb5\xc2`\xd0\x90 \x13$\xa9\xe9\xb5\x86\xd2\xf3\x81l.\xb0^\x0fI\xe4}\xd6`$\xb911\rVh1\rY\x7f\xae\x0c\xb0\xca\xedm\x0b\xad\x8e\xea\xd3\xf9\xaex&gt;OU\xcd_T\xbc\xd9\xf3\xfb\xc3n\xc0\xea\xbf\xe2\x96x\xfcR\x85\xb5\x07\xa8H\xd2H\x92\x06\x9d3\x9d\xc9&amp;\x17\xe7\x9f\xd5\x17\n\xaa\x02O\xd5\xdb\xc4\xcdwU\x8bk&amp;OW\x88\xbbD`&lt;d\x0eFm[\xdbJ\xab\x0c\x9f\xdcf\xc5\xb6)\xc3Z\x19}\x93\x8d\xf8\xc3\xbb?w\xa2\xda\xe2{\xa6\xd4\n\x94\xc2x\x1c\xf9\x08\xa3.\x14\r\'\x93\xe1\xb5\xd5\xfa\x82JU\xa8\xe7\xb5\xd3c"\xbcf\xb2\x18\xd58.\xa2q\xbb+\xedKKu\x98\x037\xe11\xea\xb0J\x0f\xd3{\x01\xa2\x19\xb0~Fj\xf1=\x115\xb4a\x02a1\xe9F\xa354\xb5\x98\xcc\x05Vy\x1bF\xa3Q\x05XM-8.\x9f\x9c4M\x9e\x9e\x04\xd3!\x16+\x19\xe5m\x1f.\xd5\t\x04\xb8\x1c\x8f\xe5\xb7\xb7\xa9\xaa\xadwn\x00\xd6T\x16a\x15\xd5\x8a@\x12\r\t\x01\tTq\x8d\xb1A\x9bJ\xe6\xb2SZk\\\xc9\xe0\x92\x1b!\x15}\x08\xc7qS1&amp;\'\xe5\xb8\x98V]\xd5\xb6\xb4t\xc9Z\x88\xc9M\x80\x85Sv\xfa,\xef\x85\t\x7f\xf6X\xad\xab\x92\x81\x08$Q\x87\xb0 \x9a\x8cV\xefb.\x9c\x8a*t\xb2\x9aC\x063\x91\x081Er\x08\\.7\x99\xe4\xa6\x1a\xc8"\xc2\x9a;\xcf\xd8 \xb7\xf1|&gt;v\x9a\xba\x1b\xf9\x8e\x9c?\xb3WT\xab\xff\xfeH\x11+\x98\xd0@\xc9\xd3\xe9\xf4\x843\x05T\xcd\x11\xad\x15\xe3*Q\xdb\x05\x8d\x08\x08\x12&amp;7!&lt;\x91H\\^U\xd56\xe7\xc0\xb9\x07\xb1\xed\xed\xfc\xe6s\xea\x0e\xeb\xef\x93\x99\x00\xc2Br\x01\x16\xd1(\x0c\xea\x0cq\xb2\t\x1c\xbd\xc1\x95\xcc\xf9\x9b\xa7\xfcjg\xd0\x86\t\x12\xe8\xc0A\xe9\x93\xff/\xc4E\xac6\xfb\x8ar\xdb\xb4\xb9\x19\xcb\xc7\xf2\xd4-]\xa5\xff\xcce\xff\x8f56\xd0&lt;a\x16\xc2\xd1#\xc0\x98L\x96\xcc@\xec\xeeE"I_\xca\xcc\x11\x06\x9d`\x0b\x05\x06\xf91\x17\x14&gt;\xfc\xd2h\xe2\xf2sms+P\xeb\x9b\x07\x9b1\xee!\x85\x0b\xd7\xc3\xeb\xb9p\xcew&lt;\xb8f=\xcd\x84\x94\x83\xb0\x982\x19W\x96\xf0&amp;w\xd7\'\xc2\xbb\xc9y\xb5Y\x9aJ\xbe\xe1\xe9t"y\x11\xcb\x04P8\xa8UQf\xb7\xcf\xbd\'\x87\xfc\x01\x96\x8c\xca}\xfe\xd4\xeb\x00P\x8d\rv\x9e\xe9\xefww4\xcfH9}H-t\xa3\x85i\xfd\xd9\xbd\xf9ht\xc2\xebR$d\x1a\xde(\x8f9$?\xeeC\x84%\x121*\xca\x01\xab\xe6\xb4&lt;vtDr\xcfQ\xfa\x82q\xd7\xc3\x1f\x1bs\x0fB\x16\xaf\\\xd5\x0f\xcfH\x1b\x85=\x80\x85\xc9\x98t]H\xeb"2;\xae\x1e\x87\x00\xa3u\xc5U\xa1&amp;\x16kH\xfe{\x16\x7f\xc7Z\xc1\xe2\xf1\x83\xa3x,\xf6\xbc\x84\xd2\xf8\x91\xcf\xe6\xe7\xc6|\x83hB\\\xfb\xdb\x84\x99\xd3\x07\x1e\x15\xc34F\x15O\x0b\x8e\x91P`\x0e\x99\xb2R\xc9$\xe91:\x8b\x85\x1fs\xc1\xd0\x12W2*\xaa\xec\xb5ge&amp;\x13\x03\xe3\x92\\\x8a]\xc6\xc3G\x9e\x01OG\xee\xf6GW\xae\x8ex\x8ar\x05\xc7\xd1\x96\x87^~]\xb0=;1\xa5\x92K\xa315hh\xc4Z\xf0\xe3&gt;\x84\xd2\x12W\x02\x96\xfd,kHT\xd1J\xc6\x0f\xa9\xa5*)}p\xa7y\xf8\xfa\xd3{_\xdcw\x8f\xb0\xafC/r \x8dAK\x08=\xccy\xa3\xe0\xade\x0c\x07\x93\xab\x94i\xe0\xf4n\xa2\xc7\xd0\xa0\xc7\x8f\xd5\xaa,\xb3\xd7\xda\xabY$S\x16\xc7\x94\x94\x1b\xd8\xd2\xcf\x97\x97\xef\x96\x94\xfez\xd5=\xa2\x1f\xb8&gt;cn\x14\n\x85N\xa7V\xebM\xa7\t"\xad\xb5`\x0e,\x8111\x8d\x0e=(\x02\x97\x08\x91\x89\xc5\x15\x15e\xe5\xd3v{\x8d\xa9\x8b\xc9\x8c+O\xc4\xed\xa3\xba\xf8\xe9\xea\xd8\x88\xa4\xe3Z\xb3\xda\xccqr\xc0e\xa8\t\xb5\xd7\xfbx}\xf4\xb3\x8d^Ua\xa3\xd7\xa81h\x04\xe8\xfd\x0e\xb8\x90`\x90\xc2\xb2\xda\xe9\xb6\xa5s\x935b.\xf7\xf0\xa4&gt;\x1c)\xfdaV2"aw\x0c\xcf\xa8\xcd\x8df\x97W\xea\x05\xact\xd4\x85V\xc0\xc2A,F\xf6j`\xf43e,V\x0bp\x89!\x87\x15\xe5\xb5\xf6\xb6\xe7\xa5\x1f\xd6T\x8b\x0fO\xeek\xa9og\xf9|\xbe\x1e\xe4\x9a\x90JA\'\xb3\x19\xfe\xb9\\/!^\xeco\x1d\x1d\x1d\x90\xf1&amp;\xc7\xe5\xee\xcb-E.\x84UY\x0e;\xe0C\xa8\x81{\'\xf8\xf9\xe2\xa9\x07\x7f\xd2\xeb\xf9|6\xf8}\xb5\x1a\x942s\x1a\xa5\xae\xd1\x97\xcf ^\xbex\xf1\xa2P(\xec\xcb.W\x8aE\xb4\x16\xd6\xd0\x90\x08\xb5ayy\x95}\xe9D?\xdeBX\xf7&gt;\xd5\xb3\x01\x0b\xe4"\x88\x99\xa8Y(Tx\x1f\x03\xd3\xdb\xb7o\x9f=\xfb\x0f\x8a\x97/t\x82\x16\xb1\xa8\xa5\x05a\xc1,-\x83\x1c.\x9d\xf8G\x8b\xef~\xc1\xef\xd0K\xf4l\xcf\xf5\x081\xe3\xe5\x04-f\xff\x9byPjk\x0b\xc4\xda\x82\xbf/\x9f=\x1emg\x89\x86P\x14\xd5\xaa:\xf7\x07`\x95\xfe\x0b\xc6\xbd\xa4X]33j\xa7\xce\xa2\x8d\xa0\xfc\xed\xef\x03\xd2\xd6\xd1\xfe\xfe\xd1\xd6VAG\xa7\xb3\x8e\xb1`:TU\x81Z%\'\x8e\xf5\x1d_\x8f\xb0\xd8\x9e\xe1\x08\x01;=/\x1dMk\x15\x85\xc4\x01\x00\xedo\xfe{\xf3\x80$\xe30\x1fP\x0eA,TYU\xf6\xb9\xc3\x13\xc7:u\xef6_"\x81f\xf4\xc0\xc9\xa86\x87\xb4\xde\x88W!4`\xe0\x81\xe21\xf0\x85]\xdc\xe3\xe7}\xe0\x82\x8a/+bM?/9y\xb9~\xe2\x8f\x8c \xb9`F\xa8\xa50\xe5\x89\x89F\xe1\xb8\xcd\x16\x84\r\x0cs(/+\xb9\x88\n\xcd\x87!Z\x05\xc2\xb2\xff!X%?|522R\x9c\x113\xc4\x7fy7\xbb\x98\xa6\xd24\x8e[\xdaC\x91\xf6@K\xeb\xe1\xd0\xf6\x80\rE\x10\xb6\x16e\xa0\x90&amp;\xd36\xd8f\x98\xd2\x80\x18L\xd32AJQ@\x98\x86\x8f\x01\xbbD\xaa\x16\x8cb\xb2X/\xa6\x0e\x89.A\xbe&amp;\xae\xc9\x8a6\x0e\xc5\xacY.f0xE4\xd9\xbd\xd9\r\xc9\xb8\x93\xd9\xcd\xde\xcc\x9d\x9bIv\xff\xcf\x01g\xaf\xf6cf\xa0/\r\r7\xe4\x97\xff\xffy\x9f\x8f\xf7\xbcg\xa0\xa1\xb9a\xa0\x01\xdd\xd7\xb9\xc1^\xa7\xd3\xd9q\x17-\x18=\rF\x13\x11\xba\xd4X\xcf\xab\xd5Z\xb3y\xc3\xf4&lt;\rj\xbd\xb86Ir\x95\xb6\x8d//\xb54 \x9b\xd6\x06\x9c\xbd\xed\x1d\xed\xd7\xaf\xf7^o?\xfd\xe1\xa1\xc3\xf89\x82\xc65\x08,NmZ\\\xb4\xa8?M\x07\xd6ooO\x12V\xff8\xed\xc5Z\xf1\xa1\xc1\xfb\xed\xed\x1d\xa7\xe9\x8e\xcd\x87\x87\xc4g\xe7\x87\x8f4\x86\x1aC\xc1 o2m&lt;\xb5,\xa6\x05\xeb\xd4I\xe2*m\x83\x8b\xb3\r\r\r\xcd\xbfh?}\xba\xe3\xfd3\xbf:z\xf4,\xb2h#q\xd5\x11\x15\xb8\x04\x93u\xc3Wof\xd3\x82\xd5\xfd\xe8\xd1\xa4\x98Q=\x84\xd5\xe0\x04Vo\x07Z\xe6z\r\xf2\xfa%p\x1dn\xbc\x14\x0cA\xac\xa0\xc9jy\xea\x10\xd2\x84\xf5\xc9\xfd\xdb\x8f&amp;\x91QG\tk`\xc0I\x97;O\x9f\xe8\xd1h4h\xb2\xde\xbbt\xe4\xd0\x91],\xabu\xc3b\xb1\xa6\x05\xeb\xc0\xcbS\x18\xcanO\x8aA\xbf4\xdb2\xdb\xe2\xec\xa5\xa3A\xaf\xc0\xe9iV\xadF\x95nl\x0c6\x06iY,&gt;\xab \x9cO\x87Z/\xbb?\xc1\xc4\x7f[lo&amp;\x96\x96\x96Z\x9a\x9b\x9d\xbdWO\xf4\xd4\xf3\xfa\x12\x0e\xad\x0cl\xc4\xaa\x03\x94\xc3\x01*\x93\xc0\xa7\x03\xeb\xc0\xab\xfb\xdd\xdd\xdd}H\xf4\xc7)\xea\'&lt;K\x81\x00:\xe8\xae\x10\xd4\xd2r\xd5z\x8d&amp;\x18j\xac\x0b\xf5\x84\x08\xcag1\t\x82\xba)\x1dj\xbd\x1a\xa2\xc7\xafw\xa8\x00!\xbcFi\n\n\xd8\x07\xbb\x1c\x82\x9e\xe3y!\x18\x12B!z\x96\xe8\xb0Xl&gt;\x8b\xd5\x14\n\xf2i\xc1\xfaK_\xdf\xc5\xfb\xf7\xfb\xee\xd4\xb4\xa2\x02\x95"\xd9\xc7\xb6\xa3v\xb7\xcb\xe6\x10x\x9ewX\x05\x87/d\xb3\xe1\xe3\x83VV+P\xd3\x82u\xe0\xdb&gt;\xac\x8b\x17\x1f\xdc\x82Z\xad\xad\xa5m\x7f\x8cmo\xc76]6\x9b\xc3j\x85D\x0e\x9f\x0f*\x11\x94\xcf\xe2\xb0\x02\x8a\x17\xbeL\x87Z\xbfyp\x07s\xffE\x92\x0bb\xb5\xb5\xfd2\x11\x8bmoF\xa6\xa7}\x16\x0bE\x93\xcb\xe7\x9b\x16?\x16\x87( \x9f\x9e\xd8\xfa\xe2NMM\xcd\x9d&gt;`\x1d/%\xae~\xc8\xb5\xb9\xb9\x19\x8e\x84\x81\x068\x97\xcbE_6\x0b\x89%\x08\x02\xcf\xa5E\xad/\xc8\xbd\x9a[t1\xa3\x95\xd4\x1a\x1d_\x8em\xd2\x8aD6#\xae\xe9p\x04\xbf`$\xb0`\xa1\x000\xfe\xcb4\x84\x16\xfbD4\xaf\xb5F\xc4jk\xeb\x1f\x1d\x07Wt\x1b\x8a-\x80,\x12\t\x13\x15a9\x82\xf0\x10rq\xe9\xc0\xca~\x82*\xdd\xdf\xdfVZC&amp;\x02kx|by6\x16]\xa0\xfb+n\x91\xea\x1d\x96\xc0W\x0b\x82\xa6^\x9d\x06,6\xfb\xd75Phx\xb4_\x9c\xcb\x08k\x98\xd4\x8an/\xb8#n\xd8\x18\xa1\xd0\xb2\x11\x95\x83\xe78A\x13\x14\xf6\x17\x8b\xa57\xb5\xbe\xfe\xfd\xab\xc9\xe3m \x19\x1f\xee/\x15=\x04"\xb8\x12\xb0\x11j\x89!\xe6\xda\xd1\xca\xc1\xeb\xf5\x9c\xa6\x1eX\xfb8a\xb0\x19\x86\xd7/\xbe\xbd\xf2\xf1\xd0\xc9[\xad\xfd\xe3\xe3\x1e\xcf\xc4\xf8h[\xa9\x085L6"K@1\x92\xccE\x99\x01\x0b\xc5H_-\xd4\xd7\x0b\xda}\xc3b\xf3\x8b+*W\x8054\xf41ay\xa6\x96\x96&lt;\x13\xc3\xfd\xa3\xa3\xc3\x13\x9e\xe5\xe5D\x02\xc1e\xa7\xd0\nO\xdbPpLV+D*)\xd1\xf3\x1a`\xa9\xf7k\xd6g\x8b\xfdE\x05\x86\xca\xf8\xab+C\xa7\x805:1\x95\x98\x9d\x8d%&amp;\xc6a\xe6\xf2,\x01Q\xa4{a\x9d\xd5jRc\x99x\x13\xaf\xd7\xa2\xa1\x08\xd6\x87\x80\x95\xb1/\x89\x8b5\xf8\xb3\x8a:+^\'\xa1\xd6\xa9\xa1[\xa5\xe8g0ZDc\t\xcf\xc4\xc4D"\xba\x10quy\x11L!\x1e\xf3\x17-\xb3\x1a\xf9J\xad\x85Z\xefA-\r\xb0\x14\xfb1\xb1\x1a\x0c\x19\xf2\x82\xe2c\xcf^\xbc!\xac\xe3t,\x82q\'\x00\xaee\x04U\xd4\xed\xf2\xa2\x1e\x9a\xc0TRNK\xa7U\xa3\xe4\xe8Kt01H&amp;6\xddS\xee\x83\x8dE#\xb9\xca\x0c?&lt;|\xf9\xe4$\xb0jJ\t+`\xb7\xdb\xa3\xb3K\xcb"\x96\xcda\xd2\x9au\xe5\xe5\x85X\xe5:\x9d\x1aX\x9c\xbe\xa4\xa4\x84\x13\x82\xb4\x13\x1f\xceH\xa5{\x7f\xc5:n\x90+\x8b\xfc\x06xx\xed\x01\xa9E\xf3tm\xc0N\xafc%\x96\x97\x97j\x81eUku"Taa\x93N\xcf\xedb\xe9ylD\xec\xc4\x8d5\x89\x92a\xf7:\xb0\xd6\x0b\xe4\x19\x9d\x9d\x15\xcfR\xe4a\xf7\xc9\xe3\xe2Q\xa0\xdd^\xb6\x10\x8d\x02+Q\xbb\xe0\xb2\x98\xb4\xa2T\x1fa\x95\xeb\xc4v\x90\xb8\xf4\xd4\x15\x06y\xdd\xd35\x89T\xaa\xd8[.E*\x9e\x97_\xd4\xd9y,\xf9\xea\xc9\x95\xa1\xee\xa1\x9a\x1d\xac\x00\xbd\xfb\x17\x9b\xf5x\x80\x15\xb6\xed`\x11\x95\xa8\x16\na5W\x82d\x8a\x06\xba\x9e\xd7&gt;]cd\xe0\xdaS\xac\xe4j\xa52\xa33\xb7\xf8\xd9\xcb7\xd7\x86\xee\xf7\xa1&gt;#m\xb5\xec`E\x13\x1e\xcf\x12aY\xb5\xe5M;j\x15\xd2\xadS\x01\xf3\xb4^\x8f\xac\xa5!\x13\xcdO\xd7\x8c\xc4\x95\xb3\x87T\x86\xad\x94A&amp;U\x15}\x1d\xfd\xeb\xdb\xbf\x7fVS\xb33\xe5\xefb\x05b\xa4\x96=\xe2\xb3\xaaw=\x84XZ5\x05:\xcfi\xf5\xf8FS\x1f\xd4\xb9f\x14\x8cD&amp;\xdbC.\xe5\xea\xd6z\xb1\xd28\xf3\xe7\x7f~\xff\xf61\xaaM\xeb\x0fXeen\xb8\x98\xf0$b\xd4\xc8\x9b\x10\xf1\x1f\x15\x92XZ\xecC!\xa4\x118N\x14+\x14\x12L\xee\x99\x1c\xa3D\xe4\xda\xa3\x0b\\lrk+\xee\x973\xff\xf8\xfe\xed|bj\xae_l\x1bF\xc7)\xb6@\xe5\xb6\xd7\xce&amp;D\xaci\x8bV\x94K\x14KmEV\xe08\x8a,R\xcb\xe1\x8d&lt;\xcf42\x12\x89T\xb6G\xfb\x915lm\xad\xc6\x8b\xe5L~\xd4\x1e\xa8\xbd9?\xf7\xf8\x06\x86\x8a\xd11\xca[e\xee*\xf7\x02\xe4B5\xdc\x8c\x84\xbdV]aSa\x13\xa5RTDt\xa4&lt;W\x8dV+\xd4\xd3\xd3\xe3\xbd;\xad\xc84\x1a\x19\xd1G\xc9^p1)\xc22d1\x92\xaf\xca\xca\x9a/\x80\xeb\xf2\x8dwX\xf6\xb2\xaaA\xf7B4\x86\x92\x08,\x97O\xad\xd3\xe9\xccf\x94C,\x11\x0bj\xd5\xf7\xf4\xd4\xd5u\x9d\xfbSv\xb6\xc2HzA1\xe9\xcf\x7f\xd3\x94]I\xad\xae\xa6\xe2\x15\xb9\x12f\xed\\U\xaf\xf3\xc2\xcd1\xc8ucxl\n\xc5\xc7^6\x18\x89\xc0F\xf4\xa5\xd4\x92vY\xa8F/\x9a\xcd\xdaE\xa0\xa9\xd5\xd4\x01\x8aX\xde\x13\xe1{lf\x0e\xb8\x08K\xa6\x943?\xb3\x10eW\xa6v\xb0\x8a\xa4L\xbe\xefLGo\xf3\xcd\xb1\xb9\xcb\xbf\x03\x96G\xc4\xaa:\x17\x8e,\xd8\xa3T\xaa\xd1\x91\xda\xac&amp;\xba^j\xd6\x92`H\xa6\x1c55\x10\xeb\x83\x0f62\xd9L\xc5\xae\\2\x992??\xf3\xa7G\xfeA\xc9\xeb\xad\xd5\xe4z\nX\xc7\n\xe4\x8c\xf4a\xd7\x99\x0e\xe7\xc0&lt;\xe4\xba1\'\x9a\x18\x80\x89\xe1\xf0\xe0\x82\xdd\x8e\xce\x8f\x86D\x07]\x984\x93\x8fj\x12\x0b)\x9e\xae\x0f\xd7y\xef\xce\xb0\xc02\x1a\xc5\xf0".i\x96\xea\'\x86\x18\x9b\xbf\xb2\xfa\xcd\xd6z|\xfdE*\x15\xaf\xf4gI\x98\x19o\xd7U\xc85?w\xe3\xf2\x1c\x99(\xc6V8\x1cF\xd8/ \xb2,\x96\r\x93\t\x16\x9eG\xa1\xe6\xe9-\x032\x11\xfb\x10.n\xe4\xb0\xd9;X$\x18\xb0\xe4\xca\x82\x82\xfc\x0c\xc9\x8f\xf6RQ\x91L\xadnm\xa5\xe2q\xc8\xf5"9R\x9c\xab4*7\xbc\xc0\xfa\x1cr=\x9e\x9b\xff\x01\xcb\xe5\x1aD\x07\x1f\x9e\xb6l\xa0%5\xeb\x00u^\x0b\xa58\xb1,R\xd6\x82Z\x10\xeb\x1d\x96\x02\\R\xa9\\\xae\xcc\xca5\x8cT\xfc\xa8\xe6\x90\xcdXY__O\x01(\xb9\xb2\x12_O\xad\xc7G\x0c*9c\\\xf3\x9e\xe9m\x1e\xa0$\xf1o,\x97+\x1cq/\xb8]t2\xb3\x08\xaa\xf2\xf3\xc8\x10\xe0R\xf3\x9ajQ\xad\xfaP\xdd\xc3l\xc2\xa2\x907*\x10a\x0c#U\x82K\x9a\xabR\xe5)s\xfeO06\xdb\x10\x07T|\xc4\xef_\x05U%\\\xc4\x1f\x15\x05yR\x85t\x03X\x17&gt;o\x19\x9b\x9b\x9b\xbf)\x96jQ\xad\xf0.\xd6"]\xa4i*oB\x96\x17x=w\xf4\xacF\x83,\xaf\t\xd9\x9e\xb3"V\x0e\xc30\nE\x8e\x821\xca\xe5Y\xf9\xaa\xce\xceNU\x9e\\&amp;\xf9\xdf}\xc5\xc1\x03l\xd1Hr\x87\xa2\xc8?\xf2fe\xa4rd%I\x8c\x15~\xb8\xa8X\xbb[\xe5l\xae\x1d\x98\x9a\x1b\x9b\xa7\xe6\xf4\x1dV\x19L\xf49L\x8b0\xb0\xbc\xa9\x89\xb2&lt;\xaf\xe64G\xcf\x9e\xad\xa6\xc3\x9a\x9e\xb5l\xf6 \x9b\x99\xf9\xddw\x0c#3\xe6\x90jY\xb9\x9d\x86\xe2\x82\xfc,9\xf8\xe4\xf2"\xe5\x7f\x05c%\xaa\xe2\xcaJ\x83?7W\xe5/6TT\xac|\xb3R\t\xacx2)be19\xc6\xaf\xae\xf6:\x03\xb5-c\xc0\x12+5au\xb9P\x83\x10[\x08,\x91\x8a\xd2\xbc\x9a\x13/\x05\xf2\xd8\x90\xc2\xc3OE\xb1\x9e\xff\xed\x0f\xf7\xa4RYNfv\x8e\xac\xc0\xdfY\x94\xa7\x94\x92\x97\xf2\xbc\xbc\x0c\xbf\xea?V$6\xdfp\xcc\xa0R\xf9\r\x15\xc7\xde\xad\x957qP\x81+\xbe\x02,\xfc\x1fE\xe6\xbd\xe9\xaa\xde2g\xcb\xd8\xfc\x14\xa5\x07\x14\x9f\xc1s\xc0\x1a\xc4\x18\x86R\x8d\x94u\x1e\x166i\xf5\xea\x7f\x95m&gt;\xa1m\xdcY\x1c\x97F\xd6Hh\xc6\x1ayb2\x99X\x8e*$\x83\xebA\x8a\x88[\xda\xae/)\xc1%\x17ua\x0b%\x15\x84\xd6\xa8\xf2R\xe7\xa0V\x07AOe\xbd\xe0C\x0f\r&gt;\xb4\x87\x80\x05\x86n)\xa6\x85bP\x83\x1c\x89B\xc0\xb8\xa6\x85\x08+\x12:\xd9\xdbv\xb3\xc2\x08\xba[\xb3\x7f\x8a]\xdb\xfd\xbe\xf7\x9b\x19\xcb\xedS\x90%\'\x96?\xfa\xbe\xef{\xbf\xf7&amp;\xf6\xf8\x85\xa7\x91\xc3\xf1\x8b#\x17/}]\x19f\xac\x83\xee\x81\xaf\xd7\xf6)\xa1PhH\x0f\xaa^:!\x03\xac\x97\x11\x8c\xe5P\x98\xde\xdf\xf5\xb2a\xaf\x99\xb6L\xab\\.g8\x98*S\xde\xd9.\xaf\xaf\xe3\x93\xeb\xe5t\xce\x8c\x19\x01o8\xbc;O\xff\xd9\xfa\xfe\xc7dx,\x85\xd3\xf3\xf3\xc5B\xa1Xz\xa9T\xa4_\xb7\x18\xc5\xdc|9\x85\x02\xbc\xf0\xc6So\\\xb88\x06\xaa\xebH!aA\xac\x1f\x1fnn\xc4\xd1*\xc2\x08\xa4\xd2\x0f\xaa\xa0\xa1\xc5b\x91&lt;\xa8"\x91XLRB\x03d!=ab\x05$\xa6t\xdaJ[\x1c\xc4\xb5Q#,\xc2\xdc\xda2#ZP\x8d\xcb\xde\xfb\x8b\xa5\xc9;\x7f\xa2\x1f\xb0f\xb1J\xf3+\x85\xbb+\xa5R\xa9x\x17\\\xbc\x1f\xd21\r\xa7c\x80@E&amp;?\x0f\xc3X\x88\x1f\xba{\xe1^\xb3"C\xac\xb0B\xe1U\x03\xba\x1619=B\x8c\x8c\x953\xbc.X\xcc\xccY\x19\x01eE)\x12Q\x11Vu?\x03\xcf\xe3\xd3\xed\x93\xd3&lt;q\xf9\xc2\xf2\x83\xe2\xfc\xc2\x9d;\xef\xd0\xb0\xf57\xd0\x94H\xad\xc2J\tGb\x16-\x02\xad\x8b\x87\x87gi\x90\x1f\x1b\x19M\xdeG\x15\x12\xd6G\x10k\xb9Q\xc3#\x99\xa8\xa8E\x04\r\xd2)!\xc2\xfe\x8e\xd1\xa8\x19\xc0\xfb \xac\x8cH\x1d\x84\xb2\xa2\x89\xc1\x88\xae?!\xcd2V5\xfas\xeb\xa7\x1c\xb8\x02~9\xbe5O\xd5\xf8\xfc\x8b(\xbf\xd2\xbb\xacV6[\xc0\x898[\xa0\x0b\xa5X\xa9\x93@\xa2v:\x06\xb1n\xdd\xa3\x1f\xe8\x00\xd7Q\xf7X\xee5\x1e\xc0c\xd4V)\x7f\xba\x16\x8b\x98h\x12y\xd3\x89&lt;\x17\x9a\x15\xcd\x07\x14\xb4\xff\xb20\x13\x9eG\x139\x87&gt;\x91\xc3\xad\xbc\xdfND\xd3\xe9\x8d\xb5\xed\xad\x93\xd6!\xd9R\r\xc3\xf5\x8b\x93/"0&gt;\x94\x8a\xb0\xd6laff&amp;\x9b\xbd\x85E\x9f\xf6\xfc$296\n*Z\xad\xafn\x91\xb1H\xad~\xe7(\xbd\xd9c[\xa1\xcd\xabdt`E\xc8QvD"\xcc\xc59MGc\x1e\xc1D\xf9\x03\x95\x08\x1b-]\xdb\x8e\xe1_&gt;\\kD\xbfo\xf5\xf3\xb9\\D\xf7\x85\x15\xb8~r\x1ad\x84U,\xce\xae`\x9f\xbe&gt;\xc3q\x9d\'\x88\x14\xba*\xb6k\xdc\'\xbf\xa9\x84C\x14\xf2Q\xa7\xfb\xd5\xce\xe66\x1a|\\\xf1B+\x88Ef\x8fi\x9aa\x18\x9a\xa1i\xf4$\xe2\xe8E\xc6\xf68TP\x885\xa5;"\x8b&amp;\xac\xed}\x03\xce\x8b\xf6\x1e\xd5\x12\xa7\xad\x03\xaa\x97\xa0_\xae\xdcB5\x82krzqve\x059\x14\x97\xbd\xe9&gt;\x89i\x0b\xa3\xe0(\x96\xfc\tL\x84\xef\xfe\x1f\xb5\x0b+\xc5\xbd\xc7\xa7\x07\xe9f\xf3\x81\xaa\xaa&gt;\x1a\x9cI,\x83\x90t\x0e\x83\xd8X\xaf\x9c\xed2\xcb\xf28T\xb9\x1c\xa7\x99\x94\xa5\xa4\x93\xa0\xeb\xfbi-f\x9a\xe5\xb5\xb5L\xb6u\xfa\x80\xfe6\xa8(\xbb\xc5E\x815_\xa0\xc8\xbe\xc5\x97\x8d(\x81#\xdc\xba\xd0U9\x9e{\x7f7.S\x84*\xdd\xfeW;\x8d/%I\x05\x91o\x08TP\xcb\xd0\x83n\x10\x9af\xeb\x05=p\xf3X6\x15\x99O\xe4\xda\x954\xfdm5H\\\xbdGOrp\xbdi\xe6\x80\x15\xaa\xcc.\x92\\\xd3\xd3l\xf7\xec\x0bo\x8e\x8c\xd0\xf8\x8e\x04~\x92\x1a\x15XW\xb03N\x15\xdf\x93$\xab^]\xae\'"\x87\x87\xea\xf2F\x0c\xddAV\xd4!\xca\xa1\x13\x01\x07\x8b\xc9\x84\xc38W\x1e\xae\xc0\xbc\xa3\x14A\x91\xbc\x9c\xee|\xb5\x06(3\x07\xb9\xea\xf7ON\x0e\xcd\x18\x1d\xf9\xf2\xee\xf4\xc2\xc2\xe4\xc2\xc2\xdc\xfcJ6\x8b\x05b\x1c3|\xea\x93\x11\xd2*E\xe3\xd6\x84\xb8\x14\x91\xfc\xebn\xb9\xb9\xb9\xb9\xb6\xd6\\FGF\xd4\xeb\xc6[_\x1a\x00\x00\x03\xbbIDATm\x8c\x9344\x9f\x85`\x92tI\n\xea\xa4 \xbe\xaf@\xf3@\xaa\\\x9e\x12\xc77\xe6rr\x1ek\xefg\xb8\x91=y\xd4\xa3&amp;\x81\x8e\xea\x0f\x87\x86\x95\x7f\xd0\x8f\x939X\xe3\x17\'\xe8"\r\n\x8f\xb1R)\xda\x17o\xafN\xcd~Z#\xaa\xcd\x9a\xe4W%\x9c\xb2\x16\xf5\x1aS\xc5\x14\x18\x08\x9c\x07\x93$z I\x92\xed4"\xf3\x10\x94]\xa2"\x00fs\xc52\x8f\xb7\xa3\xe9D\xde\xb46\xd7\xd6?o\x9dV\x86p\x94\xdd;\xbc\xa7~=7\xf7\xfa\xeb\xc0\xbav\xf3\x85\x1b\xe3cS\xb7\x99\x0bDb8\xa5\xe7\xab\xe3\xef}\xd1\xd8DTC\xa2\x87\x82\r5\xa7b\x8a\x18R\x7f\xa3\xd79L\xe0Q:=y\x93\xf4a?\xb9h\x0c&amp;I\x91v\xedq&amp;cjF\xb0\xb6\xb6\xa3\xed\xed\xedZ\xed\x7f\xff\xf2\xcb\xc9I\x7f\xef\x95\xc5\xb9\xb9\xc5W?\xbcv\xed\xa9\x1b\xcfL\xac\xd2\x8aOW\xb5.\x13\x15\x0e\xc6+S\x13o}\xda`\xaa\xba8\xa8)\xc2\x8a;4\x0fp\xb1R\x01\xf5&lt;\xaa\xae{\x88\x81C\xb3\xdb\x87\x0bf\x98\x99o\xf77,\xcd\'\xe53\xd5v\x9d\xbc\x11=\xfc\xf9\xa4u\xd2\xeat\xbf\x7f\x9b\xa9\xa0\x16\xb0\xec\x0b5\x88?cb\xbe4qy\xa4\xb8\xc4T\xcdv\xc8f\x02U\x98\x8f\x1dZ1\x88\xcb7\xc0a\xcf8D\xe7C\xa8x\xe6q2f\xf7\x8f34X&gt;S}\\[\xb62m\xf4]\x9a!\xf4\x80\x1a\xb8\xf7\xafVG\x80\xbd\xf2\xe1\xcd\x9bO_xvb\xe25`\xfdW\x80M\xa5F\xc7/\x8d^\xfdg\x83\xa9v"\xc3\xa1a\x06\xe2\xb0W\xb2!\x95\xc1\xd4\x01(\x1f\x8d\xf7\xe8\x1d&gt;\xdani\x99\xf4z\\\xaa3:\x07\r\xb3N\xb5ZOGQ\x81\xd0\xda\xe7\xc5:\xe5\x0f\x1a?u:-D\xa7\xff\xbf\x0fn\x8c\xad\xae\xae\x02K\\\xd8\xba}\x1b\x93i\xf2\xcd\xab\xdf-\x11U\xa3\x97F\xfaB\xb6J\xee\xdeCb\x11\x98\x83%\xa0X-\x06\xc2\x1d\x86k?c\x89\x1ap&gt;0\x9b\xc6\xed\r\xfd6\xaf\x05\xd1\x02\xf1.\xf0\x06\xe9\xebt\xe9\xb0\xdf%\xb0N\xa7\xbf\xf7\x07\x98\xea\n\xd0l\xb0?\xa6\x923\xdf-5A\xd5\xe8\xd5Cb\x84w\x91\xc4\x96\xe8\x15Pn\x9b\x10,&gt;\xe6\xb3\xa9h\x13\xb1\xd5\x92\xb8y\x88?\x92]\xabT\xaa\xa8\x06\x94\x8a\n.\x02\xc3\x03\xaf_\xd5\xd5\xa3\xe3n\x87\xa3\xbf\xf7\x9a\xc0Z\x15\x17M\x9f\xfbf\xa9\t\xaaf\xaf\x1e&amp;\xaf\x0f\xdbF\xc7\xdb\xb7\xa1X,\xa2\xb2\xcdDi\x13\xaf\xac\x92Lx\x82cS\t\xcb.\x96n\xf7\ri \xd0}\x83\xba(a\xb8qhHlRt\xb2Ul\xb2n\xff\xf8\x07\xfa5\x10\xbe\xf0\x9d\xfc\xbb\x80\xdai+\x0c5,R\xc8B9\x1b5^\xe4L,z%\xe6"\xaf{\xe3q\x00\n*\xd9\xa3\xe9\x86\x0b\xa3;b9\x95:pN\xd8p\xf4zl2\xa5rt\xd0\xefR\xf4\xf7^\xc6\xcc7r\xf7\xb3\xbf4\x11\xbd\xedD\x88\xa7\x19\x1a\x1d\xc8\xefJ\\\xb1[\x83\xab\x16[^\x15y\xa3\xa1\x9e\xcfp?\xa6C\xb0)4S\xcbN%\x0e\x8a\x14\xa4n\xe2\xb2\r\x1e\x14N\xf3#\x9f\xc5\x15Y\xf9\xf1\xe8\xe0\x18l\xfd\xe3\xc2gK\r0\xed&lt;\xb4d\x1b\tL!\xbb1\xb0b\xfe\xf3P\x01\xc7M\x08\xa6\xc2\xc2M)T\x08*\x14\xfe\r\x96\x8bw\xd6T8l2\xf7\x80\xc0&gt;E\xc3\x13\xf6+\xf9#\xb0\x1d\xfc\xa7V\xdb\xae[\xfea.\xbe\xf3\xe1\xf6\x06\xa7\x0c\xd9Iv\x02\xd9\xf0\xc4\xe7\xe7\x9e\xe6\x8d\xb3V\xb2\xe2\x89h\x03X\xe2l\x92\xec\xde+&gt;\xa8N\x0c\x90\x8a\x82\xc1K\x91\x13x\xd6c+\x11RX\xbc\xf0y,1\x95\x8a2d$\xd5\x91\xca\xefP\xd1\xc5UN!\x7f\xcd\xaf\xac\xf2\xb4\xd6\xbf&lt;x\xfc\x00\x00\x00\x00IEND\xaeB`\x82'</t>
        </is>
      </c>
      <c r="M388" s="3" t="n">
        <v>45492.67762731481</v>
      </c>
    </row>
    <row r="389">
      <c r="A389" t="n">
        <v>1002556</v>
      </c>
      <c r="B389" t="n">
        <v>1963</v>
      </c>
      <c r="C389" t="inlineStr">
        <is>
          <t>Lázaro</t>
        </is>
      </c>
      <c r="D389" t="inlineStr">
        <is>
          <t>Lázaro</t>
        </is>
      </c>
      <c r="E389" t="inlineStr">
        <is>
          <t>CA</t>
        </is>
      </c>
      <c r="F389" t="inlineStr">
        <is>
          <t>ATA</t>
        </is>
      </c>
      <c r="G389" t="inlineStr">
        <is>
          <t>CA/PE/ME/PD</t>
        </is>
      </c>
      <c r="H389" t="n">
        <v>181</v>
      </c>
      <c r="I389" t="n">
        <v>17</v>
      </c>
      <c r="J389" s="2" t="n">
        <v>37326</v>
      </c>
      <c r="K389" t="inlineStr">
        <is>
          <t>Both</t>
        </is>
      </c>
      <c r="L3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d944ede-6985-422e-973b-57807815e0c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p&gt;\xbf\x00\x00\x00&gt;tEXtComment\x00xr:d:DAEewil2SDw:3609,j:4842915822435306416,t:24030116\xd2\xe6&lt;\xe4\x00\x00\x00\tpHYs\x00\x00\x0e\xc4\x00\x00\x0e\xc4\x01\x95+\x0e\x1b\x00\x00\x03\x00PLTE\xff\xff\xff\x19\x14\x11\xfe\xfe\xfdt&lt;%\x00F3\x01`F\x17\x12\x0e\xff\xff\xfe\x00]D\xfb\xfd\xfd\x12G4\x00B1\x18J7\x01ZA\x1d\x16\x12xA*\x01dIp9"\x13\x0f\x0c~B*\x00Q;\x1f\x18\x15#\x1c\x18i4\x1es&gt;+k7"\xdd\x85b\x01U&gt;\xc6tR)\x1a\x15\xcayW\x86H0\xd3\x81^\xdf\x8an\xee\xf1\xf2\xeb\x92oyE2O#\x16\xd7\x81e$\x17\x12xJ;( \x1c\xb3hHQ(\x1cc3#V)\x1b.\x1f\x19\xd9\x87la/\x1c\xdc\x7f]\xbeqS\x9b\xa3\xa2\x85C*\x9c[DH!\x15\x91Q8\x01J6\xcf}Y\x80H0\x08I5\xe5\x8dj\\,\x1a]8-/&amp;"\x99\x9d\x9dnG;\x8cI/\xe4\x8dq\x89N7\xcd|`H(\x1en;)U&amp;\x16rD2\xdf\x86h\xabeM\x94U?\x80L:\xd7|X{=&amp;\x9aT9\xb2lS\xacaB\xfa\xf9\xf9\xb2aA8.+~RE\xab[&lt;\xfc\xb2\x94e@6\xc3mM\xbbjL N;\xd1vT\xa4`H\xd6\x87`\xe3\x93m\xde\x8bg\\/!\xe7\x9aw\xbadE\xee\x98vS.#\xd2\x85i\xe6\x96q\xe5\x93v\xf3\xf6\xf7\x92N2\x88RA\xa0V85$\x1e\xd9\x8df\xb9rZ\xec\x9d|\xea\xa2\x84\xde\x8fs\x99O27\x1a\x12\xc1w\\\xe0\xe7\xec\xe7\xed\xf0\xd9\xe2\xe7 \x12\r\rL8\xa4[=@\x1f\x15\xc5rZ\xf8\xa4\x84D/)\xf4\x96qk&gt;/\xe7\xe5\xe5\xa1\xa8\xa7f9+\xa8\x7fs\x85[N\xd2{d\x03iM&lt;\'\x1f\xde\x91j\xb3\xb6\xb7\xbe\x9dE\xc3|dD95\xc9\xa5H\x91aU\xf1\xae\x94\x04:.\xd1\xcf\xcfS5,\xfa\xab\x8bflA\xf8\x9ez\x14Q?\xc9\x83k\xee\x8dh\x85F9\xf0\xc5[\xd8\xda\xdc&gt;Y@\xe6\x88bPB&gt;/O;\x15?1\xa7\xad\xad\x96j_\x8f\x81F\x1f[G\xc5\xb7g\xa9\x8a\x82\xa1\x85:\x1aeK\x92YI\xe5\x9b\x80\x7f;2\xac\x8d&gt;WPL\xbf\x9d\x93\xb0\xb0\xb0\xb4\x92\x88^\x10\x0f\xa1cQ\xc1\xc9\xca\x8eH;\xa4j[\xfd\xb8\x9f\xafqb\xed\xb8\xa5\x8a\x85\x81\xab\xa4\xa3N\x81vqTM4gM\xf0\xa6\x8b\x9b\x97\x96\xbf\xbe\xbf\xa5*!OcB\xb4\x96D\xc6\xd5\xd7nhdQwQ\xf6\xec\xe9\xa5R3\xcb\x8fz\xd5\xaa\x9e\xd0\xb6\xad\x0e-%\xfb\xf4\xf2k-\x1a{vDw1$\xdc\x97x+WA\xd3\x8et\x92\x8d\x8c\xa8\xa4_\x9e\x8eN\x85g_eJD\x9cth\x93yr\xb9\x80m\xad\xc8\xc4\x154+\xe1\xd4\xd0\xa5OF\xd1\xbf\xbc\xd7\xaeJ\xdf\xa2\\\x7fzx\xbaQG.ven\x1d\x1b\x85\x95^\x95F\'\xdf\x7ftcZX{ql\xdc\xbdaHb\\\xf1\xe0\xda\x88w=h\x87\x81n\x85V\xc3\xa9\x9e\xe5\x8a\x82\xe6\xc6\xbal\x99\x8f\xf1\xd4\xcb\xd6\x9a\x8d\xfa\xc2\xaf,C=\x84\x96\x93\x81\xad\xa3\x9e\xb9\xb5E4\x7f?\x00\x00 \x00IDATx\xda\xcc\x98\xdfK\x1b{\x1a\xc6\x9b)\x04\xbc\x99Pe\x86\x18\x9c\xfc\xb06\x93\x89vl\xb2Zi\xb0\x99\x13\x8d\xda$\x8d\x1au"1\xe8r&lt;5\xc5_A\x8f\x1a\x8a\xa8\x1b\x0c\xae\x12JC!\xc2"\x87\xd2@\xcf\x9d-\xa1\xd0\xb3\xa5(\x87\xda\x1b/z\xb1\x17\xa5B\xbbx\xe9\xcd\x1e\xfb7\xec\xf3\xce\x9cn\xff\x00\xa3\xdd7!\x84$\xe0\xc7\xe7}\xdf\xe7}\xbf\xdfK\x97*\x17\xcc\xd4 \xc3\\\xfa\x7f\x0b&amp;\xb7\x7f\x94#.F\x8b\xef\x8a\xf2\xed\x1d\xf3\xe4\xa4\xac\x1e\x16\x07\x99\\1\xf7\xa0\xbe\xbe\xea{\xa11\xcc7Y\x18\xa6jjO\xe1\x15\xb5|\xf4\xf2\xb0P&gt;-\x9f\xee\xed\xed\xe7\xaa\xbe\x03\x1738U\xff\xe4e1\x87z\x02S\xfd\xcb\x83\x82\xc2\xf3\x12\x82cyI\x90\x14E)&lt;\x1bd.\x9ej\xffh\xffPRK\'\xfb\xfb\x07G\'\'\no0\xb0,\xc7q\x12k`9Q\x92x\x89/\x14/:\x8f\xcc\xe0\xcb\xd3rA\x91\xc0\xc1K\xaa\xa2\xa8\xbc\xc1h4p&lt;\xc7r\x06\x0e\\&lt;\xbd\xe3\x0e\xaa.\xba\xc0re\xca\x13\xcf\x1a\x00#)\x12\xcf\xd2;\x84\xb1\xda\x88@\x1ee\xd6\xc0\x97\x0f\xf6\x1f^\xa0b\x0cS\x7f\xa2R\r\xb1\xc6\xea\xeaj\xe0H\x12\xe0H"HE\x1f@+^`EAR\xd5\xf2~\xfd\x05qU\xe5\xde\x1d!q\xd0\x08\xf2T\x93&lt;\x06\x16r\xf1\x1c\xc4\xa3\x0f\xaa\r\xf4\x05\xc7\x19Ed\x98W\xf7\x8a\x83\x17#\xd5^Y\xcd\xaaDe$\xb5\x08\x01=\x884\xb2,k\xd4\xb0\x80gd\x91K\xea\x01NR\xf7.@\xb0\xc1\xe2\x0f%UUT\xb4\x1c\xfe0\xfa\x8fGH&lt;e\xd0@\x1fQyq\x1c^!#u\'\x1a@-2\xe7\xae\xd5\xb3\x92\xca\xab*\x958T\xa1\x02\x93xN\x14\xc5eA\xd6\xd8\x90K\xe8D\x9aU\xeb`\xf8\x91tPu\xeeuu\xa8*\xa0\x81HFJ\x1a\xcf\x8a\xa2 \xe0)\x08\xe9|Z\x96\x05\xd2\x0eeU\xfd\xbf\xc0\xaf\xf8\xf2o\xe7\\^\xccA\x81W\x0c\xd5F\xca\rJ\x1c&lt;\xb2 \xd33\x9d\xcfog\x01&amp;\x88\x1c)\xf9\x95\x0b\x19%\x1b+\xffv\xaeid\xaa\x80\x85\xc21h\x86.C"\xe2\xc9\xe7\xb3\xf9|\xf7vb\xdd\xdf\r,\x96\n\x8e~\xc3\x91\x8d\x91_\xa0#N\xa6\x98\xf34\xf7\xe2\xa1b4r(\'\x14Q:\x9d\xce\xa7R=\xb6\xa0\xcd\x17\xf4\x99{\xa2\xd1`CjuuiI\x10\x979\r\xeeO\x7f\xd5\xe4:\xbf\xc1\x8d\xe5\xe5\xa8\\\x12\x8d\xbc\xaa\xf0\xcb\x02\x9f\xcen\xf8j\xfa\x87\x87\xee%G(\x92\xde\xa4{\xa0\xcd\xd6w\xa5\xf6\xc6\xb5%\xb4\x80\xde\x96\x06Ns\x7fN\xf9\xf2\xae\xfe\\\xfc\x9e\x19\xac/\x9ef\xf3\xf22\xcb+\x92"\xcay_\xab[\xe3\x19\x1d\x1d\xadCX\xadxI\x0e\xad,NO\xb7\\\xbe\x01\xd1@\x06\xa7E\xf9\x93\xdd\x1ax\xf5\xcb\x83s\xc0b\x1e\x1c\x1c\x16\xb2YY`\xf5z2\xaf\xd4\x8d~\x8d\xde^\x8b\xddc\xb7\xdf\xbae\xadK\x0e\xcc\xae\xac,.v\xf4]\xaem\\Z^\xd6&lt;\x96\xf2\x082\xe5\xa0\xf2\x8b\x0e\x16\x99\x92 \xa7\xd3\x82V\xe6\xfe\xe0\xc0\x88\xc6\xa3Cy~\xb4\xf4\x8eZ\xad\xb7 Xrh``xvvq\xba\xa3\xa5\xa6\xaf\xe9&amp;\xbc\xc3\xa0U\x19\x14\x93\x0e+n\xf64\x9c\x05QL\x93\x19\xa4BA7\x80\xf0@x&lt;\x9e\xd1^\xbbG\xcf#\n\x0cT\x03+\xe0\x9a\xed\x9f\xb6\xd9l\xbe\x9e\xf1nYD\xd7R\xf1+\x87({\xa6\xb2\xb5\xfe\xc3\xc1\xa9,\n\xa8(!\xdb\xea\xb5Z\xb7\x9c\x9e-\x10y\x80\x054\x8b\xc5B\xba\xa1\xb8\x92nw\x12\x95\xbf\x02\xac\xfe\xe9`\xd0\x16\x0c\xba\xd6\xf3\xb0Z\xcd/JG\x7f\xc9U\x92\x0b\xc3\xb9PP\x91\x10\x11\x165\xb3\xd6\xd5\x05*\xa7\x85\xa8H.@Y\xfe\xda{\x8b\x04\x1bI\xdesSG\x0e\r#\x8d\xd3m\xc1`pff\xc6\xb5\x9d\x86\xc7R;JJy?W9.\xa6XJ\xd3`Y\x16\xf2\xf9\x84wkk\xcb\xe9t~\x85\xf2&lt;\xb5P2\x89\n9LB\xac\xa4\x8e\xb5\xd8\xd1\xd1\x11\xfc\xe7Lp&amp;\x1e\xf7\xa7\xc9d9Z(\x94\xfdJ\xe9\xc5\xd4\x17\xbfH(*\x19\xe38\xbd\xdd\xba\xe5$*\'\xe5O\x8f^T\x99\xfd\x16Q\x8d\xdc\x1b\x1ar\x0f\xb9\xdd(\xfa\xc5\xfe\xc5\x0e[\x0b\x928\x13\x9d\xd9t\xa5`\xfeF\xac\xd4\x98\x0c{\x95j\xc7\xdc\x9e*\x892M;Q\xc8\x06\xd64(g8LBQq\x81j\x14\xd6@R\x91Nn\xb7{h`x\x119\xech\xb1\xb5\xfc\xf2K4\x1a\x8d\xc7Q_"\xad\xd2\xe0*?\xac\xcc\x18b^\x16\xe0\x9e\xa2LXrv\xb7\xcb\xd9\xdc\xeclvtv\x86\xc3\x9d\xed\x16\x8fN5\xdak\xad\xd3sHj\r\x91Z\xff\xe9hA\xbc\xf05D\xa3\xaex %\x8bd\xad\xd8\xcd\x14\xf5%S\x11\xc3:\xe2\x91AQ\x91dT|\xe2\xd5\xd6}\xa2\x02\x16\x02X\xd4\x81\xbdvX\xa9\x95\x92H]\xe8\xd6\xb1ZZ:Z^\xb44 \\\x08\x7f^\xa0\xfd\x0c\xeb\x90 \xedU\x04k\xea\x08\xeb\xb1\xa8`\xdc@,W\xa6\x19\xe1\x00\xd6\xa4#l\t\x87-\x00\xf3\xfc\xe9\xf0\xa0\x02\x92\x1b\xc6\x05\x87 ,8\xea\x0b\x93\xce\xb5\xd1-\xb3\xfaN(W\xa6\xe8\xeb\x9f\x951\x02\x05\x11drz{\xb7\x0bT\x7f8\x1c\x7ftv:\xc2a\x1d\xcb\xde\x8b\xda\x02U\x1d\xd5\x96\x9b\x86\x0f\x1cu\x16T6[M\x03\xb0B\xa4\x96\x8e\x85U\x9f\x95N\x9fT\xc0\xed\x9f\x94q\xc8\xe1\xe9\x08\xa3\x08i\x7fdK\xd7*\xacc\xc1F\xc9P=\x94\xc3\xba\x11\xaf\x96\xc5\xe1\xe1a\x1d\xcbV\xe335\x98\x1bB!]-A\x9fA(\xfc\xc3\x93\xb3r\xc1\xdfOK\x8av\xaf\xc0*r&gt;1w\xbf\xb9y\x01\x85EO$\xb1\x1d\xfd\x18\xb6x,\x1e;U|\x1d\x1e#p\x87\x81\xe1\xe1\x95\xe9\x96\x0e_\x8d\xc9d2\x9bCf`%\xba\xd3\x02\xa7\xef_p\xfb\xf2\x99=\x15\xb3\xb0\xa0Pc\xf3\xd8\xfa\xb2\x81\x0c\xb0\xb4rwLv\xb6\x87\xa9\x13-O\xdb-\x16\xe7- !\xd6\xac\xf0\xf9!\xe85\x0b\xd3\xaa\x01\x13E\x08\xc5\x15\xd8N\xcb\xa2A[q\xf0\x1f\x16\x9e\x9c\x19+\xb7GW18.K\xf9lv\xf3~\xb3\x8e\xd5\xde9q\xb5\xbd\xbd\xfd\xe9S\xcbSK{\xbb\xc5n\xd5\xd7-Z!\xee\xdd\x1b\x1a\x98\x85i\xf5\xf5]F\x98\xc1F5\x9f\xc8kX\xb4\xaa\xe2\xdct\xf6\x03Z\xfd\x81JW\r,\x8b\x83{\xf6\xb5\xc3\xd1\xdc\x1c\x9e\xbc\x8a\xd0^\x80\x06\xac\x1f\xed\xb4\xd2@/\xef\xdaZ\x1dM\xc4\x01}\xb1\xa9\xa9\xe9\xeb\xabA\xc97\xb8\x02\x90K\xe6\xe9j@\xdf\xa0\x9fT\x9d\xd9\x1f\xf6U}sW\xd4l\xe2\xfe\xc2Bs\xb8sbb\xe2*\x9eDu\xb5\xdd\x12\xb68\xbb\xac\x84\x95\xf4z\xadk^Z\x9d\xe1\x10\xfd\x00\xa3D\xfa|\xe0\n\x05\x02\xf1@Z\xfc\x86uf\xa7g\xa6\x0e\xb4\xfb",\xbd\x85\xec\xeb\x85\x05G\xd8qub~\xc2\x91\x99\x8b\xc5b\x99L\x97\xdd\xee\xb4wY\xd7\xf0\\[\x83X\x19\xaf7\x86\xdd\xc6\xbd\xa2m\\\x18@\xd8\xb94\xac@&lt;+\x1a\x0ct\x9e\xc5\xc8V\xcf\xbcG0\xc5\x13J"\xd4R\x0b\xa5\x1d\x88\xe5\xe8\x9c\xf8\xdb\xfc\xa3\xcdx \x91\x08l\xc6\xe3\xbb\xafb\xb1\xb9\xcc\xda\x9a\x15D\x90\x0b\xb0\x91\xc8X\xeb\xdd\xa0\xaf\xc1dBa\xf9lA\x0c\x1fW \xe0\x8a\'\x04\x96\xee\x98\xd0\x8c|\xe1\xa0\xfe\xac\xb5U\xdc;U\xe9vM*d\xe3\x10\x0bT\xff\x98?\xdet\x05&gt;\xfb\xfd\xdb\xd9\xed\xed\xed@|\xf3\xd5\x9c7\x93\xc9$c\x14s\x91\xddh\x08\xdf\xe4\x97\x96\xe4\xa5\x9b7\x1b}\xc1\xe8L\x94j\x0bY\xa4\xfb\tRK*\xec\x9fy\x8d\x18\xcc\x15\x0f%\xba\x15-\x14\x1e/\x80\xabs~\xf2\xcd\xe3\xcd\xb8+\xe0\xcfv\xe3 \xed\xf7\xaf\xc7_\xc5\xc0\xe5\x8d\x90N\x91\xc8\xaek#\x95_\xc2\\\x17\xc4\xa5\xee\xf1\x8d\x86\xe8\x0c\x16.\x97+\xfe{&lt;k0\xeawN\xa5J\\y1\xb9/\x12\xa8\xd4\xc2\xe77\xa4\xd6O\xa0\xfa\xf5\xcd\xf1\xf1\xeb\xdd\x90\xdf\x9fJ\xf9\xfd\x1b\xd1\xbb\x91\xd8\xdc\x1cA\x8d\x8d\xb5\xee\xce\x84R\xdd\xabKt\'\xb1\x84/\xc7\x1bS\xebq\xfc\x13q\xc4\xb6v4\xc3\x11\xfb\xa4\x12+WU\xee\x94\xd7\xb0~?^X\x98\xfc\xe9\xf9\xa37;\x1f?\xee&lt;\xca\xc4\xc6\xfa\xdbl&amp;\x13\xe4h\x8d\xcc\x01k\xac\xb5\xf5\xee\xdd\xb6\xa0oc\xbc\xf1\xe6\xcd\xd5\xd5\xeeTS\xedF\x13\xdev\xfb!.EI\xd6\xc4\xe2\n\xc5J\x1c\xb0I-l\xe1\x85\xd2\xa7\x9d\x85\xc9\xf9\xc9\x9d\xe3\x0f\x1f&gt;\xde\xdf\xd9y\x14\x8b\xf4\x071\xf6\x82m\xadc\x91\xb9\x0ca\x11\x94\xc9\xdc4&gt;~\xfd\xfa\xf5\xf1\xa6\xda\x9e\x1es\xa8g\xa3)\xd5\x98x\x1c\x8fonn&amp;d\x9a\x8a\x9cZ\x99\xeb\x08f\xea]Y"\xac\x7f\xbf\x9f\x9c\xffy\xf2\xc3\xf3\xe7\x0b\xcd\x1f\xa1Wl\xac\xad\xe5r\xed\x15S\xf0\xee\x18z13\x17\x19C\xff\x99\xaf4\xdd\xb8~\xe7\xda\xcd\xc6\xa6\xf5PH\x1b=\xeb\xeb\x1b~\xb4\xec\xe6\xe3\xcdD\x9e\xc76\xcf\x97\xce\xde\x86:\xd7\xbf\x1e\x16x\xa5\xf0\xf9\xef\xef\x9f\xbf\x9d\x9f\x7f\xfb\x1c.\xb1\xf0\xe1\xe3\xdc\xd8]\x9b\xe9\xca\x8d;\xb7Mm\xad\x11o\xa6\xeb\x91\xf6AO\xed\xed;\xd7V\x97V\xaf\x8d\xfb7\xa0\x96\xd9\xdc\x13B\xb8\xa0\xd5\xa7\xc7\x89\xacB\xa7\x0c\xe5\xa8R\xa7X\x1a@\xa5O\xc7\xef\x7f~\xfb\xf6\xed\xfc\xa4\xa3\xd9\xb1\xf0\xe8\xd5\xab\xc7\xbb\r\xe6\xda\xf1;\xd7n\xfbZc\x99\xff\xd2jF?i\xa6Y\x18\xdfJR27C\x94t\x04BE\x97\x0f\xcaT\x18\xa8\x11\x88\x064\xa2\x08U\x10\xb4(Tc3*\xc8\xb8\xc2F\x1c\xf0\x82\xa8\x946~\x9a\xee\xc6\x06\xb2%D\xc8\x06/\xb8 a\xc8\xb0\xe0\nv7\x86\xd4\x8b\x89()a\xd3M*mb\xbd0\xc6v\x13/\xacQo\xf6\xbcL\xff\x84\xaf\x07\x02\tW\xbf&lt;\xe7p\xde\xe7\x9c\xf7SZ\xads\xbd\xd3\xd4j\xbaH\x00T\x92\xc9\x87\x1d\x0f\x97\xda\xc6\xc7\xf9*\x1ad\x92\xb7\x1c\xf5\xf9\xa2\xd1\x83\x17\x83\xdf\xdd\xfa\xf6\xc6\xad_\xffN\x0c\x16\xf9\x9b\xa7\xbf\xb5C\x0e\xf7f\x03\x01\xcfDC\xbd\xd0\xda\x9b\xc1\xa30e\xb9\x9euOr8*M\xff\xaa\xd2*\\\xe9\xd7S\xe9\xa2\xf1F\xd0\xea\xc5\xc3\xf5\xc70\x92&lt;\xeb\xee\x9e\x04\xae\xfb\xbc\xa1r\x14b{\xfd18\xa4\x1b\xdf\xb5\xbf"j&amp;\xfb\xd3\xbf\x06\x7f}\xbf\xb7\x97\x0b\x98&lt;\x13B\xaeR\xba\x11\x9f|\xb1&gt;X\xe3n\x7f\xbe\xc0Q\xcb\xbb6V\xad\xc2\xce\x86\xba\x01\x05\x88%q-Lv\xbb\xd6?\r\xd6\xd4\xd4\xb8ow7B.\xef\xf3\xa2\xd1r9\xba}\xb0\xde^\xb1"D\xed"\xe0`\x1c\xfc\xf4~\xef?9\x93\xc93%T\xce\x8bi\x8d\xb1w\xcf\x1f\xbb\xef\xdc&gt;x(\x11\x88h\xe29+\x18\x1d\x86\xd9\xa9\xe3\xab!\x85\x0b\xae\xf5\xff\xae\x0f\x82\xe3{\xf6\xd8\xed\xea^\xa2\xab\xb0\xe52\x8e#\xacA(\xfa\xef\xdb?\x11\x85\xf5\xcd\xab\xe7\xdb{{W~\x93iv\x8a\xbb\xd8\xafH\xd8p\xfc\xcfw\xdc\xee\x1f\xb6\x0f&amp;\x97h\xe1GsB\xb6E\xc60\xd8\x9b\xe9r\x0eG\xe2\xea&gt;x\xb7~\xf3\xdb\x1b7\x1f\xbf\xb8\xed^h\xe4\xab\xee#\xac\xf2\xf6\xf6\xc1s8\xf2\x7f{E\xd4"\xe2\xe9\xbf\xff\xf7\xfd\xc1\xd5\xde\xac\xc9\x14\xb0\x08\xb9\xd6\xa6\xb9\xd5\xb5-_\xc7d\xb7d\xb2m|I\x1b\x86\x92\xef\x01\x93\xc30\xe7\x15:\xfe\xb8\x9c\xd3\xd8\xd8\xf6\xb0\rZ\xfd\x02\xd4V\xb7K2\xbe\xa4\xd2Fq\x1c\xdf\xde\xde~~\x03-\xc3\t\xd2\xaa\xea\x1f\xb7\xdao\xad_\xed\xa1\x1cZ:\x7f\x16Z\xad\xd6\xb5\xbd\xf7\xe20\x89N\xa7\xd3\xb0\xb0\xa6w\x86+\x0bz\xd9\xf7\xccy\xa7BG\xe7\x8b\xf8|hV\xd0U\xf9\xfc\xa5\'\xe3\x8d\x02\xb9\x88\x8eE\xf1T\x0ca\xd5\xdc\x1a$\xac\xe0\xc9O\xdfu\xf0\xb6\xde\xbc\xf1gM\x9e`\xd0"\xeb\xe1*\x17QW\x87\x9eN\xd2\xb14\x8f\x16{\xd8\x96\xa0%2j@\xa6\x94J\xaa\xae\xa6\xf3\xf9|\x15\n\xf8\xae\xa6P\xaaUX\x1cO\xa5\x96\xb7\xdf\x0e\xa2%\x17a\x0b\x9b\xcb\xd9\x1e.\xf7\x17+\xc2\xf2x\x82l\x19\xb7nq\xa4W#U\xb0\x14R\xfd\xa3\x91\x16\x19;\xe8\xf1\xb2#L\xa3\xd3\xa9\x9fn\xae\x98\xe5\xeaZ\x91HT\xa4\xabHT\x96BAm\xd5\xc6\xf1d\xf2\xed\xf6\xf2\x0f7?\xfd\x93\xb0\x8d\xcd\xe5\xe2\xc7N\xcf\xd4\x84\xb0\x82\x15\xf4zC\xf5J\xa5r\xb1\xe9n\xef\xdd\xbbMM-}\x11\xb6\x17\xfd\nj9\xa7\xf5\xfaS\x98[\xc1\x93\x02\x9c\x0e\xf8\x9a\xa7\xf5 a\x97\xc6\x87\'So;:$\x0b/\x96\x0bD\xadl\xf6wvVL9\xcb\x98?\x1b\x80$\x06\xbd\xa1\x10\x0c\x16\\\xa5\xb2\x8e\xd9\xd2\xc7\x88D"!\xf8\xcd\xcb\x0e\xf5\x19\xf2\x88Kq\xaap\xea\xc1\xca;\x9d0_WfF\xbdT\xb3\x01I\x1c\xeaxR,\xd2\xc3&gt;\xa2\xee\xa5\xaev\x8esY\x93\xa3\x13\xb0\x02\x9e\x80\xc7\x0b\x11\x8a0`\xce\x07\xa6P(\x12\xf1\x06+?\xf5\x99\x8d0\x889\x9d\xa7N\xa71\x9f\xb7\xdb\xd1\xc6\xde\x8c\xa6F\xbb^\x93\xc1\xcfSCpv\x97t\x89\x13\x9c\x10\xb9\xc8\x0f\xf6v&gt;f\x1d\x01\xcbO\xa6l\xc0dBy\x04\xc1"\x95\x80\xaf\x10\xdb\xcb\xf6"\xb0\xd0\xbda\xb3\xd1\xd9\xackv\xe6\xf3F\xa3\xc1\x00&lt;\x06\xb3\x19q\xe9\x01+\xb5\x7f&gt;\x84\xd1\x12\x89\xc4\xc9\x89\xef5!\xc6\xe6\xf5\xe2\xcegO\x83\xa3Gf\xfa\x12\x95\xfa\n\x85\xd0\x07\xa0\xdd\x1b\xedc\xfc\x8e\xc54\x1b\xec\n]\xb1\xd8\x9c\xff\x02d0\xa0\x0f\xa3]*\xce\xa4\n\x85!\x8c\x12\x0eo\x9e\x9cd\x1e\x10\x835\xb3\x93\xcd\xe6\x8eG\xef!\xa4,\x04\xaa\xb0J\xe2B\xc04l\x1c\r\x85\x82\x81 R\x0b\x08\xe6\r\x06EQ\xe74\xa2\xfc\r\x9b\x11\x96\xd1.\xd6\x8b\xcb\xc9B\x81\x87\xb5\x86K\x80\x15%\xa6\xe6_\xaf\x1e_\x7f&lt;\xde\xd9\x19\x85\x14f+/S\xe0K&amp;\xfb\x86\x8d\xf9z\xf8\x17x&lt;~?\x1bjK\xaf\x98\x86\x9ab\xa9I\xd3F\xf3\xefa0\x0c\xcc\xeb5\xe2\xadd\xe1\\\x8b\x85\x8b\xa5\xcdR:J\x90Zk\xc7\xfea\xc0\xfa\x19U\x96)\x10@dP\xfb\xc1Pd\xd4\x9c?5:\xbcl\x06\x97\xdb\x99k`\x1a\xd0\x9d\n\x85\xca\xeaR\xcbuzT](\x06\xe6\xe7\xc5\x1aqf\xbf\x90\xc4h\xc5D\x980,r\xd5\xd5\xf1g\xa0\xday\xe9\x01\xa8\nV\x16\xb5{o\x85*o\xe42O\x8b\xfc.\xa5p\xd1lWT\xbb\xdcn\t\x9d\xa4\x96\x17\xa9\xfa\x01\xe8\r\x10@%\x16\xc7\xa3\xc9B\nK\xa7K\x89\xcdD\x1a\'\xe6P\xac\xba\xa8`\x1dg=\xfe\x00\xa8\xe4\x01\xb5\xe0\xcb"\xebCT#\xc3#\xf9R\xa9(\xa0\xce\x8d\xd8\x15\xcd\x92;.\tG\xaeV\x8b\x8a\xd5,\xe8Z\xf6y\xbd^\x0c)\x8c\xc7}\xc9\xa3\xb2-\x9d&gt;)\x85\x13\xe9$AG\xf5\xee\xcag\x10k\xf8\xda\x9f\xcb\xc1\xe1c\xf1 6\x07\x9b;lt\x9e\x9a\xeb\x19uM\xf3\x8fVgz{\xc5\xcd:\x11\x87#\x10p8\xea\xdab\xb1H\x92\xea\xf5\xe8-\xd5h4qP\xeb\xc8\xe6\x03\xac\x13\xe8\x10\x87D\x9d&gt;W\x1f\x01k\xe5:\x0bN\x1e\xced\x8b\xc7\x03\x83YC\x9d\x01\n\xab\x8e\xdb\xc3]\x83\xe9lf\xa6WC\x12\xa9\xd5\x9cF\x018\x86Z\x88j\xaaT/\x9dV\xb0*\xf7+6_2\x89e\xd2\xc0\x95H\xf8\x08\xbb\xbe\xbb@X\xbf\\_\xcf:,\x0e\xb4D\x9aj\xe8\x14\xae\x0c\x1bO\xf3L\xa5Ph\x05\xa8\xad\x8d\xb8MKBS\x8fD\xc2\x11\xc8\xe9\xd5\xb5E\xe0r\xc2a\xceb\x85\xd1E\x86/\x89\xb7\x82Z\xe9t"qD\xd0YM&amp;\x9f\xe5F\x8f\xef\x1d_]\x83X\x0e6\xbb\x82\xc5U\x8e\x9c\xda\x9b\xea\x00km&amp;\x93\xf1\xd9\xb4\x18\tL\x03\xe2\x82D\xf2kkE\xb5\xf4Z\x96\x14m\xb8\xa8a-\xc2\x8a\xdaJH\xad\xcd\xe8.awQ\xbb\xfe\\6;\xe57\xf9\'&amp;\x1c\x16\xb6\xacS\x06XM\xa7\xce\xb9\xba\x91\xb95D\x95\xd9\x00,\x1a\x98B&gt;\x7f\xbc\xb1\x11\x86\x0e\x00\x94C"Y0vS1\xcc\xa6\x1d\xf2%m\xf1\x13\x84\x15?\'\x8c\x8a\xfc\xe0\xda\x91\xbd\xbevL\xf8\x1d\x13\x0e\x19\xda\x01v\xf6(\x8d\xf6\xb5\xb9G\xbds\xab\x90A\xc0\x8ak1\xb4U\xa6\xa9\xc04\xa3\xeaR\x03\x1a_D\xdf\x04,*\xa6\xe5\r\xe1)\x9b-\r\\\x89\x0c\x81\x17w\xe4\xd7/\xfd\x97\x17\xfd\x13\xfe\xd9\x1f\x7f\x92\xb1e\xf0\x1ec:\x95\xabb\x98\xc4V\xd7\xd6\xdeome6\xc4\x9a\xcd\xcd0\x86\xd1T\xaa%\xb0\xa4|\x01G\x00\xdeY\xde\xac\xa0R)4\xc0J\xe1\x98\x8d\xa4\t\'l\xc9*2q\xf7\x9c\xe4\xdd\x8b\xa3\xa7\xb1Y\x7fnbJ\xd6\x03b\x8d1F\x98\xd6~\xack\x06-o\xd6\xb6\xb6\xb6\x10V8\x01j\x01\xd6\xd2\x128y\xb9`\x1c\\}\xb5\x94\n}\x9f\xc7[N\xfaT\xad]q[\xd8wH Ue\xfb\xf64%\x9c\xf5;:e=h\x95\xcb`\xfe\xc5\xaa!\xc5W\xd7\xde\xac"\xad6\xe2\x00\x95(\x95J\x95\x01\x03F\x0b\x980\xc0\xce\xf3ER*\x89\x84i\xb5\xbe\x14O\xc5/Gm\xb6\x02\xc1\x97\xfb\xe4\xaa\xdd\xfd\xfd\xcb\x97\xb3S(\x85\xb2\xb1\xb1\x96\xb1\xa6VQW? \x81L\xb6p8\x1e&amp;\xe9t\xa5\xa2Z\x0e\x7fE\xb5@0\x0eQ\x8b\xd1\x10\x16Z\xcb\x97c\xf7E\x07\x7f\x8bE\x8f\x1e\x10+\x16\x1aa\xab\xa0\xf4g\'\x00\x0b\xa9\xd5R\x7fW\'\xa1\xdb@\xa3x&lt;\xbe\xff&gt;u\xb1\x9f\x89\xe3\xf82\x7f\xf9\tgi\xc1\xe5Z\x90H\xd4*\x8cT\x94Bia\xd8P,6$\x7f\xf7\xd7\xa3\xdd\xaf\xf0\xdc\x08\x99L\xae\xba\xccA\x7f\xa8\xac\xe3\xeb\xeb\x06\xa8\x1c\x97\xcb5\x14=,\x14v/\x0e\xcf.\x92\xe0]R\xd1X\x94W\x9e\\p\xbb\xddw\xd4$\n\tj\x8bB\xd1\xde\xf7\xc5\x0e\x0f\xcf\x8f\xfeXUE\xfe\xc3W\x08r\xd5\x99\x7f\xd6"\xab\xdc\x13\xd43\x07\xf4t\x97\xdb\x15+\x9c]\x9e\xbd&gt;&lt;\xbb,\x9c\x17\n\x85s&lt;\x86\xfb\xa2mm\xee\x1a\xb7\xab\x96J%\xb5vQ(\x18\x0f+\'w\xbf\xf9\x8a\x0fT\x92\xcf\xfc9\xd4\xb8,\x16\x19\xa3nd\x00&lt;z\xb8\x9c\xda\x87\xb8\x02;\x15K\x9e\xc7p[&amp;j\xd3\xf2\'%\x12\x81\x9c\x02#\x19\x0c\xb8\x98\x16rx\xfe\xe0\xab&gt;\x80\xba\x0bj!*\xcb\x8f\x8c\x16&amp;\xb3iX\xb9\xb2\xb8\xb8\xf2\x11\xc5\xcab\xff\xd6V\xef\x87\x0f\x1fP\x9fP\xa9\xe8\xb5$\xa0j\xed\xa2\xd2\xb4Z\x9e\xef\xff\xbc\x9c[L\xd3Y\x1e\xc7M\x1b.%2\xa5\xe9\x03\xadBiY,\x84R\xca\x16\xb1K\xa5,\x15Z(`\x80!k\xd2uB)\x8d\xbd\xe0\x0e\x85v\xc1\x0b\x03!\x08C\x97\x126\xeb\xca\x03\xee\x84\r\xa1\x13C\x143\x83\x19\xc6,\n\xa3&lt;h\x88:N\xc6\xd5\x04\x17/K2\xcb\x83K4fuv\xe3e\xbf\xbf\xf3/\xa3\xfb\xb0\xbb\xe3\x8c\x7f\x0eT\xfb\xf8\xc9\xf7\xf7;\xbfs~\x97\xc3\xe45~g\x03q\ny\x7f\xe2\xdd\xb7\x0f\x17R\x075\xa8\xd5\xa1\xd0\x83\'\xf8y\xf0\xe0\x0f?\xdd\xfb\xd7\xbf\x11\x15\xa2\xeaG\x1f\xc9\xe4\xe24iMM\x9aQLX\x1fO\xde\xe7\x19k\xf6\x02kCA-%\r\x8bT\xaa\xd4\x9e\x07O\x9e&lt;\tu\xffr/A\x11\x15\xb0d\x12!r\xea\x1a\xa1Q*\xe4N\x9e\xf48&gt;\xa9\xe2\x16g\x03\x01W\x9bw\x9f\xb7h\x8bc\x8b\xb3\xb2\xa8\xa8\xd4\xa7\xd2\xe9\x1e\x84B\xddQ\xa8\xd355\xa7\xc52\xa1\x84\x1cK(\x942\xb1\x06\xce|\xca\xef(\xb8\xe0\xfa\xec\x85@[\x9b\xd7\xebmt:\x1cE\xa0*\xf5\xf9\x82\x96\xd6\xaa\x06\x06\x95v\xba\xe6\xeb\xafYgS\x9cQS#\x94\x08\x11\xb3vS,\xbd\xc6\xef\xe4&lt;\x1d\xd9\x0c\xab\xb1\xd1Ir\x95\x02L\xa5\xb3\xe8\xab\xca\xc4\xe5B!\xae~_}\x05\x16\\%\xc4bPI\x84B\xec\xc3\xdd{&gt;\\\xe6\xd9\xb5\x80\x15\x08\xb4\xb9H,\'\xb8\x9c\xce\xa2J\x95J\r\xacj\xa3X,\x14r$t\xc1\xc1W\xfc\xe0\xdc\xc1\xc1\xf3\xf1_&amp;\x17y\xc7\x9a\n\xb8\\\x10+\x1c\x0e\xc3\x8c\x0e\xf5\x96J\xaa\xc1UQ_%\xcd(\xe5\x8aG\x00\x94\xc8\tJFX{\x96\x96\xae\xd5\xf3\x8f5u#\xd8\xc8-\'\xc0\x90\xb8\x86\xa0VCA\xad\xc1\xb8]\x9aF571\x95\x03\xe5\xe4X2\x9b\xcd\x9c\xb5g`y\x85\xe7\x89f\xc2\xbaq#\x18n\x0c\x83\x8a,\xb9\x05\xb1\x8b\np\r\xb8n\x81)MJ\xfd|\x82\x92\x10\x16\xeb\xab\xcc\x0fL.\xf0=h\r\xac\x9b\xc1\x9b:\x7f\x18P\xd8\x8f\xc4\xa5Pt\xeb\xebH\xae\xcf\x91\xe5l\x07\x96\x84\x960Je\xce\x9a_Z\xba\xbf\x01j\x05=:\x8f\x8e\xb0\x1a\xdb\xbc\x8dE\xe0\nY\xba\xf7R\x7f\xda\xf0yY\x19\x12\x1d!\xa3\x82\xe3C)\xb3\xd9\x9c5\xb0\xb4td#\x8c\xe8\xb1X&lt;\x1e\xb2#\xd2 \xaf\x17\xce\xa5\x0e\xe9Y\xdb\xdcPm\x80Z\xd0\x89\xb6c\x06Ie3\x9b\xe7\xe7\xcdK\xd77\x00kJg\xe9\xa6\x86\x98\xdf\xd9\xe8B\xacp\xaa\xd5:uwvAA-5_\xd3`D\x84\nq\xd4\x82X\xf3v\xfb2\xefO\x0b\x16g\xa7|A\x0f\x9c|\xd8\xe3\xd19\x11*\xc2je\x08\x81\xab\xae\xd6P]P`\xa0\xb4P,c\xa35Q*{q\xb1y\x03\xb0\x8e\x02K\xe7\xb1\xe8[;,\xc7=\xc1\xa0\xcfo\xb1\x0cwt\xd75TW\xc3\x86\xd5F#\xc2\x03\xa8\xca{m\xbd\xbd`"*;\xffXq\xc0\n\xe2l\xf6t\xb4\xb6"q\xf5\x04\x8f\x0f\xb7v\xb4\x9ee\x8e\x05\xcfbMaayN\x0eQ\xd9{\xedv\xbb\xdb\r\xacI\xbe_\xfa\xe0\xd2&lt;\xa5\n\x06u\xba\x90\x9e\xda\xd3\xc3\xc7\x87\x7fw\x16\xf9\xd8\x9e_\xed\xde\x9da\xc4?F\x19\xd2}\xb7\x06,P\xc9n/v\xd3@\x02\xefXH1\x02P+\x08\xb0\x8e\xaa\xba\x0e\xa4\xf9\x7f\x1a\x18\x18\xa01\x07\x92\'+\xcb&amp;\x937\xb9\xad\xd6v\xebH\xf1H1G\xa5\x05\xe2\x86`\xf9J}\xae\xa0\xcaRG#\x19g\x07\xe6os~\xdd\x8f\xdf\xde\xde~P\r\xb6\xb7\x0cZ\xdd#\xc5\xc5#n\xb7FC\xca\x9d\xe1\x19K x\x1a\x98*\xf5\x95\x96\xc2\xbf\xba\xab\x1a\xaa\xea&gt;3\x8f\xf4\xf4\x8c\x8c\x14\xbb\xad=V+\xbeY\xad\xd6\x96\xd4\xcc\xdc\\\xc2\x1a\x01\x94[Cj\x9d\xe7]\xadYRK\xa5R9\xd5\x96\xba\x86\x82\x86\xcf\xf6\xf4\xe4\xb6\xb4\xf4\xf4X\xe9)Mn\xcb`KKn*\xa5\x88\xc0r[5\xb4\xb4\x1b\xa0V\x9c\x08X\xaaJ\x15\xbbd\xe16SP}\xaa\xb8%\x95\x1e\xd3\xd0\x04/\xbd\xf5\xc9&lt;|866\xb6\xdd\n\x0f\xd3\xb8\x19US\x13\xef\xbe\xb5\xa9\x9e\xb0T\xaa\xcaR\x95:\xa4\xd0\xd3P\x8d\xbd\xa7%3\xf3p\xe6;\xec\x11\r\x9b8\x8a\x8dM\x85-\xad;\xa0\x16\x15R7\x02\xeb\xfa\xd1\x80\xcfW\xaa\xae\xac\xd4Q\xdbN\xdf\xd0Pu\xca62\x08\x8db\xdf\xe1\x88b\x0fg\xa6v\x11\xd4\x8e\x1d\xdb4\xdb\xb6A.`-\xf3m\xc4E\xc2\xa2\xa9a\x1d\x1d\xd0\x8a\x0el\xc6\x86\xdd\xc5\x83-dB\xf2\xa9\xcc\xd4\xf6\xae\xae\x1d\x80\xea\xe2\xb8H\xadb\xfb\xc0}\x9eo\xa7\x8f\x80\xc5\xc6s\xd5J\x0fn\xa5\x1eO\x87\xa5\xf5T\x99,Gc\xedjo\'"\xf0@+\x82z\r\xcb\xbc4\xcd\xebC\xc0\xfa\xa7\x84\xe5+\xa5\xd9I\xb5\x92\xee7\x16OGU\x81\xc1(\xcf1i\xb7a\x01\x06\xae\x0e\xbfbjm\xd3\xb2\x81\xa9^\xf3\xfc\xe5\x8b|^\xb9\xd2\x91\x8e\xb9\x10\x1f*\xd5jK(d\t\xe9\xc0u\xbc\xb5\xa1\xa0\x0cgN\x93V[QQ\x014\xc2bbQ\xf5\rT\xfd\xfd\xe6\xdb\xb7\xd7\xf8{i\x1a\'\x1a\x9b=z\x01\xae\xe5\xc4\xd5\x8f\x9a\xe8\x1e\x9c\xd9\x96\x0e\x1a&lt;\x10\x0b\xe5yT\xf3\xae /\xd7p\x1e\xcf\xb0L\xc0\xea5\xdf\x1e\x9f?7\xc4\xd3\xd36\x81 }\x85\xb0\xbc\xa5N\xa8\x85+&lt;\xb5\nnZ\xd8,\x9e\x91\xd2\n\xb9\x9c\x06\xca(\x86\xee\xd8\xc6\xa8*@\xc5a\xf5\xdc^\xbbx\x8c\x9f\xccZ :r~\xf6\xe8\xd16\x9fSE\tO\xc8\xa2\xb0xp\xf5\x1a\xae\x83s\xa5\xd1\x05^(I6UT@,\xc2b64q\x83#6\xf3/\xc6\xd7n\x9d\xe7\xc5\xbd\x04\x82\xfa\xb1\xc9\xd9\x0b\x01\x96Q\xeb*\x0b\x95J\x85E\xadR\xe1F\x98\xfdnm\x19\x9bA\x17rX\x08\xa3Q\x1b6\xe5Q\xcd\x19W\xaf\x9f\x8f_&gt;W\xb2P\xcf\x03\x94@\xd4|l\xf9j\x009\xb5\x0bi\x98ZY\x080\x9dN\x05\xb9\xf4U\x1f\xec\xa7f\x85\x94\xc3\xd2\x12\x16gBS\x0e\x99\x16X\x99\xbf\xbd|\xeebd\xecm\x9bQT/\x12\x88\xd2\x17\x96\xae\x06.\xb8\xa8\x02\x11v*\x0b\x95\x85\x0e\x9d\xc3\xafS*\xf4\xd9\x0c\xcb(\x85\xdf\x03\x86\xb0\x88\xca\xd4\xc4*\xf4\xe5\xe5\xe5Q\xac\xbe\xa1\xf4Mo\x95K\xd0,\xc2bXm\x1c\x96C\xa9t\x80\xcb\xafsX\x08\xcb\xb0\xcb\x98\x06\xac\xe4&lt;\x93V\xeb\x06\x15\x842\xe5\x99\xf2\xf2r\x92\xe5r`\xf5\xa7\x8e\xaf\x01+2\xd3\xfcV_\x90\x11\x94H\x00\xac\x7f\x05\\T\xdb\xf2:\xfd\xc4\x85\x0f\xbe\x142,\xaa\x8bH\x80ej\xd2j\x98\xfd\xc0\x95\x93\xcc\xa8\xca{\x8bS?\xf9\xe6VI_$\xb2p\xe4\xad=d\x16l\x12q\xab~e\x19X\x94\xe3{\x19\x97\x83\xa19\xc8\xe7\r\xbb\xa4\x94\xf3$3\xb9\xb4\xd4\x1d\xa3\x95\x9c\x9c\xc3a5\xe5\xc2\x86%\xf9}}\x91\xa1\xb1\xb7\xf2\xe7H\xe0\xea\x07\x0f\xacc\xdd\xff\xf0J\xc0\xe7\xf5\xba\xa8XCr\xa5\xa4(\xfd~G\n\xbdx\xa57\x92b\t\xb0\xa2T\xc9@\xa2\xce\xb0\x9c\xb8\xfa5=\x10+\xbf\x04`\x91\xe9c\xe9?\xde\xf1\x11B\xef\xce\xdd\x8db\x89\x1eM\xde\x01\x16\xa3",EJ\x8a\xc3\x11\xf6\xc3\xb7\xde\xaf\xa5\'=R\n\\&amp;Pi\x89J\xce\xc8\x98Z\xfd]\x9f@,\xac\xfc\xfc\xfc\xbe\xe9\xe7\x0b?\xaes\x10\x17GP\'W\x0f\xad\xab\xb5\xf8\x8f;\xf0\xadFg8L.\xafHQ\x14\xfa\xfd~\xfc\xbf7\xfb\xfd\xfd\xbbv\x19\t\x8b\x0e PQ\\HfjI\xca\xcbe9\x83k\xb7J\xa2X\xf9\x91\x87\xcf\x1e\x8f\xe1 \xfa\x81dq\x02A\xf3\xcc\xe3\xa4\xf8\xc4\xb9\xfau\xb5\x16W&gt;\x9cr\xb9\xa8\xda\x06G/\x04\x96\xd2\x01@\x85\x9e\x02\xea~C\x9aT\xcc\xb0L&amp;\xc0\xacs\xd1\xb8\xb5L3\xceQ1\xac\xbe\x87_\xde\xfb\xf3\xf3\xb1\x1f\xd8\xd5@\xf4\x9c\x99;\x99\x18\x1f\xbf\xf5\xc5:\x95\xa8\xfe\x9fgn\xb4\xb9\xc2\xce-\x0e\x07=\xceR \xa2\xfa\xc3~\x16\xb8j\r\xfb\xb1\x17i\xf2\x0e;\x90\xc4b\x1f\x8e\xaa\xbc\xe7\x1b\x00\xbd\x86\xf5\xe5\xbd\x89/\xbe\xbd\x04\x1f\x8b{c\x9f\x12]\xfa\xf671\xf1\x89\xf11[_\x12Q3g\xc5\xab\xc7\x03\xaep\x18r\x15\xd2\x13\x9aB\xc8\xe5w(RH\xadZC\x19\x8b\xa7\x14\x17\xa8\x18\xc8\x04\x93\xc0\x846\x9b\xf6\xef\x04u\x91\xd0\xa2X\xe0\x1a=\xf1x&amp;\xfd\r\x15\x13\x88\x0e\xbcX\x8d\x8f\x8fO\x84Z\x89\xdfy\xbcHt\xfd\xe9\x1dW\x1b\x9d\x89\x08\xa5\n\xb2"\x0e\xa0\xc2\x14=\xa9\xf5k\x18Q(\x94\xd3\xa0\xa2\x9c\x95\x039*\x99\xcdV&gt;^\xd2\x97\xff\x9a\x11\xff\x08\xaa{\x13\t\xa3\'N\xcc\xdd}\x83]I1\xe1\xe5j\x12\x80\xe2\x89,\xe9\xd0\xbaX\x90\xeb\xd1\xa77\xdb\xda\\\x8d\xa0*d\xceE\x8a\xe9\xf5{\xdf\xad\xddE\xaf\xa0\xe8v\x93\x9c\x97,)_\xd7J(\x13g\xd8Fn\rE\xf2_Q\xe5?\x03\xd5\xef\'&amp;6\x8f\xbe7::w\xf7\xe0\xf7T\x0cg\xdf\xdd\xb9\xa4\x98\xa4xn%\x9e&lt;\xf0J-\xc1\xf5\x95;p\xfa\xb0\x9f\xb8\xe8\xc5\x91&gt;\x85\xbd6\xfa\x00\x01\x82\xa8\xc0E\x9b\x8fJ\xbaT\x00\x97\x08\xc5\x19Y\xf6\xb5\x85\xa1\xbeu(Z\xc0\x9a\xc0\xda\x9c\xb0y\xb43at\xee\xe5\xc1\xef\x11`i\xfb\xcd\xc1\xa9bb\xe2\xd9\'&gt;q\xf5\xe0+,D\xd43Wp*\x86\x1d\x85\n\xee\xcd9\xa0\xb2\x81\xb5\x7f;ux\x18\x96\x84\xd5N\xa9\xa6KZe\xd8\xe6\x87\xa2b1\xa6\xbe\xbe\xbeg\xf78\xac\x89\x84\xcd\xefuv&amp;t&gt;\xcc\xff\x7f\x91\x9fy\xfa\xc9u\xa5\x18\xd6V\x86\xd5\xbc.\xd7\xe2\xca\x99)W#\xb6\x1fY\x91\xfc*\x9b\xb0j\xa9\xec\xcd\xaa\x93\x12\xc9w\xdd\x0c\x99\x18TY\xf6\xe9\x99ir-\xce\x80\x08\xf3\xc0\x02\x12\x98\xe8\x03\xc1v\xfel\xf4\x8b\xe7\xff\x0b\x0c\x17\xbdC/V\x93b\x18\x0ea\xd1\xef\xd6\xffPKP\x7f\xec\xfc\x15fEZ0\xe4\xbaX55R\x1a\xce\x95\x8a\x8de\xac\xcdB\xa5\xe6\x8c\x0ccV\xef\xb9\xb1\x05`a\x0f\x96@\xa8H$2\xcd\xb0\x12\x12\x80\x85\x0f\xc0:w\xee\xec\x04\xd8\xa5\xe6\xff\xd2\xc8\xc6A\xf3b\x95cJL\x8c\xaa\x15\x13\x93\xb8\x9a\xfe:\x96\xe8\xd0\xcc\xf2\x95\x1bavP\x83KA\xcf\xd8\xe0\xf0\xdb\xa5\xdb\xd3\xd8*\xab\xae\xa6Ag\xd6\xfa1\x1a\x8d\xb6\xf9c3C\x91H\xd4|\x80\x1aZ\x98\xfew\xdbf\x14\x9aF\x9e\xc7q\xb9S\xf0\xd4\xa1\x03\xeb\xdb\xc0u\x91&gt;\x94}\xec5d\xa8/\xcbb\x1f\x8eX\xae\xdd\xc2\xc2\x81\xd8\xc2&gt;\xb4$)vY\xa8#\xd3\xb7\x96,\x12\'\xb8(\x0c\x06\xc6\x81\xe9\xdd\xcc\xac\x1ex\xd7R\x1f\x8e6\x08et=\xba\x14$\x06]H\x93\xd2\xb0,\xc2\xd5l\x92\xe5\xf2\xd0t\xf7\xfb\xfb\xcfh\x9ac\xff\x19\xd1\xf8\xa0\x9f|\xbf\xdf\xff\xf7\xf7\xb7\xc5\xb7\x0f"\xc0\x8a\xa4B\xee=q\xf9\xe3\x95\xd6a\xf57f\x92;h\xf2D\xc5y{\x90\xa9\x158\x99-\x1c\xbarO?\xdb\xd8\xc8\xb0u\x8d\x0e5\xe0\xba\x05\xac\xc4\'\x89\x85\x05\xfan\xcdL\xf2\xc2)\x0f\xea\xd2\xa5\xbf&gt;\xac&gt;+&lt;\xfc\xdb\xfd\xfb\x1eT\xa1\xd0|f\xc0&lt;\x86\x15\xf2\xb0\xe4\xb8\xdf/\xc7e\x0b\r\xfb\x7f\xdb\x12\xfe\x01\x8a\'\x10O)O\xad\xf7#\x8f\x13\xea\xd5N\xa1Y\xfd\xef\xd7\x1b72\x19\x0c\xc6\xe5\x0c\xb0&gt;e\xfb01;\x9b\xbc&lt;;;3\x87\x0f\x1c\xa7O\x9d\xc21\x07T\x8b\x7f~\x93\xeb\x14\\,\xc6Tx\xd6,\x97uO\xa5\xe9\x8d\xf4\x8a\xc7\xc585\xec\x89\x8c\xe1\xed\x90\xf4c\x039W\xa9@\x10#\x91\x99Hc\xf1\xaaT\xfdxw{{M*o.\xad\xde\xc8\xc0\xc9\xeb\x9fg\xfe\xf8\xe9\xe5[\xb7f\x17\xe8\xdfs/\xdf\xbdK_\xac9\x97N\x80\x8a\xa4\xbap\xf6\xfb\xe6\x9f\xf6\x8f\x8e\x8eX\xa6&lt;\xaa\x9f^\xed\x02%\x12:\x81\x16\x02\x16)\x16w\xab\x7f"\x95\xf4\x0e\xdb/\xe05\xc2\xd4@&gt;\xc0\x05\xeb\xad#w\x17\xc6\xcaG\xbb\xdb/^\x94\xb8\xfc\xa1t\xf5\xf5\xd2\xcb\xf5\xf5\xf5e\x9cS?\xfc\x08C\x1aT\x89\xe4L:\x9d\x9e;w\xf1"\xb0@\xb5\x98\xb8pv\xf3a\xf3c6i\xde\xea\xbb\xfbG\xf7\x01\xd5,\xdf\xfb\xcfOOB\xa9\xd4I,\x19; \x84\x80\xe1\x92+k\x1d\xd6\xfch*/T\xc7X\x1eZ\xbd;\xb2\xc7\xff\xcb\xe5\xaa\x85\xd7??y\xf0\xa2\x14\x16\xa3b4\xc0\xaf\xe5\xe6\xef=]\xdaX\xff\xfc\x8b/n^\xfbh\xe1\x93\x05\xe4&lt;937w\xe5\xca\xb9\x8b\x99\xcc\x9d\xf4\xec\xe9D\xe2\x1f\x8b\x7f/4\x0b\xfbo\xf1\x87\x94\xb6q\xbd\xd8\xfe\xe7\xb7o6\x9f|\xf3\xf3\x0f\xdf\xea\xa9\xf7\xb0&amp;\xc2\x11\x17)\x86m\xd9zG\x82\xfd.\xfb\xce\r\x95\xa7\x12\xe7&gt;\xaa\xb7\x0e\x06\xb6mk\xdaA\xcb\xaa8cm\x10\xe5\x84\xa8 \x08\\\x94\x07\xd7\xd5\xf9\xf27/\xd7\xf1\xe9\x0cX\xe7\x11\xacdz\x0eX\xb7W2\xd7\x97\x81\x95X\\\xfc\xfai\xb5\\\xd8\x7fP*\x85K\xee\xd2M\xd3\xdc\xeb\r\x87\xaa\xd9\x03\x17hR!9RA\xf2\xf1\xc8\x13\xcd\xc5\xc2\xae\xdc\xcf\xfe\xc1\xb7\x85\xa6\xf2\xb0\xdcF`\x13g`\x8f\x07\xa3\xae5\xd2\xb4.\xd2v\x00:\x8e-\xf4k4\xc0A/\x12\x0c\\\x99s\x97\xcf\x7fp:9\xf3\x18Z\xdd^\xb9\xb1|=s;\x9d\\\xfc\xeaQ\xb9\xdal\x12\x15\xb0\xc2\xb4J\xaai\xf6\x0cC\xd7\xd5F\xbb\xb1g\xa4H\xb1\x08nt\x9frE#\x1f\xfdqQ\x8c\xcb\xf2\x8fM_&gt;01\x90yXouG\xa3_\xb5Z\x1b\x00\x00\x04&lt;IDAT.\xe4)V\xb8z`\xa0\x8d[ \x1d\xd9\xa3z\xd0\xe3\x82h\\e-\x17\x9b\x87`\xcf\xd73w\xee\x9e\xff\xcb\x85\xc5\x19\xf6MS\xfao\xb3kWf\xbe\xda,g;\x9d\xce\x1a\x98\xc2%\xf7\xa7\x14v\x80\xa5\x1bX\xb5F\xa3Vk8\xa9\x88L:\x11\x96\xa3\xaa\xba1I\xbe\x08\xc1P\x16&gt;\x16u\x17\xcd5n\xacicS\xd3\xda\x1c\xcf[\xb6f\xd7Q\xfb\xf5\xba7\xb7\x81%\xd0\x92\xd7\xb2R,\x96}\xf8ru%}\xfa\xf7g\x16Q\x0c\xb7\xef\xac~y\xf3\xe6\xf2\xca\xe3\xa5\xd7\xf7\xaa\x9d\xea\xd6\xeeT)\xb6\x1e8=\xd3t\x0c\xa3\x07\xac\x86R\xd3\xc1\xa2\xea\x84\xd5\x1f\xee`\x99\x9e^\xc0\x82^qy\x82\x15\xa4|\xdb0\xae\xaf\x8f\xb5\xf1P\xd3\x86\\\x9e\xaf#S\x01\x9e\xa7k\xda\x1e\x88\x17\x17\xc5\x91$\'I1\xa9\xfc\xe8\xdf\x8f\x13\x1f\x9cI\xd0\xd79W7\xd6o~\xf9\xfc\xd1k)W\xcde\x7fI\xbd\x87\x14\xf6\xd3\x15\xd1\x9dHJ\x85R{\x8e\xa3\xd6\x94\xe2\xceNqh\xf4\x1d\x93\xee\x87\x86\xd3h\xf7(_\x84%\x8a\xb2\xcf\xb5\xae&gt;\xb2\x07\x07\xddV\xab{0\x1ch\x0c\xcb\x0c\xf2|\xd7&gt;\xa8\xf3l\x05\x02lV2\x139\n?\xb8\xb2YI\xca&gt;[\xfa\xec\xcc\x99K\xc9\xf4\x95;\xab\xeb\xeb\x1b\xdf\xbd\x92\xb2\xb9\\6w\x14\t\xfb\xfd\xe1\x89Z~\xfa\xc1\xaf\xe1Hj\xafV\xdbC\xc4\x1am$\x0cd\xbd^\x11x5]7\xf0\xa0\xa8\xa3+\xe2S,\xa4\xc9\xee\x12\x12\xe4\xb2\x07fo\xac\xd9md&lt;\x08\xb5Pg\xf9&lt;\x9f\xf7\xc8\xdc\xc1DX\xe0\x8a\xeev$\x06V\xf8\xfe,a\xad\xac&gt;\xff\xeeUL\xc23\x12b\x15\x16\x19\x07\x83r\x17=\x90#\x86\x8a\xbc\x1b{\x8dF\xbb\x06\xac\xa2:\x04\xcd\x8e\xd2k\x9b\xaa9TYW\xb8&gt;\xfa\xc8:\x94@k0\xb6G\xdd\x96eU\xfap\x0eX]XG@y\xe2"06\x8a\x08K\xc0E\\\xadN6K`\xb9\xc2\x9bK\xc9\xb9\x97.TL\x8a\xfdb\x85\xf1\xc2\xbf\x85\x15\x87M\x08\xb9\x01\'km\xa5\xa8\xf4\xfaf\xb1\xd8\xee9&amp;\x08\x8b\xaaaD&amp;#R\xf4\r\x0e,\xe8\xd4B\xb8\xfbV\xc0\xb2\xfa\xba\xaai\x83\xe1\x80\xdc#\x9d\\\xb9\\,\xb7g\x99Z\xe0\x8a\n\xad-`\xe5\xb2\xf0\xad\xb0\xf9\xafj\xcc]\xb9}2\xd0?\xc5\xf2\xa0\xd8\x15\x97\xa9\xa1R\xb0\xb2\xb1\xa7\xaa\x8e\xdeW\xc1\xe3\xa4\xfa:\x18\x1bj[i\xf4t\x90\xa1\xbbD_\xbd\x8b\xdd\xd7\xedj\x9aRa\xad\xbeS\xb4\x07]\x0cH\xfe=,~r\x08s\xb1\x04V\xac\xb8Y\xe0\xca\xb1\xd5\x99gL\xd2|g\x17$\xe21\x96\x9f\xfd\xe6\x82\x11\x16\xabN\xc3D\xb8\xa0\x95&gt;T\x8af\xaa\x9f\xea\x91\x9f$\x9fR\x03u&lt;\x84\x9dh\xdb\xa3\x96\xc5\x01k\x07\x15\n\x1fu\x88\x16`T&lt;\x1f\xe4\x8f\xb1X;\xd0\x08\xe0X\xe4\xa3lY[\x14p\xa0U\x81Ed[\x16\x11\x11\x96x\x8c%z&gt;\x8a\xb2\xcc\xc6_$\x94R\x11/\xa7\xdfS\x94v\xdf\xb2H,\xd5Q\x14\x05\x9d\x11\x02eD\xae\xf8\x982\x81\x16d\xa2\x88\x91\x12\x01:\xcb\xbb(,\\\x9eV\x94\xf5\x13X\x82\xc7Ed\xb9y\xf4kLzW\tc\x1fM\xb0\xfc\xae\x87\x13*\xbf\x18\x95\x99\\T\xea(,\xe6\x9dZ\xa9\xa4\xcc6\xaaBo\x90r\x86j6j\xa6\xda\xf7\xb9\x9d$X\x08\xbb\xc0\xd1q+\x1a\xcc\xe7\'s\xdb\xdd\x84n\x91\nS,a\x82%\n\xd1\x1f;\xa0bX\xb1y\xe9P\xa6\xed\x8d\xf7\x0f\x1fc\x1d\xab%\x8a\x95J\xc4\xadMjw]7\x15e\x88wU\x1b\x8a\xa2\xab\x94\xfb\xb6\x81\x02A\xdd\xb6\x15\x1f\xcb2G\t\x16\x04:\xbb\xe3-a\x1b;v\xb9j1*\x81q\xb0\xe7\xa6\x1e\xbaF\x82\xcb\xc3\x92\x0e\xa9t\xa2\xf4\xfe\xe1\xf0\xd4\xc4\xe9B\x1bU\xd8,d&gt;F\x1c\x00\x00\x07/\xdcW\x87\xaa\x83\xc7\xc5\x1d\x13m[\xdb\xd3{\x84\x15`\x7f&gt;\x8e,\x02\x1bxX\x14)\x8e\xa4\xf3\xac\x0cz\xcf\x0b\xee\xd9\xf0X-\xba\xc4\xb5\x0e\xc5k^\xca\x1e\xca"~%\x0fE\x17-|\xc2D\x88\x95\xeac(\x12\x17&gt;^\xa8f\xad1t\xf0R\xf8K*\xb2\x83\xf0\x17M\xdd\xac\xd5TC\xc7\x08\xf8\x15o-\xa5\x9a&lt;z\xe0 \x00\x00\x00\x00IEND\xaeB`\x82'</t>
        </is>
      </c>
      <c r="M389" s="3" t="n">
        <v>45492.67765046296</v>
      </c>
    </row>
    <row r="390">
      <c r="A390" t="n">
        <v>1002609</v>
      </c>
      <c r="B390" t="n">
        <v>1957</v>
      </c>
      <c r="C390" t="inlineStr">
        <is>
          <t>Matheus Donelli</t>
        </is>
      </c>
      <c r="D390" t="inlineStr">
        <is>
          <t>M. Donelli</t>
        </is>
      </c>
      <c r="E390" t="inlineStr">
        <is>
          <t>GOL</t>
        </is>
      </c>
      <c r="F390" t="inlineStr">
        <is>
          <t>GOL</t>
        </is>
      </c>
      <c r="G390" t="inlineStr">
        <is>
          <t>GOL</t>
        </is>
      </c>
      <c r="H390" t="n">
        <v>187</v>
      </c>
      <c r="I390" t="n">
        <v>32</v>
      </c>
      <c r="J390" s="2" t="n">
        <v>37392</v>
      </c>
      <c r="K390" t="inlineStr">
        <is>
          <t>Right</t>
        </is>
      </c>
      <c r="L39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6e344a8-8246-43fa-a3b9-5268d8b5e2d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a\x86\xb3\xa7\x00\x00\x00\tpHYs\x00\x00\x0e\xc4\x00\x00\x0e\xc4\x01\x95+\x0e\x1b\x00\x00\x03\x00PLTE\xff\xff\xff\xfe\xc2\x01\xcd\x90m\xcb\x8af\xff\xd7\x00\xfe\xd5\x01\xfe\xba\x00\xff\xff\xfe\xff\xdd\x01\xfe\xe0\x05\xfe\xd43\xfe\xda\x02\xfe\xc5\x01\xfe\xbe\x01\xcc\x8cj\xcd\x8ac\xfe\xe6E\xcc\x87_\xfe\xfe\xfe\xd2\x91n+\x1a\x0e\xfe\xb5\x00\xfe\xe5;\x15\x0b\x06\xb7\x87o\xcf\x8bg\x1c\x11\t\xc8\x8cl\xd0\x93s\xc9\x88a\xb5tL\xc0\x84c\xc6\x81Y\xbavO\xc5\x84^\xfe\xde\x16\xfd\xcb\x01$\x15\x0b2\x1f\x11\xfe\xd2\x01\xc4~U\xc9\x84\\\xd0\x8ej\xfe\xe31\xfe\xd68\xc0|T\xa7iA\xfe\xd1&amp;\xb1oG\xb5}^A*\x17\xbdyQ\xf5\xbd\x92\xfd\xfb\xf9\xfe\xe7T\xaeuV\xf4\xb9\x8b\xfe\xe6L\\C,\xc4\x89g\xfd\xcf\x01\xd1\x9d\x80\xa6w[\xe4\xaa\x8b\xfe\xd2,\xd3\x97x\xc7\x85f\xbd\x87i\xbb\x82`dJ2\xa2b=\xfd\xb0\x01\xfe\xe0#Q7#\xb6pI\xee\xa8o\xda\x9f\x7f\xeb\xae\x8b\xef\xb3\x8e\xfe\xc8\x01\xdb\xa6\x88\xfd\xab\x00\xc3\x92v\xb4yXD0 \xe2\x99c\xaamI\xd5\xa3\x87\xfe\xcf\x1e\xd7\x91k\xd9\x9bx\xc3\x8co\xf7\xcb\x02X&gt;\'\xafy]\xbb|V\xfe\xdb6\xd6\x95r\xbe\x8cp\xc7\x88jM/\x19\xa7pR&lt;"\x0fg?*\xafnB\xafrN\xd5\x8fe\xdb\x97j\x08\x03\x02\xf3\xb5\x84\xea\xac\x86\xef\xb1\x88\xc8\x8fp\xee\xb6\x94\xef\xabv\xfe\xdd=\xe7\xa1n7&amp;\x19\xbc\x8eu\xe5\xaf\x90\xdd\x93_\xf6\xc1\x97\xe5\xa9\x84qG3\xc9~R\xd1\x8a^\xda\x8eZ\x81P8\xfe\xe1B\x88[E\xe3\xa6\x80\xad}e{L/\xcf\x83U\xa1hOvO:\xfe\xcb\x11\xe7\x9cd\xf1\xb1}\xc1\x80[\xbbtG\x9blQ\xde\xaa\x8d\xa1rY\xb3\x83h\xa9g3\x8dcM\xfc\xa4\x01\x9a_6\xd5\x87W\xa1b.\xde\xa2\x7f\xeb\xe6\xe3\xdf\xaf\x97q]O\x98bF\xeb\xa4i\xfe\xd8G\xfe\xd6&gt;\xb5vR\xca\x93u\xca\x98|\x7fVB\xafhD\xfd\xd9,\xde\x9dp\x8aT&lt;\xe2\xb5\x9d\xba}c\x92\\C\xd7\xa8\x91\x9fgB\xf4\xf2\xf0\xf1\xc7\x05\xec\xab\x7f[3\x1b\xf3\xec\xe8\x92gS\xbfwJ\x99[*\xf9\xf7\xf6\xc2{M\xb8o@K9/\xfc\xbb\x00\x8eU,\xed\xbe\xa0\xe7\xa4z\xe5\xb9\xa3\xdf\xa0xgRB\x98nZ\xfe\xfb\xeb\x92Y8\xb5gZ\xafk9\xfd\xf2\xbf\xcb\x9d\x87\xbdnb\xf8\xc6\x9d\x7feW\xc8xg\xaa[S\xfe\xe0Nn&lt;\x1f\xbe\x98\x86\x86{s\xe0\xdb\xd8\xfc\xe8\x94\xf2\x97\x03\x89J-\xe0\x97w\xae\x86s\x97\x8b\x85WJB\xc5\xbf\xba\xd0\xc9\xc4\xfd\xf4\xd7\xa5\x9a\x92\x98LF\xb7\xb1\xaa\xcc\xb1\xa4\xfc\xe3y\x7foc\xd7\xd3\xd0\x95uh\xef\xe0\xd8\xed\xd5\xc8\xdc\x9fE\xca\xa5\x93\xcbyt\xf8\xcb\xa7\xeb\xb62\xf2\xc9.\xe3\xc8\xb9\xd4\x87{\xe9\xbd\x1b\xd8\xa8\x17\xe8\xbb\x05oe_\xfd\xe4c\xf2\xad\x05\xe7\x97\x06\xa7VF\xe3\xa8;\xee\xc7j\x9b&gt;#\xb8y0\xce\x8fI\xa8t\x10\xfb\xdd\xb0\x7f5\x1c\xc4\x92\x0f\xbf\x85$\xed\xcaJ\xb2\x7f\n\'\xb7c\xff\x00\x00 \x00IDATx\xda\xcc\xd8\xdfK\x1b\xe9\x1a\x07\xf0\xd2\x9b\xde-4\x1d\xd0\x93\xb3[\xf5@\x86\xee\x82\xd2\x8c\x15eJ-ES\x18\xdd\xcaR\'-g\x0f1X\xf2\x83\xbaj\xd8\x90\xb11\xa3\t\x135\x83\xb6\x9e\xa6\xa1b\x1a\x03\xb6\x11\x93\xb5\x95\xa8\xc56XM\xc4\x0b1\x17\xdd\x04\xa4Q\t\x81\xe8\xc5\xa1\x97\xde\xef\xd5y\x9ew\xec9\xfd\x03:\xb6\x0f&amp;\xa6\xf5\xa2\x9f~\x9fg\x1e\xdf\x993g\xbeTi\xa0\xce|K\xa59)\xf2\xe9\x1b!\xc1W\xc3r&gt;\x1f\x0e\xe7\x0f\x0f\x0f\xf3\xcb\r\x9ao\x02\xa59\xd3\x10\xde\xcfe\xb3\xd9r6\x92\xc9Dr\xa5\xfc*\x86\xf6\x95\xbb\xb7\x18&gt;(\x94#,\xc7\xf1\x0c\x0fo&lt;g\xc8\xe4\xf6\xc3\xab_\xd5\xa5Y\xcd\x17\xcb\x11\x03k2\x998^\x10\x18\x9ea\x18\x9e\xe7S\xe5\xe2\xe1\xaa\xe6\xdcWK*_:\xca\x18@\xc5Yx\x0b/\xd8\x00&amp;0X\x02\x1f)\xe5\x1b\xbe\xc6\xf8\xc3\xbf\xb9Z\x8ad\x0c\xc8bY\x13\xe4d\xa3i\x9a\xa2(\xa0\xe1\x17\x1f)\x86O\xdf\xa5iX&lt;(d8\xd6\x80.\x90Y\x18\x1b\xa5\xa3\x05\x9a\xd2\xea\x04\x81\x16\xf0\x95:.\xc1\x8c\x9d.k\xf1\xa0\x18\x81\x94X4\x19\xa0\x89\x16\x86\xa6t\x14\xa6EQD\x85\x95*\x97\x96O10\x8d&amp;\\\x8c`\xef8\x93\t\x07\x8b\xb1\xe1&lt;\xd1:\x9dV\xab\xd5AQ\xc8\x82\xe4 \xb1\xdc\xe1\xa9\xed1\x8df\xb9\x98\x81\xa0@\xc4\x9982S4\x8d$m\x05\x14\xd2(\x1aM\x98\x9c\x909h8\x9d\xc0\xce5\x1c\x163&amp;\x16G\x1d\x16\x83\xc9Bc\xef\xa0\x85(\x82\x17\xd2 0\x8a\xfc\x9dVK\x1d\x1f.\x9e\xc6\x84\x9d[=(\x1b\x88\nL,\xcb\xc3H\t\xb8\xac\x04\xf8@\xe9tJj\xa4\x99\x14\r\xd4\nj\xaf\xb0\x7f\n\xae\x86\x83,{\x92\x15\xf4\x91\x81\xfe\x01\n\xd7\x03\xc9\x07\x02"\x89\xa1LKQ\x98\x9d\x8e\xde\xdbW}\xc04\xe1\x1cxd\x1cx\x88\x8bch\xc6\x04\xb8\xffm-\xc5U\xa14\xb4\xe2$=\xddq^e\x97fu?c\xc2E\x05\xfd\xb3\xb3\x9c\x8dbpi\xc1\x95\x88(\x1d\xf6\x11)\xa8\xa9\xe8\xed\xed\xc5fR\xe0\x12\xca\xfb\r\xea\xb2\xf2e\x13\xc4\xc3Z8e\xday\xdcZ\x8c\xcd\x06\xcb\x94L\x15\x99u\x8cLK\\Z\x9dV\xc9\xab\xa0*\xeb\xdcb)\x83s\xc51\x16P\xd9l\x1cnR\x0bc\xb1\xd8h"\xc3\x8d\xaal\x0b\xf8\xac\xf4\x92\x04\xa7+\xab\xdaF\xcda\xd9@T6\x0bz,K\x16R\x1c~\xb7a\xe1\x9fl\xcaG\\\x19\x15\xd8D\xec\xa6\x90\x0b\xab\x98WC\xc9\xc0\x99P\xc5p&amp;@\xd9\x97\x96\x96LK\x9f\xd7\xfbO\xb5\xb4\x04\tj\x91E\x91)\x13\n\x8b*\x0e|\xd1\x84}\xb3\x01\xcbn\xb7\x8b\xa2\x08\xefD1::\xba\xbb\xbb\xb6\x0b\xaf\xb55\xf2\xda\xdd\x05\x1aCa^\xba^t\xa5\x0e\xd5\xdb\xf6\xe12\x1c@yX\x06\x8c}\xd4\xb7\xb5\x15\x8f\xc7\xd7\xe2kk[Oob\xd5\xd5\xdd|\xf2\x04\xbe?\x99\x9b\xab\xbb\xf9t\xeb\xe9\xd6\xee\xfb%\x1a\x1b\x89q\xf5\xd2\xc5U\xd5N3\xfb\x06\x9e\xec(\x9b\xdd737\xa7`\xe6.\xb7]\xac\xa9\xa9\xa9\xaf\xaf\xad\x7f\xf4\xf6\xed\xdb\xb9\xb9\xb9\xb6\xb9\xb6\xcbs\x80\xbc\t0\x1b\x0e&gt;\xb2\xb4\xc7a\xb5\xc2Z\xce\xf1x\xc8\x03\xd5V]\xed\xeb\xb6\xcb\x17\xdb\x80S{\xa9\xfa\xc7\xf3\x7f\xebN\xa7\xe7{\xc6\x86\xde\xbcy\xfd\xe8\xd1\xeb\xd7\xafk\xda\xa0.\xcf\xdd\xdc\x12\x19\x9d\xc2\xaa\x88\xe4\xd5:9\x1cdxA\'\xf06{]\xdb\xd0\xd4\xd0\xd0\xf0\xf0\xd8\xd8\xf9\xe1\xe1\x7f\xce\xa7\xd7\x93\x1dW\xae4%\x8d\xde\xa9\xb1\xb1!Ro\xde@z5\x17\xef,\x8c.\xe9\x08\xab\xf7xQ\xa3\xd2\xc0\x17x\x86\xa2x\x8bx\x7fl\xca\xed\xf5\xba\x8dX.\xd7z\xd2\xd1tepgg\xa7)j\xf4z\xbdS@C\xdc%\xa8\xda\x9a;3\xbe\x13\xd7^^\xa3NX\xe1\x08\x9c\xefx\xd6w\xd1\xeb5\x8e\x1b\x8d\xe3\xd1h\xd4\xd5\xee\x9c\xe8\x03\x14\xaav\xfa\xda\xc7\xc7\x15\xd8\x14I\xad\xbaZqY\x88+u\xa0\x12\xab\x94\x12\x98\x14\x1b3{\xdd\xeeq\xa8h\xb4=\xda\xeet\xf6\xf55\r\x92\xba\xd2\xe7\x8cF\xc7!F%2l%\xb8f\xd1\x85+\x95/\xa9\xb2\xe85\x8b9^\xe0Y\xd9\xdact\x1b\t\n\xcb\x89i\x01i\xf0\n\x0c\x973\nZ\xb7\x1bd\xca\x8cU\x0f]\xaa\xbf?{\x7f\xc6\xc7@\\\x159U\x86\x0bz\xc8\xa7L\x86\x99\xf30P\x98U\xbb\xc2\x9a\xc0&amp;\x02\t\xaao\xa2\x1d\\Fp\xb9\xa7N&amp;\x7f\xa8\xa6nv\xf6\xfe+\x1f\x03\xe7\x9c\xbd\xb0*]\xccGR\xacA2\xbb\t+\xaaDu\xc2jRT\xc82\x1a?\x8bkh\xa8v\xb6\xde&lt;{\xe7\xd5(\xb8T\x9a\xf9|\x04\xce\x7f\xd6a0\xfd\x9f\x85=\x84\xe1B\x94Ca\xb9\t\x8b\\\x8eCcc0\\\xb5\xb5f\xc8\xcbNkU\xfa\xf5\xb3\x0fg\x9aPk\x8f\xd15&gt;\xee\x8a*\xa351\x81*G\xd3IZN\xa7\x0b\xd22\x12\x15Y\x13c\xb0&amp;\xeak\x1f\x9ag/\xce\x98h^\x95\xb3\xb3\x06Xr\xf3\xd9y\x97\x0b\xbe\x14\x17\xb9\x0cq\xae:\x90\x05q9\xdb]\xa4\x8b\xe0\xf2*\xb2\xeaK\xf5\xf5fs\xcd\xec}\x89\x17\xd4\xb9\x14\x0f2l\xa8\xa5;\xbd\xbe\x0e*\x17\x04\xd6NvV\xd3\xe0\x0e^\x85\x80\x83&amp;\x02\x0b\x8a\x8c\x17\x8c=\xce\x17\xae.p\x99g\xad\x06\xbe\xb4\xaa\x0e\xcb\xb0\xf9|\xda\xefW\\Q\x17\xaeR\xc8j\xe7\xe3GX\xa5\x83M\x1d\xc0\x02W;\xc8\xc6\x95\xc8 0\xdc\xf4\x18\x97\xb9\xb31\x94*\xae\xaa\xd2\xc4\xbd\xc8\x87\xbb\x0f\xae{\x00\xe6"\x85\xac\xc1\x9d\x8f\x7f\xfd\x05\xb0Ah%\xb0\x1c0_@\x8bF\xc9\xbe\x1f\xfb\x11\xc2\xaa\xaf\xa9!\xac\xc7\x86\x82\x1a\x8bKS\xda\xcb\xde~\x99xp\xdd\xaf\xb8\x94\x1eBV\x9fT}\xe4\x02H:I\xc1\x8c\xb9\xbd\xc3\xc82\x93\xb0:\xbb\xbab\xb9euXG\xdb/\x9f=\xbb\xee\xf1x\x90\xb5\xee\xfc\xf4\xeb\xf0\xe3 \x99zG2\x89\xac\xa4s=\x893\x86\xac\xf3\xffx\xf8\x90\xa0\x805\x12*\xabq\xe2\xd2\x942\x1f\x90\xf5\xe0\xfa\x03\x8f\xdf\x05\xb0\xf9\xf9\xf9\xb4\xe7VG\xc7\xef\x1d\x1d\x1d\x0e\x87\xa3\xa3?\x99t\x00-\xb9\x0e\x05?\xfc\xadgx\xf8|\xf5g\xac\xc7\x115\x16\xd7j)BX\x00\xf3\xf8\xd7\xe7\x7fj\xb5N\x86B\x9b\xcd\xc1\x81k\xbfxn\xf5C%\xfb\xfb\x1d\x8e\xfe\xa4\xdf\x9fN\xa7\xbb/\xfc\xf4CUU+p\xcc\x0f\t\xabk$8\xa2\n\xab\xa1\x98\x05\x16\xb8\x12\xc0\xaa\n\xc9"\x9b"\xc5fB\xcd\xcf\x7f\x9e\xf6x\xfc\x9e\xfe~x\xf7\xa7\xbb\xcf^m\xed\x9a\\\xf0\x89\xa2,\xcb\xbe\x99\xceN}\xa7^\x8f\xac\x035\xd2B\xd6\xdd\xbb/\x13\x89g\xd7[D\x9eO\xf1\xf8\x9c\x86\xa6\x058V\x84\xf4U7\xa6\xa7\xfd\x1eOz\xfa\xd7\xee\xab\x8d\x93\x92\xc8\xe1\x8fh|\xc2\xcb\xc5\x1a\xf5\xfa`0X\xf9!\xab\x0e\x0b\x9ax\xed\xda\xcb\xc4F\xe2\x9a\xa4\x04\x95\x12(\xbc\x9b\xa7\x19\x834\xf3\xc7\x8d\x9f\xfd\x1e\x7f\x1aT\x01\x91\x13(\xf24\x89\xdc&amp;R\x82\xdc\xac\x0fVV\x02k\xff\xcb\xb3\xe0\x1e1r\xb4\r]Ll\xbcl\x96V677\x8f6W$\x96\xc7\xe7~4\'\xc7\x02\xb8ia\xa6\xbe\xd3\xcb\x16\x9a&lt;\xb6\x01\x93@\x02\xe5CDU\xa9\x0e\xab\x90!\x0b"\xb1\xb1]9\xf0g%t\xa528\xd2\x1c\x92\xed,\xcbq\xa2\xf4\xf89\x8cW\xfa\xc2wW\xad\xa2\xf2x\x97aeierr2$sls\xe5=\xd5\xd2B\xd6\xb3\x04\xf4\xf0\xee\xf6\xf6\x8b{\x7f\xfc\xa1\xef\xea\xb2\x06f\xa4XL\x82\x9a\xecz&gt;\xdd\x0f\xac\x1fZ\x03x\xabm\xb2\x8b\xd2\xa4\xb5\xb1K\xafo\r\x8e\x84\x0c+\x95\x03\xf0\x9fP\x85\xb5\x08\xac\xff\x00+\x91x\xb9\xfd\xe2_\xad\x8d\x81\x05I\x8a\xc9h\x80{\xd9\xc9\xe6\x96\x1b\xfe[\xfd\xe9\x0bU\x9d\x01\xc97\x8aO\x02d_|!\x80\xb2`pss\x00X\xaa\\\x89\x9a\xe5\xdc^\x19\xd2\xda\xd8xvw\xfbvU\xe3\x96\x1c\x8b\x89\xf8\xac\x19\t\xbe\x85@\xeb\xf7\xfe\x0e\xc7z\x8f\xd9\xfaja\xd4\xbed\x80\xd5 \x8b\xb8\x1e\xac]\xd0\xed\x11L\xebH\x15V\xb8\xbc\x97\xfdSa\xbdh\xe9\\\x10c"\xcb\xc0\x85H\xa7\xa0a\xbe\xf8\x8c\xbe;\xd9\xd4\xe4\xec1\xc3\r\xab\xdd.\xc7`C\xf0\x16\x88L\x8c[\xf5\x95\x03\x03\x98\xd6\xa6*\xeb4\x9c\xfb\x8cu\xc7\x17\xb3\xb3\xc7&lt;l\x08\xfe8c\x17\xe3\xf1\x85.`\xf5\xb5\xf7\xd4\xbf\x8a\xbf\xb7\xcbbfO\xa0+t&lt;g\x90E\xa9180p\x1bXe5X\xd8D`m(\xac@\xdc\xce\x95\x0b\x9c\x8df\xb8\xdcQ,\xb6\x00i\xcdO4\xf5E\xbd\xf5\xaf|\xef!\xa4\xc2q*\xa5\xb3\xedE8\xbb\xec\x0b\x04\xef\x91\xb4\xb2\xc7a5\x9a\x88,\x08\xeb]\xe2\xdf\xd7Z\xacq1vT,s\x16K\xe6hE\x92\xe2\x0b\xd6\xb3\xeb}\x90\x96q\xa8.\x0eWA\xb6\x98\xb3\xd8\x18.[\x88Y\xe0z\xd0\xdf\x1b\xb8\x07\x0b"\xa2\x0e\xab\xbc\x17\x01\xd6\xbbw\xef\x1e\xfc\xf2w}`e%tt\x94\x8d\xc5B\x12\\q\x0b\x81\xaat\xb2o\x10\xee_\xa7.\xc3l\x89\xb1\x95#y\xc9\x94)|\x90\xec&amp;q\xa6\xb3\xa5\x05X\xc1\xc8\x97?o\x9d#M\x8c\x90\xb4\xde\xfd~k\xfa\xfb\x96\xe0\x08l\x88\x10\xa0|1i&amp;P\xf5+\x1c\xb6\xe0v\xbf\xdd]S\xb75\n\xcbA\x92|rh\xe5\xbf\xbc\x9b\xdfK\x1b\xe9\x1a\xc7\x97x\x91;K\x93\x9bH\xb2\x1d\x9b\x8bC+\xa4t\xaa2\x85!\t\xe3L\x0bu\x930$\xa7\tI8\x91\x98M5\xca\xc6\xc9a\x89\xdb\xb8{\x82\x89\x8d\xb0\xd9\xfc@,\xda\xe6"\x13\xc5l\xac\xe2\xea\x1e\xf1p\xec\x8a\xe8Aw#H\xa1q\xcf\x96#\x81\x83R\x0bz)\xf4\xa67\xe7y&amp;\xbb\xe7/\x98\xf4\xd1\x89\xe8\xcd|\xf8&gt;\xcf\xfb\xbc\xcfw\xe6ujn2\x1e_\xa48VRK\xfe\xe9T\xc2\xfa\xc7s,\xf9\xcd\xc7V\xdb\xc8\x0c#\xb0\xbe\xd4"\xc6\xd4Z\x86\xd2\x0f\xc7`\xe4\xea\xfa\xf9\xeeg\x7f\xeb\x0c-\x95\'&amp;\xc6\xe2\x13\x13\xf1xy||\xb1\x90J\x01\x16\xdb\xc0\xea\x96\xf5U\xb1\xb2{uu}\xf5\xd7\x7f?/=\xc3$\x82\xcd\x19\x89\xcd\xe8\xbc\x15_\xce\x97L&amp;IZ\xbd\x90\xb0Fl\x80\xd5\xf5\xd9W\x86\x90si\xa7\\\x1e_\x84\xd4.\x16\n\x99\xa0\xcfQ!\xa4,&gt;\xff\xcfz\xf7\xba\x9c\x9eL\xb5~\xba\xf9n\xd38\xf5\xcb\x1e`E"]0)\xdb\xc23FF\xb4\xdb\xbd^\xc1\xb3\x95H\x98#\x80u\xf7q\xd7_\x1f\xb6\x17C\xb7\x9dK\x05\x10)\x88\x81\xdb\x0fA\xd3^\xc0\xfa\xe5\xb7\xe5W\xf5\xba\x8c\x83\xf3\xc9yd\x05\x06w\rl\xd5X\xf3\xf84\xebqW8\xc6[\x18\x86\xf1l\xbd\\\x89\xc5Far\x1e\xe9\x82\x9a\x7f\xf8\rX\xfbb(\x14\x0cR\x14\x0c\x7f$\x07A\xff\x8e\xf5\xeb\xe1T9X\xef\x96+\x8fJ~\xa3Z[\x19\xf9\xc2\xa8\xf9\x03\x0b\x9ff\xd9F\xc21\x1c\xdbW`X\x06,\x90\xeb\xee\xcf\xa0\xd6\x90\x1e\xb0:;\x8b\xc5\xa2\x83\xacp\x04\x04M\xd0\xac\xd7\xdb\xaf\x99*\x97wBi\xe2T\xa9\x94\xa9\xb2\xfc\x1bUf&amp;\x16\xe65v\xd7\xef\xc5\x05\x19\xbbk\x93\x0c\x05\xce\xef\xe1\xb0u\x14k\xeb\xdd\x17_\xba;z\x1c\xa1\xa2\xe1F{\xda\xd0\xd7\x97\xe6\x88\x9e\x1e\x9a\x0e4\xd4\xca,9\x8b\xe9\xf9\xf7%\xb9L\xec\xaa\xfb\xc7\x0b\x8bgf\x86\xd7Dq8\xddDe\xd0\xef\x80\xdd\x01(+`\xc5\xc2VL\xa2m\xa5\xe6n%\x1c\xc5\xa2\xa1\xfd\xe6\xcd\xf6v\xbd^\xdf\xf3iO\x8bV\xab\x05\xb1\xa2\x1a\x13\xc5\xf5\xa4/\xdfW\xe4\xea^\xa7O\xabL\xcd\xef\xf1\xf0Q\x8d\xe8B,+\xc4\x08\xda0\xf8\xb25\xb0\x00\xd5j\x8d\xd5jjm\x80H_\xefl\xbf\xda\x88+m\x1d\x1d\xad\n\xad\x80X\xb0d\xd3\x80\xb5/\x13\x96\xf2\xf4j[\xcd\xed\xf63|4o7\x82\xf1\x195\x87\xc1\x81Y\xc3\x12\x1a\x04\xfc\x12\x89\x98yK\xad\xe6\xd1\xb5j\x05mK\x1a\xb0n^i\xbb\x82Tj\xb5Z\xd1P+\xcf\x12\xd7\x0c\xf3\xefwg\xe5\xc2j\xbb\xd8\xaa\xd5\xae\xb4\xf0{\xf9~\x91G_m\x06\xefe\x05.H\x9d-b\xb5\x85\xadf\x1dU\xd1\xa9\xfd~5AQD\x87\x1e\x92x\xe3\xea\xd0\xd0\x90\x1b\xa9\xd4\x01Z\xc2J\xd2}\xf3\xd7\xaf\xbd\x9f?\x91\xa9\xe4O\xfc\xb5\x97\xb5\xa1\xcb\xddQ&gt;\x0fY\x04,3\x18~L$V\x94\xd5\x06?\x13m\xd3?\xdc\x99jmm\xad\x8c\xfd\xe9\xd1\xeb\xb4\xdep\xe3\xe6\x15\x80r\xbb;\x80K\x11\x80$\xc2\x08\x91\xe4\xaeuv^\x97\x0bK\xa9\\\xad\x01\xd6\x93KbsT\xa3\xb1\x1b\xb3\xd9,p\x99\x91\n%\xb3!Z\xcdp\\\x1e\x8bW\x08\xa20\xf0\xe8\xf3\x0f\xce&gt;H\xe27H\xe5wc\x0e\x03^\xc1k\x8f\xe6\x93;\x7f\xef\xbca\x90\xaf\xb6\xd6# \xd6\xd7\xbd\x96\xc7\x80%\x1a]\x12\x96U\xba\xc2\xa8W\xa4+\x92\xe8\xbb\x0c\x82\xe7\xaaT\x82\xa9r\xb9\\\xb8u\x1d\xc4rc\x80\xe9W(`%\xdaa\x0e\xcc\xef\xfc\xb3\xf7G\xc3\xfc\x9eL\rB\xa9&lt;\r\xd7\x9e\xde\xd8\xe7\x1fG\xec\x9a\x92\xf1\xc53\xa8ys\xcc\x9207\xfaB\x04\xb7\xc8\x9eT&amp;\tX\xa4/X\x88O\xc4\x97\x0cC\xc3\xc3\xc3H\xd5\xa6V\xc0"\x10\x04\xc0Jj\xa8\xe9\xf9\xf9^\xe2\\\xa6\xed\x1a\xb2\x18\x19~\xf2u\x8f\xc5f+iJ.\t+\x1b\x9b\x89Y\xa1\xf0Gl\xb8Av\xd9\xb4\xb9\xb9\xb1\xb9\x9c\x8f4-\x0e\xfc\x00\xe3{\xcf\xf0\xc2\x02b\xa9[Q+\xa4\x02,\x96\xbb?=}YZ\x96\rky\xf3\xcb\xa7O\xdc\xfe\x84\x95\xc9\xdb]Y|\x96\xd4\x08h\x11\xa8U\x97-\xe1\x1b\xbf\xf7\xf9\x83\xc9\xb5\xcc\xf8\xc0\x9dG\x0f\xc6R\xe9\x8e\x85\xad\x85\x05,,\xb5\x0e\xba\x03\xe4\xd0\x0e\x15\xcf\xed\xbc~}\xff\xad|\x13\xea\xfa\xbbo\x1f~\xf52a\x8e1I;\xd4\xd6\x1fXP\xefPW]`Z\xb9\xc2\xe4\xbd{\x03\x03ss\x93\x7fyt\xe7\xcf\x0f&amp;Sz\xf5\xc2\xc2\x02\x96;\xf6RI-\x8d\x8f\xa3^\x7f\xf80}.\x1b\x96\xb2\xfbt\xe4\xdb\x95.\xa8\xec\x8e|\xd4n\xcf\x8e6\x16#RAo\x9f\xa1\x1d0/\x80O\r\x16\xca`\xb0\xc7\xc6\x06\x1e\x00\x17\xd9\xaa\x86r\xefhi\r\x10^)\x87\x1a\x13y\x1f\xb0\x9cr\xed\xd4\xf8n\xec\xc4\x8c\xbb\xcb\xc8\xc2\xa7\xbeh\xc9\xce\xf3\xbc9k\x06\xc5\x90jF C!N\xeb\x87m\xe0\xa2\xea\xd8\xdd\xafT\xa8B|``\xa2\x1c\xac(\xd4\xd0\xc8\xb4\x81\x80 "V\x9er\xee\xec|x\x9d?\x91\rK\xa9Z}\xe17\x7f\x1f\xdbjk\xf1i\x8c.\x17\x8fj\x8d\x9aGa\x9a\xb12\xbe\x14\xa9\xf3\xb8\xab\xd5\xfdj#\xf6\xf7\xf7wSh32\x1cRAsh`%\x83\xce%\x92r\xec\xad\xca9\x9d\x9e\xbb\x9e}\xcf\xfb\xdd~V\xe3B\xacQ\xe4\x1a\xb5F\xac\x1e6\x98\x14\x99\xea\xee.\xd2\xe0\xe7\xae\x14T*&gt;0\x99#Z\x02Zm@\xc2\x8aF\x93K\xbd}\xa2H\xd4\xe5|\xbf\xafZ&gt;\x7f\x96\xb5\x00V\x00\xd4z\x01jA\x1eG!\xcc"\xdb\xefew\x0f\x0e\x0e.\xf1\xba\x94&gt;\x0f\xe6\x0f\x0e\x1c\xc1\xf1\xc9)\x92\xa6\xa5\xa1\x06\xe6\x87\xfe\xa8\xa9p;-\x8a\xfd\xe7\xddJy\xb9^\xf8\xdb\xae\xb6\x11IX\x89\xbc\x94E\xe42\x1bE\x91L\x1d\x1f\x1f\x03\xce\xee\xc1\xf1\xff\xa3\x90\xa2|\x99E\x8a\x0e\x80X\xd8\x1f\x10k\xa97-\x96\xea\xcbJY\xbd\x8fr}\xf6\xfc\xa7\x9f\xce\xebG%\xd8|x\x17\x94}\x16\xb0x\x8bXY\x8c\xc7\x8f\x0f\xce\xce...\xce\xf6\xa5,\x1e\\\x96\xe3\xe5\x02\xf4\x03\x1f\x88\xe5\rx%\xdb\xd3o\nu\xa6\xc5\x17\'r\x1f\xdeU\xa9\xc0Mu\xcf\x1e\x96\xa0\xb6\xb0\xbe$.\x9e\x11\xc8T!\xb5[=C.\xf88\x03\xae\x83\x83\xe3x|\x9c\xc2)\x1e\x86/\x9aeA-V\xe3\xebK\x07\\\xa7\xf2\x9f\xff\x91N\xc4/\xbf\xb5\x1b\x8d.X\x8d.\x97\x05Ria\x04\xa2B\x04\x02\x01d\xaaV\xcf\xaaR\xc9\x1f\x00i\xd0\x016L\xab\x00\xacFmi\x0e\xf7\xde\xd6O\xba\x9bs\xd0Y\xd5]\x8f\x96\x8c\x00&amp;\t\x96\xcd\xce0:\xadV\xc7\xe8t:\xe1\x02{\x04\xac\xc7\xfdj\xa5B:\x1c$H\xa5P\x88\x82 \x95\xbc\xd7\xaby\xb3\xdc\xbc\x13\x95*\xd5o\x88\x05\xdf\x98\xc6,o\xf1 \x12\\\xa2\xe0e\xf3I\x8c\x8a7@\x10\xe0\xc4\x90J\x81\x7f\xa7YP\xcb~\xf4\xdf&amp;\xfeO\x84J\xf5\xe6\xa8\xdf^\xb27\x14\xe3y\x0bpy\x18\xc6\xaf\x13Xp\xfe\xdb\xdbkk\x99\x1c\xbaC\xf0\x87H%\xe8D-zDX\x8b\x87\xb3M&lt;\x15\xabR\xbe:\xca\xf7\xdb%,\x8b\x0b\xb1\x00\xcc\xe3g\x00\x8b4\xe5\xb6\xa7\xa6\xa6\xb63T\xc3\xb5\x06\x14\x18\x82\x96\x85\x85\x08\xb3i}\xb9\x99\x87\xf0T\'GI\xb8\x8d \x96JF\x8b\xc5\x05L\x1e\xbc\x80\x8b\xae\xf8L\xb9\xb5m\x93\x0f\xa18}\x0f&amp;Q\x90\x16".\xc5h}\xbd\xb9X\x87&amp;\x0e\xee#\x08"\nfd\x80\xc9\xb3eA0-\xa4\x11\x82\xe2h\xbaG\xf2\xf8\xd0\xe1A,\x92\xc3\xa7[Go\x9azdQ5\xbb\x97\xf4qX8:\x86A0\x8be\x06ck\xcb\xa3%X\xd2g\n\xa6\xc0;\x83\\\x84\xf4DDAs$I\x02\xd6\xe1l3\xcf\xc3\xaaT\xaboap\x82\xfb\x01\x96\x11\xb1x&gt;\x91H\xc4\xe0\x82^\xc1@&amp;\xa9T\x8a\x02\x07\xc4\x91&amp;\xa4\xd7\xd2\x84\x83\xe4\xa0k\xd5\xbb\x9b\x8dUJRi\xfd\xa70\xa43\xd0(\\\xd9Q`\x8a\xc5\x12\x98G\xd1\x0b\xeb\x11\'BP\xc8\x04A\xd2\xa0\x19`\xb1l\xf4US\x0f\x0fKXv\xaahh\xd7\xb7\x08\x02\xe8\x05\x1bd\xc22\x93H0\x0c\x03\xad\x93e+\xa4\x89\nf|P\xfd9S\x0e\xb0@6\xd2\xc7\xe5\x0f\x97\x9b\x8ee4\xb2\xcek\x9d}z\x9a\x86\x19\x1dvHl\xae\xa2\x1df\x16o?\xcb\xe6\x81\'\x93A\xa9r\xa0\x16\xd4=\x87\xcf\xde\x92\xcd\xcd\xe1\'\xaaO\x10K\xa4\x9c\xb7{;\xd3\x00\xc6\xda\xa1Q\x94Jb?\xbe\xc4\xcb\xe7\xa1\xcfog2kk\xb9\x06\x96\x8f\x90\x92\xe8\xc8\xe5\x9a\x8d\x05\xe3\xb3\xcb\xc8\xd0\xa1[\x83\x1b\xdfu\x1a82\xa9\x81\x9e\x1f\x05\xaa$*\x94\xdc\xcem\xaf\xe1\x8bu\xe4\x02\xb58\xae\x8f\xa2\x1c\x90\xd4\xba\xaa\xe9XF\x18\x1b8\xe7\xe0\xc6\xc6\xc6w\xc5\xa0\xc9\x94ol\x859 \xca\xe5\xd6\xd6\xb6\xf1\xc5\xa6\x94\xc5L\x86\xe2\xfa\x8a\xce`0\xe5\xf3}\x04\xb5\x10+\xe0\xb858\xb818\x087\xc5|\x81:\xdb\xdb\xb8#b\xc0\x0e\x94\x81z\x0f\x02V_1\xe4t\x82U\xfb\x18X\xb0\x0b\xea\x04"\xe4\x1c\x1c\xfc\xd7\xfd\xe9\xa5\xa5T\x06\xabim\n6\xc4q\xb0\x89s\x10\xe3\xc0\x95\xc9\x04\x97B\xa1\xdb\xce[HE},,\x9a\x0b\xfe\x8f\x97\xfb\rM\xfb\xce\xe3\x00\x9e\x9fF\x8d\xc6?ID9I\xb4\xf9\xf3\x03\xe3\x9f\xa8%\x18O\xe2\x03\x97\x1d1\x84\x81\x93P\xb1EV\x83\x1ch\xfa\xa4\x10\x18y\xd2\xceB\xb9z\xb4\x1cd\x91\xb4\xd0i\xca%\xe5\xfe\xe4\x84#i\x86yP04\xcf\xc2q\x0e\xee\x89O|\xb0\xf6X2\xd6\x90\x8e\x94\xd1\xd2v\xf7\xfe|~&amp;\xb7\x83\x1d\xdbmg?\x966l,y\xf5\xfd\xf9|?\xbf\x9f1.n\xf3\xb1k\xfd\xee\xdd\x8f\xaf}|M\x12\xfd\x9e^\xde\xbc\xf6\xa7\xbb\xeb\xbf\xc1\xf3/O\xdc\x97\xcd\x06f\x02\x81\x0f\xfe\xf9\xe0\xed\xb0\xd2g\xce\x06V\x06\x06|\x93\x9ex|\xbd\xb0\xf3\x11\xd5\x8d\x1b\x1f]\xbfq\xfd\xfa\xce\xce\xce\xdd\xf5x\xdc\x03p\xc6\x96]\t\x04\xb2\x81\xb3o\x875{\xb97\xfd\xc7@6\x0b\x97\xc7\xe3\x89\x17v\xb6\xaf\x9f\xd6v\xa1\xb0S\xf0\xd82\xeb\x85\xf5\xb8me\x85^9h}Z\xaa;\xcc\x92\xf5\xa6\xdf\x9d\xc9\xdaP\xbe\x8c\xc7\xb3^(lo\xefl7\xabPX^~\x94\xf1\xac{|\xb6\x15\x9b-\x9b\x8d\xbf\x8d\xb4\xee\xfc\xf9\xf6mf\xe1"\xbc2\xd0t\x15(\xa1\xc5\xc5\xc5\xe5\xe5\xcd\xe5\xe5\xc5\xc5G\x8f\x16\x17\x0bH\x0c\x85\x93\x18\x8f\x83\xf5\x97V\xa7\xf5\xbb\xdb\x94Vz&lt;\x9d\x9e\xb88J.\xb0&amp;\xb77\x0b\x9b\x9b\xcb\x8bP\x01\x05\xde\xe2\xf2\xa4\'\xe3\x83\x19(O&lt;\xf0A\xcb\xaf\x89w\xf0\xb4\xe2\x82Q\x9f\x9e\x98H\xa7\xcf\xd0\x0f\xd8\xd92\x19Oa\x1b)mnrX\x84\xdb,\x14\x1ee|&gt;\n\x92f\xaf\xf5,\x15\xb1f\x8d\xf2\tTzbpddttt\xc4\xe6\x81\x04\xb5M\xbf\x81F\xc1a\xdbB59\xe9Y\x9f\x8cg\xcf\xb6&lt;\xad\xcf\x99\xa5\'\xd7xz|\x90\xca:8\x82M\x81I\xa7\xc1\xa2\xb8\xd0\xc4\xcc\xf4t\x86T\xa8\xf5x`\xe6o\x7fU\xb5\x9c\xf5\xde\xac\xd1I,&lt;\x99\xc6\xed\xba\x0cO\x9e\xc7\xad\x83\x17\xb3q\xf4+\xe3\xcbp\xf9\xf8(0\n\x81\xc5\x03o\x8beaW\xef\xe5{\xf7\xfa\xe8y\x17\xdd\x1d\xff\xea"\xea\xe6\xcd\x8b6\xdb\xf4t\xf3$LN\xd2{Z\xe2\xf1\xbb\xff\xb8\xd3b\xd6\xe3\xf7o\x83\xc5\xc3u\x06a\xdd{\x07O\xa9\xa5g\x848\x9d\x13r9u\x94\xce\xa7-.\xb9\x88\x15\xf8\xf5\x87\xadga\xb6\x9cNi\xe6%\x16\x9enP\xc9\xf0\x81\xd1\xa8g\xd7\x80\xb4\xcf&lt;$C\x0fg&gt;\xfc\xbc\xad\xe5i\x81ei6\xb1\xc9b\x18b3\xf6\x19\x9d\x06\xc7MZ\x1b&gt;ZY\xf1U\x82\xc5\xb33\xbf\xf8{KY\xaa\x9e\xc7\xef5Yrf\x01#s\xca$\xd8;h\xae\x13]\xec\xa7w\xd2`ke}\xbeU\xcf\xea\xea*X\xef&gt;nS\xb5\x94\xf5%\xb1NF\x1e3\xdf\xd7\xa7\xd7\xcb\x9a.bA5&lt;\xc2i\xe1\xcac\xf3\xad2+p\xf6\x0f\x0fT*U\xabY\xb3F\xee"6\xc4\xe5&gt;\x99^\xaeo\xaa\x88k\xb0\xf6\x0f\xf35I\xba\x90\xfb2\xabhg`f\xeby\xdd\xdf\xa3j\x15\x8dX\x0f/P*\x16\xbd\x14\x97L\xaf\x97\xcb9\xb0&gt;\xa3\x91Y\x83\xc3\xa3\xd2Y\xb4e\xf9\r[hg Px\xf5\xa6V\xaf\xb6\xe8;\\\xaa\x9e\xea\x17\x0f/\\\x98=\xeft:\xf5z&gt;\x8c@Q\xe9ez\x99\xd1I*\xb0FF8\xaf\x01\x1b\xb10`\xbel`\xe7\xc5a\xf9\xa0\xf1r\x97.B\xaa\xffKj\'\x9f\x02\x9f\xab\xa7^{~\x1f\xaa\xf3\x16\x0b\xe2\xe2%\x01\xd6\xb8&lt;\x8d\xbc\xf4z\'x\x06\x03&amp;~d\x84U\x03\xb4X),\xdc:\x17\xc0*\x97\xbf\xdaG/\xfd\xfe\x1e\xb4\xb3\xe7\xe7}\xcbY\xd5\xc3\x0f\xfa\xc0_\xddm\xec}r\xff\xe1\xecy\x8c\x96\x05\x0er\xc9\x9bi\xa1\x8f\x08\xd0B\xb3\x05\xd6(\xa9P\x94\x16\x05f\x93X\xe5\xc3\xc3\xfd7\xcf\x9f\xd7v\xeb\xd5\x07\xfe\x9f\x01\xc3\xdf\xaaZ\xaf\xfb\xab~\xfa`\xb7v\x14,\x9e\xe3\xd7/\xe7\xc8%\x9f\x90K]\x9c\x90\x8fK,\xa7\x13Mt\xf0Q\x1c\xa5_\xd3\\&gt;\xdc\xe3\x14^\x94\xcb\x92\xebk\xaa\xe3O~\xf9\xb2N\x9f\xf5\xa7t\x13\xff\x91\x7f\xf7\xa8Tl4jU\x7f\xbd6\x16\x0cv\xbd\x01\x0bM\x9c\xc3\xe6r\xe2\x08\xe2^0\xad\x97\xb2\xc2\x86\xc7\xc4\xc9\xad\xdd\x8e~\xba\xdd\x19\xc0\x1d\xcf\xc0\xf4\xc0\tk\xf3\xdbr9YN&amp;\x93\xcf&gt;\xfbZ\xaag\xfb\xcf_\xfa\x7f\xc2\x98\x11\xaa\xde\xd0h+\xa6\xd8R\xa4\xd88\n\x82e&amp;\x16\xbd\n\xed\xe4\x8d\xca\xa2^}\x9aX}\x18y\x99\xd3b\xed\xc6\x86\x18\xe6\xdb0\x046pk\x9a\xeep2\x8b\xdb\xaf\xc8\x84\xaa,-}vR\x80!\xb2\xff\xa5\x994P\x98\xa5b^\x07T\xcc$\xe4\xc3]A\x84\xd5up\xee&gt;\xbd8~\xe9\xbc\xc4bQ/\x1e|Y\x94\xc9\xe5\x16\xb9\xa1\x9b\xde\xffG,\tuk:\x83{\xfb\xcd\xa7 \x85B\xa1\xa4\x10c\xd63\xaa\xc8\x12"\xa3\xbd\xa1\xfa\xb1\x13\xe5\xaf\xd6wk\rM\xbe\x12\x89\xc5L\xda|\xc2\x9b\x0b2K\xf3\x84X4]N\xa7\x95\xbb\xc7/\x92\xf3\xf7,\x89\xa5\xa7.\xb2\x8a\xd2\x1a\xbd\x05\xd9\xa7ts\xff\xe20)\x86\xa8\xb4\x11\xc4\xb5\x14AG\xcbe$\xb7\x14\x8b\x1d4\xea?n\xc80Q\xb5\xa3\xb1.\xd7T^\x19\x89E\x84|"\x11\xd6\xec\xd1d\x99\xcd\xa9\xe3s\xcc\xc2p\x19\x061\xf1\xbcI\xf5|E\xa4K\xb5\xd1\xc8q\xd1\x1b\xc7\xe8&lt;\x12\xeb\xd6\xf4"\xb3\xa0\xb2\xa3\x90\xd6\xd2R\x85:Z\xa1\x8fb\x91\x88R\xab\xa9\xbd\xac\xf7\xfc\xb0\xabZ\x0b\xba\xa8\x86\xecBE\x9b\x98\xf2&amp;\xbc\xee\xd2\xde\xd8X\xd0\xecr\x99\xf7%\x16\x1d\xc69\x8b\x95\x02sN\x9c\xe9=\xb9\x83\xe0=O,z\xdb\x11e\x06\x16\xa7\xf5mRR)*\xb1\x18\xa3\xa0\xe2\x8aTB\xa2N\xa7\xd3\xd4~\xa8\x95\xc8\xaa\x0b_\xdf\xe5\x9aR\x88\xa2}\xc8\xb5\xe6\xf5jJ\xccB~\xae\x83\xdf^"\xd8\xdc\xf99\x03\x96\x94\xdc@}\xc46%\x97\x91\\N\x03\x8e\xe2\xf00\x8d\xfd\xf0\xe8\xe8\x06T\xccz\x05\x95\xc2\xaeP\xd8+Jm\x12GRK\xaaH$b\xd2%EQ\xac\x98\x94\xf9\xa3\xdd\xea\x7fo%\xad\xf2j\xc3\x8cr\xad\xe5\x85\xa8b\xca\xe5\n\x87\xc3\x9aR\x11,\xb4uhj\xed\t\xab.\xd1\xea2\x18\xa4E\x8aM\x81\x95\xe5\xa4\x1fH\xc2\xed\x16X\xfd\xfd\xdc\xc7\xad\xd1\x8d\r)\xad\x17\x87\xc8\x8aYQ1\x99\x8cJY\x11J\x0b\x94P1\xe9\xa2\x8a\xce\xb5\xc6nU\xda\xdc\xdf7\xec=XU\x84\xf2\xe6M1a\xcal^\x0bk\xc2\x1aV\x11khj\x7f\x81](\x8b\x01qYX&amp;\xb7\xca\xc9E\x1dt8\xfa\xc9E\x81\x8dlmqZ\x8f\x96_%C\n.{\x08\xacd\xb4\xa9\x12\xb4\x82V\xabS*u!\x85]\x14\x84\xc4\xd1\xf7\xc2\xa4U^k\x04s\xa9\xb07\xaf\x8cE\xf2\xa9y\x984\x1a7v\xd6\x18\r\xd7\x94z\xe8\x00q-0\xcb`0X\xe5M\x95\xd5\x8a\x9eR~\xc8\xcaAE\xb0\xe1S\xd6SJ\xaa\xfd\x94\xc5*]E\xd0Vt\xa2\xa0T*\x05Q+\x08\xda\x90B\x0c\xef\xd5p\xd1\xfcn+\xa9}=\xf5Fp-&lt;\x0fU8!Db:&amp;i4)sp\xac\xb8\'\xb1\xd4\x89\xe3\x85\x85K\x0bP]\xe9\xee\x96XN\xbe*\x02i\xe8\xeeFX\xdd\x92\x8aY\xcd\xd9z]F\x0b\xb9B`\xd1\x8e\x88\x99*Z4P\'\x90J\xa7\xd4\xe9\x04\xee\xb0V\xc8\x97\xb8\x97\xaa\xd3\xfd\x89\xa4v\x1b\xd4\xb4yH\xc2\x08\xcb\x94p\xbb\x89\xb5\xe62\xe7\x8a\'\xc3\xd5\xa1&gt;x\xb2\xb0\xb00w\xe5\xca)Knm\xb2H\x85\x07\xffNs\xbf\x85\xb4&gt;%\xd6\xa1\xbd\xc9\xb2\xd3B\x85j\xc9\xa4\x85G\'@\x84?\x80\xd2F;\xedbT\x8b\xc2)C/\xfdRPm=t{\xb0\x87QO\xb9K\xd0$\x04SD\x08\xbb\xc9\xb5\x86U\xf1\xef\x99\xef\xe8\x1c\xda\xbf\x8a\xb0\x98\x05\x18-vfQ\x1f\xf9\xa7\x14\x1d\x0cCZ[\xfc\x06~\xf4\xf0U\xf2$,\xf4\x90\xb2Z\x8a\xe1\xec\t\xa2\xa03\x99\x9a\xac\xa8\x18"T4\xd4\xd9\xa1V\xab\xa7\xc6j|\xed\xc3u\xa6V\x0c\xafA\x95K\x95J%w\x18\x17\x9dJ^\xe3\xa6\x82jM\xe3.\x8e5\x87\x0b\xae\xe3\xab\xc4\x92~R\xd2\xca \xc9%7H&amp;\xab\xf5\x94\xb5\x01\xd6\xebCV\xb5s\x0f\xa3&amp;\xee\xa0\xce\xa4\x8c\x8aZ\x1d\xa9\x94\xba(\xb6\x87\x08\x93VT\x10\x8aj\xa8\x8d\xae}\xb5\xa3R\xd8\xebu\x91J\x83\xb44\t\xad\xb2\x92_\x9b\'!\x16X\n\xad\xdc\x93X\x14\x97\xda{|\x95\xc2r\x90\xc1\x8a\xb9\'\x97\x85tV\x82\x1a\xbay\xf0I\xc5\xaco\x9eJ-lo\xa7\xb0\xb0\xdbc\x11\x0c\x16\xfe\xda\x15\xa5\x94\x15f\xcc\x8e\xb1\xa2\xa8\xd4\xa7\xd5\x86k\xdfXW\xca\xeb\xf5\xa6\xccf\x1c&lt;lt\x84%\x08\xa1!sn\xbe4\x9f\xc3?Dd\xf3\xc1\xb1\xe6BUwt\xe04\x82Es\xedp\x10\xc6:\xc1y!-4\x92\x8bY\x1b\x1b\xc4\xfa\xe6i\x88YP)\xb0\xd0Y\xa54\t\x18\xf3\nGEY\xf1TEO\xa3b\xd6\x18]\xea\xa0\n\xe7\x10U8\x91(\x95\x10V\xd4\xaevu\xe1\xd2\x8c_8\x01\xe1TWp\xafy\x16\x87:\x9a.\xfa\xd2x\x0c\x82E\xdf\xb5!\x19\x89\xacxH,\xfa\xffB@\x95T\xf0`\xb5\xd3d\xd1\xb8\xc7*\x82\x0e\ni\xae\xd0A1\x1a\xa5\xf5%v~W\xa5h\xcb\xa1M\xe8`x\x9e\xbe\xbe7\xec.\x96\xc2y\xbb\xa2s\x08,\xa0\xba\x10`X\x93Bp\xc5f\\C\xea\x0e\xda^\x12\x0bE\xac\x9b\x83\xd6\xd3B\x1f\xbb\xf9=\xaf\xb7P\xa4b\x14\xb7\x90W\x03-\xac\xa8IY!VE\'\x88\xb4\xb3\xb0\xb4\xfeCe\x17\xdbp\xfe\xb1\xa7\xdc\xb9\x1cP^M.Wt\'\xec\xed\x9dj\x97\x99T\xf4\xaf\xb0\xbd\x10\xa6\xa6(\xc5E.\x9c\x15\xcd\xf1\x15\xbe\xca8\xa8\x8f\xfcm\xae\xc1\t\xfa\x93\x0e\xa4\xd5A\xf76\x03\xb8\xd1z\xfd\x95\xe2D\xd5\xae`\x15P\x91H\x05&amp;\x13\xb1tb\x08\xdb\x9dU\xf8\xa4\xa7\xb0\x90(\xb6\xa5xW\xe5\xe6S\xb8SH\xe5\xbar\xffj\xba\xfcY\xe3\x06\xa2 .\x81$d\xed\t\xec\xe2\xae\x0b8\'\x81bNF\x85\xab\x03\x15\xee$\xd2l\xab"\x10\x95\xe9\xf5\x05\xd4\x18\x0e\xae\xca\x07\xb0\x9a\xa8u\x130\\\x9f2_\xe3\n\x1b\x9c\xce\xe0k\x0c\x99\xd9\xb7:\xdf\xe2\x7f\xd8\x85\x7f\xcc\xcc\xce{{\x1fmJ/\xac\x17\xe7\x96\n%\xd6l6\xcd\xed@.,7\xe0\x02X=&gt;\x1d\x0c\xd6\x85`m\x97\xe6\xcb\xd5\x92\xf1\xc2\xde|\xf3\xf5\xd7\xcf\xb7\x7f\x0f\xde\x91\xca+\xe3\x8a\x06\xee8\xa0+\xa1\n\xdc\x0c\xc6\x92*&lt;\x81R\xa5N}\xa7\xc3\x00\x14*D\x08T\xc3-|\x86\x85\xc4"\x15\xa1\xb0\x07\xa2#\x0c\x17&lt;\xaf)XR?\xef\xef0\xfe.&amp;\xb1\x96\xdb-\xd9\x98\xac\xcb/\x9f\x7f\xfc\x01\xd4\x87T\xd0\x8a\x1be\xa0]\x8c\xe79\xc9\x80\xb5\x0b\x182\xeb\xe0\xb1\x1a|\x84--\x89\xd5u-\xb5\xcaA5\xdc\x0f\x85\x9b\x92\n\xa75Ji\r\xad8\x86\x0c\xd79W\x1e\x0c!\xf4\xd7\xf8\xb4?\\1\xdf\x06i{}M.\xb8x\xf9\xf8\xfb\xed\x1dP\xde)\x156J\x14\x16\x88\x82\xd8\x8a\x15k\x97M\xea\xce2\x85k4q\x91\n\xc7iW\xb8\x82\xb8\x81\rr\x85\xa6B\xb4\xdc\x12\x16\x9a\xb4c\x08\xe1\xe6\nU\x14M6\x8a\x8f\xb8\x90\xf5\xf8\xfc\xca\xec\x0b\xd6\xf7\x1b\x80-?]\xdc\x1d\xf6`\n\xbd\x13\xad&lt;R\x01j\xb7\xdb\xb9A%\xc1\xda\xa5~\xe9r\xeed\xa1P\x19\xaeL\xcbq\xc6\xbe\xefIu\x9b\xb3\xa0\x06Dk\xa6V\x96\xaa\xd8\xb83B\xe5\x91p1\xf4\x8c\xdcJ\xc0\xf0\x99\x14\xcf\xd0\xec`\x1e;\x8f\x8f\x87\xc3\xfe\xf5\xe9\xe5\x9b\xaf&lt;\xe9\x04\xcf\x1e8X\xe1M\x80WT\xccf\x00\x14Z\xbe\xf45\xd4"\x95\xf1\xd0\xb0MT\xda\xe9\xd7]D*3j\x06\xd6C\x9aP,\xf6\x05\xb4jZ\x8e\xee\x88\xd31\xea\xccz\x83w\x99\x08\x16*\x85\x88\xd5\xd8\xaa\x1f^\xe4`i\x9128\x11\xcaR\xcd\xab]\x9aj\xf6g`-\x9c\x19*\x9f\x0e\x92\x8b\xa9\x97\xc1(X\xddh\xa9"\xb4\xc4\xdf\xa1\xc0N\xba U^l\xb0h,\xd6=\x88:j\x87\x1b!\\\xa2\x17\xc0\x08e\xbe\'J\xf9J\xce\x045Q)/\rL\xc6\xdd4\x9e\xa1\xdb\xe7\xe2a\xccu&amp;f\xae\xc8\x15\x1a\xb5\xb2\x99=:sx\t\x0b\xfa\x04\xb1\xa4\xb5\xcej\xcc\x1d\xa3\x95\x9b\xae\xa8\x1a\xfe\x80\xf8\xb7tv\xbd\x96\x97\x19\x05#\xda\x04\xc5\x03\xef\xbcS(\xa5l\xda\xe7U\xe0\xa2C\xb1\\\xcd\x03\x0b\xa5\xb1+\x0b\x15\xb5\x12\xb2\xcc\x14+&gt;0\xb2\x1d\xdeA\x13\xe9\x0e\x172\xc2\xe4A;`\xbdA\xae\xb4\xab\x93\x85iy\x91\x92\xa5\xbf \x18\xda\xcd`Y\xa8\x89\xeah\x9f\x11\xc9(\x87\x90\x95\x08S\x85f\x08\xb0\xbd\xa0\xd5m\xdecW\xb4R\xcaR\xa9\xd0\'\x15\xc10\x87Bg\xa4VQ\xde\xe1\x1e\xa2\xd1\xf3|&lt;KF\xa0\x14\r\xccOj\xac\xcf\xf8;\xab\xbe\xa3X||\xf4C\xdeY\xac\x0f&amp;\x85\x80\xab\x8fJP\xc2\xc5\x9133 :\r\xa0Wj\x82e6\x07\xa4L\xb42\x07?\xf8\xdaR\x95\xfc\xad3\x8e-\xeck\xfb\xb6E\xc6\x8a\xbc\xc5\xffj\x8a\xa2i6\x98\xe9I\x01\xbc\x06r\x16\x05\x971\xf3"Zl\x1a\x97\x9a\x00\x00\x00*IDAT\xe1\xd1\x91\xf7V\xabz\xe2\xf2&amp;\xffl\x9el[e\xa0\xe2\xc6\xc0)\x83\xe1WZ\xb1\x84\ni&lt;Z\xa8\xd4D%\xac\xff\x01&lt; \x8b\xdaG\xfe\xafM\x00\x00\x00\x00IEND\xaeB`\x82'</t>
        </is>
      </c>
      <c r="M390" s="3" t="n">
        <v>45492.67768518518</v>
      </c>
    </row>
    <row r="391">
      <c r="A391" t="n">
        <v>1002617</v>
      </c>
      <c r="B391" t="n">
        <v>1957</v>
      </c>
      <c r="C391" t="inlineStr">
        <is>
          <t>Matheus Araújo</t>
        </is>
      </c>
      <c r="D391" t="inlineStr">
        <is>
          <t>Matheus Araújo</t>
        </is>
      </c>
      <c r="E391" t="inlineStr">
        <is>
          <t>MEI</t>
        </is>
      </c>
      <c r="F391" t="inlineStr">
        <is>
          <t>MC</t>
        </is>
      </c>
      <c r="G391" t="inlineStr">
        <is>
          <t>MEI/PE</t>
        </is>
      </c>
      <c r="H391" t="n">
        <v>176</v>
      </c>
      <c r="I391" t="n">
        <v>30</v>
      </c>
      <c r="J391" s="2" t="n">
        <v>37397</v>
      </c>
      <c r="K391" t="inlineStr">
        <is>
          <t>Right</t>
        </is>
      </c>
      <c r="L39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9b596ea-ec4e-4f99-bc11-f833888f5f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0\xd7\x11\x05\x00\x00\x03\x00PLTE\xff\xff\xff\xf4\xf4\xf4\xfb\xfb\xfb\xf6\xf5\xf3\xf3\xf3\xf2\xf2\xf1\xf1\xf6\xf5\xf5\xf9\xfa\xfa\xf9\xf8\xf8\xfe\xfe\xfd\xfd\xfc\xfc\xf1\xf0\xf0\xf7\xf6\xf4\xea\xb3\x8e\xe5\xac\x88\xd7\x9aq\xe8\xb2\x92\xea\xb9\x9a\xee\xec\xea\x1a\x13\x0e\x1d\x17\x12"\x17\x0f\xe8\xb5\x95\xea\xb8\x96\xeb\xe9\xe6\xeb\xb5\x92\xf7\xf7\xf7\xf0\xee\xec9,"\xc5\x88`\xb4yU(\x1b\x12$\x1c\x17\xe5\xae\x8c\xd9\x9dv3&amp;\x1dSB6\xca\x8fh\xe2\xb0\x92\xe7\xb0\x8f\xe3\xa9\x86\xc9\x8cd\xe9\xaf\x89\xb7}Y\xc0\x84]\xdc\xa0y\xd3\xa2\x84\xc0\x8em\xfb\xfb\xfa\xed\xbb\x9e\xe8\xad\x85\xc0\x87gA2(H8-\xba\x80^\xbb\x84e\xe8\xba\xa1/ \x16+#\x1c\xf0\xba\x99\xdf\xa5\x80\xcf\x92i\xe2\xa8\x82\xcc\x9az\xe3\xaa\x8c\xc4\x8ci\xc7\x97wM=3\xee\xb7\x94\xe9\xbe\xa6\xd0\x93n\xec\xb2\x8a\xe5\xb7\x9d\xe3\xb9\xa3\xd3\x97r\xf2\xbf\x9f\xbb{S\xdb\xa5\x86\x14\x0f\x0b\xea\xe5\xe2\xd4\x96m\xe4\xb2\x98\xe6\xe2\xde\xdd\xa8\x8a\xd4\xa6\x8a\xe4\xbd\xa8\xff\xfe\xff\xd7\xa0~\xacoM\xe8\xc3\xae\xe1\xad\x8f\xcf\x9e\x7f\xef\xbe\xa4\xafsO\xb1vR\xd4\x9a{\xea\xb4\x9b\xc6\x93r\xee\xc1\xaa\xe6\xac\x92\xe3\xdf\xda\xec\xad\x80\xde\xa2}\xca\x9d\x80\xc0\x91t\xdb\xaa\x8f\xc9\x92nYG:\xb8xQ\xf0\xb3\x87\xa6jH\xf4\xbf\xa8\xeb\xaf\x94\xcd\x97s\xef\xb6\x8f\xc2\x97~\xdd\x96c90+\xe1\xb4\x9d\xeb\xb5\x95\xf5\xc5\xa5\xde\x97q\xb2yZ\xb1|_\xcb\x8en\xf6\xc3\x9f\xdf\xda\xd6\xcb\x9f\x85\xe8\xa3\x83\xbcuV\xbc~Z\xa3v`\xf5\xf0\xed\xca\x88`\xf4\xc6\xae\xbe\x92|\xd2\xa1\x8c\xc5\x9b\x83\xdc\xb0\x97\xc7\x97~\xf5\xbe\x97\xe1\x9dt\xb9\x8bu\xd1\x8bd\xe8\xa3q\xea\xa8\x89\xf3\xb9\x8e\x93\\A\xdf\xa0\x86\xd7\x8eg\xe4\x9bypRE\xe1\x9bh\xd1\x8aY\xc5\x7fT\xc1~a\xe0\xa3\x91cOC\xb7\x87n\xd7\x90^\xb3\x82gA- \xe5\x9fl\xa5lN\xf0\xc7\xb4\xe3\xa5\x7f\xdb\x83{\xea\xa7w\xf3\xea\xe5\xed\xe1\xda\xbf}S\xcc\x92x\xec\xdb\xd2\xc7\xa0\x8a\xf0\xb6\x9f\xadsXlF3\xd5\xac\x95\x80N7\xd9\xb3\x9fpaX\x8bU:\xd3\x90u\xc9\x82W\x95dO\xe7\x9f~?71\xdc\x99{\xed\xac\x8f\xa8qSYMFQ3#QE@\xd1}q\x87gV\x9dbE\xcd\x86W\xba\xb3\xaf\xe2\xa1z\x86[G\xdb\x93m\xdf\xca\xc0\xef\xb2\x98\xf8\xca\xa6\xb6pP\xa0oW\xa9|ghYP\xc3\x87o\x94n[\xac\x86s\x9chO\xc0re\xa0\x80p\xec\xd2\xc4\xd3\xd0\xcdzYKyoh\x8bxp\xd3\xb9\xae\xc8\x87s\xdc\x8b\x84dI=&gt;%\x16I@;\xb1\x90\x7f\xa7aCyI1\xd2\x9a\x89\xe2\xd6\xce\xf3\xe4\xdd\xca\xa7\x97d;(\x8f?*\xcb\x95\x86\xce\xaf\xa3\x88ob\xc1}n\xde\x97\x89\xae\xa7\xa3\xa4\x9d\x97\x9a\x90\x8a\xb1hH\xb0`W\xe9\xcb\xba\x8d\x84}\x9dM5X=.\xd2\x8e\x81\xc3\xbf\xbd\xcb\xc6\xc2\xb3r_\xba\x9c\x8e\xd6\xc1\xb7\xb6uj\xceqfl\x04\xaf^\x00\x00 \x00IDATx\xda\xdc\x98\xdfOSy\x1a\xc6\x1d\xd7_\x07\xa73bOU\xf4,=\xb3\xa7\xe3\xce\x82\xae9x*\xf4\xd4qf\xd26\x1d\xa6\xc0\xae:\xa8L*\xe30`6)\xe8N\xc7\n\xa1\x03\x17\xd3\x88\xb3\x0e\x83\x06/\x80I\x8aT\xdd\x98h&amp;\x83R#i\xd6\xd2\xd4a\xb9p\xa1Ac\xdar\x01\x18/4\xbb&amp;@"1\x10/\xf6y\xbfEw\xff\x80\x03n\xf6\xe5gJR&gt;y\x9e\xe7\xfb\xbc\xdfv\xd9\xb2\xff\xd7\xe1\xb2\xb8\xac\x85\xc1\xaf\xff3Po\xfej\xe5\x8a\x15k\xb7lY\xbbb\xf3\xe6U\xcb_;\x17\xc7qk\xd6\xbc\xb9\xbeyjjffzvvvfzjjz~}\x16\xfd\xe9uBmn\x1e\x9c\x9e\x99M{L\x18\x9b\xc9\x84\x9f6\xc536X\xbd\xe9\x0f+\xb38\xee5Q\xad\xde7\x98\x0e\x12\x8f\xc7\xe4\tz&lt;\x1e\x9b\xd9f3\x9b\x95\x90-\x11\x0e\x8f\rnz-)\xe3V7O\x87\x83@Ql\x1e\xb0\x99\xcc\x8a"H\x16I\x08)\xa1\x90 H\x82-\x9d\xdc\xcc-\xb9RY\xeb\xe7\xc6H\'\xb3b\x86^!A\x92$\x91\xc6b\x11\x805!X\x8cRt\xaaz\x15\xc7\x1dXR\xa9\x923\tJ\x14\xac3\x99\x14A\x95\xc0\xa5\xaa\x92*\x1a-\x16\x8b$A.\xa3\xd1\xa2$\xa6\x93k\x97.b\xdc\xb2-\x08\x15\x025\x1e\x0c\xe2\x87\x99\r&lt;\x14\x14\x88\x84!2\xfcf1\x8a\xea\xe4X\xf3RE\x8c[\xbei\x1aR\xc1AP\x05M6\x9b\tA\xa7&lt;a,\x16\xa3\xc1\xc0\xc0\x80\xa5\x8a&lt;\xaf\x86\x93\xcb\x97D0nyr\x0c\x1a\xd1\xa1\xa3Z`\xbd`\xa6\xb8\x1bA\xc4\x1b\xf0\xa5\xd7/hf40\xae%\x88&gt;\n4\x99F\xa4@%(,\\6\xb2\x10\x06J\xd0F_F\xa3\xd7\x1bh\x8c\xa4\x1c\xaf\x17cS\x8b\xde\x15\x1c\xb7r0\x0c\x18\x1b\xd5\x81\xcfl\x8b\xc5b\x10,fSB\xc8\xbd(\x1a\xf4\xfa2\x86\xa67\x18\rz\x83\xc5\x02\xac2\xde7V\xbd\xb8\\\xe8\x85\xe9 u\x94\xa0ZTU\x90T\xc1\x16\x8dB0d\x9d\x1a\x82\x17y\x83*Y\x0cDf0\xf2\xf82\x8a&lt;\x18\xd5\xd9\xf5\x8b\xc9\xc5eU\xcfR\x81B\x18\x98\x83RP%[4\x96q\xd1"Rs\xf1z\xdeh\x91X\xc8\x8c\xe0\xd23,\x9e\xf7\xcdn\xcaZD\xaa}\xb3\x887\n\n\xa9\xe6EQUUQ\x88\x98i\x1b\xda\x14\tu\xa0\xc2D=\x01!\xfdF\xa4\x9f/\xe3\x99Z\xbc\xe8\x9b\xd9\xb2h\xe7\x91[?\x13\xb4A)P\xa9\x82\xa2H\x06\xfc?\xd5\x87\xe0\xdb\xa8\xb52\x01\xd7C/=%\x8b2\x8f|\xf1\xf4X\x19\xafNN\xadZ,\xac\xe5\xf3\t\x93D\x1a\xf1\x92\xed9u\x82\xa4\x1a\x100\x9cBE\tI\x84\x05\xb1\x90y}Y\x86\xcbh\x10A\n\xc1\x00\xabF\xe7W.\xd2!\xdc7k\x16\x0c\xa2\xe0\x93\x04V\x9f\x16Z9P\xcb\x8c&gt;\rQI1\xf32\\e\x0bz\x91\x80\xd4\x1bz\xd1\x17\x1e\\\x14\x1b\xb3V\xcc\x98\x04\x11\xcf\xef\xf3)\xb8*(6V\xa8\xc8U\xccd\x1a7\x870\x03\x98\x90\x85\xf1\x18\xf4\x19\x17\t\x93G\xf4\x89kf1\xb08n.\xa8\xa8&lt;/\t&gt;\xb3\xa4\x17\x05\xc5\xd3\xb10\xc1\xf1\x8e\xa1TGoooj\xa8\xbf\x7f\xe8\xc6\x93\x81\x81\x89\t\x8b\xc5\xf8\x8a\xab\x8cU\x99^M7/\xc2}\x9aK\x86}\xb8!\xa8\xa0\x12\x0cF\xc54\xde\x11\x1f\r\x04\xf0\x89\x19\xe9\xe9\xf1\x0f\xf7\x0f\x0f7\xee\xdaV[y\xe9\xce\xf9\x1b\xbd\xc4\x064l c\xa6^\x11\xb1\xc8\xecz\xed\xb1\xde\x98Q$\xc9\'\x08\x11Xh\x14&lt;\xa9\xfe@\xcf\x9f&gt;\xf8\xfd\xc1\xd2\xfd\x9f\x96\xee\xdf\xbf\xbf\xf4\xe0W;&gt;z\xf7\xdd\xf7\xcf\x9e\xba\xf5cI\xed\xe1cw\xce\xdf|\xf4d D\xb2\x91\\\x80B\x99D\x93\x9a\x97\x17\xd7\x9c\x90\x04\x05I\xc2\xfa\x93B\xe3C\x81\x9d\x9f\xef.pz\xed.W\x83\xcb\xd5\xdaj\xd7\xed9zt\xfb\x0f\x9d\'.\x9c\xed\xea\xfa\x85\xd0\xfeq\xe8\x0e\x91M\x90\\\xac\xe5\xd0*\xd3[4\x96\x8b[&gt;7\x89MCW\x18A0\x8f\xdf/\xfc\xeahM]{kk\xd3]LCCSS\xab\xb7\xa0\xa6\xe6\xca\xb9\x8b\x9d\'N\x9c\xb8p\x81\xc8\xae\x96\x1c&gt;F\x9aM\xb0\x8e\xa5\xf3(N\x0e\xae\xd6\x96+\xeb\x8di\x9f*\xa1\x9f\x14\xb3\xf9y*\xf0\xd1o\xf6\xd4\xd5\xb5\xb7g\xa8\xc0u\xb7\xa9\xb5\xbd\xae.\xc3\xf5_`\xb5\x95 \xeb\x9d0\x12\x16\xb8x5\xadq\xd7s\x9b\xc6\x90+\x08e\xf2t\x8cv\x7f\xb2\xbd\x86\xa8\x80\x95\xe1j\x82^\xed\xed\xc0\xaa\xb9r\x11\\\x9d\xff\x11\xac$\xf7\xd2\x9dG!\xa3\x9e\'#y1\x96\xd4\x14\x0bU\x9a6)\x08\x97)\x18\xef\xb9V\xfaVA\x86\xaa\x95q\xc1B\x98\x08,\xe8u\xe5\xdc\xb9\x8b\xccH\x96\xb0\xabW\xbf-\xa9=v\x13&gt;\xb2%\x8a\x95=\xadiGpY\xc9\x84GQ%s\xf0\xe9\xd7\xa5\x1f\xfe6\xc7Y\xf7R\xad\xa6&amp;F\xd5\xd4\xfa\xd2E`\x81kA\xad\xab%WK\x0e\x01\xcb\xc8S\xe8E\xb8\xb8RK\xac\xac5\x83t\x1d5{R\x0f\xcf\xac\xcb\xa9\xaf\xf72*\xc2j`\x81\'*\x86\xf5J.\x86UR\x02\xac\xca;\x8f\x06\x88\x0b\x97!UMk\xfaJ\x88\xdb&lt;\xedCa\x99\x82\xa3?\x15e[\xb3\xeb\xed^\x0c\x1d\xc4\x06\x9a\xbbM.&amp;\x16a\x9dcX\x90\xab\xeb\x16\xcbVIm\xee!\xc6E\x91\x17\xc5\xc4&gt;M\xef\x83+\xc6"\x11\xda7\x0f\xfa*\xdc\xb2[\xb6Z\xdb\x19\x96\x8ba5\x10\x96\x97Ek\xc1\xc4\xce\x13/#_[\x9b\x9b{\xe9|o\x08\xd7g\xb4\xaa&gt;2\xa7\xa5X\xdc\x96t\xc4\'\x99\xc7S\x0f\xcb\x9fU\xb9\xdd\xb2l%\xbdZ\xd1\xa5\xee\x86\x16\xf4\xa9\xcbE\x0f8k\x16\xb82\xd9\xa2hA\xac\xdc\xdc\xca\xfb\x8f\x06$\x0b\xbb\xdfL\xcekh"\xc7mJG\x14\xc56\x1e?]\xfe\xac\xc2\xedp\xcbv/0\xac\xae\x86*\xf7\xf1\x96\xe3\x84e\xb7;\xeb\x9cN`]\xc9t*Ld\x1e\x96T\x02\xeb\xd2\x8d\x81\tI\xa4\xb3\x18\x19\xd4\xd0D\xee\xc0\xbe\x84/\x12Q&lt;\xa3\x7f)~V\xe1p\xc8r\x8e\xdd\xab\xb3[\xad\xee\xaa\x96\xaa*\xb7\x0b\xa6Z\xedN\xa7\x93%\xfe\xdc\xc5\x85&gt;\x05V-\x8a\x0bs\xfb\xfc\x93\x90$\x1ap\x16}SZbq\xd5\t\x8a|G\xe0\xbb\xf2\x8a\x8a*\xb7\x9c\xbd1G\xa7\xd3\xe5\xd8e`\xb9)j\x0c+\xaf \xb3~.\x00\xaa\x8baQ\xb6 \xd7\xe1\xf3\xbdX\x8e\xf4\xceID\xcb\xbb\xe0\x01\xae9\xea\x8b\x08\xa6\xf8\xbdO3X\x1b\xebA\x95\xa7\xd3\x81\x8b\x92\xc6\xd4\xd2\x81\x0b-\xdf\xc9\x82\xd5\xf5K\xa6\x1fjk3\xe1\xba\xf1\x1c\xb7j\xad\xb18.\x19\xf3\xf9\xcc\xc1\xd1n\x86%\x93VyN\xdd\xdft9\x1b\xdd\xf5\x1bek\xb6U\xb6\xeb\xbc\x19\xb5\x16*\x1eT\x99\x83HX\x8d\x97n\xf6\x0e\x84\xf0\x8aI\xd5\xd8D\xc2\x8a%H\xad\xf2\n\x87\xac\xcb\xc3@/\xa7\xae^&amp;,\x12+\xc7\xfb\xca\xc4\x13\x17\xd8\xea\xc1\xed\xa6\x16\xe9\xcag\xe1\xea\x85\\\x92$D\xb4\xc5\x9a\x8fE"\xd1`\xea\xde\xf5\xf2\xf2\xf2\xa2lH\x95W\x80\x88;s\xac0\x10\x89\xdfh\xb5\xdb\xbd\x94y\xea\x07\xd6Z\x88\x16\n\xa2\x96\xa9\x95\xdfx\xfb~\xefs\x85V\xfd\xa4\xb6&amp;\xceMFb\xd1`|\x01k\x9d\xceY\x80q:uV\xd9%Sk\xbd\xc4b\xcd\xd5\xf9\xb2 \xae\x92\\t\x14\x1bo\x0f\x11\x96\xcf\xa71\xd6\xe0\xe4d4\xd6\x01\xacb`m\xc8\xc9\x03T\x8d\x93]N\xd9\xf5\xd4E6z\x89l\xe1\x16\x01\xc1\xd8\x85\x0bX\x95P\xcb\xdf8&lt;dR\x94H$\xa6-\xd6&lt;\xa9\x15~\xf0S_\xb9\xa3\xfc\xe3\xec\r:p9i\xfd`\xfb\xb4`\xfbd\xb8\x08\xad\xee\xe5m\x10\\\xac"r\x81\x05.\x7f No&gt;E\xb5]&gt;\xf3P+1\xf6\xb8\xaf\xaf\x98\x99\x98\x97\x07\xa9\xd8NlaSu\\\x96]V\xfapB1$\xff\xeft\xad\xef:uk[I\xeeax\xe8\xc7\x8c\xc4\x83x\x929m_#\xe2\x19\xc3/\xfeEX\x0e\x16yg\x1d[\x89-\x97/\x03\xaa%\xd3\xf50S\xc6\x12\x82\x92{\xfe\xba}\xfb\x0fo\xff\xf1\xec\xa9m\xdf\xe6\xe7VVV6\xfa{zzF\xe2\xd1\x98\xc6j\xcd\xc5b\xc1\xb1\xc7\xd7\xfb\xa8\x1f(\xf2^\xaf\xddN\xab\xe72M\x0b\xc3\xc2\xb8\xdcr}\xfd\x9f\xdfz\xef\xbd=\xbbw\x1f\xdd\xfe\xf6\'\xef\xff\xee\xd7\xc4\xd5\xd8\x08\xac\xee\xee{\xf1D4\x91\xd4\xf0\x1dq\xc2\x8a&amp;\xee]\'\x0b\x1d\x8e\xa2\x8f7\x80\xc9*\xbb\xab.W\x10U\x95\xdbQECu/\x1f\xf9\xf2\xc3\x83\x9f_\xfbbGaa\xa1\x1fI\xcf\xdf\xb6mW~\xe3\xcf\x8d\xbb\n\xbb\xdb\xdaF\x13\xc1pR\xdb\xde\x8a\x06\x9f&gt;|\xdcW\x8cq\x14\x15eg\xd7\xaf\xdb\xba\xf7$\xe6L_1\xbe\x17;\x1c \x93\xe5\xec\xec\xec\xbd\xa5\xd7z\x02\xfdCC\xf4\xe2\xff\xc6P\xff\xcf\xbb\xf2\xf3w\xf9\xc9\xc3\xee\xb6\x87\xa3\xe1DZK,\xec\xc4pb\xec\xc5u\xc2*/*r\xc8[?h\xebn\xbb\xf7`$0::2\xd2\xf6\xfd\xf5\x93E\x00\x93\xb3\x8fl\xd8\xf0\xd9\xf7=\xfd\xf1\x8e\x8e\xf1\xe7\x03\x03\xcf{\xfb\xfd\xfe\xdb\xf7\xef\xfb\x0b\xfd\xe4a\xdb\xc3\x07\xe1p\xbaYS\xb5\x9a\xd3\xe1\xb1\x17}\'A\xe5\x804[w\x00(\x9e\xc2\x7f\xc7t\xc4G\xbe\xfe\xeedQQ\xd1\x91u\xeb\xd6m\xdd\x7f\x1a\x7f\x19J\xa5\xf0\xf8P\xa0\x10T\xfd\xfd\xc3=\xdd$\xd6\xe9\xd3\x84U\xad\xed}+\x1d~\xfa\xe2\xfaIR\xab\xbc\xa2\xf8\x9a\x7fdd$@\\\x1d\xa9T*\x1eh\xfb\xe7\x19p\xed\xfd\xf2\x9dw&gt;+\xfd\xa2g\xc4\x1f\x18\x1e\x1e\x0e\xf4\xec\xfc\xe6\x9b\x9d;\xe1\xe0m\xff\xbfi\xb5\xf7\xa7\xa6\xee,\x00\xe0\x9d\xfa\xc3\x1awK\xec\xcc\xae3\xdbil\xc1\t\x05\x85\x00fM\xe2\xca#\xa1\x92\x8d\xb1i\xc9\xf0\x08\xaf\x9a`VBX%AV\xb7\x818\xe4\x06Cx4\xa4\x99&lt;\xdc\x1a\xca\xd8EXh0`\x84\x106\xc1\x8alC\xc8D\x1bA\x1c\x17\xb0;\x06\x16y\x89\x95\xb6\xd4)S\xdd\xf3\r\xdb\x9d\xfe\x01\x97\xc3\xc00\x93a\xf8\xcc\xf9\x9e\xef\xb9\xdfs\xefM\x80\\\x95j\x1f\x8e\xdf\xec\xfb\xee=\\\xb3\xf5\xcb\xa7_\xae&lt;\x0c\xb3\x8e\xe4\xe47\xdalMs\xf5\xf55\xa5\x90\x05\xd8\xf7\xe3\xcdM\xf5\x8d\xfc\xb3|\xbe\x98\x99\x9c,,\xa6^\xaa\xea\x81\x1a\xa7\xb2\x94l\xb6RIfQ\xe9\xf4\x84\xd2\x84\x84R\xadv|\xa5\xef)\xae\x0f\xa7\x08\xaf=\xe9\x9bB%\xcf\xe1@\x87\x90\xf2x\xa6,\x14\x02!\x97L\xa5S\x83\xb6\xc2\xac\x82h&gt;\xff\xad\x98\x92(6u\xdfP9D\x1b\x92QY,*\xfc\x00S)\xa8\xb4\x93+}_\xa3\xc7\xd9\xf8\xb1\xb6\x7f\xd1\xf7\xbf\x9d\x98\x93\xcf\x88f\x9aL\xa6,\x13OP\xc1\xa2\x1d\xcb\xcb\x83\xdd\x1f\x14\xf2\n\xf8\xaf\xee\x8a,\xc9\xd4\xc0to\xec\x9f\x1du\xdd\x9a\x80h\xebA\xb6b\xc4*E\xac\x7f=y\xf9\xbd?\xe2w\xdbf\xc7/~XY\x19G,FN\x06\xbf \xcb$\x10\x08\x94\xf4\xea\xda\x89Q\x87c\xb6\xbf\xad\x8a\xae\x14\xf2\xa2\x19IoyS\xd4m\x80\xeau\xdc\xbf\xf0\'\xd8\x8a\x8e\xd1Q#\x82%\xa0|!\xd6\xcd\xaf\x7f\xac\xbd=\x9d\x88_\xb6~\x98Z\x81\x0b5l\xc4\x0c\xbe4\x8b\'\xe4R\xdb\\\xa3\xf7?y\xfb\xd3O\xbf\xef\x9d\xed\x9f\xd8\xa0\xdb\x04bF\xd1+^\xf2\xb1\x11P\xf5^\xb8~\xfd\x1f\xef\xfe\xfa\r\xf8\xd0\xd1?D\x8b\x8b\xa3\xb2J++\xb5\xb5+7o\x8e:\xf2\x9a:q\xaa.\xc2\xaf\xba\x1fMN\x85Y9\x8c\x02\x9e@H\xce\x83\x7f~\xe0\x8d3g\xde\xfd\xcd\xdb\x9f\xf4:FzhAa\x8c&lt;\xe9\x15\x9d&amp;\xcf\xd8\xef\xe8\xbd\xf0\xf4\xbb\xd7\xdf|s\xcf\x99/\xbf\xfa\xf7\x82\xc3\xf8\xbe\x1a\\\xc5M\x95\xda\xc9\x9bw\x1c\x8e\x10\xa6\xec\xc2\xa9\x9bn\x9f?*x89\xd9\x00\x8b\x98\xb1\x8b\'`\x93\xca\x1d\x0b\x9f\x1f\xb8\x01#\xd6\xef_\xef\x9b\xbc\xef\x98\xa0R\x95\xdc\x12\x83\x7f\xaf\xe2\x9f\xe5\x885\xf5\xc5\x93\x1b\x07\xf7\xfc\xee\xfa\xcah\xefBo\x7f\xf9n\xda&amp;\xeb\xf6\x9d[\xc6\x10\x86\xcd\xcc\xe3\x93-\xc2\xf9o\xfd\x06\xca\xc3\xc9\x86F\xa8\xad\xe8\xe4\xa8\x14\xf5\x88c\xe1\xfb\xfbS7\x0e\x1e\xdcs`j\xdcu\xe7\xb6\x92\xcb&amp;\xba\x07=\xa7\xbd\x1f\xaf\xf5\xf7;\x1c\xb7\x1a\x96\x9f^@\xf7|].\xa3q$\xef}\xb5\x9a\xc6B\xac\xda\xa1r\x8c\x8a-m\xc3\x87\x95\x9bxYe\xc8j\x18G,\x0e39\x9e\x1bK\xeb\x81\x8699\xb9r\xe1\xab\xd1\xda\x9e\xb6\xe73Bn\xa6Ba\xf1\x1c:\xf1g\xcc\xd8ol\xa3\xcd\xd8J/\r\r\r\xf5\xc0)~\xe8\xd8\xeew\xd4\xea}\xac\xf4\xca\xca\xf1\xdac\xbb\xa9A\xda4^;1\xf7\x9e\xbb\x84I\xd164\x9e\xe5p"SS\x93\xe3\xa3\x84\xdc\n[S\x83\x16:g^@\xad\x14\n3}&gt;\x9d\xea\xf4\xd1S\x7f\x1b\x08\x19\x8dmU\xd6p\xc4\xa9\xd5\xbbw\xab\xa1\xb2H\xa48\xc4j\xae\xde\x17g\xb5\xd2\xc7\xf0:7\xe7\xce\xaf\xba\xb3x\r\x95\xc0b\xec\x84c|jI|\x14\x97\xcb\x15*\xadX \x80Y\x95B\xa7O\xa1P\x19\x0e\x9f;\xfd\xd1\xc7k#F\xd8\x01j\x0c\xc5\xc9w\xd4q\x1a\rIC"\x91`\x11+\x9b[\xe3H\x01\x0c?\x16a\x9b\xb8E*\x94TJ\xf9\x1c\xc6\xab\x9b\x87\xcf(\xb62\x96d\xc5\xb0\r\xeb\x8c\xd3\xe9T(t\x83b\xcf\xe1s\x87\xfe\xae\xc7B\xa1P\x9e:\x9c-Rl\xac^\xaf\xd7\x84a\xac\xf4\x86\x86\xe6V\xf8\x03\xcc\xfah;^\x97\x9f\x1d9G\xce\n\xd3\x9a\xb2\xa3\x11\x0b\xddlh\x07\x18W\xa9t:\x85B\xa1\xdbm\x19\xb4\x0c2E\xfeC\x1f\x1c=a\xc6\xd6Bk\x90A\x8d^\x9f\xc2\xce4\x9b\xf5(bc5\xe1El\r\xad\xafa\x18n}+77?G&lt;lk\xaa)\xe00\x92\xfe\x02s\xd7\xfe\xfd\xed\xdex\xb7\xdb\x8d\xbe\x015\xa8R\x19\xe4\x0c\xfb\xd1\xbas\'|\xd6\xc0Z\xe0\xa2\x06a\xccz\xf3f\xc0\xd99\x16\xb2\x05\xb5\xb5\xb8\x08\xae`7n]\xfe\x9e\xdd\xf2\xe2q\x93\x04\xadb\x12\x0c\xf6\xbf\x95{\x0c*\x8bE\x01\xdb/l\xf2x\xe4"\x86]V\xf7\xc1\t\x05)\x1089\xf0\x13\xc8g\xf6\xf9|\xc0\x8a\x8d-C\xac\x9eE\xe4\xc2\x8f\x95;\xef\xefx1\\\xd8\x94\xcd\xe7dl\xde\xa0\xf1\xfb\r\xaa\xb0\xc8`\xf0\xc8\xe5\x1e\xb1Xd/\x02\xd6)\x9d\xe6d\xe0\xa4\x06i|\x7fU\xa0\x00\x16;\x85L.\x83}\xdb|i\x1dX\xebV\xdcX/\xcd{::V\xa5M\x94hN\x06L8Iv`y&lt;\x06\x94%\x14\x1e\xb4\x88v\x99\xacNv\xca\xabW\xe7\x05.\xea}:\x9dBg\x81|\xea\x00\x96I&amp;\xb3\x8a\x11\x8b\x1eB\xe9\xb2v\xe1U[\x84y\x8fePt\xa4\xa6\xb0\x91\x93\x11\x9e\xbd\xecv\xbb\xdf\x0f \xd0\x19\x0c*\x83\xc9$\xf7\xcb\x10\xeb\xb0\xcaG\x82\xa6q\xd1\xac\xb0\xc0\xf2~4\x88d\xbeL%\xb9,]\x02\xac8u\x08\xf2\xb5\x81_mu\xfb\x07\rI\x19\xd9\x14)\xb0\xd0\xb8\n\x86M\x99G5hq\x83\xca\x8eT\x97\xeb\x0e\x19\x14\xb0\xed\xb0\xc0\x80Y\x07+\xac\x82\x0f-:\x05\x97\xad\x04\x96D[\x1a\xb7\xb6\xbe\x0e\xd9\x9a\xc7+[\x89u\x06\x95_\xc4hD\xac|4\xaf\xca\xc2.\xbf\xdc\x80\xfe\xb1\xc9\x84P2\xd9\xe5\xcb2\xbb\xc1\xcdv\x12\xb9\x9a\xc0gfTx\xf0\xa9N\xa7#\xb2+*\xd2$\x92\xca\x84\xf2\xc5E\xe8\x1e\xf5\xe7\xf1\xea[\x89u\x1e\xbfgpg#%\x8b\xcf8\x0e\x13\xabl\x93e\xf7\xfc_Ud\x17\x89\x8a\x8aD\xf2\x18\xb7\x93\xedv\xb3\xb1\xb5\x8b\xbeA`\xa9\xbc^]\x14\x91\x8bT\x92\xca\xd6\xfe\xc5uL\xc9\xba\x86_;\xbdWt\xf4\x94\xc2\x1dM\x81\x86\x9a\x81\x06i\xd9q\x90\xf8\xe5*\x8b\xcf\xect\x9bDvQ\x0b\x84X\xcc\xccr;\x95J\xb6\x90\x8b\x85\xd64p92\xa8\xa0\xbf\x01+\xadP"\xa9iH\x08\x850\xa7\xcd6F\xc0\xafoe\xc8&gt;4X\n\xa0\xb8\xf8\x8c|4\xdf\xa3\xa2\x97\x1b,z\x8d\xd3d\x82\xda\xeaq\x8c\xd6\xce\xcc\x99LB%\xcd5\xeb\xa8b\x95\x87\xd60\xbd\x05\x8a\xebg\xac&amp;*fe\x0bmW;q\xbb\xc5\x95\xdb\x95s\xbc\xe8\x90\x87\x19f\x1d\x07U\x92H\x04\x85e1\x0f8\x99r\xb1i\xc6:bt\xd5\xde\x0e\xdal\xb6j\x17\x1c\xeeGF\x8c\xc0\x1aPx\xdb\xdb\xdb\xbd%pU/\x04\xd6\x95&amp;z\xc0\xaad7\xce\xe3x\xcff\xdb\xb7GDrC\x0c\xb0\xe0\xb2x&lt;\x03\x8aH.\x8f\xf0\x9a5\xec\x18\xf8\x85\xb9j\x9bY\x9a\xab_\xd2\x06\x83A\x98\x11\xdb&amp;\xe0\xec\x17\n`\x17\xf5:\xe4\x8aG\xa5\x15\xce\x16=\x80)\xa5]8&gt;F\xcf%t\xe6\xc3t\xca\x94"\x16\x87\xc3\x00b{D\xbbB\xafOf2\xc5L(\xabz\x88%mku\x0f\xcca.\x97k\xa2-\xef\xe4g\x03\x1a\x9f\xce\xeb\xf5Fe\xb2\xcb\xd2$iP[,j\xf0\xda&lt;\xae\x0f\xf7swt\xe6\x9f\x15\x8b\x1b\xb3\xa5\xd1\xfc]\xfc];#S\xdbSuf}T2\x8f\x97\x95\x95\r\xa6\xb9\xb99`]\xba]{\x0bT\xb7\x86`\xaeV\x93b\xf5\n\x9d7\x9e\x98\t]+\rX5\xf5W\xc7\xce\xe3\xfc\xc2g.a[\xf7Y)b\xa1\x88\x8cHMmW\x98\xd9\x02\x01\x05\xe5\t\x925\xb74\xb7\xd4\xdc\xac\xd5\x96\x82\xac\xb6\xba\xba\xbaj\xa3\x9aN\x8d\xcd\x84k\x10\x11\x9aiEz\xba\xe4\xcar\xf7\xf9\x97sq\x7fA\x83\x90\xd8\xd9\xd5}-{S\x15\x11\x03GA6\x94r!\xa0\xa4\xe1\xaf\x96\xfa\xa5%\xc8\x99-\x18\xa4\xd3\xa9t:\x8dv\x89\xcaJ\x81kbf\n\xb9\xac\xac\x18Xc0\xe6o\xc1\xcb\xb1\x04\xc2\x8e\xedc\x88U\x10\x13\x11\xb1?5UGN\xa3P(\xf5Ric4_,\x16\xcb\xc5-\xa6U\xb7\xc9\r\x87U\xe7\x0c\x15`\xf4\x84\x04V&amp;\xb0\xd8e\xc0J\x93&lt;\xfa\xcfV\xbdXF t_-\x80d\xc5 \xd7~\x05\xb9\xb0\x90\x82\x8a\rP\xa8\x9b\xb6\xac\xaevt8;\x10\xcb\xa9d\xfd\xc4"\x12\x11\xab,\xad\xe6Q\xd7\xd6\xb1\xe6\xaf\x16\xbc\x15\x19\x19\xb1\xc9R\x16\xa6Qx\xbc\x96\x96\xb9gK\xcf\x9e=[}\xf0\xe0\xc1\xf0\xf0\xf0\xcc\xf0\x0cD\x90E\xa5\xd1\x12\x8a\xcb\x88:bfJ\x19\x8b\x05\xac\xe5\xce\xadcm\xbb\xc6+\x88d\x86\xb3\xb5W\xc7.L+\xeb\xd9x|\xf7\xeec\x08\xb0\x0c\x0f\xbf\xb8\xfb\xe2.\x8a\x8d\x8d\x8d\xaa\xb66jzE\x94\x17\xb1\xca\xc2\xac\xf3/mU\xe4&amp;NS"Q\xb6\xc0\xb5\xb7\x9d(H\xa3\xcd~\xbe\xd0\xff\xcd\xf3\xe7\xcf\x1f?~~\xf7\x9b\x9f\x85qv\xc1H\x15\n\xda\xbdDt4\x05\xd6\x95\xe9\xd7\xb6\x8cE\xd81V\x18\x03\xfb\x10\xb9\xfe\xb0?^ \x10\xd2\\\xbd\xf7\x1f./O\x8f\xfd8\xbd\xbc\x04\xbc\xd6\xd6\xe6\xff\xf2n~!m\xa5i\x1c.\x89\x92?jr\xe2E\xfe4($\x90\x1ck4I\x15\xa2\x171&amp;A3Q\x1ab\xa26\x1a11\xa3\xa4*\x834\x08\t\xdb\x8a\x82\xb5\xd4*\xe3\\\xb4wSz\xe3\x8e\xd4\x1d\xa5t\x86\xce\xcdnYJ\x99\x1d\x84\xed\xd2vw\x9d\x0b\xa7,\x85\xda\x0e\x95\xce^l/\xca\xa2\xbb\xfb{\xbf/\xb1\xee\xee\xec2\xdb\xed\xe9k\x92V/\xe4\xe1y\x7f\xdf{\xcew&lt;g\xe5\xc2\xfd\xfb\xdf\xfc\xfaO\xdf\xdf\x0c%|M\xbf\xa1S\xd3@ \x83\x85(\x93\x0eK\xb51\xe7\xd5P5i\xea\xeb\xeb|\x1a\x8b7\xfd\xe0o\xfb\x07[[\xbb\xa8\xad\x9d\x9d\x83\x83\xbd\x9d\x9d\'\x8f\x1e}\xf3\xfd\x177\'\x1b\xbdMM\x1f\x13Vs 3\xb7\xb9\xab\x96\xee\xd6y\xd5\x8d\xc5\xb4\x17\xaa\x9a4uM\xe0\xaa\x13\xfd\x91\xa7\xaf\xbf\xfb\xe1\xc5\x8b\xfd\xbd\x83\x9d\x9d\xe7x=y\xb4\x82d\xfd\xe5fs \xed\xf55}\x86\x1e\x9e8\x11\x98\\\x9e\xdb\\\x97\xf2Fp\xf9\x97\xed\t\xaf\x0f\xd1\xaa\xd3\xd4W\x89\x16\xbd0\x9a\xfc\xe1\xf5\xeb\xb5\xbbw_?]\xdc{\xbe\xf7\xfc\xc5K\x96\xf9?|j\x0be}&gt;_c\x0fQ\xd9\xd0\xc3\xbdj)\x1f4P\x1e\x04\x87\xc0\xe5c\xa1\xaf\x12\xf4\x05}l\x14\\\x18\x0ekw\xd7PX\x8d\x7f\xc7j\xfc40c\xf5\xfa\xbc\x8dZ\xda#\xda\xb0\x0e7w\xe4\xd2A\xe1\x08\xb4\x15\x84./\xc3\xd2\x88\x82~d$\x16\x8b]\xc3\xcc\xbav\xed\xf1\x1a\xab\xbbD\x85S\xd4FNUC[\xd73s\x9b\x07\x95\x12\xf6\xf0\xb4zw\xb9=\xcdt\x01\xcb"\xe8u\'Gb\xe10\x06\xfccb\x833\xf8z\xf9r&amp;4\xd3\xdd\xe8\xcdZ\x19\x96-\xd7&gt;7\xb7\xb9\xa5\x94\x12K\xb5\xbe\x19L\xa7\x1b\xc1U\xc2\xd2\x8d\xb4\x86\xf3\x8cim\xed1k\xe3\x83\x99\xcfs\xa1t\x16\xb2(Y\xb6\\\x0e\'5\x9b\xbbnI\xb1\x9e=\x9f\x86\xae,k\xa3E\x14\x08kd$\x1f\xbb\x86\xdc#]8\xfap\xaan+]\x03\xc32\xb4M\xe6\xe8\x14PZ,L\x88/\x97\x83\x9c\xcbG\xd9\xd2\xe9\x08+\xb64Ag4/\x1f\xe0(t\xfd\xbb\xcf?\xff*gm\xc4\xd6\x82.&gt; \xefCs\xc0\xda\x90\xf4\x01\x03\xd5B\xd7\x99`0\x9d .\r\xa0\x0c\'O\x16\x04\x9c\xd6${\x9f._ZY\xa1\xbf9a\xa3\xf1U\xb7\x15\xd5MP\x93\x94,\xc9\xb1\x8e-\xf4;\xa1+\x91@\xec-\x06\x1d\xd5\x08aa\x8f\x18y\xba\xbc\xbc\xfc"\x8d\xea\xee\xb6\xc2\x95\xb6\x9b\x0e\x87\xd4\xc2\xb9\xcb\xd3\x12c\x9d\x96\xf7\xf7A\xd7P"\x92\xf0j\xec\x802\xe8\x0c\x85\xb3\xe2\xe8\xd9\xb3\xd8jD"WQ\xd9_j\xd1B-\xb0B\x93h!\xf6\xd3g\x96\xa77\xd7\xa5mb\xe5\xe0\xad\xb9\xf6\xf6!\xe8\x8aD\x92a\xa6\xab \xfeJ\x14\ng!\x0cUw\x15Y\xa7`i\xb5\xb9\\.\x93\t.\x83*\x18\x94\xf6\xd8sL\xa5|\xb5\xd474\x04.g"\x92\xc4\xa6\xf1\xa4\x8en\xe6\x12\n\x08\xfe\x08\xc8p2\xe6\xcd6~\x96\xd5v\x13U.\x98\x0b\xb6/\x07\xc7\xc7\xc77\xa3\x92&gt;\xe4\xa6ro/M8\x89\x0b\xe7\xf1\xbdv;\xf9B\xea\x0b\x0c\x0b)\x03\x15deC!\x82jo\x0fR\xb9P\x97\xa5\xb5u\x9a\xb0\xa0k\x88\xb0"\xd8^\x84ua\x1d\x94\xe10\x14\x06\xd7\xe8h]\xd6\x8a\x91\x15\x98&lt;B\xd5\xdc\xdc,9\x96zc\xc9\xde\xebt\xd2\xee\xc2\x89\r\xc6\xad\xa50m\xb3[\xd9\x07\x06X\xb2\xd7\xdb\x88d\xa1}\xc1`{0\x93\xc9\x8c\xbb\x9a[&lt;-\xef\x01+\x9f\xec\xed%,g\x1fjbi)\x9f\xcf\x13Wk+\x0e\xda\xf6\x89^o6a\xa5\xa8\x07\t*\x93q\xb58\x1c\x0eO\x8b\xc4X\xc7T\xeb\xb0\xd5\x1bqR\xf5\x11\xd9\xad\xa5%\x86\x96\xc7\xa8GE"\t\xb2DP.\xbc\x9a=\x8eTm\xad\x03Xj\xc9\xb1\x92\x8ck\x88\xe9\x02\x17\xd5\xc4\xd2\xc4\xad\t\xb2\x17q\x0e\xd1\xca\x1b\xcf\xb8\\\x93\xd4?Gmj8U+5\x16\xb6\x8ay{2\xd9\x1b\xe1\xbe(`\xce\xc5\xbe\xc5\xbe\xbeE\xbc\xe9\xc3yf\xfa\x12\xa8\xb0\xf8\x02\x01\x0e5LX\xd3\x12\x1f\x13U7\x80e\xf13.\xb6\x1e\x87\xda1\xc8\xe76\xe7._\xbe\x8cO\x1cg\xa6\t*\x10(\x9a\x1a\x18\xc6\xeb}`u\x11\x96\x9f\x1eW!$\x8c0\x96\xa5\xe9\xe9i\x10M\x1f\x85r\xa4\x06\x08j\xe0\xfd\xd8\xeaJ&amp;-87\x05\x19qexQ\xd7\\\xec\x83\xc6\x14\xad&gt;G-3E\x95:\xd7riW\xd2\xc7\xd2\xb9-?\x9d2kz\x01\x96h\xcf\xb0\xb9\x04CE",\xbd\xe1T\x8a\xa8\x08jj\x8al9\x80%\xd9\x93\xb9*\x86\xb5\xd0o\xb7\xd3\xbeZc\xb1\xf8iI&amp;\xd2\x93\x9e\x9bwVWW\xef\xa0V\xa7\xee\xdd\xbb7u\xe7\x1c\xa8jS\x03\xabt[\xcb\x14\xc3\x1a\xdfrK\x8c5\x18\xb3[4M\xd8\xbe\x8aB\x12\x9dD\xca"C\x99\x96;\xf7\xae\\\xb9}\xfb\xf6\x95{S\xe8Y-z\x98\x1a\x06*\xc7\xc2\xdc\x1a\xdf+S\x81K\x1a4\xfcf\xc2\x12\xc4\xfa&amp;\xec\xf6q*oI\xb2\xb2\xdb\'\x9c3\x9es7\x07V\x07h\x1c\xd4:&lt;\x1e\xc7\xf0\x1bY\xb5\x9e\x96\x95}\xa3\x8a\x95tXa=aa\xb3\x8f\xad\x8fHLI{,o\x8f\xa4s3\xb6\x86y\x07+\x8f\xa7\x96\x05\x8b\xa2\xf5[\x86\xf5dV\xadv\xbf{.j\xc0i\xfcV\xb5|0\x0f,M\x13\xddn\xdd$\n\x02\xa8\x80\x16\xceOP\xccB\x81\x9a\x86\x86\x06\xb8\xe2\x89\x9f\xc2\xd7@\n\xf2Z\xc6\x7f\xf7gc\xb5Q\xf9\xce\x85\xf1d\xa8d\n41&amp;j\x98-\x94E\x14\xe9jj2\x16\x8e\xd9\xfd\x91D\xb7-\x000\x86\x95J\xd1\x80G}\xe4\x98\xf74\x8f_\x7f\xf8\xf5\xecX\x91\xeb\x9d\xde@L\xaa\x14\n\xe5\xb3\xfepL\xa4h\xa1\x89\xf5\x16V\x8c\x8bc\x85l\xb6\xe6"\x17\xdd\xbf\x8fY\xf1\xd1\xa9S\x8e\x86f\xd7\xca\xc3?~K\\j\xf6\x8bN\xbf\x134\x15\x97\x05*\xc5\xc2\xab\xae\xb0^`\xd9\xaa\xa2\xfb\xe654X\xfd~\xc2\xb2\xd45\xd2f\xe7D\ro#M\xd4Z@\x9d\x9a\x9foi\x1e_\xb9@\xba\xc6\xa2r\x99[\xa6~\x07\xcaT\xc7\x8a\xe2\xd52PUn\xe7\xbb\xc2a\x81\xee\xb5\xae2\x998\x17\x1d\x8a"\xbd\xfeQ\xbf\xcf\x1aj\x03W\r\xb8(b\xf3\xbc~1?\xdf\x10p]\xbf\xf0p\x1fX\xb3q\xb3\xd1X!W\xba\xd5\xff\x1f\x98\xaa\x04\xa5`\xf5,\x1f\xeeo\r\xeb\xab\xf8\xe3\x05B\x95(Z,"\xb8\xae^\xad\xf3CV\x0f\xb8\xe8B[\r\x15\x915\xf0\x02\xd6\xf9\xdf?\x01\xd6\xd8\xec\xd8,^c\xf1j\xf9[\xcfW\x95\xea(\x94\x8clm\xdb\xbb\xfa[u\xfa\xaa\x0f\xea?\xa82UA\x98^\x10\x04\xa0\xf9\xeb\xea\xfc^l\xa4C(\xe2\xe2`5\r5\x17/\x92;\x1c\xba\xcf\xdfgXc\xb3\xbb\xb3\xb3\xb3\xbb\xbb\xc8\xd9\x82\xf2\xad\x0e\xdfGz\xa7P\xb8\xdd\x84\xe5~\xa5\xeb\x1cl\xd5\x19\x04z\x10\xc3D\\\x82\x1ee\x17\xb1\xe3\xc1F\xccJw\x04\xf5P#\x89\x8c\xd8.\x9e\xa0\x1b\x7f8\xd6\xfeX&lt;\x1e\x1f#[\xec=\x165\x9a\xcb\xdeB\x19gR\xe2\x8bL\x11\x94B\xf9\xaa\xb5s\xb0Sg\xd0WQ\x99P\x82\xa0\x07\x99`\x01\x967\x81\xcd\x85U\xdb\x13\n\xd9\x18\x19\xb1],\xeaj\xf0\x9c\xbf\xf0u\x9c\xb0\xe2\xac\x95\xb3\xf1\xf5\xf8z4j\xac\x96\xff\xafO,\xaa\xd4j\x85RI\xa2\x80\xc5\xa3\xe5V\xbe\xea\x1c$,\xf6\xf8Q\x95\xa9\xa3\xa3\xa3 \x14D\xbdA\xaf\x175\xe4+K\x7f\x02f\x9d\xa4f\xb6}\xc2\xa4\xd5\xd0\x02\xf0\x9c{\xf4m4\xca\xc1\xe2H&gt;&gt;Au\xc3X\xbdp\\\x81\xb5\xf9\x93\x99X\x94\x94\x8c\x06p\xc0b\xdfo\x13\xd6I\xbd\xbe(\xab\xc3\xd4\x01,\x11\t\x13-\x9a:\x1f\xf51\xdd\r\xb0nmO\x0f\xc5\xff\x93\xb6\x13\xb0\xc5&amp;\xff\xb9}pD9\x19c\x8bG\x8dF\xe3\x8d\xea\xeaj\xf3\x82\xbc\xf2\'\xc4\xec0O2z)\x95\xc5&amp;\xe2\xedvo|8\xc8\x9b(2Y\xa6\x8eB\x01\xe6\xe0Nd\x7f\xdd\xf0f\xe9\n\x92\x16[}-\x81\xb5\xb5Q\xb4\xa8\x8b\r\x8e\xeb\x7f5F9\x17\xa1\x8d\x11#A\x99\xcd\xc4\xb5 \x97W\xfe\xf7\x98\x15g\x81[\xc1\x99\xb80R\xc7"\x7f\xe3\xe7\x83\x1f\x12\x16o\xa2\xa9\xc3`0\x14\n\x02EL\x14a\x0c\xc2x\xbe\xb4T\x84\xc5\xd6$a=\x8f\x1b\x8d\xf0C4\xc6(\xa3B\xb2\x08\xc9l\x06V\x19\xc0\x8e\xbb\xff\xa32.\x8a5\xb0h\x8a\xdbR\xf3\x1f*\xe5\xdbd\x0b\x19/6\xd1\xa0c`\x05\x93 \no\x1aIH\xc4U\xc2\xaa\xa9\xf1\\\xda5\xbe\xa98sE-4\x9b+P\xc0*\x93C\xd8\xf1\x1f\xcf\xbfJV\x8a\x13\x8f\x14\xb9R\xd2?\x87X\xcau\xb2\x85\x99 \xd6\x03\x0b8\x0c\xcb$@\x17\xc3\xf2\x95\xb0\x8a\xb6\x8a\xa3\xb5\xc1\xb5u\xc8TM\xd6\x08\xaa\x9ad\x01k\xa1\xbc\xac|\xa1\\\xce\xea\xb8\xf2_\xc8\x8a\xd3\xa0$\x8a\x03*\x15|1\xcaJ\x91W.l3,\x93H\xe12t\x98t\xe0\x02\x11\xfc\x89(\x9a\x13\xd97Md]$,\xd7\x0e\xd1T\xf3*\xe1\x15\xa9*\xca\xe0\xaa\x9c\xe9\x92WV\xcaY\xfcU\xff\x9c(\xd9a\xd2eJVG\xb0\x8ak\xf2\x06\xc6i\xb1\x89U\x88\x16\xd9\xa2\x89\xaagG!\x84\x8b\x86j\xc9V\x0f\x1f\xac5\xae\xbd\xe8!\x15"N\x88x\x13\x95\x99S\xc9\xe5x\x97q\xac2\x962vY[\xcd\xe4\xb8e\x87\\\nE\xc9\x16_\x93jZ\x8al\x05(7:u:=R\x8e\x05\x08]\x80b\\$\x0bkQ\xc3\x9ah\xd5\xb2\xf5\xc8l\x81\x0b\xae\xcc\xdc\r0\xb0\xf4J\xda\xf0\x13\xb4\xb0\xa2\x1c\xaa\xb8,`\x01\xac\x92\xfeW\x1aQ\xc5\xd5\xf7\xe3u\x88\x05\xb0\xe3\x1b\xad\x04\xc2\x9e\xe74\x15\x0c\xac\x8aX\x1a\x1e\xf9F\xba\xa2\xfb3+e\xab\xcd\xd6f\x0b\x1e\x18\xcd\xdcM\x05+N\xc8]\x95S\x95\xa0\xca\x18V%\xc7"\x07\xeeR\x9e\x14ol\xc9\xd8\x91\x90\xe3\xca\xd4j\xd6W\xe6K\xbe\xd1\t\x10vD\x84/N\xa5g\x91\xd7\xb0G\x8f\xb2\x18\xf6\x8d\x1f[ip\xc1\xd7\xe4\xe2\xee\xa1\x19PTT\x98\xcd\xdcZ\xf1\x07G\xb0X\x139Y\xe51\xe5\xbf\xa9\x92\x15\x9b\xe7&gt;\x04#[,nli\xfe\xa3M\xb3\xc7m\x1b\x08\xa2\xb0G\\.\x17\xa0\x80(\x8d\x92\xac\xba\x14I\xcb\xd2E\x90T\x06l\x03\x81\xf3\x03!P\x95"w\xb0/\xa0\xab\x18\xa0\x005AN\xe1\x0b\xb0I\xef\x13\xe8\x00\x99y3\xfbC;kJ\x16\x7f\xf7\xf3{og\x17\xb6\x97\x8f\xbb\x97\xeb7\xda\xcc\xc4Wk]J\xe0?$\xee?\x08\xd5\x8b/&lt;m_\x7f\xfa\xfbM\x94\x11\xa9\xa4{\xe1\xea7\xf6b\xaa\xde\xb0\x00\xe6\xe0\x9faI\xdf\x0b\xed^\xe2=X\xb4\x176\x0c\x03R\xb6\xe8l2\xe2\xaf\x18\xc2f\xbaXk\xdd\xe2\xcc\xcb\xaf\xc1\x05k}\xb7z/\x7f^g\xaeT$~\xfe~\xd8\xb4f\x97s\x04,\xd9\n\x95K\x8dH\x13\x0f\xac\x08\xac\\\xa9\xb2Z\xa1K\xd5!X\xf2\x15\x0b\xe1\x8a14\xe3t\xbeB\xb8\x84I\xc0\xd6(\xf5\xbcV\xe5\xda\xf5\xf1\x1e\xb9g\xa8\x9b\x16\xa6\xf5\xe8\x9f\x84\xabW2\xb5\x8f\x95"\xc1m["\xf2\x05K\xd5\n\xc9\xad!\x0c\xa5\x92\x16,\x9b\x7f\x82\x15\x8d\x08\xb0\xc7\x89\xad\xbcC\x85\x10\xc9\xa4z\xadV\\%8_2\x07\xbd\xfd\xc1P\xa2\x0b"$L\xe4M\xad\xba\xa9T\x82G\xde\xfb\x1c\xad\x8c\x95\x1a\xe3\x85\xba@(]\xa8.\xe1\x1d\x80\xc5\xfda:]\x9c\x8b\x83\x90K\xc2\xf5K\xe2\xc5z}\xfe\xfe\x87\x95B\xc0E\x18\xe9T\xb4r\x15\x90\x99\x08\xb4\x16\xd4\x8c\xb5\x9ca\x85\xc2\x96\x04+\x10\x8a\x15\xf2\x82\x82\xa9\xbc4a\xa3\xf18\xed..\x91.\x0cFYI\xbc\xbb\xdd&gt;\x1czO\xad2\xa1O\xe1JT\xbda\xd9\xab\x15^&lt;\xb1\x88\xd5\x9ci\x9fY\x90\xc1\x06_\x17\x86\xf0&lt;vj+\xab\xe5}B\xa3\xfdx8N\xa7\xdd\xf6\xea\xea\xf2\xeb\xedvw\x9a\x8e\xaf{\xefu\xd0i\xa4\xbc\x87Z\xc2\xe5\x80\xe52\x9d|"\x95*\x89\xd5,}\x03\xac\x9c\x9a\xca\xac\x1c\xb3\xb9x6)E\x05#Ck\xdc~3\x8e\xe3\xcd\xe10\xee\x9d\x1c$\x97\xa2\xa3=\x8aVP+o\x8ae\x83\xd0~\xc8\xa6\xb17\xc1\xea\x8a^e\x1a\xcc|C\xa8\'$Y\x0c\x9a\xab\x11h1\x0b\xc7\x9f\xb1\x01\xca%\xa8|\x92\x15\x01\x90\xab\xc80\x10\xc8\xa5\xf3`j\xe4{C\xa6V\xa6\xaa[W\'}\xbe\xe0\tu\xc8\xd2C\xa1\x1ee\xa8\xe4\r\x0c\x84\x83\xee)\x16\xc4\xf2j\xb3k\xf8\x9a\x0679\x97L\xb40Gy\xab\xb1B(K\xfa0\x87J\x8ayc"\xabM0++EPON\xa0H\xb9\xcc\x94\xb0P\xba\x08\xf5\x0bX\xb8\xfe,\xccz\x8a\xa1\xe0\xcd\xe0\xd2%\x9d\xeeg+\x8bK\xe8\xb2\x14m_\xfb\xa7}:j\rY\x82\xee\xf4\x06J\xc0\xb8J\x95s01\xbbU\xc9P\x89\x16r\xfc\xaazQ\xe4\x8a\xe6\xa2&lt;_\xdd\xcaC\xcb\xa0\x12VK\xadl\xc6(,:R5r\x1e1\x93\x1b\x9d`\x99O\x8b\xff\xc6K\xe9\xba\xa7\x99\xeb\xd2!K|\rB\xcfvH\xadURE&lt;\x7f\x00\x00\x00\x13IDAT\x08\x954\xcd:zD\xf60X\xf5\x1e&gt;\xfa\x0f\xb1C9\x18\xa0uH7\x00\x00\x00\x00IEND\xaeB`\x82'</t>
        </is>
      </c>
      <c r="M391" s="3" t="n">
        <v>45492.67770833334</v>
      </c>
    </row>
    <row r="392">
      <c r="A392" t="n">
        <v>1002819</v>
      </c>
      <c r="B392" t="n">
        <v>1954</v>
      </c>
      <c r="C392" t="inlineStr">
        <is>
          <t>Gabriel Veron</t>
        </is>
      </c>
      <c r="D392" t="inlineStr">
        <is>
          <t>G. Veron</t>
        </is>
      </c>
      <c r="E392" t="inlineStr">
        <is>
          <t>PD</t>
        </is>
      </c>
      <c r="F392" t="inlineStr">
        <is>
          <t>ATA</t>
        </is>
      </c>
      <c r="G392" t="inlineStr">
        <is>
          <t>PD/PE</t>
        </is>
      </c>
      <c r="H392" t="n">
        <v>176</v>
      </c>
      <c r="I392" t="n">
        <v>30</v>
      </c>
      <c r="J392" s="2" t="n">
        <v>37501</v>
      </c>
      <c r="K392" t="inlineStr">
        <is>
          <t>Right</t>
        </is>
      </c>
      <c r="L39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00b31f0a-e870-445c-bd21-fa131f9769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ce\xc7\xa8\x00\x00\x00&gt;tEXtComment\x00xr:d:DAEewil2SDw:3796,j:1497870925631122622,t:24040619\x85uW\x81\x00\x00\x00\tpHYs\x00\x00\x0e\xc4\x00\x00\x0e\xc4\x01\x95+\x0e\x1b\x00\x00\x03\x00PLTE\xff\xff\xff\x00]\xe8\x00;\xc7\x00C\xd0\x01H\xd5\x00L\xd6\x00N\xd9\xfe\xfe\xff\x01\x03\x03\x05\x06\x08\x01@\xce\x00Y\xe4\x00?\xcc\xb5n^\x00I\xd1\xd7|k\x006\xc0\x03E\xd3\n\x0b\x0e\xdf|k\xcdvb\xbbm]\xde\x97\x82\xc0m]\xe3\xa2\x8b\nK\xd7\x01;\xca\xc6mZ\xb5hY\xc9xg\xafm^\x01S\xdd\xe0\x9c\x86\xbfs`\xb1se\xafiY\xd3xf\xc4sa\xd9\x82q\x00T\xe2\xfb\xfc\xfd\xa8k`\xe0\x84v\xb0dR\xe7\x8c\x82\x013\xbb\xadnd\xce\x84s\x01.\xb6\xe1\x91\x83\xbbjX\xcep\\\xe0\x89y\x01E\xcc\x00A\xc8\xbadR\x97d[\xdb\x85w\x98^R\xc3wg\xe0\x8d~\xd9\x88}\xcf}g\xb9rb\xa1h^\xaaeV\xc8\x84s\xa0`R\xd2\x81n\xe7{p\xbdwf\xe5\x88|\xd5\x88q\xa7`P\xd8\x8dw\xe0\x82q\xc6\x80m\xe7\xef\xf4\xed\xf3\xf8\x9ecW\xa3[J\x01c\xeb\xed\xa1\x9b\xc1iU\xa4eY\xc9t^\x03;\xc2\x006\xc5\xc2}i\xd3t`\x86WM\xdbwg\xadYG\x9bZK\xe8\x90\x87_B?\xcd~nlJC\xf6\xf9\xfa\xe9\x98\x8f\x8fYN\x85_Y\x07i\xee\xae`L\xe4\x94\x8b\x13\x13\x15\xed\xa7\xa2\xd4\x84w\xc8ym\xe8\x9c\x97\xef\x92\x8a\xe6\x81x\xce\x8by{OF\xef\x9a\x94}YQ\xd1\x95\x80\xea\xaf\xab\xdc}s#\x17\x14\xd8\x92\x7f\x01*\xb0\xe5\xa9\x91\x89A.\xcexk\xdc\x92|\xda\xa1\x8d\x90aX\x85PB\xe0\xeb\xf3\xb6[Q\xd4\x99\x89-\x1f\x1c\xe6\xa9\xa5\xcakc\xe0\x99\x94\xef\x8a\x84\xec\x86}\x9ekd\xda\x9b\x88\xa2S?R0)\tq\xf1\x13w\xf5\x12\r\r\xec\xec\xec\xdaqae&gt;4\xd3\x8c\x80\xd1pl\xd9\x8e\x87\xdf\x86\x80\xd8\xe4\xef\xe4rd\x96SBnD8{H:\xbd~s\xb7vh\xa6pf\xe2\xa2\x9e7(%\xce\xde\xec\xcehY\x93I7\xcd\xd6\xda\xdf\x8e\x8a\xc2\x89\x80\xf1~yX72\xd5yvqSM%*.\x03&amp;\xa5\xb9|n\na\xe4\x90hb\xdbqn\x19\x1b\x1eO9:F0,?\x18\x12\xe3\xb3\xb1\xb5\xc8\xe3\xbc\xc1\xc4\xb9NC\xd4fc\xf3\xf4\xf46i\xd1\x864"\xa0\xb6\xd7P%\x1c\xc4\xd5\xeaA\'##|\xf3\xc3ZK\x8b\xad\xde\x16E\xc5\xe2\xe1\xe1\xa5yq\xd9iWd\x8c\xd8\xa6KE\xc4`Z+P\xbd\x93\x9c\x9fm4&amp;\xad\x82{\xa3\xbf\xe5q\x8f\xcc\xdb\xaa\xa8b&amp;\x1aU[]\xa6\xb0\xb4=T\xb2\xc4\x92\x8ev(\x18"U\xce^NK\xd9RC`jnOt\xd0\xb2\x8c\x89\xdd\xce\xcb\x91~\x8a\xe9\xbd\xbc\xbb\xa3\xa2Wq\xb8\xd1C.}\x87\x8a\xae\x1f\x11\xbf\xb1\xb1\xf3^e\xd0\x9d\x99WY\x9b\xc28%IRT&lt;EG\xca\xc4\xc3y\x9f\xe1\x1a&lt;\xb1\x97un\xa9&lt;2\xb7\xd3\xed\xe6cU-6\x88\xaf\x99\x97xn\x9d\xf7rxmuv;8=\xd4\xb6\xb2\x1ag\xde\x88\x9e\xcd&gt;\x93\xf8\x0b\x17WL\x13\xcf\xe6\x00\x00 \x00IDATx\xda\xc4\x98_H\xa2{\x1a\xc7\xe7\xce\xbc\x10\xc1?y\xe1\x1fh\xfcCZxH\x05\xcbj\xd2\xac\x1d:\x9e3J\x19\xac\x9aS\x9abV\x9e\xd9\x8a\xc6`:$3VL\x93`\x19\xcdN\xd9)\xe98\xe1I\x86p*\x84.\xa2\x9b\xe9\xdc\xd4@\x9b\x04!\x03{\xd1\xc5@-\xcces\xb5\xdf\xdf+\x87\x81\xdd\xb3{\xf5V_\xdf\x7f\xbeF~\xfa&gt;\xcf\xefy\x9e\xb7{\xf7\xe8\x10\x83Re\xa5\xd7\xebe\x94\xde\xde\xbb{\x01\xe8\xd1\xdf\xd3\xf9\xc2\xc5\xc5u\xb1xtt\x94\xdf\xf3V\xde9\x12\x83\xf1c\xbaP\xbc\xcafs\x1c\x0e\x93\xc9\x0cr8\xd9\xd3\x8b\xfc\x9c\xf7.\x1d#P\x85\xebl\x90YV\xc6\xa4^8\x93C\xb6\x08\xcf\xf0\xf1\x1dQU\xfe\x98/\xe6J8\xff!N\xb6X\x98\xab\xbc\x13\xae\xcaG\xf9\xd3,\xa7\xec\x7f\x88\x99+\xe6\xbd\x8c;\x88_\xfa"[\xf6\x7f\xc4df\x8fn\xdb0\x06\xc3\xfb\xafK\x0e\xf3\x1b\xc2\x9fr\x05O\xd3\x95\xb7[\x13\xd2\x85K\xe6\x1f0\xb8\xa0\x96\xe1\x7f\xb119_\x0b\xde\xdb\xcb|\x867\x7f\x85R@\x01Q\x07&amp;\'\xf8\xe7\\e\xd9\xa3\x0f\xb7\x15H\xc6\xa3\xa3,3\xbc\x1dd~\x13\xb08\xdf\xde\x95\x88\xc8m&amp;3w\t\xc3n\xc5\xaat1\x17\x0fgF\xa2\xccx&lt;N\x85\x8fl\x94p\xf5\r\xaft\x83\x13D\xe6\xdfFZ\xe5\xaf\xe2\xe1\x83\xe3\x883\xb6\xbf\xbf\xbf\x13\x0e\x87\x83\xe4\xeb\x99\xf1`\x1cg\xecAXG]\xc6\xc3\xd1\xd2\xa7\xb9\x8b\xb9\x9b.\xfa\x8c{\xf9\xaf\x80J.\xb9\xcdKP\xf2\xf8\xf8 \x1a$\x18\x949AN&lt;\x18\xcc\x85\xa3\xd1\xe8\xce~\x0c\xc2\x01\xb1\xe6\xe4\xaeo\x98\x8b\xf1\xa8p\x15\x8d%\x9d&gt;\xb3\xd9\xdcf\x0bH\xab\xaa\xaa\xdc\xcb\xb1\xfd\x1d\xe2\x0b1\'\x9aJ\xc52\x89!\xa7oi\xe9\xd7\xa5H$\x92\\^\x8e\xa5\xe2\x9c \xfc\xba\xd1vS\xc8\x86c&gt;\xab\xc1j\xb6\xd9\xda\xda\xaaD\x1a~\x85\xbc\xa2j\xe9Y\xf2x\x1f\xce$\x96\x97\x93\xc9\x88\xc1`\x92\xb0D\xa26\x9b\xcd\xbd\x04\xb4d2\x1a\xe4\xe4\x8e\xf6n2\xb1\xd2W\x84\xcal5\x13\xac@U\x95^#\x10\x08\x05|\x8d\xa8m)\x92\x8c,\xb9\xad&amp;\x93I*1\xb5\xc1\xc56\x9b\xdb\xed6\x18|\x06_2\xc5A\xc5\xdf\xbb9\xaf\xf2W\xe1\x03\x9f\x1d\x014\xb8m6[\xd7s\xbd\xbe\xa3C(\x14\xe0\xd0)\x96W\xf0\xa5\x1a\x8d@\xa3\xaf\xaa\n\x04\xba\x02\x01pS\\\x06\xb7/\x19\x05Wa\xef\x86\xe2\xc8H_\xc6SI\xa3\xd5`3\x83j\xb6\xab\xabK\xdf\xa1\x01\x16\xa8\xb0iy\xdaN\\\xeb\xf5\x01\xb8\x08\xae.[\xc9.\xc8\xb9\x1c\xe6p.\xd37\x83\xc5\x98+\x06\xa3\t\xab\x95\xcav`\x05\x02\xcf;:\x88[\x80Z\x17j\xd7\xb5Z\x1e\xaf\x13\xd7z\xa2\xe7\xb0\xcb=\xeb&amp;2Xk\'2X\x8f\xc5\x0f7\xc2Uy\x94\x0b\xc7\x9cF\xab\x9b\x04\xd0f\x0b\x04\xf4pI\xa8u\xc0&amp;\xa2\xf5u\x1eu!\xa4,\xd3?\xef\x9a\x9d\x9d]\xa2\xb0\x0c\xc6\xdaH\x14\x03E\xe1\x06\xda\x10\xba\xf3U0\xb5l5\x9a\xddf\x1bjC\x15\x95WZ\x99\x8b\xcdV\xb0\x1d\xd0\xbaVV\xe2\xd3\xae\x13\xcb\x08\x16\xa9l\xc02\x13\xbb\xc2L\xcei\x9a\xfe\x01\xacr\xef"\x97\xda\xf6\x19\x95$\xafl\x01=_\x00[dl6\x97\xcd\xb5\x80k~\xde\x01@\xb6L\xeb\xa0D\xd0\x00F\xdc\xc2\xfa\xb0\x1a\x8d\xc9mN\x19\xe7\x94\xfe\xb6]\xf9\xe1*\x9cJ\x18\x8cJ\xe4\x15\n\x16_.\xef\xe0\x81\x83mQXT\x16\x15\xd75\xef\xb2\x00\x0f`@u\xe1(\xeb\x14\xea\x03]\x04\x0b\xc9h4\xfa\x12a\xb4\xed\x02\xdd\xe3\x17\xc3{\x14\x0co\'\rF{\x1bV\x9a\x86/\x98\xea\x1cW\xd4)T:\x95Ng\xd1\xe9T\\.\x17\'\x90)\x14uuu\x8a\x96\x81\xef\xc4S\x02\x8d\x08\x8b\xd1f6\xd9\xedF\xc3\xf26\xda\xfa\xf5#\xba\x83\xb8W\x8c\xa72N\xab\xddd\xeb\xaa\xd2\x08\x85\x9d\xe3\xe3-u5\xe5\xe5\r\r5\r\xa0\xd2Y\xb8*]\r.\x7f\xaeih\x18\x1b\xfb\xbe\xaeq\xa1G,\x17\xf0\xablf\x9b\xd9\x0e,k\x84\xd8\x95\xcd\xd3\x1d\xc4\xb9\xcb\xf0\xc1\xb2\xcfn7\xa1\x80\xcb\xe5\x9d--\xb2\x81F0\xe9t\r:U]\x9d\xcab\xd1U\xd7\xf4\x81\xb3\xbc|\xec\xe7\xb1\xf2\xb1\xc6\x85\x85\xe6\x1f\x06\xeb\x05\xa6\xd9\xb66\xc2e\xf5%PS\x83\x17\x95t\xc70\x15\xcd$\rv\xf4\x16\x8d@.\x17\xb7\xb4\x0c\x0c\xe8\x1a\x88\xe0\x95\x8a\xcb\xb6\xa8`[M\xa3B\xd7\x00\xbf\xca_\xbdx\xb50\xd0\xdc\xdc\\_\xc1\x17IMmp\x0b\xc9u\x80\xb9\xf1r\x8e\xee\xea\x90\x8a%"fP\x894r\xb1\x18!T\xd45 j\xc0\x82S\x10\x95Zl\x07[\x81\x00\xd6}?\xd08\xf0\xdd\x0f\x83\x83\xf5r\x82e2\x01\xcb\xb0\x1cC\x14\xbf\xd2Z\xea19\xa42\xc9\xa4\x0ff\x99D\x9a\x9e\x1eqOOK\x0bR\x1bL\nxe\xb1\xb8\x90\xf1*\xd5S\xacE\x19V\xe1\x03EK\xcf`\xfd`}\xfd_*\xf8|\x91I*\xb5\xdb\x95\x86\xc82&amp;\x9c\x1c\xad%\x95\xb1w\x91\xea\x9e\xb0ZMH-\x91\xbcG\xfc\xa0\x85\x14\x82\x16,\xbb\xa7\xd8\xc1\xe4\xc2\xeb),c\xbb\x1c\x0e\x19O\xc6\xe3\x89\x07\xc50\xab\xa2\xa2\x89\xc5\x92RX\xd6\x88\xe7 \x1a\xe7\x14\xe7\xe8\xcc\xae\x0f\xc5\xedn\xa7Q"Ef\xf1\x11C\x9e\x98\xc7\xe3\x8d\xcbH\xddr\xc9\x1c\xf3.b\x16\x17\\.\x97K&amp;sP\xcd\x11?U\x0f,\xd8\xc5\x12QXNOl;\xcc\xbc\xa4\xb51~8}\xef\x89\x18\xf0w\xf3\x05\x02\xde\x03\x02E$#\xc5\x1d\x15}~\xde\xc5\xa5\xf2\x8b\x14z\x07\xc1\xea\xc4\x10&amp;\x10\x94v\xbeH"\xb5\xda\xcd\xbe\xa1L&amp;\xc5\xcc\xa6\xe9\x1b\x9f\x91\xf1\xe7\x9e\x91\x08f&lt;\x16_ \xefy \x16w\xe2\xabe&lt;t\x99y\x80\xfd\x0e\xcds[\t\x16\xa1$\\Z\xa1F\xa4\xd7\x8b\xf8\x00\xe3\x13.\x94\x08\x83\xd3\x93I\xc5\xe9\xc5*t\x8f\xf8\x9d\x06\x13\x0bX\x7f\x05\x15\x8f7\xa5\xe5\xb1\x11\xbb7\x08\xe0\x9b\xf9\x12V\xab\x8b\xebX\xff}}\x1d\xb7\xe6\x1d(\xf1\x18\x08E|\r\x9f\xc5\x17\x89\xeeK\x94J\xeb\xd0\x88\'\x16\xa6\x15\xcb{\xd4\xed\x9f0\xc3+\x8c\x9f\xc2N^g\xa7\xd6\xc1s\xa0\tZZ[\x9f\xb4\xbei}3\xff\xe6\r\xb0\xd0\x80\xc0\x89\x80b\t\xc8xB\xf4\x1e\x91F\x03\xb3\x90\xf6\xac\xfbj\xa3o\xc8\xd3\x1d\xcd\xe5i\\\x8a{\x17\xe7[\x12\x16\x1f\xf9\x8b\xc1A \x9c\xd2j\x1d2\xae\xe5au5\xd9\x1e\xbe|B\xe8\xc8F\x89\xaa\x15\xa8\x14\xbc\x0edV\tK\xc2b\xc1\xaf\xc8\x90\'\x15\xa4\xb1B0\xf6\xae7\xef\xb3X\xf8\nV\x05\x1e)0\xfa\xb9\xd8\x8a\xc7\x8f\xfb\xfaz{\xfb\xaa\x1f\xf6\xfe\xf4\x18p/_\xbe|\xf8\xe4\xc9\xc3\x97\x84\xb4\xa6\xefmM#[6%\x14\xca\t\xd7\x1fX\xceM\xcfv\xee\x88\xc6\x99k\xeet\x04X"\x91\x08a\x14NM\xb5\xd4\xbd^\x9c^[[\x9b\x1c\x9d\x0c\xf5\x86B\xa1\xf6\xd0\xf0\xf0\xf0O\xd5\x8f{\x87{{{Ck\xa1\xd0\xf4\xf4\xf4\xdb\xc5\xc6\xf1q\xde\x14\xe1"A\x04\x98\xb1\xd6\xbf\xf9\x9eV\xac\xf4\xe9\x04~\xafT$\x95`q\x89\x9a\xfe\xf6bzmwt\x97h\xb4\xbf\xbd\xbd}\xb8\xbd\x1d\xa7\xe1\xe1\xf6\xfe\xfe\xf6\xfe\xc9\xc9\xb5\x92\xa6\x17\x7f\x1b\x17c\x8c\x10\xf0A%a\xddW*\xb76\xcf\xb3\xd7\xb4a1\x18\xf9\xcbZ%U\xae\xa5\xac\xa6&amp;\xfb\xcc\xca\xc6\xd9\xe7\x13\x02\xf5\xcf\xdd\xd1\xd1\xc9I@\xf5\x13\xa0\xfe\xfe\xd1\xfe\xc9\xfeIr\xebd\xf2\xe4\xe4dz\xb1\xf17\xb4E\x01K\xadVK\x10E\xf5\xcc\xc8y\xb6H\xdbs\x19\xe3^\xfe|\xc2.\x01\x94\t\xeb\xe9\xdd\xca\xd6\xcc\xe1\xe1\xc6\xd9\xd9\xc9\xe4\xee\t\xb0@A!\x11*\x08X\x93\xbb\xbb\'\x94&gt;\x9fm\xac(YM\xc0R*%R\x89z\xd5\x7f\x9e=\x9d\xa3\xcf\xad\xa3s\xbfQ\x02.\xa3rbhucu\xcb\xbf\xf5\xc5?\xf3\x11\xdax\xb16\xb9\xd6^\xb2\xaa\x1dX8\x01\x0b@Dgg\x9f\x0e\x0fkk\r\x12\xb5\x12`\x12x\xb6u\xfe\x95&gt;,&lt;\x8amN\x18\xa5\x12\x89\xd2913\xe4\\=\xfb\xe2\xc9\xc4\xba\xbb=\xdd\t\x8fS\xbd1=\x8d\x9c\xa7\x92\x8b\x04\xb3\x1d\xe9\xbe\xf8\xf9\xec\xe3\xc7/\x87\x9f&gt;\xfa\xb7\xb6\xfc\x13N\x83\xda\xe7_\xa5\xb0\x8c\xf4b1.6\xfd\xb5\x12\xa5\xc4\xe8\x1926\xb9#3\x9f\x0e73\xe4\xffD;;1\xe7\xbb\xc1\xe6\xc6\xd7\xc3\xbd!d&lt;Vd(\xd4\xb7\xb0B*Aw&amp;\xf6\xfe\xbc\xbb\x1b\x9bsC=\xd4=\xb2\xaaT\xa3\xa2\xfa\xcf\xbf\xd2\xd8\xab\xbd\x17\x9e\x91\t\xa5\xe4~m\xe2\xd8\xdc\xd3\xd3\xbc\x82\x94\x7f\x87\xa2\xbd\xfc\x8f\xfd\xfd\xe3\x88\x8f5\xf8\xb47\xd4;L\xb8\xa6\xfb\x16\x17\x16\x7fq&amp;2\x07;\x07;\xd1\x9d\x83\x83\xed\xd8\xd0\xca\xc6\x84\'\x93\xd9ZE\x0cg\xfc\xe7\xefi|\xe6\xa7\xb0\x8c\xc0\xaam\x12\xf3\x14\xaf\xdf\xf6MO\xbfz;\xd6\\\xd1\xf6\xeb\xb3\xe3g\xcf\xac|Yu_\x1f\xec\n\xf5\xbdm\xecYQ;\x13\xfb\xb01\x13Kx&lt;C\xfe\xc3\xb3\x8d_|C\xb1\x03\x0f\xb0V\xff\xcd\xaa\xf9\xfd\xa4\x95\xa6q|\xefl/\x0c\xc9R\xd7\x0b\xc4D\x06\x89\xe0\t\x86J\x02\xa7p\x16\xea\x8a\'\x8c\xb3k#\x9d\x0b\x0b=\xe2R#[~\x9cZ\xd7\xd3I \xab\x8b\xf5\xf0#4i\xa9p\x02\xd6\x1f\x1b\x082\xd8\x98e\xda\x9a\x05c\x9a\tIK$\xe3$\xd2\xc9\x9a\xd2\xd4q\xe28\xd30\xdd\xa4\x8443\xf5f\x9f\xc3l\xf6\x1f\xc0\x97\x1bB\x04?|\xbf\xcf\xfb\xbc\xcf\xf7\x1c\x94\xeb\xa3\x80uj\x1e\xfe\xf1\x97\xb1\xf5+\x97\xdb\x05\x82%\xfb9Zhd\x92^/\x9br8\xbc\tS\xd0\xe5\nzh\xa3\x04\\\x1cvX#\xee\xe6?\xcc.\xee\xee\xee\xbab\x97\xdb\x97\xd6\xd6\xe6\xde\xbcY\xe8\xbb\xb1\xb6\x11\x18[\x0f\x08\x04+\xe3\xeb/\x1f\xbd85\xb5\xeaXS\x97\x05\x82\x8d\xa5\x8eV\xba7DA\x9aX\xe8\x1b\x10\xb4\x0f%\\\xae\x84+\x11\xf4\xc4uVh\xa7\x8ed\xba\xf5\x12\xbc\x04\xaf\\j\xfb\xb4\xe7\xb3\xcf\x16\xfe:\x17Y\xb0\xbb\xedKK\xcf\xdf\xad\x08\x9e\xafLM\xbd\x1c}qjju\xfd\xfd\xd5\xe8\xd8\x94\x18\xb0Tp\xf6\xf0\x0c\n\xfd\xec\xfd\xc7_\xde\xbe\xfd\xf8\xe5\xfa\xe2\xfe\xfe\xf6vP\xd1\xcb%\xaeC\x93OR\x1du,\x96\xecjws\x8bF3`\x87\xa5\xd2,o&lt;_\x91\nV\xa6\xc0\xc4ST\xebO\xacZZ\x81@\xd3\xaa\x98\x08n\xef&gt;\xbdu\xf7\xb7?\xfdt\xe6\xed\x8bG\x8f\x9e\x96\x80\xcb42\x12E\x1c7\x9d\xc3V\x94\xafwmo\xef\xef\xef\xce*\xdf\xbd{\xbe\xb1\xf6\xb5\xf4j\xecj\xf7Gm\xcd\xcb\x1bP\xf1`"`\x9d\xd2Nd\xef\xf6~?\xb98\xb5"\x10t\x18\x14\xc1\xed\xfd\'\xb7\xee\xfc\xf2\xf6\xe1\xc33\x0f\xdf~\xf5~\xbd\xb4\xbf\x9d\xe8\x1b1F\x11\x8b\xd3\xefLR\xe7\x9ac,U\xe9\xce\xe3\xb7\x1fn\xff\xe3\xd1\xe8\x94\xf2\xc2l"\xa6\xffH\xb3,\x00\xac)\xb6\xb6N\t\xabk\xeb\xcfM_\xad\x8fM\x02V\xab\xc1\x10L\xb8@\x9f\xe7\xdf&gt;\xbc{\xf6\xee\x87o^\xcf&lt;\xd8\xdd\x85\xd2\xe2\xea\xfcN\x7f\x8a\x94\x08\xe9\x8e\xafc%\xd8\x87\xe3\xaf\xde&gt;&lt;\xf3\xc5\x17\x7f\xb9}\xeb\xcb]W\xe2\x92\xbem\xa0\x8e5\xb6\xfe\xe8\xd5\xa9\xb4\xd3\xa6\xad\x93\xd7\xdf\xdd\xfbarrR,mW(\x14\xa6\x9d \xacDb\xb2\xf4\xb4tm(\x06\x1bq;h\x8a\x87\xa2\xa4?\xa5#\x8d#\xb4\xe2|\xacT*-\xbe\xfb\xe6\xc3\x99\xb3g\xef\xbe\x18\x7fr\xebIi;\xf8\x7f\xac\xb1\xd1\xefOe\x82\xd8\xfa\xce\xb3\x93\xd0*\x1f\x80Z+\x17M\xecR\xf0\xcc\xb6\xb5\xa5\x89\xfaS\x83b\xc2\xd4m\xca\xb3XH*e\xcc\xe5\xe2\x06\xd3\xd5\x18\xf4\x8c\xe0\xa5X\xe9\xce\xe7\xf7\x1f&lt;H\xc4\x12\xae\x98^\xa3R\x01\x96\x18\xb0^\xfc\xab\x0bV\xc3\xf3\xfc\xbd\x9dj1\x9f\r\xc6\xc6&amp;\x03+z\x93iBa\xe8\x15\xda"\xabsX?\x9b\x05y\xad\nE&lt;^\x08\x85\xa2:\x1cL\xe4\x8c\xc4\x8b\n\x858\x91\x08\x9a&lt;\x9e\x89\x89\xb6\xe5\xe5%{[\xb7&gt;\x18\xf4\x18Z\xeas\xcd\xe8\xfdo\x9f\xdd\xfb\xcf\xfb\x1f\x1a\xce\xb0\xcf*\x95x\xa8\x907=\xb8\x16\x10O\x98&lt;\n\x1e\xdf\x16\x89x\xad25\xca^Z\x13\xba9\x10[\xa3\xdc\xa8\xce\xef\xf3\xa5\xfc\x940G\xc7y\x06\x93\xa7{\x82U\xf5\\\x7f\xda\xad\xd2\xb4\xb4t\x83\xb0\x9e\x8bZq`|t1\xf0\xfe\x9d\xab\xaa\x7f\xddh\x81\x1dT\xcaQ\xa3\xb1\xd7\x10\xbb\xa2\x15{&lt;\x06\x9e\x90\x83a2\xeb\xef\xd4jL$\x92\xa0\x12\xdc\xaa\x96\x90$\t%\xefO\xa5\xfcd&amp;,\x0c\x879\x1c\xa1\x9b\xdfA\xb7\x9es\xbb{\x16n\xf4\xd9\x07Z\xcf{L\x13z\xadX&lt;&gt;:\xeb\xc9f\xf3\xf9j\xf5\xa0!\x1b\x9b\x9a\x0e\x8fj?\x16 \x96\xc6f\xc5\x17=\xc5^\x88\x86\x14#\xb3Z\t9*\x91\xc8q\xc4\xe2\xb5"\x08\x02\x99\'\x05T)2\x93\xc9p(\n\xc30Q\x7f?\x86%#\x91\xc8B\x8f\xd9\x1d\xe6)&lt;&amp;\xfd\x90\x16\xb0\xf4\xbc\x91P.^9&gt;i(\xff4\xfdf\xef\xe8\xe7\x1fk\xe4 \xf7\xea\x15i\x9b\xa28\x02\x19PG\xe2\x08d\x1d5\xe0 \x10~X,6\x86\x91\xa9\x94N\x97\ts(\xd4\x86F"r\xf9\xc7\x18\ng\x14.\x81\xc5\t\xd3\x80uY\x1b\x18_l1\x0ers\xd1re\xaf\xc1X\xb6Y\xfe\xb9V\xabq\xd1\xa1\x19\xa9\xa2\x18\x0fQ$B8\t\x9f\xd3I\x10\x90\xc0\x10\xc4\xca\xca\x05\xc90\nr\xf9\xfc\x80\x15\xa6\x18\x0c\x8b`\x94D\x8d\xca\xe5r\x1c\x96D\x86\xa6\xc3\xc5\x1d\xc0Z\xf9\xe7\x15&gt;\xcaP\x10w\x8f\xf6\x1al\x13\x9bG\xfe\xc2Q\x99\x8b^\x0eH[`x\xc0\t6u\xdd\xb4\xb0T\x88\xcfOX`\x96 \xb9\xc6\x0cP9\xff\x87\x85F\x98\x08f\x94`r\t\xab\'bM&amp;\x93L\xd8\xb3s\xb1\x8e\xd5\x83\xd9\xc8\xa8\x8e,o6\xaa\xd6\x11Y\x88\x92\xe5\xbcF\xdb\xde)\xe4p\xe5\xd6z.t\xfa\x9c~\x9f\xd3\x07&amp;:\xac8{\xf1\x9bL\x81\x82&gt;?\x95\x06.\xb6\xa2P\x8a\x1a\x94\xcb \xc8\xb2\xe0^&amp;\x97\xf5\x00V 0c\xb6\x85j5\t~\xb4\xd9P\x87`K\xbe\x0c\x9a\x1fW\xda\xb5\xed|\x8eqPF\xc0\xd0\xee`S\xaa\x93\xe5 \x085\x93\xc9\x85\x8c:?\xc4W\xa7\x13A\xd00\x1d\xc6\xe6"\x18\x14\xbe\xa4\x0eea\x03c\x92\n\xb7\xb6\x89\x03\x80\xa5\xea\x95\xd7\xcaF\t\x98\xd8`\xdf\xca\x17\x9c\xb5\xa3\n\xb36$p\x0b9r\x90gu\x1e\x82\x04Ka!\xfc8\xc5\xa1r\xa1\x10\x89\xdc\x9c\x86\xc1\xe6\xba#\xc9@\x19\x85m\xfdn\x91\x1ce\x10\x1cv*\xfc\xf9\xeaj2\x1d\xa6\x9b\x01K\xa9\xf4\x1c\x17\x90h\xaf\xac2\xd7(V1\x1a-\x1f\x15\x0e7.H;\x8d\\9\x01S\xe8\xf5\xe9z\x84\x06qpc1\x9c\xc9\xe8H\xeb\xf0\xe1\xe1\xe1\xf5\xeb\x87\x87\xab\xc9d:G\xbbyq!\xca08[Y,\x96\x17hi\r`\x8d+m\xc7\xc7e?\xea9^h\xf0\xa6\xe73\x1eP\x95\x9d\xd3\x1dJ\xa9J\xc8\x95#\xc0U\x0f\xa9\xc37\xa1\x94\xb8\xf9&lt;\'J\x12\x0e\xc7&lt;\x8b5|x\xb0\t\x08\xe9L\xf8|&gt;n\x9408Q/D0\x91\x81t\xadYa\xb1\xa63\x95\xa3\x9a\xa5z&lt;\xd7 \xd6=~\xb4R\x89:}\x9d\xca\x15U\xbfH\rX\x10R\x0f\xebX\xc8`\xbcj\xa0tN\x87\x95!\t6\xf8\x0cCD\x8c$\x93dZ\x91\x05.\x046\xed\xaf\xd7#\xbc\x98\xcd\xacj\x0f(\x033b\x07\x01_RW\xac\x9e4h\xe2V_\xe1\xf88\xeas\x9a/h5f\x11\xf4u\xc7\xfc\xf4\xe6\xafX~c\xb6Jgt~\x82\xe1\xd1B\n\xf7\x11L:mwcL&amp;]\x84\x13&amp;$\x81\xc2\x82\x84\r\x1eFlp6J\x01k|\xd9\xe7\xac\x95+\xe5\xbc\xe7\xa0\xc1\x06\xb1\xf5\xa6P9.\x0f\x1f.\\S\n\xf8\xa2A\t\x0e\xff\x8a5\x11&lt;${\xab\xf9p&amp;\x9a\xa1\x1f&lt;\xd9\xf5\xd0\xe1L\x98n\xd5\xdf\xdf\xf5\xc0\x01\x14\xf6T\xb39]\xfd\x1bL\xefy\x93\x98\xcdf\xd7\x88\x95J\xe5\xb8\xd9\x97\xaa\xc1\xb6\xce\xaf5zTw\x9d\xf0\n\xf09Y\xb3xH\xcc\xe7p\x06I\xa4\xce\xc5\x96\x16\x19\xcf\x8f0h.\xbb\xbd\x1fk\xa3\xe9\xe2\xce\x8e\xbe\xe5\xa2\xab\xb4\x9f\xcd\x85\xc3\xf1l6\x042\xceoN\xcf\xb3\x95\x05\x1e\n\xb43\xca\x19\xe5\xea\xb4\x1f\xc4\xcf\xe6\xf7\x1a\xbe$\xf8\x8c\x1f\xcf\x17\n\xd9s\xd2!q\x87\x9b\xc3\x95\xd4m\x04\x0f}~2d\xc4\xadV[&gt;\x1b\xa7\x92r*^\xddiM\xa7\xe9\x9d\xfd*\x8dQB:^\xc7\x9a\xdfc\xb7!\xd6\xf3\xc9\x80\x00\xa0f\xb4o\x96\x0c\xd9\xe3j\xb1\xa5\xe1y\xbei\xebM\xdc\x88s\xb9\\\xa9V\xdc\xc2\xefgmd{\xc4\xb0\x85 I\x1cgw\x1aAQ\x14#\xc7\xa9\x1c\x85\xa6\xddt\xb1\x18f\xe0\xb4\xa180\xeb\x10\xab\xf3\xf3`!j3\xc3\xc8\x0cXW\xc4\xa6\xec\xa7\x8a\x1d\xba\xf8\xef\xc6\x7f\xa3\xd4u\x80\xc1  \x97\x0b\x86\xc4\xcd\x9df\x0e5\x88C3\x1av@\xd3\xc2\xa1\x87[\xac2\x86\xc1P\x0cNd\x11.I\xbb\xedn\x8a\x01,\x02\x97\x0c\xeap\xc2\xbb\xea\xf5b\x00\x0bX\xe2\x19\xa5\xf2\x82\x80\xcf\x11\xf5wv6\x1f\x9c\xc6\xcf\x0c\x1cj\x99U\xad\x1e\x18\x12\xb7w\x98\x7f\xcf\xda\xa8\xb68,0B@[\xb2\x102F\xe4\xa61\x19`Qj\x8a\xd3\xd3iO\x9bm\x0cC\x004\x89X\xad^\x10+m\xb6\xf35b-T\xbcr\xa3\xdff\xfb\xd8f\x7f}\x1aw\xef\xb6\xfe\x86\xca\xd4r\xc4\x0ej\xb5t\xf2\x85\\jP-\xb3\xb0\x87"p\xc9\xb0\x1es\xa7\xca\x8d\xe1$\x8e\xa1\x08i\xec\xef\xb1w\xa8\xeci\x06\xde\x00\'\x0fPE0\xd4\xcc\xefT-K\xb5Jx|b\xbe\xb1\x00\xe5\x7fr\n\xe1\xa7\xa9\xebD\xa4\x16\xa9\xad}\xa0V\xdb\x7fi7\xdf\x97\xb6\xb24\x8e\xf7\xcd6\x9d\x17\x97@\xbc\xd9\xbc0W\xc8\x8f{1\x89k\x88f\xc9\xef\x9b\x9f\xc4\xa6\x95F0\x81xkL\xe2$\xd8\x90\xecj6K-\x98%Y\'HG\x14\x94D;4i\\Em\xa33\x12m\n]\xdb\xd2\xca\x822q\xb7\xceNYZ:\xa0\xc5}\xe1\xb2/\x84\xee\xec\xca@\x17f\x9f\x13\xa7\xfb\x17\xe4\x9eh^\xf8\xc6\x0f\xcfs\xces\xbe\xe7\x9c\xefC\xe2\x10.J\xdd\xa6Bw\xcamj\x9d)\x18\x0f\x92)\x9d|\xf8\xc1p\xd3f\xd7\xe7\xc3\xa0\xac\x04|3\x16\xcf\x9b@O\x1bo\x00U,\x08\x02\xda\xdc\xdenqk\xf5\xb2n\x82O\xa4b\x82\x0f\r\xb9\x9a\x9f\xcdS?W\xa9\xe2\x16\xc0\x12xq)T\x89.\x15\xa4\xb1M\xa7T\x1a\x08G]*|~\x1b\xaa\xeb\xaf\x7f3\xd0&amp;\xbf\x99\xc2\xf9Va&lt;\x16\xe3\xcaU\xaa\xd5US*e\x10\x890I;d1-\x1bQj\xc8\x91y\xdbQC\xb0Z\x8f\x94:\x9d\xb4g\xb2\xbdED\xe2\x9d}R\xa9\x1c\xa2\xf5\xa9\xda\xa1t\xda\x0c\xdc6\x84\x82\xb6\xeb\xdb\xb7\x87\x87\xd7\xd66u\xa6\xf9\x18\xc9\xc7\x0c&gt;\xeeU\xe3\x8dy\x93\xc9A\x90\x023\x86\xc9\x00K\xdfn\xfb\xec\xb7#\xf9\xfc\xeb\x06y\xcc\x06\x8f^\x97\xf6N\x8ee\x98\x88\xc0\xbd\x9d}\xd7\xaf\xaa\x8d7T:G\xb7\xcb\xa74q\'\x04\x130\xb677\xb7\xb7\xd7\xd6@\x05\xce\xcd\xad\xe5m\x02\'&amp;\xa2T*\x93)\x96"\x05\x02\xac\xa5$\x96A9\xf5kn}\x96O\xdd?j\xd4Cg\xeb\x93\xd9\xd9\xc1\xd3I\xb1\x08\xa7;;;\xb9\\\xb9\xdch\xbcr\xc5|WD\x8c\xc3\x10\x18\xe6\x80\x0b\xc6\xfe\xbeP\xb8o\x16\x8e\x0b\x94#&gt;\t\xe6P\x19Ax\xa1\xe7\x02\xcc\x8c\xea\x163y`\xc1J\xf7\x1aG\x05\x07 \x0e\xa7u\xf7}\xc9\x80\xd3}}\xe8\xcd\x95R\x1bo){\xc6\xa6j\xcb\xb5\xfe\xda\xbfj\x7f\xac\x8fZ\xednf\xac8\xb6\\\xab\xf5;[\xfc\x1eB9\x1fKyIR 2\x03\x96L\x1b&gt;\x98=:&gt;&gt;m\xe8\xa30\x80\xed\xee\x89\r4W\x8a#.\xca\xf4\xbb\xcb\xfc\xe5\xe7\xcf\xdf&lt;\x1b{\xf6\x8c\xd9\x9b\xdc;&lt;88&lt;{|z\xfa\x97w\xeb\xe8occw\xad\x06%\x04\xcb\x8b\xdeV\xce\xb1\xb4g\x83\x17\xd0\xedCc\r\x1a\xadO\xce\xda}A\x9a\xee\x04\xae\xeb\x14u\x85\x1ez\xf9\xe8\xd1\xab\xe7\xaf*\xef\x1e\x7f\xb1\xb2\xf2\xc5\xca\xd2\xca\xd2\xd2\xef\xaf\xad,\xfd\xed\xed\xf3Wo\x1e=\x1aS\x901%\x91"\xd0s\xb5\xd3\xe0\x84\xbaU9EL\r\xb7\xfe\x0c\x9e,\x94\x82\x04-\x95\xe2p\x9a\xa7io\xff\x9b\x97c\xb5Zmbn\xfe\xdb\xe3\x93\xa5\x95\x95\xc7+0\xceN\x8e+\xccX\xf1\xe5\xab\xe5!\x01\x9c\xa7S\x04!\x82\xfa\xea\x83`U\xde\xef\xb2b\xf2l=\xad\x94\xba\xb9\xb4\xb4&gt;\xb9\xe8\xbef\xcdT\xff\xf2\xf2\xf8\xfe\xbf\xff\x81\xc6\xda\xf1\xc9\xc9\xf1\xfd\xb5\xcd\xef\xbe\x83)V\xcbdz\x86\x04\xa4/H\x10q\xd2\xcc\x8f\xc7A\x03V\xd2\x87\xacx&lt;9\x9c\xd3\nl\xb5\xe8\x9e\x86\x06,)\xf2\xdb\xf5,\xfb\xc7\'\xee\x0c\xffP\'\xab\x7fo\xef\x8f\x8f\xfb\xfd~+Fz\t_\x9c\x80\x19/r\xc6\xe3\xce\xf6J$r\xc2J\xe7\x08\x07\xa25\xb9As\xe1\x03\x15\x95\x86\x90\xe1\xcd\xbd\xfd~W|\xfe\xdb_\xdd~\xf0\xc3\xf9X\xfd\xf0\xfa^\xbb\xde\x8e\x89\xf8\x06\x02vh\xd8\rQ\x0e\rNK$R9b\xc5\x19\xc8\x19&lt;\xa9T\xf6\x0cR.%\x95\xf6\xf5\xe1R\x8arx\xbd\xde!\xbf0\xbe\xfa\x87O\x81\x0b\x0e\xd9\x0f\x1e\xac\x02\x95\xdd\xc3\x17\x89\xc8\xb8\xd2F\x1a\x08\x08\x96\x01\xa6V{:\x99|\xbf\xcb\x12\xd6q\xba2Y\x02\x1e\xc0\xf2z\xb9\xd4e\x8a\xc6i\xa2c||n~\x15\x88\xe0g\xf8\xe6\x9c\xb0\xc7o5\x1bDD\xd0\x06\xd2\x82D\xf6\x0c\x11\xe8\x07Kd=\xf2n\x96-,}$\xb2`\xf6"\x03\x86\x17GX\x0e\xdcK;@\x8fN\xac\xd5\xdf\xf57\xb7\'\xc6]B\xc0\x80\x04*\x95\x80\xd5\x81\xec\x06PMe\xe9${XO\x8e\xf5\xdatE\xec\xc5;!y8\x8d|?R\x1c\xc7i\xbcy_3\xbe?\xb1=!\x1c\xef\xefW\xf0\x91\xcb9\x0eT\xb6`\xdd\x07\xc1\xe7\xf3[,\xc9P2\xf2\x8e\x1d\xf30\xe7\xc9\x99\xdb\x1dIj[HAs\xb3\xd7+uP:\n-H\x9c ;\xa6\xc6\xc6\x96\x97\x9f=[\x9e\xb2\n\x85B\x92 \xbaQ\xb4\xba\r|\xa1D"\x11J\xdc\xe9d \x129c\xa9\xc7`\xf6\xd0eg\x92\x11\xad\xa4C\xd3\x8b\xa2uYG\xa1\x88\x05\x89f\x8d\xa2\xa7gjy\xaa\x7fH\xd1! \x89`0\x15t\xa0$\x1a\xf8\n\xab\xcbju3\xc9@\x08\xb0X\xeaa\x99=P\x9cs)4\x1a/\x8dC\xb4.S\\\n\xbe\x1dx0\xc5]K\xcdISP7\x1c\x0e\x072\x9dA\x12\xbbE|\x89\xcbe\xd7G\x92o\x03\xc9H\xe4\x98-G\xf3\x81\xc2j\x87\x95\x9etCT\xbc4M\xc5\xae\xe8\x90\x99S\xad\xd69tj\xb9\\\xa7\x03y\x05g\x88\x98\xc3\xa1\xb4\x8d@\xb0\xccB\x89\xdd\xaeO&amp;\xd7\x1f\xaeG"i\xb6\xb0v\xf7\x14\n\x85=\x91H2z\x97KH\xc2\x9c\x8f\xd5\r\x8b*\x95\x11]=\x0f\xdc\x18\x00\xed\x0ez\x14\xce\x85#J\x9b\xcf`\xc6$v\xbd\x9eI\xac?\x0c0\xe1t\xfa\xe4\x02KX\x0bCC\x8a\xa1p"\x99\x08\x87\xfd~\tA8.\xabU]j\xa3J\x05J\xff\xc6@\xdb\xc0\x80J5\x9f\xbfe\xa2t\xa6\x11[\xb7\x81\xc4\xac\xf60\x03T\xa1@2\x1cNk\x1f\xb3\x83\xd5zdQh \\\xc5d\x92a\x98LXB\xe2\x0e9\xb2Q\xaa\x11\x99\xaa\xad\xadM\xadVS\x94\tr\x19S\x06}N\xcc\xe3\xd6\'\xd6\xd7\xd7C\xa1\x10\x13\xd6\xebY\xc2\xe2\xb4\x1e\xd9\x15\x1d\x9a\x0eE8\x14B-\x17\x19;\xe4\xf1\xa6\x1a9)\x01\x0b\xd9\xa5\xda\xe4\xc0\xa5\xa3(\xe4\xed\x84m\xd0\x03\x91\n\x05\x02@\x95\x00*\xb7\xf6\x94\xa5h}p!,\xa1\xbf\x90+Ww\xa6s\t\xab\xd8\x19\xd4!O\xb3\x1c\x0e\x1c]\xc3M\xc3\xa0\xf0U0\xb1b\xb1\xa0\xed\x9eX\xc6\x14B\xa1\x00p\xbd]g\xf4n7kX\x83\'C\x8a^M\x87\xc0\x1aN\x84\xb2\xd1\xecb(\xcc\xe8\r1\xd3\x15\xa3\xf1\x8eI\xdd\xd6u\xb5\xa9\xa9In\\\x9d7\xe5\xf3#6[{:\x12*\xd7\xcd\x19\x81\x1cPy&lt;\x1e\xd6\xb0\x8e]C\xa8\x1d\x04\xb3\'\n\xd5\x99\x99\xad\xc5\\A\xbb\x11\x1b\xc9\xdfR\x19Mw\xba\x86\xaf\xf6]\xbf\xde\x14S\xe6\xf3\xf9\xfb\xf7m\xe2\xe4z\xa8\xbaX\xad\x06\x02\xe5r(\xec\xf6H\xac\xeca\x1d*4\xbd\xcd^\x92\xefF\x16\xbfh4\x9a\x9dNh\xefm\xd8l\xf9y\x95\xe9*h\x1d\x10\x88)\x92\xb8W*m\x88\xc3\xe5\x87\xd5\xec\xe2\xc3\x87\xe5@9\xc0\xe8=V\x89\xd5\xce\x16\xd6\x93\x03M\xbdoFd\r\x17s\xd9\xd1\xad\x19^t:\xc1\x84=\x98!Nq\xfb\xfe\xd4\x0b\xbb\xa3\x08\x14\x83\xdfo\xb70\xb9\xea\xe2V\x14\xb0 \x87I\xb7[&amp;\x91\xb8\xecl\x15\x88\xdd\x05E\x07`A\xb8d\xcc\xf4N\x16u\xb2\x8dV\xcb\x05\xe4\xbe\x16\xf2\x05\n\x97\x04C\xff\xdd_,&amp;\x00*\x1b\xe5\x9dc%\xb5\x16\x8b\x04\xb3\xba\xdcZv\xca)\xe7T\x86\xb0p\xaf\x88\xc4\xdc\x89\xdc\xe2\xcc\xd6\xcc\x16/\x9a\xad\xe6\x8a\x99LF\x1f\xce$2\x99D\xb1P\xc8\xe5r\x8b[[[\xa8\xfdo\x11\xa8Bi\x8b\x0c\xb9\xf7\xac\x80\xc5\xce\x01\xe3D"\xecm\xee\xad\x9f\x19\xb0p\xa1\x8c\x1a\xe9\xe0\x13\xcd\xeeL\x97\xcb\xe5\xe9\x9did#\xc9.\xa28\xa1\x16J\x1e/\x0bT\t-P\x01\x96\x10\xa6&lt;\x1b{"\x873xh\x15\xa2^\x0784\x18\xc4\xb0\xd3\xe5\xa6\xb3\xbc\xf3\x06\xd3\x99\xe8h\x14\xfd\xd6\x1b\x01\xeb\xbd\xa6\xf5\x8e\xc0\xc5@\x88\xd1\xca\xda\xc5\xe2\x16\x90\\\x80u\xd6\xda\xf8\xb3+gpe\x0f\x16b/L-\xa2\xdbW2{\xf4\x85B9\x1b\xfd\xe4\xff\xbd\xaf\x1f\x1b8\xcf\xff\xc2\x8bne\xabu\xaaR\xc9\x8c\x0c\x98\x90\xc4w/\xae\xb56\x98\x8b\xb3\xf4\xf5?\xdd\xf5\x19\x0fK\x91\xe8\xb6u;1}a\xba\x8c\x02\xf6\xc9O}\xb9\x97~\xc2\xaa\x83A\xb5\x85U:\xb9 k\x11\x9b\xcdX\x8bP\xe2\x01a\xfb\x9f\xbf\xff\xf5EC\xdb\x8fZ\xbf\x7f\xfaU\xc0\xa3@vf\x82\xa6\x83\x80\xe5\x13\xb5\xe8\x8b\x85bng\x94\xf7\xb1\t\xb7\x0et\t\xb5\xbe\xf2Fw\xca\xb9d\xda\xd2^j\x11\xa3h\x99\xf9-\x08k\x8b\xf7\xe3\x9f\xbfi\xa0s\xb8\xf5\xc5\xd3_\xfe\x98\xf0(4\x1d^P\x7f\x84#h\xb3\xf9| \xa6`\t\x86\x13\xd5\xec\xcc\x0c\xefc2\xeb\xad\xd4\xd1l\xae\x90H0\x0bb\x18\xe6\x92\x19\x86\xa4\x1e\xad\xd1K\xbc\xaf\xfe\xbb\xd4\xa8&lt;r.|\xff\xf4\xe2/\xbe\xf4\xc3F\xdd\xd1\x8c4|P\x89\xb2\xe8\xc4\xec\xe1\xcc]\xbd{!R\x80\xe2:S\x0f\xd9\xcchv\xa7:\x9d+\x16\x990c\x11oll\x94\x9cN\xb3\xd9\x89\xee(\xdd\xfa\xf4\x0e`]\xfc\xfaZC\xb88\x9ck\xdf&lt;\xfd\xd9\xc5\xff\xb1r\xbe\xa1i\xe4i\x1coft\n\x93q:\x1e\xad\x89S\x1b5\xb9\\\x12\xc4\xc6v\xeb\xb4\x9b\x1c\xa6\xb1A\x8c\xe8\xb4a\x93Q\x96.\x14\xef\xd6R\xfa\xc6\xe3\x84\xd3\x1c\xe6:\xf8n-z\xcb\xf6\xc5\xb0w\xa6\xb7\xbe\t\xc7aR\xe8\x1d\xbeX\xf1$(E\x90[\xe5\x8e,ya)\xe4]\xde\xc4\x12\xc2\xc1\x91l\xef\xfb3\xe5\xb8\xe3\xfe\xed\xed\xde\x83L\x02q\xf4\x93\xef\xf3&lt;\xdf\xdf\xf33\x99)}vk\xf1\xfa\xd5\xabC\xa0Z \xfb\x07\xe85\x87\x89\xf8\x83[\xcb7?z\xfd\xe2\xd1\x1f\xfe\xf8;\xc4\xef?\xf9\xcd\x8f?|\xff\xd1#@\xdd\xb8\xf9t\xb3\xb0\xb9\xe9#X\x11\x9f\xdd0B\xae\xf3\xf9\xf9wJ\xfa\xad\x83\xff\x07\xd7\xa4\\;8v[\x99\xd2o\x17\xef_\xef\x8b\xe5\x07\x94\x1f\xd3gp\xd6n\x01\xd6\xad\xc5\xd1\x8d//\x7f\xfaS\xf2Q\xdb\xa3g\xaf_?\xfb\xd9\x0c\x99\xaen\x8e\x16\n\x9b\x85\xc8\xba\xcf&gt;\xe7\x8b`~&amp;X\xbf\xfc\xc9\x03\'c\xb5\xd6\xbf}y\x9dU;\x95m7\xcf0\xa5\xe7\x8b(\xadq\x0f\xb6a\xfe{\xfe@&lt;\xee\xc5\xce\x06z-\xdeZ4\x14\xbe\xdc\xb8\xeax\xfc\xf8\xf1\xad\xa7/^|t\x83\\\xbcy\xfb\xf2z\xa1P\x88l\xfa\xe6|\xbe\x08\xb0\x88\xb23\xc0z\xa30V\xfd\xf1\xe1\xb7\xfb\x7f\x11r\x08\xedmoKz\xbd&gt;\xf5\xfc&gt;\xa9x\xa4\xd0\xef_Xx8=\x1dG`0\x9e_\xbc\xb3h\xd8\xd8\x88\x90\x0b%\r_\x80\xea\xc6\x8d\xdb\xb7\x97G\xfaT\xbe\xd9H!\x12\t\x06\xa1\x96\xdd\xb0&lt;3\xf3\x8b\x07oX\xc6\xaa\xdb\xfa\xea\xf0\x1b\x1b+\xce\x93\xa3g\xa2\xc5re\xfbX\xd1\xebt\xce\xbf\xdc\xb7`\xd3\xea\xf1#\x02\x01\xbf\x7f:N6\x82\x11\xdf\xd8\xfc\xfc\xa2\xc3\x97\x89\x9f\x7f\xe7\xe2x\xa4\xf0\xc5\xfa\xd4\xd3\x9b\xcb0\xf6u\x14;D\n\xf6\xa1"\xe4"\xa4\xf9\x99\x99O\x1e\x94t\x8c\x95\xdf\xda\xfe\xeaP\xfdF`8\'Z;\x0c\xc9\xf5\xd6\xd1.\xc12\xf2\xe2\xd1\x1d\xd2\x87\xc0\x02S\x12\xe1\xc7\xbcn\xb7\xcf^\x18\x1b\x19\x1b3x\x9f|\xf7\xdc\xb9{\xc1\xe0\xc6\xe6\xe8\xd4\x14la\xc4\xe0\xdb,\x80:\xe8%\\\xb3v\xb4\xed\xd4\xf2\xcc\xaf\xdfHz\x86qo\xe5\xf3\xadNU\xfb\xdf\x1d\xfflT\xaeU\xdb\xaa\\7\xf7\x8e\x1a\xdb[\x8a\x8e\xa6\xe9\xd2\x8f\xde{\x0f[\x9d\x05\xc2\x15\xc8&amp;\x92\xc9@|z\xd6~\xe1\xaac\x1eK\xde\xa5\'\xfes~`\x14\xd6G!\xd5\xd4\xd4:$\xf2\x06\xbd\xdex\x10V\x02\xeb\x9d\xb5\xcf\x8d\xdd\xfe\xe0\xb3\x92\xd1\xd8\xc7\xca5k\xed\xce\x89\x16\xfd\xda\x8a\x91O\x82\xa3\xa1b\xbb\xda\xd6&amp;\xe5\xfan\xb3z\xd2\xca\xe7\x04\x96fY\xf1\xc82tZZ\x81d \x99\x01\xd6\xc3i\xef\xac\xc5\xe2X\\\x9cw\xd8\x9f|\xff{\xd3\xc4\xcaF\xc6\xa6.\x8f\xc0Dg!\x14\xda\xc2\xeb\xdd\xf0zO\xe5\xb2,?z\x13\xa6u\x0c#-\x01K\x8dj\';\'\xc5\xaf\tFn\x94S,W\xcbEy2Z\xecT\xca\xa1\x90\xba\xb7\x9dW8\x9a\xe5\xe8\xd4\x0f\xdf!m\x08,r\tb&amp;\xf9$\xfe\xf0\xd2\xf8\x05\x8be\xcc\xe1X\xb4L\x07\xde]\xb8472?622J\x06\x99\x08\xa0\x12x$\xe0$s\x90.\xe2\x9b\x9b\x7f\x9ebi\x9d^\'\xc5\x90\xc4\xbd\xba\x16-\xef\xedt\x8a\xff-\x95\xe4fB\xd1P\xad\n\xa6P4Z\xac6wvj\xa0*v\x8e\xf3|\x98\x16E\x8e=\xba\xb8\x10 \xf5\x1eH\x9bLY\x1b\x04\x8b\xdf\x1b\xb7_\xb08\xc6\x00f\xbf\xb42t\xd5`\x98\x83R \x9b\xf3\x11\xaa~\xc4\x89\xc3\xa1\xec}\xb3\xef\x1fq,m\xd4I\xee\\&gt;V*)\x95vT\xad\x02\xac\xf6\x9f\x14;\xdb\xbf\xa1P\xb9^\xad\x85\xa2\x93\xf2a\xb3\'\xa4vj\xaaZ\xee\xf6z\xd6\xfc\x96\xc0\x89\x14E+\x1f\xfa\xd3\x04*\r\xb9\xae\\\xb1\xade\xfd\xe7\xcf\x8f\xdb\xe7,\x0e\xc7\xbc\xc3q\xfd\xee\xdd\xfbc\x06\x03\xd1j\x9dP=Id\x12\x99L\x82\xd8\x08RI\xea\xebHdY\x9a6:\xad\xf9\xfc\xf1\xdeNKi4\xb5h\xa8\x0f&amp;\xff\x1b0\xe2\x06\xb5vY\xd3B\x93g\xa3j\xb9\xd9K\x85\x9d{\xb5\x90v\xb0+\n%%\x97w\x0bb8,\x1a{7\x03\xe9@:\t\xb1\xae\x98l&amp;4\xa3\xc7\x13\xb1\xc3\xc6\r\x16\xc7\x9d\xc7\x9f&gt;\xbe3?fXG]\x81j:\x9e\xc8d\xd7\x80\x95@*\xbd$&lt;\x7fr\xf2\x1c\xcb\x1a\x15\xbc\\\xac\xa3i\xe5NK\xaaTCgd\x02V\xfeW\x8a\x91"o\x1f\xd4\xe1\x07\xdaa\xfb`\xaf\xd5p\xa6\x94JU\x0b\xa9M3\xcfK\xae\x12\x91\x0bXa\x8e&gt;\xf2\x9a\xd2i\xd3\xdb\x00\xe2\xbb~\xcf\xf8l0ri\xe8\x82\xe3\xee\xe3;\x0e\x0bla\x1d\xd5\x1e\x89\'M\xd9lv-K\xb8\x9e\xc4\xa7\xbdX\x12\x9e\xf5h\x89\x03\x97s0\x97?\xaej\xaa\xaa\x95\xbb\xeeF\xb7-cu;\xd9\x03\xd8\xe4?-\xc5\xc5z\xd52mr\x00\x00\x08\xc9IDAT\xb3^\x94\xd5vw\xb7\xe1*\xa5D\xa1\xb7W\xd5dB\xc5\xe8yN(I\xb1ms\x98\x02\x17k\xdcO\x98L6\x04\x98l\xe9k\xe9k\x01\x7f|\x1a\xa53n\xc7N\x0c{\xb19\x98h!\x18\x8c\'\x08\x95\xa9/W\x06\\\xa0zqDs\x1c\xea3\xec\xce\xe7r\x8dV\xb7^\x04X\xbd"*\xddrh\x12\t\xaaW\x8b\xf2?8l\xb4v\xd2\xa9kg\xa3e@\x81\xaa\xd4\x82\xd5}\xfc\xb9,\x87\x0e\xccz`\xb1\x94\xcb\xb5\x94\x8fQ\xc0\x12\xc2&lt;\xb8\xb2\x84\n\xb5\x95F\\K\xa7\xb3k\xc9{\xc1\xf1\xc8\xf8\xf8\n\xca\xdfn\x98\x8b\xc0\xac2\xd9\xb4\rO#X\x99\xd3\xb2\x1f=2\xd2\x1c\xda\x86S\xe0\xa5[%W\x98\xa4CUk\xcd\x86S\xe9\xb6C(l\xed\xf0\xb0\x18\xfa;\xae\xfaIY\x85\x1b4w\x9b\xedr\xb9\x8aF\xd4B\x80\x92\xb5\xa6YO\xb0h.\xec2/\xe5\x89\\\x82\x10\xa6\x8d\xfb\x04\xcbv\xc5fJ\x83\x0ed\xa6\xd5_%\xa7=\x9e\x95\xa1\x8b\xa7\x7f\n\x8bD62kk\xe49kH\xe3Z\x1f+\xe1=\xa2yV\x14)\x8ebr\xb9\xbcT\x12$\x89jt\x0fUM\xad\xb6R\xceF\x17n\xd1\xef8\xa2\xd8[,|+\x17\x0fZ\x95v\x08ySC$d$\xb4\xc20X\xa0\x81\xc5\x8a\x820\x10\x8b\xa1\x15\t\x97\x11z\r\x83\x07%\x0f4\x92\xd1\xb5\xe1\xb5\x84?\xe0YYY\xb1\xdb\x87\xecAo"\x03\x1e\xdb\xf0\xb0m\xcd\x96!r\x01lc\xdfhd!\x16\xb8b\xb9\xdcV\xca%P\x92\xc4I\xbbu"\xd8^\xcf%(-\xb4\xe3\xe4\xe4\xe7jQ\xfb\x1b\x98|x\xb0\xeb\xea\x16e\x88\x04\xa4\x8f\x91\xbeb\xb5\xebf\xf4\x12\xcf\x83\x8a\xa69\xcae\x8c\xe5\xcd"\xd7\xe7\xd2\x83\x0b&lt;\xd0*\xdd\xaf2\x9bm8\x9bH$1Ux\xce\x9f\xf7 \x83\x89D\x96\xd0\x0e\x0f\x0f\x93\xaa\x07Y\x16TzBE\x89\xd4V.\x16S\x80AIn\xb7[\x12\xbb\xf0 \x98W\xcf\xa98{M\xac+g&amp;\xb5"q\x03\x90\xb5\x9b\xbbb\xaa\xa3\xa1\r\xeb\xcdN\xbd^?\xe8tw\x15Jou\x0b\x92\x9b\xe7\x8d4\xad\x08\x94\xa8\x8b\xc58\x8e#eO\x19u\xfb^"\x13&lt;\xc2f\x82(p\n\x98\x99\x1fT\x1e\x04&amp;Dt!~&lt;\xbc\xd6\x0f$\xf4\xe5\x8eNG\n\x0br3\xa0\xe2\x9do\xa9\x10\xc6\xdd6\xb8\xd42\x14s:\x1b\x15X\xeb\xe4\xa4Z,\x92\xf1\xb5\x11Vv\xaaH^\xbbbf)\xa5\xa1P"\xcb\xb8\xc3z\xbd\xa4H\xd0\x8b\xd5\xd1\x0238!N\xe4\xad\x1cK\xb8\x04J\xc7\xec\xbc\xc0\xdb\xa6\t\x13\x1eP\x0eX\xc9\x80\xe74\x08V_\xab\xe1\xb7T\xafZ\x8c\x0egR\xe0\xa2c\xb1%\x06\x8aS\x14\xf9\x8d\xdd\x12\xcb\xeb\xcd\xcdb\x88\x80\x9d\xec \x97\x12\x0cC\x93\xa3j\xad(\x9fi\xed\x9d\xc0\rB\xf5\xe3\t\x86G%\n\x1c\xcd3\x1c\xc5\xf3\x8a"q8PN~`ppb"\x16ciN\xeas\xf1L\xefUvuux\x95\xbc9)\xfc\xc0B\x7f\x04\xf3O\xfb\xc9\x9a\t,\xf0\xae\x12\xacL6\xf3\xe7\x06\xa8DB%RK\xb9%\xbd\x0b/I\xc4\xe2\x91D7\xaa\x84\xda%^\x11\x92\x91\xcbV\x8fb\x8d\x95\x83\xb2*\x17kgj\xaa\x8c\x046\xad\x83\x13z\xb7\xa2\x08\x02\xc5\xf2:\xcem\xd5q\x12\xefvJ\xd6\x89\x89\xc1\x81\x81\xc1\t\xca\x9a7\xd3\x98#\x88Q\x84\x8d\x8c{?\xb3\n\xb0\xe1\x1f\x102p\xf5\x87\xb0@\x7f\x1dO\x9a\xfa2\xae\xae\x02\xcb\xf6r\xdf|JE\x89\x9c\xa8\xcf\xc5\xac\xa5R)\xe5T\x90?\x9e\xe78\x82\xe5\xa6\x84V\x07\x85\x8d|i\xd5N\xc5\xcd\x19\xcd\x95\x83Z\xe8\x0c\x1a\x0f}g\x1d\x18\xb4\xea9\xc1\xe9\x14D\xd6HK\xfa\tL~\x92\xc0O\x0c\x12(\x9d(\xba\x84\xd8\x16m4\xd2\xfdD\x869\x9dq\xe7\xe5j_-\x1cl\x04\x8bD\x12_\x88V\xfd\xec\x12\xb1^\xb5\xccz\x9a8\x03\xa8Xn)7\x00_L\xa5R.\xe5\xaf=\x97\xbd\x8e\xdbF\x14\x85E\xceOA\x12\x03N\x13\x98j\xc6\x1d+\x02lf\x1e"\x1d\x1b\xea\r\xf4\x04)\xc2\x05\xb2\x80\xe12\x80\xd4\xbaN\x93j\xa1r\x9b-\x02"[\x18X Hcc\x0b\x1b\xdb\xda\x8d;\xab1\x16\xf9\xee\xc8\xce\xac\xbd\x82%\x99\xfc\xe6\xdcs\xcf\x1dJ\r#X\xbc\xa0]\xf9\xf8\xf6\x16,!\xbb\xfd\xf7\xee\xd1\xfb\xc7\xb7\x9b7\xb7_\xeeJ\xcf\xcd\x83\xae\xdaq\xa4\x88^Ek-\x05\x0cu\xc8Z\rMh\xc7\xe6\xe4\x8d\xf6\xceW4\xe4n\xeb\xec\xfd\xf9}\xe6\x02L\x02\x0c\xc9~\xfdM\x0e\x17R?\xaaHn|\xfd\xec\xedw\xb3o\x1b\xd5\xe8\xe3\xa4\xb55e;\xcf\xf3\x80mU\x95\rFG)\xd3\x90]\x7f\x00\xf6\x8al\xba}{\x17\xab\xcd\xdd\xbd\xd6[\x97\xb1\x1a\xb0\x98|\xda\x99\x9e~\xb1S\x1d2V\x91\\3\x8e\x03g%\xce\xf4\xf4f\x16,i\xfdp\xbe\x16\x87A\xf1\xf2\xf7\x9f\xc4b?K\xbc\xbe\xbc\xba\x92\xd4x\xf1\xfa\xfc`\x85*\x87;\x17\xadN{k\xeb\x89\xdc2)\xc5\xa1\x8d\xae\xe15b\x9b\x964B\xd2\xc7\x0f\x7f\xff%\x91\xf9\x8aj~\xd8\xc4\xb6\xf4\r5\xac\x83o\x06\xf4m8@\xda4\xc4z*\x04\x0b\xae\xba\xa5}G\xca\xab%\xf7\r\xfb\xdc\x96m\xbb\xa5\xa6\x0fOb1l\x04\x07A\x91\xa9^f\x01\x7f\xa1~2#*\x19\xcf\x1cg\xbc\xd6u\xd5\x17\xfb\x13\xc3\xe7x\n\x87S9\x94\x82\x85X\xed\x1c\x8d\x89|m[=~\xf8\xc2\x90A\xb47\x9bv\x9c\x93E\xac\xda\xea\x1fXi(\xfb\xfc\xce@6\xf4E\x03\x15\xa6+\x85K\xb2\xdf\x19Q\xac,\x1b\xaf\xabwO\x9f2\xd7\xd5\xf5\x8bK\xe8Cuu\xf5\xfe\xfc\xa0\xac\x91\'\x00\x90\x94\x97q\xa1\xdd\xb0\xd4\xc7\x03\xcf=\xc7\xf5\x18N\x07\xc7^\xe7\xefX&lt;x8\x81\x8fh\x16\xef\x84\xec\xd5\x86Q\xd0\xd4\xb2T+\x86$;w\x8d\xbdX=\x8d\xf4g\xed\xc6ad\xd1\xd8\xed\xecm\x16\xcc\x08\x18\x07\x82\xa8\x01;\x7f\xfa\xa1\x18\xf3\xe6\x1a\xa5&gt;~~\xf0:\xcf-\xa5\x9c\xd3Yc\xcb\xde\xca\xb0\xae\xa7\xc8)\xf0\xb8\xa7\xa0\xed\x88\xf7\x93`\x95[%_\x8e\x90\xe5]\xd0\x8ao\x04\xcb\x04\x96"&gt;\x87\x9be,Aaa\xa90hh\r\xb6\x1aoF\xd9U\x89\xb1\xb8Ig;\xe3\x90\x82\xf3=-\xae\xab\x87\xf3\xd7k\x99@\xaf_\x93\xed\x1f\xcf\xef\xee=\xce\xd6\xb4\x07CB\x98Da\xa8p9\xcf&lt;\x0cEY\xfb)p4I%\xf6\']\xa9\xa2\x92\xc7\x98\x8aK*gBw\xb7YZg\x95\xf3A\xe4\t\xc6\x86\xe9\xd0W}\x96/ \x1al\xcb0.\xb9\x8c\xbb0\xf5Zi\xdde\xbd\xe4\xb6\xec-\x83\xdd\x7f~\xfa\x93\x89\xfc\xcf\x13L[\x1aV\x9a\x03\x99x\x11(&lt;\xb6\x1dd:\'\'@\xb2&amp;Va\x9b\xbef@\xb6\xd8\xc1]\xb8\xe8\r1b\x08~3:\xc6_\xb7\xaeG\xbb\x1b\xa2\r\xc5T\xecvE\xc6\x12_]\xec\xbe\xd0.C\xe4_.\xd4\x9aG=9\xf3td!A\xa6"\x8f\r\xda\xdf\xbf;\x9f9\xd7\xd2\x07\xc2\xa2uf\xb2\xf6\x02%\xe3\xb5L\x08\xd3\x9aB\x98\xa0\xb2)"\x83\xb1\xf3@V\xce\x95\xa2\xe6Q\xa8\x9a\xd4D\x1f\xac\xd9\xec\xeaPv\xeb\xf3\xf3\xd1\x8c\xcbL\x0b\xd7\xbe\xe5\xfet\xa0\xd4\xb2\x88\xa3\xf4`\xd2&amp;)\xe4\xd4\xb3\xddO\xaa\x141L\xa7\x8d\x08B\xf4d8\x8e\xe9]\xc7{BE\xed\xe4\xc5|\xa7bj\xc1%6\x9a]\xec3\xd5d\x97%\xca\xce-=\xcd\xae\xa5-\xf8\x06T\t\xbdl\xd0\x1b\x15\x94\xdd\xa</t>
        </is>
      </c>
      <c r="M392" s="3" t="n">
        <v>45492.67798611111</v>
      </c>
    </row>
    <row r="393">
      <c r="A393" t="n">
        <v>1003013</v>
      </c>
      <c r="B393" t="n">
        <v>1974</v>
      </c>
      <c r="C393" t="inlineStr">
        <is>
          <t>Juan Sforza</t>
        </is>
      </c>
      <c r="D393" t="inlineStr">
        <is>
          <t>J. Sforza</t>
        </is>
      </c>
      <c r="E393" t="inlineStr">
        <is>
          <t>VOL</t>
        </is>
      </c>
      <c r="F393" t="inlineStr">
        <is>
          <t>VOL</t>
        </is>
      </c>
      <c r="G393" t="inlineStr">
        <is>
          <t>VOL/MC</t>
        </is>
      </c>
      <c r="H393" t="n">
        <v>179</v>
      </c>
      <c r="I393" t="n">
        <v>20</v>
      </c>
      <c r="J393" s="2" t="n">
        <v>37300</v>
      </c>
      <c r="K393" t="inlineStr">
        <is>
          <t>Left</t>
        </is>
      </c>
      <c r="L393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5a1be7fc-5589-47cd-8588-565ed3b3175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ciz2\x00\x00\x03\x00PLTE\xff\xff\xff\x06\x06\x06\n\t\t\xfe\xfd\xfd\xf7\xf8\xfa\xfa\xfa\xfc\x04\x03\x02\xf8\xf9\xfb\xf6\xf6\xf9\x01\x01\x00\xf3\xf4\xf7\xf5\xf5\xf8\x0f\x0e\r\xcc\x9d\x88\xd5\xa5\x91\x19\x1d%\xc6\x99\x84\xd0\xa0\x8a\x16\x12\x11\x13\x17\x1d\x16\x1a \xd3\xa3\x8f\xda\xab\x97\xd1\x9d\x87\x0f\x13\x18\xf0\xf2\xf4\xdc\xab\x9d\n\x05\x04\x0c\x0e\x13\xd8\xa8\x94\xc9\x9a\x85\xee\xf0\xf3\xc8\x91{\xcf\x99\x83\xe3\xb3\xa2\xc2\x92~\xeb\xed\xf1\xfc\xfc\xfd\xc5\x95\x80\x1d!)\x1b\x17\x16\xd6\xa6\x95\xde\xaf\x9c\xd0\xa1\x8e\xc8\x8ct\xe8\xeb\xed\xd8\xa5\x90\xd3\xa1\x8c\xd2\x96~\xe1\xb1\xa8\xdd\xaf\xa4\xd9\xa8\x9a\xc7\x9d\x89\xcb\x9f\x8c\x10\t\x07 $,\xd2\x9a\x86\xbd\x8f|\xdd\xac\x98\xff\xff\xfe\xe7\xb6\xa7\xdc\xa8\x93\xe0\xb1\x9e\xfb\xfb\xfb\xc2\x96\x84\xd5\x9f\x88\',4#\'0\xd7\xa2\x8c\xcd\x94\x7f\xca\x97\x82\xc9\x92\x8a\xb9\x81m\xb5\x86s\xbd\x89v\xc2\x88w\xe4\xe7\xe9\xb8\x8bx\xe2\xac\x9a\xd5\xa5\x9a\xd5\x9a\x82\xed\xef\xef\xe1\xab\xa2\xc1\x8dy\xcf\x96\x8a\x16\r\x0b \x1c\x1b,1:\xf9\xfa\xfb\x08\x0b\x0f\xbc\x86p\xda\xa3\x99\xcc\xa3\x91\xb4~h\xb2weP72\xd0\xa7\x95\xc3\x87o\xd0\x9c\x8f49B\xdd\xa5\x91\xe6\xb3\xa4\xae\x85}\xd6\xaa\x9e\xdd\xdf\xe2\xad\x83s\xe6\xbb\xb4\xcf\x91y\xd1\xa0\x99\xd8\x9f\x93\xd4\x9f\x91\xe1\xa3\x95\xda\xa0\x8c\xca\x8d\x82\xe0\xa4\x9b+(&amp;\xd0\x92\x87\xc4\x8b}\xab{l\xd3\x9c\x94\xcd\xd0\xd2\xc2\xc5\xc6\xe6\xa5\x99\xdb\xa6\x9f\xe7\xba\xaa\xa9vb\xd3\x98\x8e\xc3\x8e\x84\xee\xbc\xb3\xd1\xa2\x93\xba\x82u\x9bwn\xe5\xb4\xad\xa7n]\xdb\x9a\x8e\xed\xb4\xab\xd7\xda\xdc\xe9\xae\xa4E1.\xaa\xab\xab\xb1\x80o\xcb\x9d\x95\xcc\x99\x90+\x1d\x1c8\'&amp;\x1f\x10\x0c$" \xea\xba\xacZ@8\xbc\x94\x84\xadpk\x92dW\x98\x9a\x99\xe5\xd1\xca\xc3\x97\x8brK@{\x7f~\xae\xb3\xb6\xe7\xa9\x9e@BD\xda\xc0\xb6\xa0sb\xa4{s\xd9\x9d\x87\x87eZ\x92tg\xb4\x8b~\xe0\xc7\xc0\xc8\x98\x89\xbd\x93\x8b\xd9\x96\x89\xe9\xd9\xd4\xd8\xae\xa6\x9ciY\x89]Q\xb4yt\xb9\xbc\xbcgNI41/\xdc\xb6\xad\x97]N}TE: \x18\xbd\x8d\x85\xcb\x88z\xcb\xa7\x9d\xc4o|agl\xfa\xf6\xf4`5*mA5\xea\xe1\xde\xc3\x7fr\x83\x88\x8c\xe1\x9d\x91qSOI) ,\x17\x10\\EE\xbd\x84}\x9f\x82y\xc6\x97\x92CIP\xf1\xc0\xbdT[b\x8d\x93\x99\x95lf\xd5i\x86\xf2\xe9\xe6\x9e\xa3\xa5\xd2\xb2\xa3\xd5\x8d\x82NSUotw\xb4\x90\x84\xf6\xf0\xed\xb8bf\x8aMB\xc1\x9e\x90\xc5\x82\x83\xd1\x7fy\xef\xc4\xb7\xb3\x86\x88\xcaaz\xdc\x9e\x97{`Z\x89XI\xf4\xc9\xc8\xa7ec\xb0L]8;7\xc0Vl[]\\\x9cKI\xc4qe\xa8`U\xba\xa3\x9fxYP\x88kg\x9cX]\x88:1\x93\x90\x8e\xb1\x99\x94\xf1\xe2\xde\xd9\x90\x8c\xd8y\x92\xd2\xc6\xc5\xa9MD\xf5\xd5\xd4\xcb\xbb\xb8^\x15\x12\x9b;=\xc6\xaf\xaeo).\xe3\x97\xaf\xf7\xf8\xfc\xc4\x95eM\x00\x00 \x00IDATx\xda\xc4\x99\xffK[\xfb\x19\xc7=\'rl\xea\xd9\xb8\x1c\xc6:=+\xf8\x05/\xa1\xd3\xd6\xa4%\xc466\x13\x9a6&amp;M\x1a\x97%\xb8\x94\xe4\x101\xd6o\xeb,\x99\xad\xd9\xf4\xb6\xf5\x0bxc{\xf3\xc5\\\xe2]\xe2$\xadv\x14\xaa\x98TS.\x9dabt\xed\x062\xc1^\xe8/\x85\xfa\x83\x08\x9be\xee/\xd8\xf3|N\xb4w\xbf\x8e\xa3}\x08&amp;\x86\xe0y\xe5\xfd\xbc?\xef\xe79mA\xc1\xff_2\x99L|\xd1\\%\xfe\xde\\\xa4\x93\x15\xc8t\x07\xef\x7f\x8a\x82\x8b\xebt\xcd5\xa3\xa3\xa3}\xf3\x93\xfe\xf6\xa6\xe2\xc2\xaa\xe6\x92c\xcd2\x1d&lt;\x7fJ\xac\xe2\x9a\xd1\xf9\xb1\xc4\xce\xce\xe6\xe6v$\xbd\x93X\xde\x9b\x98\xec\xf3\xfbkt\xc7u\xcd\xbaOF\xd5\xe4\xdfx\xb3\xb9\xed\xe3(\x8a\xa5\xe4r\x86a(\x86\xf6\xfdmj*1\xdfWRr\xbc\xea\xd34\xb2\xd8\x9f\x98\x8a\xd0\x14M\xd3\x14\x14\xabPp,M1r(6\xbd\xb9&lt;\x7f\xb5\xa8\xaa\xaaJv\xe1\x88=Uuub\x8aeh\x96eE*\x87/\xe2P \x17\x80\xc1\x83\x9bZ\xf6\x97\x14\x15\xe9tG)\x98L\xd7\xe4\x7f\x19\xa1P)\x96\x03\x95(\x9as\xf8\x90\x8bC\xed\x10\x8b\xa1\x14\xdb\x89\x89\xb1y\xff\xf1#\xc4j\xee{\x93fA#\x10K\x11\x8988\x96\xe58ED\xe1p\x80`\xa0\x98\\,\xd6\x11\xf1mO\xd4\x1c\x99VW7\xa68F4\x14\xf4\x0eD\x02_q\n\xf2\x04P\xfc&gt;\x16A\xdb\x9c/)&lt;\x9aF6\x8f\xa5\xb1}4\xfd+\x91G\xac\x08H\x05T4\x9f\xf7\xbd\x9c\x9cMn\xea\xcd\x84\xbf\xe9\x08\xce\xa4\xec\xc2\xe8\x0e4\x8d%\x05h`/h!Z\x0c\x1b\x19\x01\xdb\xd3\xf4\x01\x97\x9c\xe2\x14S{}M\xc5\xc5\x87\xccu\xa1@7\xe6C\x12\xbc&lt;-\xfa\x8b\xfb)\x80q\xe8/_\xda\xe7\x00\xdbS\xcc\x81b\x00\x86\\\x85\x87\x9e\xfa};,\x9c?\x0e\x900\x1b0"\xd0\xf2\xe0u8\x8d\xe9\x08\x88F\xde\xfe\x9e\xc1\xd8\xed7\x13}E\x87+\xd6\xb1\xf9\x9d\x9f\xe4\xc5bYHu\x12\x12\xc4i4\xab\xf0\x81Vj\xcc\x8d\x8fb\x11\x8b\xd1\x8e\x9d\xb1\xab\x87)W\xc9\xc66h\xc5"\tKC\x87\x90\x01\x86\x8e\xd8N\x0c1\x05\xca\xf8?T\x80%\xa7\xe8\xc8\x9bQ\xd8,\x0e\x05\xedBs\xfb\xb2Ot\xbaH\x85@\xe0#\x96\xc00\x14\x0f}$Md\x10%ODB\x1f\xc6\x81#\xd1.\xab:\x14.Y{\xc2A\x13(\x8aPa\x98\x03\rD\xbc\x18\xa3\xf0\n\x8e"gW\xabyFT\x8c\x11?D\xb8|\xcbM\x87#V\xf1\x84\x83"\x97G\x95\x08\x13%b\x91\xec\xc2\x81H+\xc0\\\xd8c5\xa2ap\x01\x18\xd9/\xe44\x9b\x1e;\x94\xe3(\x9b\xdf\xc6\x93G\xfcL\xc1\xe4\xa3?F\x04\x86\x83\x033\x0b\x93\x82\xb3\xf3\x14\xcf\x93\x98 \tF\xb3\xf8\x13\xbe\xd0\xcb\x9a*\xe9\xa1\n\xdaw\xf0B\xe4\xab\xcb\x01M&lt;\x80\xe4-\x9c&lt;\xc14d\x16\xcb\xf0j\x0e\x0e#Ix\x9e\xcfwRl%Mo\xfb\x9b\xa5\xd7\xabiY!Z\\\xb4\x0bC\x93\xd4\xa2\xe1\xea\xe4\x04*\x82\xa1P\x90\xe3\x19\xde\xce\xd9\xe1#&lt;\x8f\x07\x82b\xf2\xfe\xc2oB\xb1\x89\xa6\xe2"\x89\xb9t\x1b&gt;4\x12E\xfcB\x89\xc5\xd3`!\x9eW\xdb\xb1\x82\xe9\x80\xcfa\xe7yNa\xe7\xf7\x8f"`1\xfc~NP\xf2\xf4|q\xa1N\xda\x16\xf6M\xc1\x18f\xf2EL\xc5\xb2j\xe4\xb2\xdb\xc3\x8e T(\xe4\x08\xdb\x01\xcb\xee\x08\xab\x99\x83\xd61\xfc\xc1\x84\xa4\x186Q#iD\xc8\nJ\x128o\xf2T$;\xe1\x00\x1eH\x15\x0e\x06a\xebBi\xc4w\xd4\xf8R\xe4\x02=\xf7s\x82fvF\x9b\xa5\x15\xcb\xbf\xfd\x11\x8b\xa6\xc0L\xa0\x14QOT\x90\xe7\xf3\x9a \x98:\x0cz\x81\xf9y\xc2\t\xecd\x93\x86\xaf\xc2L\xf9\x0b\xa5\xc5\xda\xc0\x1dt\xff\xe8A\x80r\x1f\xe7\x0b^\x9a\\\x9b(\x15\xb6\x87\xc3\xab\xaba5\xbc\x04.T\x8e\xf0\x81\x1d\xe1\xeb\xa4\'\xa5\\\xee\xc5\x1e\x82\x97q\xb2 \x9dZ} \x8e:\x1c\xcc\xe4\x02\xb9\xcc*T&amp;\'\x08KX\xf0+(Ft\x83\xcc\xc7\x9eb\xd2Q\xb4oL&amp;)\xd6\xe8&amp;bA&lt;\xe10\x04\xa3\x93\x9e1\xea\xf0jF\x88\xef\xce\xc5fc\x8b\x8b\xf1l6&gt;\x17K&amp;Gf\x17\xde\xfe;K\xd0\xa0\xec\xf0\x91\x8c\x9d4\x11\xc8|\x93\x05\x92bMF\xc8\nJ\xd6,\x98\xc9H\xc5\xa8Ws\xd9\xc5X\xf2\xf6\x83F\xa3\xd1x{ \x99$/=\x1e\x83\xdb\xed\x1e\xf9\xe7\xc2\xc2\xd6\xdb\xecR.\x97\xcb\xc6\x97Vyq\x8f\xa0|c\x12b\xc9\n\n\xf7\xf2;2\xa1"\x93\x8e\t\xe7\xe2\xb1\x01\x83\xd3h4U\x97A\xd9l\x956x\xea\xaa\xae\xae\xf6\x88e\x18YXXx\xbb02\xb2\x95\xc1\x93\x89\x82\xa5\xa5\xc5*I\x88\x1b\x16%\xc6\x03\x1e\xb3Lva\xc0ep:\x01\x03`\xf4\xb5VM\x83\xc6j\xad%\x85le\xd5\x1e\x83\xcb\x80\x0f\xd3\xc8\x92\x9d`\xc9\xa5V\x0b\xb1\xc8\xf0\xcd\x87\x81:\x9c\x89\xcf\xba\r\x06\xa7\xc7S\x8d\xd5U[\xfb\xb8\xa7\xe7\xf1\xe3}.\xbd^\x7f\xab\xacL\x8f*\x9a\x9c&amp;C&lt;\xcc\x88\xe9\xea\xd88\x04\xb5\x10\x8b\xc2&lt;\xb2\xaf\xe6\x16G\xdc\x06\x8f\xc7\x84L\x1e\xc2e\x15\xa1\xba\x80\xb0\\\xa3\xd1\x94\x97\xeb\xf5\xe5\xe5\x97\xf5\x97\x81\xcc9\x9b\xc9\x87}\xe4\x10\x9a\x08*\x11c\xa9\xed\x99\xa5-h\xa0\t\xab\xac\x8c\xa8\x05X\xa2R]]\x04\xac\\s\x02\xd9\xf4\x9f\xebA3\x93{\t\xa2\x05\xb9\xd2\xf3\x92b\x1d[\xc6]\x81\x11\xb1\xc2\xb9\xec\x82\xdb\xe5r\xda\xd0\xe2e\xd5\xdf\xc7\xb2\x8a`z\xcd\x893g\x80\x0bz\x89\xad\xb4\x19\x163\xc1 \x0e\xf0m\xbf\xb4\x011\xc6\xe1\x92B\x86\x89\x1d\xa9\x0c\x06\x83\xad\xb2\xac\xb7\xac\x17Z\x08\xfe\x12\xb1\xac\xa2\xb7\xbaj\x1bN\xfe\xf8\xe4\x0f\x1b4\x1a\xc4\x062\x9b3\x16\x80An\xa7$\xc7\xf2\xe3V\xc3\x90T\xcf,-\xba\x9dF\x9b\xcd\x04\x0f\x93\xe7/\x00\xe5Ak\x81\xb7\xd0]V\xab\xc6z\xe9\xfc\xa9S\xe7O\x9en@{\xe9\xd1]\xc6\xa4\x10\n\x04\xc3\xb4&lt;-1V\xfb&amp;\xd9\xdb\x81\n24\x89T\x10\xa1F\xa7\xd3\xe4\x11{\xd8e\x85sH\x8ebCOO\xab\xc5b9\xdfZ\x7f\xa9\x01\x04+G\xc5\x9c\x03\xd9\x9c\x10\x08\xaayI\xbd\x05\x7fJ\xb7\xc7\xe22\x03\x938#\xcc= Th\xf8^\xe8\x91\xbe\x0b\xfbf\xed\xe9\xc1\x84@\xa8VKEE\xc5E\x8b\xa5\xbe\xf5R\xc3\x89\xf22H0\xe7l\\\x10\x84\x10\xa7\x96v\xf8\x90\xe9C\xee$\x82\x99@&lt;i\xb6a\x0b{m\xbd\x95\xb7\xe0\xb8i\xd0\xec\xd6\xc7\xadP=\xf8\xc3b\xf9\x8d\xc5\xe2\x1d\xd7V\x80b\r\xd8H\xc0\x1a\x89G\x05!\xe0PK\x1a\x10\xf9}\x0b\xeeL\x83\x01!:\xdda\xb6\xd5\x19M\xbd\x80\xd5k\xfa\xe2\xf4\xe9K\xa8\x12i\\k=\xfc\xb0\\\xb4\xfc\xee\x8f_j\x01\xeb\xe2)\xe8\xa3\xb5V\xdfU\xedqoe\xa3B\xc0\xc7I\x8e\x05+\x04\xdcF\x84\x84hj\x06\xb0l\x88u\xeb\xf2\x95\xdf^/-\xad\xaf\xaf\'\x1aaUx+\xbc\xde/\xbd\xc3\xf7:\xbd^h\xe4y\xe0\x02\xb9\xba&lt;\xae\x91E\x94+\x18\x99\x90\x18\xab}\x87s\x04} \xd6\xcaL\xa3\xd988\x08\\\x97[Z\xbe\xb8~\xb6\x14\n5\x02\x0c\xaf\xd7\xab\xf5j\xb5\xfd\xe3\x9d\x7f\xef\x1cV*\x95\x15\xa7\xce\xb7\xf6hpD\xba\xdc\xb3\xd8\xc6\x90\xe4XM\t\x85/\x14\x10\x00k\xc8l\x1e4\x18\x06{o\xfd\xf2\xe6\xcd\x96_\x83\\\xa5\xbf@\xa2\xfe\xf1\xfe~-V\x7f\'\xd6\xb0R\xa5|\xae,\x05\xdbC\xd6\x03\x96;\x16\x15\xa2!\x9f\xb4Xp?\xb6\xe7\x08\t\xc2Zj\x17\xac\xd5h\x1c|\x00X-w\xee\xdcA,\x95R\xe9Uz\xc7\xef\xdd\x1b\xd7\xf6\xefSu&gt;\x7f\x86\xa5*\xbd~\x06B\xa2\xda\xe52\x0c,F\xa3\x01\x89\xd5\x82?6\xe1K\xaf\xad\xad\xbc\xff0dn\x84\xb5o\xd0t\xf7\xcaW\xdd\xdd\xd7\xae]\xfb\xbd\n\xb0\x94J\xed\xf8\xbd\xce{\xfd\xfd\xfd\xc3\xc3\xa0\xd4\xb3g\xdf\xbe\x83z\xfd\xf0\xdb\xeek7O\x9c\xd0t\xb9\xdc\x06W,\x9e\n\xf8$\xc7\x1aK\x07R@\x05\x86\x1fl4\xd6\xd5\xf5\xde\xbd\xf2\xfa\xf5\xc3\x87\xdd\x80v\x03\xc9\x86\xb5\xe3\x9d\x9d\xd0G\xa5\xf292\r\xad\xac\xad\xa5\xde\x7fx\xf5\xaa\xed\xc9\x8b\x1f\x9c)7\x0c\xb8\r\xb7\xe7RBHr\xac\xc9m!\xb5\x0bb=\xa9k\x1c4W\xde\xfd\xeb\x8b\x17O\x9f\xbe{\xd7\xf6\xee)\xd0u\xdf@.-\xf8\xbd_\xa9\xea~\xb7\xbe2\xbd\x1b\r\xd9\xd9\x1f\xf9\xa6\x10n\xa6\xc3\xe8t\xbb\x9c\x86\xd9TTz,\xff\xe6\xda\xee\x87\x99\x99\xb6\x9fC\x13\xcdumC\xeb\xeb\xeb\x1fP\x92\x0f\xebCmO^w\xab\x94*4\xbeVu\xbfc\x05\xceEJ\x08\xaa\x19\n\xff\xc3 \x9d\x0e\x08\xb0]\xbb\x9c\xce\xe4J4 9V\xdf\xcb\xb5\xf73C\xaf\xfep\xce\xdch\xeeX\x07\xa0h \xa8\xe0\x14\x10\xb0k+\xbb\xebO\x1e\xde(=UZQ\xa1\xba\xdf8\xb7\x84X\x01\xbc%\x0b;\x82!(\xb8c[\x84\xad?\xb9\x1b\x15\xfe#5V{\x02\xda\xf1\xea\xbbs\x9f\x99;\x86V\x02\xc1`\xc8\xc1Rx\xb7\xba\x1a\x84\x8c\x8d\xc7\xda\xbe:\x8bI\xa1ji\x9c\x9d\x9b\x9b\x8b\xcd\xc5\xb3K\xd9\xf8\xee\xee\xfb\xf7+\xa9Tj-\x90[t9\x07v\xa3\xd11\xa9\xb1\x9a\xf6\x10\xeb\xebs\x95\x1d\xd3B\x90\xb3\xdb\xed\n\xfc\xd7\x90\x0cT\x0e\xb0\xe6nW\xde/-\xbd\xa8U\x9e\xfd\xd9\xe7\xe6\x07\x0fn/l\xc5b\xd3 n\xdbw_\xb7=z\xf4hzii\xc4\x80X\xff*\x90\xfd\xf9\x9b?\xfdC*\xb6\x0b\x05%"\xd6gu\xc9(\xc4j($\xacL\xaf\xaf\xcf\xc6\xb6\x16\xb7@\x9d\xadX\xb2\xae\xa5T\xf5_Z\xcd\xf6\'\xad4\r\xe3&amp;~\xb6\xa1\x1fv\xcc\x92\xd4\x08dH\x18\x1b\xad\x02\x1b\x10TL\x94\x03\x12a\x82\xe7\x93 \xb5\'"\xd1\xca\xcb\xa1 \tT\xde\x14\x0c\x8e%;\xa1b\xb5\t\xf5\xbd\x14\xa5\xb4\xd5F\x9a\xa1-kg\xa5\x8dY\xd3\x94\xccX\xa7\xd8X5\x9b\xaa\xdd\xd6\xb6\xee\xdamg\x92\xbd\x0f\xdd\xff\xa0\xf4\x0e!|\xe0\xc3/\xd7s=\xf7s\xdd\xe7&lt;\xd4\xf3\xe7\xbfc\x14\xd0\x1a\xc4\xc3\xeb\xab/\xe0?\x03\xcb\xaf{\'f\x86f\xda;\xc6\xafG[zn\xdf\xbb\xf8\x8a7{G()\x9a\xcd\x11\x17\x8fWs\xe9\xe6\x14`\t\xc4S\x807\xbd\xba\xda\xdb13C\x0811\x11\x8d\xf6\x8cG{\xb8l2\xb5\x9aJ=QF17t\xaf\xaf\xf7\xfer\xe5\xc7s\xff\xbc\xf2\x12\xb6D\xc7\xd0\x10\x97;\xd8\x03X\x97\xef=|\x82\xa5\xd3{O\xe7\x12\xb9k\\\x0f\x00\xebW\xee\xe0j\xef\xcc\xafCC3\xe2\x89\x87\xaf\x97\x07\x06\x06\x1e&lt;l\x0fF\x87\x87\xc7\x1b\x8a\x18\xb0\x15\xabK9\xf5\x12\xb7g\xfd\xfa\xabK\xcb\x7f\xbfu\xe5\xe5?^\x9e\xbe\xbd \x0e\x93hM\xa2\x96\x9e\xad\xcb\xb7U\xa7\xbcK\xe9\xe4S\xd3Z.\x98\xbeM&lt;\xfes\xde\x8d\x17S\xbd\x0f\xa1ku\xcc\x8c\x8e\xb2\x04\x1d\x13\xd37\xaf\x9c;\xf7\x97[?\xbd\x9d\xe8\x8e\royD\xf4?US\xf9T\x02K\xa2\xda\xe9\xfd\xfd\x87\x9b?\x0f,\xff\xed\x87\xd7\xa7\x7f^\xf74\x91\x8a\xe8\xcd\x84Z\x9e\xef\xf5Fo&lt;\xbe\x17\x7f\x9f\x0b\xac\xc7w:\xde\x8d\xdcx\r\x1e\xee\x00,\x01\x8b\xf5[Gt\xea\xe2\xf2O\xb7\xfe\xfa\xe3\xc0/7~\xdf\tvG=-\xc5\xc7+\xa5|\xb5\xe1T1d\x9e\xe0\x9b\xf6W\xab\x97\x1f\xf4\xbe{\xbe3\xbc\xb5\xeei\xa6\x17\t\t\xac\xdb\r\xd26o$\x93\xce$Gr\xe0\xab\xc4\xbcJ\xe5\x89NOMMOOp\x1b\x1b\x01\xabq\xe1\xf6\xc0\xe9\x87\x97^\x0e\x0c\\|\xfb\x9f\xff&gt;\x7f\xe3\xf1\x00V\xe17\xd4\x00\xdfp\xf6\xa4\xa4X\xe2\xd9\x0f\xbac\xb1\xd8\xa3\xae\x0b\xe10\xbd\xa9\xb9\xb9\x98"ljQ]\xbf.,\xe5D\xf4ipW\xe7\x97\xbb\xea\xdb\x84rW\x15W-l\x01\x16\xa4\x1a.\x89E\xf3l\xdd=}\xbd\xfd\xdd\xdb\x9b\xcb/\xde\xbdz\x1e\xf4\x00v\x0b\xbd\x84\xcc\x0f\x04\xaaN\x9d\x94\x98\x1d\xee\x9d`\x12G-s\x10m\x98\xc7\xca\xd0b\x18\xb0\x8bE-\xd1hq\xbd\xd6\xda\xaf\x8fd\xf6\xca\xbf\xf8\xc9n~M\xc2u\xb0o7%E\xdd\xd3\xd3\xe3\x80% \x89=\xc3\xc3\x13\xed\x8b\x8b\x8b\xb1\x98\xfb\x19\x828\xcc\xee\xeeA\xb7\xd0U\xcd\x0flT\x7f\x7f\xf2d\\\x92\x8a\x05c8\x9aMc\x15d\x86\x0e\xad\xa7p\x8a\xcf\x88&lt;Q\t\xc7\x1arJs\x82\xc5\xcb\xaf\x99\xfb\xb4\xaf=\x81c\xec\x8e\xcfXp,6\x8e^\x90\xc94\x16\xd4\x84\xa2&amp;\xdc\x9cr\xc3,T \xabV\x076\xd4\x93gO\xc6\xcf\x9aS)\xc7\x05\x99\x82\xc8\xae\x15\xd5d\x05$g\xc8\x82"U\x8fH\xd2\xd6\xbfB`u~y\xe3\xca\xaf\x19;\xda/&lt;a\xd21\xb9\xe3\xe3pL\x93\x044Z\xd8%c\xb8t\x18jGQ\x041\xa7\xc2:\xa1\xd0\xa5\xa9 \xb0\xda&amp;\x89\x87\x10&amp;\x1c\xb1\xd8 \x88A\x0e,\xad\x94\x96r(\x90\x05\xcf\x88Z&lt;\xbb{j\xa7\xf1p/3\x9b\x8b\x9eu\xf5\xe8\xa8\x9el\xc7\x18\x02\xc0\xe2\xd2\x04\x02Z\x18s1\x18\xbalaa\xc4\xe1\xaa`\xa2\x98FC\xe6;7\xf8\xfa\xb6\xc9S\xe9\x887.\xb1+\xc8r2Sk\x80y\xc8\xa8\x85\xb9\xad\xf8LsKp\xf7(\x1e\xd2\xa7\x93\xb6\x9c\xf4\xad\x91\xfdO8\x99\x81\x95\x14uw7\xd0\xe84\x9a\x83\x84\x1dc~.\x06\x86\xa2\x8a\xf2r\x19&amp;\xd3\xc8\xc8\xe77@\xad\xb6\xa5\xc9H\xc4k\xb2\x1b\x8dz\xaf7\xe25\xe8\xa5!\xa9Q\xc7\xe1\xd4754c{GO\xbd\xfat$\x17\x87\x0f/\xef\xfd\xd3\x03\t\xd3\xd5\xb2 n\x04\xb1\xe8\\.\xa8\xa5\xd3i\x15\n-\x94N\xcb\x94SmX\x97\x06\xb0\xf8\x80\x05\xd3\x99\xc1;\xe9\xdd4\xca}V\xfd\xd2\x92&gt;\xe4#JQ\x0bc\x7fC\xd3\xf9\xcd\xa3\xa3\xccR\xba|-\'\xc7\xf4\x1a\xfe)\xa9\x93\xec~\xdc\x127\xd2\xc0Y\\\x01\x18\xddd\x8a\x10bh\xf5z\xa3\xd1\xa8\xb0@\xacg0\xd5\xb0\x880\xc5\x1a\x0cZ\xad\x02\xb0|\xa1\x905\xd4O\x94Z\xae#\xb0HN\xdf\xde\xa7\xbdHd$7/\xf0j\xe6\x8fZ8\x9e\x83\x8f\x07\x834\x1a\x8b\x05\x86\xc7\xec\xa6t:\x02\xe55,\xe9\x01L\x81\x11[\x80Q\xc9\x0fHa\xb26\x18\x08Ty\xc8\xd7\x0f:\xf5;\x01+\xe0\xd3r\n\x85\r\xac,V\xdar?G\xf9\xe1}r\xaf~\xf7\x8f\x8fQ\x92@\xc0f\x93\xc2\xd0\x90\xb4K^\xafw)[z\xbd\xc2\x82\xf8]\xae\x02Ni5\xbf\xd2PUY\xc71\xe8\xb5^\xaf\xd1G\x08\xe5t\xae\x00\x18\x9f|\xec\xb8\x90\xeb\xef\xdb|z\x941i\xd6rC\x05r%\xe3\x07\x1f\xffXd\x92HJ%\xdb%\xb3\xc9\x8d\x04\x905\xeb\x1e\xab\x1eu8\x10\x0c\x13R\xaa\xa4j)\x0c\xfeu\x9czN}&lt;\x1e\xb1f\xa1\xb6?l\xaf\x04\x02j\xe6q!\xcd\xfc,\x93\x8c{\xf1\xb1\\\xbd\xbc\xcb\x9f\xf5\'a\r\x112\x9b\xa4lU\x02\x95\xdc\xa8\xb7Z\xad!\xab^\x0fl\x11w\xcc\x9d\nc\x18\x93\xcf\x0f\xf0\xa5\x95UU\xa5\x948\x1eO\xc6#\xa1~\x82\xea\xc3\x87m\x98l\x99\x05t\xaeg?"\xd5\x9b\xf0\x9c\x85\xc0\xbc\xc4\xbc\x08\xb0T%JVkk\xabF\x0eCj?\x18:\x04hz\xabA\xa2R\xb9\xcd\x05\x8c\x8a\xce\r\xe7\xc6\x06\xbfZZ-\xad\xe2\xe0&amp;\xe0\xf2\x86\xfa\xff\x8f\xd5\xa7\x06,\xb1\x88\x13\xa0\x9a\xe2\x17\x1e\xe7\xe5\xec\x12\xdcU\xc9\xfe\xc1\xfa\xae\x87\xadl\xd5\xc0P\xd8\xb9\xb2\xbd\x02~&amp;\xb0\xaczsL\x84\xeb\x18\xb2\xb9y\xc0\xda^\x81\x88\xaaV\xab\x15\xb0S\x93*\xc9\xa1\x0f\xe4\xda\xde^q\xf2\xe5\x0c6W\\\xb6\xb1A5\xe1c\xb9\x8a\xa6\x90Mg\xfdqIr\x7f\x9d\xcbn\xd5T\x80V\xdb\x04VV\xad6\xb3*\x88T\x97Wh4s0\xf2;\xfb\x98\xaeQ\x87\x82\xaa0\xe1\xa8d\x7f?i\x07\xae\x15\xa73\x8b\xd5\xc8\xad\x0cl\x9c7\xa2\xb3\xb9\xa2"Z\xd7&lt;\x8ea\xb8\x9b\xc6j}2\xdf\xd9\x99U+\x94\xf5\x16\xde\xb3\x13\xc4*\xfc\xab\x0f\xfe\xd5\xae\xd10\xc9L\xc7\xf0\xe5{\x0b\x0e4\x8ek\xb5\xee\xf5\x85\xa4\xd6\xe7t\xf6\xfb\xf8j\xb2\x8b%\x16\x04\xd4\x81@h.\x87k\x08\x07\x90\x03A\x90\x026K9G`u\xc2\xae\xcf:\x8b\xd3\xd2\x13\x0c\xba\x1d\x0bw\xef^^\x1d\n;\x1c\x8eTl\xe2\xcdz\x107\xd97m\xb6\xd8\xfa\xbe\xd9\xc6\xef\xf7\xc9\xa9rf\tILw\xf6\xf3\xf9\xa1\xceD\xee\xb0x\x10\x9c\x91d\x8c^Bce\xb1\xfa\xfa`\rA+C}C*\xe5\x8e\x05\x17\x16v\xbac33\xddA\xf73?\xf2,\x85\x1f\xc2\xe9c\xb3\xe9T\x0b*L\xceWS\xc9L\x06[ n\x80\x83(d\xfc\x90\xd3\x01\xb6\xe6\xaa?)\xf1c"\x12,\xe2|_yy\x9f\x0f\xb4\xf2r8Z\x99\x058\x88\x88&lt;\xd1=\x08\xc2\xa5R\xcf\x10\xbb\x17\xa8\xe0H\xb27x\x82t&amp;\x95\xa0r\xb1iCO\xe6l\xf2\xf2\x91D.\xa9x\xbc\xfb]8\xaa\xc3=C\x9a\x8a\xf9\xf2\x8a\n\xb2\\.\xd7{#\x1c\xadMn\xb3Y\xfc~\xc4\xb1\x18\x1b\x8c\r\xbaS\x0e?\xa40\x8bbsS\xbb\xb9iw{D\xc2\xb2o\xbe\x03\xaa\x92".\xeb\xfe\xda\xfb\xf7k9\xbeT\xccK\\\xb5\xd8Q3\xf7N\xabfN\x03\xe6f\xca\x8d\x86\x88\t\xb5(\x14\x00\xd6\xd5e\xb1\xebP\xc2Y\x0e\xbf\x0c~\xdb\xe1\x03_]\x88\xaa\xa9\xae\xb6\xee\xc4\x89c%\x05E\xdc\xdf\xd6&gt;\xdb!\xb7\x95\x9f\x98\x1d\x1b\x1by&lt;\xa2\x84\x86\xea\x82\xbc\xc0\xd0N\x9e\x8a\xe3(\xea\xb7tu\xf9\x11\x04B\x05\xea\xf2#8\xaa\xb5X,~"a\xa0\xfe\x0b\xfeEzU]aY\xd9\xf1\x02!\x9d\xabL\xe4}\x95\xca\'\xee\x02\xdf\x07*\xa5\xd2\xe5\xc28\x9cZ\x8a\x19v\'2:\n+h\x06\x0e\xbb\x05\x83`\xe1\x85%TXP\x1c\xc7\x11\xc7\xe8(\xbd\xae\xae\xb0\x90B\x11\x02\xd6\x93\xafw)\x9c\xc7{\xfc\xa4\xb5\x95\x15f\xb3HBJ!E@@\x8d\x8eB\xef\xc0\x89\xf8u\x98\xced\xd2\x87\x9b\x10\x01\xe5Z\x147#\x02\xc7"\xbd\xb6\x96\xc0\xa2\x14\xd1\x87\xc6\xf2\xbe\x1eV^bL\xd9J"\xb1\xe8taa\xa1P0\xf4\xe8\x11A\x85\xda\xed\x87De\xa0\xfe}h\x94\x1b-v\x13\x8a\x84\x1d\xe2nn-\xe4R\x02\x8b64\x92\xf7\x15\x8b\x07\xe6"\xd1X4.\xbd\xf08\xe9\xda\xb5k\xc0\x15\xf6[,\xa6L\xe6\x7f\xbc\x9c_LZi\x1a\xc6M&lt;\x04\x029\'\xe7\\\xc0\t$\x1c@\x94\x04\x10\xa8\xc0I\x06\x14\n\t\xa2X\x08\xa2\xbd0\xf8\':\x17"Y\xdbd6S\xdaFmcm6M\x06\xbc\x99h\xab\xdd\x0b\xdbtAbk\'\xe94\xaed\xb6N\xb2\x17\xad7S\xd7\x0bk5Y\xbb\xb3\x1ab\xb6\x89\x9b\x1a\xbb\xdb\xe9t\xb2\xef{\xe8\xec\\O\xeb\x99/\x05\x89\x17\xf8\xe3y\x9f\xef\xf9\xbe\xf7\xe3\x9c\x96J\xa5\xcd\xcd\xf2\xe6\xe6\xa6\xf0b\xfa\xfe\xf4\xf5\xc5\xeb\xf7Z\rA\xa4b\xb9\xd8\xd6\x8a\x98TUPE\xde\xe46u\xd2\x0e%\x9d\xcfo\xe4r\xb9\x96\xed\xed\xd2\xe6\xde\x7f\xde\xee\xef\xed\xef\xef\xde\xdf\xdc\xdb\xdd=\x98&gt;88x\xf7\x97G_\xf7%AT,b8\xb2\xf5\xacJ\xdc*\xf6\xf7\xd0\x1c\xddfR\x9a\xf9\xcc\xe2\xe2\xed\xfb\xd3\x07\xcf\x9f\xef\xef\xffkz\xef\xf1r\xcb\xf6H\xe1\xc1\xea\xdd\xe5\xa5\x1cp\xfd{\xbf\xef\xd4\xb90\x0b\xde"\racZT,\xdc\x12\xf6\xf7s\x1c\xe71Z\xb5\xe6\xec\xf3G\xef\xde\xbd\xfb\xe1\x87G\xe9\xe2\xf2\xdc\xdd\xc2\xda\xe1?\xff\xfblm\xe6p&amp;\xf5yyoo\x13\xb6;\x94\x19&amp;"\xc8e\x8a!\x96\x88\xf7\x1a4VC\x15\xad$\xc9\x99H\xca\x1c\xbe2}\xb0\xbf\xff\xf6\xed\xfe\xe5\xe5\xb9\x85\x99\x85\xb5\xb5\x85\xc3\xb5\xc3B\xe1ni\xa7\xbc\xb7\xb9\xdd\xad\xb1\xa8\xbc\x80\xc5\xb0ac$\xb3\xf5M\x95\xb8U,\xf4\xf7[y\xde\xcdY\xcdg\xcd\x97&gt;\xdb.\xed\xec\x94\xcb\xbb\xc5\xb9\x07\x85\x85\x85Ba\xa6\xb0Zz\n\xbf\xd9\xdc\x1ev6h\xec\x14\x03\x83\x0c{\xd2c\xcb\xa2bA\x15W\xd6\xc7\xfb\xad\xd0j\x90$\xa5\x19i\xb9\xbc]\x02\x0e\x00;\xf8\xfb\x8f\xf8U\xcf\xf6\xce\xd3\xa3\xa3r\xb9t\xc9y\x15\xb0\x1c\x9f0L\x903\xc6\xb2c\xcbb\xdfb\xf3l\x0e\x83^\xc9\x07LVM\xc3p\xcb\xe4v\xe9\xe8\xe8)\x96\r\x92a\x07\xa0~\xfa\xa9T.\x9d\x1e\xb9z\xd5\tX,\xeb\x80V,2&amp;:Vc\xf5\x0c,@\xd0m@\xd3\x98jp\x0eOV\xb8\xde\x8f#\xa0:*m\x9f\xd74\\\x05\xb5\x94`,\x07i\x8ae\xc6\xc6\xd6\xc5\xc6\xaa\xc2\xe5\x1a\xccE\xd3d\xdc\t\\\x90\\\xa0\x12\xe8\xf4\xf4\xa9\xf0\xd8)\xb5\x80\xaf\x00\xcb\xe9r\x80V\x0c\t\x86\xef\xeb\x15\x1fk\xa1\x07\xbaE\x9e\xe4\xa0\x99\x856\xc8\x19\xcf\xad.\xdd\xdf\x83Q.\x97\xf1\xc7\xfd\x96xJ\xf8\x92Q\xe3\xa2(\xa5\x83\xe1&lt;\xd9\xd6\xd6\xde9\xd1\xb1V\x96\xe7\xd1\xf1\xb04\xba\xc7]N\xa7\xf3njx\xf6\xf1\xf4\xee\xee4&lt;v\xa7\x1f\xaf\xc6\x9d\xce\x0e\xf8\xb5\x13v\xa5\x94\x92a\x02\x91lr\xa0U|\xac\xb5u\x9a\xe7y\x0e\xa8\xdc\xd0\xf9k\x9c\xa0X*\x9e+\x0e\xde\xbe\x9d\x1e\\\x9a\x8ck4\x88\x04\xc3\x0cX\x0c\xe9\x8ee\x93\xdf\x0e$\xe7\xea\xaa\xc4\x9e\x8a\xeb@\x04E\x04\x7f\xb9yk\xdc\xe5\xd2\xa4\xe2q\xd8\x0b.\xe5\x97\xe6a\x87\xa8q\xc5\x11J8\x95\xb3\x82\xb3\xb2Y}}}Rl\xb5\xaa\x1a\xbb\xe68\x10\xca\xcd\xf1=\x00\xc6\x7fz\xd6l\x1e\xfft\xf2t\xcb\xe5s\xb0\xc59{\xa6\xdbu\xfe\xb3\xb3H\x05\x8fq\x92\xa4#\xd96\x83\xe1w\xe2cU\xd5\x15H\xf8st\xc0\xdd\xd3\xd3\xe3\x9e\xc7\xa3\xc1\xd38Z&gt;\x87\r\xfc\x19h\xc4\xbaa\x7f\x8a\xa7\xcc)\xb3\x15\x16\xcfl\xa4\x995\xe8\xdb\n\xa2\xdf\x82\xd48\xc3C#\x8bX\xb8S\x05*hv.\x9d9\xf3\x87\x17x\xdc\x06[\xd3\x8e\x0e\xac`J\x03m\xd8\xbc\'\x9b\xed\xc4s\xe6\xe4\x8c\xf8\xf7l-\xf4\xa0\xaf\x024\xdf\xd3\xcf\xcf\x8f\xe3\x993B\xfd\xbe[@\xc2\x1c\xed\xd0\xa4\xc0o=\xfc\xfcT\x1a\xa9\x82\'\x06\x92\x0b\xa2SU\x1d\xf6\x9b@/z*\x00U\xec\xe9w\xc5\xcdx\xbe\xfbB\x80B*\xe8n\x9d)\xa0rOy\xd2\x996C0\x14\x02\xacC\xf1\xb1\x9e\xad\x9bH\x86\'\x03S\xb3[[\xb9\xfe8^\xa51\xd2\xfd\xa2\xbb\x03ZY\xc0\x02\xa8\x86\xbb\xc3\xc3\xb9\xd9\xa9|&amp;s\xa5\x99\r\xd9\x83\xcd\x03\xc9\x15\xd1\xa9\x1a\xbf\x01,\x92a\xb8\xc0\xd4\xd4\xd6lq\x0b/\xd2\xa8\x18}dx\xa4\xa1\xa3\xa1!\x95Z\xce\x01\xd5 P\xe9\xd9\xa0=\x14l\xaeo\xfd\r\xbcu\xf2\x81\x89\xe3p6z\xf2S\xc5\x8d\xe2\x96p\xf9\xc8yhds-\xe7GFF\x96a\x99\xdc*V\xa8\x0c!\x9f/\xd4~\xa2\xbeW\xfc\x80\xa8:9g\xe2h\xd89\xd3\xa6X~\xa3\xb8\xb11\xb54;??\xb9:\xb9\xda\xd2\xb2\x9a\x1b\xce\x15gW\xb7\x8a\x1b\x83\x99\xec\x95S\x06\x87O\xe5\x0b\x05\x01K\xecm\xa0\xf0-\x10\xcd\x85\x01\x8c\xa6\x8d\xb1|~p0};\x9d_\xc2\xcb[\x96\x96f\xe1ic\xa3X\xcc\x0f\xa6=\xe7\xbe\xfdsP\xe5\xf5\xd9\x05\xac\x80\xa8{\xf9\n\xd6\x8c\x9b\xe3L\xc2\xf0\xc4"\xe9\'\x13\x13\xb8\x1c\xfe2\x804\x131\xb2\xcd\xfa\xa0\xcf\xab\xf2\xd9\x83\xed\'\xf4\xad\xb1\xdf !fx\xac\xa0Q\x18\x9eXzbb\xe2O\x13\xc8v{B\xf811\x91mkf\x83\xc1\x90\xcab\xf1\xfa\xb0\x88\xfa\x81\xdeu\xf1\xa7\xe2\x02\xcf\x91\xef\xb1L\xb4\xd1\x13\xc9|w\xe7\xce\xe2\x1da\xfc\xe3\xce\x9d\xef\xc6"z\x03\xebp\xd8U\x16\xbf_\xc0j\xd7\x0f\xf4y\xd6D\xe7Z\xe9\x01k\x99\x04.\x1aFg$s\xeb\xfa\xf7\x0fo\xde|t\xf3\xe6\xc3\xeb\xb7"\xfaO B\xd9\x90\xcf\xeb\xf7\xa3\\\x88U\xdf*z\xef\x83j\xc1T\xac\xc8e\x02,c2\xd2;v\xef\xeb\xef\x1f&gt;\\\xbc7\x96\xd4C\x80\x86\x82!\x87\xdd\x0bb\xf9-*\xbb=h\xd0\xeb\x93}\x999\xfc\x0f\x19D\xbck\xb8\xb1@Cpq\xff\xc72y\xda"\xd9L__ok\'\x9e9(\x91\xcan\xb7\x83X\xfe\x1a?z\xde`hN\xb6\xf6F^G\xd5j]B.N\x825\x9e\xb4-{ M\xdf\x97Q\xe02uF\xda:\xf5ap\x94R\x19\xa2(6\xe8\xd3\xda}\x16\xbf\xa5r\xf5)k`\r\x03\xad\x03\xbd\xe9/.\\\xbcp!\x9a\x90\x89\x91\x0e2\xdb\x9b\r\x0f\x8d\\\x10\x10\x02\x15\x0cO\xd6\x18&amp;I\x16\xb1\x94f\xadV\xa5B\xb1\xf0\xe2f\x8bJ%`\x9dJ\x82\xedo=\xf9\xe3\x8d/\xa2D\x828~\xad\x14C_\rf\x8d\xb8\xf6`H\x98\xf0\x05\xbe6\tXHE\x99!\x17TZ\xaf\xb7\xa6\xa9\xa9\xa6\xc6\xe2\xd5:\xf0t\xa4s\xa0\x19Rbl\xf1\xaf7\x12\xd5r\xdbqsU+\xd4\x17\'2mFw\x05\x86d\x94\xd8\xdc\xe0\xcb0\x0c\x96\xb1*)\x90\n\x87\xd7R\xd34:Z\x03\x96\x0f\x05\x83\x80u\n\xb2\xbe&gt;\xd9\xba\xf87]\x9dD~\xccu\xac\x96\'l7\xae\xb7\x01\x16\x8f\x87\x1e\x8c\x12\x18(\x07\x83\x80 \x1e\x07r\x81V^\xaf\xc6\xab\x02\xc5jFGG\xfd^\x95\xd6\x1ebXR\xdf\x19dO4\xeb\xeb\xc7\xde\xc8%\x12\xe0R\x1f\x9f\xf1\x1b\t\xb5\x8e\x18zr\xcf\xe8\x01,\x92g\x94\x824Z%C2\xb8\xd1AL\xca\xacU\xb9T\x1a\xa8\xa1 \x96\xa0\x96\x03\xab\xd8\xd9\x16\x0c\xb6\x1b\xda\xdb\xd3\x17$D\x97D\xa2H$\x12\xc7tW aK\xa8\x15\x84\xed\xd5-\x98\x804\xd4\r\xb1((\x97\x16:z\xab\xd5*@\x81\xe1\x85\x12j\xbd\xfe\xa6\xd1/G\xd1\xf2\x14R1\xfa6\x03\x143d\xd8\x8a\xd6\x11R\x89\xa4N\xaa\xb6\xd9\x14\xc7Q?u4\xaa&amp;\x08\x85\xfc\xe2 \x1d\x08@CF\xf2`$\n\xac\rz!\xa0\x12\x8d\x05\x9c\x1a\x8b\xc5\xa2QA\t\xbf\x1cm\x02\xb1@L\xa0r\x84;\xc3\xa1P\xc8\x17{#\xeb\x02*\x1cD"J\x1c\x07\xd5P-!\x93\xc9\xe5\xd7^y\x02\xb4\x1bZ}\xde\n\xde\xd2\xaa*\\\x90\n\x14e\xa6\xcc.\x8d\xdf\tK\x8e\xc6\x0f5l\x82\xd4\xb2;\x18\x14\xcb\xc1\xe9\xc3v\xbb\x8f-\x0e\tb\xc1\x90\x12DBW\xfd\xd1T6\x10K\x86X\xb6\x97\xe9\xc0\xac\x80\xc53\x0e0\x17PQP&gt;\xb3\x99\xc2\'\xb3\xcb\xe2wZ\xc0Y`x\x88\x07-U\xc1R\xb2\x80\xa5B\xb1$\x92.\xa9\x14\xc8d\n\x85:\xfa\xb1\x13\xf2\xa4Zg\xd3)\x142\x1c\xaf\x9f\xc4\xdc\xd0\x8e\xd1\x10\x12V+\xc6\x81\x96\xb2B\x19\x95V+\xca\x85E\x84y\x08Q\x8abQ\x94\x03\xb9\x18\xca\x116\xd8\xb5\xb1W\xd1:\xa9D\x8aX]\n9!\x07{\x9d\xfc\x98\xcda\x97\xaeV\xae\x96\x0bP\x844\x81r\x05\x02\x01LRF\x98\x8b\xc2\x11)\xb8~\x1c\xe5R\xb9\xa0\xb2\x16!\xe2\xbdZ;\x1e%\xa1Z\x0e\x03g\x0f?y-yO%\x91\xc2\x1b\x11\x8aD\xd4\xa6\xf8\xb03\x93\xea.\x02&gt;VT\xa7\x90\x0bZ\x11\x04!\xbd\xb6\xe1\x01,\x9a\xc6&gt;\x03\xb9\xb4Bta\xaaZ\x05\xc5`\x1e\xfc\x8c\xa5\xc5\xb4e \xfd\x1d\xac!\x9c\xfe\x91\x10\\\x85X\x04\xbc\x93T*\x93\xabk?h)\xaaV\xd4\x0e]\x8b\xd6\xd6\xaa\x15?s\xc9d\x8a7\xf9\x00b\x99\x10\x8c\x01\n\xadRP\xab\x92\xfbV\x98\x8d\x16,\xa1\x05\\\xa7\x15\xd4\x82\xecP*\xd9\xf4\xcbD]\x85\n$\x03\xad\xf0#\x122\xf8\xc8\x1f\x00F\xa8\xe5\xb6![\xad\x0e\x98\xc0Z\x15s\x11\x89\x97\x83\x01\x01L\xe0\x82P\xa5\xb0\x84V\x01\x0c\xb0\x04gadi\x11\x0b\x02\x82\xc1\xe4\x88\x80\xb1*P0\x04\xd9\xf1\t\xfe\xa9\xa36\xf5\xaf\x8b\xd6.\xb5\x0e\x80\x14\xbaZ\x9bM-\xab\xa8%\xbc\xe1\xd0F\x1a\xb1@.\xdcJ8 \xb4\xc0\xf1\x10d\x90\xa9He\x116\x80\x82XB\x81\xa1\xd2\x94\xe7\xd5\xca/T\x10\xa7\xb2\n\x16T\x12\xc0l6y\xdd\xafY\x01kkuj\xe0\xfa_#g\xf0\xda\xb6\x19\x86q7\xf9\x84\x84D\xa3\x06\xc9E\x1a.b\x9bT\xd1\x0c9\xd0R\xc4RJ:\xa9\x97\x81J\xf1I\t\xec\xa62|*9\xca\xff\x81 \xecXH \xc6\xb9\x85\x92\x1e\x029\r\x1f\x8c\xaf\xc6\x86y\xc4;\xeco\xe8i\x87@\xa1\xb0=\xef\xfb\xc9n:\xb6\xb1/\x89\xd38\xe9\xe7\x9f\x9f\xf7\xf9\x9e\xf7UC\xad\xfbY\xe4\x93\xe7\x97d\xd7?\xbe\x80T\xe0\xba\xc3\x83\xc3\x06e\x16\xc9\xd5\xfc\x86\xce\x00sm\xed\xb4qw\x8d\xb5\xf1\xec}7\x08VZU\xa5\x17\x88\xfa\x04\xd1\xd7\xc2\xf3;\xc6\xff\x1da|Z\x9e\xe7\xb9\xae\xae\xeb^\xd6\xcdV\\\xc2\xb8\xa6\x99\x0b\xa3\r\xd4\xda\xa4\xf8"\xc1\x98\x0b\x11\x81\xe9\x81\xb0p\x14P\xc5\x070W\xb3\xf9\xed{\xd2j\x8f\xa1D\xd0]\\\x8dK]\xd4OQ\xd3p\xa7\xeeG\x9d\xff\xf1\x9f\xc1\xd7\xddN\x14\xf9~\xc4raU\xf3\xc5tQ\x1a\xab:\x1a\xe5\x1f/\xc0\xc5\xe6\xda\xdc`\x13\xa1\x82\x8f\xeb\x06\xb4\xb3\xb3\xc5\xce\xba\xc7\x1ds\xbb\xf9\xe6\xe3h\xe9vU(\xfe,\t\x93\xabY\xa5\xd6`\xbc\xa1\xe6F\x9d\x8e\xfe\xdf`O4$J\xe4\x93\xd5QBM\xb8\xfdinZ\xe18\x135\x18&lt;q\xfe\xfe\xfb\xafI\xb0\xdbr\xc6z\x00,\x96\xab\x89\x8e\xf4\xf4\xe9\x0e.\xa7\xdb\xc8\xaf\xad{\xcd\xed\xed\xb7\x1f\xf8\x0c\xd6\\Z\x7f\x90&amp;I\x9a\x0f\xfb\x11\xf5 \xb5nF\x8a\xeaB\xb1\x7f\xf7\xd8\xfa\xfa\xae\x1e\xd52\xa1j\x86\xd0\xcb\xf1 N\xf3&lt;\x1f\xcc\xbd\x15\x96P\xb2\x0f\xbf?\xbb\x7f\xff\xcem\x1a\x1d\x80\xc5\xbe\xe7\xa6\r\xaa\xa7t}\x88\x8b\x1f\x94\xb2\xf9\xf8\xe7kWR1XPN\x93\x9c\xd7d\xd1\xcf\xb4@\xc1S\xdc\x0b\xa8\xc4\x8a\xaa{0\xff?\xd4\xf2\xc9\xfa\xee\x1e\xda_D\xe7\x8f\x01\x10\n\xd9|\x9a\x84q\x9a\xa4i&lt;\xe9\xbb\xab2j\x9a;\xba\xfe\xed\x05\x86\xe5\xcd\xedm\xaa\x16\xba"s\xa1%\xb7\x01\xd6\xde\xdc\xbe\xb7\xf5\xd5\xd6\xcb\x1f&gt;\x8c\xc4R+|\x04\xd9Ij\x9a!m\x980\x98\'\x82\x00\xa7\x91\xdeQa\x1d\xa7\xb2\xf3\xf7\x17\xff\x08\x04\x84\x84R\x1e\x9d\x10\nNC\xf1z\x8b\xc2\xb4-\xc7qZ-\xc7\xba*5}\xe9.]U\xf4\xd1\xc7\xb7o\xee\xe3\x8a\xa7\xcd\xbdq\xc5\xf5\xea\x15\x8buw\xeb\xe1\xbb\xcbc/\x08\x96J\xc1X\xdeQn\xda\xb4\x97c\xd9f\x9c\x17\xc3\xd9E\x95\xe9\xaa\xf4\x19e\x06\x81\xb97\x02\xf6I\xa0z\xf0\x13Z\xb2\xcc\x13L\x0b\xc2\xe8\x1eMb\xd3\xc26X\x8em\x9a\x8b.\x1dF!j\x83\xa9P\xec\xe3O\xb7\xbf\xfc\xae}\x97\xfe-\x1e-\xb0\xf9\x1c\xd7\x88\x07\xc0j?o?zxz\xde\x11\xa8\xce\x12K\x04\xde\xe1$\x8dC\x9b\x9e\xa7\xdc1N\x8b\xe9\xac\xd2\xf0C{\x022P\x8dt\xbd\x93}\xb2\x14\xc2\x03\x86\xd2\x97)\x0c\x17\x88n\x7f\x98Z\xd8\xc1\x82\xea&amp;\xc9\x1e&amp;\'\x99\xd0\x97Q\x88\xb5\xa7\x08ct\xfd\xeb\xcb\r\\\xdb\x7f\xb1\xf3\xa8\xcd\xeb\xe0\xe0\xe0\xd5\xf3\xed\x97\xefN\xcf]\xe5\xd3\xa2\x18\xf5\xe6\x05\xd9\x9dV\x1c\x9a6\xadt:\xebe0\x8d\xba\x1bP\xab\xe4e\xb8K($\x07\x12J\xe3#\xac\xc1\x88\x18\xfb\xcaC\x82\xb2\x1c\x0bT\xd8\x8b\x8c\n\xae1qI\xd7\xb3\x1b\xa8\xef\xba\xa3\xb3\xd3\xcbK\xfe-\xcfF\xf3\xf5kx\xed\xe1\xe5\xe9\xf1/\x9a\xa2|\x86\x15DG\x05|E&gt;M\xe0\xac&lt;I\xe2\xe4\xea\xa8\x8bP\xe4h\x14J\x80h\xe3Ni\xd4J\xe9t\xf0\xe8U\xf5\xf0\xec\x85\xe2V\xfd\xd9\xc9p\x12\x12\x92\xd3"\x17\x84dS\xd3\x04ezR\x89U\x17\xe2\xe6!\xc7\xba\xce\xe8\xfc\xf8\xf8\xec\xec\xf4\x8c\xd6\xf1HW\x02\xe5\xf3\xa5*\xd58\x0fC\x9bvc\xc7\xe3\xa9\x0eNJ\x03@\x06\xbd\x03M\xec\xee*l\x7f\x95\x7f]\xe2\xfa\x1e`\xbcn\xaf\xdf\xbf\xc0\xf5x\x7f6MHa*\x9f\xb4U\xab\xb5\xbf\xcf\xf6rl+\x9c\xf6#x\xa8\xdf\xa5\x00\x00\x02\xc8IDAT!]PWR\xc8\x19\x8a\xdd\xc3\x85E\x9b\xb9\x81\xb3\'\xa1\xf4\xde0\t\xe5\xe9!\xfd\xc38\xcc\x87\x87\x99\xae\xd7~"&lt;\x9d\xc2\x82\xf7\xa1.\xd3\x81R\x9awq2\x9d\x14y1\xb8\x9a\xe46\x9d\x13\x8b\xcf\x0bx\xb0\xd6n\xdd\xda\'0\x877-Nz\xaeV\'\xc8R\xaf\xe5ZU\xecF\xf1\xe8&amp;\xf0\xe7WI\n\xc1M\xda\x82\xc8\x92\xe1\xbc\xe4\xe6Fr\x19&lt;\xa2\x18\x84\x87\x1a*J#p)\xcb\xf5\xe8p\xb0O\x0fM\x8f\xdf"\xa0\xa5J\xb5R\xbc\x93e\xb1K-s2\xabh\x13\xc3\xb8Y\xc9\x15\xd8\x8d?\xd5\\\xaaZ\x8da\xf68\x0c\xc9\n\xd8\xc1.\x18\xca_\xf6]\x8fG\x02C\x12\x82\xb4!\xa7\x84\xac?i\xad\xb10-Y8G&amp;\x15\t\x84\x05g\x99v\xc8\xb7x\x0bc3\xbd\x9auU\xd9\xb9\x97U\x94ko\xaf\xc6\xe2\xe2\xa9\xb5l\xc6\xc50\xc1_c\xac\x18\xc70_\\T\xdcq%\xd2\xf2\xb3\'1\xa3\xa8\xdb\xc0)\x00Uoh\xd7\xee\xb1\xa4\xcb-\xe9\x01\xf8\x933\x19\x8b*k\xf1O\xd8\xe0\xb2\xd2\xe9\xbc\xd2)\x00\xb5O\xfe\xaay\x96\xc5\x94\x84J \xaa\xd9$&amp;\x99h\x1b2\xfbd\xd6%M\xe8\xf8\xd1\xa3\xbb\x92\xc9sk.O\xef5\\\xc4Bv8\x8d\x89\x859,K\xd2\xa0Z\xa4\x0ba\xe1\xc3\xb6\xb8\xbe\xfb\x0e\x9d\x04\xd6\xcf\xcc\xa7\xb3\xd27\x14\xf5\x86\xf3\xc5\r\x8b\xd5\xf3B`d\x87\xc3\x1c\x12\x91V\xf8\x84d\x98\xa2\x17\x92\xc15\xcel]3\xe8\x9d\xeaG\x89\x05X\xe1\xcf\x1a\x18\xef\xba\xf3IhZ\xad\x95w\xa8\xf6fL0\x08d\x06%\xe7\xafQ}\xf1=*1N\x12=H&gt;\x19_T\x91\x08\xea\xd6\xc1\x1cb%\x99\xf8S\t\x02\x17\x91&lt;\xc8\xf3\xa2@L\xa5\x8cU\x0c{&gt;\x1f&lt;Mf\xa4F\xb7dT]N\xd2\x9a\x11T\xc3\x86\xeb_,\n(l9\xa6\x8c]\xb3\x16\x8a}dI\x8f\x91\xe7HA\x99\x17t\xbc\xb9$\x00+\xa6Df \xf1Ty\xcd\xc0{S\xf4(\xeb\r\x11\x95\xf3a\x91\x02j\x807\xa0!\xaa\x8aq\xc9\x13\x1cr]\x95M\x8c\xbb\nh\x84|R8\x88\xbd\xa2\xd1\x9d\x15\xb2H-3\xc6-c\xb1\xa3\xe8&gt;\x0e\x89\x16!\xd9\x84\xe9\x90\xffd\xb8RZ\xf3X\x91$ ;\xec\x95\x99\xafaVB\x86\x06\xf4R\xa7\x8du\xcd\xef\x96\xfd\xf1U\x91\xa3\xcd\xc4\tS\xd1"[\x192\xab\x84\x9cPX5\x1a\xa0\x98\x92\xd0\x8c\xc3\xa41Ne\xdd\x9c5\'\x8e9Dm\xe9,\xcb&amp;\xa1\x80\x04/\xc5\x18Fl\xfa\xc2\xe1\xef9\xd4c\xd9)q\xca\x13J1\x99\x9e\x1c\xf5{eUuyUe\xaf?[P\x0e\xa2v\xd8\x15\xb3\x02\xd5\x11\xb6\xa2\x00\xd5(\x9c\xe8\x1c\xb3\x9b(\xaa4\x0eAr\x17\x91y\xb3\xe4/u\x99iO@\xab\xd7\x87\x00\x00\x00\x00IEND\xaeB`\x82'</t>
        </is>
      </c>
      <c r="M393" s="3" t="n">
        <v>45492.67828703704</v>
      </c>
    </row>
    <row r="394">
      <c r="A394" t="n">
        <v>1008459</v>
      </c>
      <c r="B394" t="n">
        <v>7314</v>
      </c>
      <c r="C394" t="inlineStr">
        <is>
          <t>Adriano Martins</t>
        </is>
      </c>
      <c r="D394" t="inlineStr">
        <is>
          <t>Adriano Martins</t>
        </is>
      </c>
      <c r="E394" t="inlineStr">
        <is>
          <t>ZAG</t>
        </is>
      </c>
      <c r="F394" t="inlineStr">
        <is>
          <t>ZAG</t>
        </is>
      </c>
      <c r="G394" t="inlineStr">
        <is>
          <t>ZAG/LD</t>
        </is>
      </c>
      <c r="H394" t="n">
        <v>193</v>
      </c>
      <c r="I394" t="n">
        <v>3</v>
      </c>
      <c r="J394" s="2" t="n">
        <v>35520</v>
      </c>
      <c r="K394" t="inlineStr">
        <is>
          <t>Right</t>
        </is>
      </c>
      <c r="L394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6b30efb-d776-4871-9e49-2d0e948b0bd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c9\xd5U\x00\x00\x03\x00PLTE\xff\xff\xff\x1f\x1e!\x14\x16\x15\xa6uF\xae~M\x13\x18\x1c\xac{K\x18\x19\x19\xfe\xfe\xfe"!#\x0f\x14\x19%%%\x18\x15\x11\x12\x12\x10\x19\x1b\x1e\r\x10\x15\xa9wK\x1f\x1e\x1c\xb2\x80P\xaf}R\x1f\x1b\x16\xb4\x83W\xa2qC\xb2\x80U\xa8zG\xf9\xf8\xf8\x9fnB\xaayO\xbb\x8a\\\xfc\xfc\xfb\xa2sI\x9foH\xbf\x8d]}X3\xb7\x86Z\xc2\x90`\xa4v@\xa5tK\x9anG\x92e;\x9bk?\xc7\x94c&amp;&amp;)+*+\xbb\x87X\xb6\x87U\x1c\x16\x14\xad{Q\x8e_5\x87_; \x17\x0f\x93jA\t\r\x10\xcd\x9ba\x85Z5\xbb\x8dc\xf5\xf4\xf3\xbe\x8bW\x93oH\x99jE\x1e"$\x94eB\xb6\x81M\x9fuM\xb7\x83S{R.\xad\x80U\xd0\x9fq\xd2\xa1h\x18\x1e"\xc2\x8fX\xb1\x84S\xa4vP\x1d\x15\x1e\x1d\x12\t\xc1\x92g\x16\x10\t\xcd\x9ci\xcd\x98\\*\x1f"\x93b4\xaf\x84]\xa7r@\xb3}KuM)\xb5\x86`\xa5{N\xabvC\xadzF\x0f\x19$\x8beA\x99f&gt;\x9auE\x17\x1f\x1b\x9ek;\xa3p;\x8e`A\xfb*(\xf1\xee\xed\xbe\x83L\xb6\x8c[\xca\x98m\xb9\x89P\xb6\x8ccA*\x19\xcc\x92X\x99g8\xa9|V\xd4\xa3xtR1\x8eiG\x99qL3 \x10\xd8\xa8x\xdc\xab~mE$=:8\xa4{T\xea\xe8\xe8\xe9\xe2\xe0\xb1\x86M\xb2{E+\x18\x0c\x1c%\x1d\xd2\x9fb\r\x16\x1f\x97s&gt;410\xd4\xa5n\xa9\x80P\xef\xe9\xe5\x0e\r\t\xb6\x9b\x8aU&gt;&amp;c=\x1c\xda\xd3\xd1\x15\x13 \xc7\x96Z\xbd\x93`\xc5\x9aj\x88mF\x83cA&amp;\x1d\x11\x97_&lt;\x18($\xb0\x89X}^&gt;kM4\xa0\x80X\x9dnP\xc6\x92Y\r\x1d\x18&amp;\x19\x1d\x8af:5\x1d\x1b\xa2vW\xad\x8am\xbf\xbb\xbb\x86U:\xa7oF\xca\x8dQ\x89[G\xc6\xae\x9f\xb5\xb0\xaf\xc3\x89Q\xe6\xdc\xd6L1"\x8dnQ\x85O)\xa9~^qV=\xba\x93lS.\x11\x83a2:\x11\x13\x93fO\x8fX0]A-\xb0\x8e|\xd4\x9c_\xdf\xdd\xdd\x9d|K\xcc\xc9\xc8\x8f\r\x1a*(5\xd4\xc3\xbb^YX\xac\xa5\xa4+\x0e\x0bH\x12\x0c\xa5\x89{\x9b}b\xb9~G{J9\xbd\xa6\x97k\x0e\x0c`N3\x94m7RJI\x9bm\\l;)L\x1b\x19\x97zX..\x17\xbc\x8dIromX\x12\x12\xab\x85V\x99uR\xbb\x9bv\xdb\xcd\xc4\xcc\xba\xae\x7fgPt^J\xab\x83H\xf2- d\x1b\x1a\xa0\x84kGFB\x81RBidc^2\x1c\x9e\x99\x98\xb0zX\xd5\xaa\x85H=$\x8a\x84\x84\x9f`8z\x16"\x89("r*\x1a\xb8v&gt;\x80{{\xe11&amp;\xd685\xb4sOp@6\x8ash\xc6\x9fx\xc0:9ePI\x96\x8f\x8e~\x08\r\xa2cF\x8exT9\x08\x04\xc6\xa9\x80\x9c\x0b\x1d:9\x1e\xea63\x9b.+\xaa70\xafvb\xac\x05\x1a\xc14\x1f\xabXY3\x97\xecv\x00\x00 \x00IDATx\xda\xdc\xd8\xddO\xdai\x16\x07\xf0fq)3\x83Y\xa4H\x05\xab\xd5j\x11\xe3[\x85\xa0`\xe3K\x81\xc1\x89\x05[p\x04#F\x89/\x05\xdf\xb5E\xdc2F\xa5\x965\xb6\x15W\xe8\x90\xb4\x15\xad\xc1\xea\x142\x99\xa1:&amp;\x0bI\xad\r\x9aN\x89Qw\xf5B\xc7\xba\xd5^\xd4\x8b)\xe9d6\x8d\x97{\x9e\x1f\xda\xf9\x07\xc0n\xf6X~?h\xbd\xf8\xe4\xfb\x9c\xe7\xfc\x1ez\xec\xd8\xffk\x11\x084\x1a\x97[]\xad\xd3\xe9\xaa\xab\xb9\\\x1a\x8d\xf0?`\x8a\xa1qu3\xfd\xb3\xb36\x9b\xdd\xe3\xb1\xdbfg\xfbg\xb8\xb4\x18\xc2\xa7\xcd)\x86\xa6\x9b\xb1yv\xf7\xb6\xdcn\xf7"\x94{kko\xdb\xd6\xaf\xfb\x940B\x0cW\xd7o\xdf\xdd\xda\xd4\xf6\xa4\\\x82\x8a\x88\xb8\x94\x92\xd2\xa3]\\\xda\xf5\xcc\xea&gt;\xd5R\x12h\xd53\xb6\xed=\xb76"==\x9dH$R\xd0%\x9dB\xa1\\\x02\xd9\x9e\xa7\xffS\xc0\x08\x18\xea\xb7\xad\xcd\x14J__\x1f1\x1d\x03\x11\x89\xe1\xe9\x140F\x10#\xb4\xee]{?\x97p\xf4\xcb\x07I\xb9{"\x88\xe1\xc4p\xb0D@H\x11\x11\x94@Z\xe0\xa3\xc0Z\xba\xb7\xfb\xb9G\xdba\x04\x9an\x16K\nRB h+\x8c\x95~\xc8\x82\xbf\xfd\xac\xc7\xbd;[\x1ds\x94,\x88jo3\x05E\x94\x8eX\x14\x13zGA\xac\x80\x0bn\xf0\xb1gq\xf7\x08;\x1f\x16\xb0\xdf\xb3\x04\x8dN\x14\x8b\x89D1\x8b\xc5\xa2\xb0\xb0\xa2\xa0\xbeJ\xc7\xac\xe9hA))\x8b\xbb\xb6\xa3r\xa1\x05\xdcv\xa7@ \xe2\xbe&gt;q\xd1a\xb1\x8aX\x878\x16\x8bH\x89H\x073\xe5\xd2\xe6\xde\x11\xb9@\x05\x0b\xf8\x05\x8a\xaa\xaf\xaf\x88eB\x12\x10\x99L\x077\x13z\x07\xff(\x86\xd8\xc2\xc3\xbf\xd0.\xd9:\x8f\xc2\x05\xaa%\xed\xdf\xff|\x9c(\xee\x13\x8b\x8b\xf4mP\x1a\xac\xf4Ez=\xf6\x11n@\x85\x19\x06{\xf4\xf8g\xda-\xfb\x0c-\xf4}\x85T_~\xfe\x97p1\x86\xd2L\x1a\x8d.\x97\xd7\xebu\x195\x1f\x81\x1aM\x9b\xde\xc4*\x12\x87\x13\xfft\x1c\\K\xf6\x99\x10\x0f0P\xd9\xa1\xd9\xc3\xc3\xc3\x0fP.Ks\xbc\xd9&lt;h6\x9b\x1d.\xa3\x11\x11-\x16\x8b\xd7k\x04\x19,&amp;\x1a\xfb\xc7a\x1d=!v\xc5T\xdb\x96z\x88bh"}\x00e.oa\xb3sZ[WVr\xca\xcd\x83\xe5\xe5-\xa8\xc6\x07\x1d\x16\x97qRs\xbf\x8d%\xee\x83Y\x9b\xb2\x15Z\x17\x81;\xbb\xa7\xa5@N\xf7\'\'\'\x8d.K|&amp;\x9bQ\xc1d\xd2c\xe5\x8d\xfc\xc6\x8e\xaf\x02\x95\xcf`\xe4\xb4\x94\x0f\x9a\x816\xd9V\x846\x06\xb1g+\xa4\xebH\x9b\xd9\xde\xf4\x99\xf4m?\xbfzain\xce\xca\xcc=O\xa7&amp;\xcad\x89\n&lt;\x99L&gt;\x91A"\xe1\xa1H$\\\xec\xe9\xf3\xec\x96\x96r\xb3\x05\x1a\x0e\x02\x13C^\xf6\xd0\xedG\x82\xce\xbe\xe5\xf3\xf94\xaf^\xfc:?\x9a\xa9B(\x9cBq\x1d*\xefc\xd5\xd4\xe4\xe5\x95\x94(\xc6\xe8\x0c\x06\xa3e\xbc\xd9b\x9cl\x83\xe6g\xf5\xec\xd9\xaa\t\xa1\x9aX\xfd\xbbZ\x93o\xc72?:\xfa\xa3J\xa5dRq\xa4\xb2\xeb\xd7\x9f={V31QS\x03\x97@\xc1\xdbg\xd7\x158*\xfd|\xae*\xd3\x01\x89\x99\x8a\x8aL\x8b\xbf\x85\xea&lt;\x11\xa3\xf3\xb8}\xa0\x1a\x1d\x82J\x02\x95\xa2\xac$\x0fH\x00zX\xff\xf0a}=\\\x1e&gt;\x84\x8f\xe0\xc4`te\xaej\xfc\x17\x87k\xc7g2i\xd6\xed\x9d!9N\x10h\xd0\xef\xbe}\xafC54t\xf9\xb2\xb2\x92*\x03\x15$\x83,\xf5\xc5\xf5Vx\x1d\xc8j\xb0\xca+Q\xd0\x99\xe0\x1a_\xf7\x82Ko\xdc\rM\\4\xdd\xf6\xe2\xfdI\xaf#s\xa8\xe1\xf2\xe5\x06&amp;\x84UR\x90\xca\x9b\x10!\x0c&amp;:Ta51\x91Z@&amp;\x9dfB`\x83fp\xe9\xef\xbf\xf7t\xd2B2\x1c\x96zLF\x87Y5\xd4\xb0\xb0\xb0PI\xc7\xe1\x0bR\xe3\xac\xd6\x81\xe2\xe2b\x0e\xbc\x0e]\x98\xac\xbe\xde*\x8a;\x15\x99q\x96N\xff}\xa8\xfc\x0e\xe4\xd5\xa6\x9f|7\xcb\rAguno\x9a\xda\\\xbfd\x0e\xbd\x01V7\x15\x87\'\xa7\xc6%$s8\x12\xec\x07\xfd)F\xba\xe2\xe2i\xb8Z\x81\x15w\xe6dt\xec\xd8\x98\x92\x9d\x83\xb9\xee\xbf\xb7\xeb\x82\xbf\x8a\xdc\xd9-\x9fI\xf3\xeb\xb8j\xe8M\xe5Bw7&gt;\x8c\x9c\x16\x97\x9c,\x91\x08\x85\xbdB(I\x97P\xc8\x01\xd94g\x1a\xb9\xac\xd6\x84\x84\x84S\xc3|9NV\xd9\xc0\xbe\xb3\xb6\xeej\xd3/n\x07\xff\x99M\xd0y6\xbf1M\xce\x8f\x0f\xbdyS\xb5\xd0\x9d\x18F.HMH\x96\x08\x05\xbdP\xc2@q\x0e\xabx\x00\xb1n\xc5\xd5\x16\x1apU\x95\rI\xe5w\xd6\xbc&gt;\xbdv)\xf8\xab\x18\xd3\xbf\xbb\xff\x8d\xef\xd5\xfc\x10\xb0*\xbb\xbb\x13K\xf2\xa0\xb3\xfe\x08K\xd8%\x9c\x0e\xb0\xd0B\x82\xca*JH\x88\xab\x1d\xe6G\xc9\xaa*\x95\xc0r\xec\xb7i\xdd\xb6\xea\xa0\xef\xc3\xd9\xa5}\xdf\xfe\xdfF\x11\xab\xaa*Qq\xfdY^\rO\x94\xcc\x91 \x19\xac\xe04\xd4AT\xd0\xfd\xa0\x12As\xd5F\xf2\xf1\n\x85\x8c\x99\xdb2\xb5n\xd4h\xa1\xb9\x82\xdeZ6\xf7\xbeo\xe7\xc5\x01\xab\xea\xed[l\xb8[\x07\x90\x83\xd35\x8d\x95\xb0\x0b\xea\x0f\x96\x88\x97V\x18\x86/\x83y\xaf\xcc\xfd\xc1\xec\xda\xd1\xbe\xf7\x04\x9bE\xa8\xb6\xbf\xdf\xdf7^;\xa7T6T\xcad\x8a\xb7P\xc0\x12Y\x07\xa0\xc0\x85\xa5\xd5\x85\xd5\xf4\xa1\x8b\xc7K#\x87EE\xe1\xd0c\xe8\x87q\x8bq\'\xf8\xacc7&lt;\xde\x9d\x1d\xe3\xd7\x01\x16\xa6B\xac\x89CV .\x8c\x15\x98aV\xd1\x84\x88W@.\x8b\x8aJ\xc4\xe1\xc6~\xffv|\xdee\x84\x81\x1a\x02\x96\xd1x\xedBf\x12\x9bY\xf5\x91U\x13`\r\x14w\xc1x\x98\xee\x82\x05=\x88\x0b\xb6\xa2H4\xc1K%\x87\xe1!-\xd2\xd8\xd8iU\xbc\xcb\xb5\x1e|V\xe7s\x87\xcb\xdb\x1c\xff\xfd\xbd\x05\xc4R(\xde\xc2\xd1\xa1\xe6\n\xcf\n\xf3\x14\\\x12\xe1\xc7\n\xb4W\xf1\x00\xea\xad\xd4\x82\x93x\x1c\xb8d2zR\xbc\xc5\xbb\xe6\x99\t&gt;\xcbr\xcd\x82X\xddt\x19\xf4\x16\xecD\xa4\x12\xa1\x81\xcaI\xe6\x08av\xf5\x06^\xbd\xc2.\x0e\xcam\x00\x06\xc4\xa93\x91\x19\x885&amp;\xa3\xe7f\x85\x86u\x13\xbe;4g\xddcWP1U^\xde\x15\x1e&lt;{$\x12\x81@ \x11\xf4\xb6\xf7b\xd5\xd4\x0eo\x84\xf00\xea\x02lrr\xc2\xa93\'ppZ\x95\xc9\xa8\xb9\x99\x0e\xc7;{\xb0\x17\x91\xd0y\xb3\x19\xc2\xca\xbc\x97\x83\xb1\xcaJ\xd00\xad\xab\x13\x08\x9a\xb0jG\xd5{x\x17JP\t\xea\xea.^\xcc&gt;I\n\xb0\xce\x97\x9b\xd7\x83\xcf\x82\xb4\x9a\x9b\x9b\xbf\xbf\x97\x84X\x8a2rAdjB\x1d\x98\xda\xaf^E\x12\xec\x82\xbd\x81\xcfM\x82\xc3\x02Witt4\xb8\x805\x18\n\xd6#`\xc5\xc3&gt;dCo!\x15?2\xbb\xce\xdf\xd4\xf4\x1a\xab\xab\xaf\xaf\xa2j?\xb8\x05\x12l\xf2\xd7\xdd\x06\x16\x9f\x9f\x81X\x8c\x96\xc1\xb5w\xc1\x9f\xf2\x90\xd6\x85\x00\x0b\x1di\xd2\n\xe5\xfc\xd2lg\x9d\x1fdM\x87\xaa\x83z\xdd\x8e\\\x02\x7f\xdd\xc5\xecl\xb5\xbaT\xca\xe7\xe3qT*#\xe7N(X\x8fn\xc6#V\x12\xbb;\x96\x14F.4\xe4w4&gt;~,-U;\x9d~\x88\x0c[M\xcct\x15\x91\x04\x90S\xb6\xb4\xb1\xa3\xa3Q\nu2\x1ac\xb5\xac\xbd\xb3\x85 \xad\xf9\x00\xab\x02\xc2"\x87\xc9\xf3\xf3\xf3[[\xbf}\xf0\xe0q\xa9\xd3\xefG}\x845\x16\xea\xab\xba\xba\xdb\xb7\xb3k\x97\xe5\x0cv\x12;\xbfCZZ*\xcd\xc0XSS\xef\x82~\x82\x80\x9d\x08i\x9d\x83E\xac\x90gd\xe0\xa3\rw\xefv&lt;X\xc9Yy\xd0(U;oC\xc1\x90\xe8\x85\xd5\x13Hn\'_\xbcu\x0bT\x15I\xf7\x92\xd8\xf2eH\x8b\x1f\x8dz+g\xea?\x1b\xff\xa8\x0e\xfe8\x1d\x05\x96\x92]\x91\x1fM\x1a\x8b5\x0c;WWW\x9d+\xd0:ju\xb6:\x1b\x9d\x9e\x85h\xa6J`X\xc5\xd5\xd6\x0e/\x1b\x0c?u,\x0f;\x9d\xea\xc7\x1d\xf9g\xe1i\r\xac\xb9\xa7\xa1ae%1Qk\x91\xceF/;\xfd\xaf_\x7fXU;\xa5R\xd8j\x85i\xb5\xa2\x018E\xc0\x93\x87\x93\x8c\x8e3\x06\xc3\xf2p-\xb4\xdd\xea\xaa\x1f\\_\x01\x0bw\xbaue\xeei\xf0O\xa7\x88uNIg2\xf2\xa3O\x9c\x90\xaaW? \x96\x7fU-U\x1b\x0c\x85i&lt;\x11\x1c#8\x81GtZa\xa1\x01\xa1\xfc\xfe\x0f\xa8\x9c\xa5\x8dr\x12\x8eZ\x91\xffr\xee\xe9?\x83\xce\xba\xf1|\xf4\xbbsJ*=V\x1ey\x06\xf6\xdf\xea\xea\x87\x0fh\x19\xa5\x1d\x1dr\xb9\xa1\xf0\x8a\x08}/\x83g\xb6\x15\x85\xc5_\x1eVcY\xc1/\xf9WG\xa0\xb9H\xd4\x8a\x8a\x97s7\xfbi!a1\xc7ba^\x9d*-\x1d\x19\xd9\x18\xd9\x98\x9b{\xf9r%\xa7&lt;\x87\x11\x1b\xf5\xd7+V8t!\x16\xef\n\xd9`h\xec\xb8{wnnncc\xe4\xc9\xc8\xc8\x08\x8c\x08&lt;\x0eX\x1b\xcf\x1f\x05\x9bE@,%u\x8c\xc4\x97F\xfe\xfb,\xa3\x05}\xc52\x1a5\x96\xa9\x95\xf2,h9\\\x9e\x08N\x11p\x04\x1c\xe0\x85\xc5\xa2\xff\xabi\x99Z[s8\xd6\xd7\xd6\xa6\xa6Z\x1f4\x9e$G\xe5\xfft\xf7\xe9\xbfn\xc4\x04\x7f@\\\xf8\x8ey\x96\x84/\xe4\xcb\x99?~}\xcd\xe2\xb0\x18\x8d.\xcd\xfa\x93\'+\xa3Y\x99\xb9\xd40^2:jq\xaci\xa4\xf3*\x95j\xfc\xbf\xb4\x9aoHb\xf9\x1a\xc7\x17&lt;\x88/E9\x9e\xf2\xff\x9e\x93\x8e\xc2\x91c\xc4d&amp;\xeaI\x97\x14\xc4E\xc7:\xc9*%Me\xe4.\xdd]\x91\xea\xbe\x90\x0c\xb7a\xbb-\x8bL.\xcc*\x85A;9\xb3C\x8e\xd0\x8b`\xa9)n\xd4\xce\x9bit&amp;\x88\x88.\x0c\xdc7\xce\\\x16\xba\xdcW\xbd\xb8\xcf\xefL\xc3}q\xdf\x9e\x1e*\x04\x13?|\x9f\xe7\xf7\xfc\x9e\xef\xef\xfc\x8e\xf6\xde&lt;\xf9\xf5\x97\xef\xbf\xff\xfb\xc3\xf47\xddN\x83X\xccm\xaf\xd4w\x84&gt;K\x92h6\x10\x96h\x08\xf3\xe5\xb4\xd6\xcd\xf4\xe27{\x1f\x1e\xfe:\xf9\x97\'\xf5|5\xd1\x99ph\xe54\x8c^?|i\xa6X\x833\xd1Y\xd9:\xab\x7f\xf8\xf3\x97\xdf\'\x9f?y\xb2\xb8\x98\xee\xbb\xa3h\xe3\xb1\x84VK\xd2\xb3S\xde\xe4\xb1\n9\x9dus`\xe0\xc7\xdd\xfa\x9b\xe7\x93\x93Ov_\x1fU\x10\x16\x03\x83N\x7f\xff\xcff\x8a\x96::W+[\xbb\xf9\xfa\x9f\x93\x7f\x9d|\xfb\xe1\xcd\xc3\xe3\xc5tM)\xceeV\xca\xcd\x19a\x1f~J\xdag\xd6\xab\xd6\x9aI1$+xD1kw\xe7W{\xf5\xb37o\xdf&gt;.\x97+\xab\xab\x08\x0bL6m\xef\xff\x99\xa2\x19Gb\xf5|k\xaf\x9e\x7f\xfb\xfc\xd7\xe7\xf0__\xf5\xa5\x07j\n\xc6\x93Y9;hl,\x08yT\xa9Y\xd8\xa9g\xfc1eG\x1b&amp;\x8bD\xc1\'O9V`\x89UO\x8aEG\x02\x16\xa8A\x1c\x89D\\\xae\xfb\x13\x13\xacLl0Y\xbb\x9d\xa5j\xb5\xb8\xb5uR-g\xba\xeeX\x7f\xba2\xc0\xda\xdc\xde^)\xe7\x9b\x1b\xc2\x1driz\x1a\xeb\xe5\x94?dRtD\xb1hthHtO\xd9\x0b_\\2:\x9d\xce;1\xa5T\x1eiEZ0FO\xb8\\2\xb9\xca\xa0\x8c9\x8d\xc5\xa2\xd1a\x841\xc3\x1fW*\xd7\xd6./S+\xdbq\xf8L\xfd`C\xb0\x96\xda&gt;\xd3|\xfd4\xc9\xddQvt\x0c\x01Ut.\x82I\xdd0\xb3\xa4\xdc:\x9dN\xab\x92\xb3\xac\x0b\xa9u\xdf\x8e\xb0"\x08Lg\xd4\xb9\x8dF\x9d?\x03\xddV%m\xb5&gt;buq\x97\xa5\xbd\xf5\x19\x81\xea^3\xda\xf8O8\x19\xf0\x80X0/G\xa3s.\x96%\x93\xb6\xa7O\xd1\x88\'\'\xd4j\x9au\xcd\xcdE\xc0cO\xb80,"#\x08B\x85\x0e\xe83)O8\\(\xe08\x0bT\x99\xed\xed\xedC\xe6\xf2\xaa"\xd4\x0e$i\xdfX\x7fjT\x91\x9cix\xe4^\x14\xc9\x02\xc5\xad\x87Y&amp;`\x1b\xc4q\x92\xa6\xf44\x1b\x99\x9b\x9b\xbb\xdf\xdf?\x11\x89F1\x19\x81\x93x\x98\x08\xe3\x83I\x1bx\x8c1\xb5\x9e\xa6/Un\xc0\xca2\xaa+\xe7QS\x98\xee%\xe9i\xbc\x1e4\x19\xe4\x8a\xe1\xe1\xe1{Q\x17\xac8=EQ\x01\x98\xd3mj\x92T\xeb);\xe4\x10\xa9u\x83%\x07\xacA\x18\xfe\x06\x07m\x01\x80_\n@\xd7\x00\xacx&lt;.b\xd6\xae\xae*\x07\x0b\xc2`-4\xab\x84\x8a\x90OM\x8d\x8c\x8cDYt29n\x1eGs1p\x01\xd5\r\xd6\x0b0\xfev\x17\x12\x8b m6\x1e\x0b\xd4\x1aG\x13\xa2\x99"\x19w&lt;\x9bm\x13\x03\xd6~~F\x10,h\xf0N\x86f\xd7j!\x1eK\rT\x10\xc8l\xdd`\xd1\xae\x08\x94\xbc\xcb\xfe\xe5]\x8a\xc5d\x1f\xb1\x92\x83(\x926D\x15\x1c7\xab=\xdcv\xf6Pt\x0f\xb0\xde\xefnH\x04)\xadF\xd9\xaa\xd2\xb7B\x9b\xa1\xa9\xe1\x1b,4\xaf/\xa9\xd5@\x05XzKd\x0e\xa8\xd8\xfe\xe0\xfc];z\xf6#\xc7m W\x12\\\x0f\x9fFp\xb2f=\x8e\xb0\x86\xdf\xbdk]\x1d\xef&gt;\x10\x06k\xa7\xec \xa9\xb5Z\rjk\xa4\x8dU\xeb\x03 V`i\xcc2\xa6\xa7\x96(\xb3\xd9.\x83\xd5\tb\xdd\x9d\xffn\x9ebe\x0c\xc3\x10\x836&gt;\xc6\ncK \x17\xd8~\x84\x15\x8f\x876\x01k_ \xb5z\x9ae\x03E+BS\xbcZ2u\x80\xcf\x1ei\xb1\x80Rf\xa8,\x8b\x0c\x83\x0ek\xff\xe2;d\xae\xcd\xd8\x9a\x94 a\x11&amp;!\x91\x80\x85\xb8\xd0x\x8f\xe7\xb6\xe3\xd9\xd0f\xad\xd5\xda\xaf\x0b\x82\xf5\x19\xec\xd2~3}oj\xaa\x06Xm25\xc5\xd7\x14\x9f?\xf8B;\x8b\x81\x9bua\xfd\xa0Up\xfe\xdb \x8d\xda\x83!\x05\x0e\x12\xd4\x82X\x82\x80\x16\xe2\x83$"\xac\xb5\xeb\xd5\xbc@\xb5\xb5S\xf7S\x84rXY\x0bM\x01\x16\xa9\xa7l\x1f\xa1\x10\x95\x9e\x96\x891\xd4\xba\xcc\xf3\xdf~\x01\xa6,\xa8W\xebm\xb8V\x9b\x02\xd3m[\xfa\x18cj\x9a\x17\xeb0\xb4\xb9\xf9\xeez\xeb`F\x18\xac\x07\xf9"\xae\x08\x99\x98\x90\x15\xb00\x8b\xfa\x93T\xe3P34XYV\x0fxf\xaf7\x18\xf4\x06)\x12\xd7\x07\xd4\x8cN\xc7\x85\xa1\x97"\xc786faq"\x07b\x01\xd6@\xed\xfah]\x98\x06!\x99Y/y\xeet\xdf\xe1\xac\xd6\xc3\x91\x0e\xccg\xb1\x90\x08\xcb&lt;\x1e\x1c\xa7h\x19\x86\xe18.\xc3\xe44E\xa9-4\xcd\xc2:$\t\x83\xc3d\xf0\xdc`\x15\n&gt;\x82\x90s\xf1\xec\xf2\xe1\xb3\xf4?\x11\x96@\xedt\xb4Y\x0e\x1b\xad\xd6\xae&gt;\xeba\xb6C,\xf3\xb1\x16\x92\x17\xcb\x0b\xfd\x88\x90c\x84\xd8\x14\n\x99\xc4\x84\\\xea\x93\x89 O5\x93A\xa5\xd3\xa9H\xbe\xc5\x03\xd6+\xa0b\xb8x\xef\xf2\xb3\x81\xc5\x81XI\xb0\xcd\xa7\xbd\x91\xaf\xfa\xdd\xf1OX2\x17\x8b\x16\xe1\xb8\xf7k/\xc8\x85\x13r\xc4\x12S\xc9\xa5\n\x91H\t/7k1\xad\x81!\x03\xe3`\xfcy,\xb9\x9c\x81\xbd\x07\xb0\xfa\x06\xac\xc5\xa3\xb3\x1d\x81&amp;.\xcdL\xf3\x0c\xc6\x18\xb7\x15a\x9d\xce\xce\xf2\xe7\x93ft\xe8\xe6E5OH\xa7j5-L\r\x06\x85H\xa1\x8cYk\xd6\x98\xce\xa3\x06*\xaf\xf7o\xd0\xde\n&gt;\x0f\xc3\xf8\x11\xd6\xa3g\x8f\x8c\xc5#\xe1\xcc"\x8c\x10\xe5d\xf2\x956\x14BX\xae\xd9\xffaA_\xa5HB\x14\x8b1$\x0e[4$R\x11\xfb\xc9\xa4\x82\xee\x8e\xc4\xf4\x82Z\x85\x82\x07\xc4\xf2\xbb{\x97\x97\x97\x1f\xb9\xa7\x13g\x82\xd9\x1f\x89\xa4g\xa3\xf9\x1aF\xa7C\xeb\r\x16\x8bNs\xbd7\\$\xc9(MR\x86Q\xe1r\x08F\xbaf`\x06\x91V_{\x83f\xbe\xe2\x11\xd64`\xf5\xfex\x928\xcf\x0bha5=3;\xeb\xff\xf8W\n\xc6`q\xe4\xc5\x04D\xbf\xde\x1cD\xc5\x85\xb2H\xca\xa4"\xa9\n\x82\x01,\x95T\x05k\xd1\x16\x80\xb7\x01K\x8f\x1e\xfb\xc8\xa5\xfe\x14\xc2\xfa\xf7\xcb\x97\x8f\xcf\x84\xf4\x8a\xe8~\xe2Fc\xe7\xa0\\*1\xad\x17\xe0$\xecv{\xbf98\x8f\xbe\x17\x86@\x99X$\x123\x0c\x001R\xadV*\xc7q\x0b\xffP\xef.\xbcM\xb3bL\xab\xcdLO?~\xfc\xf8\xec\xac.\xb4\xb1\xd6\xb4\xf7,&lt;X\xafWU\x805\x8b\xb8\xfa)3\x0cRv\xb5\x1a\xa8\x14J\x05dQj\xf0\xfbu\x0e\x87N\n\xa2\xa1G\xb3\xfcf\xa8f\xc5b\xad\xd6}\xb2\xb7[?\xdb=\xd8Y\x10\xf8\xee\x88D\xa2\xd1\xf4@\xe9\x83Z\xae\xd9Y\x8b\x1d=\x98\xa3@\x0c\x9a\xc6\x91\xa5\xd0\x19\xfc\xf0Gk\xd0\x82\xe90HU\x0cN\xaa?\xeeM4\x8d\x899\xb7\xbfZo6vvn\xe5*\xaaD2\xda\xc8_\xb6^DNg-\xfa\x1f\xfa\xed\xf6\t\x0b\x04.\x87jG\x8e\xa2\xe8p\x18\x8b\xe8\x85A\xab\x05,\xd8\n\xf4PZ\x16\x8b\x98\xe3\xb8R\xbd\xb91::zK\xf7=A\xaep\xab\x15\xbd\xc1\x9a\x00,\x92$S\x10\xa5R\xa9X\xdcJ8\xb7\x8a(tE\x95\x87\xc0}&gt;\x0b\xec\x87&gt;L\xa4\xe52\xa5|cT#\x91\xdc\xd2-\x1b\xcdB\xb3\xdc\x8a\xb4\xb5\xa1$\xda\' \x970.\x0c\x86S%0\xd0\x10\x15\x88\xc4V"\xe1\x04\xdb\xea\tC\x1b\x05.\x8bO\xac\x8ds\x99\xbd\xf5\x8d\x9e\xcfn/z\x1a\xf5\xcb\xa1\x8e\x8eY\x8be\x02\xa8f\xc7\x96\x020\xb5W\x8b\x95\xf3\xf3s\xf4{~\xbe\x0f\xb1\xea,f\xc2I\xdb\x98\'\xe7\xf1yr0\xd2\x80\xcbo.\xdc\xe6\xfd\xc0\xf6\x8d\xfc\xa5(\x1b\xcf\xf9f\xf9\x00\xacd\xb8Z\\=&gt;&gt;\x06\x9c\xf7\xf0\xf3\x1e^\xa6\xfb:\xa7S\xc9\xa7\xc9W\xb9\\\x8eCX+g\xf9\xc6\xad\xde\xc2\x03\xac\xb0\xe80\x9b\xc3\xb0\x1b,[\xd8\xef\xdc\xbf\xf8\xe3\x8f\x8b\xfd\xf3}\x84t|q\xf1\xdbo\x17\xe9\xbe\xae\x14$\x97C\\\xdb\xf1\xde\x13t&lt;y\x9bX\x9a\x99\x83\xaa6\x9b\x8d\xb7a\xa7\xa7P\xf8c\x05\xce\xd1\x9d^\xbc\xb8\xb8x\x7f^\xa9\xf09|\x0f`\x17\x8b\x03\xdd\xc6\xd4\xab\x14,A\x0e\xf6\xe8\xde\x97\xe5\xf5\x99[\xbd\xe3\xa9YX\xafN\x83\xb5R\x88OQ\xe1\x17\xb8\xae\xee\x81\xc5\xc5\xf4\xfeye\xeb\x88\x8f\xad\xca\xf9@:\x9d\xee\xeb\xee\xf2{&lt;\x1c\xb2\xd2Y\xc0\xaa\x0b\x7fj\xfa\x7f\xa7\x82\x80\x05r\xb5\xb5\x9d\x9e\xfa|\x9c\xae+\xf1y\xdf\xea\'(\x9ek\xf5\xf3\xd5\xd5\xce\x84\xc3\xcde\x00\x0b\x89\xd5\xfb2\x7f\xcb7\xe7a$\xac\x9f\x80\x02qEGG\xdb,`\x19\xdcn\x87\x13\xdaU\xe9\xfa\xfa\xfa\xa8\x84\xda\x17t\x08\xe8\x11\xb0\xa9\xbb\xdd\xda\xb8.n\xcc\xf6.\xbf\xbc\xe5\xd2\xe2k\xfe\xa47\x9e5\x99\x94\n\xb1\xcf\xe2S\xa1m\xd0\xe8p\x14\xd1!\x1c\xdfJ\x8dN\x80r\xf2P\xba\xff\xf2r\xfe1MeY\x1c\xb7\x16\x8bMG\xd2\x1f\xb4\xa5\xafR\xb6,\xf45\x05\xa5\xb5I\xa3-\x1d\x84\x84\x00\xfeCE6\xb2\xad-\x84\xbf\x0c\x84\xd6D\x84\x8cM$1\n\xffP0\x8c\xc6\x16W\x88\x10Ag,\xb2\x86@\x14\x8a\x19\xc9\x1ap#quM\x18WIV\x1d\xe3\x1f\x9a\xa8\x91\xb0q\xd7\xcc~\xcf}\xc55\xd9d\x7fL,\xe7\x8f\xd7\xd2\xd7\xf0&gt;\xfd\xdes\xcf=\xe7\xbe\xfb\xae\x89\xcc\x19\xec\xbey\xebx\x8a\x97\xcd\xeb\xdaO\xdc\xe9&gt;p\xc0\xdc\x14\xd0d)+\x94\xf2|\x18\x1b\x07\xcf\xe4@5\xb7\x9d\xa6\x07\xddv\x97\x01#P\xce\x01\xced\xb6\xdb\x83\xdd\xa37\x87R\x8d\x85\xae\xf8&gt;v\xec\x98\xcf\xc7qbIZ\x9a\\\x8cqY/\xcf\xcf\xe1|\xbc\x95\x8c\xe7\xedf\x13\x86l\x8c\x8b9\x90\xd1\xce\xf3\xde\xee\xd1\x1f\x1f\xa4\xfa!\x83\xec\xe3\xb7\xeeD\xecv\x9fO\xc3q()\xc4ry\x91D\x92&amp;\x11k\x02\x81\xa6\xa6\x80\x99\x1aW,&amp;\x019\x98\x99Xm\x91\xd1\xd9u\xc0\x1a\xba\x13\x89\xf1|/\xae\t\x04\x8dF,\xd9_\'\x91\xd4\xedgk6\xc0)fk}\xcc&gt;\x1f\x10\x19\x95\x80\xb59\xf5X}\xb1\x18\xad&lt;\x05\x16\x17\x08p\x1a\xe0\x80\xaa\xbe\xbe&gt;\x8f\x0e\xf554?\xee\xf1x\x9a\x9a\x9a&lt;V\xc2\xea\x1b\x9d\xbd\xbes=\xb0l6r#\x0f\x04\xc1\xb5\x03\xc4\xc5\x80\x04\xab\xa9\t\x10\x8f\xc7\xc3\x93\xb79\x1c\x8e\xbe\xee\xf5\xc0\x82o\xf59\x06\xe8z\xf0oR\x05\xde\x94\xb5\x1f\x8a}S\xf7\r\xb3\xba\x9a\x00&gt;\xe6\xad\r\r^\xaf\xcda4\x12\x96n\x1d\xd4\x02\x96c\xc01\x0e\xac^+\xda\x12]R\xb9o\xdf\xee\xdd\xbbi\xc9\xee\xd7\xbb\xbf\xde\x97\xc5\xa1\x11\xc1\xec\x8d\x11\x951\xbe&gt;X7\x81U\xea\x10\xd4\xe2ii\xb3^\x9bKS\xe2\xbb\nw\x91\x15\xa2\xe20\xd3\x995*\xdb\xe8\xb5\xfb\xeb\x83e4\x96\x1a\x8d\x0e\x07\xcf\xbb}\xae\x9c\xfc\xa2\\d\xed\xbfF9\xb1k\x17\xb2\xf7B\xadD\xcc\x99\x19\x95\x91\xcc\xea]/\xac\x88\xc3X\ns\xc4\xdcv\x93\xa1\xb2\xb2,\x97&amp;J\xb7\xe6\xaa\x0b\x0b\xb7n\xdd\x9a\xab\xa5{+v;\xa8\xf0\x1d\xa3\xc3\xdap\xf5\xc4\xba`uG\xe2\xb8bm)=]`\xaaln\xde\xfb\x1b\x9a\x87\xcf\xd5\x16i\xb5ju\xae\xbaL_Yb\xb2{A\xd5\xd2b4\xdaz\xd7\r\xab;\x06\xb9j\x19\x17\xdd\x04\xa3\xf5*{\xcb\xca\x9a+\xf5\xcde\xb0\xe6#\x84e3\xb6\x80\xcaak \xac\xae\xf5\xc1\xb2\xdb\x88\x0b-d\xf3:\xcfT6_\xbe\xdc|\xe4\x08`\x84\xfbOG\x8e\x94\x84\x826cm-Qy\xdd\x0c+;\xf5X\xa7\xbb\x9dv\xde&amp;\xe8\x05\xc1\x82\xa1\x92s%\xa1P\xa8\x84-\x06\n\x95T\x9e\xbb\x17r\x82\xea\xf0\xe1\x96&gt;o\xd0\xebv\x13\xd6\xe6\xd4\x87\xd3\xd3N\xa7\xdd\xee\xf6:\x80\x050\xa3-\xe8d\x06\xa4\x90\xf0\xea\x0cz\x89\xaa\x16\xa7\x82Ad:\x84\x95Z\xaa\r:`\x85\x821{\xc8\xce\xb8JYg\xb3y\x81v\xd5\x89C0\xe8\xf5R?=\xdc\xc9\xa8\x80\xe8r{GS\x8f\x95\xdd\x8e\xec\xd4\xcb\x9bJ\x9c\xd4\xd5J[j\x99Q\x8f\xc3\x98\x1c\xa1\x88\xd6\x02\xa1:;;A\xe5%\xe5\xdc\r\x91\xc8:\xf8\xd6\xc5\x13!o\xec\x98\xa1$D!\x80\xe2\x04\x15:\xb0\xda\x162FD\x86n\xea\xb5\x9bB&amp;\xc2Z\x87\xa1Zw\xf1O\xa6XLc\xc8a\xa1\x89\xf9\xfd\'\x94\xce\xce+\xcc\xd6\xa8\\&amp;\xcaO\xbd\x91\xee\x1f\x87.\xa6\xf8\xd9\xdc\x9d\xf7\xbfw\xf1qN\xc3\xa1\x80p\xb9\x19\x17\xb0\x9e\\Y\xb3\x83WN\xc2\xad@\x15#*|\x87\x8fE\x90p\r_lL!\xd7f\x1d\xcaW\x1f\xef0\x03\x8bq58\x92`\x9f\xc8\xc8\xd7\x1d6\x87\x8dw\x99\x0c\x06\x03g\xb6\xc7\xe2}\x17\x1e&gt;\x9c\xeejL]H\xd5\x1d\xbf\xfe;\x1f\x92\x96\x80FCU\x04\x86&gt;\xdefkh\xb0\xd9\x88\xaeEp\xaf\x16\xf2~\x1b\x8f\xd1\xd2\x90o\xd0\x00\xcbh\xbc\xf0j\xe4\xcd\xec\x17\x9f\x9f\xfc\xa4U\xf6\xf1\xeb\xb3\xc1\xf1q+\x1f\xd0\x0c\xa2\xb8\xa0\x99R\x946\xa8\xbfL\x14\xb3\x10\xa4\xba#d^[\x8c\xa8\xf2\xe5rT\x1e&lt;\xb0\x06\xe6\x13\x0b\xaff\xaf\xb77\xea\xb2SA\xd5x}\xf6\x87\xd2\xf1q\x0f\x17\xe0\x06\xe54\xe5\x9d\x9f\xe3\x02\x18\xf2\x88\x12\x0c&gt;\xe7\xce\xdd\xb97\x1a\xa4\xc8\xe5E\'4\xc8\xe5\x0c\xcb\x83\xc4\xec/\xf3\x0b+\x89\x1f\xae\r\xdd\'\xb0/&lt;\xa5\x9b\x8d\x16\x9c}\xf5\x84\xb0P}\r\xca\xf5EE\x94\xc1\xb8\\(\r\x91G\\\xde\x8b\xba\xfa\x1eI\x16tB&gt;C\xbe^/aXV{\xc3\x00\xb0V\x9e\x7f\xf8\xf9\xda\xad\x07]\xed;\xb3\xbf$Yv\xe3\xc5\xa1\x7f\xbcZx\xd2b\x8c\xf3fn0\x1fT*\xe2\xe2\xcc.3\nVd\x0f\xc8\x1c\xcePe\xedB\x85o\xa0\xc5\xa9rTf\x81\xa6^\x9f\xc3\xf8\xed\xc8\xcc\xca\xdc\xd4\x87\xbf_\xb8\xf0\xfa\x16I\xf6\xa5n\xaf\xe8\x1a\xbb\x86\xae\xfd\xfca)\xd1\x99\xc4\x92\xd3-\x8b\xb2"\xaa\xa7s8\x97\x993\x08E?\xb0\\.\xb6\xf0&amp;-\x8d\x1e\xeb\xd4p\xbe^\xb7\xb1\xef\xdb\x93\x845\xf5\xd3\x8b\'\xbf\xff\xf3\xec\x89\xf3]m_b{\r\xdab\xe1\x01\xa0&gt;\xbc\x9b[\xfc\x84U\xa4\xd2j\xb5*\xbd\x9c&amp; 83GG\xc4)\x17\x19\xcd\xcf\xeb\xd3T\x12r.\xaa\xac\x8d}\xdf\x9d\\I\x00kj\xe9\xca\x95\x93\xaf\x1e\xbe^\x1e\x9e\xec\x9ahk\xdc\xa9\xfb\xa5\x89\x05&lt;J\xb7\xb3qbr\xfa\xf5\xab\xe7SS\xef\xe6\x96\x0e\xb7\xc4\xe3&lt;\x97c\x90\xab(\x15%.\x12\x89Q\x99I&amp;"\x03\x15\xa8\x95i\x12r.3\xbab_\xdf\xfc\xca\xe2\xbb\xd5U`\x1d\\XX\x18y\xf3\xf8\xe5\xdb\xe5\xe9\xf3\x93\x13\x8d\xbf@5v\xdf\xa2m\xa2\xeb\xfc\xf0\xdb\xbboF\x16\x9f\xaf\x02\xebE\xad1\x1e\xf7\xa1\xc8\x07\x16%\xc8L/2jC\xf6\x02&gt;\xb4\xa8\x1e\xd4*\xc2B\xb1\x117F\xfa\xe6!\xd6\xc7\x8fSs\x0b\x87\x0e\xf5\xc3\x0ev\xb4&gt;\xba}\xe3\xee\xdb\xe1\xc9\x896t\x81\xec\xffG5]c[\xd7\xf9\xe5\xa7wo\xdcn\xed\xe8\x1fKb\x95\xc6\xe3V\x14\xac\x9a,Z\xe0\x93\xcb\xb8\xf2\xf3Y\xb0\xa0x\x81wDGTj\xb5\x8a\x89\xf5\x87X\xdc\x18\xb3\xcdC,\xc2J\x1c=\xd4\x13UD\xd3\xd3\xfd\xfep\xb8\xe3\x11\xc8\xa6\xcfw\xb5\xc3\xd5\xfe7.\xda\xda\xe4\xfc\xf4\xdb\xa7\x8fo&lt;j\xed(\xf6+\x08\x8b\x1a\xf1\xc5\xa5x\x1cu4\xb7\x86\x95\xabU\x151\xefW\x15\xc1\x80\xa5\xa7p\x05\xaa\n\x01\x8bk\x02V&lt;60?\xb7\x86u\xb4G\xe1\xdf\xb4\xe9,\xb3\xf0\x1f;n\xbfy\xcd\xda\xb3\xed\xbf\x86\xda\xcd:0M\xa2\xe5n&lt;\xea\xe8((\xb0\xc8\xfc\x9fcY\xad\x9e\xa6\x00[$\xc8\xb0 W\x11I\x836S\xa9\x98d\x08\x1c*\xadJ\xa9\xd5\xa6QGdX\xd6\x81\x17sS\xab\x1fW\t\xab\xa7\xc7\x7f\xf6\xec\xa6\xf2\xf2\xb3\xa7\xce\x9e\xf5\xfb3\xa3\xfd#\xb7\xd1\x9cO\xff\xb3\xa7\xd1\xbe4\xf0\xf0a4\x1dm\x02#\x15e\xc0\xfcaE\xcf\x18\xf5\xa4$\xd6\xb3@ /K"\xc8U\xa1M\xca\xa6V\'\xd9\x84\x1e*Q\xa9$b\x86\xe5\x89[\xad\x97\x08ku\xf5\xdd\xe2\x98 Vyy\xf9)\xb2pX\x91\x19\xad\x8eV\x17t\x08\x9eF\x91C\xf7o\x9e\xb69\xb9/\rs\xa7\x02\x99T\x94\xbeq\xe3F\xf8\x01\xb0f&gt;a\xf1I,&amp;\x17P\x94Z\xf5\xd6\xad\xbfB\xd9J\xa5+\xc8`Ezz\x1e\x9d\xa2)gn\xf2X=\xc0Z\xfaiu\nb\xcd\xec\xd9\xae(?\xf5\xdb\x8c\xaa$\xd7\xa9\xb0\xdf/J/..&gt;e\xe9xt\x9bm\xcc3A\x9e\xf6\x19\x19\x98\xd8\xbe4\x8f\x89\xc9"\xcdH\x87\xb1\x03\xb0v\xcc$\x96\x9eS\x80\x18p\xf3\xbd\x81\xfa\xfa&lt;\xe2\xaaP\xe7nS+UJ\xbc\n\x0bI\x80\xa5T\xb1\xc7\xe3\x85g\xe4A\x05\xac\xf1\xde\xf1\xf9\xa5\xa5\xe7\xb0\xc5\xb1\x1d\x99\n\x11\xa4\xaa\x8aF\xa5\xb2b@A\xafp\xd8/\x10Z\n\xd0\x07\x1e\xbf|\xba\xcc\xfa\xe7gL\x82C\tB1\xa0t\x85\x02\xaf$u\xff\x02\xfd\xe3\xb9\xc5\x01\x97\xdd\x17\xa8\x11\xb0\x94\xeam\xc0JKKSVl\xdbFu~\xe1\xb6\nPeeI$\x88\xf1YHk\x92X\x97\x9e$\x12\x8bKKK\x0bh\xc2\xeajQ\xb9(\x1a\xad\xae\x96\xc9\x8a\x89\th\xa7\x8a\x19\x95L&amp;\xa3-\x83H\xb4\xb7\xcb\xc3B\xccllG\xcfK\n%\x13\xa82\x14\n\x05c+.\x0e+\x04\xac\xc5D\xad\xdd\xee\xe3\x80%\xce"\xb9\x18\x96\x84\xb8\xd4t\xc7s[\x05\xc5P\x89@%\x16\x8b\x071$6=\xeb}6\x9f\x98\x99\x19C\x1c\x1d;\x9a\x19\xae\xae\x96J\x93X\xd2p\xd2d\xc52\x19Q\xd1\x11\x9au\xb4\xb6&gt;\xba\xb1A\x88\x99\xd3O\xc1\xd4\xdaZ P\xc1\xd5E0\x86\x95AX\xd5\xe0ZZL\x8c\x1d\xf6:M\x8355P\x0b\\\xa0a \xe0R*+\xe8-M\x9c\x8a\xb3\x88\x0co\x0c4Rs\x83\xbd\xe3K+3\xe0\x1a;zt\xbb\x1fX\xe0\xaaR\x88\xa4R\xa9b\xcd\xa4\xd2jY\xb5,i\x16\x8b\xa5\xa0\xa0\xb5uC\xfb\xe4\xf0\xf2K\xf2\xf2\x02\x0bA\xe1\xc70\x93J\x05\x9fO\x17\xc1#\x15\xd1\xfe\xb1\x85Dbe\xe6d\xc4Y\x92\xbf\x7f\x7f^\x1e\xcd\xddB%%\xd3\'M0|\\\x9f\xa7a\xa7$\x82\\\x9cY3\xe8\x1eX\x989\xb4#\xbac\xcf\xf6\xaf6\nX"\xf2\x0e\x18\xdb\x89\'S\xd1\x13%\xf5\xaaqe\x01\xab\x00m\xd9\xb1a\x99E\x03\n\x07\xf49\x0e"v\x9e\xded\xa0\'f\x88,\x96bQUtll\x0c?\xfa\xaf}\xef\x8f\xe8\xeb\xea\xa0\x16\xa9B*\xfd\x0bK\x92\'\x18\xce\xe0\\\x96\x18)\xac\xd8PR\x12\xba:2\xd3\xb3\xe5\xab\xed\x1b\xb7lA\xa8\x8aF\xabD\x19\x14\xb2\xc8E\x00\x96\x9e\x99IT\xfd\xfd\x10\x91]\xd7B\xcaX\n6\xb0hP\xc0\xfeJ\xe201I\xb1\xf4\x8d[\x18\x96\xb4&lt;\xbdj\x86\xb0\xf6\xfc\xed\xbb\xf7\xa7\x8b\xf6\xed\xfbg\x17\xe7\x13\xd2F\x1e\xc5\xf1dt\x1c2\x99?&amp;\x8dUh)E\xe9%\xea\x1c\x86a\x8bK\xd6\x86\xc0(\x89\x01)R1\x05Y\n%\x15\x96\xb6\x81m!\xb5\x04\x91 \x84\xd2J\xa3\xd9\xb5\xd8\x1ez\x10e\xb5\x14&lt;\x14rPZ\xa8\xb0\xd4H\xd3\x83\xd5\xde\xc4C\x04{\xe9\x1e,t\x15d\xbf\xefM\xd2v\xfbh\x93Pg~\xf9\xe4\xfb\xbe\xef\xbd\x9f\xe90Ha\x0b\xcb\x05\xc7;P\r\xc0k\xa9q\xb5\xf0\xf7\xe0\'\xeb\x1aO\r\xbeX?8\x98\x18U\xb2\xaa X\xc0\x12\xa3\xd1(5\xf9a\xe6\xf2\xb91\x89\xdc&gt;\xd2\xaa\x9f\xb1\x1c\xbd\xbcnO\xd0uk\xac\x08,\'\x90X\'\xc3\x94J\x8d\xa8\x90D\x8f\xc7\x16u\x05z\xad\xc4\xe2\xa5\xb5\x83\xc2\x8e\xbf\xbb\x1ej\x90\xbb\xea\xbf\x8f\x9aZ\x88\x93\xc0:s\xa61\x12\xb9]88\xd8\xdc5\x05K\xd7uK\x9e\x99\x91\xa3\xd1\x9c\x8c\xe7a\xdb&amp;\xa38,\x08.\x81*X;%\xce5\x16\xf42\x12\x0f\x9a`\x90\xc9\x00\xe5#*UE;\xc5\xe7\xd3-+f\xac\xac\xc4\xb3\xa5\xb5\x85\xc2N\x98\xae\xbck\xa8a}\xb5\x96\x83\xf5\xab\xa3WcK\xdd\xb9S\x91\xdb7\xef\xbf_[.)\xc2\x8c\xac[\xba\x83%f\xf0,rM\x81*\x18\xe2\xf0|\r.J`\xb5\xb3X\xec4\xaeC\x07K\x83X\xaa\xaa\x83K\xc8\xe5\xb0\xa6\xa5\x1b\x86\x19\xcfNNl\x12V\xb8\xde\xc1\xa2V\xf0\xcd[u\x8eT\x0eoK\xdd`$\xf2\xee\xf2Z\xa9T\x9aT\x81\xa4\xeb\xb2\xc8X\x9a\x88\x972e3\xfa\xc8CH\xf6C\x9b\x02)%W\x93\x9b@\xe6*\x16o\x15\x8bE\xaeK~\xc2\xbf\xe3P$\x9f\xd4\xa2{\xf7\x08"c\xe9\x8a\xa2\xc6\'w\xdf\xaf\xffu\xf1Rkk~|\xb0\xb1\x81F\xa0\x83D&amp;\x1b\xe2\xdeN\x97\x88\xdf\x19\xf0\xd7\x8f\x8f\x17\n\x0b\x8b\x13%\x05k\xa8\x96\x9c\x91\x81%[\xba$\xc0Z\xc8h5\x0fT\xe66\xa6\xe4\xf0\xb0\xa6\x11\x96\xe3xh\x03,\n\x92\xab\xd8^\xec\xef\xc7\x8b\x878\x12\\\x120bf,\xae\xa0\x1e\xc1ea)e\xf2\xcb\xda\xe6\xcb\'tQiy|\xbc\x99F \xa6\xa2\x7f\xc0\xef\xef\x1e\xb83\x14\x89DN\x9c\xa0\x8b\xc1\xef\xbc\x1aH\x97\x0b\xeb\x9bk_\xcc8&gt;\x1b\xb4\x11e\x92\x0b\xab\xc8\x96l\xdbB6\x9b\xb5\x90\x07\x95\xf7]x\'\x0c\xb8o]\x89z\x9a\xa7\x86Ev\x0f\x85\xfa\xdb\xb9\xb1\xb8\x1d\xc3g\xf9NV5,\xcbR\r3\xb5;\xbd\xf0di\xe9\xda5\xba\x10\xbey\x07\xe30\xec\xa7f\x9aN\xd7o\x8dG\x9a:\xc3~\xe2\xaa\xaf/C\xaa\xdd\x94\x89\x93u\xe8#\x83\x07RY\x94L1\x14\x12\xb2V\x96\xec!\xf8x30|\xd7\xeb\tU\xdb\xa5\x03\xe7`\x05\xbfV Q\xa1\x8fD9\xd4,\xeaZ\xa1\xd3\x05\x99\xb9\x90\x0f35\xbf\xb8\xfe\x04X\xf4\x8dw\x13}#\xdf\x11\x0e\x87{i\xf2\xf4F\x9aZ;\xe8\xa2\xeb\xb0\xbf\xa9|sjy\xc4\x8c\xc7q&amp;I\xc5@\xb4\x02\xb0$[\xc3\xc2YUA\x9d\xfb\xa8\xd8%\x1f\xb7p\xcd\x99,\xac\x97\xdb\r\xacP\xd0\x0b\x98Y\'\x18J\x13qH4J\xdeD\x08\xa2\x84J\xc2\xd2|\xbf-p-\x14\xae\x9d\xef\x03O\xc7\xd96\xba\x02(\x19\xee\xec\xbc\xca\xd1\x95\x1e\x1a\xf2\xb7\xb6F\x1e\xdf\x98\x9e\x1f\x8d\xc5\x0cIt\xa88\x98J\xa6\xad\x12\x95\xb8\xa2\x08\xceK\x81[&gt;Mx5\x7f\xf5\x00\x00\x03\x8aIDAT9\x8d\xa9\x82\xd42=.\x0c\xef~t\xd9\xe7\xb5X1$I$,w4\x97\xcb%2\x19\x99\xf6\\l\x0e\x87ktd\xed\xc1\xfa\xa5\xf3\xa7\x81\xd5\xf3g\xcf\xdc\\2\x99\xec\xbcJ\xffcp\xaf\'\x99\xde\xda\xea\xcd\xdf\xfe\xf9\xfa\xc4\x08Q\xb9s\x19`\xfd@\x05\x0e\xaa%\x81\x8aI\nH\x922\xcc\xfb\x14\xe2r\x93P\xac\x16aygg\xdf\xbcy\xcb\x81q\xbcb*p"*\x03i\xcc%\x12\x89*\x16\xb8d\xd6+\x1e\x8f\x8dLL\xfd\x11im\r\x87\x93sO\xe766\xc0u\xfa^\xdf\xd2\x12a\xa5{\xcb\xeb\x0f\xa6GV\x00E\xe7gH\xed\xef\xa8dA\xafb\xa9|{.)@~\xd7X+Pyx\x8f\xc0\xde\xba\xeb\x05\xd4^\xc5\x89\xc3\n6k\xa3\xa6\t\x85y\xd9\x1cc\t\x02S\xcd\x00\x8c\xee\x05\x16\x1bM\xcd_\xbf|!r\xa2a\xa8{\xe3\xe9\x06\xb8\xba\xce\xb6\xf5\xf5\xf5]Mvv\xe6\xcb\xef\xa6H*\xc5\x90r\x1crM,4\x08\xb4e\x943e\x90\xfe\x92g\x99\x11\xa6\x1f\x0e\x01(\xc4\x0ec*\x8f+5\xf2l\xafrx\xf4\xa9\x1aG\x95\xbd\x0fo0gb\xa6I`6cId\x12\xb2\t\x1a\x0e\xd47a\xfc\xe5\xc5\x1b\x17.\xb4lmpt\xf5\xb4\xb5\xf5\x9d\x87\xeb\xf3\xe5\x03*\xc0\x80OB\x9fb,\xd1\xd1\x8b\xa6\x0f\x9c\x8f\xbe\x80 \xc7S\x00\xcb\xe1\x12$\xcd\x06\x16\xc2\x1d\xa2\xb6\x19\n\xb9V\x9f\xed\x1d\x1d}\xfaX\x0b\x80\x1d\xee}X\xfd\xfc&lt;5:I\\PL\xc3\xe6Y\x14\xc5\x0c\xfb\x17\x1f\xd10X\xb0\xe9\xfb/\xc6\xb7\x1c\xae\x1e\xba\xb3\xc8\xe9|o\xb9\xf0n\x11^\x87\xd53\x99LM\xadj\x1a\xe9\x01\xcdJB\xf2P\x86F\x00\x16\x96x\xba\xd1\xa7\xe6$\x86lrt(\xc4\x95\xf8\xa1\x02\xa8\x7f\x11\xfb\xfc@dP\xec\xed\xeajj\xd44\x18L\xd3\xa4jI\xc9\xa2\r0I2X\xb0\xe9\xfb\x85r\x95k\xae\xab\xab\xa3\xf5\xd2\xc5\xc7\x0b\xa0\x8a\xab&gt;P\xc1\x95\t@q\xf6\t\x8a\xbb\x84*a\xaf\xc5\xb7e\x0cp\xf9q\xf3\x12\x08\t\x1f[\xa4_\xb3\xf0\x80!n\xdb\xaeC@\xed_\xe1\xd8\xde\x06\x17\xc5\xf1Q\xe5\xf5\xdb\xd5Q\xb4x#@\xc5\xab\xd2\xd2\xa4\x80\xc8\xa7\xd3\xa0\x95\x94\xc0\x975\xe2J\xa676\xe8\x9eH\xe1\xa6\x8b/\x17\xfeA\xb3R%\x9b\x98\x128\x18"\xd8\xdc d\x91\x06\xab*y\xbc\xa0R\xf8&gt;\x91P\xc8\x08HU*\x07\xcb\xe6\x17\xfc\xe4:\xfe\xb8_\xa5\xaa\xa2Q\xec\x7f&lt;\xae\xbc^\xfd\x1c\x8b\xd1\x12\x92\xa0\x13\x16\xa0\x12"\xfd\x11\xc5\x1cF\xab&amp;\x98\xa5\x89\x07\x85\xfcV:\x99\xec~\xd5\xdd\xdd\xbc\xf3\xf7\xfb\xe5Y3\xe0v\x8b2k%\x12\x16\xb5S\x16\x19h\x00\xf0y\xe8\x1e\x88^\x8fOA\x15\xfah\xe3,\tH\x9e-\xca\x1aV\xb41 \x1d\xd14\x17\xc4\xd9\xbe\xf2\xbf\xd8\x06\x1b\x14;\xac\xa0[`\x11C\xd2\xb02\xfaW\x86BL\xd4B\x14b\xa9\x89\xa9\x83B&gt;\x9f\x1ej\xf07\x9f\xfbeq~6\xa6D\xdd\xa8\x12\xfa\xf1\x0c\xf9P\x914\x99?\x07\xdaC\xd4\xed\xf5\xfa\x14\xb4\x18\xc3\xc7\r\x15\x063(\x93(sjo\xc0"\xafW\xa5sA\x9b\x1f\xa0\x1c\xc5\xf6\x8f\x8f+{\xf8\x9d\x85\x9a5\x0e\xcc$d\x07\nz9\xefk\x8bJ\x0c#\xf2\xa0P(\x0c\x8e\xffv\xf3\xa7\xdfG\x1e\x19\xd8\x05\xe5\xf8\x878tF ,Q\xa0w\xd1-\xc9\xe3\x19\xbb5\xe6\xa3\xbbU\x1a\xdc\x14\x90\x06C\tx\xbdw\xe1[\x1c\r\xb5D\xc6\x02\x1eN\xf8\x0f\x8a\xd0\x00\xb9A\xcc\n^\x00\x00\x00\x00IEND\xaeB`\x82'</t>
        </is>
      </c>
      <c r="M394" s="3" t="n">
        <v>45492.67730324074</v>
      </c>
    </row>
    <row r="395">
      <c r="A395" t="n">
        <v>1008832</v>
      </c>
      <c r="B395" t="n">
        <v>1955</v>
      </c>
      <c r="C395" t="inlineStr">
        <is>
          <t>Caio Alexandre</t>
        </is>
      </c>
      <c r="D395" t="inlineStr">
        <is>
          <t>Caio Alexandre</t>
        </is>
      </c>
      <c r="E395" t="inlineStr">
        <is>
          <t>VOL</t>
        </is>
      </c>
      <c r="F395" t="inlineStr">
        <is>
          <t>VOL</t>
        </is>
      </c>
      <c r="G395" t="inlineStr">
        <is>
          <t>VOL/MC</t>
        </is>
      </c>
      <c r="H395" t="n">
        <v>174</v>
      </c>
      <c r="I395" t="n">
        <v>19</v>
      </c>
      <c r="J395" s="2" t="n">
        <v>36214</v>
      </c>
      <c r="K395" t="inlineStr">
        <is>
          <t>Right</t>
        </is>
      </c>
      <c r="L39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fe401ab-ca2a-4b73-a7df-1e84fc0cf2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f\x13x\x05\x00\x00\x00\tpHYs\x00\x00\x0e\xc4\x00\x00\x0e\xc4\x01\x95+\x0e\x1b\x00\x00\x03\x00PLTE\xff\xff\xff\xfd\xfe\xfe\xef\xf1\xf6\x0b\t\x07\xff\xff\xff\xf8\xf8\xfb\xf9\xfa\xfb\xfb\xfc\xfd\xfa\xfb\xfd\xf8\xf9\xfc\x07\x07\x05\xf1\xf3\xf8\x04\x04\x03\xfe\xff\xfe\xf3\xf4\xf9\xfc\xfd\xfd\xf4\xf5\xf9\xfa\xfa\xfc\xed\xef\xf5\xfb\xfc\xfc\r\x0b\t4&amp;\x19\x11\x0e\x0b\xf6\xf7\xfa8&amp;\x1a&lt;+ #\x1a\x14\xf6\xf7\xf9\xfe\xff\xfeF3(\xeb\xed\xf4K6+7) \xf9\xfa\xf9\xdc\xb2\x93\x18\x12\r@- \xea\xec\xf3:)\x1d\xe1\xb9\x97\xce\x9c{E/"\xe2\xe5\xee(\x1e\x15\xdc\xaf\x8d\xdd\xb6\x99?/%/$\x1bzZH3&amp;\x1d\xd2\xa7\x88\xd3\xa5\x83\x18\x16\x15\x7f`M\xe5\xe8\xf0+!\x16\xef\xf0\xef\x1d\x17\x15\xd0\xa0~\xc2\x92sYA4\x14\x12\x11S@5\xe7\xea\xf1\xd4\xab\x8c/!\x16\xd8\xae\x90\xe4\xbd\x9d\xdf\xe2\xec\xe1\xb7\x94K;1\x13\x10\x0c\xdf\xb2\x8e\xe1\xba\x9b\xcb\xa0\x81\xe4\xbb\x97\xb5~_\xf6\xf8\xf7^E8\x86aN9,&amp;T=/\xcb\x97wP:-sTD\xdb\xdf\xe8\xc3\x8do\x8dkX\x1d\x14\x0f\x93nX\xa4ya\xe0\xb5\x92bJ&lt;\xc8\x9b{\xd9\xad\x89\xc2\x98{\xca\xce\xda\xcf\xa4\x85\xe9\xc8\xb0\xf5\xf5\xf3gL&lt;K1$\xb1\x81h\xe2\xc1\xb0\xd7\xa9\x86\xd8\xb1\x95\xa7t[\xb3\x86i\x97s]\xady\\\xbc\x86e\xcc\xa6\x8d@3,\xc7\x98s\xb5\x89m\xa2oR\xb0\x8bu\x1c\x1c\x1a)!\x1e"\x15\x0e\xa9sT1($\xb5\x91x\xe7\xc3\xa8\x88gS"\x1e\x1c\xd8\xb3\x98\xd8\xdb\xe5\xd2\xad\x94E70\xbf\x89j\xb2{Y\x9cwbgPC\xe8\xea\xe9\xca\x92p\xba\x8dnsXI\xaa\x84k\x83fVv\\O4 \x16\xa2}f\xe6\xbf\xa2\xd0\xa9\x91\xc5\xca\xd5\xe1\xbc\xa8\xc8\xa3\x88kUJ\xab~c\xc5\x9e\x83M@8\xdb\xa5\x7fZ:+\x9dq[\xdc\xb7\xa2\xa7\x86s\xd5\xd8\xe3\x91q_\xe1\xbb\xa1`@/VE;\xae\xb2\xbd\xc7\x93yeD4\xbd\x92v\xdd\xaa\x85\xcb\x98\x82\xd1\x99u\xbc\x98\x84[I&gt;R6&amp;mQA\x86YB\x80ZH\xba\x83b\xec\xd0\xb9\xc5\x92olH5\x8e`FvO;;=9$%"\xd0\xd4\xdf\x8ddP\xda\xdd\xdb\xba\x95|nM&lt;\xe1\xe2\xe1\xe3\xb5\x9a\xbb\xc0\xcb_MC\xbb\xbf\xbb\xbe\x90p\xda\xa9\x8a\xe5\xc8\xb8\xc4\x8ci\x97fJ72.@(\x1c,\x19\x10\xd7\xa0y\x93gS\x92\x98\x9b\xd8\xb0\xa0\x9djNyS?\xe9\xcb\xc0\xc8\xcc\xc9\xda\xbc\xac\xd3\xd6\xdf\x7fU&lt;\xd4\xd6\xd3\xc1\x9f\x8b\xc1\xc6\xd0\x99\xa1\xaa\x9bjY\x87la\xcc\xa0\x89\xee\xda\xd1\xee\xd6\xc5,/,\x82\x88\x84\xae{i\xee\xe2\xdcycYbeaoto\xcf\xd2\xd2\xa4\xab\xb7\xb4\xba\xc6\xd4\x9f\x8a\xa6\xaa\xa4\x89\x8f\x8a\xdb\xc5\xbbFKFU[V\xf3\xec\xe7\xcf\xb5\xa6\xc8\x8a~\xaf\xb5\xb0\x9c\x80s\xe5\xda\xd6{\x80~\xde\xce\xc9\xc5\xa4\x91\xa1\x91\x89\xc9\xbf\xbc\x88\x90\x95\x86zs\xb5\x9b\x92\xbd\x81t\xbc\xac\xa8\xda\xa7\x99h[S\xcc\xab\x9a\'H\xdd\x99\x00\x00 \x00IDATx\xda\xbc\x98\xefK[i\x16\xc7\xbd\\\xe8\x8b\x8br_\xe4&amp;D\xe9b\xaf)rC\xd6\xda\xea\x95\xc4\xc4+\x9a\x17f\xb6\x98j\xa3\xa4Q*RR\x8d\xa65U\xd3T\xd3md\x9a\xb6\xd1\xb6*\xe26\xed\xda\x80MI$3\x93Q\x89\x9a\xd0\xac\xc2\xf8\xbb\xbbmt\x14}1[\x88KU\x18\xadR\x1cJ\x17vXv\xf7&lt;\xd7\xce?\xb0D\x1f\x93(\xf8\xe6s\xbf\xe7{\xbe\xe7&lt;IJ\xfa\x7f\x0f\x96\x94\x82a$\xbc\xb44\xad\x10\x08h8\x02\xa3Q`T\x90\xa4\x80&amp;I,\t\xc3N&amp;\x1d\xfb\x01&amp;\xec\x0b\x96bj%\x1a]\x8fNM)\xd6\xa3\n\x85BKk\x8d4\t\xdc\xc0u\xdc`\x87P\xa4\x80$\x15\xd1\x95\x8d\xad\x8d\xcd\xbd\xfd\xad\x9d\x9d\xcd\xfd\x8d\xdd\xe9)\x97\xd1e$\x05\x02\x12C\x9a\x1d/\x15\t\x07\xc3\xa0d\xd1\xfdx&lt;\x12\x11Qx2\x1b\x0e\xe3\x14\xe1\xb0\xc5\xf77w\xa2F\xa3VK\x03\x19\x9c\xa4\x94\xe3\xab P\xd1\xb4k*\xba\xb2k\x03&amp;\r\xcbq\x14\xcbR\xc9\x14\x81\xe3\x1c\xf0mN+\\.\xc4Eb)\xc7ZC\x92\x9e\xde\xd9&gt;\xd8\x8f\xd88\x11\xce\xf2L\x9c\x08A\xe1"\x9cb\xe3\x91\xf0\xd6\xe6\xfe\xb6V+\xa0\x05\xd8\xf1:K\xeb\x9a\xde\xdd\xa28\x1b%\xb2\xb18%bE\x14\xc5Q\x04Ah((\xa5\x88\x03\xca\xf84\x06\x16\xc3RPSb\xc7\xe1+\xd4\x7f\xae\x95\xdd=\x1b\xce:86\xee\xd0P\x1cT\x91\x12\x81^\x14\xcb\x01\x16\x91\x9cLP\xd4\xbeK\xc0?\xc1q`!\x05H\x81q\xfb\xd3^$\xee`\xf3\xc1U6x\xe5s\x1a\x9c\xcbw\xd84"\x0e\x98\x80*9\x19\'\xe2\xd3\n\x9a&gt;\x81a\xc7R?\xf0\x0b\xad\x98\xde\xb3\xb1\x91\xb0\x83\x15iD\x12C\xfe\xad4C\x1b|\xda%\xa0\x18*$\x8f\x05E\xdd\x82\xb4Ph\xf90I:\xda\x86\x84&amp;\x04\xaa\x9d=\x1b\x17vp\x94\xa4M.\xce\xec\xe9\x11\x8b\xc5B\xf1\xa9lY\x9bD\xa2\xa1(\xf0=\xe2\x028\xdb\xdenTA\x0b\xc0`G\\F\xf4\xc8\x98b7\xe2\x88D4\xb8$\xad\xf8u\xdd@p\xc0\xeb\xf7\x0f\x0c\x0c\xa4\x9f)\x96\xc9di\x06\x83D\x04\\\xbc`\x04\x15\xdfr\x19\xb5\x10b\x00\x96rdB\xa1i\x93D\x92\xdbq\x87#B\x89$bip`lllbbm\x19\xdekc\xde\xba\xd7\xe2\x9e\x9e\x1e\xb9A\x02d_\xc0l\xbb\x90_\xb4V{d\x81\xcfSA=\xb4S\x1b,\xcbJ\x0c=R\xef\xd8\xda\xf0\xf0\xda\xf8\xc2\xc2\xc2\xd2\xd2\xc20:\x80\xe6\xf5\x0e\x04_\x8be\x92\xdf*i\xdb\xd1B\x15\xb54y4e\xe4g3D;\xbd\xb2e\x03\xa3\xff5\xe8\x9f\x18^\xb0\x02\x8f\xd5\xba\xd4\x0e\x07\xfd\xb90&gt;\xbc\x06\xca\x8d\x8dy\x83\xafe\x12\x8a\xe7\xa2\xc2\xebZ4\xa7P\xac`G\xa3\x15&lt;\xb7\xf1 \xbch\x93H^\x83P\x0b\xed\xa5\xa5\xf7\x00\xe8^\xfb=t\x0e\xc9\xc6A\xb2\xb5\xb5\t\x7fP*\x96\xf3`\xb8ho\x9bFS\x1d;\n\xdf\xf3XF\x9a^\x8fSq\xae\xadnbx|\xa1\xfd\xde\xa8\xa5\x14\x01\x95\x96\x96\x8e\x02a\x13\x80Y\x91d\x806\xe1\xafH?\x93\xdd\xa6A\xb9J\xec\xad\xc3\x0cBK\xd0\xc9#\x986\x18F\xc3j\xf5\x89c\xd9\xb6\xe0\x1aOUj\xb1\xf0D\x16t\x00\xac\t\x81-\x1dj6\xe6/\xa8H\x95\xa7Ipd\xfcM\x05\xcdwK\xc2\xa5JII\x82\x1c\xd5\xba\xde:\xb8|C\x10ln\x05\xaaQ\x8b\x13p,\xf3N\xa7\x13\xde\xbf\x81\x99\xad\xa0\xd9\xf8\xf2\x987=5[.C\\\x84\xed\xe0\x84\x80L\xc1\x8e*F\x8d\xd3a\x8a\xd2\x00\xd5\x92\x15Jg\x99\x9f\xd7\x87\xf4\xf3N\xf4\xab\xb33\xa4w".\xb3\xb9\xddl6[\x17\x86!.N\x8b\x8b!\xc7(\xe0\n\xbb\xd0\x1e\x8d%\x98\xe8p\x14\xc2\xce\xbeO\xe0"\xe9\xda8/\xd5|\xe77\x9d\x9d\x0c\xd39\x0fX:F\xd7\x19r\x8e\x8e\x82\\\xc0\x05`\xd6\xf1Io\xb0.\xb3\x18\xe5+\xd2k\x07v/Ab\xcd\xc5?%\xec\xc7\xb4be\x11\xc7{\x0e\xa9,\xf3:en\xae2\xb7\x81AB\xf9\x18\xe0\xd2\xf3e4\x03\x98\xd9\xfc\xfc\xd5\x847(\xcd\x14\xca!\xf8\r\xe0\xfb=\xd7a\'b\x89\xec\xc1\xc3\tMG\xf7)B\xe3?\xd4\xca\x19R\xe6\xa8\xb3\xb2\xd4\xb3\xb9\x08H\x07X&gt;=\xb2\x17\xc8\x05/\xeb\x12`\rHS{\x8a\xe5r\xb9L\x93\x9cl\x9b&gt;\xdc\xa0\xb1\x04w\xe2IL\xe0\xda\xb2\xe1\xb8px\xa9\xbd\t\x92a\x9e\xc9m\xcc2\x99&lt;j\xf5\xcf:t\x94\xcc!\x16\x92\xcb\xddd]\x18\x9f\xf0_\xac;-,.\x06\xbd\xd2@\xaeM-\x8d\xa8N&amp;\x96\n\x8cAo\x87qB\xe4]\xb0BN\xa1\x12\x16e\xbc0\xcd\xf5w\xa8A.&amp;\xc00\x01\x9f\x1eU\xd1m\xe6\xb1\xde\x94-#,qq1\xd2\xebP\xae#\x10\x0b\xa6\x0e\xb9\x13!(\xf9\xf2R{\xe9\xe8\xa8&gt;\xc4@\t\xfbM\xa6\xfe\xc6Yp\x18\xa8\xc5 \xb5\x9c\xd7PF\x94~\xc1\xaa\xa8\x93f\xf6 \xb9\xe4\x06\x08\xfb\r\x1a]\x96\x12\xac\x168\xcb\xb5G\x10\x12\xe9\xb8\x15*h\t\x81X\xb3Y\x9e\xfe\xfe\x17\x1e\xb5\x92\xd1\xe9B\xfaN_\xa7\x1e\xaa\x88\xb0\xdcMM\xcf_\r/\x8f\x05\xd3\xa1\x8a\x88K.\xc3\x93\x89}\x17\xba\xa0%6"R@\xadi\x1bN\xb4ya\x10B^\x85\x18eNcV\x96\xc7\x93\xd1\xd0\xa0\xfcF\xd7\tHz\x95J\xf5\xc5\xf4M\xe6\xa5\xf1\x91\t\xff@\x10\xe4\x12\n{x\xd3S\x9f\\\xb0?\'&lt;Ki\xed[\xb8;\x14OZ\x9bF\x9d\xfa\x90\x8e\xb9R\xd4\xd8\xd8\xd1\x911\xdb0\xdb\xa0D\xbd\x08\x15\x04\xb2/\x82\xb5/\x8d\x0fO\xc0\x1aQ\'=\r{+\x98+\x8d\xa0v\x15\xda\x04\x07*jCZ\xb1I\xe1\x9a\xcc\x89\xf6{\x16\x8b\xb3E\t\xd6jT\xcf\xaa32~\x9f\x91\xa1nP\xeaBNg\x97^\xe5\x83\x1f\xbd\x05\x9a\x11R~d\x12&lt;/M\x05,TE\x8a\xd8\x9bB+j\x82\xb1N\xd0\xae}\x9c2H\x97\xcd0\x98\x9d\x8c2\xb7H\xad~\xf1\xa2\xdf\xf4Gd\xfb,u.\xf8]?\xa3\n\xf8|\xc0\xe5\xacw\x9b\xdf\xbc*[\x9e\xf4\x82Z\x99&lt;\x96\\CDV\xe8\x04\xdfe1dyW\x98\xd2\xc8*\x96\x9b\xc0\xf0\xf3LN\x8e\xba#\xab\x7fnn\x0e\xa0Ls\xa6\xd5\xbe\x00\x08\xe5\xd3\xfb\x025\xf0\xc7L\xab\xbb\xfa\xa77oF*\xfd\x17O\xf3X\xc0%!"Qh\x9b\x04\x86&lt;\x8fEk\xd7#\x94!\xfb\xe2\xd9&amp;\x8b\xd3\xa9br\x8b\x1a!\x1e\xe6\x10\x97\xc7\xf4#|\xfc\xecS\x05\x02\x01] \xf0\xaev\xa8\xf5\x9a\xdb\xfd\xbc\xaa\xaa\xac\xf2j\xc1\xef@.!\xca.\ra[\x81+P\x02\xb1\xc0\xef\xc8\xf1\xd3\x9cF\x96Zp\xd6\xed\x0c\xcd ,\xb5\x07\x89\xf5#p\xadzVM\xa6X\xc0\xf7\xae\xaf\x0f\xa8\x9e\xd6v\xd5\xff\xc3\xdd\xfb\xbc\xeaR\xd9\xd9\xef\xaf\x16\xd4\x01\x16\x92K\x83\x8b`\xfc\x90dJ\x02G"\xd4Pk\xdc\xc1\xd9[\xe9\x97\xf3\xdcNUHUs\xa5H\x1d\x03\x98\x0f\x1f&gt;|\xfc\xfc\xf9\xf3\x7f=\xabP\xc6\x1b\xb1\xaf\x03O\x03\xb5C\xf5\xbd\xf7{\xaf_\x1f\xbc\x93w\xf6,\xb8\x1eEDv\xb6\x1c\xd6\xae\r\xb4:\'\xf4z\x8f\xd1F\xed[\x8a\xb5\x17&gt;\xc9\xabw\xb6\xa8@\xad\xd9\x0e\x8f\xe9\xc3\xc7_\x7fy\xff\xfe\xfd\xe3\xc1\x9b\x7f\x8a\xad\xc6\xde\xf5\xc5\xbe~\xe7\x1b\xba\xddZ=\xf88\xaf\xbb\xbb\xfbaw^^\xe5\xd5\x8bu\x99\xc2\xecs&lt;\xd6&amp;\x9f\xa7\x89\xbb.b\xfcEz\x8b\xb3-&gt;{p\xe7ZK\x8dj\xe6|nG\xec\xe3\xbf\xff\xf9\x9fE\xbb\xe3\x96\xbd\xfc\xbb\xc77\xfb:b7b\xb1\xbe\xc0P\xfd\xa3\xeaK\x0f\nK\x9a\xcb\xed\xf6\xe6\x92\xcb\x0f.#\xacb\xe19t\xdb\x08\xa3/\xbc\x128\xac\xf9\xaf#\xa3a\xd6\xb1X\xd8\xdd[{\x9eQ\xcd(sn\xfc\xfa\xaf\'\xe1\x88&amp;\xdf^\x9ev\xee\xf4\xf7\xbd\xe7s\xfa\xfaVc7\x86Z\xab\xab^U\x96\xd8o\xe5\xdb(\x8a\xe2\xe0\xbf\xa9\xd2Ta\xb6P\x08\xbb3\x11\x8f\n\x04\x89\xbd-\x82Y\xd7\xc3\x0e\xfb\xdd\x07y]\xb55\xca\x19\xd5\x95\xa7\x83O^..:\xec\xcd/\x0b**\xcb.\xd5\xeb\x98"\x8f)\xf6\xb4\xab\xfe\xa7\x91\xc9\x0b\xe9\xa7\xd2X\r\x85.\xfc"I\xbe\xfc\x14\xc2\x92\x1b(\x82; \x13\xbb\xda\xa4@\x0b\xad\xc7#\x8b%\x0f\xef\x0f\xd5(\x99\xae\x9a+\x7f\x7fY\xd2l\xbfU\xde\\\xf2$o\xb0\xba\xfe\x9aJ\xc7\xcc\xbe0u\xd4\xb6V\x97M\x0e\x14\\\xb8PXr\x06\x14\x13\x11\x84F\x93/?\x87\xb8\xd2`D\xec$xT\xa3\x84X\x01\xacg\xdd\x8ffZ\x94\xba\xae+\xbd`\x9e\xf2g\xef\x7f\xb9y\x13"\xaa\xb5K\xd5\xc2\xfc\xed+\xc0\xaa\xa9\x7fS\xe9\xbd\xe8].\xab\xba~\xbf\xeaR\xde\x83\xe6|\x11%2\x08\xc5B\x90\x0b\xe4\xdb=\x91\xe8\xc5\x86$\x0f\xec\xf6\xbb/\xbb\x1f\xa9Zt\xba\x99\xf3\x0f\xef\x16&gt;\x19\xfc\xf6\xa3\xa7\xaf\xa6\xcb\xed\xae\xbf6\xd4\xc2\xfc\xf9\xab?\xf4g\xf9\xdc#\xfe`p`\xa4\xfa\xf6_j\xbb\xdc\xcf\xefT\x16\x96\xa7Id\xd9\x10\xf4\xe2l0\xd7\x16M&amp;z\r\x14\x1c\xc4\x17\x9f\xfd\x90W\xafjiajoW\xfc0\xf8\xed\xffh5\xd7\x9f4\xb3&lt;\x8e\x8f!\xd9\x17\xcd6}!\x90\x07\x12\x02\x88!\x10(\x08\x8cA)5\xa2Q\x19\xac\xe0\x85\x94\x8bR\xe2\r\x11h\xbdn\x99VcZ\x07\x0b\n^b\xa9\x025VS\xa5\x88-\xb3\xb5vb\xa5\x84\x95:\xe5\xb2V\x9dt\x9a\x80n\xaa\xce6i;\x9bN;\xdb\x9d6N\xdb\xe9\x9e\xa7\x99?\xe1\xe9\x81\x90\xf0\xee\x93\xef\xf9\x9e\xdf\xe5\xfc\xce\xb9\x1e\x10\xacV.y::\x0c:-\xcd\xe5-\n\xf1z;\x82\xa0hp\x9b\x96[Z\xc6f\x8dj\x99\xbc\x06\x9cI6\x1e\x83\x81 \x0e\x1e\r\xb0\x10\x8c\xf2\xf0\xc5:\x08\xf4\xafn\x9f\x01X\xed7\xad\x954\xcd\x80c\xe2\xd1H\xf3\xb9\x8b\x17\xc7\xda\r\xb7\x1e\xae?\xbce\x94\xc4\xbdb&amp;\xad\xf7\xc1\x02\x9d\x1e\x9dR\rML\x0cX&lt;\x89l\xb9\x90H$\xb0\x95|\xb0\x89\x1c\x06\x16\xf5\xef\xbf \x9b\x13A;F~u\xfb\xbe\xbfO\xd5~\xb3\xad\xb2M\xd2972\x92\xafY\xb9\xf8\xcb#KV\xb0!\xb8\xb8\xe89\x12wy]\xb4\xde\xe4\x0c=:\x18m\xe8V\xa4R\xf6\x94].\xad\xa9\xc2\xb1X|\x06\xc0\xc2\xb0\x01\x16\x82\xb9\xe7\xcf\xc0\x05\xb0\xc6\xfdN\x13\xc0j\xd3H.\xb6\x9ckn[\xd1\xce\xa5\xc6\xf1%\x14\xfe\xe0|@W\xe9\x8b\xbb\\\x82^\xcf\x02\x1d\x8a\r6\xd2\xfd\xf7o\xa3(lV\x1e\x81N \xb1p"\x0cD\xc5pr\x0f\xbc&amp;#\x8b\x05\xb7\xd4\xff\x18/\xf6;\xfe\xc4\x1a\xe9\xe9\x91h\xcf*\xca)\x94\x12&lt;\xa9\xca\xed^4VZ\x01V\xbc\xd7\xb0\xd8\x08\xc5bJb\xea\x8f3X\xac\x12\xad\xe4\xb3q,*\x8b\n\xbcE\xe5\xe0Q\xaf\x91\xbe\x1cIKO\xdf\x1c\x1f\x9fv\xaa\x8c0VmsO\xbeFE\x10\x11\x1d\x8e\x94\xdd.\x93\x99\xe6\xb6\xac&gt;\x97\xd7\xab\xb7\xc2X\x83\x83t\xf9\xe4P\xaa\xaf\x8a\x803\xa3\xd0\x8cL*\x8b\xc5\x01rqr\xd1\x8f\x91\x1eM\x1d"\xa7?\xb9=\x9e\xd7\xa7\x00X75\xf9\\\xae\xc63%\x9c\xec\xfcmnn\xc2\xb3t\xabsK\xe3\x8b{\xbdE\xe2\xca\x93\xeb\x8d\xd1A(Z%_2\xa9\x02\xa0\xdc\xa2\xe2\x95\x0c\x88J\x85\x8f"\xfbK\xd4sr\x19\x19a\xac4\x18\xcb9i\\m\xd3\x08\xb8\x926\x9b\xc1\xa3\x9bm\x19\x19k\xef\xb8\x95Xn\xe1\xf9\xe2\x00+$\xf6\x9d|8\x0f\xb0\xe6\xdd\xf3S\xc1\xf5@V\xd6u!\x8ea\x8ea0$\xd8\xf2\xb9\xd8\x7f\x92\xeb\xc9\x08{+\xed\x0e\xb0|?\xec-\x1ahW\xf5\x02\x89D\xab\xd5\x1a\r\x86\xce\x8b-\xb5\x828lxo5\xd3w\xf2\xc6|\x14\x82\xe6\x17\x16g\xa6\xe05\xe3\x1e\x84D\xf01\x04q\x9e\xfd\xb7\xa3\xcf\xd2\xc9\x87\x90\xc5:\xf8\xc5\x85\xff\x94\xd7\xf4O\x82M\xa4\t\xf4z\x9e\xe4\\\x0f\xf7\x88\x06\x94\x83&lt;\x81\x0f^qW\xdc\xc5\xf4\xd2\x8e\xddpG\xa3\xd1\xc6\x19\xd9\xe2zp!\x98\x15\x08\xd6t\x0bqT\xd0\xfc`H\xfc\xdc/_\xa5\xa5#\x8b\x05*\xd4\xb2\xc7\xe5\xe1&gt;`y\x1fM\xef\xe5\t\x9a{$\x02\x01\r\xee[\xad&gt;\x01\x08Y\xf0\xf2F*\x8f-\xcd\xd0\xa1h\xe3T@\x96\x90\x05\xd6\xd7\x13C*Y6\x11\x1cC\xc0\xc5?\xfa\xddf\x1a\xd2j\x91sr6[\xc7a, \x16OPp\xa5\'\xa2\xe7\xc5\xe3&gt;\x1f/\x12\xea\xea\n\xb9\xe2 \x9c2#\xb4S\x0f\xd6\xe7!\x88\xbe K$\x93\x89\xa5\xc0\x92\xca$\xab\x91\xe2H\xc0\xf4lF\xee\xfd;\x87\x10.!\xc8?k;\x7f\xdb\x13\xfaUFP+\xf0\xf4\xfa\x8c\xcbW\x98\x11 P\x84\x19\xaa\xab\x0bE\xac\xab @\x88CL\xdeUC\xc0\x1d\x85\xa2\xee%\xb5\xc1\x03\x83-ug\xd7\x10\t\x00\x0b\xc20\xb0\xaf\xcb\xea\x91m\xab\x0f\xee\xde\xb4\t*\xad\xc6\xeb*[\x9b\x8f\xc6;Qp\xf803\x12\x11\x8bC\xa3\x1b\xf7B&gt;\xd0\xea[}qf(\x14\xd2W^\x92\xcd\xcc\xbb\xa7\xe6\xdd\t\xdd\x8e\xc1\xe0\xf1$dY\r\x04V9\x15\x07\xb1\x19\xdf=\xffi|\xff.\xa2j\xfd\xb7\xe3\x86\xad\xba\xc8\xebQ\xad\xb4\xb5\tx\'\xf23\x98\x80b\xb8nc{\xa3\xe0\xf8\xa9k&lt;\xa0\x9b84&lt;\xfcU\xa4R\xb7\xb40\x13\\_\xf8\xc4\xb5\x03\xb8\x96\xb2\x1a\xaaX,\x1c\x8e\xc4f0\xf81(\xf3\r\x92r\x1dzq\xcaP\xcb,,\xb4\x99&gt;a\x81\x96:4\xdcU\xf7\xaf\xdd\xed\xa6\xa7\xbd__\x15T\x0f\x83\x7f\xc3u\xbb\xf7z\x00V0\x18\x08,\xccG\xe7\x13;\xc6\x1d\xb5Z\x15\xb8^\x01S\x91\xd8l\x0c5\x13\x8a\xed#9\';XO;\x96Q]T\xaa1\xd9@\xb9%\xa8\xcd\x0f]\xe9\xfa\xfb\xf6\xee\xf6\xe8\xd3\xde\x07\x86\xad-\xe6W]]\xc3\xa1\xe1\xed{\x054\x9d\xe2\xba\\\x16h\xa8\x88\xc6\x1a\x97t\x80+)\x93\x0b\t\x80\x8a\x8a\xe1S\xe9 \x8d#\xaa\xd6\x17\x00K\\TW\xcd\x9d4\xae\xdc\xa4Ij3\n\x81V\xdb\x9f\xa8n\xb4\xe7\x8f\xccz\x12C[`[\x0bh+\x1e\xb9\xb4\xa1A*\xac\x02\t\xdb\x9d\xd4\xe9vL\xdd\xfd5U,\x12\x08\xf3\x8cLzfl\xf0=\xa2SE\xb2\xe4TD\\*\xe6)\x86l+m\x12\xeea\x18kc\xf4\xe9\xf1\xe4B\xa2\xa5ym\xcd\x04\x0c5$\xe1U\x1a\xd5\x01)\x81\xc30\x8b0\xa2\x98ypQ\xad\xdbQ+\x1c}y@.\x0c\x9bO\xa7S\xcd\xf4\x1f\x11\xb5|:\xf7T\xa4\xb4\xd4\xbbj\xb2\xe8lm\x12}\x06\xb0\xfb\xbd\xd1\x82\xab\xc9\x85\xc5G?\\^\xfb\xf8\xf1\xec\x04\xe86ljY\xd6\x0c\x8b\x81\xc7\x9b\xf1l\x8e\x08\xc8\xb5\xa4\xde\x19Re\x03,\x16\t\xc3\x17ef\x0e*\xfd9\xc8\xb6&gt;W\x8e\x89\xbbJ\xad_\xab\xbb/\xd9\x8ehx\xcc\xa2\xd0h\xd3\xda\xd5\xa4\xbb\xe1\xf7\x8f\xbf|\x9c\xeb\xb4\xa4\xf6@\x17d\t\xb8\x1bE\x14,\xb6D\xc9`p@-C_\xf7\xec\xa8U\x8e\x9a*\x02\x8b\xc3f\xf0\t\xf4A\xe5&gt;\xb2\xe1\xf4\xe0\xc67\xc3]Eq\xabMa1\xceJx\xfa\xea\xd0\x95\xb5k\x9eF\xe9\x9b\xdf\xcf\xfej\xb7;\xc2\xc5\xd3yv\xc5\xc0Pv\xa3\x12\x8d:\x80\xc2R\x94|\x0e)\x93\xee\x96\xa9=*\x87\x94\x08\xb0\xf8x\x06\xa1\nc~\x8f\xf0\x95\xee\xeej\xdd\xb08.\xd0t\xab\x06f\xc7x`\x17/oy\x1a\xab&amp;S)`\x1d\xa7\xbf/o:\xec\xb0+,\xa6l"^\t\xf4B\xa3)x\x11\xe0\n&amp;\r\xaa,!\x91\x85\xe30\xf0"B^&amp;\xf1.\xc2\xe5i}A!\xc8y\'xv\xfb\xc0Y-|C9\xd2\xee.w\xfa\xfd\xfe\xe9\xe2i\x87t/\x15\xdeKu\xcb\x14\xddY\xfd\x04\x0eh\r\x01\x17\xd6\x8c\xe7\x93X\x81d"\x0b\xc4-\x12\x07\x8f\x87X\xc5\xc4\xfd2\x84\xb1\xd2G\xbdV\x9f\xde{"\xdb\x01\xb0\xb4\x12\xee9\xed\xba\xb9\xb5\xb5\xb58\\&lt;\xee\xb0;R\x13\xbf.\xcfu\x0e\xa9=\n\x99&lt;\x8f\x88\x13)K\xb0\x14\xf0\xa5\xe0\x89*E\x7f\x1e\x10\x8bC\xa1P3q\xc5\x9b\xc8\x16\x10\x00k#\xb2\xfam\xdcUdwZ@\xc7,\xe1\x8e\x0c@\xa7[\xcf\xb7N\xfb\xcf;\'\x96\x97[.\x8f65}xz\xed\xc8q\xddI\x90n\x88$\x862\x97B9z\x00\xab\x94\xab\x80Z$\x0e\x9bB\x810\xb1p=\xd2\x83\xce\xb4]\xa6\xef\x9b\xd5\xa2BK\x8dcbN;\xc6mI\x98\xcbO\x97\xb7\xfa\xfb-\xcb-\\\xee\xd3\xad\x91\xb5\x0f[/\xaf\x1e\xeb\xf8\xfe\xfb[\xb2\x80\\\xca\xe2\xe3KJ\xb0h\x14\x8a\xa8\xca\xaa\x82\x9d\x85\xa5@f\xf3&gt;\xe2\x13\xf4\x83\xf5=b\x9f\xd5\'\x1e\xe8\xf3\xdb\x87\xce.\x8f\xcde\x9b\xcf\x9c\xe6\xb0\xec\x9d\xb3\xb3\xb6v\x90\x95u\x9d\xef\xc0o"\xb0\x18\x9c\x11V\x08\x85U\x04\x8e\x12~\xd3\x82\xe2(\xb2\x088\x06\xa5\x04\x8d\x17\x95\x88\xde\x7f\x86\xf7\x06M\xdc\x8ca\xa6k\xa0\xdf\xef\xb4\xefY:\x97\xe5\x0c\x12\x83\xd30\x13\\\\\xbf\x91|\xf7\xee\xe5\xcb\x97s\xef\x0cIY\x10taQxr\x01A\xa2\x12\x10*\x00\x96\x9c\xc5.\xc1\x02,\xb39\xef\xc7\xcf\x80\xb5\xdd\xdcSX\xea\xd59\xc3N\x87\xd3i\x19h(?\xcf\xc9\x93\xc5\xcc\xd1\xe4\xa3\xcb\x1bM\x1b\x1b\x1b\xbb\xff\xfb\xb0\xf6\xf3\xdb\xd4\xb3\xe7\xce\xfd0\x14\x83\x9f\xb3\xa0Qh\x14)[\n)\xd10\x96\x88\xfa\xc7\x85\xcf\x80\xf5\xe2\x87\x8c"o\\\xeb\x08\x87\xed\xfd\xd3v\x93\x9c(,\xaeQ\xd1\xcd\xc2\xb9\xed\xdd\x17\xdb\xf5\xdb\xbb\xf5\xbbM/r.\xbc\xbd\xbb\xf9\xe6\xc9\xdey\x12&lt;\xa9\xc3\x83\xc3Xq\x9d\x80\xc7\xc2X\x0c:\xf11\xf93\x8c\xf6\x0f\xddc\x8a]\xde\xda\xfep\xd8\xe9,\xeeSdK\x85\x15\x15C\x167\xebm}}\x19\xfc)\xcb\xd9-\xcb\xb9\xfb\xf6\xce\x93g\x9b\xfb?\xb5\xa2\xff\x8a\x12\x91Jr9R!\x9b\x82E\x01\xf7\x03\xacg\x9f\xe5\xc1\xc1\x8b\x9e\xff\xf3n\xfe1i\xa4i\x1c_B\xbcnM{\xd6H\xa93\x97\xc9 \x10(\x19\x18D12\x15\x08\xd50\x8aM\xd9!\x98\xd3;\x10c\xa0[\xd93\x81m\x14\x03)\x06\x12\xd9\x94b-\x11"I%\x18\xb2\xdb\x18\x89\xbb\xff\xed\xe64M4\xb9\xc4\\\xd6&amp;\xdb&amp;5m\xed\xad[\xdb&amp;\xde\xf5\xbav\xfb\xcbz\xfd\xb5\xf7\xbc\xb8\xb9\xbf\xeeO\xe1!\xc3\xdf\x9f|\x9f\xef\xfb\xbc\xcf;\xf3\xbcJeGC&lt;VH\xb3\xd1|b&lt;m$c\xb9\xa9?\xd7\xbfq\xeb\xeatuu\x7fp\xebtn\xc0z\xf4h\xe7\x97\x17\x0f\x83\x87\xf8\x97\x08Q\x8f\xc6\x1e#q!_\xd0.\x10\\\x92)\x96K2\xfaS\xe5\xbewV\xf5k:\x96\xde\x8c\xfa3\x9eq\x0fiO\x0f\xfaf?\xfd\xe9\xc3\x87\x9d\xbbo\xde\xbd~\xf9\xf2\xdd\xbb7;\x9b\xe9t\xfeC\xf0G&gt;\xff\x92\r\x0b\xf4\xd0z\xa7Z\x02\x16\x83\xcdH\x86\x95\xc2Z{\x87\xc5\x1a\xb7{\xa7\x10w\xb2lT\x9f\x88\xc7\x9d\xb1\x9c\xef\xfa\x97o\xdf\xde\xf9\xe6\xfb\xec\x9b\xec\xb3\xeeD\xd7\xbc\xd5N\\\xfa;$p\xa4\x96$5j\x9c\xd6[G\x84\x95\x02\xc8a\xb3\xfd\xc3\xad\xaa\xd2M\xe1U-\x17\xc6\x97\xf2F\x96\x8e\x8d\xcf\xdb\xe2\x83\xa9I\xd3\x97\xb3\xb3O\x9f\xde|\xee&gt;\xads\xdf\xd7\xddz\xbd|w\xf3\x0c\x84\x8d\xc0\xd4\x9a\xa0\x9f$\x18\x014\x14Bf\xf5\xdd\xb5R\x0e\xe1\xf1\x1621g\xac\x90\x8f\xea\xe3\xb0\x16\xeb\x17\'\xbd[\xb3[\xefa\xdf\xb9\xfe\xf8\xe5\xf3\x97\xf7_o\xbf\x1b\xbb\xf3\xf5W\xe4^/\xa3\xc6d\xcd\x12&gt;_ \x14\xfe\xdb]\xe2\xe9f\xdd\xd2R^\x1f+\x10D\xdeJ(\xba\xe6f\xa6M[[\xd7\'\xcfN\xbf\xdf\x82\x92\xfa\xf4\xedO\x9f\xdd\xf9\x06\x0e\x15\xb4\x14;\x89\xe3\xea\x93\xea\x1e!\xa2\x12\xac\x96x\xc8\x93\xe7~`d\xf3\xfa\x02\xcd\xb1\x04\xa9\xa8\x9f\x9a\x99T\xa9T\xe2\xc9\x1f\xee\xdd\xfb\xdbu\x00\x03\xa3\xe56\xd3y\x02\xdad\xaa\x99\xea\xa1\x02B&gt;2\xfcw\xb7J&lt;z\xca\xab\xdb \xa3\xd1(Ks~\r\xa7o\x1a[W\x8dNONNB\x99?\xfb~\x16\xa9u\xa5;\x8e\xdez\xd3\x9a\x93\xa2\xe6\x9e\x1e\xd8\x80*A\xae\x07\xeeRc\xd5\xbc\x89\x12\x1cG\x07\x03j\r\x9d\xce\x9d\x1f\xf2%#\xd3\xd3\xd3*\xef\xd6\xfa\xec\x1f\xdf~\xfa\xd9\xf7\x7fM\x00\x16\tbQj*\xcc\xa0\xd1X\x81@{\xa3\xe4s\xba\x07\xb6Y*\xc8\x89\xd4\\@C:\xbb\'\xba\'\xfa|\xa9W\xaf\xd6\xe6\x86\xb2\xd9\xb1\xb1+\x7f\xean\x1aO\x17P\xe37\xd2\xd3\x83\xe3h4\x10\xd4zp\xba\xe4X57\xcf\x07\xf0 \xc7q\x94\x88u6%\xc6\xe3\x13C\xa1\xd0D6{\xf7\xb7\x0f\x9b\xf1y\':\x80Q##\xd0\t\xa2\x8fd|~x\xdf\x9b\xd2\xffS\xb8\xb6\'\xd8\x00\xc5\xf9\x81\x8c5\xb2l\xdes&gt;w1\x9b\xcb\r\xc6\xa2Fc\xc6h,\xe8\xf5,\x1c)(\xbc\x87\xc2%\xcc\x9eZ\xdf\xeaJ?k]\xb3}\xee\xae_\x14D\x11\xf5\xb3~\xbf\xde\x99\xc8\r\xe6\xc0O~\xb5Z\xa4&amp;H\x9b\xde\xcebjJ\xc20\xe8\xa0Qy\x08\xe4zRSr\xaa\x8f\xea\xb6\xfb\xfab\x1a\\\x1d\x0e\xa8\xc3+\xd1`\xd4:\x1eO\x0cv\xa7\x0b\x84\x08\xea\x94\xa6\xf6\x8c^O\x12\xa8fA\xc3%(N\x82W\xb6?,=\xd5\xe1\xba_{;/\xd28\xc3\x04(C0\xaa&amp;\x96b\x9exS&lt;]\xe0D\xb8\x84\xd2(\xec\x1e+\xc9\xca4\x14\xc3\x18\xd0U\x03\x10K@\xfd\xa7\x0c\xf3\xf2u\xc9\xfe\xceT&lt;\x18fp\xad!\xccqQ\xd6h\xb79=y\x96d9\n#\x08\xbb\xddi#\x08\x11\x15\x08\x0b*\xd1\x04%\xbf\xb2G\xb6Q\x0e,_gCCh)\x18\x0e0\xa0\xd8\x8a?j\xcc\xd8\xf4\xc6\xa5\x825\x96\x87:Kc\n\x02\x13\xd1\x14\xce\xb4\xf3\x0f\x15\xb5\x12R\xd2\x9dr`\xa5\xfa\x07L\xfd\x13y\x9c\t\x87\xc3\x0c\x05\xae\x8f\xc2nT\x88\xc5\xa0\xb1\xa0\xfd~\x19!\xd5\x80\xaf\x18\xad\x00iU\xc9o\xc7\x8f\xd2\xabe\xc0:\xdd\xd9\xe8R\x9a\xa6r\x1aF\x1b\x0eh\x99ht%\x931\xe6\xfd\xc6\xf4R\x9e\xe5X\x0e\xc3DpD\x84v\x14\xcd\x9a\x82Xj\x8d\x06\xfbg\x19\xb0\xdc\xbd\x8d\xaeV\xd3T\xc8\xaa\t\x0f\x87\r\x92\xe0\xcaJ\xc6\x9f\xf1s\xfe\x0c\x9b\x81\xed;\xaa\xd6\x04pI;l\xcf{wWp\x11\x86\xc9~)\x03\xd6\xcf\x9f7\xba\\&amp;\xd3T6\xc1I\xb4\x86vmX\x9d\xf1\xfb3\x19?\x9b\x89\x06\xd5\xc1(\xd4Pt\x19CP\x89f\xf8\xf9\xb8F\x84I\xb1\xe5r`\xf56\x0e(M\xbe\xa9\xb9\xc5D`X\xcbh\xb5\xc8\xf6QX\x92\xd1 \x1e\x08\xa8\x03\xcco\xf5\n~|\\$\xc2d\x98\xf4u\x19\xae\x1e\xdd\x07\xb5\x94\xad\xa6\xd4\xd4\\h3\xc8\x0c\x0f\x1b\xc2\xe1@ \x08\r\xc5J\x80\x81\xd59\xcc\x18${\t\xac\x14R\x1a\x10K&amp;\xa3o\x94\x07k\xc0%\x16\x9bR\xbe\xd4b\xce\x08\xa6g\xb4\x06m\x00V\xe50Z\x99Zm\xf1\xd2\n*\r\x92f\x91\x06\x93\x89d\x18q\xab\xf49\xe4\xdd;&gt;\xe0R\x8a\xbd\xaa\x88\xc9\xb7\x18z\xb6\x14\x18\x0ek\xb5\xed\x06\x83\x10\x1e\xad\xc1`hG\x97\xdb\xd0p\r\xa5\x16q"\x0cy\x8b](=V\xd5\xbd\xe3.e\x87\xd8;\xaajMNA\x93\x95\xe7\x02aH\x9c\xb6x\x81L\x88\xde\x1d\t\xf9\xd0aI\x02"\x14\x1a\x99L\x8a\x19\x17\xca\x90\xc4\x7f\x9c\x00\xb1\xc4\xc9V\xaf7\x92Z[\x9b\xcb&gt;[\n\xe2Z-\x08\x05\xfd\x02\x90\x19\x84\x80\xd5\x8e\x8b8\x9a\x06*\x8d\x0c\x93I\xf3\xd7\xca\x80\xf5C\x11\xabU\xa5\xf2&amp;\x93\x88+\x94M\xe4\xd5\x06\xed\xb0vX\x08)\x14@2\x85x\xb3\x86\xa3E4v\xb4\xf6(\xc2*\x87Z\x1f=&gt;1\xe0r\xa8\xc4*\xd5\xa8w\xd4\xb7\xb6\x86\xc0\x9emr\xe0\xf5a\x90L(\x94@{\xc3\xd1\x1c\x872(\x02\xbf\xcb\xca\xe3\xad\xc37\x1b]\x1d\x0e\x0bp\x8dF"\xbeT\xf2\xd5\xda\xda\xab\xc5lw\xccF\xab\x99\xe6f\xaa\xb9\x19\x9c\xee\xa7i\x0e\xa3!\x85R\x19PI\xd92\xac\xc4\x9a\xedF\xa5C,Gj\x8d"0\x1f:^\x84\xb2\xd9\x89\x84\x93\x84\xd3!\xe4\x8e \x00\x8b@\xdf\x101\xac\x16\x03\xac2\x14\x88\xc3\xa7#\x8d.\x87\xd9"6\x8f\x82\xbbF\xbd\xc9u\xdf\xab\xb9\xc5P\x08\xce=\xb9\xa6y\xab\x1e\xba{#\x11\xa5Q\x1048\x0b\x93*\xa4D\xe9\xcb)\xef\xe7\xd4\x00RK.o\xb3\x00W$\xb9\xbe\x9e\xf4\xcdM\x81\\C\xd9\xb1\xee\xa6\x98\xd5h7\x92\x10\xa0\x19\x89\xe4\x92B\xd0%\xdf|x\x07\x1e\xb74v8\x1cr\xb9\xc5\xa2\x9a\x99QE|\xde\xf5\xf5\xf5T*444tq\xa2\x1bNcE\xc1X\x16\xa8\x08\x05\xa6\x90J\x15\xf0,\x9f.\xed{\x11^\xc5\x8dP\x8b\xcb,\x97\x9b-\x966\xb9Je\x89D"\xc9H\xd2\x97\\\x834^\x1c\xebN$\xea\x8bz\xd9A/\x05A(\x8a!\x95.\xbdX.\xe1a\x9fWs\xec\xd1\xdd\xbf|&gt;\xd0a\x96\x9b\xcd\x96\x99\x99V\xb1\xaa\xd5;\xba\x07\x06\x1b$\xc851x\xbe~\xde\x89\x04#\xc1\xff \x18\x89\xd00\xbc}e\xe3Z\xc9N\xb0U\xc7\xbex6q\xa1\x17\x1c\xef\xb0\x9cBi4\xab\xc4bo\x04\x8c\x0fTS}\x8b{y\xec\xf28\x8d\xac\xdd\x8e\x04+\xfe\x9dQ`\'\xdb\x85+\x0f\x17J\xc5u\xe0\xe0\xeb\xb1\x96\x96\xe3J\x87\xc3"?%7\x8b\x01Ll\x16C\x9d\x18\x05\xeb\x03\xd6U\xc0\x1a\x844\x16\x8c6;\xfcl\xf6b\x10\n\xe9QJ`\xf8v\xa3D[\x10\xaf\xfa\xc8NKo\xcb\t\xa8\xa6@\xd5\xd6f1\xcb-mfq\xb1ND\x92\xa9\xa9\xabWCH.p\x97\xde\xa8\xd7\xdb\xf4\xb6b\xd8\xcf\x10\x8a\xa3\'G\xf8\xdf=\xb8\xfd\xc5\xbe_\x9a\xe4\x1d\xf8\xf8\xe3\xeaj]\xf6\xc4\x89^\xd8\x12;\x00\x0b,\x0f\x8fE.\x17\xa3Ba\xea\x87,^\xbdpn\x08\xb0&lt;V\xabUou\xc2_\x91\xccN\xa2\xbb&gt;B\xc9\x93\x8d\xdb\x0b\xfb\xfc\xa6\x92w\xe4HE\xc5\xc1j]h\xa0\xa1\x11zS\x87\xf9\x94\xa5\r\xe4\x02wA\x01\x03\xbd\x80\xab\xa1\xbf\xb3\xefj\xe8\xdcD\xf78\xc2\xf2@8\xbf\x020@#\tYmm\x8f\xf0\xc9\xc6\xee\xee\xede\xdd&gt;\x8e\xa5\x1f8v\xa4\xba\x1a\xb0\x8e\xad)]\x03\x80\xd5\xe18\x05Y\xb4\xa0D\xca\xa1\x84\xb9\\\xad\xad\xa6\x06_Cg\xdfbh\xec|&lt;fu:=\x9e\xae\xaey \x03\xc9lvBZ[;\xd2\xfe`wuwc\xe3_\x0b\xfb\x96\xc8\xaa\xdf\xfd\xfe`u\xf5Ax\xb6\xc5\x0e\x97K\x89\xb0\xa0p\x01\xd5e\xd0\xcc,\x06&amp;\x88\xfe\x06H\xe3\xb9+\x9f\x00\x96\xd5\xd3U\xdfT\xdf5?\xefqB\xb5\xb0\x93\xd2Z\x19\xce\xbcX]\xdd\xdd\xdd\xdd\xd8}\xb4OW\x90x\x15\x15 \x16\x8a\x83\xcf\xbdmJ\x84\x85\n\x17P!\xac\xcb\x16\x15`\xf5Ct\xf6]\x80\x1cB\xddr\xce\xd775}R_\x8f\xf4B\x03$\xa4B\x8a\x8d\xfc\xb8z\xfb\xf6*\xc4\xee\xea\x8d\xfdx5\xc8\xab\xae\xf8\x1fV\xb5\xee\xfae\x07\xca\xa1\x19\x92\xf8\xdf\xd2\xcd7$\x8e\xf4\x8e\xe3\xc9\xc0\xcc\xee0073\xfbb\x8e.\x9d\x92\xa5SeP\x90\x13\x07\x89\xe5Ft\x04W\xb9\n\xe5\x06Y\x8d:1\x90(\x11\xd2H\xa0\x10%\x93\x17\x9e\xa8W\xf4\xb6A_$\xb7\'\x1d\xc8\x9bR\x8e\xbc\xdb^N\x96\x8a\xd07)\xb4.e\xc3\x11_\xe4\xda\xecRR\x92\x17^Z\xae\xaf\xda\xef\xefyfW\x8f^{\xff\x9e\xe8\xa8\x9b\xc4\xfd\xf8\xfd~\x7f\xdf\xe7\x19\xd1\xb6\xd1\xd1AZ\x9dm\x9d\xf3d\xe2\xc5\xa9\xfb\x8b\x1b\x0bc]\xeb\xbfy{\xbdgyy\x8c\xc9\xf5\xf1\xc7\x17~B\xa1\xff\xe1\xcf\xff^\xaf?\xe6\xeb\xd1\xa3\x8f\xce}G\'\x01e\x9a\xb2\xa8\xa51\x88x\x11\x9f\xe7\x91$\xa85:\x9a@\xe5\xdbr\xb9\xce\\\x7f?|\x1c\x99Y\xdc\xbe;\x0e\x1cP\x8d\x8f/\x03\x0b\xf9B\xb9R\xba~\xf4\xbd\xcf\xe2\x18`uZ\x9f}^\xb1\xbf\xcb\x8f\\\x9f\xd5M\xd3\x14E]\xd6t\xe2\xd2\xd3z\xef?\x06;\x86;\x12\xb5\xa8\xbd0\x88\xb9\xc9\\\x0e\xd1bj\xad\x14\x80\xd55V(p\xacu\n&gt;R\xff\xfd\xd7\x7f\x1fW\x1aq=\x8e\x1b\x8dF\xfd\xf3G\x8f\xe3\xea\xa5o+\x18\x060KT\xb2\x9e6\t\x8b\xc8\xcc\xe7\xf3C9\x98H-\x0f2\xec\xd9\xc3\x1d\x1d\x03\xb9\xf9\x01p\xed\x00\x0b\x9b\xe2\x18\xb4ZX(,\x7f\xd8\x85\xdc\xf7\xf4t\x81\xeb\xcd\x1f\xbc\xfe\xd7\xb0V\x01R\xa5\x827\xa0\xaa7j\xc1\xb7*1j\x05\xa6\x95\x08\x95\x08\x8d\xdb\xd8\xfbo\xa4\x1d\x89\xc7\x15[c\xdb$\xa8\xa6\xbbQ\x10\x845CX\x85\xe5\xe5\x02\xa8\xc6\x11\xf9.Dly\xac\xeb\xed\x0b\xbf~\xf3g\xf52\xb8*\xb5b\x18\x16+\x8f\xea\xb5J\\)\x86\x1f]\xfa\xa6V\x9eM\x89YB\x12EI\x02\x96l\xa6\x13\xb9\xa4\xe3\xf7F\tkh\x08\x9a\rM\xe6\x86;\xa6\xa7\xe70\x86h\xd3\x9d\xfbW\xb7\'\xee\x16\n\x0bwWV\n\xcb\x845V\x00\xdf\xbb\xeb\xef\\\xf8\xf1_\xcaQ9\x04S\xb9T\nk\x8f\xe3"\xe0*aX\xfb\xf37\xfa\x16\xf4\xd9\x94\x04\xffDpI"Q\xa5\xd2Z\xe2bJ\xd7\x9e\xe7)T@\x9a\x9c\x1c&amp;\xad:\xe6\xe6\xba\xfb\xfb/\x8e\xa0\xe4\x177&amp;V\xee\xaeLLL,\xfcv\x0c\xf6\xf5\x8c\xafln\xe2\xc8\xba\xfe\xce\xafb\'(\x95\xcb\xa5(\x08\xfcr\xf1q%,W\xcb\xc5ZX\r+\xcfz\xbf\xb6\x95H\xba\xc6\xec3\x13\xb9RiSn\xca%\xf7\x1en\xe5\xa9\xb6\xda\x86&amp;;\xc0577\x87)\xbc825\x85-\x11rMloo\x03\xab\xe7CX\xb8\xb0\xb9\xf1\xfe\xe6\x07\xef\xfeb\xfd_\x8e\xebGQ\x14\xf8\x8e\xe3D\xe1\xe3\xb0\n\xc0\xa8\x1a\x86QT\xfc\xdd\xb3\xaf\x17~\x82JReJ\xc4\x85vO\xe9&amp;.\x9cK\\=\\\xda\x1a\x1c\x1d\x85\x8b\xc3\xc0\x9a\x86X\xed\x80\x9a\xb9\x7f\x7f\xed\xea\xe5m\xfa}\x91\xed\x89\x02\xfd\xfa\xd8\xd8\xc2\xe6\r:\xb3~\xf2\xe9\xa7\xcf\x0c\xcf\x81P\xae\xeb\xd9\xae_\xab\x13a\xe0\xfbA\xb5\x1c\xf9Q\xa5\xb1\xf7\xd5\xbd\x8fPA*B\xe2R\xd1\x85\x0c4E\xe6!b\xaf\x8bO\x0fg\x01\xd669\xd9\x819\x9c\xee&gt;\xdf&gt;5\xd5\xd7\xd7\xb7\xbfx\x15X\x97\x17\x17\x17/OPM\xf4\x14V6n&gt;\xbcyc\xf3\x83O\xfe\xa6\t\xb6\xe3;\x9eeY\x82\xe74\x1a \xf2\xb1\x1c?(E\xbe_&amp;\'\xbfZ\xaa\xac\xc8\x97$6\x17\xa5\xab\xd9\x11\xa4\xd7\xd3+\xe0\xcas\xc1: \xd6\xf5}@-\x92V\x97\x17\xd7\xf6\xf7\xaf\x12\x16Yx\xe3\xe1\x0en!W\xfe\xb9\xaa\x1a6\x94\xb2\x04APl\'.\xc2J\xe6\'\xbd\xc5;A\xb1\xb6\xf7\xff~B\xe2lZ4\xb3\xa7pZX@\x12e\x12+)\xfb\xd5\x03\xd2kppt\x12&amp;\xb6\xff\xb4o\x7f\x7f\x7fm\x1f\x1e^]\xeb\xbb&gt;\xb3FXcc\xe3\x9b\x1b\x0fw\xee\xe0\x88\xff\xfe\xb1\xa6X\xb6m[\x82\xaa\xe0\xbdR=r\\\xd7\xf1a)-\x06\x18\xd5\x9e\xd9\xff+\xfal\xfe\xd8\xf0\x892%\xfd\x14\x17\x8d \xb8R\xa9\x14\xe7\x92{\xc1EF\xb6\r\x13\xd6\xf5\xbe}\x98\x08\xc9\xaeO\xb5\x9f\x9fZ\x83\x89\xcb\xa8\xd4\xed\x9b;wp\xc6\x7f\xf8\xca\xd4\x0c@\x19\x82\xa2j\xa6\xe25j\x0e\x85\xccu\x1c\xd7\xf3\xe8\x85D\xf3\xab\xc5\xe8\xcbw\xf0d\xa7a\xe6I\xa7$3\x93t\xc9\xe4e\x8a+\xa6K\xea\xab+\xb3\xb3H\xfe\xe4\xf0\xf4\xf9\xf6\xbe\xbe\xebS#HX{7\xf6\xa0\x19dka|y\x01\xc1\xda\xb9\x86[\xb5\xe7Y`!T\x80\xd2LM\x89b@ \xfa6x\xe8\xea\xd1;\xa4^\xb9\xba\x9a\xf9\xf2=\x99p\xd8\x92\xa5\xa6X\x12\x85\xdf\x14\x99uI\xea\xb9`\xe6\xf1\xc1\x83\xd9\xa5\xc1\xd1\xa1\xdc\x1ce~\x84*\x15k\xfa\x8d\xa9&gt;\xda\x1a)\xee7\xee\xdc\xb9\xf6\xde\xb1\xaa(\x8a\xc0\xa4\xd24\xc5v+%\x8f\xb0&lt;\xdb\x02\x12]mb#\xf5\x82j$\xa4\xfe\xcb?VQ\x84\x11\\\x0bk\x00\x00\x05\x0cIDAT\xc3\xc9$\xe6#J\x8b\x811.\xb9\x15{F\xd9\xfb\x8a\x9c\xc4\x11\x02\xad5BP\xfd\x03\x03\xb9\xa1\x81\x8b3k\x1b\x13\x13\xa4\x15\xa0n\x1dC \x8eE\xad\xa3\x06\xc5\xd0\xa2X\x11\x90AD\x96\x85\x17\x8b\xa39A\xb4\xa7\x9dr\xf2,\x87\x82F"\xe9\xa4s\xb9\xd0\xef$\x1cq\xc1\xc9\xcc\tW\x8a\xce\x128\x14\xaa\\\xb0\xdct7\xa0\xfa\x07\xfa\x07:q\xba\xcf]\x9cBU,\xde\x9f\x01\xd5\xed[OEM\xc1\xf8\xd1\xd24\x0c\xa2_r\\\x1a&gt;\x97\xc2\x06k\xb1\x0c\xf6\xcaD#0/\xd3\xbaYn\nE(\xb2\xccpd\x02b\xcf\xaes0\t\xc1\xd2MU\xd5\x9b\x87\t=-\x99\xab\x7f&lt;\x98\xdd\xea\xec\xe8\xe6Ju\xe6w\xb7\xf2\xb9~\x9cpn\x82j\xe4Z\xff\xbd\x17&amp;\xa7"\x03M\xc5B\x82 U\xb9\x148\xa7\xb8\x0c\xb68\x1a\x81\x05\xbd\x1cK\x17[{2\x84\x02\x04\xc8dZ\x12A\xa5[\x97\x8c.e5Ek\xf5\x17\x1e\x94\x85WW\x96\xb6\xe8\x14\x08\xa8\xce\xdd\xdd\xa5\xadN\x9c\t\xe9WZF\xde\xe8\x9f?\xe8eT\xe4\x1f\xa8P\xd3\x8a\xed\x97J~T\xa2]\xc8\x83{\x0c\x86\xa0\x04#Y\xd8\x04\xa2\x90\xef\xdf,&gt;\xa4\x8f\xce\\c\xdaP\xce\xf9\\\x9e,I\xa6\xab\n#\xf5\x84\x8a\x94\xdc;\xbcG\x87\xe6\xf9|~w\x89\xd6\xe0|?\x92\x06\xaa[O\x00\xa2*\t\x95F\x9b\x87\xa9\nv)\x0c"\xec\xd9\xbe\x8br5,/\x11K\xe0\x0b\x0f`\xcf\xac1.\x82\x11I\x9b$U\tS6\xdb$c8\x84K\xc9G\x8d0\xf52,\xf7\xba\x8c\xe4\xdf\x1e\xc0\xc19\xdf\xb6\xb44\x8b\xb5\xb4K?E\x92\x1b\xb8\xf2\x82Qa\xa9\xaa\xa6\x12\x92\x82~\xd0\x147\xac\x96q\x9a\x08\\\x03\x93`\xbb\xc4%\xd0\x1f\xbe\x08\xab\\\xab\xd1\xf7w\xe8\xabf~\xe9\xcd\xb0\xb3\xa4\xc9\xc9m\x85\xccjBbU&amp;\xb1j0\x93\xbf\xe1\x82\x89\xe6\xde\xcb\xdb\x9dy\x0e\xf5\x80\x93\xed\xfe\xf2\xe8\x12\xa8\x18\x16\xe5J\xd5\x10}\x9aEp!\xd6a\xa9\\r\x0c\x15\x95\xef\xfb\xf6\x89V\xe0\xb4&lt;?\xaa\x16\x1b\x7fB\xee\xf9go\xad\x0c\xbbd2\xa8\xf4\x14\xdd\x1dB#Ib\xc25\xd5c\\\'\xffI\x14\x8d\xe7\xb7\xef-\x11\xd3\x03\xbef\x0f\x9eR\rj\x0c\x88.&amp;=%\xdc\x84\x01\x9a\xe0\x96\xe2jT\xf2=ES\x8d\xa0\xe4\xd8M*\xfc\x03R+\xc0A1~\x969\xc398\x0e\xae\xc9y\xef\xb5T*CON\x12\xe9\xdc\xd6\xe6\xa2\x9b\xa1\xd3_\x08n\xd8\xf6^\xdeJ\x98\x8e\x8e\x8e\x1e&lt;\xb9D\xf0\xda\xc92\x05*\x00\x83u\x97bW\xeb\xa1\xed[\x8e\x8d\xca\xf0\xab\x81w\x1a\x8be\xbe\\\xac\xd4\xf7\xce$&lt;\xb4\xa8\xc3I%V\xe5l\x14M\x93M\x02H\xb2\'3\x80;4\xf1\x0b\n\x8bf\xef\xab?\xcc6\xb1^\xbc\xc5\xe2I\x96i\xf4\x862fx\xaek\x0b*\xc9eDq\x05s\xa8z\xb6\xa6`\xcbq,\xab\xc5\x85\xcc\xbb\x08WXk\xc4g\x12\xaaT\x86\xedx\x0c\n\x81b\x9f\xd7\x145\xea\r\xbd\x198z=\x87\x0b\x0e\xf7d\xa4\xccEK39W\x0f\x0f\x13*\xbd5\xca\xf4IH \xd2\x01\\\x96B\x8c\x82\x1f\xc7UK0\xe0\xac\xe0\x97\xc3\x08G\x0b\xa5\xc5eyn\x80S\x7f-NLLq(\x1649\xd9\xa2\xf1tl\x16\x92\xd6\xa0\xe1\xa4\xb0d%\x16|\xdc?\xca-3e\x12\xec\xe5\x95\xa3\xa3\'\x97\xf0\xe8\t\x17Y\xc8\xf6\x1e\xe2\xf2\x0c\x05\x9fAq+q\xcd\xc1#\x9a\x86\x1e+\x96}\x0f\'\x9e\xe6,\x1a\xb6G.\x16k\\\xad4W*\xcd\x1d\xc53\x92\x08\xaf\xe92\xa7\x92\xf8T\tl\xb0\xc0C\xf5\x00#[X\xe9$a\x87\x07O\xdf\xd29\x15\xf7\x91\xca\x1d=\x80X\x91\x8f\x1el\xd4\xb2\xaa\x15\xc6\x8d\xc0\x00\x89f\x04NT,\xb9J\x96\xd0i*Xs\x05e\xdc\x19%&amp;6\xedK\xeb)\x961\xfaX\x972:\xf5\x19j\xb0\xb9\x87\x98L?\x89\\\x87\x9e_H&gt;pz\x8f\xcf\xc9z\xa2\x16\x8d"U\x95\x82g\xc2\xc1\x14\xe5\x05&lt;\xd8\x98\xd5\x84(\x8e\xcb68-\xcd\x17\xac0tU\x94\x9abY*a!\xf4A\t\xb7nT\xa74\x80P\x00\\\xac\x17X\xcc\xe8\x89\xd2D%\xaa\x1c)KMA\xdfQb\xddF\x93\xcbn\xb9u~g{j\x97\xe2\\\xac@\xc1\x02\xf7 \x13M\xa1F{\x0cR\xaf\xc2\xc5J`\x80\x8b`\xcbEGE\xfc\x0c:\'\xa2Wq\xde\xa1\xa2\x87Z\x92\xc8we~\xcaKe\xb8\x9d"9D\xe5@B\x91uR\xb2k6\xf7u\x80\x89\xbc)\x92\xb3N\xbaYf2\x9b\x18U\xd0\xd8\x96(`\x07v\xd9\xc9\x86}\x08\xc9\xad"B\xef M\x8a\x99Q\x83\x9a\x0f,\xd5\xb2Y\xb4(\\p\x91\xb0t\xbeO\'\xc5M\xcf\x91\xc1\x9d\x06\xc5\x0c\xa9\'}\xd5\xa6w\xac\xebi/\x80\x1a\xe7\xe8\xfeQl6Xk\xf7f\xd1\xa2XQ\xab\xa3\x1fm\xf8\x0f,\x8fa%\x9b\x91Pj\xc4e\x1c",U1E#\x8cp5\x05\xd7\xa6\xdc\xe3\xec\xe5\xb9\x18\x84\xda\x7f\x00\xabJ\x84\xb5\x98\xa09O\x00\x00\x00\x00IEND\xaeB`\x82'</t>
        </is>
      </c>
      <c r="M395" s="3" t="n">
        <v>45492.67784722222</v>
      </c>
    </row>
    <row r="396">
      <c r="A396" t="n">
        <v>1009787</v>
      </c>
      <c r="B396" t="n">
        <v>1958</v>
      </c>
      <c r="C396" t="inlineStr">
        <is>
          <t>Jacob Montes</t>
        </is>
      </c>
      <c r="D396" t="inlineStr">
        <is>
          <t>J. Montes</t>
        </is>
      </c>
      <c r="E396" t="inlineStr">
        <is>
          <t>UNK</t>
        </is>
      </c>
      <c r="F396" t="inlineStr">
        <is>
          <t>UNK</t>
        </is>
      </c>
      <c r="G396" t="inlineStr">
        <is>
          <t>UNK</t>
        </is>
      </c>
      <c r="H396" t="n">
        <v>178</v>
      </c>
      <c r="I396" t="n">
        <v>32</v>
      </c>
      <c r="J396" s="2" t="n">
        <v>36087</v>
      </c>
      <c r="K396" t="inlineStr">
        <is>
          <t>Right</t>
        </is>
      </c>
      <c r="L3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56626e69-ed37-41e3-9dc3-d36c5bf08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4\xd3\xa6o\x00\x00\x00\tpHYs\x00\x00\x0e\xc4\x00\x00\x0e\xc4\x01\x95+\x0e\x1b\x00\x00\x03\x00PLTE\xff\xff\xff\xfc\xf5\xf0\xfe\xfd\xf8\xfd\xf5\xee\xfe\xf7\xf0\xfd\xf7\xf0\xfe\xfa\xf5\xfc\xf8\xf2\xff\xfe\xfe\xfb\xf4\xed\xf9\xf2\xec\xff\xf8\xf3\xfe\xf8\xf1\xfe\xfe\xfd1.,\xfe\xfc\xf5)(%;63\xff\xff\xfe\xfe\xf7\xf20,)\xfd\xfb\xf7\xf3\xed\xe7\xfb\xf4\xef&gt;97\xf5\xef\xe9\xfd\xfb\xf2\xfb\xfa\xf5-+)843\xfb\xf7\xf2;75?;9\xf8\xf1\xea&amp;$"\xfd\xc3\xab\xf1\xeb\xe5\xfd\xfd\xfc#" \xfe\xfd\xf6\xfc\xc1\xa8\xf8\xf3\xee\xfa\xc9\xac820\xee\xe8\xe2\xfb\xcb\xae4/.\xf5\xf4\xf1\xeb\xe6\xdf\xfd\xf5\xf1\xf9\xf8\xf6\xc9\x92s\xa6{_\xfd\xd2\xbb\x1a\x13\x10\xf3\xc2\xa8B&gt;&lt;\xfd\xf8\xf4\xf6\xc6\xab\xce\x96x\xfd\xc5\xaf!\x18\x145\'\x1f\xfc\xce\xb6\xfe\xc9\xb3\x1e\x16\x12T&gt;1N8+\xad~b\xfc\xcd\xb2\xfb\xfa\xfaF3(\xf7\xb9\x9e$\x1a\x15\xa4rV\xe7\xa8\x8a+\x1e\x17\xfb\xbe\xa5\xf5\xb7\x9b0 \x18\xe6\xe1\xdb\xa7wZ\xf6\xf1\xec510\xe3\xae\x93\xea\xac\x8e;)\x1eA-#\xed\xb2\x96&amp;\x1d\x19\xfd\xc7\xaf0#\x1d\xd2\x9a}G7-\xe2\xaa\x8d\xe3\xa5\x86\xdc\xda\xd6\xf2\xbe\xa5;+"\xee\xb6\x9b\xbb\x85g\xee\xaf\x91@0(\xea\xb8\x9fM&lt;2\x9cnT\xe0\xa1\x82\xd4\x9e\x81aI;\xdb\x9c}\xab{]\xf2\xb5\x99\xe9\xaf\x92\xdc\xa4\x87\xaetW\xd7\xd5\xd1\xb7\x7fb\xbf\x89j\xfa\xbb\xa2\xe7\xb2\x96\x80_L\xf1\xb9\x9f\xc4\x89k\xe1\xdd\xd7\xef\xbd\xa3\xc5\x8eo\xdf\x9e~*!\x1c\xd7\xa2\x86\x9fv^\xf1\xf0\xee\xf9\xc1\xaa\xf6\xbb\xa2YA4\xb2\x80b{WD8#\x18\xb1z]^D6\xf2\xb1\x94\xdb\xa7\x8blSD\xf6\xb1\x96WTS\xbf\x80c\xde\xac\x92\xd6\x97y\x14\x0f\r\xa4~h\xe9\xb5\x99\xcc\x8al\xd9\x9f\x82gN?\x8djV\x1e\x1d\x1a\x84\x81\x7f\x94mXVD:\x97hO\xf3\xa1\x8b\xf8\xb3\x9cqXI\x9cye\xee\xec\xe9\x8caL\xa8\xa3\xa0\xcd\xcb\xc9\xc8\x95|\xea\xe8\xe6\xbax[\xc2\x91x\x81N7\xae\x84k\xe6\xe4\xe1\xc9\xc5\xc1tO=\xb3\x8as\xd4\xd0\xccA&amp;\x1bM2%\xb9\x8fy\xf2\xa9\x8d\xc7\x82gTOK\xf8\xbf\xa46-&amp;\x97t_Y2!\xbe\x8bpyus\xb6\x84g\x85gV^9*\xeb\xa4\x87\xf5\xab\x95\xc9\x99\x83tE/\x8aX@kH6\xee\x9c\x84\xafdI\xb6\xb1\xaeoie\x8f\x8a\x88\xba\xb7\xb5GCA0($\xb9\x87l\xfb\xda\xc1\x96^D\x9f\x9c\x9aw`TJ+\x1d\xd4\x8fq\xb9oRi=)\xe5\x96\x7f\xcf\xa0\x89\xdc\x96v\xa6jN\xc2\xbf\xbc\xad\xa9\xa7ea^\x98\x95\x93`YV\x8atg\xe0\xb1\x9b\xc4z_\xa0cGMIG\xb9\x98\x84\xd2\xa9\x96\x96\x80s\xa9\x94\x86\xf1\xc9\xb4\xda\xb9\xab\x9c\x8e\x85\xe9\xd1\xbe\xa5\x88u\xa0N2\xdb\xc7\xb8\xc2\xa1\x8e\xe2\x9b\x89\xe9\xdb\xd4\xcb\xbb\xb0\xea\x8at\xba\xa7\x9b\xe8{f\xda\x87r\xf5\xe3\xdc\xaaD0\xf2\xd5\xc9\xf7\xd0\xba\xb0V&gt;\xd0\xb3\xa1\xd3m\\\xb0\xef\xd0\xba\x00\x00 \x00IDATx\xda\xc4\x97\xefO\xdb\xf8\x1d\xc7y\xd8\'y\xb0&gt;\xda\xe3E\x91\x90\xba\xc9U`yBl\xb0M\xe3\x988\xb89)6\xc6sSy`\x994\x94\x1d?\xb2@\x05\xbe\x06B\xd2\xa0 \x04\'\x1a\x0e\x82J!\x94\x8e#9\x92\x13-\xe5*\xb2\t\xa2\xa3HL4\xe1\x90\xaet=\xd4j*\x12B\x9bV\xf5\xe1i\x1fs\xfb\x13f\xfaI\x14;R\xa4\xbc\xf4\xfe\xbc\xbf\xef\xcf\xc7\x15\x15\xff\x8f2A]6\x9d\x17\xdc[\xf4K\x85\xa9\xe2\x13\x17PX\xacV\x8b\xc9a\xb18,\xd6\xb05\xbc\x82\x84\xad\x9f\x16\x0b\x88,\x0e\x87\xd5r\xe7&amp;\x12v \xd6\xf0\xd2\xeaN\xd7\xcd\x9d\x95\xc5\xeb\x15&amp;\xd3\xa7\xa4rX\xe1\x85 ]\xaf\x8fv\x8eN_\x1f\x9d\x1e\x1f\xef\xa4wW\x8f\x16\x1d\x9f\n\xeb\x124\xcf\xe1@n\xce[?\xbb\xba\x9a9.\x95\x92d\xaaD\xf2\xa9\xf7\xa5\x17\xaf_\xa6\x97\x1c\x0e\xd3\xe5\xcb\x9f\x82\n\xdag\xb5\xae\x9c\x9e\xae~&lt;\xdb\xdcL\x96I\x8abY\x8c\x15\x89T\xa04\xf7\xd3\xce\x12\x02N\xbbh\xc5\xa0y\xc8\xd5\xab\xf3\xab\x1fN\xe66B\xa1b!\x1e\xcfq\xbc\xc2\xa0(N\xb3\n\x11!\x89\x17\xaf\xbb\xc2\x88\xe5\xc2-5\xff\xaf\x7f~\xf9\xfe\xec\xeb\xd9P\x82\xd8 H\x9e\xa7XF\x14E|b\xc2F\xcbD\x8a\xa0"\xa5tf\tA,\x96\x0b\xd5\xca\x82|\x08E7C\xdb\xd1"AD\xf2\xe5\x1c+\n\xb8 h\xa8m\x02g)IUd2Rz\xbf\x93\xceXM\x17f}S\x85\xc5\x8a\\?\tEC\xa1h6@p\nOI\x8c\r\xb7\xd9P\x1a\x9f\xc0)\x95\xe2\x15Q\x96\xe2\xc5b)q\xbab\xbd(\x83\x99,\x8e\xdff&gt;\x9el&amp;\x89|&lt;N\x92\xa4\x08}\xd34\x14\x07.\xdb\xc4\x84\x98\x92dj]\xc4\xc8@&lt;B\x92\xc9\xd3\xd5y\x8b\xc5t\x01\'\xf2\x92\x03Y=\x99\t\xcd%#\x11\x95\xe38\x96\x15p\xa0\xa1qZ\xf7\xd5\x84m]f\x14\t\xc3\xf8&lt;/I\x14\x19O\x1e\x7f\\\x82\tp\xc9x\xae\xcf&gt;\xccd\x0b\x94$)*\xa1\xc4d\x11\x05\x91l\xa2\xcc\xe0:\x9d\r\xddcEI\x16\x15\x12\xc3\x14&gt;O\x04\x02\x91\xe4if\xc9j\xb4\xf1M\xc8\x7f~~\x98\x8d+\x18\xb6\'b\x94*\x8b\xa2\x06*\t\x98\xbc.\xe8]\xc4\xd1uq}\x9d\x15U\x19\xc5("\x10\xddL\x92d\xe2\xfdM\xc4j\xb4\xaf\xae\xff\xfbn\x88d\x18\x86\xa6i\x06\xe31\x86\x16\xe8\t(T@q\x14\xfd\nE5q]\xa3\x15\tg%\x92\x88\xc4\x03\x10\x1d\xc4ff)l\xbadh0\x84\x7f\xbe\x9b T\x8c\xd60Yde\x85\xe30\x0ecu[M\xa0\x18F\x0b\x90\x12\xa2\x86j\xeb\xb4M\xe6y\x05c0E\xe6\xa8D:\x1364\xbfL\xd6\x95\x93(\xc1\xcb\x18\x86A6)j*\x1e\x88\xc7!\xb8$\r\xb7\xa12\x84\xbc \x08`~Q\xb0\x89\x18\xab\xac\xd38\xc6\xc5x2u\xbc\x13\xb6:\x0c\x8c\t\x0brT\x8a\xab\x1cC3\xa0\x14&amp;\xf3d&lt;\x0e)\xc5\xe5xL\xa3Q\x06\x13\x05\x1a\x8e%\x8e\xc2\x05\x13e\x05\xb5\xa1\x1aP\xe5\x89Dze\x1e1\xce\xf6&amp;GW)\x12!9\xc1\x06I%\xd0"\xa5\x92\x14/\xeb\x06\x83Q\x08\\\x1a\r\x0e\x03\xdf\xd3\x9a\xc8`W\xb4\t\x1c\x85^Szzu\xad\xac\xcc[\x8d\xd1\xcbd\xb2\xae\x9e%\x92EJ\xb4\xe1_\xd9l\x82B\x11\xa9x\x042\n\xd3g\x0eD\xbc @\xccCL\xe0\x82FC#u\xc0=\x11\xb2"\x92=\xc9\xdc\xe9Z1\x08\xab\xc2\xd2u\x1c\x88\xa4H\x19\xc5\x7f#L\xd0j\n\xa4\xe2(U\x851-\xd20y@1\x90\r\x85\xd6\xd14.0:\x95 \xd24L\xc7\xc4\xf1\xc7\x0f\x99\xeb\x881X\x97\xc2\xe9\xe9\x17)\x15Z\xb6\xa7\t\xe2\xbaDAha\xb2LA\x97(^\x84&gt;\xda\xc0T8\x0et\xc0&amp;\xa0\xba\xc74\xc0\xc5$\x92\n\x9d\x9d\x1c-\x19\xd5\xc4\xf9\xc5\xa3\xe7\xe0wFQ%E\x91e0\xfd\xba\x9a\xa20\x86a!\'D\xed\xdc\xed\xf8\xb9V\xc0\xa7\xcbG\xc3\xfc\x16\xf6d.&gt;u\x96\xce \x06MF\x93e\xfe\xcd\x13\x89\xe3(\xd8\xa6x\x0e\xce!\xe4\x04GQ\x18\x04=\x90\xb1\xfaj\xa3k\xf5?\xf3\x03\x1f\xb4\x15\x87m\x87%\x8b\xa5\xd3\x9dE\xa3\xb0*\x1cK\x99\x7f\xc8&lt;E\x901\x96aDN!\t\x92\x02\xd90\x9d\x87\x15u4\xc8~\xd0\x88f\xb9XL\xb7\x1b\x8e\xd2\x8c&amp;b&lt;\x1f?N/Z\rS\x0b\xd9y"+\x92\xca\xc5r\xa2&gt;\x10\x03I\x82\x8f\x01"j\xa3\x81I\x14c\x1c|a\xd9X,W\xce\xe7I\x9e\xd1\x01\xa1\xb9\x8c\x88\x11s\xa7w\x8c:\x88\x15\xa6\xa5\x97)\x88)\x85\xcbo@\x96B&lt;\xc0\xb2|\xae\x10\x8cH&amp;\xc6\xcb\\\xb9\x9c\xcb\x957\xf4:\xdc*\x16\xf39\xd0L\x84\xc3\xc9R\xa9\xc8\xe6\xaaaX\x16\xc7Q\x80\x92\xb9X\xb9P\xa0\xb0\x18%Q|9\xa6W\x0e\xfe\xbf\xbcQ(\x97\x0b[P\xd1\xe5\xe5mxooo\x15\xca9\x19\xf61V\x86_R\xbb\xf3FMk\x93c\x87\xa0\x14\x8e\'\nyN\x94\xe5\x18\x07\xda\x94\x7f\x91\xe7pk+\x9b]\xde\x7f\xd7\xf9\xaaS/O\xdb\xec\xbb\xfd\xed\xe5\xc3\x8d|\x1e6E\x99\x93e\xfe\xf9\x92Q\xcb\xb3\xc5\xb1\xa3\x82Ld2\x1fca\x14\xf3\xf9&lt;Q\xd8\xd8\xd8Z\xdeZ\xde\x9e}\xd59\xfc\xf7\xbe\xc9\xc9\xaa&gt;\xf8\x98\\k\xb9\xd7\xd9\xd90\xbb\xbf\xbcU&lt;\x84\xcdF\x04w\xa9o\xc2\xc6a\xa5%\x9e\x89\xc5\x031\xe8\x0c\x13\x8b\x14\x0e\x8b\xc5\xc3\xe5}\xd0\xa8\xaf\xe6`\xe0\xc6\x8d?y\xbd\xae\xfb\xed\x03\xed\x03\xe3}kc\x9d\r\rm\xfb\x0b\x0b\xdbYRfa\xad\x90w\x11\x03\xb1TE\x94\xa2E\x92\xcc\xb1L\x0e\xa8\xb2\xd9\xedW\x8f\x7fXkwy[G\x9c\xbd\xbd\x8d#M.\x9f\xcb\xe7\x1b8\x98\x1c{|\xdb\xd3\x00d\xb3\x0b\x04\x871\x9a&amp;N\x1b\xa9\x164\x91,f\xa3E\x8e\xcd\xe9\x86\xca.\xbfz&lt;69\xd0\xda\xd88\xe4v\x07\x9d\x0f\x1e\x8c\xba|^\x97o`\xfc\xa0\xaf\xfb\xde\xb0\xa7\x01$\x9b\xcd\xf2\xf0X\xbbw\xe5\x8d\x81\'\xf1%&lt;X\xf0\xf1\x85"\x15\x8b\x9d\xfb|\xf9\xd5\xd8\xd8\x9a\xbf#\xe8vW\x9a+\xdd\xc1`\xd0\xe9u\xb5z}\xfe\x81\xf6\xf1\x9e\xe1a0XgC[4\x8f\xc9\x98v%\xed\xa80\x0e\x8b"%2\x1a\xe5b\x05\xfd\xec\x15\xb6\xbe\x7f\xbb6\xe9\x1b2WV\x0e\x9a\xcdf`\xab|\xda1\xd2\xd1\nz\xf9\xc7\xab@/\xa8\xdbmQ\x92\xa7\x14v/m1N\xad7TD\xe5\xa5\xf2\xc6~\xc3\xf6\xfe\xf6\xc6\xe1\xbb\xc7k\x07\xae\xc1\xba\xda\xe6f\xbb\xdd\x0epf{e\x10,\xf6GpX{U\x7fKww\xf7p}\xf5\x02l\xd5\x04\xf6\xab#\x03\xb1v\xa5x\x84\xcb\x1dv\xb6\x8f\xdf\xea&lt;\xdc\xfa\xfe\x87\xb5\xf1\xd6\xc1k\xb5\xb5\xd7\xae\xd5\xd5\x01\x97Y\x87\x1b\xea\x1d\xeam\xf2\xfa\xdbk\xaaz\xba[Z\xea\xeb\xebg\x92\x81@J\xf9\xf5\xa2qX\xd6]59\x97\xcc\xb6U\xf9\x07:\xf7\xdf\xbd};\xe9\xef\xa8\xac\xab\xd5\xab\x0e\xb8\xcc:\xd8\xe0\xd3\xa7\xbd\xbd\x1d\x805^\xd3\xd3\xd2\x02j\xdd\x9eI\x04\x02q\xc98\xb5`i\x9eN\x85\xa6f\xa6f\xfb\xfd}\xdd\x07?\x1e\xfc\xe8r\x9a\xed\xb5\xbf\xff\xa5\x9a\xed`-\xb39h\x1e\x1c\x1a\xea\xfd\xb3\xeb\xfe\x1fj\xfa{z\x00\xcb\xb3\x90\x08$\x13\x11\xd5@,d:0\xf5\xf0\xeel[\x95\xcb\xd7\xe1\x1d\xf8\xeb\x88\xd3m\xb6\x83Z\xe7X\xb5u\x8d\xa3\xcd:\x9b\x8e\xd5\xe4;\xc7\xea\x83&amp;z\x16\xb2\x89\xb9\xb9\xe4\x93E\xe3\xb0\xc2\xcf\x13S\xcf\xaa\xab\xebk|.\x97wd\xe4\xc1\x83\xc6`\xa5\xbd\xae\xd9\xde|\xde\xc9\xc6\x91\xe6:{e\xa5{\xa8\xb1\xc9\xabcU\x01\xd6\xb0\xc73\x1b\x8a\x1a\x8c5?=7\xf3\xb0\xfe\xbbG\xed\x90\x99\xad#\xa3\x7f\x1b\x1dm\x0c\x82\xa3\xe0\x04\xd65\xd7\xd5\r&gt;\xfd]\xf3`\xd09\x04\xd6\xf2\x81\xb5j\xaa\xfa\xfbZ\xee54T\xdf\x9d\n\xcd\xcd\x19\xaa\xd6t\xe8\xcb\xaf\xffr\xeb\x8b\xfb\xa0V\xabwd\xd4\x19t\x06\xed\xe0u\x003\x03\x97\xbdy\xd0\xedt:!\x1f\xfc\xed\x07U\xfd\xfd\xfd=:\x96\xa7\xfa\x19p=\xc9\x18\x88\xb5;\xf5\xcd7\x8f\xbe\xf8\xdc?\xe0\xd7\xc1:\x9c\xee\xa7\xe6f=\x19\xdcn\xdde\xe7-t\x07{\x9b\xf48\x9d\xec;\xc7\xf2x\x1a&lt;w\x9fm\x96~2\xd2\xf2\'\xcf\xce\xbe\xab\xf9\xdc\xa7c\xf9|\xae\xa6F\xf0&lt;\xe0\xd8+\xcf\xb1\xe0F\x0f.7X\xeb\x86\x9e\xf2cc-\xdd\xf7&lt;\xb7\xab=\xd5\x0f\xa76\x8d\xc4r||\xf8\xed\xa3[&gt;\xbf\x7f\xe0\xbf\xbc\x9a\xdbo\x1a\xf9\x15\xc7\xdb7\xb4\x92\x1fS\xb5/U[\xd7\x12\x8dv\x9bn\xc0\x8db\xac\xdar\x89;b\x96\x91\x88fZ\x8a(\xac\x05\xb3\x08\xd8\xe1\xb6\\bj#X\x90\xbd,\x14\r\x88\xcbZr\x81\xa5\xac\xe8\x80w\xc3&amp;\x86e\x1d\xea\x18\x88\x03\xbd\xa8\x8e\xd5\x18s\x91\xda\x06[q\x1ao\xea\xd8\x8e\xe3\xdc\xdc\xf47\xe9\xbf\x00\x1d\x844\xf3\xf6\xd19\xe7w\xce\xf7\xfc\xce\xb1\x01\xf9"\x91\x81\x92\xe3&lt;\r\x82\xfd\xc2\xb0\x93N\xf1"\x11\x88\xf9\xfe\xc2\xa4\xcc"\xd1\x13\x1c\x13(&gt;\x06`+6\x1b`]\xfag\xef\x9c80\xfe(\xb8X\xb1GT*\x82\x00Q/\x9b\xa0\xb3\x03\x9d\x1e@:\xa5])\x1a\x19\xa4_\x9c\x132\x9d\xc4kO\xc9i*\x10\xf2\x1anb\xe9\xfa\xdf?\xef\xd1\x8d3=\xb5xoq1%\xb6\x81\xc8!\xa4Z\x97\xf3\xdc\xd0\xc8\x8b\xc1[\x00etdT\x04\x80.\xdc\xba\x05\xde\xfb\'\xa6B\x16\xd4\xefM\xa5\x97\xdd@\xd8\xf04lv0\xb8\xf4\xe7\xdf\xf7\x06\x8b\xf1\xed\xa7\xaf\x9dz\xfdn\x11`\xd9\x08\x02\x16\x86,\x9df6\x98\xdd\xdf\xbd\x7f\xdf\xe9\x041\x05\x02~hp\x10\x18\xab05\xa5\xe8\xec\xec\xec4+E#8\x88\x0e\xe0DGb\xe9\x93\x1e\x8d\xa6\xce?\xb7u\x9e?HOW8\x04a\x83\xb1Hz\x997\xbb\x02\xda\xc1\x8f\xaeg\x9b\xe8\x14 \x1b\xe5k\x01\x9es\n\xad,\x06\xe7.\xcde+\xcd\xb4\xdc\xa8\x11\x80\x87\x9dH\xdc\xf9K__/:\x1f\xc67\x1aG\xd5F+\x9cN\x07l68B\xb6\r\xca\x0c\xd0\xcc+t\xe7\x93\xc9z\x15\x93\xcea\x17\x86\xb8\x14\xcd\x85K\x1f\xde\xfe\xe0\xad\x1f\xbfu\xf5\xe6\xf5%\x81\x86\xab\xd1\xbc2\xd6\x9dG\x17\x0f\x0f\xcf2\xban\xb0S\xcf_\xbe\xf4\xe5rD:-\xb6\x11\xfai9+\xc0\x8ax\xed^\xf1\xb4\xc6\xd0^7LG0\x88)\x0c\xe8\x84b\xe5\xe6\xed_\\\xb9:F\x8f\nVV6/;\xb8\xf4A\\Z\x9a\x0f\xdeu\xbb\x1f\x9e\xed\xb6\xc1\x18\xe7\x15/\x1b\xa0\xac\xc0,\x96\x9aPI\xbc^?\xaaf;\x94\xf3s\xc9(\xd0\x82\xa45\x00#.\xbc%\rP\xab\x99\xd5\xf5\xb61\xe5m\xa6\xd7\xdc\xd1\xd9\xcb\xc9 \xc0b/9\x94\xeb\xed\xda\xde\xf2\x8f\x18\xdd\xf6\xe3\x9b\xa5c\xadk\x04\xc28i;!\xd5\x85\xd0\xf4\xea\xd5\xb1\xdf\xbc\xf3\xdb\x1f~\xf9\xeel\xa6\x1e\x0e\xa8\xb4\xfc\xe1\ti\x8bZ_m\xb73\x99\xd9K\x7fK\xce\x0bf\x96\xb9l\x87\xe0\x15\xd6&lt;\xcfM\xd5\x9e\xed\xedv\x9b\x8a\xf1\xf5\xc6Q!&gt;\x02\xc1b:A`B\xbd;s\xc3\xbd\xff\xeeO\xbe\xf7\xab\x7f\xedl\xd7Z0\x06\xf4\xe0\x90$\xdc^]_\xbf\x91\xf8\xc3\x17\xdf\xf9\xe6\x97?\xfb\xf9\xd5Y\x9eFC\xc7\x16\xb0\xd6\x8c\xc9Z?yV\xe9z\x9b\xf1f\xe3(\xee\x81\x10L\xccQ\x13R\xa1\x07\x06\xad \xab\x92\xf8\xf0\xea\xac7@\x02\x91\x8a\xe3\xe6a&amp;&amp;o\xb7\xd77\xa3\x0f?\xfb\xe2\x97\x7f}g\xee\xf2\x95\xdb\x19%\x8fK\x07\x97\x83mdq\xea\xf5g\xe9\xb3]\xf6"\xe3\xbc\xf68\x16w\xc2\x1bv\xb5J\x05k\x11\xc4\x93Sy;\xfe\x9d\x94)\x9c\xdf T\x18\xe6\xe1\x8b\xf8\x98\x9c\x07\xe2\x7f\xda\xaf\x08\xde\\\xb9\xc4\xe5\xad\xde\xc8D\x054\x96\xc3\xc1\x95\x87\xc3\x14\x8d\xd5m\'\x9er\x1e\xc7\x86\xcdO\xf2z\xbbM\x85k\xc1\x03\n\xb2\xce\xa2Sm\xe4\xb7\xc2z\xb8T\xc2\xf9o@69\x8fg 7\x08)lO\xa5\xd7\xb8\xed\xf6\x8c\xc9\xb4\xcc\x15\x00,\xb6\xdbj\x05\xc1\xd5u\'2N\xdd?\xd6\x8ar\x8d\xaaTm\xb3a80\x17\x04\x94\x02\xd0UD \xd0\x92\x96b@{\x15\xca\r\x92\xbe\xad\x01MZ\xab\x15\xe0\x80w9P\x82\xa6e\x8d\x80\x1d\x8c\xae\x92\x9c\xad\x93g\xbb]\xcf[\xe3\xf7\x8f\'\xcb\xb12\xe4WG\x08\x18G\\\xaeB\x01)8]\xce\t!\x86\xe3x\x0e\xa4\xb4r\xacER\xd4\x16id\x05Z\xe1\xb05o\xe5\x88\xe9\xf6\xc7\xc8\x05%q{\xaf\x16\xb6\xee\xd5\x0e\xbb^\x80\x00\x96\'VE\x86:M\x80%t1\x99q\x9f/\x0e\xfe\x1e-\xe2\xf3x\xca\xb9X\x0c`Q\xc6|\x18tD\x84.\xd4\xd1\xe9$@\x0cF"\xd3\xcb\\n0H\x9d\x9c\x90\xd3{\xd4\xeb]\xcf[\xe3\xcf\x8fr\xd5#\xdf\xd0\x8e:b\x83\xb5. H\xe3\xbe\\\xac\x94\x8b3\xf9\x9e\x1c\x9e\xabVc\xb1\xea\x06e$\xc36\x15LWr\xad\x16\xc3`\x9b4\xc2\x02\xcd\x0f{\xa1X?\xa9O\xef\x91\xdf\xea:\x16\xe3i5V=\xae\x8e\xf8\xd5v\xa9N\xebb\x0e\x8b\nH&lt;\x1ew\xf1\xcd\x05\xc8\xe3\xa1\xb1r\xd50\xe56N\xab`\x0c\x072\xb1\xe4\xf1\xe00&amp;Q\xb3\x80\xb5\x12\x0b\xe9\xfa^\xcdZK\xff\xa0\xdbX\x0c\xc6w=1_\xe3\t\xe6W\xeb%:\x19\xc4\x04R\x86\xbe\xa2a\xf2\xfbO\xfb\xaa%\xda\x87\xe5\xd8\x13\xca`\xb4\xaat\xb8G\x8b\x97r\x98\xce\x87K\xf4\xe2\xe2\x8c\x86\x9d\xc8Z\x01\x16Y\xdb?\xfb\xb5\xae[\xeb\xfc\x8bj\xb9\xb0\x91o\xaa\xbd:\x8bl\xb2@K\xf8~\xfa\x07\xf9\xaa\r`\xaar\x1c\xca\x1dm\x19\xdcF\xabD\x8b\x98A\xdc\xe1:\xadPB\xb0\xe4\xaf\xb0\xf2\xcf\xf6\x0cTm\xb7\x073\xc5\x81\xa7\xb1\xf2($\xa9\x88\xbd\xa1PH\xe6b\x82\x06\xec\xc2\xa8\xa8\xbf\x0c\x90|q\x1f\xe2\x12\x8d\xc6\xaby\x8a\xccSF)\xc47#q\xadPh\x91\x04Lk \xb4\x82Yp\x12\xc9:u\xd8\x039\xcfxm\xd27T\x18jVPa\x08\xb5\xb8\xf8@\xc7\x0f\x8e2s6\xcc\xe7\x1c\x19\xe2\xf3\x87o\r\xf2\x11\x0e)\x86\x03\x86\xba\x94\xcfdB\x88Vf\xf1\x8a\xd3\xcb4\x16;\xb3M\xd5O*\x17{\xa1O\x07\x9e+ \xf3T\x8a\x83\n-\xa8\x0e2\xf3G\x07G\xfa}\r\xc9\x90\xcbe/\xea\x11\xe7\x0b\x11_g\x95\x8bQ\xd4\xb4M\xe1\xf4A\xd5\xcaP\xbd8\xbd\x00\xb0\x1cn\x83\xd5Z\xab=\xec\xcd\\\xf8\xa2\xc2\xe7;\x07\xb0,\xc0Z\x90\x999:(\xf24t\x17D\x90\xb4V\x0b\x13B\x97\xcb\xc2\x11\xacf\xa2b\xb2]\'\x98\xc3|3$C\xed\xa9E\x1ak\x89dq\xf2\xb5\xca\xf7{2/`\x9c\xbd\x9f\xf3MT*\xa8E\x87\xea\xb4\xe6~\xd1\xa0\xab%\x1dz\x83\x1f\xcf=yr\xa0\x87#\x1c\x93r5\x93Y\xaf\xd7I\x8e\xca\xdc\xcf4k-\x12q1\x0b\xb0\x12\xf3d\xdeD\xad\x1d\xf6h\x88\xde\xf7T\x91\xc3\xd2)\x14\xb4[\xa8\xd0\xcc\x1c&gt;]jM\x8d2!a\x1c\x97\xc22Y)\x0c\x8a\x9fr{\xbb\x9eW\xa3:\x84\xe9\xe4\xcb$v\xd6\x0c\xa0\xe2:\xa2&amp;\x922\xee\xf6\xee\xa6\xf9\xe9\x83\xdd\xbb)T\xa1\xb0\xa0B\x08rB-\xe1\x05\xe7\xd4d\xa8\x83Z&amp;\xcfM\x96au\xb3\xb2F\x02\xfd\xac\x07\x99\x0b\xe1\x17d^\x8e\\\xc3\xe6\xcep\x97V)\x92Z&lt;\xec\xd9\xfeO_\xdf\xc0\xfb\x8f\xd3hh*\x04\xbc\x88\xb8b\xaas\xa0Q\xb5\xa7R)\xbb\xdf\x7f\x00\x1aV\x7f3]\x04_b\x15\x8c\xe3q\x04\xd7\xb3f\x04\x00\x8b\x9d\x08\n4\x8b\x0f{v\xffM\xb7\xfb\xef?\xce\xa2\x8a\t\x05\xc0* \r\x8b\x7f1=\xcd\xe3\xa6\x8cE\xb1\xd1]L\x15YF\xae\xc3\x91]K\xa7\xc4R,\x96\x83\t\x93\x86\xc7^X\x08\xfe\xfb\xf3\x87\xff9\x1c\xef\xe92\xcb\x99\xc7A\xc9\xff\xb0\\\xb9V\x85\x9bLF\xdd\x15\x8eU\xad\x0f\xb3\xc0i#\xdd3\xca\xd9\xa8r\xce\xc1fI\xab%\x15G.P\x02,\xf6\xbd_\x0f\x8c\xf71z\x8c\xc5Uw\xa6\x14\x12\xcc3Y\n/\xf3\xa2I\x1e\xc7\x82a\xaes\x93H\x15\xf6\x1d\x84)^297{\xf3\xa3\xe4\x9a\xaad\xe3,\xf3\x94\x9a\x85\x05\xe5\xbdOAv\xef\xe9\x02W\xdf\xd9G\x89T\xa7\xa3@\xa5\x1e\xa8\x146&amp;g\xb9\xad\x12\x12\xe7\x0f\xf7;\x9d\xf1\xb86^"6\x8c\x02\xde\xec\xca\xd8\xd8G3*\x80\xa5\x8c\x02\xac\xf9\xaf~\xd7\xf35\xbc\x81\xf7\xeee\xfdjT\x16\x91 \xb9\r\xe3\xcd+\x192\xd0h\xe8\xb1\xb26Wj4\x88\x83\x03"\xc0"\x957\x7f:\xb6\xb2n#\xac\xdc\xa8\xb2\x98\r^\xff\xc7\x99\x9e/\xe1\xf5}\xfa\x95c\xb1i\tIU\xb8\xa7e\xdc\xdc\xcclF\xd7\x8a\xac\x8d\xc0A#\xbf\xb5E\xe6\xf3y\xca H\x8e}\xb0\xb2*P\x05\xe4\xec\xa4c1;\xf7\xf1\x1f\xc7{\xbe\xb3\xd8w\xe6\x93\xf9\xc4B3\x84\xd90\x086\xdc\xe05\xea\xb5\xe2\xee\x83\xdd\xddNgg\x7f\x7f?\x1bT*3\x9b\xd7\xae\xad\\S\x8as\x1b3\x8eh0\xbb\xf4\xf1\x9f\xde\xfe?\xacR\xf6}vg~~\xad\xa2WK!\xdd\x7fy7\xff\xe0\xa4\xef3\x8e\x97\xd0D\xe0\xe4\xecE\x03\x8d\xe9eG~\x89)\x9cDr\xc5@.:\x82\x92\x81I\xc1\x11G\x15H\x10\xc2\x8f@\xf8aB\x80$\x1c$\x04h\x90o\x1di0!B&amp;94J\xa3\xc6+\x9b$\xc7\x92i\xacu\xb6\x9ai\xfe\x98\xb9\xdb\xe6\xcdn\xda\xad\xd7]\x97[o\xee\xf6\xc7\xf6|\xa3w\xdb\x7f[[\xe5\xb9/p\xfc\xf7\xba\xf7\xf3|\x9e\xcf\xf3\x81\xf7G\x90T\xb7^\xff\xfa_\xeb\xd6\x99/\xbe\xf8\xe7W_}\xf9\xe5\x93tr\xf0\x83\x1b\xf7\xfep\xef\x86\xa0\xa3\x83Y\x1b\x8b\x8d-8\x90\xd3\xbbr\xe1&lt;\xed\xff\x1c\x1a\x00o%;\xaajK\xea\r\x16\xe9O\x1f|\xfd\xf7\xa7\x0f\xd6\xd7?{z}\xfd\xe9g\xb7n\xdd:&gt;2\xa2\x9e\x12K\x85\x8b\xd1D`\xc9\x81\x18\x7f\x99\x13\xa3\xee\xee\xb3\xab\x0bc\x83\xfaA[h&amp;9\x0b\xcd\xfe\xcc\xf5\x9f||\xdd;|\x1d=c&lt;\x18=u\xe1BO\x8f-\xcb\xe3\teIcpb\xd5\xe1\xbb}176]\xd1\xcf\x7f?\xbd0\xbd`\xca\xea\x07S\xd2\x13\xe6\xa6\xa63\xef\r\xffjo\xef\x993p*\xfbx\xb4\x0fvE\x0egV\xc0\\\xb9\xec3"\xab\x13\xfc\xb3\x07r\xe2j\xc6\xe1\xce\xad.\x8d\x8d\xd5\x8a\x05\x8e\xc1\xac\xa2\xa3\xa5\xc9\xe9\xa5\xd6\xef\xad\xef=\xd3\x0b\xba\xad\xcbRY\xc0\xb2\xc1\x1a\\\x02*\x04\x91\xc7\xbbs\xe3\x1d&amp;\x12\xdb\x13\x13\xb1\xe9\xc5E\xf1\xe5\xe4\xa2\xa1\xc3\x0c\x07k%\x9b\xe5\xb4\x08\x85\xc2\xf5\xf5\xb5T*\xdb\xd7\xa7\xd6\xc7\x92\x0e#\xd7h4r\x0fC\x0e_\xc9M\xec\xfaS\xc0\xb1\x90]I\xde\x8c\xce\x1aZ\xcd\xbd\x99\x8c$\xb4\x96J\xa7\xd3s\xd9\xb9\x95\xec\xcaJ\x9fk1y\x13\x99\xe0\x06\x8dA\x9d\xc6\xf7\x17Fn\xb0p\xb8CO\xf4H\xb4v0\xe0p\xd4z,p\xd4o\x19_\xe1M9\x96\x1c\x8eA\x81X\xad\xee;\xc5\\\\\n\xfa\x8c\x13F_#_\x9e\x9c\xa3\xe5\x06\xab\xb0\x90\x14\xee1&amp;\xa2Q\x07p\xccX\xa5\xe6\xa6a+3\xa5\xff\xe0\xa3\xc0\xe5\xa9\xec\x8a\x8b\xc9\x19uM\x05\x10\x9f\x0f\tr\xe5\xc7\x10\xd3\\\x05.GX\x94Gm19\xb2\x14\x88Fg\xd3\xa9Hs3\xb5\xc9b0M\xdd3\xe9\xa7\x98\x06k[\x9bL\xad\x9f0r}\x13\\\x9d\\\x133\xa5\x8b_\xc9\x11VqX\x18\x0e\xc4\x13\xab\x8e\xc0\xf4l\xcaN\xa567I\x15\x1e\x0fs\xc6\xa5\xe6X\x15\x1dmL^\xcc\xd8\xa8\x0b\x06\xb9:\x8d\xb1\xf6\xf8\xe3C9R\x0b\x07X*\x0f\xa2A\x90``avF\xabT)\xc6%0G{\x0c\x1c\x97-e\xe0\xf0jQ\xdb7\x17\xc4jL\xf2\xc49\xc3*,\x96\\;\xe1Ls\xf9\xf1\x89\xa5h`l-\xec\x91Y%\xa1e\x99\xc1*\xb3\xe9\x050$\xc7\x12Fycc\xa3\\\x1e0\xf1\xc4\xe9\x1ca\xe1\nI\x96k\x96\x88}L\xa7K Ada,\xbd\xbc\x12R\xf4\xb9Vd2\xa6_?\x18\x8b:\x90\xb8\xe6\x18\xbfQ\xce\xbf,\x1e\xc9\x1dVa\xe1?\x14\xd7ZU\x92P\x8c\xaf\xf9\x91\x0fID\xc7\x9e,\xafI&lt;\xcbk\xa1\xe5\xec L\xcc\x88\x91+?x\x90\xcf\xd5\xf9\x16\xfc#~q\xba87Xp\x8a\x05,)\x9c\xc4\x1c\xc7\xe6\xe5q$1\xfd\xf8\xc9\xda\xa3G\xcb\xe1G\xcb\xe9(\x92\x08\x1a\xe3\xf2m\xee\xa3|n0\xc63\xf9M\xe29R\x8e.l\r\xfdM\xd1*\xecpF$3\x81\x06\xb7\xdc\x98p,M\xcf\xad\xad\xa5\x9f,\xcfN;\x8cA\x1fW\xf7\xe6k\xf3\x1a\xbe1Zk2\x99F\x8e\xcfU\xe4\xa8\xcb\xdf\x9f\xb6X::\xb4ZI\x88\xe98vT\xb7\x9a@\x12\x8e\xd8\xf4\xf4\xf2Xli\xc2\xa7\xd3\xc5\xe5e\xef\xbc\xfd\xe1DR,0\x8d\x98\xfc#\xb3\xb9\xe9\xf2\x95\x9f\xbe&gt;}B"5\xdb#*{h&amp;\xaaq\xeb@!c`51\xb6\x10@\xa0)\xc85\xee\xc9\x83\\G\x146"\x93\x89\xe7\x1f\xc9\xc9\xe6C\xacl?\xe9\x9e3\xb7\x9e0KU\x11\x89\xb5\x8b\x19\xfd\xd0\xad\xd1\xf9\xb8\xdc8L1&gt;\xb9|^\xa3\xf9\xc1\xe4\xe1\xcb\xd1XT_+\x16\x8f\xf4\xf8{f_\x9e\r\xf6\xbf\xb4\xda\xdd\xfe\xc7\xbbi\x18\xfe\x9cfU\xc4\xae\x18\xe7\x8c\xda\x02\xc7\xdc\xf3\xd0\x10\xf8:\xf9\xe1\x86\xbbn\xb7\xbb\xc1\x17\xd0\x0b\xf4\xfaA(-\x7f\x8f\xff\xc7\xbc\xdb\xe7\x88/\xfd\x92\xcf\xee\xd2Ko\xca\x97[\xdekq\x0e;U\x91\x88\xb0k\xd4\xeaY\x0cp\xf9\xef\xbe\xfbv\x83\xfb`\xc3\xc1\x06\xbe\xcf\xa1\xd7O\xe9\x05\x02\xb1\x18\xa8zz\xd4+\xbaO^\xf2,\x8f\xab,)\x1dz\xf8\x0e\x126\xc3H\x9ai\x8aD\xec\xad\x9d\xa32\x8f\xc5b\x98\x9d\xfa\xe8\xc6\xaf\x7f\x114\xdeL\xea\x01jjJ \xd0\x0b6\xa8\x00+\xfe\xf0\xc0\x81\x97*UQ\xdd\xa6\xd2Kw\xe6\x07\xa5-0\xc0\xf7\xf6\x0e\x0f\xd8%\n\x8f\xa1K\x11qJ\x85\x9d\xa7~\xd6\xd33r\xfc\xb8I\xa0\x8f\xc5\xf4b\x01P\xa9!z\xd4\xd9\xf8\xe9\xa1\xa1\x97&amp;W!\xb1\x88\x8c\x7f\x153\xf4I\x15_-U55\xf7\xf667{\x9dv\xbb\xc2\xda\xf9\xa0u\x80\x95Q\xb5Z\xda\xbaN]0\xd5\xa2B\x89\x05\xe2E\x9b\xcbf\xb3\xa9\x17\xd5\xae\xf8\xd5\xee\x8b/\xc9\t\x8b\xab\xcc+(\xa6\xbc\x8a\xdd$:Y\xa5\xc9J\xcd\xc3\xd4\xe6\xdef*uXe\xb7\x08\xdb\xba\xae\x99\xbd\xfb`\xa0\xb7[9.\xb5\x1f\xf5\xe6BY\xd9\x98L\x94\xcbf\xcb\xfa\xaa\xee3D\xe7_\xfcu\xd3B\\eQ)\x06O\xc2o\xc6\x96\\\xb9S&amp;O\x99[2\xe50eQ\xcb\x81K\xda\xda\xd6\xd9)t\xd6\xef\xabg\xd9=Lf\x9fm\xd1\xef\x87v\x05T\xc0\x05\x8f+\xe5{\xffdw\x7f\xff\x95\xf3\x07^\xe8\xef\xccD"@Q *\xf27c\x8b\xce\xed)k\x9c1;3\xa8\x93\x0c5(fTR\x8bp\xbc\xd3I\xaf\xf6:\x152\xf4_MH\x9c_\r\xa33\xc4\x06\x9a+\xf8\xfe\xeb\xbf\x11\xf5\xf7\xb7\xd3^\xe0\xb5(`*\xa8\xc3S(x\x02\xa1x3`\x81Z\\\x8fs8S\xfe&lt;\xa8\x19\xa7TjQ\xd8Y\xdea\xcb\xb8\xcc c2mj\xbf\x9a\xc9\x91\x19\x0c\x06\x99\x0c\xd0\\.\xe3[\xdb~\xcb\xe8\x070\x06c\xe8\x85tVbeeQ\xddV\x0c\x85B \xe0\xf1\x04\xca\xf6\xcd\xf9E\xddw\xca\xe2\x9e\xa6\x8c\x17\xb5\xdd\xd5\x1f9R_\xeeU:\xa5*\xa9\xdd.E\xa9&lt;\xe32\x17\xa8e\xe3\x8c[\xad!\xab\xc7 C\xfd\x81\xc6\xc9\xd7\xce\xd2\xdaE" \x13U\xec,!~\xc7\x82B\x85*\xd8\x8a\xc5?\xd3\n\xc5*\xc8/h\xbfZ\xa5[C\xab\x9dJ\xf5\xd2\xf7\xef\xdb_\xceb\r\xa8T\x90\xc9\xd6\xce\xf1q\xa0\x92\x81Z6\x97A!Q\x84C\xa1g\\\xc1\xc97P\xb5@.\xe0\xa2\x15\xef\xfa\x0e7tq8b^\xc1\xa6\xad\xf9\xf9\x00D\xc0\x93\xc9\x042\xe0\xd5m\xd9\\r\xfev\x95&amp;\x95\xa1z\xbd\xd4\xf2j:\x9d\xbe\x9f^\xad\x1c\x18p:\x9d*\x8b\xd5j\xf5\xa0\x1c.\x9bK\x16\x92@(P\xbd6\xb0~\xf8)C$b\xa0\xf5\xd5\xce\xa0U\x14C\x8d\x11\xbf\xed\xd2+\xaa\xc3\xe01\x18&lt;\x04\x05\x8f!\x10\xf2Q\xac\xbc-\xa5C\xa7\xddGc\xcaa/\xbd\xba\xba\x9a\xbe\x1f\x8dj\xa5\x92\xa5T\x0e\xa8,\x920*\x10\x14\x93,\xa4\xb0G"\x11I\x08@a\x15\xc4\xdf\xdas\x89\xc6\xa0\xd1\x00\xad\xbf[\xc4\xf8\xb6`\xc4\xca\xbc\xa2\xbaR2\xf9\x19\xd4F\x10\xf05d&lt;\xbe oG\xc9\xae\xfbee\x13Zj\x06\xa0P\xb5P\xc1\xd8,6\x9b\xcdb)a.\x94\x84\xad2&amp;\xc7\x13\xb6\xab\x94\xda\xe7X]\xbcm\xdf\xbfz\x85\xc1\xa8 U\x80b\xed\xfd\x80\xc7\xa8\xa8 \r}\xb3\xbb\xc3Db\x1e,=\x0c0aP\x1a&lt;\x06}\x08\x98|\xf8\xba\xb3.o\xc7\xf6\x92K\xdf+\x9b\x7f\xcc\xce\x94\xd7\xd3A\xb0\r,:\x9b\ro\xfb\xe9\xac\x01\xad6\x0ci\x94)\xec\xda\x01\xa5VkW(\xac\xa1\xf1\xce\xc4\xe4\xe4\xefD\x0c\x1a\x89B\xa1\xf5\xd3D\xed4\x94\x8e\x06\\\xdf@1H^I\x1d\xac=\xa0\xcaG\xb5B\xe10\x18\n\x01[\x83\xc1`!\x89;\xb6l\xbfx\xbb\xac\x0c\xd1\xb2\xbd\xf5\xd5\xcf\xa9\x00\x0b\xd2\xb9\x17&gt;X,\xed\xa3\xb0\x81cPh\x95^\xe5\x80\x166\xccP\xc8:\xa7\x99\xaczHB\xa9(4`jg\x90\xd0:C\xc1\x0e\xed\x040\xe2\xff\xb1\xebA;\x80\xcd\x18C\xc6\x03\x16\x99p\x88\xb0\x91@\x0c\x14\x17\xb6\xa6\x06\xc5\xda\x01X\xbb\xcen{\xe3\xee\xe7\x7ff{\xff\x83\x05\x9f\xfb\xf6\xd1\xab!\x93\xdap\xd8 \x1b\xb7hYl\x96\x12R\xaaP\x84\x0c\x89\xaa\xc9=\xe7H\x15$\x02\x1e\xd4b\x10D"\n\x89\x81\x06T\x18\xa5\x98\xf2\xbf\xc96\xa0j0d(*x\x91w\x1e"\x90\xc9h\x1e\xb1x\x02\x16[\x83\xc5b\xf1\xe4\x1d\xc0U\xd4}u\xdbk\xba\xbf\xeeeWo\x04\xcat\xa4\xfa\xdf|\x9bOh\x1b\xe9\x19\xc6=\x96f\xa6\x1a\xcf\x8efV\x9a\xff\x9a\x19IL,\xc6\xe3\xceH\x0273\xb9x/\x1b\xe8M\xcc\xec\xa1\xa1\xa4\xc8,\xac\r\xed\xa5\xe8\x10\x8a\x0c\r\xeau\x17\x11XS\xb0\xc8a#\xe2\xfa\xe2\xd0@\xc0\xb8`r\x8e\xffa\x9c\xab\x9d8\x05\xa7iJ\x96]\xe8\xadf\xe9\xf3\x8d\x9cv\xfb\xf7\xc32\x92\xb1\xa5\xdf&lt;\xef\xf3=\xef\xfb\x81\x07z\xcd\xcd\x01\xe5\xce\xdd\xbb\xbf\xfd\xf9/\xd7\x96\xae_\xff\r\xf9g\xcaO\xee}\xfe\xe5O\xd7\xd7G\xa1\xab\xd4r\x85\x9a\xdb\xef\x00M\xe1\x94\xf9\x0cL\xa9\xe9\xba\xae$\xa1\xf9\x7f\x8a\xf9\xc1\xcd\x9bm\x9b\xa5\xa8\x8c\xab\x85\xad\xc7\x81\xca#ze\xd9\x80\xa2bK\x1a\x8db\xd1\x0c\xf7\xcb\xa9\xf8\xd5\xf2\xe2{,p\xa1|\xc4\xf5\xabk\x9f\xdfEF\xfcl\x15/`\xf9;\xe0\xfa\xdd\xca\x8f\xd7\x9dG\x1e\xa8\xf2\x85\x02\xb08\xbd?\x8f6\xd6\xd9"z\xd5j\x8a\x020%1\xaf}\xf8?\xa0\xda6V\x0b\xb5R=\x95j\x15\xb2X\'\x8f\x82\x97xjl\x86\x1d\xddd\x0b\x85b\xa3a\x14{\x17\x81\x15\xbcz\x9bY\xfe\n\xed:\xf4YZ]C@`\xad-\x01\x13\xd6Z[\xfb\xc9\xbd\xaf\xd6g!\x96\x0e\x1b@-\xbd\xd3I\xa8N\x07\xc9L\xe4\x9ao\xba\x05\x9dp\xe9\xae\xab\x9b\xd7~\xf0\xe1\x7f\x81\n\xd5V&gt;\xd7*eZa\x11$5\x8bw\xcf\xb3\xe5\x9b\x83\x83\xd1nWf\xe9\x82\x81\xbdXl?\xb4\xb4\x8a\xf3\xfa2s\xd5\xc4a\x19\xc7\xf2\x9d{X\x9f\xdcY\xbd\x9e\xbd\xfat\xf9\xd3\xb5\xa7\xb7\xea?\x1avu\x85P\x158}\xab\xafPnGA\xc3\x98\'\xe6\x9aW&lt;O\'\xcbm\xba\xb6&lt;\xfdo\xa5l\x87\xa1\x1d\x97\xf2\xb9\x1cJHLE\n\xc7%\x89\xe7q\x9cg\xb7\xc3\xcdG/\xf7"\xe1EW\x8e\'X\ry\xbc\xbbS\x15\xee\xff\xe9\x12\xdbob\xae9\x82\x05\x12\x92\xa1w\x96!\x16\xe2aymy\xf9U\xfd\xd6-\xeb\x00\x17\x97\xe3\xd1/j\xe1\xb8\xdf\xa4\xbcN\x13\xd7Ll\xef\xba\xf3\xba\xc7\xa1\x90J\xa2\xbb\xf35\x16`\xdf\x8f2\x0feS\xb3\xe8T\xb1\xdd\xd4\xf7Tvl\x87[\xbd\x83\xfd\x17\x9a 9\xd6^\x17\xb9\xc1\xe2\x9a\xa6\xa7\x1b\xd7\x1eo\x07N\xf0\xc5w\x0b\x8b\x84\x0b+\x8b\xd3L\xa2\xe5U\xa2U\x86\xb5\xbc\xf6\xe0hV\xac\xbf\x1c\xa8\x05\x9a\xce\xf3|K\xd9\xd8\xd8\xda\xf4\xec&amp;\xe4\xa2\xb9\x89\\.v\xbb\xae ]k\xca\xbc[\xa0\x99\xe9\xefel\xd6\x86\'\xad\x8f\xa0\x11\xac$\xb4\xdb\xe3\xee\xe9\xc9\xdea \x96}\xadZu\xf6\xbar\x89bl\xb6\x080\xb9\xfd0\x8d"\xff\xf97\xc7\x1f}tU\xc8\t\x18\xb8V\x97\xae\x13\xe9~\x85g_\xef\xd4\xcb\xb3\xbb\x9b\x9e7\x93\xe3s\xf8\xccp\xe4\xec?\x1e\x98I\xa7Y+\xb4\xc05\x0f\xb9\\\x9d\xa29\xc4\x07\xc2\x82\x08f\xdb\xf2?J\xd9"\xc9\x84\xdcTm\x84S\x8e%v\n7{\xcfFC\xabR\x17\xadjT\xc5\x97\xb5\xd77m5\x8ei\xa3A\xd6x$T#\xed\xe9\xdb\x85IW$\\\xd8\x8c\xc0\x82X\xd9\x9e\x04\xd5\xefo\xd7\x85\xfa\xb0\xc7\x16r4\xcf\x1786n\x9f\xd4\xd7\x0fO\xba\x9e\xd2T8\x15)1O\xca\xe8\xd6\n*\xa9\xa3\xae\xa3\x92\xaeJS\xf1\xfb\xb8\xa0\x92\x84\x83\xcc\xf9|\xa9\x94\xcf\xe3\xe7\xf2\xa0{\xb6\xbb\xed\xa4A9\xb0\x1cG\xaa:Z\x14\xa1\x88\x04\x8baY\xc2Ulw\xf7\xca\xd1a\xf4\x87\xb7\xc7\xf0\xd7\xc7\xb0\xfc\x8d\t\x16\xd6\r\xf8\x1f\xf1\xb0\xfadE\x14\xea\x17\x8fL\x8a\xe6i\x96\xae\xd5\xf0\xbeg\xa98+n\xbf\xec\x8dC\xd8V\x9f\xcf\xb8\\\xb7\xa6R\x9e\x82l\xf5&lt;\xb4M\xdd\xa6\xbc\xab\x1c\xe3\x90\x01T\xab\x95\xa3K\xe0\xe2\xed\xad\x83\xd1P\x0bR\xc7\x92\xac4u\x1c+\xd24\xa8\xf5\xa2k\xb2\xc02\x0c\xdbl\x14\x1bf{c\xe8k\x87+\x0f\xde-,.,\x02k\x8eP-\x11[\x91\x9a\xa2\x88OV\xcaV];h\xdb\x14m\xf0,\x0cD\xb1\xf2AZ\xaf\x94\xeb\xe2\xc5\xee\xb3Nh\xda\xd8\x88\xc4\xf6M\x17S&amp;\xc2C\xf1\xf4\xa6\x9e\xcc#\xcc&lt;/\xbb[\xbd\xa0z\x14\x8f\x8d\x08\xb5h\xca\x0e_j\xa9`i\x96\x95\xfaA\x9aZD-\'\xc3b\x80\x15\xb3E\x9b2 \x98\xd9&gt;8L\xa3\x8b\xc3/\xdf\x1d_.\xa0\x1f\x92\xd6s\x03\xb6\xba\x91\xed\xcb\xa5\xd5\'\xf7\x05\xff(x8\x08Y\x96\xa7y\x8aSt\x9a\x95O\xab\xf5#\xa1L\x9c1\x1c\x1d\xf4\xc7I\x82\xb8\'\nq\x1e\xb0\\\x12\xacz\xe269Z\xdfj#\xc4J\x9c\x9a\'{\x05L1k\x0eF\x81F\xa0\xd2\x14T\xa9$Y\xc0\xaaj\xfe\x15\x96]4\xec\x1c\x0f0\xb9}\xa6U\xaa\x17\xb7\xdf\xbc;^\xc8\xea8G\xac~c\x0eV\x03\xe0\xeb\xfb\xa9t\xe4\xbf\x1c\xdb4\xaa\xcec\x96Tt\x96\x95\x1fE\xb3b\xb9R\x16\x82\x8a8\x1b\x0cG\xcf\xba\xe3\xc1xL\xfc\x8e\xb8\x85\xef\x89\xd3\x148O\xf7\xfa[8\x8bP*\xc2}f\xc6fc\x06\xbde\xb0o\xa1|\x04K\x00\x19\xa2\xe1_\xb1\x98"S\xa0\r\xc3\x90\xa7o&gt;\xd4\x8e\xa2\xe8\xb3\x07\x84\x0bAA\xfcE\xa8\x16\x17//\xbf]\x11\xaa;\xd6I\x88\x046\x8c\x02\x9d\xe7tE\xa7T\xf3\xf1\xc5\xacX\xa9\x88\xe5\xb2\x1fT*\xb3\xeb\x95\xed\xd1A\x17\x9a\x91\x16\x84$\xa8\x110wl\xbbM\xaf\xd3\x1b|0\xe5Q1\xcb\xc6\xb1\x8c\xc9=\xa6\xd9p\x1fT\xbeeY~j\x91"ZUM\xaaj\xe9\x04\xcb\xb0\xe3\xb8Xdi\xda(2\x8d\xf6Y\xf5(\xd2&gt;{\xf5v\xc2\x95\xcd\xd0\xe4\xbe\x8c\xcb\xd7+\x81\x96\xa6\'\x83\xd8 \x0b\xee\xd2]r\x1c\xb0\xaf\xb0*\xe5@\x10R\x01duk{t\xba\xa9\x13\xb9j\x18\'\x90`\x8a;N\x14\xbd\xd9\xeb\xb4\xa7T\x9be\x99\xc64\xa0X\x96\xa6PD\xc7"T\xff\xc4\x82\xb7\xfc\xf3\x9e\t\xf6\xec\xd8t9&lt;\x00\x00\x07`IDAT\xab\xc8\xd0(#\xc3\xc8\xe1\xb3\xa8R\xb5v\x9eB\xaf\x05\x94\xf1\x87\xd9\xadd\xc7\xc7\xafW\xcaQ\xa0\x9d\r\x18\xde\xe0\x19\xf8\x9dE\x87As\xe5l\x1cOD,\x94Q\x10\x82\x00\xc5\x14*\xa2\x98\x8e6I\x9c\xc2\xf5\x88\t\x171\xd1\xf4\x92f\xaf\xb79\xc5\x9ar\x03\x19\xc9\xb2,\x85\xf7\x00\x16X$\x10\xf9~\x10X\x1a*\x88E\xb0\xa0\x14De)\xa6h@-\x83\xc10qp(J~\xf0t\x15\xf6Z\x9c\xdc\xc2r\xfc\xb7?\xdf\x0e\xaa\x95\xc3\xb30\x93\xaa\xc8\xe7K*\xae\x9f\xcb\xb0\x86\xeb\x19\x15\x01\x82`p?D\xab\xefm\x86p;\xf4\xc27\x85\x98KI\x9a\xdd^w\n#:\x0e\x141\x8f\xbe\x95\xa7Y\xe2-\xb8\xcb\xb7\x1c\x1f\x7fL\xb0\xc0Uu\x80E\x95\x80\x05I!\x95\xc1\xa2\x8a\x06k\x86\xa7\xc3_\xfb\xd6\xd1\xf3\xbfL\xee\xaa\x01\xd5\xbb7\x92\xa5\t\x17\x07\x03\x93\xa0\x13a[^B\xbc\x03\xac\xfe9\x9a\x91X\x11\xca\x19T\xa5"@\xb7\xb2\xb8\xbbi\x93v\xc7e\xd3\x04\xb8\x12\xec\xc6~\xaf7%\xcb\xc4Zq\x0e\x81:\x93G@8\xbe\xe5\xe3!\t\xe5r\x80x@\x11\xb5\xaat\xde\x8b\xa9R\t\xbf7\xc3\xcf\xf0\x80\xb3\x19\xec\x0f\xc3l\x9f\x0e\x8f|\xab\xfe\xc5w\x13\xb1\x8e\xbfy\xb5\xe3X\xc2\xf9F\xdb&amp;R5\xb0\x0bi2Q\x92h*\xd8\xfd\x17\xf5\x0c\x8b8\x0b\x05$`(\xe3\xee&amp;\x8e{\x94Mq\xc9UHx\n9"MaN\x06ULr~\x86\xce\xb0`(\xc9\xf7\x89\xd8\x80\x02V5\xb2\x86\x8f\xe3R\\b\xd8xf\x06\x922\r&amp;\xc6\xc3\x94m\xbbw\xbe\x1e8\xf5_|{\xb9\xf8\xf1\xe5\xf1_\x9f\xefHRe\xafw\xb3m\x16\x01UDhy\x1e\xa5b\x0c-Pj\xdc?\'X"\xde6\xc3\x12\t\x16\xd4\x1ac\xda$\xd3\x82J%d7b\x9ehv\xb6\xfaS,\x03\xc7\xd0&lt;\x1eHy*&lt;\x91H*H\xd0\xb9,\xa4(\x1f\xb8\xa2\xc8\x19n\x10\xcb3\xc4\xf2d\x19\r\xd30\xe5"\x9e\xd9\xdd\xddz\xe0\x1c\xad|\xfd\xf6\xf8\xf2\xf5\xfdruG\x1a\xf5\xa7M\xa2T\xd1\xe0I3\xe4("D\xd2j\xc5\xdda]\x9c\xadgX\x01\xd1I$\xca\x01\xeb\xea\xe0\xe7AW\x0fW\xe0\xb9dJ\x9c"Vf\xf3WXt\xfb\xa1#i\x96&amp;\xa1#\x06\xbe\xefT%\x98+\x8a\xa4\xed\r\xd9\xa6\x88\xe7\xd9\x19\x83\x89y:\x96i\xa6\xc1\x1a\x0cf\x9d\xcd\xfd\x8a(\x94w^\xfd\xf1\xcdm\xdf\xa9D\'c\x99-"\x00QEL3\x10\xa1\xd5\x9a`\x99\xdd\xa1\xf8\x9fX\x95\xd1@\xcd\xce2\\\rs\xb0\x87\xc0\xc7p\xe1\x02\xcb\xc4\x87\xe1\xba\x90\x0e%\x14(&lt;\x81\xc3%\xc9O\xcb\x02R\x824j\xbc\x8e\x9c\xedL\xad+\xadl\x9eb\x1bH$\x16r1\xb19\xdeO\xcb\xc1\xd1\xce\xfd\xdb\x9a%\x0cO\x072\xd9\x118#\x19\xc87\x9c\xe8\xd0nU`Q-\xb3w\x85\x15\xa4\x16\xe2\xa1B|\x06\xa3\xec\'\xde\xe4\x88\xc5\xa1\x1b\xe2`\xc3\xb9\xd9D=\xd5&amp;\x9f\x94\'X\xf9R.g\x9e\xfd\xbd\x063\xd6M\x1d\x89\xc20s\xed\x89\x05\x179F\xb65\x841cb\xed\x12!_\x99\xb5\x8b+\xfb\x05\xa8Q\xfc\x02\xbc\x03\xe5\x16+\xf1\x02\x14\xdb\x992"\xa2\x01\x89\nm\xc1\x03\x90\x84\x86zC\xd2\xe4=\xee\x7f\x06.\xb2B\n$\x7f\xfe\xcf\xefs\xfe3y\x0bZ%\xb8S+l\x859\xb5\x07\xa8\x85"\x92V\xcd\x0b\x16]\x1dK!P\xdcJ%\xfd\xe12w\x92v\xde\x0e\x93\xfd4\xf3\x01t\xab\xa5"\xa8Tc5\xee\xee\x04\xb0vN\x10\xf5\x1d\x88\xd5-=\xccF"\xf4\x92\xd3pp-"a\x01\xec\x8f1q\xd5 \x83\xd54M&lt;\x9b\x89\xbdK\x1e\xf2V\xaf\xa4\xc6\xd2\ri\xee\xc0[T\xc4\xf9\x96\xces\xf1K~\xc5b\x1c\xaf\xa3\xf5MZ7R\xf9\xd9!G0\x0c\xf3\xd7u6"\xb1\xe4\x8d\xea #\xd1nN\xa3\r\xe9\xfbQ\xa4&gt;\xd4"\x16[\xab\xe59}L\xc8\xc4\x8e\x97Cq\xc5BNG\xd4\xdb\x1c\xd6k\xc2\xca\xa84\\cq\xec\xa8\xff\x1f\xe3v\xec\x05\xc0B1ay\xe4\xbd\xfc\xa8\x8b\xa8w[RKb~\x16\x06|\xd6\xf1\xe5\x8d\x85\x804]\xe4\xbd\xfc\xbf\xaf\xf7L\xcao\xc0\x92\x12\x9d\x01K\x05f-\xec\x8c\x1e\xa1\xf7\'\x7f2\x0fl\x8d\x85\xcd)\x80n\xc0\xb2\xbd\xf0\xa0\xf4!\x07r1\xacu\xaf\x9e\xf6\xc7\xe7\xd5\x1aE|\xb2\xb4\\\xdcJM\x84[\xf9vD\xd0r\x82\xb2\xdb\xd2\xafa\xf7RD`\xa9\x1b\xc2B\xcahJe\x02\x8b!\xe2`/\x1af\xb3\xc3g\x0b\xd9g\xfe6\x94Rw\xff[\xc5MP\x19\xfaS7\\f\xc07\x82,oG\xfd(\xc1\x13\x93\xb3\xfaH_Ip\xc1\xba\x98k \x1e\xd5\xdf\xf3\x7f\xf7$Wm"\x05\xebp\x14\x87\xb9\xc0\xf2\xdf\x8e\xb1\xedDv\xab\x1d\x86\xed\x16]\xe1\xd5[P\xa7Ph$.\x97\xcc,\x98\xc1\x04t\x98\x8c\x87\xd3=ru\xbb\xdco\xb3\xcc\x07\x16z\xffd%\x8c\xeb\x07K\x8ba\xe1\xcfc\x9d\xb0\xa0V\xdf\x01V\x89;\xf4\t\xcb\x0ezoL\xe8\xe3\x17\x92\x0c\xab\xd6s\xf9\xb3&lt;\xcc\xc6\x7f\xd5t\x84d\x9c\xf3\xd4ES\x96\xefG(\x1d\x94a\xef\xa2V\x08\xbcK\xdfRTAn\x15)W\x88\x8c\xca\xb0D\xc3\xf0\x97\xe7\xd7y\xb7\xadm5\xf2\xa5/q\xadN\xe7\xa9u\xdf@k0\xb4-\x80\x85\xc5\xb3~-"\xb0\xe2\xb8\x0bgU\xc0\xc2X&lt;n\x14-\xedW\xac\xc6\xf0T9\xd5\xe7\xe4\xc7\xb8\xb6\x98\xa9\xa6\xd9\x04\x17K\xbfs\xae\xde\x8fQ\x1fv\x87N`\xca\x01\x87\x7f\xf2\xd6\xe7V)\n\x10\x8c\xbb\xa9\xa9\x0c\xc3-L6\xe0\xf5b\x19&amp;6\x15\xf0}\xe6?\xc8\x07\x0cW\x7f\xb2\x08^\xc6\x18\xcd\xd4\xb69\x1d\xf4\x18\xae\xa2c\x031\x9a\x02\x0b\x86J\xd0x\xbc\x08X4\x1e\x9d\xaf\xad\x1a\xd4\x19\xff\xbd\xc3\xaf\xcf?\x9d(z}\x1a\xd7\xe6\x13\x9f\x99&lt;\x85Z\x90\xcb\x1a.\x93*\xa0\xf9L@\xf8\xc6\xd5\xc2\xf0\xf9\x9cZ\x88eM\xc2\xc2\x8f.X\xb0C\xb1&lt;v\x932_L\xa0\x13v\x0f\xa9\xfe\xdc\x9e#o\xbf\x06\x06\xd3\xaf\xa1\xd0X)\x14\x11\xd9v\xa7\xb1\x90\xc6\xed\x80\xc4BT\r\x9c\xf9\x84\xd42\xc9}\x8d{Q&lt;\xdb\x15z[\xbey\xaa\x85\x07\x1f\xeetQE\xdcQ`m\xfa\xa7\xa4AH\xde\x82\xadhI\xccs\xc4\xc0\x0e\xcc\xc7\xad:\xff\xee\x9a\xc0J1L\xe0\t\xf5\x81\x16\xea-V#\x9a\x81\x0f\xb7R&gt;\xcf\xa38\xc6\xf4\xc5N,\x18\xaaGj1\xc22\xd2\xd1v\xe7Q\x11\xd1\x1elG\x8b\xe5\xa1\xd3\x9f\xd7\n\xf8X\xba\xef\xa8ie\xa7\n\xafB\xd4_\xacj\xf6b\x88\xfbp\xacsp\xcd`\xb6\x88b\x8a\xc9d\xf9Pc\xd1\xa8Fh\xee\xf0\x825\xdd:\xb74\x96\x85\x97q`(\xf5\x11v\xcbn\xbe\xc4;H\x0b\xd1h\xb3\xb3qW\xec\xacL\t\xa1\x04\x1dm2\xa5\x94\xcb\xd0,\xfc\xe7/\xed-\x1b\xed\xa1_U}2|\xe4\xbc\xacQ\xc4:k\xb2\xbbGt\x88\xe1\x1eb9N\x95oj\xf6nR4\xe0Mt\xe5\xa2\xae\xc6/\xa4UO[\x1d\xb3\x11X\x04G1\x90_\xd4\xfa\x8de(QW\xd9\x07\x02c\xcf\x0b\xc1E\xeb\xd0\xe6\x0b\xd16\x06\x16\x94\xba`\xe1y\x81\xc55\xd6vn\'d\xf9n\x02\xb1*\xdd\x1e\x80\xb5\xba`q$\xe7\x81\x9c\x1e1\xcd\xb1\x81D\xa7_\xac\x15\xf3\x8cg7\xd0\xbe\x00\x00\x00\x00IEND\xaeB`\x82'</t>
        </is>
      </c>
      <c r="M396" s="3" t="n">
        <v>45492.67611111111</v>
      </c>
    </row>
    <row r="397">
      <c r="A397" t="n">
        <v>1009920</v>
      </c>
      <c r="B397" t="n">
        <v>1981</v>
      </c>
      <c r="C397" t="inlineStr">
        <is>
          <t>Welington</t>
        </is>
      </c>
      <c r="D397" t="inlineStr">
        <is>
          <t>Welington</t>
        </is>
      </c>
      <c r="E397" t="inlineStr">
        <is>
          <t>LE</t>
        </is>
      </c>
      <c r="F397" t="inlineStr">
        <is>
          <t>LAT</t>
        </is>
      </c>
      <c r="G397" t="inlineStr">
        <is>
          <t>LE/ME</t>
        </is>
      </c>
      <c r="H397" t="n">
        <v>175</v>
      </c>
      <c r="I397" t="n">
        <v>6</v>
      </c>
      <c r="J397" s="2" t="n">
        <v>36940</v>
      </c>
      <c r="K397" t="inlineStr">
        <is>
          <t>Left</t>
        </is>
      </c>
      <c r="L39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11401d8-8bc1-4769-a773-de4071a4d7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,\x9d\xf2\xb4\x00\x00\x03\x00PLTE\xff\xff\xff\xe7\xe9\xf5\xee\xf0\xf9\xd9\xdd\xe9\xdf\xe1\xee\xe9\xea\xf6\x1f\x1d&amp;\xf6\xf6\xfb%#*\xeb\xec\xf8\xf7\xf8\xfd(&amp;-" \'\xf4\xf4\xfb\xf2\xf2\xfa! )\xdb\xdf\xec\xfa\xfb\xfd\xe4\xe6\xf3\xec\xee\xf8-(.\xe1\xe3\xf0.+4\xfe\xfe\xff\xe5\xe8\xf4*(1\x84L82/7*$)2*-\xfd\xfd\xfe:\'(\xd5\xd9\xe6%#.F0/K31O64\xba\x82j\x1c\x1a!\xb7~e*!%\xb6y_\xc2\x8eu&gt;,,\x87Q?8,/\xbd\x86m\x8eS&gt;\xf0\xf2\xfb0$\'\x8cN7\xd2\xd5\xe4U72=6:5$&amp;\xabo[g&gt;4\xbc\x87v\xa6lX\xb1s\\\xc0\x8bpC?F\x86VG\xa4gRtF8\x82PA\x9flZ\xcd\xd1\xe153&gt;\xa5sa?01\xaeoW\xa8hQcA:uL?lC9\xd2\xa3\x89\xc6\x93z\xee\xee\xf2\xc9\xcb\xdc\x99YAM,(\x93W@}M&gt;e7-\xcf\x93}\xbd\x81f\xc4}_U&lt;8\xb2yfD)\'\x9c[D\x8f_Q\xact`&lt;9D816\x8cXF\\&gt;8\xaazi]3,r?1\xaejR\x91\\I|H6\x89dX\xa3cKhNIm:-rTL\xbdyZ\x98hW\x98aP\xc8\x9e\x91\xc5\x84h\xbb|a|WL\xbd\x92\x84\x91fW\xa0^FT/*\x96S;\xca\x99\x7f\xbb\x8d{\xb5kOb&lt;3E&lt;&gt;JEJ\xe6\xde\xdbDIYM@@\xfc6EzQENKV\xb1|k\xb6\x84q\xb5\x7fl\xb5sW\xb0\x89|\xc3\x98\x8c|B0\xe0\xd9\xd9\x9dqa\xbe\xbf\xce\x86^R\\92\xb5\xb7\xc8\xf5\xf3\xf6\xa0vi\xcf\x9f\x84\x8dkb&lt;AS}\\R[MM\xc6\x93\x80\xca\x9c\x86oI?\xe0\xde\xe3E66\xcd\x8fw\x9e^J\xb0ya\x9dcL[TZ\xd1\xa3\x93\xc1\x8c}\xac\xae\xbffG?\x97]H\xd5\xa9\x9c\x97\x99\xab\xc6\x97\x84SEE\xeb\xe3\xe3\xca\xc6\xcd\xaadK\xd5\xd2\xd8\xc8\x8ar}pn\x9egT\x85G3\xd0\x9d\x8b\xb1sb\xa8`D\xcf\xb7\xb0\xcf\xab\xa2\x98l^zMC}x\x84\xcb\x88k\xa1\xa2\xb3\xc2\xc5\xd7GCQ\xd9\xbc\xb5\xd9\xc6\xc2\xaeb^\xe6\xe5\xea]GD\xafeL\xde\xd1\xce\x84\x81\x8e\xbcrU\x8b\x8a\x98\xd2\x98\x83\x91\x90\x9fQO^i`c\xa1~s\x9f\x99\x9c}b]\xb7\xb4\xbd\xd7\xb3\xaa\xaa\x83v\xef\xea\xec\xa0[U\xf2&amp;7ojutZUecq\x96pc\xc2\xb9\xb9[ZieVV\xbb\xa5\x9e\x8ftn\xb3\xab\xae\xce\xbf\xbf\xa0Y@4\x1c \xac\xa2\xa1\xc1\xae\xab\xb7mhss\x82\xca\xa2\x9a\x8e\x7f\x7f\xce\x81e\xa1\x89\x86\xb7\x99\x8f\xd2\x8cp\xa9\x93\x8e\xd5$/\xc0pn\xc5~|\xf8IU\xef^h\xe1\x1e/\xed\xc4\xc9\xbbkT\xbfRZ\xbf\x1d*\xd7BI\xd8\x9f\x92\xd6\x81\x8a\xed\xb3\xbb\xf4z\x86\xee\x93\xa0\xab7Dn\xa6K\x01\x00\x00 \x00IDATx\xda\xcc\x97\xfbO\x13\xe9\x1e\xc6\xf9\xa9Nv&amp;iH\x9a!\xd3\x1b\x19\xae\xb2\xb44\xed\xa1\x94\xd2\x94\xc2\x86\xa5E")\x85\x1f(\x95\x16\xb9\xa6`\xd6\xe6\x88\x85\x10\xa8\xc7Hi\xb8\xac\x1a\x8c\x86*\xa6\xb1\xdb\x95]\x90C\x04\x1bQb\xc0`$F\x90\x83\x9a\xb0\xae\x97\xe3n\xdc,\x9b\x18\xff\x86\xf3\xbc\x83{\xce\xf9\xfd\x0cz^:\xd3\xa1?}\xf2&lt;\xcf\xfb\xbc\xdfII\xf9\xdf\x97Z\xadNM\xc3\x95\x92\x96\xf2\x7f\xb2\xd2R\xd2\xd4\x13kSsXSs\xcf\x9fOM\xad\xcd\xcfO\x1dH\xfd\xbcP\x07&amp;jj\xa6\xb6\x1f\xff\xbe\xe2\xb5Z\xbdC+\x1b/\xe2C\xd6\xa1\xcd\x9d\xed\xb9\x9a/&gt;\x1fT\xcd\xda\xdc\xf2r|\xa3\x82\xe3x)%\x91Jy)\xcd\xb3\x1c\xcd)\xbc\xaf\x96\xefM\xa5~\x16G\xd3&amp;\xe6^lT\xd0&lt;`$&lt;.\t\xb8\xf0$\xe1x\x8ac\xd9\no|knB\xfd\xe9\xed\x9b\x7f\xb4\xc2\t4\x92\x1c\xa9\x94&amp;H\x12)\xc5S\x00\x93\xd0,O+8ch\xf9\xed\x94\xfa\xd3*5\xbf\xbe\xc2\x02E\x9a\xb3\x87%\xe0\xe1\x8b\xda{\xa0h)\xcb\xb2\x8a\x8a\xa1\xe5y\xf5\xa7\xb32\x15P\x9c\x94d\t\x04\xa0\x90\x10,\x9e 1\x10L\x9a#\xe5\xa4\x0c\xc5q\x1ck\xb4\xc6\xdf\xaeM\x1c\xf84T\xea\xb3\x1b\x1cO4\x92P$\xe9\x14$\x93\x12&lt;BG\xd0\xf0\x9b\x84\xa2\x18\x8eF\xf8}\xa1\xa1ws\x13\x9fB\xaa\xb5m+\xf2\x93#\x98G1\xc2EQR\x9a\xa2\x08\x0b\x95#\xc1\r`\x9c\x84\xa2)V\xa6\xf0UX\xd7\xdf\xd6\xec{\xaaj\xb6_(\xa4\xbcD\xc8\x90`\x1e\x14\xa2iH\xc61$\xf89\x14\xa1\xa4\xc9\x13\x83/\x19\xa7\x80`\xcb/\xf7\xbb^k~\xb4\xf2Raa\xd3Ir(|\xe0\x1f\x85,\x01\x82&amp;O\x14\xd9\x98\x14\x83g\tC\xb3\x94\xd1\xe7\x1b\x1cZ\x9f\xdfW\xae\xb4\xd4\xb7+,G6\x9c`\x9a\x84ar$x`\xd0\n4#&lt;0\x90\x8f\x91p4#x*S\xd0\xac\xca88\x18\xdf\xda\xd7\xa680\xb7\x81\x16\'\x062\x0c\x00r\xb0$9\x0c#E\xd2(\t\x83\xfdG\x12O4C\xae\xa0\x1d\xcd\xb2\xb4Le\xbcz\xd5\x18\x7f4\xbf\x7fE\x916\xbf\xc1\xb1BIa\xb7A\xa1\x9c\x9c=0|@Gs\x0c\xd2\xce\x90\x1bKA,\xfc+\x93\xd1\xacB;(\xe8\xf5|\xdf\xb8\xd6\x96\xbd\x1f\xc5\x82U\x02\xcb\xbf\x97\x84lC\x84\x9c\xa3e2%\xdc\x83f*\x19\xa8\x18\x99O\xa55\x02lr\xdf\xb8&amp;\xee\rq4\xc53B9\x90X\xe1N\x90\x88\xa1J\xc00\xb8)\xb5\xda\xf4"\xad^&amp;S(}\xaa\xfc|\x95R\xa6e\x152\x05\xf4:\xbd\xb9?&gt;\xaa\xe7\x86\x14\xc2)\x83 \x11}\x18J\xa9/\xca\xc8/\xcaO\xcf\xc8\xc8j\xc8\xba\xaa&lt;\xa8W\xa9*\xf3\xf33k3\xb223\xb5Z\xdc\xcf\xe7W\xea\x81\xaa0^=m\xb4z7\xc7\xf7\x83\xabf]\xc1\xef\xf58\xccc\x0e\x16\xa5\xeb\x0b\x8b\x07\x8a\xab\x07\xce\xf7\x16\x97UgeV\xea\x0f\xea3\xce\x0fT\xe3\x97\x81\xb2\xb2\xea\xe2\xb2C\xd5\xd5\xc5\x03G3\xa1\x98\x16\xcbg\xf4\x85\xb6\x9e\xefC\xde\xb77X\x9c{R\x12(F\xafO\xcf*,\x1ch\xab/.k\xeb\xec\xec,\x1b(\x1c\xb8\xde\xd0PU\xdc\xb9\xb8\xb8(\x97w.\xca5\xe5r\xac\xce\xb2\xea+UY\xf9*F\xc5P\xbe\x8a\x8a\xa1\xc7\xe2\xd7W\xea\x8e\x82&amp;\x15\n,\xc8\xd2[[\xd8Z\\\xdc\xd6\xd6\xdd\x06\x86\xce\xbaCe\x9duur\xb9\xc1\xb0\xb8h\xc0\x92\x1b4\x1a\x8d\\\xa3Y\x94\xd7\x95\xdf\xbdr\xb4R\x89\xe8\x1b\x8d\xde\xd0\xb2\xe8r\xa9\xcfV`\xc0#JQ\x90\xaa\x17\xab\xb5\xbe\xbb\xad\xad\xadsllLPHn\xe8\xc3r\xb9\xfa\x0c\x06\x1d\xf0\x08X)\x04+\xaf;s\xa5\xaa\x12\xf5\xea\xf3\x19\xad;s"\xa7+mj\x87\xe59hE\x1d&lt;XTT\xdb[\xdb\xdb\n\xac\xee\xee1\x81j\x11\x18\x06]\x9f\xf3W,\xa7\xd3\xd9g\xd0\xe9\x0cr\xa8\xa5\xc3\xad\xb4\xf4\xc4\xf5\x06=\xaa\xd5h5n\xbc\x15\xd9\xc5\x89\xc7\x98\x8fQ\r\x14\x82]\xd4X[[K\xd4\x82\\\x02\x94\xe0\x9cN\xe7\xc1\x8a\x05c1\x8f\xd3\xe5\xd2\x19\x9a!\xa0\x8e\xc8UZz\xb7:\x13%f4ZW\xd6\xc5\x9d\xbd\xd4\xdf{9\x0c\xecRJ\xf9\x1f*\xa2\xd6\xd8X\xa7\\\x90\n\x0e\x06\xfd\xb1X\xcc\x1fs:c\xb8\xa6]:9\x11\x8c\xc8UWw\xb7\xaa\x12X&gt;\xab7&gt;%*\xd6\xd4+\x96\xe3YP\xe9\xf5E\xe9\x8d\x84\n.v#[c\x8b$\xe8\xa0r\xfam\xb6\x12r\xd9JJb\xd7\xa6\x9d.\x1d\x8c\xd4\x90\x84i4\x88}\x03\xe4R\x84\xbc\xd6\xad4Q\xcb\xa1\x02\xe5\x80\x11\x01Z\xa5\xa77\nr\xd5\x93hu\x8f\xed)\xd5\xf7\xab\xdfa2\x99\x9aLI\\M6\xdbB,\x06#u\x1a\x90i\x9a\x9bK\xcb\xef\x1e\xaddU&gt;\xab5\xb4%\xa6\x8b_\xfc\xce\xd2\xd8\x87\x82\x85\xe9\xf9\xc0j\xec%L\xc4E\x036\x9f\xc7\x19#TM\xa6\x92&amp;\xb7;\xe9N6%\x9bJl\x84\x0b\x81C\xee5\xcd\xa5g\xae#]\xbe\xc1PhY\xcc\x01\xfa\xf9\x90\x82\xe7yJ\x89\xd3\xa6\xa8QX\xf5m\xdd$\xf0\xd0\nY\xf2\xfb\x1dMM\x10\xcb\xd6\x14v\x87\xc3\xc3\x11s$\x1269\x82\x1e\xa7N\xd7\xa7#T\xe7JQ^*\x1f\xe4\xda\x11s~\x9e\xbf\xc4\xf1xc\x10\xc4"Z5\xd6\xd6w\xc3\xc4\xb11\x18\x18\xb49JLaP%\xdd\xf8\x84#\xfdX=\xfd\xe6H\xd2\xef\xf1\x90\x80\xb9t\x1d\xcdG\xce\xdd\xadn\xd0\xfa\xb4\xc6P|\\\xc4h\x9d\xf5\xe2\xed\x8aV\xe9\xf5{X\xf0\xb0\xbe~O,g\xd0ar\'Ad\xb7$\xdd\xeepr\xb8\xdf\x9c\xe8\xe9\x19\x1d\xed1\xbbM\xe0"U\xe1\xd2\x1d\xf9\xe6Hi]\xd5 \xf4\xb2\x86\xce\x8aX\x0f\xf7*X\x8e\x93\xa9`\xa1\xb0\x0fkkI;\xa0\xb3\xe4.\x8f\xcd\xe4\x8e\x84\xc3a\x9b=\x99\xe7\x1e6c\x81\tT=\xfdn\x93\x03\rFz_w\xfc\x9b;\'K\x0f\xcd^\xbd:h\xf4n\x8b\xd8\xa5\xeb\x1c\xc7c\xbe\x03\x16\xf6\xa1P\xf1H;\x11\xab\xcf\x0f\xac\xb0;ij\xb7\xb7G"\xe6D\xc2&lt;\x0c\xb5\x08\x969\x9cD\xec=\xe44r\x1d\xbf\xf0\xf3\x9d#\'\xbafggC\xd6w\xe25\xc4\xc4\x06\xb0(VI\xda!\xbd\xb6w\xafJ\xd1Yr\x83\xd3\xef\xb0\xb8\xb1\xfb,v\xbb\xc5\xdc\x9f\x185\x0f\xf7$\xfa\xfbAE\xb0L\xb6\x18b\xefq:\x8f_\xb8\xf3\xed\xc9#\xc7\x08\x97qG\xb4\xe3\'mm\x05\x05O+\x94\xa0B\xc5\x03\xeaO,\x1d\xb0\x90sw\x9e\xc5b\xcf\xcb\x86V\xd0\xab\x1fws\xff\xf0p\x18%\xe1\x89\xe14\nz\xae}\xfb\xd5\x85\x0b\'/\x1e\x9b|\xfd\xda\xfaJ\xb4\x86PO]\xe2%0Q\x9f\x9eO\xb0Z\xff\x0b+\x16s\xb4\'\x93I\xbb\xdd\xde\x9e\x9bmN|)\x90\x01kx8\x12.1\xe14\nz\x08\xd6\xc2qp]\xf8\xe7?67C\x9b\xe2\x15\xd7\xbc\x97\xc7\xdb\xaa\x12X$\xf1`\xda\xdb\x87H&lt;\x0eA\x87\xddbiOZ,\xb9\xe6D40\x13\x98I$\n\n\xb2\xb3#\x117\xda\xde\x1f\x0c\xfa\xfd \xb3}\xd5\xf2\xec\xd9\x87\xf7\x1fn.\x0f\xc5\xc5+\xae\xbf\x10,\xa9\x12S\xbb\x80E\xa8\x8a\x81\xd5ip9=\xc1\xbf\xc3?K^^v\xb6yf4\xb0\xb4\x14\x18\x9dI\x98\xb3#\xb9\x91\xa4\xc9\xeep\xf8=1?\x99+\xbe\x0e\x8f\xbc\x7f\xf3\xe6\x97\xad?\xe2\xf15\xf1\xa6\xf8K&lt;\xdaT\xa5"X\xb5\xc2@\xb3wJ\xebt\xd3\x9e`;\x98r\x01\x95\x98\t\xec\xde^]}\xba\x1b\x8d&amp;\xcc\x05\xd9\xb9\xd8\x05\xc0\xf2{\x82\xa8\x89k%-#o&gt;\xbcy\xf8\xf2Q&lt;.\xda\x80\xaa^\xbbDf\x9a\x8f\xd1\xfa8\x95B,\xb9\xc6\xe5\x8c\xc1\xc3\xbff\xefQ\x05\x96V\xef\xdf_}\xba\x14\x08\x8cF\xa3\xe6\\x\xebw\xc0D\xa0][hi\x81\\\xa7\xe6\x1fm\x8a\x87\x95\xb2\xe6\xfd\x88\x85\x13\xf1\xcfa\xb9\xacS.\xd7M;mvK^A\x819\x1a\x9d\t\x8c\xde\xda\xbd\x0f,p-}\x17\x08D\xcdn\xb7\xc3\x1ft:\xb1\x17\xfd\x0b%#\xe1\xdf^&gt;\xbc1\xbe\xb5\xb9)\xaa\x89R^\xa9Bi\xe9\xd1\xf1\xad\xf5\x84\n\xf3\x9dnz:\xe6\xb0\xe4\xe6&amp;\xbe\x8cF\xa3\x81]\xa2\xd6*\xd4"\\\xbb\xbb\xa3\tl\xc6\xa6\x85\x0eMy\x9d\xc6\xb3P\xd2\xf2\xec\xf6\xc3\xf1S\xe3[7_\x88\x17\xf9\x89\xbf\x01\x0bg\x0fj+\x83`A-h\xd5\xe1\x9a\x8e\xd9\x1c\xb9\xd9\x05\x87\xa1Ut4p+\xf0\xc3S\xc1E\xf2\x17\x08\xf4\x8c\xb4\xfc|\xeeDWW\xd6\x83\xaa3\x1d_7\xf5\xdc\x7f8~\xe3\xc6\xbb\x9b\x9b\xe2a\xa5\xed\x90\xb3G\xa5B\xe2\x05\xac\xe2z`u\xe8:\xa6\xaf\xd9\xec\xb9f\xf3\xe1\xcb33\xd1\xcb\x81\xef.\xdfz\xba\xba\xba\n6\xe4~\xe4\xc9\xc5\x9f\xba&amp;\'g\'\x1bfO\x0fVv]|\xf6\xfe\xb7\x87\xa7~\xb9\xf1nyG\xbcl\xa5\xad\xb3&lt;\xcd\xaa\xb4\xe9\xc2\xfc\xd0\xdbZ8P]W\xde\\\xde\xdc\xdc\xb1`j\x1a\xee?\x1c\x85^\xd1\x99[3\xb7~x\x8a\xb5\xb4\xf4\xfe\xc9O\xafg\x8d\x83\x83!kh\xf2\xf4\xe4\x83c\x0fNw=\x19\xb9=&gt;~\xea\xd4\xcb?D\xc4J\xf9\x91\xe5h\xb6B\x8b\x93:\xff_\xac\x9a\xebO\x9ai\x1a\xc6\xf7S\xb3\xc9\x98\xdd\x98\x18\x8c\x805\x02VNb\xdax@EE#\x8aRf=\xbd\xa0XO \xe2\t\xf5\xa5\x8c(\xd0\x9a\x89\'\xa0\x9a\xb2k\x9d\xa9\xb4%:4\x95\xb5\x14q\x86 \xed\x90\xa8I\xb1\x94:\xb5Sg\xb2mi\xabU\xbb[mm\xe6K\xfd\xd0O{\xbfv\xfe\x03\xb8\x13\xbe\xffr\xdf\xf7s=\xd7\xf5&gt;0$$\x12\x83t\xbf\xa6\x99\x02)\xba\xe3\xd6\xf9\xf3\x97\xef\x8e\x8d\xd2\x85t\xe1\x80\xc5m\xb3\xdb\xbd\xbd\xeaM\xe3\xd4\xabW\xdf^x\xf5\xea\xea\xc5\x1f\x9e,nM\xb5}s\xb9\xeb\xd9\xe2\xfb\xb7\xb0[\xd7C\xfb\x11L\xb0\xb1\xff\xc4A\xa5C\xbb\xa02\x88)\xd8\x97\xb4\x94x"\xb11\xfd\xc2\xed\xfb\x1d\x1d\xdd\x85I\x1c\x97U8mq\xdb\xdf\xf5\x9a\x8c/\xa6\xbe\xefz\xd6\xf5\xfd\xd6\xd4\xd6\xfe\xfb\x0fj\xe3\xd8LN\x0e\xafm\x0b\xc3r\\\x0fm&lt;\x88\xa0=\xfd\x07\x01G\x88)\xc25&amp;d\x9c\xa6F\x11\xe3\xe3SNG\x9d\xc0\xc5\x10c\xd2S\x1a\xbf\xedh\xeej\xca\x16\xd1].\x0c\xcbf7M\xb6M]nk\x9b\xd8\xd4\xaa- `\xda1\x9a\x01\xdc\x85\xf1\xf5k\x0ck&lt;\xb4\xf7 \x82C\xbc\xde\x80\xc3\x11\x1a\x8a\x08\xf1\xa7\x89\'NPSH\xe4\x9a[\x1d]\xf7\x9f=\xeb\xeah\xaein.\x15\xf4\xe4\xb3X\xa8\xcb\x02C\xb4\xcdOv\xf3&amp;\xa4c\x1c\xe1\xc0\x80\xc5\xe2\x9e\xa7\xab\x02:\xb9\xbcdli\x15;\x89\x0b\xa1\xedHb\xfdm\x18\x17Ghh(\x8a\x89!F%P\x04ee\x05\xad?\x16f\xce\xcc\xcc\xd4\x17\xf6\xe4\x95\x95\t\x9a\xb2U"\x91\xcb\xe2}j\xefU\x8f\xd6\xcf\xb0X\x1c\xa1\xd0e\x1d\xb8\xe2\xb6\x08EJ\x9d\x1f\xb0\xbcK\xabk\x83\x83\xe3\xab\xa1\x87\x11\x1cb\xf4K\x02\x01W\x94\xdb\x10\x83#&amp;4\x0b\xca\n\x98\xa9u\xed\xf2\x1c\x11\x87Cg%g\xcf6\x150gK\x0c*\x91\xe5\xa9\xd7f\xe1$\xd1D,\x0e\x9d\xc3q\xb9\x84B!\x9d%R\x19\x0c\xb5\xb5c&amp;/\xc8\xe9\xf8\xf8\xea\x9bG\x91Ld\xff#\x14\x11\x08\xcb\xb9\x84\xa2x\xb2\x99-\xc0\xa7\xf6\xd79\xe54\x16\x1d\x1b\x94\xb6~\x96\xc9\x9ck\x97\x1b\x94B\xbb\xdd"\xe4\x88\x94*U\x92J\x94\x94\x93?[\xb8\xb9\xc9\x9bm\xcf\xcf\x19\xfd\x90\xa5\xed}\x07\'q\xf0N\xe8a\x04\xb1b!c\x10\x08\xeb\xcbE\x8d\x0c\x8a\x99\r\xd7a\x7f\x9f\xd3\xa0\xe2\x08\xa7\x07\xe6-\x96\xac\xfcT\xcc\xa6\xcau\x1c\x9b\x9d\x8e\xa2J\x83\x81\x96S\x92?\xd7\xdato\xa8\xe3\xda\xd0\xbd\xb9\xd9\x1fg\xd5&amp;\xad\xc9\xb4\nC\\\x08=\x8a\xe0\x10O.|WD\x88\x19^\xcfm$Q\xd2\xf4l.$\x9e\xb9\xb9\xd9\xc2\xc7R\x9e\x14\x9chf*^\x01\xc9\xcc\xa3r[\x80* \x97\xf3\xebZ\xf3\x98e7v\xa3\x12\xa9\xe9\x17)\xdc\t#o$K\xad\x05\xac\xc1\x85\xed\x8d\xe8\xbf\xc4F,e|=\\\x84\xfbj\xf9en19\r\xb8\xb8U\\nU\xd5\xd0\xf9\xa9\xc7\xef\x1f\xbf\xe0\x8d\xf1\x98\xdc\x16\x08\xfd\x1e\x9d\xcb\x85\x8a\x03rgfvk\x1e\xb7\xe3\xe1\x0f\xd4\xa2\x7fSol,\xde \x9f3\x8e\xd4fiW\x00\xeb\xce\xdev\xec\xbf\xd6V#\xf5-&lt;\xfayQ\\\\\xee\xf3c,J\xa9\xc0\xacOc\x80\x82\x11N\xdf\xee\xc8{q\xd7\xd8\xcd\xae\xae\xbetf\xc7/R\x05@\x0e\xf8Y\xbc\x1en\xdb\xc7\xd0/\x8c\xc4\xc4\x84\xab\xa1\xbd)}\xd7\xb9\xfc\x9c\xe4/X\xfb{o_\xb4\xb6N\xaeF\x86+\xf6\xe7\x868\\\xc3\xf3\xe5\x1b\x80U\xd3L"e\xc4\\\xa4\x12\xff\xfes\xfa\x7f~]\xbcvY:\xc1\x96\xc9:\x7f\xea\xf7\x04\x94\x80\xc5\xe7\xd3\xa4\xdd\xad\xf5\x1f\x96\x1e\xd5\x90)76B\xd2\xd4\x17\xaf\x0b\xf9\x06\x15}\x05\xbb\x13\xf3Rg\xb3\xf3\xc1\xab\x0eF*W\xc7\xc5\x15\xbd\\.\xa647\xd7\x90R\x88\xf1W\x17\x8b3\x12\xbf*~\xb0\xf6f\xaf\x0b\xcfk\x91i:/\xc1\x14\x03G:?\x9f\x9f3\x91\xd7\x84o\xba\xbb\xf9\xe4\xfe\xe2\x94\x91\xd73k\xec\xad\xcd1\xd0\xb4pW\x8foW\xca\r\xb4Li\xcf9S\xf8OS\xb1P\x0b\x04B\x1cn}\x99A.-\xa50\x88\t\xb7\x9e\xec\xff\xc2 \x91/\xfc\xba\xa46N\x99\x9b\xd8\xe6\xb4j\x0cK\x19\xd0A\xb7\xf8\x85\x9bR^v6o\xf2\xfd\xc7\x0f\x1f2\xebgF\x93i4\x03-k\t\x86\xb8\xc7W\xa9\x92k\xf3\x7fO\xfd=l\xb1\x8f\x1d\xdf\xdb^\xb8\xbe\x9e\x18\x87[\x86n\xb1\xf5\x1ap\xf4\xec\x82o\xb6\xbaj\x9a\xa7\x8c\x93\x93\xd2\x89n\x81\xfeO,\xe8\x96\xce\xe9tf\x8f\x1a\xa5\xf5cYj\xb5i\x9e\x9e\x94\xac\xa2\x01\x15\x7fL{\x8ceP\xb1n\xa2r\xf4\xbf\xce\xb5p\xb7+t\x81D*n\xfc\xeb\x89\xc4\xb8\xdc\xe5\xe24 H#\xa7\t\xb8\nE\x15\xb3{\xd3\xa8\xd6\x8e\xf0\xce\xb1\xd9z3\xec&lt;tK\xa7\xf3C\xc9sF\xd5\xc6\xdad\xfa\xfc&lt;\xa8&lt;\x8d\xa6\x02\xa5/\x19\xd5z\xc14\xbf6\xa8\xe6\x9fZsP\xd4\x1f\xe6\xd2\xc7~}\x95D&amp;K2\xa8\'\xa2b\x1a\x96\x8b\xc9f\xbd\x9e]j\x16\xe0[\xe7\xf2\xb3g \x8a\x8d\x8d\x14Vq\x05_\xb0\xfc:\x9dN\x0e\xbf\x00l\x92\xda\x04\xfe!\xeb&amp;\x87N\xe7\xa0\xa8Hi\x18\xd3z\x07\x1d\x83oi"\xdb\x8aU\xe5r\xe9V\xc2\x1c\xe1^\r\x85L&amp;%P\xa30\xact\xb2\x9e\xcd\xe6\x96q\xb9\x8a\xd4\xb9v\xd8\xa2\x92\x91\x11)S\xa1`\xcb\xb0!\xeex\x8e[\xa5\xf3\xeb\x02J\xdaMS\xef;\xaf\xd7ns[\x10+*\xa2\x19\x92\xd5K\x80\x15\x1ae\xb9\x0e\x0f\xc5\x08r\x14&amp;\xd6\xc9\xfd\x1a\x12fH3\xa8Q\xb8\x86a\x0cK\xa0hj\xaal\x82x\x91\xcf\xcf\x1e\x19\xc9\xacL\xc5_\xaa\xd6\x98[@ 0*\xa7\x13k\x97R\xacd\xcd\xf7\x82\xcfq\xbb\xaf\\A\\\xc0\x95lZq8\x1coFY\xd6\x83\x03\xb1;x\x14\xe6\x10On5k\x18\x12\t#\xe1O\xacf\xb6\xa0\xea8[\x94@l\xae\xcd\xe1\xd7\x95\xa7\xe2;e\x1a\xbd\xa2\x7f\xc7\xaf;:\x16\x08\xc0\x12\xa3\xa8\xd8\xe5\xb6\xd9\xecOm\xee\xb3Ah\x97\x8a\xf5n\xd51\xe8\x08I\x9d\xa8\xef\x10\xb5\x7f&gt;\ns\xe5\xa3\xb7\x042I\x85\x04""\x15\x97\x0bXf\xecF\xec\xe3cP\xf2\x12\xbe\xd3\xd3W\xde\xaf\x90Uh\xd8?\xedxtG\x81c\x95\x87\xf5\x12\xfb\x10\xc45\x00\xb6\xd0n?\x1b\x0cZ}"\x15\xdd\x0by\xcc\xb1m\x94+}\x87.\x1b\xf2G\x98\x02\x11\xbb\x7fO&amp;\xd1T\xec\x82_\xc6-\x0f\xa7\x93\xd2\xd8\n|e\xbb\x1c+\xbe\xd3\xe9\xf1\xec\xec\x9c\xe9\xd4Hd-p\x0e\xb1\xd1\x81r9\x01K\x89Z\x91i$h\xc3\xfc\xea\x15\xc0B\xc5\xf4\xa7\x0e\x0cK\xcb\x11\xfb\x0e\x83\xb6?\xe6\xc3\xfc\xfa\x16\xfb\x11\xb0**\x122\x18\t\xc7Xf\xb6\xe2\x0ct\xcb/\xf7\xcb\xa1U\x1e\x8f\xa7\x8fY]\x81i\xbc_)&gt;\xf0\x1d\x88\xc5\x18W@\x89"PA$\xe8\x86!\xc2\xce\xa3b\xe1\x92\xe37\xc7\xf8\xb6z\x1a=\xf0}\xb6\x8d\xac\x85+\xa6o\xefi$\x1a\r\x89\x01X\xc3\xc3\x8d\xc5i\x18V]\xbb\xd3\xefl\xef\xdb\xd9\xf18=\xe5\n\x99\xb9S\x81\xaf3\xa0\xbe\xe0g\xe4\x00\x16: 7\x88]\xc8\xf4\x002\x00d\xee/\xcd\x12\xcd\xaf8~\x83\xb0\xdf\xeb\xb6\x8a\x0f\x82\xb6\xdep\xcd\xe0\xc9\xf1\xa1\n\x92\xcc\x9c&amp;\xd9\xcd\xc0\xad\x0f\xa7cX\xcc\xca\xba\xbe\xbev\x0fP\xed@\xb3\xca[\xaa[\xf0\xf8\xd4&gt;\xa5\x0f\xf9\xf4\xe9\xb3\xf5\xf0\xf0\xd0\x87\xaaDV\x9b-\xe8\xb6Z\xad\xc1\x81\xe3^\xa9\xbc\xa6\xa5\xc1\xf1\xf15\xc0B\xc4b\xc4\x16\xbe\x83\x88\x9e\xd2\x90\xf4\xfa\xb4\x84\xdd\xdd\xb8\xe1u\xc0\xd2\xc3\xca\x97\x97\x03X9\x08\x95\xd3Y\x87\x97q++\x99\xcc:\x835\xf8\xe9\xd3Y\xc4\xe7s\xf9\xac\x08\xdd\xed\x06\xac b\x85\xcdG\x01\x8b\x96\xa4^\x02\x91\x0f\xbd\x7f\x8d\x1c\x8a\xc5\x87\xee\xf0-j\xec[\nY\xaf\xafH\xd8\xa5\x12\xb1!R\xc0\x04VVbo\x99\xe5;}\xb0\xf3\xad\xb2\xea\xd6\x9e\xbc\x82\xa1\x82\x12W\xd0n\x07-8O\xeeD\x11\xe1\xb1dA\xa7\xacV\xb0\x86b\xa5\x8a~si\xcd\xb1\xb6\xbd\xe1\r\x1e\x1c\x1d\x89\xed\x11\xb0[_\xbf\xa2\x08\xcc\x92\xdd\xdd\xd3\xc4\xe5\xe5F\x06\xd9,\xa8\xc2\x9eL\xfa\xfb\xfb\xcb\xa1Y}\x05\x15\x8a\xccs\xd4S\x8ck="$x\x16\xe1\x91\xa9\xd4\n1\xc2\x02\xc1\xb2!A+\x82\xed\x15\x9cO\x91\xd6\xe4][\xbb\xb3\xb7\xa16\x18\x9c\x9e\xc0jD\xfe\xffp\xbb\xd4\x0c3\xcc \x82n\x81=\x05\x85\xc0\x9e\xa3\xfb\xb1\xcbF\xce\x1f\x92\xe0Y#\x92S\xa7N]\x9b\xa1#HR)\x99QZ\xe9BDgW\xa0]p\x18]&gt;T\t\xc5\xd1\xbe[Z{\xf3fc\xbfM.2\x8a\xa6#\x92~\xa2\x1f\xfc\x9fv\xb3\rJ;?\xe2x\xe2$\x8d\t\x9e3I\x18\x88\x01l#xJ\x04\x9d\\!\xa2\x14\x05\x0b\x18\xa0\xf1\xd2\x90(&amp;\xc8S/\x1ea\x10-H\x9aZ\xe1\xca\xa0\x08N9\x93\xf3(d\x089\xc3eH/\xd4D\x9c\xb3Fc{\x15i\xed=H\xc89\x8e\xc6\x8a\xc6I$\x0f\xe6\x9c\xf8\xaa3\xbd7\xdd\x1f\xed\x9b\xbe\x87\x05\xde\x7ffw\xff\xbb\xdf\xe5\xbf+B\xa9\xf5\x14\xcbW\xd0\xcb\xc8\x94+\\\xc4\xf5\xcee\x18*\xfe\xe6\xac\xac9w\x86zr\x90\xf1\xf6\xdbOk\x9a\xcb\xcb\xfb\xca\r\xa3\xc5#7~i\xbc\x01u\xf4\xe3\x1b#@\xd5\x04\x92\xd5Y\xeep\xfd\xf5\xef\xeb\x1b[/\xe3#\x9f\xde?\xda\x91\x99W\x0631\xcaq\xc0:\xc6\xe7\x97\x81\xf6S\xa3\x89\x0c\x9e\xbdS0\xc2R\xa9\xd5\xacs\xa7\x8dU\xed\xac\x9f\x9f\xfb\x95jTPu\xe7\xe4\xd9\xaf\xa6\x9a\xd8#\xdf\x9d\xfd\xf7\xa7\xe0*D\xd5\xd6\xe6d;\x1c\xf3\xe3i,\xf7\xd9o\xc7\x1d\xd3\x19\xa1\x02%O&gt;^\xfa\xf4i)N),"C\x9dGX\xb4w.\x03\x96\xb3\xd1x\x9bu\xa6\xe2\x13\x9aT"1\x19z\x1d\xae\xae\xaekgG\x1aGP\x9d\xf8\xd9\xe7(\xaf\x00\xcb\xe9,qtv\x8cO\xaf?y\x19\xf1\x94\x7f\xbb\xde\x91\xa1\t\xb6p\x98r\xbc\xb4\x14z\xb5\x12\x9c\x05Q\x94\xfc\xcf]\x7f\xaaw6\xb6]\xa8mWU\xa8xb\xbbY\xe3p\x81,&lt;\t\x19u\xe3\xbb\xa9)\xd4\x15\xa1`\xb5\xfd\xc3\xe94\x16Wu\xdc\x9f^\xdfx\x08X%0\xf5gjN\xdc\xb3Xt\x9ct,\xaf\x80O/"S(\x0cV\xda_\xd0\x83`\xc2\xff\r\xf4\xc6\xda\x9b\xadR\xbf\xc9\x1d\x1f\x8c\xcf\xbbz\xfb\x8eBU\x98\x9az\xf5j\n\xeaj\x93\xd1\xe9\xac\xaf\xaf\xec\xeb\xec\\\x1d\xdfx\xb6\x19\x89\xac\xdd\xe8\x18\xcf\xd8\xcb\xa8\xc2a_\x80N\'\x16\xf0\x85E\x0c\x06\x85\xcc@\x03\xff\xfb\x87+\xce\xdfu^\x00\xe9~\xf7\xe2m)\xd7\xee\xf7\xae\xc5\xbd \xed5CT#\xc4\xae\xe9\x15\xb4Hx\n\x9d\xd4\xa1\xca\xa1\xae\xd7]\xaf\xc7W\xb7"s\x91\xf8\xc7\x7f\xc8\xe0\x9f\x10\xfb\xe7\xe8$l.F\x01\xf5\x81\x81\xc2\xd8\x8d\xc4&lt;\xed\xd4\x89\x0bw/\x9d\x07\xc5%\x95\xb0\xd42\xbd\xc7c\xf2\xeb\xb5ry]5\x1b\xf2&lt;M\xd6\x04X\x0eM\xaf\xcb\x15\x9f_}\r\xce\x8a\xcc\xdf\xf9 sT\xe0.%\tK\xc4\xf0\xd1TM\xa6\xa4\xd3\x8b\xcb\xa5\x9d\xbfx\xe9\xfc)\x90\x81\\V\xb7\x88\xa1\xf3\x0e\xc8\xe5v\x93G\xa77\x9b\xe5-T\xa3\x11\xe5{\x93\x91Z\xd2\xe5\xd0\xcc\xcf\x0fn\xc67_F\x12\x91\xe1\xcc\xee\xbc\x15~\xad8\x06Ad\x92)EE\xf0\x95u\xa7\xff 9\x85\xb60\x0eKX\x0c\x86D\xd2*\xa8\xae\xad\xad\xeck\xae\x13\xb8\xf5Z\xb3A\xd0\xd2\xd7\xe8\x04\xa75\x16w\xba\xe2kq\x8fgm-27\xf7`fGF\r?c\xa5\xff\xb0\x00U\x88@\x11\xfc\x18(\xbd\x0eW\x9c\x06!/\xedV_a\xb0x\xad\x95\xcdclvqggU\x95\xc6\xad1\x01\x99\xbb\xab\xb9\xad\r\xc6\xc2\x8e\xd5\xf8\xb2gY\x9b\x80\x10\xceE2\xbd\xaf\xbb\xef\x01%@\xc0(\x85B!\x9dN\x87\xf2\x05J\x02\x92^\xc5\rQ\xc8j\x06\x97\xd6^;6Vu\xab\xff\xd6\xf6\xad\xf4[N\xcd\x84I\xeb\xf5\x08\xd8\xc6\xc6\xf2\xfe\xfe\xd5\xb8\xc7\xab\x1d\x00,_\xf2y\xc6\xd7\xae?z2\xfb\xb8\x80\xa0\xa4\x07\xd0J\x9dPH\x81\x11\xf60M\xac\xa6\x14\xc9D\x12\xa9\xaa}\xa1:\x1a\x1dK\xa5R})v={\xac\xa4D#\xf7\xea\x07\x0c\xcd\xe5\x9d\x1d/V=\xcb\t\x9d)1\x97\x0c\x06\x9fe~;\x10\x8f\xffPA \x00\x13\x89N\x0f\xa0\x11\xe8=n\x88A.\xa3\x88\xb8\xef\xf3h\xad\xed\x0b`Q@\x1b\x1b\x8b\xd6\xd6V\x8fV\x0b\x0cz\xbd\xb7\x05\x94\xc3\xf8F&lt;\x8d\xe5\x0b\x06\x83\xc3\xd9X\xd6mX\xc1a\xb1\x04:\x16\xf9\x0b*\x05+$$S\xc0W\xe2\xc9I{M\x8dJU\xd1z\x1b\xb1-\xb4\xb7\xcbk\xc0Lz\x9d\xbe\x0e\xfd\x97\xfb\xcc\x93X\xd2\x9bb\x80\xf58++\xea\xfb\x17\x01\x8b\xae$\x92H$z\x80\xc2\xe8\x96\te\xfe\x90($\xba\xc2`\xfc\xe2\x0c\xf7=\xee$\xafF.O\x93\xc9\x07L\xa1%\x9d\xdek\xee\x05E\xb3\xb5\x06T\xfap\xd8\x17\xfc:+\xf7,\xfb?\xe3\xe30\x04\x12\x16\x0b\\BHur \xa4\x8b\x15\x95\x15A\x1ci\x97\xd3!\x8c\xfe+\xfa_[\x90O\x0c&amp;\xbc\xde\x89\xde\xe2\x8e\xf1\xb5\xa5%\x9dI\x17\xf6%\xb3\xb5\x10\xfb\xe1o\t\x18\x12`\x11\xb1X!j\xda6\x9d.\x14R\x8b\xbaYb\x1e@\xbdy\xf3&amp;\xf5&amp;\xb5=\x98\x8aF\x07\xa3u\xd5\xd5\xe6\x01\xdd\x80\x80\xda\xff\xcf%]X\xa7\x8b\xd9\x92\xc1\xc5\x99lP\xed\xc07\xfcY\x81\xc1\x02V.1\x97\x04\x12\x87\xa2\xd7zE`\x12\xc9\xe4B4\x95z\xb3\xbd\xbd}k\xfcE\x7f*\x9a\x8a\xd6\x9e\xa8\xaf\x14\x0c\x0c\x98\xebZ\x1c[\xc9X8\x16\xf3\xf9|\x99\xdd)\xfb\xbf\xd5\x83op8"\x11W@\xcc;VF&amp;\xcbt^\x93\xe4\n4H?\xefv\xf4M\xaa\xff~\xff\xb5\x17\xf7om\xa7\x80\n\xb0\x8a[\x0c\xa6:A\x8b+\xb2\xe4\xd3\xd9\xc2&gt;_\xcf\xcap\xb6\x96\xc0w\xcf\x12\x08\xd0\x1b1\xb9\xb9Dz\x91\x8c"\xf3\xb6J%\xea+\xdd\xe2\x9a\xf6\x85\xb4\xb3\xbe\xff\xea\xfb\xed\xedT\xb4\x1a\xa8\xa8\x8d\xc5C\x06As\xef|\xd2g\x03\x0b\x87{\xbe\xcc\xda\xa9\x08\xfe3\x05\xb8\x0b\xed\xa0\xe7\x91\x022\x99\xda\xaeRqY"Q\xc8\xae\x82(Bnmo_\xdbN\xd5\x8e\x8e\xde&lt;\x01\xbd\xbad\xc8`\x16h\xd6\x926\xab\xc5b\xb1Y{\x1ee\xed\xae\xac\xf0G\xbf\xc7\xe1\xd2\xab\xfay\xc42\x99Z-\xae\xa1\xf1\xc4\x12IH\xe4\x9fT\xb5#\x93\xa3\x9f\xbc\xb6\x1e\xa8\x8c\xec:\x83\xdc=\x18I\x86\x996\x8b\x85\xc3Y\xcc\xe2\x81A\xe1\xac\xa2\x00\x83\x9c\xf5\x83\\p\x97\xc8\xce\xe3\xf1\xa4`\xddj\xb5Z&amp;\x0b\x08)\x14\x91\xbdUu\x93ME64Z\xe7\x9d\xf0$}\x16\xa6U\xc1\xb1Z\x1ff\xf1\xdc\x07\xff\x97\x15\x1c\x06]\xf2\xe4\xe5b\xe8\x94\x90]\x0cL&lt;\x1eM*\x16\x8b\xa0T\x00\xa8\xa9\xa6\xbd\x9am\xa4Bcd\xb7\xc0\xa3\xa8]\n\xdb,L\x8e\x82\xd3\xf38\xab\xd7+\r\xe8\xc5A.&amp;\x0f~\xa4\x80Z,\xb6\x03\x19\x8f\x86&gt;\xad\x06\xb9\x08\xb4\xa9\xa1\xb2\xc4\xd8He;\xd9-\x9a\xa1\x01o\x02\xea\x02\xc7\xc2QX{\x1e6d\xf5\x9al\xd7c\x1c\x0e\xbc\x85\x0e@\x84\x14\x91_\x0c&amp;\xa5\xa9*N\xdfd7\x0b\xe4\x1a\x8d\xa3\xea\xe8\xc9\xf2F#\xa8RA\x9dA\xeb[\xf2\xd9\xac\x1c0\xeb\xe2zvo\xdc\ng\t\x05G\xd2\xe9\x85%BO\xb4#.\x1a\xed\xd4\'\x97\x9a\x9b[\x00\xeaZ\xc7\xe7\xbf\xfeI#Xq\x9d\xd9\xa4\xb7\xf9la\x1b:\xf4\x8c&lt;\xfb`Gv\xb1\x1e\xa1\xebM\x84\x05\xfe\n\xf8\xed\xd2Ip\x17\xef\xf4\xa5\x8b\xd5-\x9a\xae\xaeN\xb4\x8et\x14\xa8\xfa\x86\x04\xdaX\xd8\x96\xa6\xb2r\xe6\xb6\xd6\xb3\x8c\x85\x7fW\x81C\x8b\xc4`y\x18\xbaL"\x95\xa2\xb4\xa7\x9d\xbe\xdd.\x00\xac\x8e\x8e\xce;\x8e\xde\xa1\x92b\xb7A\xae\x8fYla\xab\x15\x1e\xc2\xe4\xe6\xb3\xf5?f\x15\n\x8f\xbf\xa7\xc0a\x8e\xa4o\xc6r!\xbdd~\xb1_\xcc\xf2\x8bA\xd3\xb8\x05.\xd7|\xa7\xc35\xe86\x0b\x86\xdc\x03&amp;\x9b\x8d\x19\xe6(\x98V\xeb\xdc\xda\xe6\xc6t\x16\xb1\xf0\r\x8f\x9e&lt;|\xa0(@\xcb\xe0\xe8\x92\r\xfa\xb6P\x16R\x87D2\x91\xdf\xaf\x97\x0fh\x06\x97\xe3\xcb\xcb\x1e\x0f\x0c\x18Z\xaf\xde\xa6dZ8\x16\x05\xc7\x97X\xdb\\]\xbf\xfe\xd1\xbe\xfd\xd99\xed\xc4_\x9f\xeb\xe9\t\x06\xf9\xe8\xee\t\x95z\x88"\x96\xa4\xa4\xd8\xa0\x90\xdab2\x93\xdedF\x8b,Zo"\xa6\xf3zu1\x0bA\xc1Gu4\xb26\xf8zc\xfaw\xbb\x0f\x1d8ph\xe7\xde\x9c\xb72|B\x8c\xbf\x17\xe4\x04\xbf\xe0s\x08D\xc0B\x1e\xc3\xa0\xf3,\xa5\x90\x19\xb0)\x85\x01K\xc8\xa6\xd3\x9b\xbc\xb1\x98&gt;\xa6\xb7\x80\x10\xb3(-8\x02\x87\xe3K&amp;&lt;\xcb\xf1\xad\x8d\xe9\xeb9`\x07\x0f\x1e\xcc\xd9\xb7\xeb\xadL*z\xfc\xccc\xabu\x05\xa6\x0c\x906\xc4\\"&amp;\xcd\x85\xc1 \xad\x8aE*:\x10\x08\x87B\xba\xb0-f\x83\xd0\xf9,J&gt;\x01\xc7gr\xe6\x12\x9e\tw|ku}&amp;??\'\'?\'\x7f\xcf\x9e\x9f6\xe4g\xb0\xe0\xef\x99]\xe9\xb1\x06\xf98\x1c\x96XZZ\x8a&lt;\x86\xb0p\xd0\x8b\x88\x18,\x01F\x0f\xa5\x05\x04\x0c!\xc0DfQ\x12\xf8|\x82\x82\xe9[J\x98\xdd\x83\xf3\xaf!\xb7rr\x1a\xe0\x93\xbfg\xd7\xf0LC~\xe6\xfcu\xf5\xf9\xe2\xca\x17VBA\x01\x06a\x95\xa6\xb1\xd0\xa1"\x01\xdd"b\xd0L\xc4T2\x01\x0f\x9c\x84\xc3)q\x05\x04\xa0\n\'\x97\xb4\xe6\t\xb4E9~}\xf7\xc1\xbd{!\x86\xf9\xef^\xfd\xf1\xf5\xfc\x8ci\x9c\x86\xd9/g\x9f\x7f\xc3\xc7\x1d9\x82\x81 \xa6\xc1\xb0\x18t&lt;\x99n\xdby\xe8\xb1\xc4\xe2\x08\xe86\x1e\x03d\xf0!(Qbi\xcdun\xf7\xbcku\xe3\xde\x81\x9d\x87\x0e\xed\xdcyp\xf7\xd5\xff\xb0n\xb61M\xa5Y\x1c\xb7\xbd\xed\xd4\x16\xca\\\n\x95\x92\n\\\xd1\xa6\xd3\x02\x8d\xa4(Z\xd8*\xbd\x14\x06\x14n\xb2&amp;\x84&amp;\xad"\xc96\x95\x90\xf2\xa1\xe9\x077\xfb\xa2\xbc\xc6\xc4\xdeZQQ\xc0\x04\x9c)\xa4*!\xdbd3[H\xeb\x07\xdc\x90\xa6\xacCw\ro\x92\x8c\xfba\xd31&amp;\xc3,j\xd0\x15\xc7=\xe7\xb6\xcc\xb8\x9b}\x9b\x85C\x13JB\xc8\x8f\xff\xff\xff\x9c\xe79\xb7\xf7\xc6\xd9a\xd1N\xc5+\xdf\x1f\r\x04fW\xab\xf7\xed\xdb\x97\x9d\xa4\xda\xbd7\x1b\x03\x96\xce\x9d\'\xd2a\xef\x86\xb0\xe5\xe2S\xcb\xb9i\xc0\xa4&lt;\xf3\xab_\xde[Z\x82\xd3\xbc\xc9c\xfe\x13\xc85)\x90\xcbe\xf2\x19\x19\x19\x8e\xb3\x8d"\xa9dg\x96cc,\xe0\xf7\x07\x16\x01\x0bo\x9c/E\xae\xf4\xbd0\x01e\xe3\xd3\xb7\x88\x96\x96\x9b\x8eD\xbbsA\xb1={\x94\x87.\xdel[Zr8\xdc\x1dNw\xe8\xd1\xa5o\xbe\x89\x13\xa4@  (:\x10\x1e\x86\xdcKw&amp;\xf5\x91h\xd8\xc7\x86\x13\xca}x\xf3b^\x92\x0b\nV!\xb0\xa5\xe1\xc3\xb8Xi\xca\xb4\xb4\xd3\xd9\xca\xd3g\x0e\xdd\xbb\xd9\xd6\xd6\xe6\xb2:\xadN\'d\xfe\xd2\xa5G\xcf&amp;\xf4\x14A\xe8\x196\x16o\x14IDR\xd1N\xd8(\n\xc4\xc2,\xc3N\xe7\xee\xfb\x18&amp;\xc5\x92\x82\xc3)0\x9c\xb0\xa1\xb2\xd1\xc1t\\\x92\xd9\xd9g\xa0\xb9_|\xd8\xde\xbe\xd4\xeeu;\x9df\x93\xc9\x0cK\xf1\xd1\xf5\xf9g\xf1\x08\xc3\xb0&gt;\x7f\x0c\x02\x8fX;`c\xfed4\xe0\x8f\xe8\xe9\xe9\xdc\x8f?J\xcb+))*\xd8\x02\xdb\xbb\xb7\xb44\xaf\xa6$\xefpI\x1e\xf7URs\xfb\xf6\xc5\xe6\x87\xed\x03\x03\x8e\x01\x875\x14\x84S\x97\xd3\xe4\xe9_\xf1.\xcd\x7f\xf5\xa5?\xee\x8fE\xe3\x8dR\xc0\x12\x89$\xf9; V4\xe0c\x08rv\xf7G\xe9\xd9y%EP\x00\xf6\xc9\'\x80VZZ\n\x9855EE5x\x19\xfa\xc0\xd9\x87m\xc0\xe4\x1a\xf0:\x1cND\xc2\xf2x\xdc\xae.\xd7\xc0\xfc\xf4t41\r\xc9\xe2\xb0D\xdb\xdd\x84r\xae\xfa\xa3\xb1\xb0\x8f&amp;e\xcc\x9et\xc4\xaa),\xc4\xcf=\x0f\x83b\xdcC6\x05EE\x850\xfc7\x9fm\x1eks\xb9\xdaA\xa8\x01\x08\xbb\xc3\r\xcb\xd0i\x00\x1b\x9dNkU=p\r\xdcy\xd0\x1d\x17JSX\xdb\x95+\x13\xa8\x02~\x96&amp;\x85\x8a\x04\xac\xbe&lt;\xfc\xd0\x80\xe3*\xc2GY\n@\xab\xa2"\xd0\xa9yl\x0ctr;\x1c\x8e\x81\xeb\x0e\x87\xd7\x1d\xb2:\xcdf\x93\xd9d0uX[\xaa\xea\xa7\x8cFW\xdb\xbd\xc5\x19\x14+\x89\xb5\xcd\xc5\xc8FQ\xac\x88^ \xcc\x8a(9\xac\x03\x07\xf6\xef\x87\xd7\xfeB\xb4\x13\x1c,\xc4\x0b]C.\x97\xc3\xbd\xd2\xdf\x0fH\xf0\n\x85B`\x9e\xc9d0 \x96\x11\xb0\xaa\x8c]c7\'\x1a\x91*\x89\xb5=\xb9\x86\x031\x14\x8b\xd1\x93&lt;~\xd6t\x1e\x87UV\x06\xf2\x1c(\x03\xd1\xa0\xf6\x03\x15\xf8\x87\x07\x9b~O\xff\xf5\x15/\x88\xe5\x06,\x8f\xd9ls\x06\r\xa6`\x87\x1d\xb0`p\x9bz\xf8\x14\xf3\x9e\xc2\xda\x9e\\W\xc3\x01\xa0\xf2E\x18=!\xe3gP?\xc9\xce+(,kn\xber\xa5\xac\xac\x19\xe1\xf6\x1f(k\xber\xb6\xaen\xa8\xcb\xe5\r\xf5\xbb=+\xee\xeb!\xb7\xdb\x13\n\x99[[\xcd\xe6\x10\xb4\x88\xe0(b\x01U\xdd3\xb403E\xb5-\xb9r\xd8@8\x10\xf6\xc5\xff\nXrqFF \xfb0`\x9d\xe5\xaa\r/#\xe1\x9b\xba\xb3ucC\xf5F\xab\xdb\xe9q;\xae{V&lt;\x9e~Ok+L\x8af\x83\xa1\x1c\xd5\xc2\xbb\xf9\xabN\xcc\x0f\xf3\x81*3E\x05M\xf5\xff\xee]\x92\xc9@ \x1c\xf6\xb3\x1b\xaf\xbf\xd0S\x02\x1e_\x9a\xb5Z\x00X\xbf\xa8;\x82\xd7\xb5\x86`N\x1c\x1a\x83\x82Cs\x1d\x8c\xb2./\x94c\xa5?\xe4\xee\xef\x07\xb1l6\x9b\xa1\xbc\xdc\xc0\x99x\xaa\xb8\xbem\xa2\xf1\xea\x0fbm\xa3Id\xd2\x10+\xd8\x0c}\x91\x8d\xd7\x1b4E\xc8\xb22\xa4\xcc!\xc0\xaa;\x02L\'\xea\xa7\xba\xba\xa6p\xb2\x86\xae\x04\x84]P\xb0\x00\xcd\x1ew\x7f+X\xd8c\xb1\xfc\xb6\xdcf+7\x18@-\xe0\x1az\xcaC\x0b\xbfWK\x82d\x92\x1f\r\x96#\x91G\xfc\xb3a\xc8\x95\x7f\xce\xff\x97\xb5\xb5\xdfqr\x89\xa4\xd1"|\x08\xfe\xf8\xf1!\\\\F\xaf\xb1\xab\xcb\xd8\xe5\xb2z\x8d.W\x97\xd7\xea69M\xe6VsOk\x8f\xd9\xd2c\x01\xb9\x00\xebX\x87\xbd\xc5x\xea\xc4\xf3\x19\xd8u\x90J"I!\x01\x9bT\xa1\x10\xfe\x88SNN&amp;_\xae\xa7\xf54X\xe8\x8b$\x94\x8b\xf4\xc6\xda\x9bI\n\xd3%\xca\t\x8a=A\x00\x00\x07\xa0IDAT\xbaSXv\xe4\xc4\xf1\xfa\xa9)hEv{\x8b\xd5j4\xb6x\xbd\xb0)\xe3\x0bd\xb2\xb5\xf6\xf4\xf6\xf4\xeaT}}#\x15\x96-\xac\xa1\xaff\x92Z\x01\xd6\xe3W[\x99\x97\x88\xf8|\xa1\x80T\xfco\x1bwN#!\'\xf4\x04A0Q\xc8\x15\x13VV\xfb\xfe\xbc\xb6\xf67\x8a@\xb9D\xec\xed\xb2#\xc7\xf1\xfa\xd1\xa9b\xa3\xdd\xd9a\xb7\xc2A\xc1\xda\x91\xdcg\x82f\x9b\xc5\xd2\xdb\xdb\xd7\xa7;zT\xa7\x1e\x81\xaa-G\xac\xa9\xdf\x0c\xa7\xa8\xc0\xc3w\xeb\xbfN\x9a\x08X2\xb9L\x98%#\xc9\xac\xffv`\xcd\x11\x11,-\xa7\x08\x92$\t_\xc2\xe7chfN\xb9\xac\xff\x16\xe4"H\x19\xc8%\x8d]\x01\xac*,\xa3\xbd#\x18\xc4\xebmA8)\xd8l@aQ\xf7\xf5\xa9z\xfbTZm\xa5J\xad\x1e\xd1T\xd4\x82ZV\xe3\xfce\xfe\x16\x95ds}\xfd\x07\xb9\xf8B\x85\x9c\x94\x0b\xc5\nB&amp;\xfa\x0f1\xcb\xe7\xd3&gt;?\x00\x11pl#"\xd1E\x86eh} )\xd7[\x82\x94\xa3\\\x8a?\x1c9^U\\\xdcRUU\xdc2\x1e4\x18\x82\xc1 \xac\xb8\xf2\xf2\x1e\xb5E\xadV\xe9T*\x95\xee\xf3[\x95\xf0]\xad\xd1\x8c\x00W\xd0\xd8&gt;\x01}43\x89\xf5x\xbd\xf3\x9d\xd4w5\xc9%\x95f\xf0\xc5&lt;9\t&gt;\x08\x15Y\xff\xb6a4\xd2\xac/BPz(\x9aa\xfd\xb3\xcbL\x84\xd6S\xfa9e\x02\xe5\xba,\xe7\x89\x0f\x8a2%\x93\xed\xf5U-P\x10\xaa\xf1QC-\xae\xb6r\x8beD\rP\x80tT\xfbs\xed-\xadV\x07j\xa9\xd5\x9a\x91Z\x83\xbd\xfe)O\xba\x15,\xc9\xbb\xce\xf5\xc7\x91\xb9/9,\xe9A\x1c\x1f\xf9b!\x80aD\xfe\xe5\xa8\x96\xd3HG"\x0c\xa5g\xb6\xca\x17]\x05\x0f\x01+\xa6\xacfA\xae?*\xf8|\xc0\xca\x94&lt;\x99*n\xf9)\xc4\xbd\xa5\x05o\xc8\xab\x18\xb1\x95\xdbF\x00\tH\x80\xabR\xdb\xa0\xd5"\x16\x94F\xa3\xa9\rN=\x9bI\xee9\x18\xac\xcd\xce\xceM\xde2bI\xa5"\xb1P(\xc4y(K\xcc\x93\xc1\x89\x9a\xa2\x08\xc5?\xaf\xcb\x1c\xa1\x9e A#\x86\xa1i\x1a\xe5\xa2\xf4\x91\xc0r\x80\xc6\x1f\x99\x1b\xcai\xea\xc5\xc2\x0b~\x86\x94\xfb\xe3\x19\xcf[\xec\xe3\xe3\xe3v;w\x9f\xa0F\xad\xb6\x8c\x80V:\xb5\xbaIU\xa9\x83X\x01U\x03\x84K\xd7\xa4\xd6T\x18\x8c\xf3\xc3\xe8`~&gt;\xb7\n\xc1BQ\xa0{\xb91\x89\xa5\x80\xc1\x83\x87db1\x86\x0c\xc9\xc8\xc6\x0f\xc0$r\x88\x13"p@Xx\xf2\x0e/\'\xa8H\x84\xa6\xc8X\xf5\x03\xea\xd5\x8b\xb7_|\xfd\xed\xc6\xfb\xf7\x1b_\xdf\x9f\t\x8d\x8f\x8f\x8e\x02\xd9\xe8\xb9O+\xd4\x18ntL\xa5nj\xd2UV\x02U\xc3-m%\xa4\x0b\xb0\xca\xed\xed\x13\x19\xe8_~N\x0e\x80}\xd7\xb9~\x9f\xb9\xd0\xcd\xa2\x83\xa2\x83\x10x\x19\x80)x\xa8\x1a\xbeO\x81e\xa6:\xa7\x8c\x12\xe8\xe9\xa4JT\n\x8a (&amp;\xbc\xb8\x1c\x81\xac\td\xe4\xear\x9c\x89?\x7f\xff\x9a\xab\xb57\x9bO\xc6\xcf\x9d\x1b\xc5\xfa\x14\xc4\xd2U\xea0IM\x98,\x95N\x07.\xde\xbd\x0bj5\xa1X\xc1\xae\xb8\xd0\x17\xf0O^\xcdG\xae\xfb\x9d\x9d\xdf\xf1\x13\xdd\xb3\xc9d\xa1y&lt;\x85\x0c\x0b\x87H\x05\xbc\x95\x0b\xb8\xd5\xc6\x9d\x89\xc5r\x8a\xfe\xde\xba\x14\x13\x87\xe5\x9f^\x0c\xb3\xb4\x8c\x97%\x83\xe1\xc0\xc7N&lt;\xd9x\xbd\xf6\xf2\xe5\xcb\xb5\xb5\x85\x17\x1b\xe7\x8e\x01\x14~\x8c\xa2\xd1i\xf1q\x90J\xae@,\xe4\xbau\xb7\xa1R\xd7\xd4\xa4\xa98V\xf5\x9cH\xdc8]]=\x17\xbd\x0c6ry\xef\xbe3\xccu\x87\x83\xe0\x9c\x90\x97\xc4A0,\x10O.\x17\x08\xa0M\t\xc9-\xf3\xf4\xd4\x07P\x80E\xfb\xa2\x8b\xd3\xac\x80/\xa6},\x9el\x04\xf2\x99\xb7/_.,\x00\xd9B\xe7\x9b\xdf\x1f\x03(\xa0RU6\x9c\x1f\x1c\x1c\xbc\xdb\xc0%\x1d\x92\xa5CN-\n\x08\x16\xd6%\xe6n@U\x03\x98_p\xff\xc5\xfa&amp;\x7f\xf5\xc1l\x06\x9e\x9c\xa5|\xc0\xe2%+\xc9\xa4\xe0)\xb8\x1fd\xf2]2\x80bR\xce}\xc8\x84\xa5\x8f\x84\x13\xd3\xfe,9\x87$S\x08\xf1\xbf\xdb|\x03\\\x0b\xc8\xd5\xf9\xe6g\x86\xdaZM\x13P]\xbbv\xf2\xda\xc9\xc1\xc1\xf3\x9cj\xe0$6\x08\xc0S\xa9M\x0fo\xa4j5\x1ca}\xec\xe4+Q\xf8B\xf7\xb0\x14\xb9\x0e\xf21\xe8\x10+\xde\x16\x1c\x0f\xde\x891\xfc\xb2]\x00E\xe3dI|HDb\x8f\'Ip1\x16\xf3GhB\x8e\xbf\x8d\x05-f\xf8\xed\xdaB\'\x80\x01\xd7\xfaF\x85F\xa5m8\x7f\x1e\xb9N\x9e\xfc\xec3\x00\xc3\xe6\x0ej\xddB\xc0^\xc7\x83\x1b\x178\xa8\x04+\x92(h\x16\x0e#z\xffr&lt;?S\xc4\xc7\xc0#V\xb28$!\x97|\x8eu\x17F\xea\x1fd"SL\xb8\xf9\xe8\x19\x1f$^\x06\xbf\xbcU\x10\xd2\xbf\x97q\xc6\xacmCQ\x14\x96\x14\x0b\xe3\x80\x1e\xb2\x1e\x02O\xa6K\tt\x08\x82\xac\xde\xbc\xb6\xea\x14\xfaG\xb2h3\xa6c0X\xb8\x81\x9aL\x81\x0e5\xc9\xd0\xb9\x90%\x90\x926\xf1\x12(\x14\xd2?\x90Q\xc6K\xdb\x98\xdes\xef{Or{"\'hp\xf4\xf9\xdcs\xef{V\x88\xc3\xe3\xdf\xd5whL\x86\xbda\xaf p\xcd\x8a\x01M\x89\xfd\xc1\xfb\xa2X\xcc\x17\xcb\xb3\x13\xa1z\x98\xe0\xf3!wu|9%\xb0\xd36\x9dD4Ii,4\x98`\x1a.d\xb0\x90(G\xe4\xd4b\xc5\xcfh7\x93\xf8\x16\x8b\x7f\x89\x0e\x13\xff|S\x19\xae\xea\xb1\x00\x90\xe1\x9a\xbd\x1a\xecq\xd6(lGw\xa3\xd1\xc9\x08X7\xb9\xcc\xac\xb6\nc\xbc\xb1\x9e\xec\xec\xf6\xbbYf\xa2\xd53\xe5\x83S\x1d\x1a\x13t\x1d?\xf4\x0e\xacS\x06G\xbe\xb5\x0c\x17\r\x95\xc4&lt;\x83\xb1\xc4i_\xab\xfc\xcfj\x0c\xac\xf1\xf8\xf1%\x0b`E\xf1b\x7f\xef\xf9\x00P\x8bwoG\xa2/\x17\xbc\xe8\xf0D\x88"\x9d\x0e/\xa7\xd3\xc9N`\x92U#i6\xca\\\xc6\xb3V9\x9b\x00d\xa0\x88*\xc5\x8dX?lD\x80\x1a%\xd4\xb8\xdf\xb8^1\xd6x%\\\x940J\x16\xfe\xaf\xad\x98/\xee\xcf\x84\xe9\xe1\xe6\xd4\xecG#\xab\xcc\x8f\x87\xc3\x96`u\xec+\xd6V\x1dv\xcc\xf7\x9a\x11\xb74L\x84/P\xf1\xa4s}\x9c\xa0[\xe8\xa5\x05\x81Rj\xfd$\\3\xf1\xab\xe0\xe1ET\xa8\x1f\xf4y\x9aS\xf5\xba5\x92Q\xa0\x03\xaa!s\xe1.\xaf\x0eD\x8eK\xb0\x1a&gt;\xd5\xd5\x03S\x9a0W"#\x85\x071J\x98\xfby\x88\xfb\x8dJ\xb5\xcf7\xb0l\xf5U\xf2EvQ_\x1e}\x12\xa3\xbe\x1ds\xd0\xc5(\xf5\x0f\x99b\xae`K\x02\xc5#\xd6\xdb*^\x13I\x948\xc9\xf2\xe0\x8bw\x94|\x06kG\xe5\xfa\xa9".\xf1kN\x1d\xb8\xbc\x05\xd4\x8f\x0fy\x9f\xd6@\xdc3\x02\x84Rx\xa8\x1a.#Q!\xe5\xc8\xacW\xa6\xaf\x80\xc5&amp;1\x933\xaa%\\I\x9a\xa4u\x1d{V\x8c\x95k\xe1\xa2m@I\x96U\x87\x12\xfb\xf9\xf2\'\x98&gt;\xbe.M\xf3\t\x93(j\xfcd*\xd9me\r&amp;\xdb\xef\x9e\xf3(\x16\xae\xd4\xc5*uL\xbcX\xe1\xaf\x10|\xc2fIJ\x910,o\xe5z\xf3\x8b\xb0\xe6\xf7w\xb7\xf8\xac\xd3&gt;WO\x82\xae2\x03\x93\xd5P\x19\x97P\x0e\x94R;*\x8a;\x0e\xc6\xa2\xb51v&gt;\xd5\xa5d\xa4\xa4\x97l\xa9\xc7\xceqC\xe7\x12V\xc5\x0b\\\xb7\xbc\xba\xbe\xbe\x98\x1c\\\x95\xb2\xb1j\xdb\xe6s^\x91?\xf4\xa8O\xacI \xb2T\xce1\xaf\xa6\x89k\xa0\xd4\x16\xf1?5\xb0:\xae\x89`\x19o&gt;\xcd\xdb\xc0\xc68\x88\xacU\x0c\xd5\x94X\x15\xd8\xe2\x85L%\x84\xba\xf3\x17\x8e1\xa9\xa1$\xe0\x93\x03\x00\x00\x00\x00IEND\xaeB`\x82'</t>
        </is>
      </c>
      <c r="M397" s="3" t="n">
        <v>45492.67635416667</v>
      </c>
    </row>
    <row r="398">
      <c r="A398" t="n">
        <v>1009928</v>
      </c>
      <c r="B398" t="n">
        <v>1981</v>
      </c>
      <c r="C398" t="inlineStr">
        <is>
          <t>Juan</t>
        </is>
      </c>
      <c r="D398" t="inlineStr">
        <is>
          <t>Juan</t>
        </is>
      </c>
      <c r="E398" t="inlineStr">
        <is>
          <t>CA</t>
        </is>
      </c>
      <c r="F398" t="inlineStr">
        <is>
          <t>ATA</t>
        </is>
      </c>
      <c r="G398" t="inlineStr">
        <is>
          <t>CA</t>
        </is>
      </c>
      <c r="H398" t="n">
        <v>176</v>
      </c>
      <c r="I398" t="n">
        <v>31</v>
      </c>
      <c r="J398" s="2" t="n">
        <v>37321</v>
      </c>
      <c r="K398" t="inlineStr">
        <is>
          <t>Right</t>
        </is>
      </c>
      <c r="L39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4ec6e9-2ba1-4835-953e-a3a24fe588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b9\xbf\x07\x00\x00\x00&gt;tEXtComment\x00xr:d:DAEewil2SDw:3461,j:7954900097623563676,t:24013121\x82D\x15v\x00\x00\x00\tpHYs\x00\x00\x0e\xc4\x00\x00\x0e\xc4\x01\x95+\x0e\x1b\x00\x00\x03\x00PLTE\xff\xff\xff\xf5\xf5\xfb\xe9\xeb\xf8\xe6\xe9\xf6\xff\xff\xfe\xfe\xfe\xff\xf9\xfa\xfe\xfb\xfc\xff\xfc\xfd\xff\xfa\xfb\xff\xf7\xf7\xfc\xf1\xf1\xfb\xf3\xf3\xfd\xf2\xf3\xfb\xfe\xfe\xfe\xef\xef\xfb\xfe\xff\xff\x04\x03\x0e\xf1\xf1\xf9\xe2\xe6\xf3\xed\xed\xf9\t\x07\x13\x0e\x0c\x19\xff\xfe\xfe\xfe\xfd\xfd-\x1f#\xa2\\C\xcd\x92s\xa6aG\xc3\x87iC"\x1f\xc8\x89i\xcc\x94x\xd3\x9b|\xcf\x98z\x97V=.\x18\x1a\xc9\x8fq\xb8vX\xdf\xe2\xef\xbf\x81e1%+U+$\x9cZ@\xd0\x95vL%!\xbf\x7f_\xb3qQ"\x17\x1e\xaddH\xba~b#\x1f(;&amp;&amp;\x1b\x19%\x18\x12\x1b\xcc\x8fm\xd3\x9f\x82\xc3{[\xbcz[\xb2kMK/+\x81J5\xd5\xa4\x88\xc6\x84e\xc7\x89p\xd9\x9e\x82r@1i6)i=2\xaejM2+3\xfb\xfc\xfd\x87M6a1\'\xb6tT\xe0\xb1\x9b\xc6\x8do:\x1b\x1a\xd4\x93q%\x0f\x14[3,\x87D/6 "\x1a\x0c\x13\xc4\x82a\xdb\xad\x95\xc5\xc9\xdc\xd7\xa7\x93r:*\xdf\xba\xae\xa6gO\xb4|c|&gt;+\x90Q8\xc2\x8ey;39\xe1\xb6\xa3\x92aQ\x9cTH\xd2\x8bk\x9d^K\xbamP\xcf\x9a\x82\xda\xdd\xebS2-\xde\xa0\x88\xc9\x92u\xcf\xd2\xe2\x9fS;\'$2\x13\x11!\xf9\xf9\xfa\xdb\xb3\xa4\x95O@\xa2nY\x80L&gt;vG:\xcb\xce\xdf\xd3\x9e\x89\xdc\xa7\x8d\xce\x94\x7f\xb8\x93\x86?-/\x8eT&gt;\xc7\xaa\xa0?8E\x94K3\xe9\xdf\xdd_;5\xda\x99{\xc9\x8ex\xc1\xa3\x98\xcf\xb4\xa9\xd7\xac\x9d\xb2v]\x88O?\xb9\x81m\x9efR{E0\xe1\xa8\x92\xef\xe8\xe5\xe3\xd8\xd7\x88bV\x93hYE(&amp;\xaapUV95\xc7\x95\x82\xc1sV=?SKER}\\R\xa2rc\xd8\xcf\xd0\xdb\xc9\xc4\xb7\xb9\xc9\xaa[?\xb7x]qWQ\xe6\xbd\xac\xc1\x87r\xd0\x84e\x88VJ\x97xn\xd5\xd7\xe7\xce\xa3\x91\xb1nY\xad\x88{\xf0\xf0\xf4\xcd\x9c\x8a\xbc\x88m\xacfSI78\x8cne\xae\x82p3.&gt;AI\\\xb8\x9b\x91\x94ZG\xc4\xc6\xd5ws\x80\xabu`\x9f\x86\x7f\xb9\x8cyH?E~fcq`^\xa5{k\xe1\xdf\xe5\xa4\xa5\xb8\xf6\xf5\xf6hE&gt;\xc5\x9c\x8c\x98n_\x94\x93\xa5\xcdy\\XECcOM\xeb\xeb\xf1\xf7\xee\xed\x9c\x7fw\xfbO\\\x8dH:\xe7\xc4\xb7~x\x89\xca\xc1\xc2\xad\xaf\xc2\xe6\xe6\xedbY[\xfd0C\xb5aD\xbf\xc0\xcfsND\xd5\xc2\xbb\x9e\x9d\xae\xc0\xb5\xb7\xd0\x8cv\xfc=Q\x87\x86\x99YPQ\xf9\x1d3\x87ssUUi\xc2kJ\xa8\x8e\x87\xb1\xa6\xa6car\xb1\xad\xb5\xcd\xa9\x9apis\xda\x8eu\xef\xca\xca28M\xbcxj\xa7WSJL_\x8c\x86\x8b\xa3\x99\x99\xb9o\\\xe2\x9e\xa3\xda\x8f\x8e\xe1\x90y\xf7\xa5\xae\xc7mk\xf6s\x83\xb0\\W\xd0{x\xe2\x82l\xbcc`\xe3\x16\'\xf7\xde\xe4\xf6fm\xf4\x8f\x98\xc80B\xe2Ud\xe8(&gt;\xe8\xc0\x81\xf1\x00\x00 \x00IDATx\xda\xac\x97\xffOSi\x1a\xc5\x87d\n\xa5\xc94\x0b\x91\x86\xdb\x054K\xc7\xb4\x90j\xeb\xe5v\x03\x85\xd0\xe8n\xaf\xec\x8680\x93A\n\xf6BSX\x13zK\x0b#)\x08H\xaeT`\xb2\x88KG@\xf9")\x01$\x85a\xd5"Ep\x10\x03\xc4T\x14"\x0c\x12\xc9\x1a\x95\xe1\x07\\\xc6\xbfa\x9f\xf7\x96\xafB\xb1\xc8&gt;Ub\xc1\xd0O\xce9\xcf\xb9\xef\xfb\xc5\x17\x07\x1b~\xa0_0o\xf2\xfb\x87\xf3K\x8f\x9dS\xab\xaf\xe6\x9bgg/L\x1e\xf2\xf3\xf3\xf3\xe7rI.\x87\xbbe\xc8\xcd\t`\'p\xcb\xf8o\x9f\x03\x00\xc1p\xf3\x83G\xe6_-_\'\x8c\x04!\x10\x18\x8dF\x81\x91\xc0\xe9\xff:\x1f\xce\xe6\x1d\xf2\xe3\xf9\x93\\.\x87\xdc\r\x8b\x9d\xc0\xc0\x8f\xb9x\x1b\xaf\x83\x08\xc5\'\xbf\xca[\xa6\t\xa3@\x10\x12\x12\x12\x14\xb26\x02\x81\x80 \xe8\xb2\xe5\xa5\x91`\x90\x8cCr\xbcqm\x97k\xbbb\x07\xc0"\xfdF\xa6\xfa=L@\xe5\x19\xf8\x07zoT\x10x\x7f\xc3\xd4\xec!?\x92\xdcj\xe3v\xb4\x8f\xb9\xb6\xe8\xf5\x99H\xa1\xdcP^\xf3;\x1aA!\x98\xa0\xa0M,V/P\x8c\xc6i\x97si\x92\xb7\r\x8c\xbb\x87\x8d\x81\x80s0\xb5\xf8$9\xbd\xecq/hsB6\xbe\x82f\x02\x05\x0e1S\xcf\xccNnU\x8c\xdc\x13\xeb\x80j\xf1C\xfd\x9a\xaf\x1b\xd7\x12\x15\xb4c&lt;\x92\x85@\xc4p\x82nx&lt;I\xb2\xf6qvryO\xd7g\x04\xfd\x0bn\xfe\xedW42j\x17$\x8f^\xe0#\x1b}\x9cP\xd3\xd4\xf2t&gt; pv\xc5\n\xf0\xb2\x8f\xfb\xc6\xfa\x92\xcf\xf7\xbf\xf7\x9a0\x86\xac\xc5*d\'\x13\x92*\xc8\x130\x05\xae\xc6\xe9\xc5\xf9I\x7f\xd2[M\x90\xbb\xea\xf5\x19j\x05\xe7\xbd&amp;\x90\x1a\xc6\x90u\x8c\xa0\x8dvX/\x89\x90\xb5\xe0\xc3F\xe2j\xaa\x7f5\x98\x17\xe0\x0b\x96\xffz\xee\xf7\xc9\xf4%?\x947Ox\x8a\xca#K\x88B\x80\x94\x13(\xd0\x10\x84\x82\x90\xc9\x14\xc0\x0c\x7f\xd1\x0f\xe1=\xe4\x9ejx&lt;\xbde#\xb7\x1b\xb9#^\xbc\xfdc\xf1\xf9~\x0f\xf1\xb5X\xa1\x8fe\x17\x8e&amp;\x08\x02\x93\xa91\x99D\x82a8\x86\x01\x17\xfb_\xd8\x9f\xe2\xc8HW\xd9\xf2\xf4\x06\x16\xf9\xa9u\xdc?V\xa8\xdfc(+0P\x80\x96-\xc8\x88&gt;WFI\xb0\x98\xfa\x98\xf8\xf3%%\xf5\x15\x15\xf1\xbd%\x94\x0c\x14S(B\x14\n0Q\xa1\xc0\x15\xb4\x1a\x16\xf2\xb6?\x97\xf4!]l\xe6\xfd\xf7\xb7\x83\xfc\xfcy\xc2\xe8\xb1\x07\xdcS\xc8\xb0k\xf5\xa3\xa3\xa3s\xf6\x8b\xf6l\xbb^o/,\xbc{\xd1n\xb7\x8f56\x8e\xd6\xd7\x97H\x10\x9d\x0cG-A\xa9)\xd7R\xf0z\xee?\x91\xfa\xc0}\xaa\xc5\xe7\xf3\x9aQ\xae\x82P\xe0\xcf\xa4\xc6\\\x93~s\xea\xec\xc9\x93?&amp;\xa4\xb8\xdd\xe7"#\xcd\xe7"\xddfs\xa4N\xaf7\x9f3\xbb\xddU\x85?\x8cV`\x92\x18\x0c\xc8h\t\xadn\xb8\x07\xfb\xb8;\xd8\x8e\x87\x10o\x7f\x16\xce\xd2\x9eG\xa0@\x96\x9a\x1a!\x8d\xfa&amp;\xe9\xd4\xd9\xb3g3S`\xcc\xe5n\xb3\xc1\xac3\x98#\xcdh\xdc\xa7SN\x9fNHH\x00\xb4\xf3\x14\x85\x81dj|f\xe9\xb6?\xe9K\xdb\x07\xee\x0b+\x94?\r\xd5\x8e\xb8\x14\xb2\xd4\x88kRiT\xd2\xa9\x93@\x95\t\\n=\xf0D\x9au\xfah7K\xe5v\x03jf&amp;pU\x15\x82\xa1\x12d%\xf5n\x84\xe7\xe3\xc3q?&amp;\x92\xf9S\x04\x9c\xa8\xa0\n\xb0\xd4\x98\x88\x08\xa9\x14\xc4:\x85\xb0R\xdc\xe5f]\xa4\xc1\xa03D\xea\x84:\x1dHf\xd6\x95\x97\x97\x03YfBaa\x95\xfdjc=\x86\xabi\xb5\xda9\xc9\xf3\xf2\xd4\xfe\x98k?Xy\xb4\x11\r$=\x86\xc5\x02\xb5X\xad\xca\xcb\r\x06\x83P\'\x14\n\xdf\x87i4\xef5z\x9d\x1e\xf0\xcc\x00\xe6\xae\xaa\xb2\x17\xda\xed}}\x13\x14\xea\xd5\x86\x1b\xc1\xeb\x0f\xa1\xbd\xe5\n\xf4\x95\xe9\x0f\xd0\rN\xe8\'0\x03\xc4JM\x06,D\x85\x82\x05\xa1\x8a\x16\xb2L\x0e\xc7\xbf\x1c\x8e\x82\x9a\xf7555z\xc4\xa63_\xac\xb2We\xdb\xc7\xc6:\\\n\x81\x8c.sN\xf38\x1c\xfe\'\xc5\xf2]-&gt;?\xff1X\x88\x1ba\xebE"\xa0\x8a\xf0h\x95\x92\x02R\t\x1da\x8e0\x8d\xa3\x0bf\xc0\xe1\xe8\xd2\xe8t\xfa\xf7\x80\x05+i\xbex\xd7n\xcf\xce\xee{\xd2\xd7+S\xa8\xd5\xae\xe6`\xd2\x8bZ\x01\x9f\x89\xf5\xcb\xbf\xe1\xc0N(X*\x91G\xac5\xaa\x96\x16\x07\x8b\xd4z\xa5\xeb\nLFF\x97\xc3\xe1\x08\x13\x9a!f\x90\xfe\xaa\xbbu\xd9c\x1d}\x8d%\n\x9cR7\x8c\xf8\xef\x1a.\xc0\xdaz\xca\xf1\x19+4\xf49\x01\xf7\x07\x01.\x13\x81\x85\xc9@\x15\x05\x16"\xaa\x96\x16\xf9\xf1\xd6\xae+\xad\xad\xe2\x13\xe2\xf6\xf6\xea\xea\x95\x8c\x15\x04\xd7\x05`\x06\xb6,\xb2\xeb\xb2\xb3\xeb:\x1a+ \\t\xd9\x92\xdf\xae\xa1G,[\xfb\xcb\xf7\xf3\xe8;#\xdaC\x0c\xb4BTR)\xf2\x90\xa5R\x1e\x8f;zB,n\xd7\xdalZ\x9b\xb6\x1dfP\xdb^\xbd\xd2\xe5\x90\x0b\x85\x91\xd1`cv]\xddX\xc7\xd5\x8a\x12\x89\x9aPOM{)\x89\xc0\x80\xad\x11\xf3\x19k\x9af\xcbA$\x12E\xb0XQI\x88\xaa\\(\x97\xe7\xc4\xc5\x81L\x8c\xad\x07^6F\xcbh\xb5\xda\xc1\xc1\xea\xf6\xeaV\x87\x03\x16Aw\xf7\xae\x1ea\xd55\x9e\x97P4\xb5\x98\xc7\xe3n^\x1f\xbd&gt;\x84|6\x11&lt;\x84c\x9d\x8c\x15+9\x19y\xf8#k\xa1\\\xae\x8c;&amp;\x0eW16\x8b\xc5\xc60L\xbbV[]=\xd8&gt;\xb8re\xe5C\x97\\\x18&amp;\xd4\xe9k\x9a\x9a`\x17\x0bGK(\t\xd50\xcf\xe3r8\xeb-q`,\xd2\x89.\x14\x84g\x0bQ\xb4&lt;b\x01\x96\xf2xN\x9c8Q\xa5UY\x18F\xa5R}m\xb1\xf5tv\xf6\xd8\xb4ZX\x02\xb01:Z_S\xd046&lt;f\x9f\x1b\xa7(\x17\xf5nr\x0b\x96\xd7+\xad\xafX\xbc\xd7\xe8\xb9\x03\x1eF\xa0\xf14)\x8b\xd5\xa2\xcc\xc9\x89\x8d\x13\xab\x18\xe6\x08\xf3\xb5\n\xb1\x81\x9d=\x08\x0b\xd2\xe5\x10\xea\rB\xbd\xbefx\xb8\xe3I\xdd\xd5\xb9^\xca\xe5*\x1b!9{p\x91\xfb\xc3\xfa\n\xddt\x04\xe8a\x18!\x8dH^\xc3Z31\'\xe7\xa7X1\xc3\xfc\xd1r\xc4b\xb1\x14u\xda\xd8io_\xf9\x80\x96Qh\xd0\xeb\x07\x9a\x9a\x9a\x9e\xc02N\xb8\\.\xea\x19*\xfa\xff\x17\xd6$\xedQ\x0b\x0e\x0eR\xf00\xc9\xd3\xa5H\xad\x17/^\x00\x96J\xb5\xb0P\x04\xd3\x99\x06J1\xa0\x15Puu\xfdU\x0e\\B\x14\xae\x82\xb1\xba\xb1\xbe\xb6\x19WC\xc3\xef\xfe\\\x0ewC\xb0\x1dX\x9e\xfa\xf2\x15k\x1a\xdd\xc0\x8c2\x11:9\xa0\xd2JJ:\xcb\xf6\x03\xe2R\x02Vb8c\xe9LKK\xb3\xf6\xa4\xf5\xe4BM\x88\xc5\xe2\x13\x1f&gt;(\xe5JyKX\x98\xa6\xa6\xa0\xaei\xf8\xc9\x9b\xbe\x89\x99\x86\xc5\xd5`\xfe\x16,/\\\xbeb\xe5\xd1pPV\x00VD\x14\x94\x03\xccf\xc5#\xb5\x12\xc3-\xb6"\xab\x15\xb8@1\x0bcaT\x89\x89\xe2\xb8\xb8\x1c\xa5R\x0e\xdb\x08XM\xc3?w\xdf\xb9?\xb4\xb8\xb88\x85\x1a\xc2\xeb2\xae\xd9\xe8km]\xa0\x11\x15`I\x01\x0b\xa9\xb5\x16\xad\x17l\xb2\x0e\x1f\x81X!\xaa\xdc\\\x8b\xa5\'\xd7\xc2\x84\'\x8accsr\x00J\x19\x06ji\x9a\xba\xbb\x01\xeb\xed\xef\x0fff\x96o{\xa8\xf6L\x97\xaf\x97\xd6\x0b8:\xd1\xc8\xb0\x08\x10J\xba\xbe\x88\x06\x14\xf7\xd8\xd8\xc4\x05\xc6RT\x94f\xb2Z\x8b\x18&amp;\x17\xd5\xc4\xe1D\x98\xc3\xdf\xfd\x94#\x87i\tsh\n\xba\xbb\xbb\x8b/?{\xf6\x9f\x073\xce\xf5lq\xf7\x90\xcbW\xb5\xbe\x07,\xb8\x02\xa6^\x8b\x8a\x87p\xc1\xf303\xa1&lt;:L\xa9&lt;\x1a\x9b\xf8\xe7?Y@\xa44SZQn\xee\x11F\xb5`ag\x01\xd8b\x8f\x1dE.\xca5\x08\xab\xf8N\xe5\xcd\xda\xd5e\xa73\x9f\xbb\xcd\xc5]\xb8\xc8\x00_\xd5z\x0eX8\x0e\'\xadkR\xa8\x08\xb00\xe1\\d\x98\\y\xf4\x18\x18\x98\x0bIO+\xb2\xa0T-\x1c\xb1\xf4\x80p\xd6N\x93\xb5\xb3\xd3\xc6\x84\xab\xc4\xad\xd0^\x1a\xc7@\xf1\x9d;\xa5\xbf\xd6\xd6\xbe\\\x9eY\xfd\x85\xb31^\xb9|\x8d\xfcs\x1cN\x80\x08\x0b\xca4\x19\xb0\x12\x12.\xea5\x9a\xae\xbf\x9d\x08g\x80\xc2d2Y\xe1\x05\xd1Bf\x9a\xd2\xd1\xc0\xb7P\xd9\xb7gTgd\x0c\xfc|\xb9\xb4\xb4\xf4fm\xed\xb3\xd5\xe5U\xff\xb5E\xdcK/\x1f\xa98\xcd4\\\xab\xd4,V2x\xf8\x97\x1f\xec\xd9\x05\x03\x03\xd5\x19\xed\xb6\x9e\xb45\x10Sz\x96\x15\xb6\x11\xbdy\n\xaf\xf4\xca\xcb\xc5\xc5\x83\x83\xc3\xc3cuM\x83\xc5\xa5\x95\x95\x95,\x96s\x9e\xe4ory\xd3\xcb\xd7l\xcd\xc2\x8d^Mc\xc0\x85\x0e\xcc1\xf1\xf1\xf1\x15\xa3smsu\xc3\xc5\x9d\xbf\xfdf\xb5ZY\x94\xa7\xe9V\x8fR\x95\x95\x97\xef\xbcy24\xf4`hh\xa8m\xbc\xadq\xac\xfb2\xa2\xbat\xe3\xe5\xea\xea\x12\x9f\xcf\xe7\xc0\x9f=\xe5\xf2\xf5\x00q\x81\xc6\xf1~5&amp;\xc2D\xa9\xa23\x10}L"\xc3(Io\xefD_wq\xf1#S\x9a\xe9V\xfa\xad[O\x9ffe!\xaa\xd2\xe27\x1dC\x0f\x16\x17\'\x16gf\xda\xda&amp;\x80\xab\xad\xa3\xf4\xd7\x1b\x97jo&lt;[Z\xbd\xc7gg\x1b\x16\xf7s\xd5\xfaG?`\xf5K\xe0\x14(\xfa\xf6\xdb3"\x11\x96*QS\x12\xb5\xba\xd7\xd5\xd6w\xbf\xfbQ\xa7)\xfdV\x16\x80\xfd=\xeb\x16h\xf5\xa8\xa3\xe3\xc1\xc4\xcc\xc4\xe2\xe2\xf8\xb8k|b|\xaem\xb4m\xe8\xfe\xcdK\xff\xac\xad}\xfb\xd6\xf9\x92\x8f~\xdfG\xe9Z\xe7\xe2\xee\x13k\xfa:M\xf7\x97I0Lt\xe6\x0c\x16\x13_\xd2[\x82!(\xca\x05\x1f=\xd4\xd7\xfd\xc8\x9a\x85&amp;\x1d\xa9e\xfa\x1fk\xe6\x17\x94\xe4\x9e\x87\xf1.t\xd7\xabw\x9a\xbd8\x19\xa2\xe4\xc1\x1c\x15A1O\x88\x88\xc8?\x05Q@\xc5UQ\t#]qj\xf2(#\xc7XC*\x04\xf9S\x92\xe4\xbfI\t\x1d31u\xf3\xacr\xd2\xb3\xda\x0eyl2o\x9cZ\x9d\x9d)s\xed\xe0\x9e)\xdb\xe1\xca\xdb\xfd\xbe\xa8e\x9eZ\xd9\x9d\xfd]x\xcb\xc7\xe7\xf9\xbe\xcf\xfb|\x7f\xef\x9b\xa1\x81\xd1\xe9\xe9\xf9\xc7\xd3\xf3\xf3\xd3}}\x03\x037n\x0c\\\x1fx\x02\x1eZ\xbb\x01\xeb\xfb\xa0\x9d\xab\x9f\x03\\;@{|\x81&gt;\x89\xf7\xde\x8e_\x18\xbf\x95\x19\x8b\x06}u3gn\xee\xf9\xdc\xcd\xfb\xf7\xef?~&lt;?=?=:\xd08\xa8\x97\x0b\n\x05r9\xc8\x05X\xa3\xa3\x9d\x0f\xc1\xba\xd1\'3\xee\xc6F\x99\xcb\xe5\x1ak|\xd0c\xb5X{6\xd6\xff\xdc\x8d\xec^*\x1e42\xe4\x7f\xc0\x9a}\x05X\x1d\x99 W[3\xab\xbe\xbf\xa2\xb5u\xb2\xeb\xc6\xf5\xce\xb9\xce&gt;\xf8\xf5\x81\x01w\xfb`aQQ\xa1\x00Nm\xed\xd5\xa1\xa1\x81\x9918\xee\xf6\x9a*\x99\xcc\x15\xe3J*u_\xb3Z-ZP\xeb\xdd\x8f\xc8\xee*u\xd0\xc7\xfdn\x06\x8au\xf1\x1f;X\xb1\xf9i\x9cz\xc8\xacV\xa9\xad%\xa9\xc5\xd6\n\x0b\x04\xbc\x86g\xc6d\xc3\xc3\xe9\xe9\x85\x82B\x14\xee\x91\xdb\xedvAZ\xb9rjrr\\\xe1.(\x13\x80\xa5\x85\xd9ZZ\x7f\xf7\xee^\xf0\x0eV\xf0\xff\x03\xeb\xb7\x7f\xff\xe7\xf8-\x14+9\x8dc0\xc0\xdap\x0e\xb8ZZlR\x82fb\xa2\xb5n\x12\x18\xaa\xd2\x0b\xf5\x80\x95^U\x03\xea\x94\xb6\xd8l-\xa5F\xa3\xab4\xc9\x7fd\x80\xa5\x05\xac\xad\xad\xd9\x0fb!\xbf\x86\xda\x03\x0b\xec\x93\x13\x82d\xfd\xe5O\x17\xde\xde:\x0ebU\xab\x0c\x1aM=\x8b]Lo\x85\x0e5\xd0\xcf2\xf14\x13\xf8\xd6\xc9\xd2\x9c\x14PK\x9d\x9e\xfeuNL\xafm\x82W^\x8e\xb7\x8dM\x02\xf6\xb9\x84\xa4$\x92\xeb\r\xe4\x83ueek#\xeb\xa3\x87\xc8\x0e\xd6\x01\xb6\xc0\xb1\x82CC\x7f\xff\xeaB\xc7\x99\xe3\xf9\xc9i\xcd*\x83A\x15\x07M"\xad-9\xf9f\xe7_\xbb\xfaY\xc5t\x8dfB\xdaKI\x97\x17\xa6\xa4\xa4\x9c\xc8I\x92\x9e+\xcf\xcb\xcbS\xa9\xae\xdfh\xc5\xc0\x8aa\x03\xacG/\xe0I\\Z\xd9\xeaFvG\x1e\xc5\xf2s\x1d\xd4,0\xac\xd0Y\xabu\x16A\xfe\xf0\xeaT\xc7\xf8\xf1\xfc\xb6\xea\xb9\xe7\xf5*ND\x94(66\xea\xab\x8e\xf9\xe9\xad\x87\xe7f\xfa\xf9&amp;\x03]\xc3e\x84\xa5\xa4\x08\x85\xf1a$\xae\r\x9f\xc7\xeb\xbb/:\x9dY\x10UM\x07\xbf[\x92\\\xed\xd7zP\xac\xf5\xdd\x89?\xb2?T\x0f\xca\x15r8\x16\xf2\xd3\xcf\xd5\xd5\xf3\xeb\xa1\xbf{{\xaa)\x13\x12\x8b3\xa7\xe2\xc4\xe5\x8a.\xa5\xbd\x9c&amp;&amp;~\xd3&lt;`\xed\x9e\xca\x9b\xd4\xb05&amp;\x13\x9el\xa7\xc2\xa1\xe0\xa2s\xee\x9e7&lt;YyI\xfc\xa6#\xf7\xf1\xcf\x97"L\x13\xf0x\xb8\xaeu[\xb5K\x1b+\xf0\x1f\x1eC\xb2\x10\xbff\x07\xb8\xf6E\xc5\xe1X\x1b\xcd\x1c~\\\xfe\xf4\xc6\xad\xd3\x10\xf2mb\x95\x8a\x1dG\xccm{\xde9\xb5u3N&lt;\xb7\xa2\xb5\xf6t=-7\xf1T\xec\xcb\xb7\xa1=\xaf-\xa7J\xa8\xa4\x16\xe3\xa3k=[\x9c4\xa2xk\xe9\xf5\\\x04\x8b`\xeb\xcd\xb9f\xd5jW\xd6\x97\xb2\x90\xac\x9f\xac\x0b;X\x07R\xf5\xbf\xc1\ny7\'\xe6\xf3\x89Q\x05_\x9d\xbe\x10\x9b\xdf\x06\xe9\xc0\xe6\xc7\x11\xdb\xaa\x9b\xaf?y=\xdd\xb9\xf1\xe2\xaa\xb1\x0eS\xce\xa3\xd3\xd9\xc5\xbbX\xb4T{\xf6\xc8#\xa3\xf1\x8f=\xef\xfa\xfa\xa6\xba_\x0c\xf5\xf7\x97s\xb9\xa99zx\xfb,mu\x87\xce\xae\xf7\x9f\x1d\xd2\x86 ;\xb7f\x1f\xb1&gt;\xf1\xf2\xd0\xcf\x16!\x0f\xc5\xd0F\xc1\xb6\x02\x14\x0b\r-\x13\x0b\xd61\x0e\x8bU\xcc2L\xcc4&gt;h\x1c\x92b5&amp;6\xbb\xec\xf2\xf9\xe5\xb5\xb55t\x9f%\xc9\xdc\xd2\xf3\xd8\xb1\xa1\xd7S\xaf\xbb*\x0c\x15]\xb6\xe8\xec\xd4\x9aZ\xad\xc5\xb22\xba\xb2r\xfd[\xf2{\xbd5\x0b\xf9$R\x0f\x8e\xd8!X\xc7\x82~3Z\xcf\x87\xe2\x17\x11\xf5\x01\xab\xde\xc4b\xb1\xcax\xe5x\x02\x16;\t\xab\xc3\xa4\x14\xcfc\xb1\xd1j\xbf\x8cr-\x93+I1ccu\xfe\xfe&gt;C H!\xbeb\x92H5%\x16\x8be\xab&gt;\xef)\xe6=\xe3\x97_\xf4\x17\x83\xf7\x1e\xf2\xcfr\x1d\x8a5\xdb\xd5\xcf\x8e\x80\x1d\x1f\xeaL&amp;d\xa9\x98UO7\xf0x\x06H%&lt;\x96\xdb{G\xe6*\xb5a\xf1t\xe0\xcc\x03\x13\xd7\xd0S\x99\x9dJ\xea--56\xba\x1f\\u\xb7dGg\xf7\xc6\xb8b\xc2O\xf4,X,S\x18ZoF\xc6\xdd\xf7\xcb\xc3\x17\x0f\xcc\xd6\x01\xb0CM\xbc\xd7u\x96E\xcc\x85&gt;#J\x1c\x87\xd9\xaa\xe6\xa8\xea5\xa0\x14\x86\xcc\xadL\x8d\xc99\xd9.KJ\x90N\x98\x8aMey\xe7a\xb4\xec(W\xb6\x04\xc7\x08\x97\xb5\x0f\xbf\xb9\xf6H\x96\x13NBO\x8ckx\xd3\xb2`\x19\x8biX\xc5\xbdg|g\xd7g!\x1fC\xf1\xe3A\x02\xc4\nB\xb1\x8a#@+\xa8X\xd0k`\xd4U\xf4\t&lt;\x01\xc3\x05Ip\'\xbfN\xa9a\x90\xb2\xb1\x9a2X\xb1\xc1C\xfb\x9a\xddnG\xf7F\xa70\xb2j\x10\xed\xcf\x83\xf1\x14\x1c\x83DJ%\x85\x0f\xf6\x00\x96;&gt;^\xe1\xf4x}\x1ey\xd6Q`\xda\x9f`{|\x81\xa9\x85\x00V\\\x0417w\x07+?\x8d\xcf\xe2M\x10\xb0\xdchR8\xeedXX|XxL\x02!\xaf\x98_\x8c\x8aE\xf5xP\xacJ\xaaB\xc8T\x17\xa2\xfdY\x9f\x1e\x19\x8f\x93H\x80k\xf0\x05`\xc9\x84\n\x85\x93\xe1\xf3m;\x90\xa0\xfd\xaf\x91=\xb8\x0f&gt;\x1e\xaaV\xd6\x94\x01]\xee#D\x80\x95\t.\xb2\xcb\xca\t\x18rBt*\x03G\xa1\x84\xc1.\x18\xcd\xc5\xf3\xd8\xfc\xb2\xcb\xb7+\xed\x1e\xa7\xd3C\xb5\x83Z\n\xa1N](\x97;\x1c%zf$\xe8\x05`\x83\x9b;XN\x8f\xe2_\xdb\xdb\xf2\x90c\xfb\xff\xf9\xbdK\xf6\x0fqq\xf8\xce\xb34\x17\x07I\x95+\x12%\xa2XD\xb6\xa9\x1c\xc4\xca\x86@\x87\xd5YB\x02\n.\x86\xee\x17\x0b\xa8\x14\x1e\xe0\xca\xa6Q\x9d:\x9d\xd2\\\xa8\x16\xc8k\xe5E\xccx\x85\x82!\t\x87|X\xb0\xb4S\x84\x1e\xcf\xaaz\xdb\xb7\x88\x04\x7f\xd6\x9b\xbd!\x0b\xa0.?\xe6\xf8_7\xa2D\xe85\xc9q\x1cS9*\x96\x1d\xb8*\xd1?\xf6\xec\x84s\xc5\xe8\xdeow*\xbc^\x10\xc3c\'\xa7\nuL\xa6Rm\x16\xc8\x05\x0e\x81R\'T\xe0\x18\xb8\x12\x88-\x8b\x8b&amp;tz\x9cz\x9fR\xbb\xcf\xc4OU\x08\x14kv\xda\xd0\xcf!\x02VAGSfr5\x8b\x0eX\xb4\x04\x98 \xff\xa5\x08\x95\xd4+5]\xc6`oW:\xbd:\xa5R\x07\xb3\xe3\xa9\xac\xd4\xa9\x95J3p)\xa1\xad\x9a\x01\xcb\xc98Y\x02bi\x8dv\x85\xd7\xe9\xa9\xf5\tf\x11\xe4K_K\x90\x80\xb0\x8e\\|Y\xd1\x8f6\x06\xd1\xe9\x1f\x00K\xcc\xe2A8\xd0\xb8d2\xcd\x8f%!\xd9\x8a\xcb\xc8\xef\xb3i\xf6U\xa5cssQ\xa9\xf3*&lt;\x9e+\x8eB\x94\xca\x0c\x9c:%\x13\x9d\xf3\xb0\x92\x85\x05\x8bux\xd5\xeb\xf5:k\x95\x9b!H\xf0\xd1\xa3G\x8f|\xd1\xc8\x00z\xe9\xcb\x89~1\x8aU\xd0\xd4\x11\xeb\xc7"`\xc9X\xf4*\x06M\x82\xb0$\x03\xff[\xa3\xcb\xd8\xd2\xbbjv\x00\x97\x1f\xc5\xdb\xe0X\x94\x17\xa9\x95\xa0\x99\x92\t\x02\x02\xd7\x89E\xf0\xb0[\xaf\xf3y\xbd&gt;A\xc9,\xf2%\xb5v\x136\x80;\xe6g\xd0\xfa\xc0C\x91\xe8L\xc7\x19\xd4D&lt;\x81\x80\xc5\xdc&amp;siv*#,\xbe\x94\xcd\xbf{\xa7\xa2\xb9\xe2n\x86\xd2l\x16\x08\x94J5xg\x96o:\xe4f\x01J\xc5\x8c\x14\xa2\\)\x8b`\xe2\x8bZ\xa5\xcf\xeb3\x0b6C\x83\x8e\x04\xfd\xa72|8\xd6\xb1\xacg*\x16\x11\xc4\x8a\x12A=\xbd\x84\xce\x16`a\xb1\\Ze\xaa\x04\x17Y\xe5\xe2\xc7\x8d\\\xe9"\x16\xa4\xd5]i0\x9b\xcd\r\xae:i\x95\x9a\t\x0b\xf6\xa2\\\xa0f\xc2\x81\xd1R((U\xa8ZW\x01\xdb\x07X\xda\x9d\x9f=\xfae\x1f\x03(\xcd\xcf\x9a9bt\x95\x16\x9d\xeah\xbaT\xcd\xa1k\x08(\x17\x8c=U\x12\xc6Lw\x95\xe5&gt;\xcd\x18\xee\xe2\xe7\x12\xebd\xc3\xe9\xed#\xf5g\xb11)\xdf\x01\x16\xc8\xe5\x9f-\x9d\xd0IQP\x1a \xe4\xb5\xeeB\x87\xd9\xb7\xad\x14, \x87dx\x00X\xc7\xfe\x96&amp;\x16\xe7\x8b\x80+\xf1\x07\xc0\x12\x9bx\x04&lt;\xe1&lt;\x06K\x06\xacHf\xbaDZ\xc6~:2\xf2TSV\xd6j\x94\x81`E\r\xab\x19j\x81\xe3\x03\x96P\xe8\x14R\xe2\xf5=0Z\xee\x14\xe5\xb6\xc7\xa3\xac\x9d\xdd\xef\xe0\xaf\x15\x0bL\xad\x1f\xe7\xaa\xdb\xf2\xa3\x80+\xb1\t\xc5b\xa1\x95\x06\x8f\x81\xc7\x11F+\x92B\x8d\xa6\xd1h#\x04B\x8b\xec\x8eQV$\xf8\xce\xab\x90\xc4\xac\xc2\x94\xc9\x1d\x02\xc0\x02\x0b\x85\n\x89"\xac\xeaM\x8fV\xbbtE\xe1\\[\xf30KB\x91}&amp;~\x0e\x0b\t\xe4{\xfe\xcb\xe6\x88\xe3\xe8\x8dH\xe2x\x07\xdalx&lt;\r\x1e\x1d\xfbl*\xbc~\xa8\xfe\xdbdXoZ\x8c\xc3\xca\x06\xfdp\x06\x05l\x830\x85\x84\x17\x98\xd5;Z\xe1(\xf1\r\xb5\x8bV\xebR\x86gy\xd9\xe3\xad\xea\xf9\xe4W??_\x01`}\xdf\x9c\xd6\x96\x0f6\x9e\x1eo\x8am\x13\xb3\xe8\xb0~A\xdd\xc2&amp;\x90\xfeM\xbb\xf9\xc74\x9d\x9fq\\".\xe6\x92}c8\x13[\xa0\x96\tv\xad(\xd4\xb6\x81XK\xcaQ\xaeT\x83X\xb1\x99\x1c=\xda+ tz\x0b^\x8b\x9c\xad%V\xbe\x15[&amp;--\'P&lt;X\x01+?lKP\xa1\xe5\xc7IQ\xea\x88N!\x13\x94HJ8\xc3m\x81\xdd\t\x0b\x81\xf0\xe7\x9eO\xd9\x96\xdc\xe6\xdd\n\x83O\x9b/\x7f\xf2\xca\xfby&gt;\xcf\xf3~\xf8&gt;p\xb9l\xca\xd9\xc3_G\x86G\xe7\xdf\x93\xb9\xdb\xcf\xb4\xcfV\xdb\x18\xe4\x8c\xabW\xff~5\x03\x95\xad@\xbe\'\xc29Xp\xa1\xbe\xd2\xfa\xfa\xee\x9f\xcfJ\x92\x93\'\xaf\xfc\x07\xd6\x86\xc0B\xb1\xa2\x07\x16a\x15\x8ab\'\x1faU\xc0\xf4\x95$\xc8\x89&lt;\xca\xe6R\xe2\x8f\x1e\xfe:&lt;:\xe7\xf2\xbdf\x85[w\xcd\xadR\xe9\xc5qM\x19\x10\xb8\x8c\xabP)\xa0\x92fd@C\x8f\xb8Tr\xa1\xdej\xfd\x96\xdd\x94\xf7L\xf2\xf8\xa3\x87\xc1\x04)\x88\xf1u\xc0\xa7=\x84\xb0\xf8\x80\x05&gt;0\t\xcc(`}\x1c\x1f\x0f552\x1a\xa8`\xfao\xf0\xda\xed\xfa\x0e\xb7X/&gt;\xc2m\x82\x92\x00\xde\xe6#\x14C\xa0\x8a\xdaoo\xd7M\xd4[UM\xbf\xfd\xfd\'\xef\x9a\x9e\xa5\xfdTC\\\x9f\\;\xd2\xbe\x17BS&lt;}\xb2\xb3\x13\r\x8a W*\x14\xd5\xc8\xc8lT\xbfbs\x04p\x9e~\xce\xd6\xdblw\xe2m6\xb1\xb8\x81}\x84\x9b\x98\xd7\x94\x97\xf1+\xd0\xea\xe0\xc1\xc4s\xfb\n\xec\xd5:]}\xbd+\xef\xea\x97e\xd4\x82\x1b0)\xfew/\xdc@ \tm~-\\\xc6Li)`\t\x81\x8b\x07&gt;"\x1a\xf2&gt;2;2ZPQq\xea\xf3\xc8\xc3_q\xa9g\xcf&amp;O\x1ea\x94\xeb\x19TjzzbSS"h\x15\x11\x15\x15\xb5\xcfn\xf7\x82Z\xcf]\x89yy\x8f\'\xff\xfa\xde!pCX\x84\x90\xe7\xdf\r[|ok\xd6\xb0Rx\xe0Q/\x0bNE\xe7\x9b\r\x97S\xb2\xa0l\xdd\xcd^~\xf7\xb8\xe0\xd2\xe4d\xd9$U\\.\x16wH\xaa\x93E\xdc\x8c\x88D`\xf2V\xcf\xce\x02\x96\xf5\xb9\xfe\x1d\xf8\xc4/\xff\x18\xbaYX\xa1P\xe0\x8a\x06\xac\x03\x17k\xd0\xec\x93\x9a\x9a*\x84\xfbX\x91u*6[aH\xca\xba\x9e\x9f\x9b;?\x7f\xf7\xddRY\x99\xcd\xb6\x92\\\x96\xcch\x10K\xdcn\tW\x14\x11\xb1?\xbd\xe0\x9a\xdd\x8b{q\xcd\x84\xf5u\xc9A\xf0a\xcf\x8a\xde[+wm0\xc3\x08;\t\x84B\x84e\x01(\xb9&lt;5\x85\xc7\x13\xc4\x9a\xcd\xf9\x15\xd7\x9b\x95\xca\xeb_\xe4\xce/\xaf\xce-\xcd\xcd\xe9\xe7\xe6\xe6\x92\x19\x8ct\x89\xd7\x9d.*\x88\x8a\x88j\xd7i\xae\xe1\xb8\x06a\x9d\x01ox\xe1\xc6f\\\xc3\x1fw\xf6_O\x03\x96\x1caq\xb4\xbcc\xbc\xa4|\xb3\xd8\xa0T\x16\x17\x17+\x9f".8\xf3\xcbH7\x1b\x95\xb4\xcf[\x1dEj\xb7\x17\x94\xd8gu:|V\x03Al\xbb2Q\x7f\xa3\xe8}\xf9\xfe\x7f\x82=\x99\xe6\x03\x96V.\xe7T\t\x8f\ty\x82H\x86XV,\xd4\n\x85\xa9Y\x9f&gt;\xcd\x9d\xcf\r\xec\x89&lt;}\x9a{\xb7\x81J\x92\x94D\x91\xa1\xea\xdb\x81H\xa3\t\xa8U\x84\xed\xc1\xd0\xd0\xf2\xd3{&lt;\xbb6\x88\xf5\x16\xb0, V\x15K.\x04,\xb3\xde54~\xe8@\x8a\xf2\x0b\x10k~\x1e\xa5\x18\xfa\xa1LI\xba\x97_~\xee\x9c\xa8\xe4\x82\xd7\xaeCX\xe8\x85\x8f5m\xdb\xff\x08\xdfF\xb1\xda\x1eHYUrK\xaa\x9c\xc5\xaa: LM\xca\x16\xbb\xea\x9a\xaf+A\x9f\xd5\xe5\xd5\xa5\xa5\xa5\xe5\xa5\x15x\xae\xae.\xe7\xde\x93\x99;\xd2\xd9\xe9\xb3 \x16\x1e\xe0\xc2\xad\xa3\x9b\x9bT?R\xab\x94\xc5\xe1X\xb4\x16V&amp;\x0b\xba\x90\xc0\xd0-\xce\x17\x08P\xbe\xaf.\xad,.\xae\xac,.\xc0si\xf5\xce\x9d\x06q\xb7\x8dz\x9cT\xe0\x05,\xe0\xd2i\xba&amp;F\x83\xf2+\x1b\xc1\x1a\x9d\xae\xa1\xa99\x16\x8b\x90\xc5b\xed\x15f\tb\xb3\xb3c\x05\x15\xa7\xd0-\\CZ\xf8l\x01\xe0V\xe6\xd8l\x92\xc4\xc6\xa60$\xaaY\x1d\x8e\xa3\xe4\xc2\'\xda\xb6L\xad\x81\x9b\xe8*Z\xe4BNf&amp;\x0b|jtxdx\x8e\xa0B\x10\x0eb\xfdeq\x01\xce\x1f\x16\x16\x16\'\x9b\x8e\xb0\xe3H\xe9d\xc0\xea\xf0\xe2 \x16\xae\xe9\xea\xeaz\xfe\x10\xdb\x1a.\x0c;\xdf9-U\xab\xe5\x16-\x87E\xcc\x84\xba\nCPllt\x8e\xe0r\xf6;\xee\xe4\xe4\xa5\xc5\xc5E0~\x93dQ\\\x9c\x88L\xe6\xc6\x03\x96\xaa\x0bG`*\xc0"l\x0b\x16k}\xa9\x1f\x8a\xdd\xe7\x97\xd6\xb0X\x1c\xad\xfc\x9fXI\xd0\x18\xc1AGG\xe7\x1b\x14\n\x83\xcc`0\x88\xf5\x1d\x1d$.\x99+\x82/;\x80\x85\xce\x8c\n\xefz\x1e\xfc\xefZ\x1f\x16\x86\xbd\xfc\x1d\x13\xee"\x07\xea\x16+\x06a\xa1\x17\x0799\xe1\xe1`&amp;\x14\xd9\xdd\x8a\xfenE7\x95D\x8e\x003\xc3\x15\x89Dq\x8c\xf2\x8e\xd6.\xd5\x0c|Zg~\x18\xd8\xb3eX\xb7\x98\xf4\x1a\x8f\x1a\xb88,H.\xc4\xa5T\xc2 \x04\xce\x8b\x12\'"\x91\xca\xce\x91Hdr\xc4A0\x0e\\v\x1c\x95\xcd\xd0\xbbU3pzzFz^\x17aA\x01\xbd\xdf\xdd\xff\xbc{~\xc1\xa43\xdfBvq \x88D"\xb4!\xe8;I0\xfc\x7f|\x9c\r3\xe3$x+p\xf7\x19\x19\x11dR\\\xb9\xd9,.\xaf\x1b\xe9\x02\xa2\x11\x84U\x19tb\xad7\xe5w`\xdf0\x13\x12j\xa6\xa5|5KM$\xd2\xaa\xb4\x80\x95R\x91\x84\xb0(\xc7\xe3\xd9\xd4\xe4Ke$2\xb2\xeedQ\x83Ya.W\xd4\x8d\xcc \xa6\x96\x16\xff\x0fm\xc1\xde\xc2uca\x04\x84u\xba\xc6\xb3\x86Ed\xc9\xb5\xa9J%\xfa\x0b\x0e\xd8\xe7\xe3q\x89\x05\xe8ubIA\xd4~\xb8\x8af\x83Aa\x96\xb5\xcc \xa9Zz{G\xea\x1fb\xbb\xb6\x08k\x1b\xf6\x8a\x99p:\x01\xa6E\xa9\x9a\x06Xh+}\\\t\xfe9\x16\x1c\xfdQ\x8a\xad\xfd\xda\'\x9f\x9d)\x80\xc9\xfa\x1c\xe9\xb8Y\xa10\xc9\x14-=##@\xe5\xf4\x7f[\x194\xd6\xfaO\xda#\xc0\x02.\xa9TJ#2\xe9D5G;&gt;.\xd4\xa6\x08\xa2sb\xb3\xcb%\xd5\xdek\xf6K\x1d6\xbdX_\x8e\x02h2\x0e\xf5@\xb6\xb78{\xfd3\xba\xca\x87\xa1[\x85\xb5\x87\xf0\x86I\xff7\x17\x93ID\x96p\\\xcb\xd1\x16W\\\xbe\xa7p\xb9\xbd\xb3\xb8\xdd\xeb\xee\xa8S\xa0\xd3m\x1e\x1aj\x81\xbcr\xb6\xf8{\xfd\xf8De\xd1\x96aa\x84\x07D:\xfd4\x1c:M\xca\'2\x89\xd0\x88\xb4\x83\x1c\x96\x05RL\xe6r\xab\xba4\x9a.\\\xa5\xea\x97\xc9d\n\x85\x0c\xa8Zz\xfc\xbd\xbd\xbd~\xbfJ\x03X[\x16D\x0c{\x0b3\xffI\x98\x17O\'\x00\x17\r\xb8\xe4\x16\xb9\xa3\xcabIi\x96\xf5\xb7\xaapd\x16\xf0\xae~\x93\xcc$3\x18MC-\xfe\x11\x7f__\x9f\xd3\xa5\x9a\xad\x07\xac\xd0-\xc2"\xfc\xe2o\xc4\xcc\x131h\x8eM\xa0\xd3\x00\x8b\xc6W[\x1c\xe0t\xe4\xc5\xcd2Wk+j38&gt;\x03X\xb2!\x93\xd1\xe9t\xfa{\xfb\xc6\xc6\x9c\xfd.\xc9l\xfd\x95\xad\xc3\xc2\xc2nff\xee=q"&amp;\xa0\x17\x93\x8f\xd6F\xd4p8\xda\xd4fY\x1dp\xb9\\\xad\xb8\xaa\x1f\x90\x8c\xc6Z\xa3\x13r\xbdol\xaa\xb7\xae[\xef\xd6X\xaf\x14a[u\x11C\x07J\xd1\x9a\xd4\xde\x13kz1i4\x1ap\xa1\xb7\xd7\x83\xe3\xb2\xc0\xcak\xbf\xcb\xd5\xdf?$\xab\xad\xad5\x1a{\x11\xd4X\xad\xc9 \x16\xbb5H\xad\xcd\xce-l\x1b\x16\x8a\x96&lt;\xd2\xee\xf3\xd1z\xe7\xa15.:\x9d\xc9d\xf2\xf9\xd0\x8a\x1c\xf2\xc1\xf1f\x99\xc9d\xaa\xab\xeb\xafCb\xd566"\xa8\xb1\xa9\xbeZ\x93\xa2\x9c\xc1\x90\xe0\x80\xb5c\x1d\xd64\x98\xa6\x08\xcd\x8cP4z\xfe\xc5\xa3?\xc1\x80Qu\x08\xad\x06\xaeq1\x89\x90]R\xbe\xc31&lt;8\x0e\xf2\x18!\xcb\x87\x86\xd0*\x89\xd1\xd7\xd7\xd87V3\xd5h4*\xca\x1b\xe2\x18zo\xfd\x95\x87\xeb\tbP\xbd\x1a&lt;\xfc\xed\xc2\x8b/\xbe\xff\xae\x86\x86\xa8\x0e\x1c;\x10\xd0\x8bN$"\xc5\xa4\xd2\xe1\xe1a\x1f\xc4\xad\xd6i4\x0e\x99\x9c\xb5\xce\xc6&gt;\x1f(\xe5\x19nl\x94u3\xa8ql\xcaz\xb1\x82\nw(\x16v\xf1I\xe1\xf9[\x0f\xc6&lt;j\xc0:\x06\x07\xb8N\xaeq\xc1\x87\xc6w\x0c\xfb\x1a!p\xbeF\x90\xa7\xb1\xaf\xb7\xcf75\xe5\x99\xf2\x81\x82\n1\x95\x04X\x0c\xefD\xe5hXH\xd1\xce=?7%\xaeW,\xc2\xc5\xc2\xdd\xb7_\xbe\x9a.-UW\x01\x15\x8f\xc7\x0b\xe8\x15s\x92\x8e\x1a#&lt;\xd4\x0e\xcf\xb0\xcf7\xec\x03\xd5\x00m\xca\xe3\xf1 \xd0\xf1f\x83\x98A\xe5R\x03X\xd6\x81\xdd\xbbG\xc3\xd2\xb0\xcd+\x13\xd8\x93[\xdb\xdb\n_\xbc\xb9\xd9Y\xaa\xe6\xaca\xfd\x8b+&amp;\x86\x18 \xcb\xa4\xb1\xd4\x0e\x07|\x1dj\xa9\x9a\xafv\x0c7BL!\x82\x0c*\x99,\xa2\x1co\x00\xb5\x06\xc2v\xdf\x1a\r\xd9\xb9i\x95}[\xda\xad\xfb\xdb\x7fY\xf8\xe8\xed\xcdN\x0f\xc2B\xff\x9e\x95\xc5C\xbb\x10111\xf4\x18b&amp;\xda\xcb\xcb\x84\xc1\x91\xa5\x06\x9b\x0f\x96Gm\x19G\xf9o\x80;H\x02\xe7\xc5\xa6P\x18\xd5:k\xe5\xf6\xc2G/C&gt;\xd8$\xb5\xa0.\xb4\xbd\xba\xbf=\xe4\xc37\xd3\xa5\x9d\x1e\x07G\x18\xd8\xfc\xae\xf84\x8bw\xec\x10\xaa\xac\x88h/\xcc\xb2\xe8p\xe4\x16\x8eep\xb0\x19\xddJ\x93\xc1|\x87\x9a\x1e\x01\x83\xc6\x11\nE\x0fX\xd6\xdb\xf7\xdf|\x13\xf6\xc1\xce\xcd\xc2"\xbc|\xf5\x9b\x0fCv\x03V\xa9\xc7!\x07\xac\x7f\xb0r\xb6\xb1M\x9dW\x1c\xc7/\xb1\x8c\xc1\xd7\xe8\xda\x12Wq,\xdb7\xba\xb6;&lt;[\t\x1f\xe29\xc51\x90\xf4f\xe6~\x00)\xdc\x8cdPRE1\xb2\x87\x92\x0e\x1c\xe824D\x0b\x014\xa8\xc2\xd4\xaa`yC\x9a\x0b^\xd7\r\x8a\x93\x8dN1U\xad)\x94\xc98C\x86Dd\xd94`\x88I\xa8bb|X:^\xf6?\xf7:P\xd6\xbdu\xf08\x8e\x94\x179?\xff\xcf\xff9\xe7&lt;\xf7yn\xbe\xb9b\xc5\xba\x15\x00\xfb\xfaW\xbeJ\xc9\x15&lt;t\xc4\xb9\xb5\xb5\xf5\xf2e\xc8\x84\xfcu\x18%\xf1\xdb]\x19\x87`\x8f\xb6\x00+\x1c\xa6\xf35\xc7\xf2\xe5\xd2\xcc\xc43\xdd\xf5\xfe\x94\xdf\'\xa7\n\xb2u\xb1f\xe6\xf6\x9f\x81ud\xf7jt\xc9\xed\xed\xed\xeb\x0e\x1e\xfc\xc6j:\x08\xbee\xedZ\xa0\xe2\x9bCgz\x0e\xf4 \xd5\x7f\xfc\xf1\x9b\xe8k\xba2\x1dN\xbb\xcb\x05k\x01k\xff\x0f\xfet\xe5J\xbaP*\x8d\x9b\x0c\xcfg\xbd\xcf\x88\xe5\xa9r\xde\xcb\x1a\xca\xb0\xd6\xd9#\xe8a\x08k\xe3\xc6\x8d\xed\xed+V\xad\xa6d\xd1J\x97x\x87\x87\xcet\x8dt\xa3\xf2\xfc|\xac{llld\xe4\x84\xc7\'\xd8\xfdJ\x10i\x01\xf4\xfa\x95\xe9\xc2\xd4h\xe9\xa8\xc6 &gt;\x9f\xaeA.N\x95\xe5\xb8\xcd0\x89\x89\xf8\xbeJ\xb5\x8evW\x88\x0c`\n\xe5\x10\x16\xfd#\x99\xf76m\xda\xf4\xde\xfe\xfd\xdd\xdd\xfb\xf6\x9d\xd8\x17\xf3\t~\x8c\x16\x85k\xff\xa6\x0f^\xff\xe0\xd3\xe2\xe8h\x85](&gt;\x17\xbf\x8fOM\x15\xcarVg\xea\x1f}Y\xc5\xa2\x9d\x82\xfae\xb5XJo\xdc\xb8\xe2\xe0\xaam\xedC\xcb\xba\xba\xbaF&lt;\x01)\x91\x90\xa2\xc7\x8f766f2\'\x1a\x9d\x82\x8bwc\x81\x06*O\xf7\xfe\x93\'\x7f\xfc\xc9\xcc\xcd\x9b\xd3\xc0b\x16&lt;k/\xa1\xe7\xd8B\xa1PN\xcbI\xab\xd9P&gt;\xf5\xf2\x96\xdd\xbb?\xda\xaeRa%][K\x97\xe4\x87\xd5\xd5k\xd8\xe7\x90\\}?\xd9\xe9\x8a\xfa|\xc0\xc2\xaaQp\xf3!?V\xd7\xe1p\xec\xc4\xd8\xd8;=?\x1c\xbd~\xfdFn\xa1q\xc13cau_(\x17\xca\x159\xe9\xb5\x18\xcc\xb7\xbf\x83\x05\x18\x96\xd1*V]C[C\x1d\x04\xab\xef\xed\xad\x1b\xf1d\xc2\x8d\x0e\xc8\xe3J$\xa2\x0e:\xa0\x18nq\xfaC+\x81\xe5\x84X\xc1\xb6\xae\x03\xbdg.\xff\xfa\xed\xdfN\xe7\x9e-\x88\x8a\xd2zf\xa2\x90NC,9\x19\xd7\x9a\xc4\x82\x8a5&lt;\\_O\xbb\x89\r\xcdmm\xb5\xf5t\xac\xa5\xcd\x93\xc9\xf8|&gt;\x87C\x10\x84\x84\xe4p\xf8\xe8\x82M\x93\x9bN\t6\xb5|-\x1ckn\xa8{\xa5~h\xfb\x91\x97\xceN\xe7\x98gj\xbb\xd43/\x93\xe9t%\x9d\xce\xcbr*\xae\xd3\x88\xb9\xdf\xadm]EXtB\xaa\xa1\xb99\x18l\xae\xab]FG5\x02-\x0eI8\x1e\x95$\xd7N\x97Kr\x02\xab\xa5\x89\x0f\x85\xdc!\xb7\xd0\x11\xf0(\xbf\xf6\xca\xab\xdbw\xbf\xf0\xfeE\xd3\xb3]\xe2\xaaa\x98~o\xb9TN\xe7+\x15\x19je\xad\xac\xc8\xa5\x8f&lt;\xc1j\x03U0\xd8\x06\x83\xc1Ya\'\xed\xa1\xf0n\xb7\xdbe\x17\xa2\x8e\x8e\x0eP\xb9#\x83}\xb0|G8\xa6\xfc\xd6\xb7\x08\xeb\xec\xb8\xf1\xff\xdd\x16\xd0\xd3\x99-=\xa3\x89\xcbr\xa1X&amp;&amp;9\x95Je\xbd6\x03\xd3\xff{\xcc\xc3m\xc3\xa5\x9f\x01h\x00\x00\n\xdfIDAT\xb4\xc7IX\xcdA\xfa\x8bu]\xc1X\xd8)\xd8\x13&lt;o\xe7y`\t\xce\x96\x96&amp;\xbf;\x14q\xe3\xabh\x80\xac5\xaf\xd6MM\x8dz\xca\x87\xa3\x9b\xff\xbf\xac\xf7\x191g\x9b0\xb3\xd6r!\x9dO\xa9#\xeb\xd5j\x8cb\xf6\xa3U+0\xf5\x86\x96\xc1PP+\x06\xac\x06X\xdf\x13p\xda\xc9I$\x17\xcf\xd3U\x1b\xbf\x9f\xbe\xf4\xdb\xa5\xa8\x0f1l\xa3}\xb4\xfa\xed[^\x986(\x8d\r\xaa?\xa7\xba\xe4K0\x19E\x83Y\xc3j\xb5\xb6xq\xaaBJ%\xf1\x91\x8dk\xcd\x0b\x19\xf1\xdav\xca\x9d\xf5gj\xebh3\x11j\xc1\xf6\xc1`\xb8\xc5\xce\x87"\xf4\x88\x90F\xf6&amp;\x88\xc5+\x01\x85\xfd=`\x07W\xed\xab\xdb_\xfc\x15\x19^\t\xa2\xd1`\x12\xff\'(\xbc\x89%z\xcc=\x83\xd9f\xb3i\xb5:\x9dV\x97-\x16\x80\x95L\x12\x17\xb0\x16\xe1\xad\xe6\x0e\xb7\xfff\xa8\x1eb\xd1y\x83X\x8c\xb0\xa0Y\xd8I1\xdb\x81\x11\x01\x18\xb8\xecU\x9b\tN\x05\x8bN\xbe\xd4\x9ei}\xf1b\x7fu\xff\x97\xe1D\x93\x9951K\x81\xc9\xfc\xb7~U\xcf\x89\x1amu\x80\nX3y\x98=IA\xbc\xf3\x17\xed"\x93q\x81\xf1\xe80Q\xc1Pum\x04\x14kF0c\xe1\x96&amp;\x97;\xb4c=\x8d\x1d\x11\xb7\xbd\xc9\xee\xe7]\xaa\xcb|\xbe\x00\xb8\x82\xc1\x9f\xd6\r\xad\xfdp\xc2Xm\x87\x19\x8e[hfYVcd8\xc5d\xff\xa1\x7f\xae\x11\xcdZ\xabUW\xa5\x02V\xbc0Z\xc9\'\x93I9%O\xcf\xcd\x1dbM\x0bk\xf4\xe2\x1f\xeb\xebi\xf2\xa9X\x1e\x18\x87\xael!K\xf9C;\x88\x0bb\x81\n\xd32\xa1\xccIG\x94R\xbe\x07\xb2\xd6m;r\x14+\xd8j\x97\x8ev\xc9`\xb3h\xcc9\x80\xfd[*F_\xb3\x943\xb0V\x1a:\x85\x88\xc4\xd2y+%\x94\x9ddJ\x96\xd3\xa9\x07s\x0fm\x1a\xd8A\x9c\xe8\xe9\xa5\x0b\xb8m4\x9ac\x9e\x18E1\x1c\xe8p4\x91\xbb\x90\xaa\xf8\x04r*Z\x87\x84\x8b\x12k\x14\x0f\xe8\xe5\xf1\xec\xebm\xfd\x94\xe5\xf4K\x97,\xa9\xc6Q\xcf\x99\xcc\xe0bm\x1a\x06\x13\x7f\xc9\xbf\x9c\x95z\xd1`\xb1z\xbd^\x85K\x15\x0b\\Vyf\n\x11\x94\xe5\x99S\xa9;ssw\x16-\xac\xc1$\xbd\xd8K\x99J\xa1\nz\x94\x00\xc5\x02\x81\x80\xc3\xe9\x14x\xbf\x8bW\xa8\x04\x17FB\x88FA\x15E\x8d\x0c{2#\xc3\x1fN\xaa\xc20\xd5\xe3\x05\x8c\x85\xd5\x984f\xc4\xb2_\x99\x93_\xc4b\xa0T&lt;\xaeb\xa9J\x91X:k\xb2X\x02T^&gt;\xbd\xfc\xba\xf5\xe1\xdc\xa3\xcf\xd0\xc2\x199\xd3\xc9\xba\x06\x84/\x88\x19\xe8\xf1 )\x91X\xa8;\x0e\xa7C\x90$\tLR\x02\xb9~\xcf\x9e=Q)\x1a\x15\xf0\x94\x1c\x8d\xe1}\xbd\x97\x11B\xe6\xa92B\x93\xdd\xdcO3\xccf\xe2\xbe\x98,\x18\xd1\xec\x8d\xcfS\x11\x16Q)je\x0b\xa5\xb2\\\xc9\xcb\x85\xe5[o\x1cz4\xfbw\x13\x0c\xca\x88\xe3c\'b\x9eF\x0fY+\x0c\x9d\xe8\x93\xc3!9\x9c\x12\xa9\x84\xde&amp;\x91P\xb4\x92H\xad=j\x95l\x1c\xd9vMCw\x13p\x9f\x9dG\xaa\xd6S\xb9\xe5\xcc\x16\x0b\x88,\x1aVG`K\x98\x7f\xf2\xfe9o6\x1b\xff\x9cX\xba\xaa\xbdtVoe\xa6\x98\x84\xbd\xb2\xd7\x97\xef\x8a\xdf\x99\x9d\xbd%\xa2\xce2\xe2\x1b\x19j\xa9&lt;\x99}\x9eF\x9f\xa3\xa3%\x80"\xedL\xd0 \xa3\xbb]\x02\xed\xe5\'P \xa3{\x14@\x90v\x9f\xf9\x05\x8b0\x19\x8d\xfd\xf7\xee\xf5+\xc2 ;\xb2\x16\x9bjcV\xa31k)\x94O\xf5\xd3)\x82\x9a\x17k\x9eK\xf9\xec\x95gJ\xf9\n~.\x9fZ&gt;\xaa{8{\xf5\x1cG\xde\xcc\xbd\x86\x98e\x10\xc1\xc6F\x075\x0eN\x04/\x81\xda\xc3\xbb\x95\xa7b+\t\x1e\x03^_h\'\x9a\x1d\xe9\xc0\xcf&amp;i\xe1\xcap\xb7\xae^8o\xe4T,\x0b\xe5G\xc5\xc4:\xd6\xa4\xb1iY\xc3S\x06{B5/\x97\x9a\xb6\xa0V\xaaX\xa22\x9d\x8d\x17\xb7\xbe\x94\xba5;{\x9f[J\xaf\xf8\xbdM\x92\xe4\xcb(\x9d\x9f\x80\x89\xd6!$0\xf5\x90\xab(\xb5\xfbi\x12\xc2\\\xc2\x9e\x04\xdf\xd7\x17\x1aD\r\x92\xc6\xde\x1cW\xa8\x8c\xfd\x17.\xdd\xcd\x15E#5(\xa6E\x16\x9bv\x9eKk\xa3I\xc9\x8a\x9f\xebz\xaaT\xde\xa7\xa8\xaaXS\xa3\x95,\xb0\xb2\xd9\xdb[\xff\x90\xbb?{\xe9|\x8d\xf2\xcf\xc0\x8e\xa1}i\x8cy\x02\xe8\xfc\x04\xc9\xa9\x1c\x8b\xf5\x83\n\x8d\x0c\x8f\xc9\x08\x1c\x17ow\xa1\xb3\x89D\x06#}Bw\xcfE\x13mR3\xdc\xddK\x17\xce\x17\xde\xbea\xac\x81.&amp;\xc5ZPL\r\xa5\xd5\xa6\xd1\xb0\xac\x89{l0\xaf:\x1e\x8b\xa5\xe6x\xb2|\\.\x8eN\xc5\x91\xe7\xe3\xd6\xf4\xd6\xad7\xce_\xbdt_\x99\xca\x8c\xe1\x8dA\x1ea\x0c8\x10:\x04KQ\x8a\xca4\xa2\x88\xfe\x06&lt;}.\n`\xa4\x93\xee\xae\xd9\xdfsm1G~Zz\x0ebM\x9e~\xfb\xa8h\xc4\x8b,fU,\x80)F\xc6\xdfF)6\x8b\xf3\xfb\xfe\xde\xb8\xf7)\xb1\xaa\x86\xa7\x99\x98/\x8e\xcedS\xa0\xd2\xd9J\xbb\xae\xf7\xdf\xbdw\x1f\xafh\xe48\xf1\xfb\x9d\x83B \x1cp\xba\xfa\xfaP\x01\xa1\x14P\x90K)\x86&lt;?\x18\x19D7\xb834\xb8~\xcd\xc0@\xe7\xa6\x03\x9fL\x88\xfa%L\rc\xbc\x0f\xb1\x8ao\xd1=\xa6P\x1cX\x16[U\xb0\xc7`\xec"$\x0b}\x8d~^-h\xe5\x9dO\xf2\xf3e\x11jM\x95JY9N\xf9e\xbcx#u\xf1o\x0f0\x1e~\xf7\xd8\x84\xe1X\xc4\x85\x1eT\nuv\x0e\xee\xe4\xddJi&amp;\xb5\xe0,\xbb{\xb0s\x90\x17\xec}\xa0\xda\xbca\xe0\xdd\xee\xc3\x87LJ\x049\xa8}\x97=\xfdV^$,\xc3\xe2E\x96\xc7r\xa9a$2\x1dbiP\xb2XU+U.\xeb&lt;\x93N\xc1\xc2B\xb8\x92E6\x9eH\xa1}\xce\xe7_{0\x87\xf1\xe8\xaf\xd3\xe3\xb9\x81\x10\xfaa)\xb2w\r\xe2\x14Y\xe9v\xaftS\xe5\xe1\xfd\xd1&amp;Wgg\xc8\x8fN\xa7s\xf3\xe6\x1fm\xd8\xfb\xcb\x9ei3\x87w_\xb3\xd4\x08g\x9d+\xee\xba~N\x89\xa1\x89\xd4\xb2\xcc\x93i\xab\x82\x01\xcck\xd3\x98\xfa\x8d\n\x16iUM[O\xc4\xd2y\tkfj\\\x9cL\xe5e\xa5\xe7\x8aox47;{\xe9\xea\xbd\xa3\xb9c\x11\xc1\xd9\xe1\x0c\r\x0c\xac\xef\\O\x1d\r\x1e;V\xa2\xa7q:w\xee]\x83\x0e0\xb4\x03P\x9b\x07\xde}\xe7ZNDBBWJb\xe5n\x9f\xbaF\xb7\xd51F\xcdbV\xe5\xb2\xfc\xa3\x8b3xm\xdb\x8a\xe3\xb8\xdc\x10\xe1\xe8I\xd6Pu\x10\x84\x10\xdb\xe0\xb9\x07\xd3AO&amp;\x07AN\x82\xd9\xc7\xba&gt;\x04\x86\xc7 a\xc9\xc1\xbdd\xed\x0e;\xf4\x0f\xd8ixP\xc2\xb6\xc32\xa6\x15V\x0c\x1e\x14:SF\x06IE\xcb\xd2P\x188lfd\x84\x04\xcc(5\x86\x82\x13\xb2~\x7f\xbf\xa7\';}\t\xc1\xc6\x8e\xf4\xf1\xf7\xf7{\xbf\xf7\xfd\t\xebM\x07R%\x99\xd1\xd4\x98G1Md%\xb56\xff@K\xfdr\x83\x88\x8a\xc5\x99\x19\xd7\x11\'\xbd\xbf0\x0e\xceN\xbe\xf4\xb3\xa8\xec\xf9\xdb\xf5;\xb5J\x85\xc0\xd8m\xe5\xaa7\x17W\x1b\xb5r)\xe7\xd7\x1a\xb7+\xf5\x9f\x1e\xfe\xb3\xab\xc3Qy\x9e\x9c\x86[\xa7\x830\r,o.eZ\n+!\xe3@\x12Wq\xc6\xd1T\x15\x8d\x91\xf8=1\xd6F\x07}\x0f\x0c3^\xc3\xff\nZ[\xc7\x17\x84u\x10\x9d\xe7\nX\x9e\xb3\x88`\xad\xd1\x00X\x85\xbdV~\xe1\xfab\xbdQGi\x80\xcb\xf1?\xfbj\xe5\xe9\xfen\xb7\xbb\xff\xa4\xe9y\xcdQ4l\x1e\xb5\xfeKk\xb3\xe9 C\x8b\xf44\x97\x</t>
        </is>
      </c>
      <c r="M398" s="3" t="n">
        <v>45492.67635416667</v>
      </c>
    </row>
    <row r="399">
      <c r="A399" t="n">
        <v>1015261</v>
      </c>
      <c r="B399" t="n">
        <v>1981</v>
      </c>
      <c r="C399" t="inlineStr">
        <is>
          <t>Damián Bobadilla</t>
        </is>
      </c>
      <c r="D399" t="inlineStr">
        <is>
          <t>D. Bobadilla</t>
        </is>
      </c>
      <c r="E399" t="inlineStr">
        <is>
          <t>MC</t>
        </is>
      </c>
      <c r="F399" t="inlineStr">
        <is>
          <t>MC</t>
        </is>
      </c>
      <c r="G399" t="inlineStr">
        <is>
          <t>MC</t>
        </is>
      </c>
      <c r="H399" t="n">
        <v>181</v>
      </c>
      <c r="I399" t="n">
        <v>21</v>
      </c>
      <c r="J399" s="2" t="n">
        <v>37049</v>
      </c>
      <c r="K399" t="inlineStr">
        <is>
          <t>Right</t>
        </is>
      </c>
      <c r="L399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8a1ee0e-352c-4457-a797-4087cdc9de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8fj\xec\x00\x00\x03\x00PLTE\xff\xff\xff\xeb\xeb\xf6\x04\x03\t\xf7\xf7\xfc\xee\xee\xf7\xf5\xf5\xfa\xea\xea\xf4\xf1\xf0\xf9\xf3\xf3\xfb\xfe\xfe\xfe\xf4\xf3\xf8\xfc\xfc\xfd\xfa\xfa\xfd\xe8\xe8\xf3\xf4\xf4\xfb\x14\x11\x17\x08\x07\x0e\x0f\r\x15\xe6\xe6\xf2\x1f\x1a\x1f\xed\xed\xf7\x18\x15\x1b\xf8\xf9\xfd\x0e\x0b\x0f\xe1\xbb\xa4\xd0\xd2\xe2\xe6\xca\xbb\xe3\xe3\xf0\xdf\xb8\xa1\xdc\xde\xeb\xce\xa6\x92\xd3\xd6\xe4\xe4\xc0\xa9\xe9\xce\xbd\xdb\xad\x95\xe5\xc2\xac\xd8\xdb\xe8\xe0\xe1\xed\xdf\xbc\xa9\xeb\xc1\xab\xed\xcd\xbf\xeb\xc8\xb8\xe0\xbf\xad8" \xd5\xaa\x95!\x1e%+\x1c\x1c\xe4\xc6\xb5\xdb\xb2\x9a( #\xd5\xa5\x8d\xc5\xa0\x8d\x1f\x16\x18\xec\xcb\xbb\xe0\xc2\xb2\xe7\xc9\xb7\xdc\xb9\xa5\xea\xd0\xc1\xd4\xb1\x9d\xe9\xc6\xb4\xd5\xd8\xe6\xe0\xb0\x95\xef\xc7\xb4\x99n[yO@\xda\xb5\x9f1! \xe0\xb3\x9d\x83]M\xec\xd2\xc5\xf9\xf8\xf9615\xcc\xcf\xe0\xbf\x98\x83\xba\x92~\xe8\xc4\xb0\xa0u_\xb2\x82i\xa4{haHB\xd1\xad\x9b\'$+\xee\xd5\xc9,%(\x1a\x10\x12\xef\xd0\xc3\xcb\xa9\x98\xaa\x82o\xa7x`\xd7\xb5\xa3\x90hW\xbb\x88q\xe4\xc3\xb1\xb4\x87o4*+\xe6\xbc\xa1\xf2\xdc\xd1\xf0\xd8\xce-*1\xe5\xbc\xa6FIX\xda\xbc\xad\xe5\xb7\x9b\xb0\x89w\xcc\xa1\x8a\xc7\xca\xdc\xab~f\xa2mW_C&lt;PEH\xdd\xae\x9e&gt;//\xcc\x9c\x83hB6\xf2\xca\xba\x82TC\xc5\x9a\x85\xe7\xce\xc2V70\xda\xa9\x8f\x91cOX@=^&lt;2\xc3\x94}\xd2\x9f\x86\xe6\xb5\xa1@\'$iJB\xe4\xaf\x9b\x98hSzWKTMQ\x9bud\xbd\x8euG20\xc0\x9b\x8b\xb6\x8ey\xe1\xc6\xbb\x87bTP&lt;&lt;\xa9\x8e\x82\xe8\xd4\xc9\xf3\xee\xf0\xf2\xcd\xc0\xe7\xe4\xe6\xb4\x9c\x93\xd8\xb8\xa9:6=\xc1\xc4\xd6P1*\xc1\xa4\x97\xed\xeb\xeeI+&amp;\xc4\x87x\xce\xb1\xa4\xb5\xb5\xc4rSI\xc9\x98}\x8dZGyaZ\xf4\xdf\xd7\xc3\xac\xa2\xb5\x94\x88K88jPI\xea\xba\xa6\xd6\xc2\xbcqH9\xde\xce\xc9\x84ke\x91na\xb1~d\xbb\xbc\xce\xf1\xbf\xb3E=A\xbc}k\xc4\x92w\xdd\xa5\x94\xe6\xd7\xd1\x93\x92\xa2rnwbPNnYV\xf7\x1f3\xf2\xe4\xe1(\x14\x15\xaa\x94\x8c\xa1\x9b\xa1A9:\xd7\x9a\x92\xa1\x84z\xa5\xa7\xb8j6/\xdf\xdc\xe0`X_\xd8\xd5\xd9\xfc0Apfj\xcf\xcd\xd9\xcf\xb7\xad11?\x96[LWS\\\x88IA&lt;&gt;M\x88j^\x98|r\x9d\x80t\xc7\xc4\xcf\xaes^\x90ul\xec\xdc\xd7\xd4\x92\x89\xcc\x90}{u\x7f\x9dbX\x9a\x91\x96\x8e\x8a\x93\x87{y\xc4\xb3\xb1GDI\xac\xae\xc1\xf5\xd2\xc7\xef\xb3\xa7\xb2\xae\xb5\xc4\xbf\xc3\x82\x80\x8b\xc9\x9a\x8eA\x18\x16y&gt;9\xc4\x0f\x1aP \x1d\x9d\x9e\xb0\xfaDU\x94\x84\x82c`k_-)\xf2Ze\xed\xa6\x9d\xaf\xa2\xa2\xc1ih\xd0\x84\x85\xd0\xcb\xcc\xf1\x85\x8e\xee\xc9\xcf\xaajh9\x0e\x0f\xf0t{\xe4\x11%\xb9WW\xd5vw\xa7ED\xe5\xb1\xb2\xe7\x9c\xa3\xd1,9\xe8)?\x1f\xbc\x85\xf0\x00\x00 \x00IDATx\xda\xcc\x98\xffK\x1bi\x1e\xc7K\xb8\xe3\x98Zxfx\x18&amp;?\x04\xf1\x12\xa8\xc9\xc5\x99\xcd\xd8\xc9\xd1m\xb0\xd5D}\xb0i\xd5\xd9\x19\xcf\xaau\xa4\x93\xdb*\xad!J\xc5o\xb5\xba\xdd\xd1\xb4\xd8R\xbc\x1b\xace[\xebmuO\xdaB\xf0X-\x14C\x17\x15\x97=\xc1v\xe9\x0f\xa2\x8b?\xb4\xbb\xbfm\x7f8\xe8_p\x9fg\xec\xf6\xf6\xf7K\xec&gt;\xc9\x04\x15\xc1\x17\xef\xcf\xfb\xf3\xfe|\x1e\x0f\x1c\xf8\xff\x0fSPP\xc0\x1cp&gt;~+\x879\xc00\x05\xd5SSo\'n\x1d\xac\xae\xbe\xf5\x1b\x00c\x0e1\xcc\xa1\xa9\xb5\xe5\xe5\xed\xedu\x9b\x98$\x99\\\xdf\xfaym\xa2\xba\xe0\x03cMm\xbfY\xdcZU\xd5\x0c1Ux\x89&lt;+ \xd1^]_~[\xfd\xc1Tc\x0e\xae-\x8a&lt;\x8fX\x96E\xbc(\xaa\xaaj\x12\x93c9U\xdd%du{\xad\x80\xf9\x00h\x05Sw\xb7L\xa4\x8a\xa2\x881\xe6E\xd3\x14U\x9e\x98\xf0\x1dbU\x13\xab\xc4\xb2\xd7\xb7\xdf\xee7\x173\xf1z\xd5T1\x8f\x10\x8fx\x80\x12yQ\x15\x81\x0e\xca\x88D($V5\x92"\xe6\xd6\xc4\xfe\xda\xec\x0f\xaf\xfej\xaa&lt;\'p\x08\xde*|\x85LBx\x8eey\x91\xe35\x13k6\x8fI6if\xb7\'\x98\xfd\x14kQ\x04\x06\x96\x15X\xd6%\xf0\xac\x8b\x15\x00C\xc5\x82\xc0\t"\x01\xd9\x04\xce\xe6P*\x9b54m{\xff2ce\x8b\xe78\xe0\x12\x80\x03\xc1Kp\xb9\xa0\x9c&lt;\x12\\\xf0\x03(\xa5&amp;\xf2\x02Bz\xd66\x88f.\xae\xec\x13\xd7\xc17&lt;\x82\x96\x034\xd6\x05\x87\x05*\x17\xe2\xa0\xa0.*\x9f  C6M\xe8\x04#\x99\xd4dY\xb6_W\xefK\x13~o;RA0p\xa0\x10\xc0\xb8\xde\x1f\x16a\x9e\xe3yl\x10[\xd1,k\x15\xb84U\xde\x9e\xca\xbf`\xcc\x8a\xcd\xb1\x089JA\x15\x05\xc4c\xd1\x16\xf7\xa0\x00\x97\xd32\xa6\x91\xe1eC\xe3\xb3o~X\xcc\xcaRV\xc6Kk\xf9\x1e\x97\xcc\xb7\x04\xb1\xdc{\x81 \xd7\xb1\x9aQ9\xea}\xd6\x11\x0bi\x161v9\x9c\x91\x91\xb1\xbe\xbe\xae\xe9\xba\xa2`\xb2\x9cg\xae\xdf/\x9b,\x85p\xfdR;\x81\xe3x3\xa3\x82h&lt;\x98L\xc0\xc44,y\xd6R\x95\r\xd5\x85\x97\x926\'(X\xc1\xe2\xcfy\xedHf\xca\xe2~\xd1\x8a\xc2Q\x1a\x857-\xcb\xda\x05\xa1\xb0\x00\xb3H\xb3\xb2\x96f%m\xbcj\xba\x94\xa4\xc1\x0b\x82.\x12U[\\\xc9#V\xf5*D\x83\xeb\xd7G\xc0"D\xbdL2\xaa\xc0\n*\xd2 \xfa3\xd6\xae\x96\xd4\x08\xd4\x91\x97e\x9d\x13\x04Y\xcef\xc8\xeaZ\xde\xf4b^\x89\xdc^\t\xff\xd7|\x1c\x8fe\x0cq\x8f\x89\x8dU\x13\x11\xdeF2h\xa5q\x9a!\xf3\x04\x04\x148\x85\x00\xa9\xf5\xc3T\xbe\xb0&amp;2\xb4\x07\xdf;\x8b\x9a\\\x81\xdaaL\x13T\x80d\x10DYT6\xb0\x90Uu\x9e\x95\r\x1dq\x8a\xa0#\xcd\xb02\xbb\xd6\x9bW\x07\xf3C5\x95\xe4\xd1\xaf\xc4b\xe1/Br\xe9\x8af\x92\xcc\xea\xc6\xae\xcd\xd3\xa2\x82@I\xa8\x1b\x92Y\x97,\n\xb2\xa2\x03z\xd6\xb2p\xc6\xfa\xfau~\xe2\x1d\x16\xac\xf7\x86\x17\xe8\xd8\xa1\xf3\x06k\xd9Lf\x17\x96,,g\r\x9a\xf8\xb2\xc0\x1a\x90\xb5\x82\xec\x12\x0c\xa4\xcb\n\xd2Q\x8a\xac\x13bm}\x03[\x7f\x1e\x82\x94\x80\x9f\x85=\xa1\xe0\xe18,\x13\xaciX\x93\r\x1e\xec\xa5\x08.\x08)0\xbe\x8c\x04\x85\xe3t\x18\x00\x8a\xa6\xa7d\t\x8a\x9c\xdd\xd8\xdd\xb0\x16\xf3\x92\xaa\x87v\xa0\xe58\xc8\x85=&amp;\x9a\xf0\xb2\x0cq\xca\xea\n,\x0b\x18+\x8a\x8e\x15)J\xf3S\xdf\xfb`uI\x8a\x1a\x92\xa4\xc8\x98XV\x86\xbc\xca\xc3td&amp;L\x0e\x96\xcf=Sq\xceP\xa6\x7f[\x80\xb7\xa0\x1bi)\x1a\x8d\x02C0\x95N\xa5R\x94E\x8bFe=\x1a\x94R\x92dh\x98d\x88j&amp;\x97\xf3\xb0\xe4\xef@\x9e;\xceba\x03T$\xcaAI$Iz*\x05\xd3\xe9`\x10\x90\x06\x06\xea\x9e\xcc\xcc-\r\x0c$\xd37\x927f\xe9o\x04%%eB\xa2\xedZ\xb0\xe3\xdf\xcdy3\xae\xa8\xb0\xedA\x01Y\x16l\xa4\xa5\xd2\xb3\x9d\x9du###\x03u#\x9d\x83\x83\xbd\x83\x9d\x9d\x83uss3/7_&gt;{\xf1\xe2\xf9\xf3\x8733\x0fg\x9e\x0c\xa4S\xe9\xe1\xa7\xbabd,\xd8\xf7yq}-\xd7\xd75f\x19\xb1T,\xa0\xd24#\xdd\xd99\xf2ye\xe5x\xf3\x89G\xe33\xcd\x9b\xe3\x9b\x8f6++\x1f=\x1f}\xf1\xec\xe6\xcd\xf6kGn\xdf&gt;\xf2\xb7\x9b/\x00o\xf3^g:\x08e\xa6\xc9\x0f7\x10\xd5Z\xc9q/2\xeb\xb0\xcf\xd0\xd0\xc2DK\xcdv\xd6\xdd\x1bon&gt;Q[[\xdb\xd8x\xa1\xf6\xc4\xe8h\xf3h\xfb\xcd\xf6\xc6\xeb\xb7\xbf\xa8\xff\xa2\xbe\xa9\xa9\xa2\xa9\xa9\xbe\xf0\xf6\xb5#\x0f\x1e46wNJ`@\xf2\x86$M\x84\xedW9\x96\xeb\xd6w{X\x9cM\xb2\xb3\x03#\xe5\x97\x9aO\x8c\xd66\xb6\xb7\x9f\xac\xa9\xa9\xe9\x81\xa7\xe6Z\xe1\xb1\xa6\xa6\xbf\x1f=|\xd8SQ\xe19\xea\xae\x08\xd5\xd7\x97\x14\x16\xd64\x8e\x8fL\x06\xa1\x857\x08\xda\xb5\x11L\xc6\x9cb1\xdf\xaa\x0e\x96\xa0\xca\x9a1;\xd8]y\xf5\xc4\xa93\x17Z[\xaf\x9f\xec\xe9\xe9(9VRx,\xe4.*\xf2\xf9\xfe\xe4+\xfa\xec_\x1e8\x15%!/`\x15\xd6\xd4V\xde\xab34N\xb4\x89\x96\xc5\x08\xe4\xcai3N\xc0R\n\xa3\x07.\xa8r*=X\xde\xdf\x7f\x11\xb0N\xb7\x8c]\xbe\xdcUZ\x12\nU\x84B\x1e\x9f\xef\xec\xd9\x8f\xe2q_\xc2\xe3v{B^\xc0*-\xed\xe8h\xed\x1fIK\n6\x16wM^\xe0\xd5\x1fs\xbax1\xbf\xdb\x80\x8d\x98\xe3TN1Rw\xba/\xdd\xff\xb7\x83\xd5:\xb6\xd0\xd5Q\xea\r\x85B1O\xa2(\x1e\x8f\x07\x02\x11\xe0r\xbbce1o_i\xe9P\xd7POk\xff\xe7\xbd\x86\xc1a\x1bq\xaaho\xaf\xe4\xb4\x8aS\x1b\xf4\xba\x031\xafD\x87)\xd6\xd5\x8b\xa7NQ\xb5\xa6\xbb(\x95\xc7\x1d\x03\xaa\xc8\xd9@ N\xb1\x8a\x12\xee\xcf\xcaB\xde\xbe\xbe\xa1\xa1\xae\xe9\xb1\x0b\x95u\xc3)\xb8\x04\x89p\xd4\x9d\xdcb\x1d\\\x84\xd0\x82\xf9\xcca)xg\x9eb]&lt;\xd3\xea\x88U\xe2\r\xc5\xdcW\xdc&gt;_$\xfc\xc7p \x10\x0eG\xe2E\xf1\xa2\xb6+\x1e\xaa\xd7PW\xd7\xc2\xd8\xe9GsQCS5,bs\'\xb7\xdb3\xb3,\xc2E\x15.\xccz4\xda;_\xde\x7f\xf1"\x885\xd6\x02\xce*\xf5\xc6\xdcE\xbex$\xe0\xf7W\xf9\x1b\xce\xfa\xfd\x81Hq\xa48\x91H\xb49\\\x00\xf6\xb8v&amp;\xad\x18\xb2\x0cW[\x98?\xb9\xcd\xad\xbbt\xabA\x90\xf4O\x83\xdd\xdd\xe5\x8e\xe3[[Zz\xa8\xb3bn\x1f\xb8*\xec\xf774\xc0\xe3\x07\xc1\x02\xc7\x8b\x8b\x01+\xe6u\x04\x9b&gt;\xfd\xa8\x17\xa80,\x8c\xc9\xb79\x1e\xd7\xafU\xbal\xc1N\'\r\x03\xd6}\xa8\xe1\xe9\xd3PCj\xadX[\x91\x0f\\\x05T\xce\t\xfb\x1b\x8e\x07\xe2\xc5mmm\xe7\xcb\xfa\x1c\xbd.\xd7\x8e\xa4\x8c\xa8\x86yl\xad\xe5x\xfaL\xd8\xcej\x8at\xe9Nw\xf7&lt;x\xeb\xccc\xc0Z\xe8\x1ar\x8aH\xc5\xfa\x98\x02\x85\xe1\xa9\n\x1f\x07\xb5\xda\xdab\x14\x0bl?=];7\x9c\xcejX\x91\xb7s\xbdCTo\xc0\x12\x08e\xd4\xa5IP\xeb\x92\x83\xd5\xb2\xb00\rX!O\x02\x8a\xe8\x87C\x0bI\xdf\xc5\x94\xaa-V\x06\x87\xeau\xb9\xfd^:\x95LaY\xde:\x94\xeb}k\x07;\xff\x9e\x01\xac\xc1\xf9\xf9K\xfd\x0e\xd6\xd8\xf4\xf4P\x9f\x172\xcbw\xc5\xe1\x02s9j}\x05\x05\x84\xd3WVF\xddU\xda\xd3\xbey\xe3F\xd2\x80\x01\xf1\x9f\x9c\xaf\x81\xdf\x8b\x08\xe4BJpr\xb0{\x0f\xebq\xcb\xd8\x02\xc5\x02\xb5\x12\x89p \x12q\xfc\x1e\t\x07\xe2_Q\xa6\xf3\xe7\xdf\xa9\xd5\xd7\xd1\xbe\xb9\xb4t\xc30R\xe4u\xae\xf7@fB\xe5\xa1\x8c\xe0\xf8\xc9\xde\xee\xf2\xf2\xab\xef\xd4r,\x1f\x8b%"\xc5\xd0\x80PC\x08\xaex\xc0\xb1\xfb\xf9=,o\x1f\xcc\xc6\x07\x9bsO\x06fSFr"\xf7\xd7\xb1\xefx8J\xf4\xce\xe4$`\xdd\xbfz\x06F\xcf\xe5\xe9\x8e\x92PE\xcc\xe3\x8bD\x024I\x81\xca\x1f\x8eD\x8eS\xaeD\xdb;.oE\xe1\xb5\x97KKK\xc9\xd9\xd4V\xceo&gt;\xcc\xa1Uhp\x052\xdeQ\xebR\xff\x99\xd6\x93\'{~*,\xa9\xf0\x80\xb5"\x810\xf4"\x84|\x00\xec\x15\x08\x1c\x8f\x17\xfb\x8a\xdb\x1c.(\xf1\xa7M_\xbex\xb84\x07\\;y\xb8\xfa\xfc(\xc2\xf5&amp;\x1a\x1c\xbe\xd3\xdb=???^\xdbz\xbd\xe6\xc8_\xea+\x8e\x1eu\x17\x05\x1a\xfcUa\xda\x87\x11\xff\'\xe7\xceAt\x81d\xf1\xa2\x84\x87\xaaUq\xf8\xcf\x9f\xfe\xf3\xcbg33O\x96\x96\xf2p\x81\x85\xf1\x03r\xc1\x9da\x18&lt;\xdf=2&gt;\xdax\xf2\xdaO\x85\xf5MG\x0f\x9f\x8d\x84?nh\xa8\xaa\xaa\xfa\xa4\xca\x7f\xee\x1f\xff\xa5\xd5\xec~\xd2\xcc\xb38~\xed\xce&amp;\x9bM\xd3\xac!\x86L1\x91\xd7E\xa5\xe2\x1b\x11\x11\xd0D\xad\xd6\xa5\xbeT\x91\x16\xc6\xa5\x92B\x1f\xf1A\x11\x15\x10\\\x95\xfa\xb6T7Z1\x82\x88\xc57\xc2 db`:\x1av\x9bn\x97%\xda\xa5\xaeCk\x13iW\x0c\x89k4\x99\xa4^\xed\xc5\x9e\xc7\xce\xfc\x07O\x7fw\x10.&gt;\xf9\x9e\xf3;\xe7|\xcf\x0f\xa7S&amp;\x1354`\xa3D\x06D0\'#+ktte\xe9t\xfd\xe5\xd6\xdf\xbe\xc4"\xf5\xc3\x1f\x00\x0b\x0c\x0f}N;\xa3U-\xec\xeeM\xb8,7\x1b\x8b\x9b\xa7\xf3[\tlPIT.j\x90I\x9dA\xa7S\n\\\xd0\x1a[\xd3s`\xec\xca)\xa4MN\xae\xbc\xba8\\\x7f\xf9\xdd\x97X\xa3\xfe\xeb\x9b\xcfX`\xc2\xf8\xf4\xf1g\x0b\x8b\xbbo\xf6^\xef\xb8f\xe7\xe5Y\xad\x94"\x91T&amp;\x95bPA)`\x95\x17q\xb2i\xb4\xe9b"\x91Q\\X(\x9b\xec^\x99:&lt;\xdcz\xfe%vI\x7f\xff\x8c\x85\xf9\xc2\x10\x1fL\xe1\xf22xC\xed\xc2\x86\xab\xb1\x99V\xc0\x96\xc9\x9c \x15\x1ciyw9!\x7fZ.\x9f\x9eo\x9c\xb5&lt;\xaeT0\xe4\x93\x93\x81\xd1\xa9\xd3\xc3-\xfc\xab\x16\x9c\x17\xff\xb8v\xed\xf7\xb9\xfc;L&amp;0\x8d\x18;:\xe8|\xfe\xbd\x8e\xdb\xcf\xd6\'\\\xf3\xf9\xd97DR\xd0\xcb)*\xcf\x9f\x9e_\xaa\xdd\xd8\xdb\xdb\xd9\x99\x00\xc3\xf8f\xa8\xbdrzr\x7fr\r\xb0^\xe2]\xb5\x9e\x9e\xae\x7fL{\xf2\x17P+7\xf7\x0e\x7f\x04\xbc3X\xc3\xbd\xa1\xddE\x95V\xab\x1a\xdcx\xed*\xa6\x15\x94\x8bD\r"\x11E&gt;;?\xb5\xf7L5\x0e?Z\xdc\xdd\x1d\\X\x1c\xdbY\n\x04\x03k\x10\xc4C\x9c\x1bb\xc5b8\xdc\xf7\xd3\xaf\xfex\x1d\x8a|\xee\x9d\x11\xd5\xc2\x18f\x11k\x1f6\xd5\xde\x1a\xd3\xf0\x84c\xaf]7\x9bi\x04\x18!\x1a(\xad\xf3\x16\xd7\xc4\xee\xe2\xd6\xd6\xb3\xdb\xaag\x8b\xeb \x17`\xad\x05\xf71\xb5.\xf0\x8da\xda\x87\xb3\xf0I\xe7\xed\'\xff\xbd\xc2\xa2\xf7\x02U\xa9Yg6+\xcd\x0e]i\xa9N\xa3)m\xb2\xd4ee\x17`E\xbe\xb5\xb9\xf1fe{\xfbc\xa8i7-\xb3\xe0\xaf].\xd7+\xc0Z\xf9\xfe\xf4\x10\xe7\xa7\xbc\xb4\xbdp*\xcc\xeb\xa33\xa1%^\xcb5\x0e\x08[Z4\x9a\x88R\x19\xab\xb24\xe9t\xb7Z4\x8e\xbbU\xc42Z6\x81\xc2\xceLo&amp;*\xfa\x7f9j\x05\xb1\xae\xb1\xb1\xf1\xd5\xda\xfe\xfe{\xc0\x82\xd4\xc2\xf3\xf5\xf3iK8\x95\xe4u\x1a\xeb\x7f\xf7\xdb\xbck\xfc\x91\x05a\x0b/\xbc\xaa\xe1\r\x0c,\xbc\xb6Xt\x11\xb3N\xa3\xab\xe9*\xa3\x11\xca\x1b(\x9ct\x86B\xad\xb6o\xfa`\xa0\x16{b\xbeM\x05\x91\xd8(_\x0b\\aUT\xcc\xdb\x0e\x82\xb8\x89\xb5\x12?I]\xf6\xad\xceaXL\xa3jP\xa3\x99\x9b1v\xf0C\xf5\xb9\xf4\xc5\xa6\xd9\x16\x87C\xa8Q\x0e3\xb2\n \xe1\xab\x01Kq\x00H&gt;[\xbf]}\xb0\xe9\xf3\xd9\xa1\x11\xac\x05\x02K\x13\xeb\xa7\x15uz\xfdv!^\xdd:m\xf6\xd3I*\x99\xea\x9c\x0b\xd5\xff&amp;/W\xbb \xd4\xf41\x99\x8f~4\xd2\xaf\xbf[\xfe\xcf\xfb[\x8fK\xa3\x1a\xa1\xee\xa1:\'\x93megf0\x146\x80\x8a\xe9\x84\x1b\xaf\xdb\x01nX\xac&amp;\xca\x03\xfb\x81\xa5\xd3!K\xf1\xb6\tA\xfcA\x9c\xc2\xf8k\xd7\xa7\x93\xb3\xd4\xa5\x16\xb0\xea\xf3\xf8\xaa1\xdd\xea\x0c\xbdw\xeb\xddx2/o\xe6\xc3\x93\x9f\xe2J\x1do\xcc\xa1\x14\xeb\x050*\xb7\x951\xec\x9b\xfd&gt;\xe5"\xbd\xfeN\xc8\xb8\x18\xf7\x89\xc5vE\xf3\xfe~\xe0\xe2\x8d\x84e \xbbM\x06\x93\x08\'\xac\n\xd7\xa7p8\x9c4\xce1\xeb\xf3\x98#&lt;\x9dc\xb5onp\xe3\xf4\xddLj\xee\xe5\xda\xe8\xbc\x0f\x92klL\x17\xb3\xf7\x98\x1e\xdc\x17\xe40\xec\xc5\xbe\xda\x8b\xe7s\xd7\xbf\x1b1&gt;\x7f\xc9\x03\x1b\xa2(\x83\xbau\xb1\xd3C\xe6r\xdd\xa6\x84\xc9\x8b\xd7.\xd7\x15\rGOf\x92\xc6_\xb0\x84\x9a\xce\xb3h|\xa8vc\xa7\xaa\xf1\xd8\xe6\xa9Q\x96B~\xc5\x0e\xf4&amp;\x13X|\x06\xcb~\xbc\xb4\xf2^\xc5\xbc\x96\xd4~|\xbf\x13\xf5l*r\x08\x805q\x1fE\xb9\xd5\xa6D"\x81\x93Zi\xdf\x87\xa3Q^8\x99\x0cA\xd5\x02,\xa8X:^4\x1a\x89\xc7c&gt;\x9f\xd8WS{k\xa8E\xe8\x88\xa9Y&amp;\x18\xdcI\xc0u`\xb3\xcd\xbe\xd1j\xb5\xcfW\x1a\xdb\xe3J\x1b\xa3,\xdb\x19\x98\x9amC\xb9V\xaf?\x918\xc7i\x8c\xf8j*\x1c\x8fD\xc3\xc9\xcbP\x88yO\xcb\xd3\x99\xc1Q\xdf\x02S\xed\xf1\x89m6\x9bXr\xf7.\x86\xe5\xd3\xfbM\xa4\x1e?L\xee\x8c\xbac\xf8\xde5\xe5\xb2T\xdal\x9b\xfd\nRF\x16\xa4\xbc\xbc\x8d\xcbE\xb9\xa6s/^XioO\x9a\xe2\'g\x80\xc5\xcc\xc5\xb0\x94\xd8\x06\xe9\xf1p\x7f\x7f\xd7qWW\x7f\x95\xe4\xe1]\xb3P\xe3\xd8dA\x0c\xfd`(J\x18\xdbu\x18\x98\x0f\xd8\x0e\xf4,\x16\x83\x94\x93.\r\xbc\x1f\xcd\x84\xdcB\xdd\xe7\xde\x04N\x15"\xed\xb9\xe6S\\s\x96\x0c\xd53\xef\xdcS\xf1t`y$\xe2+*8]\xfd\xc31\xa5C\xc8\x8b\xd8I&amp;\x83\xc1O\x82\x830\xea\x90iys\x1d\x03;\x10V\xb0FE\x93+\xf2t\xbf\x1b\xb5z\xcf\x13x\xa5&lt;`\xc5\xa3\'\x18\x16\xcc1}\x83\xe6\x87\x12\xb8\xf6\xc3\xb6c"q[\xa1\xd7\xab\xc5\xb1\x88C\xa3\x89\xabK\x0cn\x03\x82\x08H%&amp;\x01"\xff\xdf\xe8hkVaF\x19\x02\x98%\xa4\x8c\xfc\xee\xd1f\x92\x9f\xec\xf5\x1e\x91\x13Gxa\xbd\x8dBj\xa5\x92\xcc&lt;~\xc7\x88j\xb0\x14\xdb\x01\xda\xd5j=\x8b\xe1g\x81c\xaeQ:4&lt;MLor\xbb\xdd\xe0\x18\x91\x12\xd3\x03Cf6\x810\x9a\x9fU\x08\x9f1G\x96\x9e\xbd\xbf&amp;\xa7\xba\xbd\x80\xc5M8\xf1\xba\x89oy \xd6\xa5\x11fR\xc0\x12\x966\rw\x01\x14\x03\xa2\x05\xe9\xcd\xb2{\xcc\x1a\r\xcf\xe1\x01,L.\xc00\x19\xdcd*\xa5\x9b\x90Mk\x13@\xbe\tJ\x04\xb4\xa2`\x80&amp;\xf5zQ/\x8a\x1a\xf0j\x8ai\x17\x9d\x0eh\x8a\xc9\xcfX\x83\xa5\xedU]\n"\x03A\x10\x12\x820X\xfd5\x0e\xde*/R\xa3\xf7\x1b\xe0 $\x0c\xcb@\xf6\x829cW\x93\x01\xd4\xf0@\x90\x9e-r\x06\xb2)G(\xc8\xc55\xe0e3\xd2&gt;\xf2xZ\xe3\xe5%8\x0b\x0c\x0b\x8cX\x97\x02\x92\x19\xc1\xc0H\xa0\x96#\xbc\xea0\xd7\x1c\xf8\x01\xc7\x90\x01\xa9\x04j\xb9\xb9\xa8\xd5\xda\xc0\xe6\x92\xdd\xee\xb66ru\xb74\x18(\xb0\xa2\xdeD\xc2\xeb\xfd\x1a\xb7\xc9\xe6\xe9X\xe7\x88\x96\x1e\xa2\xf3s\x7f\xc6\xaa\x043\x8da\t\x10\x92\xbe\xdf\xc3[\x8dD\xe2bu\x0f\x160\x84\xc5*y\xe0\x86,\x02.\x19\xc5J\xad\x86&gt;Y\xcd)w\x06\x03E V\x02\xee!\x15\xb7y\xeb\xab\xd3\xce\xe5\x81\xb9P\x88\xcf\xfc\x01\xc3j\xaf\xaa\xbcy\x0cE\x00\xc9\x10\x08H\xfaasg$\xa6\xf4\xd8X V\t\xc9\xbf\xad.\xb9\x7f\x9fL\xc6\xd4\xb2\x1e\x1dYQ.\xb8X\x8eH\x1a\xdc\xa7X\xd1\xc4\xf9\xb9\xc1-\xc3o:}\xb15~{\xee\x92Ig~\xbb\xdc{\xa5\xd6M\xf0\x7f\x18\x15\xc2\xb0{N4\xb1\x9a\x1a\xb1\x02i\xa3p\x0c%~\xbf\xbf\x07\x04\xf2^a\xc1as9\xd4\xea\x1b2gp\xed\x067\xe1\xf7[\xc9n\xdc\xc6@\xacr\xf5\xf6i\x8dt:\x7fy\xbcwa\xa3\xe9q\xa5\x05\xb3\xa5e\x10C\xd6\xb0#e\x96H&lt;\x125\xd2&amp;;"\xb7A\x8e\xfb\xab\xb9pPL\xab#*\xca\xa6r\xa8\x80\xb5\xbfF\xd9f\x99hd7\x07\xcf\x9d\xcd\xd3-U\xdf\\\x92\xce\xffa\xbcw`\xac\xb6\xbd\xca\x02Cz1\x82\xe4\x90\x885\xe1\x94R\x19\xe6Ebj\xe4krzF\x1b\x8c\\\x99(4?\xd4\x8a6`\xbbA6\x9bJ\xbdQ.[\xeb.&lt;0p\x8b\xdcn\'\xaeo+\x1f\x17\x07\xceR\xa9\x8e+\xac!\x90\xab\x8bH,\x86fG"z\xc2\xc9X\xd5I\xa8\xfeL\xd9\xc5b\xb0\xaaZ",A:L0(\x8a6X\x1b\x8e\xb0\xed \x95p\xa3|r4\x1b1q\x8f\x08d*\xce\x0b\xae\xbf\xbe\x19\xe8\xdc=\xfc\xf6\xd1\xf8\xed\xc1\x96\xda\x9f\xb3\x8bA\x120\xc4\x8eTD=\x1c=;\x0b\xdf\x95HjVO"\xbe\x1e\x03\xd7\x8aRQ\xacB\x80\\\x1c*\xa1\x80@\xe8^\xf9\xba\x1aE\xa9\xdd\x84?\xe3\xed\xf6+^\xbc\xa8x\xf2\xcfG\xe3\xaa\x05\xe1P\xed\xd5{\x1d\xf62\xc6\xb2\x8bK\xa3\x11e\xac\xbd]\xe9\xe9\xcfim3\x94\xb0\xf4\xf7\xe1\x1ebzY)\x98q\xe4\x10\xa0\x0f\xad\xbc\xe2Z\x8fP6!\x88\xfbn\x043x\x15?\xfei\xb9w`p\xa3Vr\xb5\x9fd\xf5\xb0\xec\x9b\x9b\x9b\xc3\x0f\x95\x12EssN\x16\xa7\xa0\xda\xf0\xef\x03\xd2\x03\xa8\x0f\\.\x95\xcbeS)T\x0e\xa7\x00\xc3\x92\xc3\r@)\xfb_\xe6\xdf?\xff\xe7\xdd|\x9f\x9a:\xb38\xce\x0ed!@\xfb\xa2v\x9c\x9bx\x8d\t\xd1k\tQ"\x94\x90\x045\x89\x04\xe4GH\xa8\xadI\x08Pf\x8a\x10\x08\xbfd1T\x02\x95\x05\xa2\x10H\x94 \x84\x1fA\x190\r\x88\x8c\xa0\x91\x8c\xc5\x02\x05GYe\x04e\xb1\xeaRf\xac;\xce2cg\x84\x17\xbep\xb53{\x9e\xcb\xee\xfe\x01\x95p\xee\xe4N\xf2\xee3\xdfs\x9e\xf3\x9c\x93\xe7&lt;\xd4\xa7\xf7/5)\xbb\x1bM\x9a\x94\xf4\xd3#\xc7\xd1\xf1\x17\xf4^)r}fd\x0e\x9f \xa2\xc3\t^HlnV\xd6\xf7\x88\x0b\x0c\x9d\xff \xb5\x06\\\xd6\x98s\xe7\x0c7\xbd4\x87Ju\x00V\x85S\xa6\x15k\xc8\x8a\xab\x12J@\xbd\\\xac\xd0%2\xf8\x1c)\x97\xc3\x17\xf0\xb8\xdc\x03\xb9\x90\xe7\x11W\xf2A\x88\xf7P\xa02\x0c\\\xa7\xc6\xdf&lt;\xeb\xbd\x89\xb7\xdb\xd3\x80\xa5\xac\x95\x89\x15j\xd0Ko\x92\xd7@\xf1\xac\xcf\xac\xcc\xe3e\x17GTaL\x81(52\x8f\xcb\x8b\x85&lt;\x0f\xf6}Lhh\x14\x8bn0\x0c4S}\xbc9\xed\xd6\xfe\xaa\t\xb0\x9c\xb2F\xb9B\x9f\xa2\x1f4\x89\xe5\xfa+W\xd2G.\xa0\xae\xa7\xf8\xbb\xdd\xbb\x99\xd0\x901\x18y\x0c)\x06T\xcc\xdd\x07\xa3\xa2XB\x83\xc1:\xe0\xe5\x19\xcf\xf8\x9f\x9b.U(\xabke&amp;\xb9F\xa3\x1d4\x01U\n\xf4\xd0\xe9\x9d\x8f\x1f?^\x1c\xbfv\xad\xf8\xaf\xdf\xc5r\x19\x91\xaaH\x11\x8e\xe4\x8aAXt\xab\xf5\xba\x97\x07)\x83\x9e\x15]\xaa(\xacv\xca\xc4b\xb9\xfc\x81I\xadPg\xa6&lt;z\x04}\xd9\xf0p\xe7\x1a`\x8dG\x8c_\x8b\rA`*\xf0#;\x86\xc5\x12\x82Z\xd7\x9b\xbdK\xe5Cu\x03V\x85\x12EW\x8dI\xac\xd6)\xc4\xf7.\xce\xce\xbe\x9c\x9d}\xf7vu\x15\xb5:\x9d\x8f\x17\xabB\xa4\xd2\xd4T\x954\x8b\x99\x1c*d\x19\xc0\x87Voc\xf98\xeaH,X\x8cZ\xb1\xba!\xf3\xc9\xcb\x7f\xbd\xbcw\x0f1\xbd}7\xfb\x0e\xec\xed\xdb\xd5\xce\xc7\\i\x9aH\x85g\x81\x0f\x85\x06!P\r\x9c\xf56\xd6m\x84U\x08ri\xb5\x8a\x86\x13\xe9\x05\x17%\xd0\\\xbf]][\\\xfc\xf7\xba\xadu\xae\xbe\x19\xae\xcc\x13\xa9D8;\x86.\xa4\x93X^\x9fjn\x9fFK\xb1\xd0Y\xab\x95+\x92\xa0\xbb\xb88\xfb\xe4\xcd\x9b\xd5\xe1\xb5\xf1\xf7\xef\x7f\xff\xfd}q\xf1\xf8\xe2\xe2\xda\xf0\x9b\x82\x91\xbcT\x11\xc6F\x994.\x0e\xb2\x96\xb7\xa9|\xe2o@p)\x95\xcan\xad\\\x9d4\xa2\x11\x8bk\xa00\xed\xec\\[\\\x1b\x07[D\x06\x8b\xf2x\x04O*\xc2\x98\xe1|\xf0\xa1\xd0:\xe0\xf5\xd0\xf2\tzZ\x84\xd4BX\x99\r\x99\xfa\x9a\x1a\xb9B\x91\x02q\x0e6\xben\x8bUUU\xdf\x1e\xc0\x11\x16\x87oF\xb9t\xc0\xfbw\x0c\xa8\x8e\xa2\x1fI\xacF\xb1:%E//\x90\xabu\xea\x02\xb9\xe6\xd1p\'\xca[\xd0\xcfry!h_\xc41\x1c\x13\x00\x96\xd9\xecry=\xe2}|\xee\xa2]Q\xe9\xec\x96\r\xca\xf5z\xbdF\xa3I9]9r:=S^[\xf3\xe8\x11|g\x88x\xbc\x03\xb1YY\x18\x8ecDx8\x14\x0f.\xd7&amp;\xdc\x14\xb9=]\x04EDuw-l\xd7z\xfd\x15\x84u\xa1*\x02J\x9c\xc4&lt;t:\xcc;p\x00\xa8rs\xb30\x1e\x86q\xf8\xe1f\x97\xd95\xb0\t\xd7\x1e\x9a\xeb\xea.5\x81\x13k\x1b\xb5h$\xe9\n`\x1d\x07\xaa\x10\x1cg\xef\x86\xa6\x90&lt;p\xcd\x05,\x9c\x87\x03\x16\x9f\xefr-\xfd\xdd\xfbT&gt;\xedW\xeb \xe8\xd1d\xa0\x16\xf6\xe9\x14\xb0\x0b\x80\x15\x11\x82\x131Q\x9f\x9d;xp7yv\x9e\x8b\xe3R\x9c r\xf8\xae\xa5%\xd7f`\x9d\xbdZR\xd7\xd4\x04\xc1\x85\xe4\xd2\xa3\t\xae\x13\x08\x8b[LD\xd3\x8f\x1e%\xb9\x10\x18\x8f\'\x95\x12\x9c\x9c\x99\x99\x99%\xc3\xcdM\xc0\n,\nC}F5\x04=D\x17\xd4\xa5\xe4\xff$\x11\\n\x8b\xd9l\x88\xfb,\xea/h^$\x17\xe7Iq\x01\'\xa7\x05\xa8\\\xd6MX\x88&gt;\xf1EaaMEJ\x14\xf42\xc8\xf4\xe49:C\xf5OFZW\x8e\xd9\xcc\xa7\xd3C\x93\t,\x1b\\(%\xd2Z\xbarf\x96z\r\x86\xcd\xc0\xa2\x14\x85\x1d\nk\x1au"\xae\xc6A\x93I\xa1\xd0\xf5\xd5\xdb#U\xa9\xf6\x99\xae.P\x8c\x9f#\x10\x88\xa4\x18Fp\xd2\xba\xba\xbaf\x96\xcc\x86MS+\xeck\xe5\xa8\xd2\x89\xaaA\xed\xa0vp\xde\xa2\xb3\xd9\xed\x91\xf5v;p\xf4\xc2cW\xa9D\x82\x16&gt;\x04Vo\xef\x0c=n\xf3\xb0\xc2N5y\x9cP\xde8\xbb\x1b\x07\x1f,X,\x13}}6\xbb\xcdf\xb3\xf7\xc2\xdbn\xeb\xb3\xab\xbaf\x10T\xd7L8\xc2\xf2\xde%\x0ct\xed688&gt;&gt;&gt;\xb0\x89\xc4\xea\xa8\xf0\x8c\xc2\x8e\xed\xe9\xee\xe9\xb9&lt;\xdfg\x19\xb3Y\x00\xa8o\xccn\xb7\x8d\x8d\xc1/D\xd4\xdb\xdb\xdb\x92\x91AgY\xa7\xda}\xbd\xd4\x1f\xde~~\xeb\xc5\x8d;\xd3\xd3uu\xd3h\xd4\x1b\xb8\xda\x80k\xb4\xa2H9:\xda\xb30a\xb1X\xfa\xc6\xfa,\x96y\xa4\x17`\x01^/\x08\xd7\xc2fgD\x0b\xadS\x0f\xfd\xbcs\x0b\xe3\xec\xca\x8a\xfb\xc5\x9d\xe9\xba\xa2\xab?^-9Eru\xb4U\x8czF\x9d\xa3\x80u\x19\xb8\x80\xc9661\x07B\xd9\xc6\xe0\x1b8\xd4\xd6\xdb\xc5f\xb3\x99\x19t\xeb\xdd[S^\xe1\xa2.ON&gt;\xbb1\xfd\xcb\xf9\xc3\x87\xbf&gt;\\r\xea\xd4\xba\x1b\xcb\x0b\x9d\x1e\x8fg\xd4\xe3\xb9|yaa~nbn~a\x0et\x9b\x98\xb0\x80^\x16\x8b\xaa\x85\xc3f2\x99l\xba\xf5\xd7\x17\xbf\xb6\xfbS6\x9e\xea\xee\x8ac\xd9\xfd\xea\xfe\xf9o\xbe\xf8r\xdf\x97\x80\xd5\x01`\xf06\x16*\x9d=\x1e\x0fD\x17\xd8\x02&lt;ss\xf3\x13\x13\xf3\xf3\x13\x96\tK\xbd*M\x80\xa0\x98L\xba\xf5\xf9\x8d\xd7\xed\x81\xfe\x1b=}\xe7\xd3\xee^\x1e\x1a\x9a|u\xec\xfc\x17\xfb\xf6\xec\xd9W\xd2\xd1\xd1\xd1v\n\xac\xa3\xcdX\x88\xc0z\xd0\xc8\xfee\xc46\x88t\x83\x8f\xa5\xcf\x9e*\x12`\x183\x9b\x89\x11\xf4#\xaf\xef&lt;m\xa7\x04\xf8o\xf4\xac\xe2\xca\x8a\xa3\xf5\xa1\xe3\x06`\xed\xd9\xb2e_I[[yy[\x1b\x82+//7B\xd3\xd8\xdd\xf8\xe0\xc1 \x18\xbcL&amp;\x93Z\x97\x14\xc9\x10\x89\xd2\xa4x6\xc6d\x12L\xfa\x91[\xd3\xffh\xa6|\xbc\xc1n\x0cZvO\x0e\xe5\xe7\x0f\xbd8\xf6\xb7}{\xb6|\xbe\xf7\x0c\xb0\x18\x8d\x88\xac\x8d\xe42\x1a%\xb5\xe8\x9aA\xcd\xc9\x93b\xb9\x82\x84J\x15I\xa5P\x05fg\xa3\xe0\xa2[\xc7F\xefL\x05\xfa\x06\x04l\xa8\x1b\x1f\xbaA\xac\x04Z\xbe\xfb\xd8a\xa0\xfa\xea\xd0\x99rcii)|\x00\x8d\xa4*\x95\x94]&lt;\xb9&gt;&gt;\x8f\xf6\xc7T)2\x1c\xe7e3\x91\x13!\xe4\xfb\xaa=\xb7\x03\xb7~\xbc\xa1\\S\xee\x95\xe5\xa1\xfc\x84\x1d4\xc7/\xdf\xec\xfd\xe1\x87\xcf\xd1\x0c\x7fi\xbfD\xd2\xdf\xdf_\nL\x85\xa5\x12\xd9I\xb1&amp;\xa5!1\xf1\xc4\xf1&lt;\x06\xd4~\x18&amp;\xc0\xd0\xc0|,\x06\\\x18\xce\xa6\x1f\xa9/\xab\x9e\xa2\x04S\x02\x026.\xec\xfd\x80\xca1\x94O\xdb\xb9\xf3\xee\xfd\xb0C\xc0U\x02X@UV&amp;\x91H\xaaKK\xab%\xb2\x1a\r)\x92H\x8ach\xe5\x01\x0bi8\x0ej\xc1\x8bn\xad\xaf\xa9\x05,_\x90+p\x83\xaa\xfa\xc0ID\xd5\nX\xdb\xf7?\x83\xbc\xb0w\xef\x99\n\xa0*+\x93!\xab\xadF\xbb\xb5\\\x17\xc9\x90\n\x00\x89\x1d\x13\x13\x9d\x0cQ.\xc0q\x01F\xe0(\x99\xc2j\xa4\x1b\xea\x0b\x06\x9b}\x83|)\x1b\xc6\x15\x0fTC@\x95\xb0c\xe7\xb6]C\xb0\xfc\xc2\xc2\xce\x14VK$2\xd9I\x08p\xb1\xac[\x02\xb5\xa0:\x89\x01\x1dtrLxtThtr6\xd44\x02\x92\x12\x1e\xf8\xc1\t7\xd7\x17L\xb4\x07\x07m\x05,\x7f\xff\xc0\xe0\x8d\xd1j\xa8\xb5\x15\xb0\xf6o\xdf\xf6\xc9\xf6\x1e#\xe4\xabKP\xcf\xa0\x10\xaf\x11+\x14\xe2Z\x10\xcb\xa4N\x8a\xe4r\xa2Y`GY\xd1l&amp;\x87\x10\x00\x16;9\x83\x89\xc4\xc2\xa1r\xae,\xb0\xf9\x07\x81Z(\xba\xfc\xfc&gt;\x98+\xde19\tR\x81\xd1vl\xdf\xf6\xe7\x8f\x9e\xf7\xff\xd6\xd6\xd1\x84\xcaRr\xe1\xa9\xd5\nt\x01\t\x12U\xa2*\x87%\x14\n\xe3\x8e\xb0\xa23\x08\x82H\x93\n\xb2\xd91\xc9\xc9L2\xc2\x04\xa2\xca{.JP\xd0V\xd2\x8b\xfe~\x9f\xfa~h\x03=\xb9\xec\x00\xa5\xf2\xf3\x13\x00\xeb\x93O\xfdv\xd5\xfe\xf4[[Eu\xb7\xac\x91\xa4j\xd0\xa9\xc5\x8d\x80\xa5P7\xd4\xa7\x99\x85,\x83P\x08T\x02A\x9a@\x80\xb1\xd9\xc9\xc9\x19\x1cD\x85\xa71*\x9f4\x07S\x01\x0b\xf4"\x05\xfb\xa0\xbcJ}\xe8FZ\xd1\x12\xc0\x90Z\x7f\xf2\xf7{\xddo\x84\xfd\x19\xb5bbyfCR\x83\xce\xa4\xd5j\xa1n\xd6%\xa9r\xe8,::\x06FP\x04D\x16P\xb1I\xb5\xa4"\xc6\x05\xdd\xd9 j\xf0\xd6\xad$\x18R\x8c\xf2!\x1e\x84=\'\x1f%,\x12k\'`\x05NI~2\xae\x8b\xa5\xd1\xe8\x1a\x92\x12\x93\xd4b-\xca\xecj]d\x1a?#:\x9a/\x00\x03/\x12\x9c\x8c\x0c\x14ZL\x1c\xc3y\\\xee\xc8\x0c\x85Jb\xfd\x1f,\xe0\x0f.\xc8\xa0\xed\xad?\xbb\'[i4\xda~\x1a-\x81\x06+q\xd7G~\x14\xcaX\xbf\xf1\xbf}+\x88\x95\x94\x98\xd8 \x17\xafc%1\x88p:\xf2 A .(\xff\xe0a\xb2\tP\x8b\xf7mzs\xf0\xff\xb0\x80k\x9d\xec\x8f\xd4\xabA\xdbZi\xbb^\xb8\x1d\x10\xea\xfb\xf7\xef\x00\xb6\xffTr~\xa1mdg\x14\x97\x98\xd1\x8c&lt;\x9a\xd1\x83\x18L%e\xac\x86h\xfc`\xd6hAT\xb6\x15\xc1\xc6P\x19\xc9\xf9\x83k\xa8S\x13\x87\xc6[\x9bD\xe9Ki\x12\xba\x10\n-\xec\xe2\xf8!"u\x04\x06\xeb%\xd9\x87$P\xedKdPHh\xddl\x14U\x18=\x08\x02\xa6\xd9\xac!u\xc1\xd4\x04\xa5\x9b\xd8\xc5\xd9\xb2Iz\xbe{\xef(\xdat\xdb\xee^\xd98\x92\x15\xeb\xe7s\xce=\xf7\xde8c|\x8c\x86M\xbft\xe9\xc0\x9f\xae\x1f\xc0\xfa\x87`\xa1B\xe7\xe6F\x8f~\xf8\xde\xa1\xa3\'\xa1\xdc\xd9\xc9X\xac\x8ft\xa2[__l \x06\xbd(\\\xc0\x9a\xd0\xb0\xe7\xd6\x05\x17c3e\xd5\xf4\x7fG\xb0.\xa3\x10\x0c\x04K\xe5\x95b.\x13\x8d\xa6"\x8c+h\xd9\x8a&amp;I\xb7\xd1\xa5\xe4\x1b\xc4\xca\xc6\xe3\xf1\xec\xc9#t}\x1b\xeed\xd1\xa8\xc3\x10\xaa\x8fF\x02\x1eN\xed\xebc\x85\xbf\xe7\xdd_\\#\x0f;\xa8t]u\x07dY\xfeN\x8a\x8d\x84\x83\xe1H.W(\x96\x0b\x85\xa0eE#\x00\xcb\xc0E\xcb\x90%}\xf1\xc0uxx\x84\x16\xe5\xb38\xb5\xc6\xe7\x8eB\xac\xd1\xd1\xd19\xfa\xb9\xe7\xf0`\x1f\xa4J\xf4\xf6NA\xac\x81\x81\x18j\x9e\xb0&gt;Z\xd4;\xb0t\x8cn\xd4\x84\xdb\x94=\xea\xb7V\xcc\'\x1bV\x04\x9d\x80^\xd8(\x14\xa2\x96\x95\x82\x8fH}0e\x05\xdcZ\xb7\xfe\x8f\xebg~{\xe8\xc8i\xfa)z\xcf\xc4\xd8D\xfc\x02\x8e\xaf\xa3\xd9\xb9xOOOr\x81\xb4J\xf4\x0e\xf6\xe1\xb8\xb3w\xef\xc0\xc1\x83\xb4\xfa\xecywI\xf5\x89h\x11\x92\x0e;\xfd\xaa\xa9(\x8aa\xc8\xf2\xb7\xb3\xb2K\x06\x13 r\x94\xf2\x95\x95\\*Ej\x11U\x84B\xafJz\xfe\x87g&gt;8t\xfa\xf0\x05\x8e56\x91=J?"\xc6\xa1:998\xdb\x97\x88%\xfa\x06{\x89j\x00j\xc5\x18\xd6\xb1\x9b\x12E\xeb\xd64\xc3\xf2\xd1\xc1\xce\x0f\xb5L\xb7\xdb\x08\x18\xa6\xfa\xff\xad\x04T\x90\x17\x152\x1e\x8cd\xca\xa9`\nK4\xe6b\xf0_5\xb8\x18\x96=\xba\xfe\xe8\xcc\x07\xb4\xb1bX\xc9\xe4X|\xf4\xe4\x05\xfa\xef\xe9K\x93\x0b\x0b\xbd\x89D\x02.N\r\x00+\x04\xae\xfd\xc0\xfa\xe9\xaf\xe6PZ\xbe\xee\xee\xed\x16\xb4&amp;\xaa.\x9f\xe4W\xb1\x08\xb9\xdd\x8a\x11\x08\x04\x14\xf9\x7f/\x93]j&amp;W*\x10\x12\xcd\xbc(\xe4)\x16#\x84\x05\xc2g\x9b_`2"\xf4\xba\xcf\xf3!]\x84\x81v\x88\x9f\x82Zc\xf1\xec\xe8(\xa7\x9a\xed\xa5\x7feKP\x7f\x91X\xfb\xf1\xb6\x7f\xdf\xf7\xf7\x1c\xbb1\x02\x0b\xa5\x9d*\xb0\x08\nw&lt;\xb44"]\xe02\x88L\xfd\xaf\x82u\xb9\xe4B\xa6\x84\xed\x1e\xa3\x8a\x00\'e\xd9\x91\xb2\x95\xa1pEr\x8f67\xafR\xa5\xaa\x92\xcf\xf7\xfc\xe7?9|l\x94%~,\x99\x9c\x88g\xb3\xa0Z\x98\x05P,\x14\n\xc5\x10w\x96\xac\xd0^`\x1d\xfc\xd9;\x17\x16I\x1fm\xab\xba\xb3\xb2\xbcHT&gt;\xecS\x05\x16q\x05\x02\xe1\xb0\xa1}s\xefw\x05\x82\xb9\xe2:\xb6\xc6d\x1f\xa0"\xd1\xa8m[\xf6z1\x15EE\x94\xeb\x85/7_\xe1a\xdb\xf4`\x15\xf9\xf8\xf7\x1c\x0bso\x0c.\xcee\xe7&amp;\xc6&amp;g\x13\xb1Xh\xef9\x04*6\x00\x07\xe9\x06\xc1\xf6}\xef\xf8\r\xb4C\xb7\xe7i\xb5\x95\x9f\xa9\xff\x95aq\x0fY\xba\x04\x96m\x85\xb5\xff\x10\xac\xcb\xa7\xa2\x11V\x8aB(\xb8\x17Ey\x86-\xdb\x0eB.\x805\xfa7\x9a\x9b\x9b\xcf\x18\x16\xd6\xdcK\x87\x8f3\xac8\xc3\xea\x89\xcf\xc5\xe3\x13\x93\x88\xfb|,6\x85\xc6bb\rQ\xe6\x81\xd5\x83\xe5\xd0\xa7K\xf9je\xa7X\x9f\xd1\xe8\xb7u\x91\x87\xc4e\xb6]\x04V4\x1a~K0YIer\xebXh"\xdc&gt;\x12(J\xdf\x81mG\xef4s\x88z\xb9\xbf\xbf\xf4\x05\xe4J\x85e\r.\xeaK\xc7?:\x9fu\\\x04W\x9c.\xc8\x00\x17\xabRa"\xc0\xe0d\xef\xe9\x1b:\xbaA\xda\xae\xb6FV\xebw\xb8\x87\x84\xc5\xa9\x1c,\xe2JE\x95\xce\x852\x83]^ae=#\x94B\xa8\x88*`\x87q\xb3\xd7\xcbV0j\xa7\x1a\xfd\xcb$\x97\xe5\xd6&lt;\x12\x92\x92\xcf\x9e?\x7f\xfe\xecY\xd8\x88ZH\x8eML\x10\x1f\xcd\xc4Y\xb0\x01\x8b3aL\xcd}\xacQ\x93B\xacO\x9a\xf5\x06\x8b\x16\xed\xe99\x16\xa9\xd5v\x11\\\x11[\xd3\xdbV\xe2\x08X\\)\t\xa9"\xc4dYD\x15\xa6\xb7\xd2\x9a\x95\xb3\xec(\xe4jB.,\xd6\xdd:U\xe3\xdd8\x98\xc0u\n\x1519\x99L.%\x89j\x96V\x1dD\x8b\xd4\x1a\xa2[(y\xf4\x12\x13\xe8eeK_\xaeo\xb0\x82\xe0{g\'&gt;o\x06\x12\x00\x00\x04\xe9IDAT[\x1dXQ\xf8\x14\x96}m\xb5\xd6iIF}\xc2\xbf\x14A\xd9a&lt;\x91\xde\x03vs\xed1\x9e\x1e\xcc\\\xee\xdfx\xb4\xf9\xe2+\xd6&lt;\xf4\x1d_C\xa9\x83\xeb\x14\xbb\xc2{\x81\xdeg1P\xa6\xc8=\x8f\x16\xedVgO&gt;\xd2\xe8\x1a\x8e\xaeVe\xfb^\xe3\xf3\xbb\x9a\xc7#\xe9\x12\xed\x04;\xb2ET\xf0\x05`lD\r\xde\x16\xa5"R\x15\t2\x9d8T\x98\xba\x04\x03X\xb5\x87\x0f\x95`\xae\x90[\xee\xbfl\xb5*-\xcf\xc8\xa5\x9b7\xae\xdd\xb8\xa5\xe7\x93(\xf8SH\x17\xba}ap\x81+\x95\xa0\xd0\x87\x98Pi\xec\xa0\x87\xe6\xe3\x7f\\\x1c!\xaa|\xb5\xfa\xa0|yY\xc2b\xe8\xf7HL-\xc1\xa5\x88\x97\xe2\xaf\xc7\xf1\x10~\x80\x152L%\x86\x8aG\xc3\x01\xc3\x10-\x87\x19R+\xaf\xd9\x85\x12\x9eQ\xff\xd1\xdfw\x9e\xfd\xb9\xd6\xfc\xe7&amp;\x8d/o\xdeLb\xd7y\n&amp;N\xe2\x081\xcbB\x05\xae\xf9\x81P\x08TC\xe3i\x8c\xa1\xa5#\xcf\xe5{\xcd{w\xf3;\xbb\xdb\xfa\xda*\xb5\x83\xcf\xe3`q\x17\xb12\xbai\x98\xe6\x9b\x16\x03\x98\xa5\xb8\x82L&amp;"\x02\x13\x8c3\xf0L\x05d\xc0\x83Zw\xd6\xa0\xa6a\x9b+\xe5f\xb3YC\xa3\xfe\xe1\xd5\x0b\x8cW;\x0b\x83\x83\xc9\t,\xcf\xbd8p\xb1r\x07\x15:\x0b\xe6\xa5\xd3\xe34\xd2\x89\xd1\xdb\x81\x8d\xf7\xe9w\xbe=)\x95\xf0\x97\xad\xc5ELdq\xd0`\\\x00\x93UYm\x0f\xaaX\xc5`As\x91q\x96\xcd#\x1e\x0e0*\x1eE\x90\xdb\xc1\x95\xb5r.\xa5)\x91Z\r[\x08;`\xaa\xda\xfc\xebJ\xe5\xc5\x8b\xd7\xbb\xbf\xe9\x1d\x9c\x1c{g\xb8\x97\xaa=4O\xa9"\xaa!\xba\x90l\x1ac&lt;\xbd\xf4^\xf3I\x9d\xc6r\xd8F&lt;k\x18)\xc3\xd3\xc6R\x05\x11\xeeh^\x157/\x9f\xa0\xe0\x02\x98Kx\xc7\x98\x1c*7\xd7\x0bX\x8f7\x1e\x16\x8dH\r\xc7D\xc5\xa4\xaf\x82\xfd\xee\x0e\xb8*/*\xd5\xdd_\x0f\x0e\x0f\x0f\xef\xa3l\x9f\xdbKl\x94+\xba\xba\x8d\xae\xd9:1=\xff\xd9L\xfd\xfdz\xa3\xd1(\x8f\xf8$:\x87\xe1k\x9a~\xda\xcc\x0b,\xc6\xa4\xf9\xd9\xf0\x12\x14\xe7\xa2\xbc\x01K0q(\x87J\xc8eGJ+\x8fKA\xec\xb4\x1c\xa91\x99\xbc\xb7Z\x15\x1a\xd5\xd66\xf6\xed\xb14]\xd2\x96N\x9f;\x078:*\xa6\xd3Du\xf1\xf6j\x03T333\x88\x94O\xe7\x9b?q\xc6\xf0{\x05\x17&gt;j\x9a\xe6\xd1\xbcl\xe0&gt;i\xc8\xe6A\xd8\xd5Fr\xa8\xda=g\x18a+X\xab\x01\xca|\x13\x00pi\xf9\x97\xaf\x19\xd7V\xeb\xe9\xd4\x00\x893MYb\xfe\xe1\xc3\xf8\x89\x13\xe3\xb7Wg\x1a\xf5zcf\xe6\xc9%\x82b[@BcT\\\x1c/\x87\xf2{\xfc\x8cS\xf3\x8axa\xc3\x03A\\\x01.\x13\x1bL+&gt;)\x14&gt;\x1fm;\xa0\x80\xaa\x03\x0b\\\xaa\xf6`\x97sm\xed\xfe`|\xfa\xc4\x152\x8d\xf24\xcd\xe8\xc6\xaf~\xda\x00U\x03T\x0fG\xd8\xb1\x95\xde\xde\x9c\xc7\x80\xc5\xb3\x84\xe1\x17&amp;\xaa\x82J\xec\xc3\x0c\x97(\rbR\xdaX\x8a[\xe1z\x19\xec\xb1\x0e,\xc6\xa5y\xa5\x9d\xddJ\xb5R%\xc1H-\xa2\xc2\xfb\xf8\xf8\xd0\xb9\xd8\xd5\xfb\xe0i\x10\xd4\xf2s:\xb5\x02Ej\x0f\x9c\xab=m\xb1\xbc~\x86\xa5\t\x0f\x9d\xc9H\\.\x83\x8b\xf5\x06Jt\x08\xe7\xa2\xb6@\xd81\xc4L\xd6T\x8a\x03^H\x7f\xb0]\xc5\x80`\xbf\x84mW\xae\xd0E\x89\xd3\x17CW\xef_\x9ea\xe3\xc9\x9d\xbb\x02\x8aF\x07\x14\xf3P\xc8\x05&amp;\x8d\xeew\x88\xc5_\xddEf)\xca\x1b*\xe2e\xe1R\xb8X\x06\xc5\x8d\xb04\x0e%\xc0\xf0"\xbe[/[\x0c\xec\xe9\t~]\xe2\xf8\x10\x94j0\xa8\x8d\xe2\x08\xed\xda\xbb\x89\xc4\xefpy\xbe\xae\x15\xc3\xf2:\xf3\xd0\x89\x96\xc9\xa6\x9c\xcbabS\x90u\x9c\xec\xc8\xc5\xa9\xf0\x19\x93\xeb\x95gD\x8c\x8bV7Z\x1fw\xb6\xb7\x00\xb6\xfb\t\x89u\xf1w\xf79\xd3\xf2\x1d\x04\xdd\xc7\x12\xee\xf1\x08\xb1\xc4\x1f\xfcoQ\t,\x07\xaa\xbd\xe3q\xb9\xdbLL\x14gi\xe7.:\xc4\xb2\x90\xcb\x01cF\x8e00}g\xbb\xb5\xb5\xb5\xfd\xe3k\x7fY\xe5L\x0f\xefq\xa6\xb6\x81L*\x8f\xf4MX\x1a\x0bW{\x1a\xa2\x1e8\x80\xe9\xe25\xc5\x82NK\x01\x1b&lt;Z\x8a\xe1\x80\xd1\x93\xf3\xb2&amp;km\x13\t\x8b\x83\xd1a&amp;\xff\xd5\xf6\xdf\x00\xb5\xba\xbc\xf1x\x91\x8e6\xec&lt;(uPq(\x7f\x9b\xaa=\x0f)Z\x9d\x91w\xd6"\x8e\xe5f\x88\x0e\x95i\n\x07\x1d\xb1X\xb6\x08K\xd6\x1c\x17Y\xbeX\xf49\x99\xae-j,N\xcc&lt;\x9d:Aj3\xd1\xbeA"\xa8\xaf\x8bEX4\x13\x01\xd7I&amp;\xb0LS\xd8\xc7J\x16\x1f9L\x9b\xcbT\xd8g!\x97*\x0c\xa4\x1a$\xb9FD\x96\xf9Y\x99!uw\x94\x01\xbb\xb1z\x10\x06\xbeE%\x1a\x82\x04\x13\x9f\xd0\xf8\x83^\xef\xbf\x01R\xc3\xe8OW\x8d\xbe\x1a\x00\x00\x00\x00IEND\xaeB`\x82'</t>
        </is>
      </c>
      <c r="M399" s="3" t="n">
        <v>45492.67825231481</v>
      </c>
    </row>
    <row r="400">
      <c r="A400" t="n">
        <v>1015291</v>
      </c>
      <c r="B400" t="n">
        <v>1958</v>
      </c>
      <c r="C400" t="inlineStr">
        <is>
          <t>Patrick de Paula</t>
        </is>
      </c>
      <c r="D400" t="inlineStr">
        <is>
          <t>Patrick de Paula</t>
        </is>
      </c>
      <c r="E400" t="inlineStr">
        <is>
          <t>VOL</t>
        </is>
      </c>
      <c r="F400" t="inlineStr">
        <is>
          <t>VOL</t>
        </is>
      </c>
      <c r="G400" t="inlineStr">
        <is>
          <t>VOL/MC</t>
        </is>
      </c>
      <c r="H400" t="n">
        <v>180</v>
      </c>
      <c r="I400" t="n">
        <v>8</v>
      </c>
      <c r="J400" s="2" t="n">
        <v>36410</v>
      </c>
      <c r="K400" t="inlineStr">
        <is>
          <t>Left</t>
        </is>
      </c>
      <c r="L40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b7febfb-567f-482a-843a-51b5ced8e6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d5\xc2x\x00\x00\x00\tpHYs\x00\x00\x0e\xc4\x00\x00\x0e\xc4\x01\x95+\x0e\x1b\x00\x00\x03\x00PLTE\xff\xff\xff\xff\xfb\xf6\xff\xfc\xf8\xfd\xfd\xf8\xfc\xf8\xf3\xfe\xfe\xfa\xfd\xf9\xf3\xfe\xfe\xf8\xff\xff\xfe\xfe\xfd\xf7963\xfd\xfa\xf5\xfb\xf8\xf1\xfe\xfe\xfe\xfd\xfb\xf6741\xfd\xfc\xf7=98\'%#\xfe\xfa\xf6&lt;85\xfa\xf6\xf1\xfc\xf9\xf50/-tE0@&lt;9\xf2\xee\xe7+*(40-\x8aV@pB/.-+U?2\xfe\xfd\xfc\xfd\xfc\xfa)\'&amp;\x7fK5O5(sK:&gt;1&amp;\xf8\xf3\xeb\xf9\xf5\xee\xfc\xfc\xf8\xfc\xfa\xf4d?.\xfb\xf7\xee~M9\xfe\xfb\xf4\xfb\xfa\xf9\xf4\xf1\xea\xa4`CU9+pH6\x87O7\x88S=2.+\xfd\xf9\xf1\x84Q;.+(m@-\xaaiKH8-eD5O&lt;0I3\'\xed\xe9\xe1421#"\x1fpE2\x83M6\xee\xea\xe5\x8c[EwH4sN&gt;\xf9\xf8\xf6\xb8qR\xfc\xfb\xf6B3(\xa7dF\xb5mMtH5YH&lt;\xf6\xf5\xf4\xab_=\x7fQ?\x91ZB\x97]E{J5bA3Z=/F.#yG1WE872/\xed\xec\xea\x90]G_&gt;/kE3HB@\xc3~a]MB]B5\xb1iJmM@\xf5\xf3\xee\xaceFxO=aPEV4&amp;~WG\xec\xe7\xdf\x97aJyTD\xf1\xed\xe6wK9\xb1dA\xf1\xf1\xf0rRE\x9dbH\xe9\xe5\xde\x8dQ6\xafmP\xb8vW]I&lt;\x7fcXh&lt;+\x8eU&lt;\xcf\x81ZC?=\x9e\\?\x9cgP\x97T8\x97Y&gt;:,#\xa4\\&lt;\xbewVjI:\xe6\xe2\xda]8*|[OhL?h@0\xc1\xbe\xbcdH;\xa9s]\x84UA\xa3fLb;+\x92S7C=;\xc6{Y\xb5iFKHG\x90aN\xc9|U\x9cW9\xbe{]\xb3qS\xcb\xc5\xc0\xa1lW\xe8\xe7\xe6\xbb\xae\xa8\x85YF~G1\x98P0|{{\xcb\x85j\xd7\xd5\xd4\xberN[2"vA,\x1c\x1b\x19\xf1\xea\xe2\xb5\xa8\xa2dTJ\xe3\xe2\xe1\xd0\xce\xcc\xb7\xb6\xb5\xf6\xf1\xe7RC8J&gt;6\xde\xdd\xdc\xc5\xc4\xc3N0#\xd3\xcb\xc5\x84H.\xcf\x91w}A(\x88]K\xc4wRc5#\x9a\x99\x98\x92L.\xa3W5\xc4\x82f\xdc\x8ep\xd1\x9a\x82ebbqXL\x96fS\xa5\xa4\xa2s;%\xcc\x8bpU,\x1ciVK\xe3\xdc\xd5:#\x19\xd6\x87dutsVTT\\ZZ\x87rh\x8aH*\xa3\x93\x8b\xa9nUhYP\xb6\x80jPNN\xb1\xae\xad/\'!?4-\xdd\xd4\xce\xa7\x9a\x91\x89j_\xb2w^\xce\x82`\xa0\x8c\x83\xe4\x9a\x7f\x92\x8e\x8d\xaf\xa0\x99\xc0\xb7\xb1k7#\x83\x81\x81\x8fzr\xbblHG$\x18\xeb\xa7\x8f\x8a\x88\x88\xcc\xb9\xb0nll\xc5\x87mn_W\xc2\x8cw\xdf\xc3\xb8\x95\x85|\xde\xb5\xa8v`V\'\x17\x11\xc2\x9c\x8f\xef\xdc\xd6\xd5\xa9\x97\x9b\x80x\x86{t\xf1\xd0\xc5\xcfn[\xc0mK\x95\xce\xad\x0f\x00\x00 \x00IDATx\xda\xec\x98\xdbO\x9ay\x1a\xc7{\xd1\x0bo\xb8\x9a\xb4!M$`\x90\xd9M\x0ca88!\x12\xda\x9d@\x11\xcd\xbeb9y U\x02j\xe5 \x0c\x16V\xe4\x95\x04a\x90\x82:j\xc96\xa6\x8aE\x89[\x8dPw\x9a\x89x\x88\xb1\xa6\xd1\xf5\x98\xec"\xd5\xcd.hH\xb5\xc1&amp;F\xbb\xc6\xa6i\x93\xdd\xe7\xa5\xffB_\xbb\x17\xf3\\\x10\x0f7\x9f|\x9e\xef\xefy~?\xae\\\xf9\xad~+(\x02\x85\xf2\xcd\xf5\xeb\x0c\n\x85B\xf8?!\xca\xcb\xbbBa\\\xfb]K\xcb\xd4T\xcb\x1fn\xdc\xfb\xee&gt;\x83\x92\x07\x7f\xfd\xeaX\x94k\xbf\xb4\xa4\xe2\xf1\xad\x07\xa9\xd0Q&lt;5\x1d\xdfj\xb9q\x95A |Um\x94\x82k-[\xf1\xf8\xd1Qo\xf40z\x18\x0eE\xa3G\'G\x80x\xa3\xec+\xb6\x93Ppo\xeaC\n\xa0\xfev\x18\xce&amp;\xd2\xe7\x99p:\x93&lt;\x0c\xc7\xe3\xf1T\xea\xc9\x9d\xaf\x04\x06\xed\x9bz\x90:9\x89&amp;\xd3\xc9O\x19\x80:Od\x93\xf0s4|\xd4\x1b\x0f\x85Rw\xcb(_C\x15\xe3\xbb\x07\xa9x(\x9aL&amp;\x02\x1f\xb3\xd9t&amp;\x91EW\x12\xe9d"\xf9:\x19\xee\r\xc5C\xf1\xad\xfb\x05\x97\xae\xaa\xe0\xda\x8f\xa9P8y\x9e@\xf7\xadj\xab\xd5\x8a\xa2\x01\xb3\xaf)\x80\x06V\xb2\x99\xf3\xf3\xf4a\xb4\x17\x84=\xb8C\xb9d\xaa\xdfo\x9d\xa4\x13+\xdd&gt;\xbe\x9a\xcdf\xab\xd5\xf0I\xa3\xb1ib\x1f\xdf\xd7d\xed\xee^\xd9\xbd\xc8\x84{{\xc3\xd3\xf7/\x93+\xef\x9b_\xb6\x0e\xd1&amp;5\xdf\xe7c\xd3,4\x00\x13\x8bi\xb9\x02\xba&amp;\xfe\xcf\xfc\xfa\xaaj\xc7\xee\'HY\xfc\xf6\xe55\x92pu\xea(\xbb\xe2\xf3\x891\x18\x8b\x84\x96\xf3\xf4\x99\t\xcc\xf9\x9a|?\xf3\xf9U\xd5d\xd5\x19\xc4?\xf4\'\xc6%\xcdV\xca\xd5\xad\xe8~w\x93U,6\x8bi\x16\xac$\x12\xf8\x00$\x81\x00\xb0\x00\xa9\x8a_\xc5ohP\x91w?%\x8f\xe2O.\xc7\x17\xe1\xda\x87\xc3\x0b\xab\xd9\x0c\xaa\xc4::]&amp;\x93\xd1\x95t:\x95n!J$\x82\xcf`EU9,\x95J{\xf6:\xdc{\xfb2\xf2\x95w\xbd\xe5\x04\xedn\xd2\xe9,:\x99\xac\x9f[\x9c\xcf\x85*\xe6r\x84T\xa1\xb2\x94(\x006\xec\x0c\x00X\xb5J\xe5P=\x8f\x9dGCw.\x01\xab\xa0%\x94\xed\xc62\x85Q\x89DNy~q\x7fq~\xbe\xb3\xad\r\xb0$\x18\x96\xc4"Q\xe7\xc2E\xaet\xa8T\x89Lz\xba\x0c\xf7\x81O\xb8\x17O\xaf4aX\xb2\xfe\xd1\xc1US\x9dI$\xcaw:\xe5\x1ew\xdb,U\tXD\x01\xf8R\xab\xab\xaa\xaaXd\xb2\xaaR\xb5\x9b8?\xfc\x0b\xde\xf1\xcaclE\x13@\xc5\xa6\xe9F\x07\x07;GL&amp;S\x9d\\\xee\xf1\xd8\x98\xae\xb6Y\x8e\xb0\x94\x98\xc3\x92\x08\xd4\xf5U\x98.Ue\xa5\xf6,q\x1e\xbd\x8d\xaf\xae&lt;\xca\x8f\xe1\x0c\xaa\x03*\x9aE\xb4j\xea\x842)\x14\n\x17\x93\x89\xf0\x98\xee`\x1b\xb5\xb6\x96H,\x85^\nz\xea\xab\x1a\x00\x0b\xb8bg\x89L\x08\xdf6\x12\x18\xa9L"\x80\x1dA]\xbf\xa8\x0e\xc32\xd9l6&amp;\x82 &lt;;\xcf\xf58\xc8\xa1*k\x89@&amp;\x10@\x17\x01\xeb9`U\xea\xd1l\xfa\x19\x05\xdfd\x85\xf7\x03f\x1aM\xa7\x93\x89\xeaD\x18\xd6\xc0\x00\x00!\x08\xd8\x02]\xe0K\xa8\x84\x02\xae"&gt;\x1f\x9a\x08\xba0_\x17Y\\u\x11(\x0f2\xfb\x01\x1dMg6\x1a\x17\x06\xebD6\x0c\xca\xfe\nq\r\xd8\x90f\xa9\xd7\xe5\t\x069B\x8ePH\x05\xac"\xc8\x16\x8b\xfc\xfcy\xae\x8dh\xfa.\x8e\xba\x08\x05\xf1\x04j\xd6Y\xccf\xe3\xc2h\x7f~\x1d@U\x94\xf3\x06x&lt;\x84\xc9\x94J\xbd\x88\'\xe8\x0e\xe6\x8c\x95\x12\xd5=9\xac\\\xba\xb4gg\xd9_\xf1\xc3\xca#\x94\x85QL\x96\xd18*\xca\xcf\x97\xdb\x10\xdep\x97f\xe8`\xb8\xbc\xa2\x99\xd9\xdc\xdc\xccty\\^\xaf\x1b\x12V[+\xe8)\xaa&amp;W\xe7\xba\xa8r\xc4vQ\x1c\xbbH \xdcN\x06\x8c9\xac\x85\x05\xa0\xe2\x01\x96f\xee\xe5\x9c\xa6\xeb\xb8\x11in\xe4A\xbc\x10`sy\x8a\xa9\xd4Z\x92\xba\xa8\xfe3\x96\xc3\xa1\xdd&lt;\x8b\xde\xc1\x0f\xebJ*\x8b\x1a\xc54H\x16\xe8R\xd8x\xf6W\x07\xcbs/_.\xff\xf9i\x05P1\xed\xc3\xbc\x8aa\xc4fS\xc8\xb9\\\xba\xc5\xc2\xe6W5\xe4dU:67\xd3\xf7q\xb4\x15\xdaG\xcdl\x9a\xd1l\xc6\x16\x8f\\n\xea\xec\xdb\xc3li4\xed\x8d\x15\xed\xed\x1a\xcdP\xf90\xcf\xa6\xe8\xff|\xd9\xf1\xf1\xf9\r0\xe6aDh77_\xdf\xc5\xef(\x12NP\xd4\xea\x83\xfb\x0c\x9bh\x91\xe9\x8c\xa3\x0b\x0b\xab}\xef^\xbe\\_\x9f[n\xd7\x9c\xce\xad\x8f\x8f\x0f\r\xdb\x07D\x90v\x16\x99U]\xcd2T;\x1c\x95\x00\xa6\xd5\xc7&gt;\xfd\x8a\xdfK\x88p\xb4\x8fZ\x9b\xc40\xe5KHp5\xb5B\xc4VA\x17\xd4\xfa\xf2\xf8\xfa\xfa\xf2\xf2\xb8f\xd8n\x93\xc1\x9a\xae\xf9\xb6f\xa6\xb0\xb0\x9a\xdf\xe0\xd0bgQ\x1f;\x9b.\xc0\r\xab\x00\x86i\x13lD\x81@\xa9,\x1d]\x1d4\x0e\x8aL\xaf\x86\x97\xe7\xa0\xd6OO\x97\xdb\xdb\xbb\xda\x1b\x99\x1c\x0b\xad\x07|\xf1{z\xd84\xbe\x81\xe5\xd0b]\xd4\x9f\x85\x18\x04\xbc\xa2Uv\x88\x06\xacb\x9a\xa4\x84(\x1f8x7\xf7\xae\xaf\xafo\x80\x87\xd8\x87\x864\xeb\xe3\xcbC\xed\xf6\xe6\x8a\xd6\x17Kct:\xb1T&amp;\xab\x93\xe7s%\x0f\r\x857\xb5Z\x95V\xab\xdd\xec\xc5\x0f\xeb^\x12\xc3b\x13\'w\xbc]\xe3\xeb\xe3Cv\xd8;L\xafW*\xad\x18\x82\xb4\x9772_D\x96v\xe6\xe7\xc7\xa8\x1c\xa7\xc7\xe5\x91\x17+%|C\xa1#\x06\xb2\xb4\xdap\x19nXw3\xf0\x1a\x14\x93&amp;g#\xd2\xf2q\xc8Q3L\xf7\xc7\x91H\xe4\x85\xb4K\xa3)oD\\K;;;k\xf3A\x85\ridz&lt;N\x8e\xa5\xc70C\x8e\x01\x94\xbe2\x8a\xd7\x1d\x95\x90\xf7\xec#\x1a0\xd2:\xc6\x96"R\xcd\xdc\xdc\xe90\xb8ry\xddK\xf0\xeb\xd3\xf1\xf5.;\xb3mv~mm\x969\xb4|\xd0nG\x98\n\'U\xf0\xd00sK\x1b\xd3\xeb\xf5\x95i\xdc\xb0\x08[Y\x0c\x8b$\x0cF\x90\x83\x83W\xa6\xe2\xb11\xa1\x93\xc9\x8cD\x82\xd2\xe3\xf19\r\xef1\xa7vmq\x9e\xa7\xd1\xf4\x99 X\\\x0e\x95\xd8\xe1\xf7\xcf\xd4\xa8b1\xb0u\x8e\xdf\xe0\x9a\xde\x87&amp;\xaa\x89\x1c\xb7[H$\x8d\xcaz\x16\'&amp;:\xc6"\x11\xb7\xe7\xf1\xa3\xe59\r\x12\x14\x92&amp;\x16=\x15\x08\x87f\xee\x97\x94\xa8\x1f\xfa\xe1\xff~CM\xa1\x1e\xb3\x85\xe2\xb7\xac\xe3(\x1a\x10K\x94\x9c\xd9\xb5\t\x88\xb2\xf6\xdf\x7f\xac\x991t\xcc/\xb9\x06\xdc\xad]\x9aro\x1b\xb5\xc8@z\xec\x9e\x1d\x1dl\xea&amp;\xd7`\xf5v\xc6\xc0\xba5\xe3\x88m\xc6*c\xd3\xb8a\xf5\xa2\xa8\xd1B\xe5\x08\x1f\xbe\xdd\xde\xfe\xf6\xfb\xbf\xff\xf0\xcf\x8b\x80\xdf_b;\xb5-y\x1f\xc1l\xd8\x99\xf4\x1bH\xd4\xc9~\x9dl\xff\xf5?~\xf8\xfe\xfd\xfb\xf7\xff\xda\xaea\x15\xce4\xc4v\xa1\x8d\xa1\x02\x9c\xa2E\xf9+\x8a\x9a\xe9\x9c\xe2\x92\x9a\xed\xb7\x1b\xd57o\xfet\x13]%ml\x88\xfa\x82;\x11i+`\xbd\x99\xd8\xf0Ol,\xeaF\xf6&gt;\x82\xad\xb7o\xb7\xdf\xbf\xdf\xae)4\xb0\xb4\xbb\x9bz-^XW\x18Q\xb8m\xc9\xfa\x89\x1b3\xf5$N\xe7\x88h\x92Tj\x91\xd1Kj\x9d;;/0\xac\xa5\xf9\xc5\x8d\x8d\r\xe5\xc8\xde\xe9^\xa7slRPd\xa8\xd9\xde\xfe\xe9\x96\x9f\xe5\xc0\xb0\x0e\xe3\xf1\xfbx\\\x98\x19\xb7al\xc1\xf3\xbe\x83d\xa1\xd3\xe5}{#\xdcZ%}\x94K\xf5xf\x97\x1e\x1d?\x02\xac\xd9\xc9\x89\x8d\x89\x92\xc1\x91\x91\xceN\x85\xb3\x98.\xf0\x1bffj\naoo\xc2al w\x7f|\xf6\xc5\xf75c+|\x98@\x03\x16%\x9d&gt;\x08W\xd3|\xb9I\xae$\x95\xd6R9\xb6a\xf7\x8e\xf4\xbf\xc7O\x8f\xa50\xe1\xdfl,\xbeY\xab\xa5\xc2\xfe!\x11\x05%=\x1d=E,\xb8J\x90\xf5\xbb1G\xa1\xc1_\x1f\xfe\xd2\x1b\x882\xb5G\x15_\xa0F\t\x9d;\xb8Z\xc7\xa5R\xe92\xec\x0b\x11\x8ebXS\x11\x89\xb4\x1eCA\xb8\xe6\xdf\xc0\xc4\xe0\xcc\x8e)\xe9J\x9dE"\x90\xd0\xe9\xa5\x82z\x7f5\xd6EU\xa1\xbf\xc3\x9f}\xf2eu\xe5Q&gt; \x11n\x00\xc3\xca\xef\xec\x94\x0b\xe1\x99J"\x8e9\x07\xecP\x8f#\xb0\x15[\x1f\xb5J!\\k\x1d\x8b%m.\x8f\xdb-\xaf3)r\xaf \x8b\x8f__\xed\xd8\xd4\xb3\xfc\xa4\x92\x0e\xeb\xf4\x97\xc5\xa20\xfe\xd3\xeam\x0b\\\x18K\xe9r\xc5+;\xd3\xe3ls\xba\\^\xa4\x19Alni\xab\xd4\x0bXX\xb8\xc6\xc6&amp;\x17\'\x83\x80\x890y\x8d^\x8f\xa7\xad\x98Nc\x03VL\xcbbs\xdft&lt;\xfc\x1f\xaf\xe6\xf7\x93V\x96\xc0\xf1yl2\xcbc\x13\xe6A\x02\x13\xd0i\xe2\x10\x0b\\\x92\x1b.\x95M\xa0\xfe\xb8+\xa8 \xa84U\x8bB\xaf\xc2\xca\xc2@\xe0v\xc1 \x14\xac\xe2\nJ \x08\xd4-\x18\x06M\x9dIj\'\x8e\xa2\xc4_\xd1\x88\xdd\xf6AK\xcd$\xadZ\xd31[\x1b\xe3\xe8\xba[\xed\xd8\xeea\xfe\x06\xe8y\xe0\x85\xe4\xe6\x93\xef9\xf7\x9c\xef\xf7\x9e\xefDn\xbf\xa6R\xae\x1e\x8b\xf5\x0b\xb3}:\x9dWj\x8c\xb8\x94 G+\x95\x01\xcc\xc6\xc0\xf0\x882\xa1_\xd0\'\xe6\xde\x06\xc4\xa3\x9bI*$\x93C!\xa7^\xa4\x14\x05\xc4bq\xc8\xc7\x96\x14\xd63\'\x7fhm\x18\xa7\x928\xeb\xff\xcei^\xbct\xe9\xa1\'\x8b\xb5R\xad+3"\xa8Kd\xc6\xd1\x88H$\xc2\x848\xd8\xdd\x17\x16\xf4s\xcf\x96v\x13o\xf5\xa3\xc9\xb5q\xaa\x8cm\xd3\'\x12"\x91R\x0f\xb2\xa3\xdd\xea\x05X\xa5\x1d\x1d\xbd\xe3\xb0\x8ct\xf0\xf7\x7fRr;\x87RD\xbc\xa01\xb0t\x05\xc6\x08\x88\x14\xe1E\x05\x8e\x8a\x02z,\xa2\x1c\x9d\x1f\x05T{{\xcf\xba\x86\xe7\x9c\xc9\xd4\x1a \x83\x9c\xa2\x04\x9a\xfd[\xec\x0c\xd5\xc1\xacfr\xe9\x9d\x0eu\x8aZ\xc0\xcf5V\xed\xfbM\x9b\x1e\x03Xt\x07\xa2\x88\xc7\xd33i\x10v\x94J\x0c\xc1\xb2\x8b\x1dP]\x9c,--\xedF\xec\xd3\x0e\xe7h\x92\x14\xb3\x0b\x95.\xff\\"\x801\x1cPus[\xe9dG\xdb\xd8\xbe\x80\xbe\xbe\x91k\xac\xa4m\x17\xd5\xaa\na\x07\xa6H\x03\xef\xae\x88 \x88R\tV\xd0\xf0\xd2\x1e\x18K\xef\xde\x01,\xff\xdb\x80\xd2\x95\x08\x84b\xfb\xe3&amp;\x1b\xea\xef\xf2\xbbp\xb3\x11\xe27\xb7\x91K[\x07,\xfb\xfb\xa4\xa1\xe79\xfdPO\xa9| S,!+\xaaB\xb6\xdd\x89\xa7\x97\x97\x8f\xcc\x18bF\xc3a\xb4\x0b\x00\xbd\xdb[\xea\x1a\xee\xea\x1a\xfe$^\xd0\xbb\xfc.%\xc3\xb46n\na\t?\x98l\xdc\x08[\xd4m7JkTk\xfbcc\xf5\xb9\xb5\xce\x94\xca\xc3&amp;E\x17\xd2WQ\xc1\x9e\x1f\xc5\x14\xcb\xcbqT\x84 \xe1\xb4+0\xbc\x9b\x81\x89$\xb9]47\x97\x10\x83\xd3\x87\x03\x84\x9aO\x82\x1f{H\xe9r\xb9\xf0\x88TnQ\x93k\xc8\xad\xaa\xb5\xf5\x83\xb1\xfa_s\x8bUr\xe8\x08\x89\x19\x00\xcb;\xbf 6\x1f\xa5\xc3"\xdb\xb4M\x91F\xc5\xfaPj=E\xa4w"X \x10Z\x1b\x9b\x9aR\x93\x04k\xfb\xfbI\x9fo\xde\'\x0c`\x98\xd0\xba\x96\x02X\x935n\xcb\xc1\xd3T\xcb\x83\xda\x1c\xab\xe5\xd8L:\x01\x96\xc6\xb4 F\xc2\n\xcc\xb7F5\xfb\x17\xe38b\x954\xed\xc4\x8f\xb6\x06\xa7\x93\xc0?\x8c\xb1\xe80\x1cK\xc6L\xf6\xf9\xd1\xe9\xe4\xb4\xd3\x19\xb2\x0b8j&amp;\xb9\xe6F+\xf3\xe0\xe0\x80\xd3\xff\xa66\xc7K\xde&gt;\xbd\x0f\x814&amp;1\x8d\x8aE\xb8\xd2\x94Je\xc0.\x91\x9e9\x9e\x999&gt;Z\xdc\x19\x94BD\x8e\xc5R].\xa3\xc3l\xab\xd5\x01v\x8dM\x906L&amp;+\xd5\xa2\xa61k\xee\xb46&gt;\x1dk\xe9\xef\x9d\xc81\xd6\xf3M\x06\x94Ri*$l\x9f\ra\x98,\x07p\xd8\xefW,\x1e\x1d\xa5\xe3;\x1eOf\xd0\xe8\xb0\xfbL\x90\x80Z\xce\'\x12\xe5\xd4\xe9M\x1f\xb0\x13k\xa9q\xc8T\xdeKc\xd2\xc8wZ\xc9\xeb\xfd\x85\xfd\x03\xf7s\x1a\xf9\x81Z&gt;\x91X\xae\xd2\x18\x80;\xb5JMk\xeb)#\x8e&amp;@h\r\x03\xa8\x1dO\xb7\xd4\xe1\xb0\x8f\xfa\xd80$\xab\xe6sH\xf2\x18d\x82 p&lt;\xa6d\x10Q\xcd\xfc\x03\xab\xad\xb8\xb9\x85\xb5\x9d\xdb\x0f$\x94\x92\x9f3J\xa7U\xab\xd5\xb6\xd3\x05P\x9dl\xfd\x00\xc6\xf4\x01\x11\xee\x02\xefcfgk+c\x0c\xd9}\xf3@\xafQ(F$q\x882*U\x00\xc1r\xcb\x18\x11\x1a\x1f\xa3\xd1\x1ay\x1d\x1d\r\xc5\xbdC\x86\x89\xdc\xde`_"\xfc\xed\x98\x11\xb2\x15\xach\xe8t\xc8\xe4 \x1d\xf4\x87\xc4b\xb0\xcb#\x83\x83\x88\x08?Z&gt;\x0e\xa3\x98-\xb4\xc0\x00o\x9e\x03\xa2\x83i\x94\xcb\x04\x02\x81\x8c\xd4[,\x00X\xc0\xa1\xb6\xfe\xbe\xd1\xd3\xa3\xfap/\xc7E\x04B\xe5\x89\'$.\xeb\xd3\xd0\x81\x0cv\xceT\x140 \xe0,f\x08w\xe2\xcb\x87\'\xe7\xcb\xe9EWB\x84\x82\xed3b\x94\xb2\xe5\xc4r\xaaLF\x8d\xb5\xa8\xc7\xe8\xf21\x1a\xafq\xea\xc9\xfd\x1f\x1f\xbc\xf9\xf5\xc7\x9c\xa7\x8cK\x95?\xbf\xdfz\xbd\x11\x95\x00G\xea \r59lB3\x06l\x95H\x91^&gt;=9]^T\xf8\x13\t\xd4\xa5\x08G\x8ce\x050\x9f\x18\x8b\xc9e\xc4\x16\xe6z\x81LMkl\x9c\xda\xf8\xe9\xeb\x92\xda\x92&lt;\x946\x08%W\xaf_\x7f\x13\xf5f\x8dr\xb9\xa5i\xa4{\x10a\x88\xc56\xdb`\xb7qpk1\x02\xceG\xe0\'\x90L\xc6a\xf5Re`\xd5\xcbt\x1cK\x8b\xba\xb7;\x06\xb0\xa6\x98Y\xb7L\xc9K\x95\x04&lt;\x94pX\xe6\x85\x05\x02i\x1d\xb1\xd3\x13,\xebd\xd8\xac0UN\x87\xe0:\xa0\x1d\x92\xbd/\x18\x15\xb0\xf8\x16\x8b\xa5\xb8\xbe\xb8\xbfW\xad\xee\xd7\xaa\xdb=\x00\x8bG#\x83#:o\xfd\x16\xc2\x17\x87\xb3^6D\x95f\xbc\xb3\xab:\x96\xae\x9c\xd4\xabN\x8d{\xce\xdf\x9f\x1e\x9e\x9f\x9c\xbc_&gt;=?~\xfdj{\xdb\xb0&gt;\x05\xf2\xe1\xc1To\xbb\x9652\xc2a\xd2h\xb4\x9a_\xf2X= \x10^nk\xd9\x90\xc0\x9a\xe9\x8eFu-\xf54\x90\x9a\xfb\xde_&lt;:\xfb\xe6\x9b?\xd7\x96\xfc\xeb\xec\xf2\xe5\xb3{\x0fO\xce&amp;\xfa\x1a@\x9a\xeee\xe94\xdaYOS1\xc0\xe2u\xdc\xcfc\xb5\x85@\xb8\xfe\xa1\xdd\xcb\x86\x05F\xcf\xaa\xa6\xa2]\xd33\xf5\xf4\xee\xab\x87\x0f\xaf\xdc\xfeK\xed\xed\x92/\x1f=\xfa\xd3\x97\xdf~{\xe5\xd1\xa3\xfb\x13+\xffS\xb3\xf8$\x99W3\x92i\xcf\x8a\xd5\xf8\xdb\xf7\xf9l\xdcP*\'40\x9b] \xcdx\x82\x15\x12\xa9\xd1:m\xda:??=\xb98;\xbbz\xf9\xca\x95\xcb\xb7\xff\xfa\xf2\xe4\xe4\xf0\xf5\xb6n\x9c^=D\x92x\x83\x9e\xce~\x1a\xd8\xb6x\xff\xb9\x99W\xac\xaf_n\xcb \x805\xe8\tF;\xb37P\x98\xf8\xd3\xc7\x8f\xbb\xf1\xf8\xf2\xf9)\x18\xe7\xc7\xb8\x19S\x86\x92\xe32\x92%U\x1e\x9d]\r\xb2\xd4@,\xde\xe4/%\xf9\xbc\xe6$Pn~ \n`\t\\\xd7\x1dl\x1a\xc1Q\x84\x01l3\x08=`|\xfc\x18O\xfb\xfdo\xf5\xfa@\x80\x01W\xf3\x87\x86\xaa%\xd1\xd9\xa8\xa4\x81G\xe3\xf1\x1a_|\x9f\xdf\xd6\x14\xa5\xf6\x81\x96.\xd1J\n:\xbb\xbb=;.\x11\x83\x11x\x0b\xf2\x05\xf0\xcdK\x00.\x9e\x06\xca=\x0bKa\x1dg\x88#\tJ\xb4\x9aB&amp;\xb7\xf1n#\xef\xf7\xef\xf2\xdb~#P~\xda\xd0\xe9*\x0c\x92&amp;\x8fg\xc4\x83G\x10\x9b\xfe\xd3\x9cb\xef\xf4\xe2\xe2\xf4\xdd\xdeL\x1ad\x8d\x99\xf4N\x13}\xdcb\xe1K\xa2\xed\x86\x8a\x06\x1a\xef\xee]\x1e\xf9U\xbe+f\x84\xda\t-\xab\xc7\xdd\x13\xed^]\xdd\t\xe3\x88\xd3\xa9\x9c\x1b~\xf6\xee\xe2\xec\x02\xe4\x0c\xa0\xda\xdenB\xc8\xae\x1e*&amp;\x95\xeb\xaa\x0b\r\x03&lt;\x1e\xefn\x11\xed\x87\x07\xf9\xae\n\x12(/\xfbz\xae\r\xb85\xc1\xd5\x91\x1d\xa0\x16\xc6`\x80$\x11\xdf\x03P\x7f,\xb1]\xccn\x92Y\x8a9DV\xcb5\x95a\xa0\xaa\xaa\xaa\x91w\xe3\xb7\x7f\xe4\x1b\xeb\x12\xe5\xdeF\xcf\x80[U!\xe9\x06\xf6\x0f\xc7#"!\xc3\x8cG\xcc\x11T\x89\t\x196\xa3\x03\xa2\xcaH\x9c~\x0e\x9fU\\\xef\xbe\xc3-**\xe2Nv\xe4\x1f\x8b@\xb9\xfe\xda\xa0\x02\xb3X\xd84\xe2\x19\xc9\xe0 \xf1#J\x11b\xacc\x17\xb0\xa9T:\x9dJ-\'\xf2\xc1\xa8\xbe\xd60\xe0&amp;W\x15\x15Uqk:^|\x06\xb5n&gt;\xef\xd3\xaa\xdc*\xadwud\xb5\xce\x18Aq\x14E\x85\xc62\xafD\x02\xe2EL\x00\x01\xb9\xca\x89\xe5\xac\xe6zw[)7+VkM\xfe\xb1\xbe \x00\xac\x15\x95\xbb\xa7]3\x1b\x0c\x96\rFPW\x18\xc7\xcd a\xb0\xb3\xc5$\xab\x15\xe4\x0c\x98.\'\xb64\x0f\x0c\x90K\xb9UU\x80j\xf23\xa8E\xf8\xee\xb9\xa1\xcf\xe0\xeeQi5\xd1\xe0H&amp;\x82\xa2\xe1\xc5\xc50\x9a\xadh\x08\x85\x0c\x86\xcd\xe13\xb1A\xfe)n \x93K\x01\x16\xb7\xa6\xf5\xd6\x8d\xcf\xa1V\xed\x1b\xf7\xca\x7f\x9f\xb8\xdd\x06m4\x18\xecDp4\x1c\x8f\x1f\x01\xb3\xecr\xa1\xd9\xab\xbb\x90\x0f\x82\xd8t&gt;\x93VJ\xe6r\xb9_\xdd\xba\xf5\xf81\xf9\xc5\xfd\xfccUN\xb8U++\x06\xb7\xc1\xa0\x9d\x9d\xed\x1c\x8c\x98\xcd\xa8"\x1e_\x04\xd1,\x12\x11)\x19\x0e\x93\x00`\xf570\x81V\\\xee\xe3[\xb7\xb8\xdc\xcf\x84\xa5r\xbb\x9f\xfc\x9fw\xf3\x8bI+\xcb\xe3\xf8F\xee:Xn\x1d\x8b{)K\xbd\x14\xfc\xc7\xbd\xf2G\xef\x80x\xa9\xc3E\nEt1\xc1\t\x88T-`$\x12P\x14\xa3\x90Y\x86fbbV\xec \x8a/\xe3Ckk2i2:\xaeE\xdb\x99\x07\x93I\x9a\xd6\xf6\xa1n2}\xe8tG\x92\x99\x87f\xb2/\xcdN\xe6a\xb2\x99\xdd\x87\xfd\x9d\xeb&lt;\xce\xeevg\xaa\'b.\x12\xc9\x87\xef\xef\xfb\xfb\xfd\xce\xe1\x9e\xb3\xff\xc1\xe8\xcc\xcc\xf8\xa3\xd9g\xa8]_G\\\x7f\xfa#\xba\xe9\xd9w\xf5\xd2%\xe3r\x94\xf3[\x00kwgwx\xb7\xc7l\xf9\xf2\xb3\xe3\xc7jAX\xb1\'O\x80k\xfc\xd1\xdaZ2\xf9\xd6[o\xdf\xff\xee&gt;,y\xae\xa3{\x88\xa4IGzF\xc1\xee\xbb\x96\xdd\xdd\x9d\xe1\xdd\xd2\xc9`\xfd\xa6\xe5\x93\xf9\x0fF\x81k\x7ft\xb4\x0bq\x15\n\x85o\x1e&lt;\xb8\x7f\x1dJ\xeb\xbbo\x17fQ\xa5h\xcc\x87!\x0b\xcd\x80\x05T\x1d\x80u\xe3D\xb0\xe6\xe7\xf3\xb1\xfd\x1f\xa0L\xcc\xac\xaf.=[\xfa\xe6\xfb\x7f\xfc\xf8\xdd\x1f \x19\xdf\xbd\xbe\xb4\x16X_o\xe4\xf2\x164 \x82%\x15`\x99\xb7N\x02\xeb\x16P\xe5\xd3#O~\xd8G\xae\x9f]{\xfe\xfd\x83\x1f\x1f&lt;\x87\x10\x16\n\xcf\xd6\x1e\xedM\x8er\xf9A\xcb\x8e\x05\xa4\x02*\xc0\xea0\xc7\xee)O\x02\x8b\x03\xac\xc1\xf4\x93\xfd\xfd\x0ff\xae\xed\xad.=\x7f\xfe|\t\x16\x8b\x85d_`\xd9\xd3\x18V\xa0\x08\x82\xb1\x8e\xa8\xccfX`,\x9e\x88Z\\\x7f~\xa4\xb77\xcd\xfb\x1e\xb8\x1e=Z\r\x90P\xe0\xc1\xed\x06MP\xa1@\xbe2\xef\xf4\xee\x9a\xa1%\xaa`j\xd3\xb0\xf5\xed\xf1\xabU{k\x94\x0b\xc2\xd4&amp;\x9d\xee\xdd\xda\xdf\x8aA\x9d\x80z\xbf\xec\xd1\xa1MH!\xb4}\x12\xa0z\xa06\xec \xaa\x1e\x88aCC\xec\xdb\x13\tb?g0t\xcd\xcc\xa4\x07\xf3\xb1X,\x0f\xd3\x9c\xc9\xc9h4\xda\x886F\xf1P\x10\xba#\xa9\x90\xb3\x10\xd6\xe2\xf1c)A\xadPc\xd4\xd0um&amp;\x1c\xce\xa7A\xb4t:\x9f\xcf\x87\xc3\x80\x84\xba`OO\xc9l.\x95T\xaa#\xac\x86\x13\xc2j\xb95\x1a\n\x19\xa2\x93\x8d]\x93\xf3\\\x18m\x1a\x1bD]\xd9\x82\xe6\x0b\x002\xa7R\x95J=\xaa\x9f\xa8\x00\xab\xa1A?\xf2\xe2\xe6\xb1O\xe6\xbb?\x99G\xbb\xa9\xd1&amp;.\x03\x87T\xe2\xa1\x90\xcby\x989\xf4\x98S\xf1\xd7\x97\xf9\x106(F\xbe\xfc|\xfa\x98\xb9`\x06a0\xb8\xed\xeeP\xe3x\xd40?\x9a\x0f\x86\xfd\n\x08TG\x0f/\xd5\xdc\xdc\xe1\xe1!\xa2\xe2\xed\x0eX\xf0\x92\xde\xd2;\xf2p\xfbx7\xa7\x0bO;\xfe\x19\n9\x07\xa6\xa2S\xcb\xcbS\xa1y\xeeh\xab\xb7\xe22\xba\x87\xff\x17x\xcc\x1d\xce\xa9x*\xde\xef\x10A\xbd\xde\xac\x18\x19&gt;n\xb9Z&gt;\xfb\xda`p\xd6\x9b&lt;\xcb&amp;]4\xc4q\xd0\x89\xc0\xed\xe1AK\xcfe\xe4w\x15?}\xef\xe1\xb9:\x10\x93B\xdf\xd0a\x199\xf5\xc5\xedw\x8es\xbd_{\xfb_\xd7\xdc\x06\x9f\xceD\x06:I\x8f\x81\xe3\xf2\xd0\xb8\xc1ai\x05\x18_\xc1\xf3\xc0\x94\xc1l\xee\xe0\xb3\x10\xb0\xd0\xd7H\x96\xd8\xb0\xf8\xb1C\x169\xae\xf3H\xa7\x95\xd3/\x87\xdf\x9b\x9a\xd2\xe9L\xc6\xc0\xec\xec*\x92+\xc8\xcd@I\xed\xd7\xe7\xfd\x80\xd0\x81Ln\xb1tt\x00]\x87~\xc1\xefG\x7fl\xb0\xc4b\x1b\x0f\x0f\xe2\xa9\xec\x95\xda\xe38."\xac\xad\xbd\xfd\xe1\xee\xd7\x93N\x9f\x874z\x93kkk{\x8dA\x7f\xb8\xbf\xbfk||\xb21\xa8\xc9i\x82z\x0bR\xa8\x03E\xb0\xc1\x1f\\\xd0\xf3\xc3\x1f\xdb\xb2\x9d\xba\x11\xcff\x0f\xacD\xcbkVL\xa8\x94\xb8\xd4-\x8b\xa7\xcc\xefMFu:\xd2\xdb7\x91\\[\x9a\xdd\xeb\x9a\x0f\xf5/\xac\xe4\x0c\x93\xe3\xe3Q\xb7&lt;\xb7\xa2\xd7\x8fA\xd8.7\xe8\x17\x16\x82A\xbf\x1e\xa9\xa5P\xc4Flu_Y\x0fR\xd9\x03\x87\x83\x91(\x85\xafK3\xa1PYI\x10j\xbc\xfb\xce)\x154\x1a\x8f\xc9D\xf6%\x93\x13\xc9\xd9\xd5\xbd\xe5hWcH\xb3\xe0\x0fjV2\xb9\x95\x85\xb1\xb1O?\x85\xfc\x83\xa7\x19\x8d\x06\xc0 \x8c\x8a\xde\xad\x1d\x9b\xed\xf1f6\x9b:\xc8\xa6\xb2q\x06\xabU\n_KUP\x8a0-\x85W \xac\xb9\xd1h\x17\xc4\x90\xf4&amp;g\x93\x13\xb3\xb3\x81\xce\xce\xbdq\x0f\xf4\xc3\xe0\x02\x0c\x80\x1a\xd3\x8f\x8d\xf9\x83\xfd\x9aL.\xd7\x1fD\xc3?82\xb2\x8b\xb0R\xf1x\xf6\x00"\x99J0\xb4\xe8W\x83\x81R\xd5\xb8V\xab\xa5\xd4j\xbce\xf1\xccaz2\xea1\x1a\xc9\xab\xde\tt\xe0\x01\x122\x003\x9bu\x90\x0cb666\x16\x04\xbe\x15\x8d&amp;\x17\n\x858\xc4\x15\x0eC\xdf\xdc\xdd8\xf7U"\x15\xdf\x04\xc5\xeefS)k\xa2Ha\xbf*\x96\xa0TY9\xa2\xd2\xd2\x95\xe0\xad{gl\x96\xc9e\x0f\xda\xfa\xe3\xed\xf3\xf6\xf5y\x03$\xd9\x19\x98\x98X]]\xd7\xb9C9\xb9=\xa4YY\x01*\x8d\xddm\x08\xe54\x0b&lt;V8]\xda\xb8\xb8(\x03\xaa\xcd\xcd\xd4\x01\xa4$p%d\x14V\xf6K%\x13\nk\xab\xcby*V\xcbV\xb9\xb0\xa6\xed\xf7\xc5C\xf3\x9e\xf5\xbd\xceN/\x82\xf2zI\x93\xc7d$A=(\xafSn\xa7S\x9eY\xd1 \xb1\xec\xe0\x7f\r\\\xa1#\x19\\\xf8\xc2\xc6\xf06\x03\x1a\x15\x13\xd6\x83\xac5\x95\x8a\'d\x89M\x19\x8d\x8b~\xd1\xedEameu9\x8b\xa8\xb0r-.h\xaat\xdd}j;k\xf1\xacwv\x82\xa7\xfa&amp;\xfa&amp;&amp;H\x9f\x13\xd6\xabF\x9d\xcf9\xe0t\xbb\xed\x88\x05\xe1\xe4\xe4\xed\xedP/4\xfc\xd9\x87\xbcE\xbc\xf1\xf4.\x03\x91\xa3\x8a\xc5l\xb6\x98H\xa5\x1c\x0c\x95\xb0&amp;(-\xfd\x7fW\x0c\xa1RY&amp;\x12I\xca1BKk\x9b\x9bY\x02\xb0\x88\xe9\x97\xe26U~\x9d\xec\x040\x88\x1d\xf2\xbc\x91lmm=\xfa\x02)\x14\xcae2\x9a\x95\x85\x95\x8c\x9c\xc7B#\xe8\xe7\xd2m\xb6\x8d\xbf]a\x8a@A!,Jf\xb5\xca\xa8"\xfc*\x02)\x14\xffWw\x19\x18\xbdLT\x8e\xe1\x18F \xac\xeaf\x16w5Ua\xdd\x8b\x17\x0e\xdbJ\x1e#\xe2\x82\xe1\x85Z\x1f\xe8\x83h\x92\xa6\xfa\x01)\xa0\xb4g2\x19\x80r\xbb\xe5R\xf9OXA\xceb\xb3\x89\x1f#*VK\x03\x16CEd\x0e\x88 \x93\xb2\xca\x12\x88\xf1\x95\xcf\x15\xf3P\x18\x0e\x03\xb0h\xad\x16\xe7\xb1\x04U\x95\xea\xbbO\xc555\xe1e\x9e\x0b\xb2\x10\xfc\x1e\x00.(\xae\xa4\xe9\x92\xae\xde\xe7t\xcb\xdb\xe5r\xa9\xd4.\x97\xba\xedG\\\\xNl;s\x83*\xd2Z\x96e\xb5\xf1,\x83\xd1T"\xc1\xe0\xb8\x03\xac/+RL&lt;\x1ey\xa5&gt;\x0eP\xd5"@\xe2\x7fP\x16\xb2\xd5\xd5,\xeb\x12\xb8\x9a\xd5\xddw\xce\x9f\xab)\x8d\x92\x88+\xb0\x1a@d^\xefU\xc0\x03\xdb\x1bM\xbaz\'\x82\xfaX:\xa5CNC\\\x1cg\x11\x8bm\x7f\xbfIQZ\xf4^\xb4\xe3 \x81\xd38-\x03,\xca\x1a\x971\t\x19S\xdcL9\x08\xe5+\xa5\x1f\xaf\x13A \xc1X\x1e\xab\x99U7\xbd\xd1\\\xd5\xf2\xe7\x87u5\xe7\xcd&amp;/p\x91{ \x15\xa8\x06\xb5\x954\xc2\xe2\xe7\x12:\x13\xe5t\xfa\x9c&gt;\x9f\x0f\x9d\xd8jG\x8eGb\x89\xc5\x8f\xa7\x11\x15\x0b\xef\xc6d\x13pE\x17\x19\xba\x9c-\xc6\x13\x8c,\xe1\x90Q\x90\x04\x91\xff\xd1\xc6O\xd7\x96\x01\x15&amp;\x91\x00\x15M\xc3\x05(\x06\xcfE,\xd6\xf4[A\xa5\xab\xfb\xce\xc5\xf3m\x17\x14\x9d\xa0\x10HF\xa2\x94DW&amp;\x8fNw\xa9\xd5T\xaf\xd3\r\x00\x92\xd3-\x95\x82\xd54\x99~\xae\xdf|Nl\xfbp\x9b\x06ga\x10C\x9cN\xc5i5\x06rQ\xe5\x12\xdc\x1ag\x18\x99\x0c"*\x8bge\x92\xffR\xc6\xa0\xf9\x89D\xe5\xf0\x1fH+B\x0b\x9a\x81\xf4\xc8\xf9\x18\xabv\t\xde\xa8r\xb9\xae|$n;;\x14\xec\x9b\xe8\xbcj\xe4\x81\xa0l\xa1\xa3\x93:\x9fO\xa7\x9br\xa2Cwn\xa9]*\x87\x01r\xe5\xf4C\xe7\xea\xea^\\\xa1\x90\xb3\x9aYZK\xc7\xb3E\x96\xc5Y\x9a"\xf0\xcaH\xca\x1a\xa1\x18\xd9\x15@\x8bg\x1d\xd8\x7f\xe4\x12\n\xd4\xc8Q|\x00\t\x1cy\x14&gt;!K\x00\x97D\xedR\xbb**\xd4\xae\xda\xed\xbf^\x18:_\xc3\x15\nPL\x01\x08,U_o\xd2A\xe5\x92J\rv;\xa4\xa3\xdc\x0eH\x08\xac=$\xcd\x95\xce^\x10\xbf\xbf-\x01k\x01F\x05\x16!"\xa9\x04\r\x84D\x84\xc6p5\x13w@\x89`\x12VG\xc2\x91\xb5\xe2\xd5\xca\x9f\x97\xaa\xba\\\xab%0&gt;~\x04N\x1ca\xb1\xb8\x84\x90H0\x81@\xad\xae\xa8\xa8\x124u\xdfy\xb3m\xe8\xe2Pc!\t\x85\x01\x9cn\xe2\xf7\x16\xa0J\xd5\x9e\xcb@\x89@TR)\xe4\xa4\x1c\xaa\xbe\xbe\xe6B[\xdd\xcb\x08\x81\x12\x07o\x86\xcf\xf4\xf9=G$B\xe3\xe5"\x82\x96\xa8E\xb4\xcc\xe1\xa0\xe8\x08\xe3\xb0\xc2H9\xe8\xca\x9f\x11L\x08\x13\x05p%&amp;\xc2i\xc0\xe2\x13\x11j&lt;\x8b\x13\xeft\xdf\xbc\xe9\x12\x08*\x9b+\xaa\xaa\x04U\x82\xe9\x17\x17O\r\xbdY\x9a*\x14\n\xc9\th@W[[\x07\x00\x84\x07\x03\xb5\xecn\xe4,\xa9t\xc0\xa7\xf3\xf4\x97.\xd6\xd4}q\x1bC!\xd4\xd2j\x97r\xf1\xf7\xbf\xfbh{\x9aPwK0\x9a\x90\x880\x00b\xd0\x9dH\x074J\x07$ds\xd9i\xe1\xbf\xb96\xc3\xd7\xb6\xf13\x8e\xe7"YA?i\xfaI\xd6\xcf\xd2)R\x11\xb1\ng[\xa4\xb6\xc3\x8a&lt;\xd1\x8eY\xa6\xde\xea\xe8\x1a\xf0\xb8\xf6`\xe7\xc0|\x90s\xefE\x867\xdf\xe5\xda\x17\xb5Kh\xf3.\x1b\xa3v\xbd\xe4F\x03G\xe6\xc0\x05\x92\x8c&amp;p/B\xd8\x8b@\xde5\t\xe3\xb8\xa4}\x13\xe8\x8b\xbe\t\xd9\x9f\xb0\xe7\xa7\x1cc\xdb/\x81\xbc\x88\x89?\xfe&gt;\xdf\xe7\xfb&lt;B\xd1\xff\reju\xb1\x10UP\x04,\x8e\xe5T\x95K\x88luzs\xf5|%\xe9f\xdf\x13d\x1e\xdc\x95\x9c^\xd5\t!\x1f\xfc\xfe\xc1\xcc\x9d\x1bw&amp;\xbe\xbc\xfb\xe8\xd1uZ\xc2\xf7\xe9#\x93\xbfz\xff\xde\xb5\xe8)E\xb8\x0e\xb9\xf2\xf9\xcb\xc0\xf2\xf0\x96\x08T4\x95)V\xbdT\xea\xef\rZ\x95\n;\x0e3\xd1M4\x9a\xb3)(M\x9eN\xcar\xb1Y\x90r\xff#\x18x\x9d+P&amp;6\x11\xf9\x9c\xb63\x97\x85\xd1SYY&lt;\xef\xc7\x8f\x06IM\xe2]\x81\te\xf8\xda&gt;\xd4\x89A\x9e\xdc\x9b\xb9\xff \xba\xa9\xb2\xfc\xec\xd6o\xe8\x83\x89\xdf|w\xf5\xd6\xf5G_]\xa7\xc9z\xeb\xfa\x95\xbb\x7f\xac!\xcbyW\x15E\x80\x1aO\xa7]\r\xb0\xf4\xa0\x14?z\xbb\xb8=]\xd5X\x8e-\xa4\xd3\xe5"T&amp;\x01\xd9Z,\x96\xcb\xa3n\xa8\xfd\xd7\xfc\xfe\xc9\x98*\x80\x8b"\xa9XA\x80U\x14\xf4\x92\\-\xb1\xbdu\xd8\xb1,t\xb43\x16\x86\xbc$1px\xb9\xb2y\xe4)J\xf0\xe4\xea\xfd\x1b\x93\x933\xf7\'\x9e.?\xbb\xfa\xcd\xd5{W\xbf\x82\xf3lyy\x1e\xc8\xae\x7ft\xf7\xcb\xdbo\x02\xe4\xf4\x07Z\x1az\x06\x16\xb6&lt;\xa8\xb5\xd3w\x02\x1c/\xe9\xf5\xfd\xd5\x83\x9d\xc1tNN@\x01\x9b B\xa38\xd7,\x16\x9bexQ\xb5\xf2\xa3`\xe0u5\x8aP0;\xab\t\x9a\x08]\x92H\xc8c\x95\xc1\xde\xbeb\xe2N\xd7\xe8\x9f2\xa1\xc6\xab\xc3L\xc4\x95\xa9\xee\x1c\xf9\x84\x04O\xaeM=\x9f\x9a\x99\xb9\xff\xf4\x1f\xf3\xff\xfc\x0e\xce\xfc\xe3\xe5\xc7\x8f\xef\xcfL,/\xc3\xcf\xc7\xd7nZ\x8aIN\x1b\xe9q1\x01\x89\xf0\xf7\xd4\x8fX\xbaccd\xd5\x94\xfe\xf1\xea\xc1\xe2v.\xd7*7\xa04\xa3s\xe52\xc8UnHa\xa3\x91\xbb\xbc\x07\rP\x1c\xad\\\x02l\x08]G\xe3A\x1b\xcb\r\xceO\xb0\xed\xd7:u\x83tNc\xb2\xc6\xf3\x92\xcc0#\x00\x96\xa9.\x9e\xc0\xdf\xd6\x9f\xdc\xed]b=]\x9e\x9f\x9f_\xa6\xff\xdb&lt;59\xf9`\xe2\xf1\xc4\xc4\xaf\x1f\xdd\xac\x11\xdf\xd9k\x81\x89\n\xacXH5S\x02\x9b\xdc\xa9;\xba\xee\xf8\x01\xc2\x04\x05\x81\xa2\x90\xa3\xf3\x9dV\xa5\xd1\x18\xcf\xa6\xe7\x8a\xe0\xffr\xb3\x99\xe6\xc3F\x93nU\x9aF\xd7\xaa\x88\x8aUU\xa0\x02\xd5+\xd3\x9b\xe7}l lZ\x9d.\xe9\x1ao\xab\x14\x0b:\x91\x9e\x18\x93\xacl\xf5=\x1cx7_\xf4\xd6\xa6f&amp;\x9e\xde\x99y\xfe\xfc\xf9\xd4\xda\xda\xeenoa\x92\xde\\\xbf1\xf1s\x8c\x83\xf8\xe1\x86F\xc5\xd2\n\xa9\xd1\xf5\x14\xef\x82Z\xa6n\xfb\xbe\x851!5\xd2%\x9e\xe5\x19\x87\xa7\x1b\xf9\x06\xeb\x8e\xce\xe5a\xe3)\xae\x8f&amp;\x18wthL\x06\xabs\\\xe4v\xf0\x96KC\xabR]\xd9:\xec\xfb\xb6Q\'\x9e\x83\xa9Z\xca\xeat\x12b\x8b\x97B\x99\x19\x19\x89\x85\x99Xu\xab\xeb#\xec\xbf\xfc\x1e8f\xfe03\xb9\xbb\xd4\xee\xf5\xda\xed\xf6\x12pN\xfduj\xeav\xad\x86\x9c\xe3AEt\xc7\xc5\x90-\xa4\xd6\xd7\xd3Y\r\xb2\xd8\xb1m\xd3\xae\x81]k\x1e6\xba\x08a\xdd\xb4WW\x1a)Q,\x16\xf3MZ\xc8|\x85a\x87$\x80Qa\x8b\x89\xf6\x05\xea\xf6F\xb5\xb5}z\xa8\x94j]\xc30\xb0\xe9\x03\x96b(\x17\x1bI\x89\x97\x86\xa5\xac\xc4\x8f\\*V9\xa8\xeb\x18\x9b7_|\xba\x00\x0e\xdbm\xb7_\x9d\x9d\x9d\xb5\x81mwwmr\xed\n\tjv\x7f1\x17\x8a\xa2\xebJB:U,\x8e\x0b"`\xc5m\xdb\x07\x8d,\xf8H\xba\xd1A \xa9\xe2\x1coW \xbe\xf3\xe5\x06LH\xca\xe5f\x87T\x8d\x9e\x04\x1b-W\x10pbus\xef\xd8,Y\x08)\x86At\xc7S\xbauEQ\xf6\x07\x19\x9a\rR6\xcb\xf3\xd4_#1&amp;\xb7\xd5\xf7q\xcd\xf9\xf0/\x0b\x0b\x93k \xd6+8\xed\xf6\xd9Yoa\xad\xf7\xbb\x0f\x03\xac\xeb\x07UM\x92D\x97\x07\xaa|\xb1\x98\xe6\xb4\xb1\xcd\xbec\x9a\xb6\xed\x81Z\x81\xaf+\x1d0X\x80\xfd\x8b\x8d\x0ceh\xe6\x1b\x80\xd5\x84\x84\r\x874M\x10\xd8\x04TPcY!+h\xd0\xfc\x8ecbD%6\xb0\xe3\xe0n\xb7n\x805w(\x94\x1ar\x82\x1aa\x81\xbf2\x95\xc5~\xdcB\xfe\x9b_\xee.,\\b\xb5\xa3*\xf6\xce^\xbc\xf4\x88\x89\xf7Z\x15\x97\x8a\xc5q\xf9Tjv}\x9cb\x9d\x94L\xd3\x8f\xb0\xb0m\xa3.\x81rb\xe7b%\x13J\xbc\x90\x00\xacF\x13\xb8\xca\r\xc0\x82\x12j\x12K5\x13`M\xa8n)&gt;F\n\xf6\x91\xd25\xec\x92g\xd4;\xf5.!\xfd\xd3L\x18\x86\x92\xe4Fr%\x01\x8c\x87\x9cX&lt;.y\xc8\xfe\xe0gkT-\x8a\xb4\xd4[ZZ:\xfb\xd3\'\x16h\xf5\xb6\x05\xc6\x82\xd7\xd3\xd1\x97H\xcf6E\xce\x1d\x1b\x1c\xc5M\xff\x12\x0b\xf9\x8ee\xa0\x9a\x15\x10\x7fu:t.\xdd=\x1e\x00\x00\tPIDAT5A\x92YX\x0f\xe9\x06\x06X\x82*@\xffItKP%\x81\x0fs\x9b\'\xb6\x85\x14\xcbFJ\xddpJ\x10\x0f\xa0\x16"\x9d\x03\xa0\x92\x85P\xe0\nY\xc0\x8a\xc5F\xf8a\xd0k\xf38\xae\xd7|\xefshA\n\x06J-,\xbd\xfa\xe1\x13\x1da\xef|\x05L\xe5\x8aY\xde-4G\xdd\xc6\xdc(\xacI\x11\x96I\xcdU\x03o\xc5=\x05Yz\x80|\xf8\x00\x82\n\xbe\xe69\x11\xec\x95\xa7X\xc3*\x9bpeM\x83e\x03\xda\x7f$\xacl\xef\xc7-\xa2\xe8\x81B\xba\xa8T\xc2\xddz\xb7\x03\x9dh\xecU\xa1\x8a\x82\xcbg)\x16\x03X\xcc\xf0\xb0\x1cV\x07\x17%=\xb0\xad\x9f&gt;\x04\xa5"\xac\xaf\xff\xf6\xaf\xcftb\xbd~\xb7\x11fYW\x0e]IL\xad\xe7e\x8a\x95\x00\xacc\xc02m\x8a\x85&lt;\xc73\x90gcR\xdbkUY\x95\xe58\x81\x95\xd8\x14,\xd2\x80\xa5J,+K\xac\x0bT!\x13\xe3\xd9\xcc\xcaj\xbcf\x10\x1b+J\xd7+\x99\x04\x0c\xdf\xedB+\xbe\x9bf\\\x19\xc6O\xb6\xc0\x81\xbbF %\xc6br\x98\xc9m\xaf\xdaf`\xbd\xfe\xed\xc33Z\xc2v\xef\xec\xd3/0~\xe3\x01\x95H\xa1\xe0;\xbd\xbe\x9e\x1aN\xcf\xe6a\x88P,p\xaem\xdb\x16\xe9b\xc7\'\xd87\xc10\xa7\xd5\n@q*\xcbr\x92\x94\x80\xf8\xca\x0fA\xf3\xf1\x92\xc6qn\x06\xba^\x128\xb9\xf5\xd6\xc4\x10\x0c\x80\xa58%\x1d\xb0\x08M\x08r\xb8\x02\x17\xb3\x8c\xe0\x86\x82\xaa\xca\xb4\x1b\xe1\xc0\xb6\x13\xe6\xa6\xcf-;\xd0_\x7f\xfc}\xbb\xbd\xdb[j\x7f\xfdE\x80\x90\xbe\xba\rVt3\xb2&amp;\xa8\x85\xd1b3\x91L\x17\xf3\t\xce\x8dm\xecS,]\xb7-\xac \xc7D\xc8q\x88R_\xac$`\xa3.p\xb4\xef @\xd3\xa3\xcd!W\x10T\xd7U\xdf\x93\xe1\x9d`E\x90\x98\xd6\x9e\x8e\x95\xc0\x07,\xa8a\xa0t:\xa8S\'\n\xb9\xd8`d\x81W%\x8a\x05S\x1b\xa0F2PsY\x0e[{(n\x05\xf1_\xfc\xf9liw\xa9\x071j\x05\xab\x1b\x99\xd0\xe5\xe9&gt;\x9b-\x8c7gG\xd9\xe1T1/FX\x8e\x19a\xe9\x90\x10q\x1f\xa1\xb8c\xa0\xa3\xcd\x90RQ,\x96\xaa\x06W C\x92\x04\xf3F\x82\xc6\x923\x0c\xafI!S=U\x88\xa1\xdb\x88\x18\xc1\xb7qhG\xa5\xd6\xe9\xc0zu&lt;`dW\x1e\x963\x80\xe5\x86\xf2\xa5\\\x19X\x0b\xddL\xeb\xa0\x1f\xf7\x02\xf3\xcdG\xbd\xf6\xc3\xdb\x1e\xf6\x02\xa8`E\x96\x04\x1a)\x85B\xba8\x97\x97\xe4\x08\x8b\x8b\xb0\xe2Q\x11\x03B\x8b\x88J\x8e\x81\xf7\xb7]\xf8\x1d\x98\x83\x8b\x06\rlf\xa9\xa10TU\x89\x89\x8d\xc1\\ax\x01\x84\xc8\xec\x9c(\x8a\x0f\xc3\xc1\xd0\xbf\x05\xcd\x0cdu)\xd6\xd1fR\xf8\x8fZ\xc0\x15M\xec\x0cL\xc9\x910\xac\xee\x1c;\xa6\xe7?\xb9\xfd\xe23+\xf0\x95\xbd\xe9JH\xfbV\x96y\xa10\x9e\x9a\x9bM\xf1a\x9eb\t\xb1\x8d\x0b\xc7\x01,P\x0bJm:\x08\x95\xe2\x06:\\\t\xd9,\xf5\xd6%V\x1af2`%\xa1\xddc\xc9a\t\xae h}2\x83}\x03\xa2\x8b\xd4\xc0Z\xe0\x00\xa5fA\xda\x13r\xb2\x13\x93\x04\xb8"\xfbw\x0b\xe6\xef\x9a\xba\x1e\x86q\x9bX\x0f\xf9q\xf3\xcbo\x944\x01\xb9\xc9b\x12\xc48)\xd9\xaap\x86\x90\xc9\xdd\x0cNN\x85\x82\xe0\xeaz\x167\xc1\xe9\xe2"\x0e\x16z,\xe8\xea$\xb8\\h\xbb\xd5{\xc7\x0e.\xa5\xff\xc2}\xdex\xa5\xe7\x14\x0e=\xf5\x93\xf7}\xde\xe7}^\tKA\xbdr*\xb4\x1d\xe9&gt;\xe5\x93\xddk\xaf\xe7\xc4\xff\xfc\x0b\xbf\xd3O\xe3\x88\x98*\xa9\x16\x96\x9a2\x8e\xc0{\xbf\x99\xd6I[\xd2\xed\xf2\x1bW#\xb0\xaa\xd5\xae\xcabCd\xc0b_\x19\x9ax\xadV\tN72\xe5eA\xd3\xfe\xf8\xd3\xbd\xe5\xd1\x1e\xcc\x99T\xe6\xc3\xf4y\xa5\x8b(\x13#{\x10u\xbd\xedX\xba(\xb2\xc56\x10\xca\xc0\n\xd0t\x85\xa3,\xf1\x83\x07\x16J\x12\xf0x\xb4\xe5\x81\xf5\xec\xb6\xa8{\xc3\xed8\xc2\xef&amp;\xd15;\xc5\xa6\xfc\xf2s\xf2X\x144\xff\xa9\xe5\x97\x157{\xf5\x80U%\xac.kC#=\x03\x968Nr\xc5CU\xb2Y\x0cG\xfe\xf8T\x08R\x97$\xc2\xa59\x95\xa2\x85a\xf6i9m\xacDgc\x0fD\x8b\xc5]\x8b\xa9\xa2\xb8\xd8^%\xaf\x95\xa5r\x13\x1bH\xe0 /\x8cd\x10\x04\x9a\x82\x81\x1c\x9f\xadXg\xb5\x8fm? _\xa8@\xed\x8d\x06L\xf2\xeearW\x14\xa4\xfa\xd3\x8b\\J\xa9Z\xd0V\xb5\x06\xc9;\xcc1\x06\xcc0\xc4\xc5,\x91;M\xec\x18\x1c\xa3\xb8\x8f\x94V\xff\xf9X\x88\x12\x1a\xab\\\x08\x88\xa8\x9aRI\xfa\xa7\xa9=\xd0U\xe6m\xe2\x81j\r&lt;\x11\xa9K\x15\xa7\xe7D\xc1x\x00\xa8|#`zoP\xb1T\x81,1s\x8a\x96D\xd9i!\xb2\xc1\xfb\xbe\x9f\x84&lt;\xb8\xd2\x90\x12\x8dTF\xea\x9c\xb4\xb0\xac\xeb\x8f/\r4\x11\xd5\xf2\x0c\x8f\xb00\x8a\x83^[7z\x83\x8f}"7r,\x19G\xa9\\\x19%{\xab\xb0\xcf\x00\x85\x07\x06\x17aa?F\xfbEOe]\xbd\xd7\x1b\xa8l\xee\xc4\xba\xae"\xb5\x91\xcd#m\xa1L\xd7/\n_\xe4\xaf\xd8@8\x0b\x92\xe7\x0b\x83/\x1e\xf7I\xa0\x05A\x08\xcc\xfeO\xdf\x97\xcb\x9c\xfc8\x99\xd4\x15\x81\xf3\x1f[\x8d\xa6\xa4e+\xef\xea[h#\xdc\xa1=\x87~)\x94u\xa4\x1cK\xf6\xb1\xda\xcd\xf1\xc1+|\x9c#8\x1f\xcf]\xb1\x14\xfcs\x80\xc5\x85\xb6Y\x1bO\x1d0=nO\x19\x16\x18\xd3\x0fc\xacy\x0e\xc5\x92\x9a7\x04\x05\x9f\xa0`\x18&gt;g\xfd~\x7f\xfd\x8a\x9bC\xff^\xa3\xa5\xf8ei\x1a-\xcfk\xb9~\xc5z\xf0%N\xc1\x12nt$\x9e\xb0\xec\xabo\xc1\x1d\xe3xnoj\xdf\xbb\xc4\x94\x9b\x92\x94\x7ft\x85+(\xdd\xbdo\n\xf6\nb\xd0xE\x11\xa8\x8bM\xb9\xa8\xb80\x17\xe6\xe8\xea\xa6F\x89\xdbP\xa7"\x16\x18\xaa5v%\x08\xeb\xda\xc7\xfc\x15J%\xec\xf6\xd9a7\x9e\x1d1\xae\xfae\x17\x01\t\x83\x99F\xcf\xab\xb7\xbfL\x1f\x87\xa6\xf9\xf4\xeb\xde\x97\x10Z\xee\xa8Z&lt;\x9aH;\x91\xaaU\xab\xea\x8eg\xd56\xde%KG~\xf9Z-\xb9\xe1\x17\xa3m\xd5(\xd4\xdev\xb0=MQ8\xe8\x97\x16q\x11\xe3b3\xd126\x80\xc2\xb4\xb0)\xf5\x90\xe9\x9f\xe3\xa8\xa2\xc1\xbaH[9\x15\x16$\xdeW\xd8\x0e_O\xef\xf1P\xd4\x0f\xcb\x886\x18&lt;#Z\xbf\xf6\x8e\x7f\x9b\r\x89#\xac\x9f\x1dE(\xcb//W,P\xd9q\x1bXv\rq\x8e,\xfbs,\xb7\xcc\x1c\xab\x88C\xd7\x0f\xb3o\xcf(T\xc5\xf3\x9f\x94;s\xcd\xc3\x94\x9b!\xdf\xff\xec\x0e\x18\x83\xc53&amp;\xda\xc6TwT\x14\x8b\xad\xb0\x14\x91\xd5\x90Os\xc9S\xff\xf0M\xe2g\x1f\xd3\x05\x02\xca\xf4\x94E\xf0\x0c\x14&gt;p\xd7\xc7\xae\xb7z.\xca\x88\xd9\xf2\xfd\xe4\xce\x0c\xcb\x92\xfcR\x97o`\x10+\xaf\x96\xafj\x14\xac\x86V\xe8x\x9bS\xdf\xbc\xf3\xcb\xd7\x8fD\x81\x15\xcdt\xdb(8\xedK\x94(\xae\x0b\x07T\xa4\x0el\rX\x07\xbdk\xb575\x94H\xec\xc5\xe8!\xb0\xe6\x16\xb0\x00#I\xcd&amp;\xfdM\xb2\x87\x1e\x14\xed\xc7\xf6c8\\\xc0\xd6\xc6\x11l\x0cK\x92\x8f\xd6h\xa9\xbdZvd\xccQ\x8e\x95\n\xa5F\xbd.\xa3\xc8\xc0\xca\x83\ra\xc1\xb2\r\xd5\x02Vb\xe2\nk\x96\xf2O\xfa|3\xb9\x18\xb6WPk\x1f;\xb7\xc2\xd1\r\x0f\xacNI\xc2V\xdc\x0e\xbb\x96\x815\xcd\xacA\x0fG\x99H\xd2",\x0e\xae\x05\xa6\xff\xb1\x90\x1a%E\xb9\xdd\xbf\r\x17\x0b\xfd\xf8;q]r~\xde\xdd}\x1b\xfa\xbc\xfa\x95\xf9\xb2\xa4\t\xe6\xc3\xa4U\x14\x84"a\xe1\x7fd\x17\xa2\xaaU\xdbmTK\xd5\x91\xb8\x0c\xfb\x1c\x98\xf7\xbe \xe5\x8bZ\xf6\x93\xdd\x07\xcaY`\x8exH\xd2\xb2\x90\xfb\x16\xb0\xc24\x18\xcd`A\x9b\x18\xd9o\x1ec\xc1\xab"5q~YF\n-P</t>
        </is>
      </c>
      <c r="M400" s="3" t="n">
        <v>45492.67827546296</v>
      </c>
    </row>
    <row r="401">
      <c r="A401" t="n">
        <v>1015292</v>
      </c>
      <c r="B401" t="n">
        <v>1963</v>
      </c>
      <c r="C401" t="inlineStr">
        <is>
          <t>Richard Ríos</t>
        </is>
      </c>
      <c r="D401" t="inlineStr">
        <is>
          <t>R. Ríos</t>
        </is>
      </c>
      <c r="E401" t="inlineStr">
        <is>
          <t>VOL</t>
        </is>
      </c>
      <c r="F401" t="inlineStr">
        <is>
          <t>VOL</t>
        </is>
      </c>
      <c r="G401" t="inlineStr">
        <is>
          <t>VOL/MC</t>
        </is>
      </c>
      <c r="H401" t="n">
        <v>185</v>
      </c>
      <c r="I401" t="n">
        <v>27</v>
      </c>
      <c r="J401" s="2" t="n">
        <v>36678</v>
      </c>
      <c r="K401" t="inlineStr">
        <is>
          <t>Both</t>
        </is>
      </c>
      <c r="L40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979c2f5-1d74-4196-b56a-e1cc3b7d52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e\xeb\xee\x00\x00\x03\x00PLTE\xff\xff\xff\x00N9\xe3\x91h\x00F2\x00?,\x00&lt;)\x00B/\xfe\xfe\xfe\x00I3\x00L6\x00R&lt;\x04\x00\x00U.\x1b\x12\x07\x03\xe2\x8ee\xe6\x94j\xfc\xfc\xfc\xd8\x8cf\x81G,c6 \xdf\x8fg[2\x1d\xed\xef\xf3\xeb\x99sP*\x18J\'\x16\xe3\x96n\xe8\xec\xf1\xf4\xf6\xf9{D*@0$\xdb\x81[\xf2\xf4\xf7\xdb\x87`\xf0\x9cv\x17\r\x07\xdc\x8cd\n\x04\x01n&lt;$a1\x1b\xe7\x97p\x01TA/\x15\t\xcb~Xx?\'\xfa\xf8\xf8\xe0\x92k\xd7~Wi7!\xd6\x85_\xe0\x8bc\xd4zRS9+@\x1c\x0c#\x16\x0eG,\x1dB$\x15\xd0\x85_U4$T?1\'\x0f\x06\xdb\x90i\x86K0jP@H!\x0fG7+\x8dM4+\x1e\x15;*\x1f8\x1e\x10\x1e\x11\t\xa7cC\xe1\x85^O.\x1e(\x19\x10\xea\x9f{\xe7\x9cwXF8aH9ydV]8&amp;hVI\xf4\xa0z\xf7\xa6\x84\xcbtO\xbapMS%\x12\xdc\x95o3&amp;\x1dt&lt;"M&lt;0J2%qYJ]L?[@0\x8fU81!\x15\xd2\x89d[,\x17\xc3lE\x95Y&gt;\xf0\xa2\x80\xcf\x81[\x02XD7\x17\t\x1e\t\x03h=\'\x018\'\x82m`sC,\x02N&gt;\xe4\xe8\xed\xf6\xf1\xef\x9f_A\xe2\x99s8%\x19\xbae?\xd2vKs_S\xc3{W~K3\xc0uP\xb5lJ\x9bQ0\xe6\x8adaQD\xd6\xd0\xce\xa9\x91\x84\xc5\xd3\xd9\xb1_9\xe2\xa2\x82\x04H:5Y2\x9dY:\xdb\x99yz\\L\xe0\xb0\x9b\xcbqG\xc9yT\x83vm\xdc\xe3\xe9\xdd\xd9\xd9\xd2\x8clk1\x1a\xc5\x83bd@/yj`\xec\x91m\x84T=\xd2\xdd\xe2\xb0\xbf\xc3lE3\xe7\xd1\xc8\xaejI\xd7\x9e\x85\xa1\x845\xa6\xac\xb2\x91`J\xa7X5i\\P\xb2\x9b\x90\xa5[&gt;\xc2\xbd\xbb\xe6\xe3\xe1\xd2wZ\xcc\xc5\xc3\xee\xeb\xea\xbc\xca\xd0\xb0eD\xe7\xbd\xab\x03[I\xae\xa6\xa1\x8brb\xe8\xc7\xb9\xaboQ\x16E*\xba\xa4\x9a\x83aQ\xb6uW\x90I*\x9c\x8f\x89\xd1\xbc\xb4\n?\'\xd8\xc7\xc0\x0baQPC;\x9b\x81p\x9ciQ\x85B%\xba\xb2\xae\xa0\x87{\xed\xdc\xd6\xa5\x830;tk\xe4\xa8\x8c\xe8\xb6\xa0\xd2\x92w\x8c|s\x8e\x83}rK:{\xa2\xa0\x1c\x14\x0fjp7\xa8\x885\xdc\xa8\x92y\x89H\xa2\x98\x94\x01/!}t4\xc8\xb7\xae\x8b~9\xc1eZ\xea\xad\x8f\x97\x806\xa5vb\x92xj`!\x19K_0\x1e_S\\f3&amp;M-!nb\xc8\xa2\x92\xb3\x86r\x8c\xb1\xaf\xb4\x93\x83\x16S4\xf7\xae\x90\xb4\x7fh\x9bG?F\x7fy6c`b\x90\x8c\xca\xae\xa2ZyA\x90\x93J\x9a\xa3\xa7\x99\xb8\xba\xf1\xe5\xe0\xc7\x8bo@k&lt;\x1cQF\xc4\x91y\xd0\xadD\x0cG/\x8c61\xc0\xacO\x91\x9a\x9a\xa4\xa0Ry&amp;"\xdc\xb5J\xb9DB\xaeWO\x83.\'A13\xb5\x9bA\x19\xff&lt;~\x00\x00 \x00IDATx\xda\xc4\x98\xcfO\xdbx\x1a\xc6\xab\xbd\xf8@=\x85\xceV\xd3\xaef\xbe!2\x1e\xaa\xb44\r\t\x86\xc6a\x83\xc7\xc6\x05\x83m,Q\xc6ub\xea\x92NEP*\xa55dK\xa9S\xb5\xd2ND#J\xc9\x8e\x84\xd8\x03\xd9I\x08\x1a)h\xb4L\x91Fi\xc9\x1cF\x85Q.H=u\xff\x8bJ\xfb\x17\xec\xfb5\xdb\xce\xde7\xd0\x97\x08\xe7\xc6G\xcf\xf3\xbc?\xcc\x89\x13\xffw\x11DW:\xdd\x9e--\xa5[\xdb\xbbN\x10\'&gt;~\x11P\xad]\x9bK\xe5\xa5R\xc1)\xee\x97\xea\xd9r+\x80\x11\xc4\xc7\xa4s\x89\xea\xd5\xeaN)\xddUO\xed\xd5\xf7R/+\xa5l\xba+\xbd\x99\xeej\xfdxJ\xa5\x97J\x95\xcaA\xa9\xba\x9f\xaf\x7f^\xcf\x17\x0b\xf9\xb8Z*\x97\xaa\xa5l9[Y\xea"&gt;\x92T\xe5R%[\xa9\xe6\x0bP\xf9\xea^Ju\x1c-\x93:\xa8\xee\xecU+K\xe5\xec\xc7\xe1"Z\xb3\xd5\xfa~\xb1X\xd4\xe0\x07&gt;\xf9\x02`\x15S\x99b1\xbf\x93\xca\xe4\xab\xd9l\xf9\xf8\xb9 \xe8\x95\x83J^\x96\x1dMsdY\xe6dSSeYs\xe0\xa1\x162\x9aV\xcc\xec\xed\xd4\xd3\x04q\xdcY\xcf\x1e\x94\xf2N\xa6\x08 \xb5\x9a\xccZ\x82\x8e\x1c\xc4\x19\xb2\xa6\x995\xa3\x06\xa0Zjgg\xa7t\xac\x82\x11\x9b\xa5j\xfe /k\xa6)\x1bH\xd7u\xce\xd0\x1b\r\xa4\x0b\x86\xc9\xf1\x8c$1\xbc`\xb0\xf1\xfc\xfe~!{\x8cz\x11\x9b;y\x15d29N\x93\x05\x91\x91x^\xd2y\x8a\xe1\x11\xc7P\x94\xc8\x88\xa2d\t\x93\xacc\xd4\xcc\xfdr\xebqq\x11\xed\xa5\x8cf\x1a\x86\xc1\x19\xa6jH\xb6\xc1\xe9\x00\xd5\xa0HQ\xa2H\x92\x12%\x01\xdcTr\xd1PT\xe6\x8cB\xa5\xfdx\x04#\xbaJy3\x86P\xc8`e3%[\xba\xa0\x0b|\x83\'I\x9a\xa4[h\x92\x92$\x91\xa2$\xae\xa8F\xa3E\x8e\x93\x0b\xd5\xe3\t~k\xa5` \xdb\x9e\x94C\x8ach[\x08p(\x9e\xa2\xc8\x16(\x9a\x82"IR\xd49Y\x8bF\r\x90\xcd\xa9\x966\x89c\xe8\xc1J\x11B.\x84r\xac\xa2\x9a\xd6\xe4K\x95\xa7[ZH\xaa\x85\xc6Xd\x83w}\xe4yhLMV\x10&lt;\x8b\x07\xa5\xa3\xd7\xab\xb5\\\xe0lIPR\x8a\x92+"i5\x95a\xf9\x96\x0fE\x92\r\x8a\xa6\x1b$M\x93\r=*\xcb\xac\xc0 \xae\x96\xafn\x1em\xf0\tb3\x0f\x0e\nB\\\xd5\xb4\xb8"\x88\xa1\x8cf\xe8\xf4\x07,\xba\x85\xa2A2\xf7\xbb%\x9b\xac%K\x12B\x82\xb1\x7f\xb4\x82\x11\x9fW9\x0e\xc5b\xa1\xb8\xac\xeb\xf1\xb8E\n\x1c\xaa\xf1\x8d\x0fP\xff\xf3\xa4\x19\x04CL\xe0\x18\x1d\t\xa8\xe6\xec/\x1d\x9d`DW\xdd\xe4b1E6\xa2\x86d\xb1\xa6%\xfaL]\xb0\x18\xf2\xbf8\xbf\xcb\x86[R7\x05\x89\xe1\x04^\x10t]\x96\x8b\xf5v\xe2\xe8\xe2npH\xc9dz\xb7e\x9e\xb19\t\xf5!Nd(\xccCC\x9e \xee\xbf+FK\xaa\xce\x886\x8b\x04\x8b\xb78\xd6)\x1e\x1c\xcd&amp;\x82\x9b\xa1`\x1aBHMe\x8c\xb7q\x9b\x1a\xb4E\x0bY:\xe2\x01\x0b(h22=\xedK~ \xa3\xad"\xcc{\x8b5\x04\x9e\x01\'\x91c\xd6\x8f\x82\x8b \x96\xf2f\x94\xb5s\xa9\xad\xa2\xb1\xa5\xb2\x92o\x10\x84\x92ldI\x0c\x1eV\xc9Hd\xba\xaf\xcf\x17\x89D(\x97\x8cvW\x91\x15\xe2\x10#\xf2BL\x108g\xe9\x08r\xdf\xba\xb9_Tr\xc6\xe4[5UC\x9a)[&gt;\x1f\x1e\x04\x0c\xaed\xc47=\xdd\xd3\xd33\xd03\xed\x8b$\x93X2\x9aB\x82M\x92\x16+#\x91a,\x0b\x169\xb7\x97&amp;\x8e \xeej4\xe7\xc4R{\xaa\xc6Abb1\x9f\x88\x8d\xf3\xf5L\x0cLLLu.//_\xbfxqyjb\x00\x93\xe1\xa1j\xd9\x0cM\xf3\x93\x0e\xb8,\n\xa2\x84`\x13\x1d4\x9d\x8b\xd8\xfcG\xee\xb7m6VH\xc5\x95\x98\x15\xb6\x07{\x07\x93dr\xa0\xf3\xf4_\x17\xd6\x1f\xaf?\x9e\x9d}\x0c\xb5\xbe\xf0\xe2\xc5\xee\xf2\xc4\x04\x90E\x92&gt;\t4\xb3X\xc7\xd2i\xca\xe2a\x80\x19f\xae\xda\xdal\xb1\xde\xfc\x12\xcdE\x05\xb6\x16W\x94\xd8t\xd8\xf6\r\x9c\x19\x18X^\x98M$\x12\x8b\x8b\x8b\xf0+1;\x8b\xd9\xd61\xda\xc5\xe5\xe5\x89\x9ei\x11\xd6\xa5\x80X\x06z\x82bl\x81\xe3\x84\xccV\x93\xe3E\x94\x1f\xbd\x8dn\xf7\xc6j\x88[\t\xf5\xf6\r\xfbz:\xbf\xb8\xbe\xfb8\xb18\x07\xb58\xb7\x08\x1f\x00L\xb8\xa2-,,\xbc\xd8\xbd\xde\xd9\x13I\xd2\x14g#Q\x14I|T\xc4B\x1c[\xa86\xb5\x1badm\xbd\xdc^\r\xc9\xc8Bc\xe1s\xd3\xd3\x13\xbb\xf0\xc7A\xa7\xb9\x0f\xb5\x88\xcb\xe5Zw\xb1\x96\x07\x06\xa6\x93\xa2\xceKp\x19\x92pb4xCG\xa6Vmo\xa6Z\xe9\x83\xf8\xcb\xdc\xcad\xccF\xf2\xca\xd8@\xcf\xbf^&lt;N\xcc.\x06\xe7\x82\xc1\xa0\xc7\xe3\x19\xf2\xf8\xfdA\x17,qh$`]\\\x9e\x00.\x1f\xb4\xa9HRL\x03\xee0\xdb\xb0\xac\xc9h&gt;\xdbD\xbd\x88\xf2\xde\x96\xba\xad(\xace\xb1\xa1\xf0\xd4\xf5\x85\xd9\xc59\xbf\xdf\xe3\x0f\xfa=C\xb8&lt;\x1e\xcc5\x87C\x86\xc10\xd7aS&amp;\x93\x92\x08\x0e\x8a \x96\x80\x04N1\xd5z\xb9ybu\xd5\xdf\xaa5\xc71\x1d\xa5\xd7\xea\xfb\x14\x82&gt;\x1e\x04\x850\x0e\xc6\xf2vwc\xac\xa0\xab\x18\xf6q}\x1d\xbb\xb8&lt;5\xe0\xb6$\xc33\x16\x1c^\x02\x8fd\xcd0\xe1\xb5\xa3y\xd3\xe1\xd1#\xd5\xb0ud8\x9a\xf3\xdb\x0f\xe3A?Hu\xa8\x13\x90uwwt{\xfd\xc1 vr\x1c\xeb\xf5&gt;]\x9d\xe0c\xcf\xa0/II\x96\xce3\r\x91\x87\x9b\xd5\x8cW\x9a\xd7\x8c\xd0\x87\x1a\x1c\x03\xb0\xe3z\xef\xac]\x00$O\xc0\xe3=\xd4\xca\xef\xef\xee\xf6z\xbd\xc1q@\r\x06\xc7\x0f\xc5\xc2\xf3\x0b\xb0\xa6\xce\x9e=w\xae\xaf\'B\xba\x8b\x9c\x12u\xc4\xca\xf17M\x0b\x17\xacC\x07\xbf\xdf4\xac\xde\x99\x1b\xf3\xfe\x00`x=^\xb0\xd13\xe4\xc5\xc2\x05\xe0;\xa8\x15\xc4X\t\x17\xebP\xad\xa9\x93g\xcfb\xb2A\x91\xc47\x06L/ES\xdft5o\xf1d\x10v\xc1\x8a\x85\xef\xdc\xbd\x80\xa1\xba\xbd\x90\xf2\r?\xd0\xb9\xed\x08B\xb9\xce\x06\xc7\xc7\x0f=t{\xb1s\xea\x90k\xb8\xd7\x8eP\xf8\xb5H\xd4Y3\xb3\xb3\xd9\xbc\xf7\xd5\x0c\xc7K\x90\\;|\xffA\xa0\xc3\x15\xcb\xe3\xd9\xc0\xc3\xc1\xed\xc0q\xb7\xe6\xb0\x89\x8b\xaeZ\xd8\xc6\xdd\xcb\x9d\'Ob\xacs\xc3\xc0\xc5\xe0\xed-\xe1\x17\xef\xbdr\xb3L,\xef;\x86\x0e\x9d.\xd9\xe1\x1b\xf3\x01/\x98\xe8\xd9\xc0\xe6\ra\xdf\xb0un\xd4\x13sA&lt;\xbb\xdc\r\x84m\xfc\xb2\xf3\x8c+\xd6\xd9\xe1\xe1\xe1&gt;\t_e\x14c\t\x86\xda$,\xb8\xb4\xf6\x0c\xc3\x12\xe1=\xde\x1e\xbb;\x1f\x08@\xdc76\xdc\xbc?|\xf8p\x08\xc7j\x0e\x87\xea\xda\xb8\xab[\xe2\xfdj\xbc\xdcy\xe6\xcc\xc9s\x18+\x1c\xee\x85x\xe1;HD!\xb5I&amp;\x12\'\xb2\x05\xb8}\xb1Z\x83cw\xff\x02j\x81\x81\x1bxl\r=\xfc\xdb\xf9S\x9f\xb8\xb1\x0f&amp;\x16\xc7q\xbc\x82\xc1\xf7\x1bh\xf7\xfa\xe5O\x81\x0bk\x15\x0e\xc5\xc0E(\xb8%\xd8\xb7\xe9f\xdd\xa5\xd9\x14\x87\x10\xa4\x8b\xf1\xcd\xac\xdd\xc6\xc1\xf2\xe3\\\ru\x9f\xfa\xec\xb3\xd1\xd1\xf3\x9f\xc0\x84\xf0\xe0\xb4\x03\x16~&amp;\x12\x0ff\x7f\xb8\xfa\xfdW\xa7/~yy,\x0c\xf9\x1a\x0e\x85B\x02\xfe\xaf\t\\a\x0cR\x97\x9a\x95\xad\x9f\xf7\x00K\x10\x18i\xf0\xc6\x856oG\xc0\x1f\xdc\xf0\x0c}r\xea\xfc\xc8\xc87\xdf\x8c\x8c\x9c?\xf5\x07\x0c\x06\x11\xf3\xc3\xd4\x08&lt;\x1dO\\\xbb\xf6\xe0\xea\xf77\xfe|\xfa\x8b;33\x006\x1c\x9edc\xb0\xadA0\x8a\xe7\x9c\xa6\x8d\xf9\xca&gt;g\t\x96\xc4[\'\xd7\xda\xda:\x02\xb77\xfc\x81\x8eK\xa3\xa3O\x9e\xfc\xfa\xeb\x93\'##\xa3\xe7\xff\xf8\xa7K\x1d\x81\xc0m\xbf\xb7\xa3\xc3{\xe1\xe9&lt;\xc6\xbaz\x0bc\xddY]Y\t\x87\xc3\x93\x8a\xc2Q\xa2D\x92\x8c\xc0\x19\xa5f\x8d\xf9\x9f\x7fay]\x90l\xe1\xfe\xb3\xfe\xb6\x8e\x9b\x10\xfa\x9b\xcf\xdf\xbd{\xf7\xfa\xf5\xbf_?\x81\x1a\xbdw\xe9\xde\xbd\xb6\xb66\xb0\xb7\xffJ\xe0\xe9\xd3\xf9\xb5\xb5\xabwo}\x87\xb5\x9a\x99Y]]\x99T&amp;\x95\xb8\xc94\xc0G\t\xd5P\xbdYXK\x8f4\x9d\xd1y\x14\xfa\xe9\xdb\xfe\xb6\x9b\xcf\xae\\\xf9\xe9\xc7W\xdb\xdb\xdb\xb9x4\x9a{\xf5\xea\xc7\xe7\xcfo~\xfd\xf5\xb3\xfe\xfe\xc0\xed@\xdb\xcd\x0b\xf3k\xb7\xbe\xba\xbf\x12\x1e\xee\xed\x1b\xb4\xac\xc1\xbe\xde\xb1U%jj\x19\x075`y\xf1\xc8d\x9b\xb6\x14\xcb\xff\xcc\xe8\x0cc\xc7\xbe\xfb\xfb\xb7\xfd\xffa\xcd\xfc~\xd2L\xb38&gt;\xf1\xc6\x8b\xea(\xbc\x10x\xc9\xa2\x91\xb1@\x00)ZX\x10\x14(\xed\x94\xa1PDP,\x8a\x98"\x18 \x9a\x88\xe9\xb4\x88VR\x13~\xacf\xabT\x13\x94\xc4\x16&amp;N\x03\xa9\x1at5M\xb5\xa3\x89\xd8\x9aIH\x13SS{\xa5i\x98^x\xe3&amp;\xbd\xdeM\xf6&lt;8;\x7f\xc1\xfb\x88\xe8\x85\x17\x1f\xbf\xe7&lt;\xe7\xfd~\x0f\xadO\x9f\xcen\xec,\x1d&amp;\x1c\xe2\x9e\x9e\x9e\x1a\xa9T\xee\x0b\xf8\x83\xcd\xb3\xcd\xa4\xd6f\xfe\xd4\xc0\xa3\xa0\xb6o\xa8B\x86\x96\\h \xfcp\x9b\'\x93;\xecv\xfbC;\xfcg\x10\xcdj\xda\xdb\x08\x1b\xa7\rG+7\xfe~\xa7F\xfc)\x199\x88t\x1dl\xec\xb8\xe6\xe7\x13&amp;\x9d&lt;\x1e7\xf90\x13\xe6\x0b\xb8\x16;\x1f\x91Z\xefO\x05\x83\x8b~\xa5\x8f\xee\xb9\xed-\xed\xb9*Q|\xfc\x11\x97\xaa\x06\x1f&gt;\x84\x1cw\x13$\xafi\xdf$,\xfeTO\x84\xda\xef\xdc\x13\xc7\xff(D"\x91\xe4\xb75\xed\xe2\xda\x8e\xcb\xe5\xeaS\x06\x02d\xa6\x80\xc9\x0c\xf4\xf9\x17G\x1b[IS\x99tX\xe3\xc3\xc1\xc5C\x98\xe5\xf1Pt\xf4H\xd4j\xdc1\x08\xe7\xdd\xc3[\xb7n\xd5\xd4&lt;\xfc\xb5\x9a@c\xd3v\xb3\xc6\xa1\xfa\x16KF\x92\x85?\xd6\xf8\xcd\xfcNm\x1f\x13\x0e\x9b\xc3a\x0b\xc8\xca\xbepf\x8a\xd4\xd5\xca\xcf\x8c)\xd98J\xd6-\xa5@\xab\xc6\x9dTN\x05\x8eK\xed++\'\xbb\xd30ej\x8c\xdb\x04.\x07\x87\x8f\xda\xee\xf5\x18\xa3\x80\x95,\x14\xfe}\xbf\x99\x1ft\xd9l\xae\xb5\xb55W@\x84\x89\x04\xcc\x7f\x8d=\xb9^\xd6E\xe2k\x95\x98\x1a\x8c2\x88\xa5\xe6\x880p\xa7\x92\n\x0e\xc6\xa1\xe3\xeb\xa1\x93\xed\xdd\xe9\xee\x1b7j\xa2\xe7\x04F\xc5\xf2\x7f&gt;\xbb%V\xad\'c\x05x\x1d\x90\xa6\x82}36mpmm) `c\x1c6S3\xf6\xbc\xa3\x89A\x99J\xdb\xa0\x80\xd0Q&lt;,0\x1f\x18\xc2\xe8\x92\x16\x0f\x95\xc3\xa1\xeb\xd6s\xa1\xed\xd0\xf4\x9bn\xc5\x8d\x95\x0b\x02\x13Y\xf9\xf0n\x8fQ\xb5]\xc2J\x1e\x0ct\x86mo\xb5\x8b;K\x89\x1e)\xdd\t\xaeJ\xa0\x1c{\xde_[\xd6\xd4\x11\xe6\xf0\xd0\xca\x99\x87\xcd/\xad\x1f\x9a\xa8\xb8\x84\xe7\x95\x00\x16}=\x97\xda\r\xbd\x07\xac\xee\x1c\x91\xeb70\x82\xddF\xfb\xd9i,V($\x9fB\x0b\x85\xb5\xfey\xd3\x9d\x9b\xf7\xaeV\xb6X\xad\x9fm\x9a\xb1\'\xfd\xd7\xc6\x7f\x02,d\x90\xbd\xba\xb8\xe3\x16Z\xee\xde\xe6\xf1Z\xbc\xb8\xd3JW\xa5R\xa1\xd4\xfb\xc7\n\xc5]B\xb1\xa0\x8a\xbd\xc6\xe8\x17\xc0\x82\xa6\x87\x1avvj\x87\xe8\xd1{5o*\xbd\x9e\x04`\xb9\xd2\x97X\xe9\x19\x9e\xf7\xeaU\xde\x8f2\xe3\xef/~Gc\xcb\xcb\xf3z\xacV\\\x15\x02\xac\xcd\x17w\x15\x8a\xdf\x88\xdd\x8e\xbc\x9c\xbe;xz\x9a\x8f\xe5\x93\xad$\xfe\xd4\xec"\xf3s\xdf\x97\xc7-0\x07tKl\xc1\xd7\xf4\x93\x07\xff\xa8-ay\xbchV\x19\xa7\xef!#s\xfb\xce\x0f\xf0\x17\x12\\\xe6\xd8\xdd\x0c\xa5&gt;&lt;\xeb\xbd\xdb\xfd\xe1%\x91T\xdf5l*\xd6S\xe7\xb1B,\xd2\xda\x08\xcf\xe2\x8c?\xac=\xdb\x15K&lt;\xea\xf9y\xa6&amp;\x0cX?\xff\x84\xb0D\xd0M\x95^I\xfcY/\xdas\xdd\xbc\x89.\xa5D"s\x0c\xbe\x0b\x85&gt;L?6\xda\'\x08\xaday\xf5\xab\xdeuT\xc4BDX7\xc0\x1f =\n..~\xfa\xb44\xaf\x81\x13\x06,\x10\x0b\xb0\xb4"\x94\xa4[$\x15\x89\xf98.\xc3u2OK\x0b\xcc/\x99\xbc\xfd$\x14J\xbdk7\x0e\x12\xfa\x91F\xf5\xdf^~x\x1c\x85\x96/L\x8e\x08)u\xf5\x14R#\x7ftcc\xcd\xdf\xa7\xd1\xb8\xc2\xda\xf4\x83\x9f\x81j\xbc\xb6#\xcd\xb6\xc2`\xe7yp\xaa\x0f\xe38\xd1\x12\x82\'Q\x83Z:\xe3J(\xf4\xea]\xbb*\xd4@\xe0&amp;\xa9z\xef\xf5\xdeQ/\xb4|a2\xc2\xa8\xa2P(\xf5u\x8d\x03\x03S\x9d\x8b~\xbf_\xabM\xa7\xfb\xaf\xa3|=~\xbdS\xcb\xa4\xe2j+\x84i\xab\xd3\xe9\xb4\xa2%\x84\x84\x8eB\x99\xce\xd1\xb6\x1bJ={\xd3\x9b\xab\xae&amp;n\x9c\x0e\xe7\xbb\x0e\xb2;;gI\x10\x8bQ\x86Lr]\xe3\xb5\xc6\x01\xfehg0\x93\xc9@[A_\xa1\x1af\xd2J\x11\x1d!Y\xe1\x9b\xc3\xe1\xc0h\xa8\xc0\xe0P\xc1D\x9c\x84R\xd3\xdd\x8a\xa3\x89W\x13\xd5D5\xd6\xcb\xbc{\xae\xacv`6\xb9\x1f\xf9\x0b\x0b&lt;*\xb2\xa1\xa3\xfd\x1d(\xff\x8c\x8f\xcf\xcd\x8d/g\xd2.&amp;V\xa1\x06"\xa7sF\xc4f\xb3\x87\xd8\xf0\xee\x03\x97\xe1\xb0\xaf\x84R\x83\xdd\xe2w\xed\x87)\xa2FD\xf9\xc5\x81\xdbbaQ\x9e\x82G\xbe\xc4jB\xe9\xe7\x1a\x04\x8d\xeb\xd7!\xfd\x00Q\xd38\xcb&lt;w-\xa8\xf5\xf7\rQq:G$\x9a\x11\xd9l60\x17\x02\xc1\x10\x98\xd4x\\\xb5\xb2\x9bz\xd6\x03\xe2\xcd\x9f\x116".H\xb4\xa2\xc5\xc2\x8d\x94\xb0\x18e\x90(\xbe\xff\xbe\x0c\xf0 )\x96\xcd\xd1\x80j|\xcel)\xb2\x9a:\xb4\xae\xbe\x80\x0f\xb8D6\x81M \x10\x90\xc9\xe4\x00\xf8y0\xf4\t\xd5\xe0njP\x8aW\x88\xe6\xcf\x08Sk\xd8\x80\xb0h\x93\xc7\xfb\x93\x06\x03\x8dVU\x05\x02\xcd\xd1h\x08\xe7\xf2\x98-\x96b\xd1\xcdmL\x93\x05C\x89\x04U\rOo2\xf9-|\x91\xc9L\x943\x12\x87vPk\xba\x07w\x1e\x8aN\t\xdb\xd8\x0c\xeb\xcdE\x8bY\x7f\x1c;\x06,=\x8bFC/\x16\xadD\x04?iPa\x16\xcb-\xac{\xa4\xe4P\x9d\x1c\x9fIb\xe5\xd8\x80H\t\xe7O,{\x14zkSLO\x1cRs\r\x84\xa9\xe5\x06,\x96!\x9f\xcfC\xfcr\x03\x82\xd9\x0c\xfa\x98-f3\x0b\x1d\xb3\xc5\xdd:{\x9f;0\n\xd3\x14wr\xb08\xaev\x8a@.\xe5[\xc4\x05\xbd\x15?\xb4\xb7\x01VH!\x8f\xda\x8d\xe7\xc4\xa9\xe5v[\xdc4}\xb6\x84\xa5w\x9b\xcdp\x03J\xc7\xcd\x02\xd5X\x16w\xa7\x9cG\x0fn\x84\x95xee\x0bU\xc0\xfe\xbf\\\xe8\xa0X\x16WE\xdbNR\xa9TwB\xb5~\xb8E\x98\x87\x18\x86\xce\xaaj&gt;^\xcd\xe6\xf7\xf5n\xc4\x85\xb0\x8a\x97Xf\x96\xdbR7\xe3\xf5\xba6\x82J\xac\xe5\xca\x95+\x1e\r\xd3$\x01\xb9\x04\xa8\xaf\xe0*\xb21\x93\xef0\xda\xb6\x9d;\xcf\x19\x13\xaa\x1d\xcd9qX\xd9\xa2\x85\xab\xdf_]\xcd\x1e#\xb5@.\xa8\xe0\x9fz\xb9\xa1\x90\xcb\xff\x9d\xb1\t\x19\xa3\x02\xab\xa7\xc5\xeb\x99\xf1\x07\xac\x12\xb5\x15&lt;&gt;:l\x91\x083\x81Z\x83\xa1\xa3\xadW\xebr\xd3\xca\x0eqX\xe5\xabEK\xfex2\xbb\xb0Z\xaa\xa2\xde|y\xa0\xb2n\x84U\xb6\xdc_;\xce\xaa}&gt;3\xc3\xb1Zg\\~\xb6\x04\xa9\xc5\x86\xb9%\x80\x08\x82\x99\x10\xd6Jn\xeb\xf5\x07UB\x928[(\'\xee\x99X,f\xf7\xf5\xf9\x85\xd5\xd5}\x83\xde\x00\re\x86\xcbX\xa2\x82_\xcdU\x1d\xfd\xcb\xe3\xb4\xba\xcc\xd8\xa2\x9fcu\xb21\t\xb4\x96\xc8V\x92\n\xe3P\xa9T\xc0j\xdb\xde\xda\xfau3\xbe\x8e\x9b\xbe\x10\xe7\x03\xcb\xf7\x8a\x96c\xbd!\xbf\xb7\xba\x103\xa0\xc9E\xa3qiB\xe0\xb2\xa0\xabhfU\xd5\xd66qI\x9dA~\xd0\xe6\xfcl\x85v\x170!?\xb2\xd9\x180UT\xc8\xe5\x0eU\xdb\x97\xad\xa3\xd7\x9b\xe2\xa8N\xfe\xa5\x9aH,\xf7\xf1\xf1Hloa5;9\x02\x83\x9eQE\xe3r\xb90\x18.\x87\x05\x8b\xc6\xad\x12\x92:3\xfcQ\r\x9bm#+\xc1\x83\xa1u\rFE\xbbS\x9dN,V\r\xe6\x8e\x8e^\xbf\x97G\xe5\x15\xbb\xc4}\xb8R~a\x99c\x15\r\xfb\x0b\x80\xb5_\xc2\x12\xc2\x8c/\x01!,\x16\x8dA\xa1\x945\x06\xb5\xf7\xf9a\xb8}dd\r5d\x81\x0f\xa8t8\x8e\xeb\xe4\n\xd5I\xee\xb7\xa3\x89\xe9D\x14\xa7~"\x10k\xf8\xb8\xf6\'\x8b;\x12C=?\xd2%d0\xb8PG\xd6_T\xc2\xd6\xfaz\xcaTX\xdb&lt;\x90\x06\x95`\xba\x83ZLTB\xbaT&amp;\x93J{\x14\xaa\xed\\nk\xa2-*\xb7\x9a\xce\x08\xfc(\xaaa\xd5\xd0\xc45\xb7&amp;\xb3\xab\xb1\xc8\xc8\x88\xb0\x95\x01%\x04\xac\xd2\x88\x07*J}}]m\xc7X\xb8c\n\xb0\xe0@\xfc\'3a0\x98t:\xa9\x0c\x07,;\xc2\xfa\xa5=a\xadH\x9c\x12\x99\x13\xf7\xb2n\xbd\xb9\xfe\xa0\x90EX]\x0c\xa1\x90K\xbb\xc42\x1b\x18B\n\x05y\x9d\xc6\x07O\xfaG\xc3\x1a\x18\xa2\x82R\xcb\xfbL&amp;\x87C,\x97\x82Z\x8e\xe8v*\xf7z\xd3\xe1\xc3|K{D\x9a\xf9\xbdl\xd1mf&lt;\x8d\xc4b\xa8\xe5A0\x84\x85\x0e\xb7\x0b:\x8d;Gi\\\xfe\xf8\xf1\xe3\x7f40\x15\xd0`\xb71\x87\xd8\x80\x157:\x14=R\xa9\xd8\x11=\t\xe5\xb6^H\xe3\x87\x9fN\x1b\x08\xa4\xfa\xee"\x1faX\x0c\xcd\x91X~\xdf`\x18\x112P{]Ru1\x0c\x06\xc6r0\xfd\xf5\xebW\r\x9a\xe9\xe0I\xd1\xbb\x0f+\xcd+\xa3B,\x95\x82e\x1e\x0c\x9d\xbf\xea\x96\xe9\x12g[\x84\xa6\xea\x8b\xc2\xb7Y\xb7!V\xc8\xc3S\xd1`\xb8\xc4\x02\xbd\x18]\xa4.\xc3\xffx9\xbb\x98&amp;\xb0,\x8e\x9b&amp;k_\x9a~@\x0bm\x95\x99\x924P\xa7\xb4\x03L\x11\n\x16\x98\x8eM\xa7R\xda\x92\x88]\xb6\x05,va\xc2\x16\x81\xb2i\x91\x1d\x91\x8cA\x89J\x17\x19D0%\xa3\xf8\x01\xa8\x18e!(\x8e\x127\n&gt;LL\xcc&amp;h&amp;Q\x97\x84\xd9\x95\x84\xc1\x0c\t1f\xd4\xec\xff\xdc\xd6\xec\xf3\xce\xd2\x9e\xb4}\xfe\xe5\x7f\xce=\xf7\x9c{\xcfm\x89\x08PF\xe3\xfa\xfa\xfa_\x9f&gt;Ea\x9aXS\x83\xfa\xdd!\x91\xe4\x9f,**\xfd\x83\x0bN,\xbaz\xe8\xf1d\xae\xcc2\xffbvC\xef\xd0W\x97\x17\x97\xfexdv|l\xec\xef\xd6\xe4\x12\xb9\\\x0c0,F\xc2r\xf6\x98\x7f*|\xf7\xe6\xcd\x9bwo\x9e2C\xb2\x92I\x1d\xe8+\xf2O\xba\xdd\xa5\x9f\xbb\\\x84\xb5\xf8\xf8\x81T\xf6y\xd9\xe2\xea\x86\xf6\xfa\x9a\xf1\xfbG\x8e\x8c\t\x9b\x06\xb0\xfb`\xfb\x01\x94\x18\xa9+\xd9/\xf2\x04\xafy\x8d\xef\xde\xbc{\x07\xb1\x88\rX{dh\ry\x89\x0e\x1e\x9c\xf7]\xa9\xcb\x95\x8btz\xf5\xec\xd4\xa4\x83WY\xb9\xb8\xb1G\x10\xdc\xa6\x81\xb1\x81&amp;\xaepv\x1c5\x04\xb6\x1e\xacE\xad\x1f\x1b\x90~\x02Ko\xfd\xa7_\xa3\x86\x00[\x7f\xf3\x14\xed\xa1I*A\x8e\xaf:\x1a`!_\x00\xac\xe9\xf3w\xe7\xe7oLo\xf8\xd8\x08\x05\x05wu\xbc\x0b\x15\x84\x8a\xe4\xa2\xc5hP\xb75{\xbdo\xb1\x08/`%\xbe}\xfb+\xc3\x92\xe6\x99\xd0KdJ,\x84\xa5\xcbu\x11\xd6\xf5i\x8d\xa6}jv\xe3\x87lh2\x1f\xa2\xa1\xb4\xb1"\x9bB-y\xb2*U\xbd\xfb\xd8\xb1\x7f\x90\x85\xee\x13\x16\xa8\xdee"\xb4\xd0V\xa3i\xe59\x8a\xdc\xa5\x84\x85\xe6uyV\xc8\x15\xc6j\x12\x8f\xab\x99\x1d#,\xacC\xb9\xd6o\x95\xa7~z\x01\xb6\x9bi\xc5\xa8\x8c\xeb\x19\xe9{r`(\xe9\x81esW\xear\xf3\x815\xf3x5\x96S\x8b\xc2Y,E\xabU\x05,\xa7\xdfJW\xc3\xb0\xcf.\xec&gt;P&gt;z\xce\xf8}FF\x05\x8d?\x90\xd50\xb5\xdc\xc0r\xe9\x90N\x0fM\xc5v\xfa\xf4\x12\x96"b\x9d\x8a\x08\xbf\x95\x93M\xa7\x0f\x1f\x7f\xb6{\x1f\xa0*hV\x8a\xee\xcd\xf7\xc0\x18\x95\xd4\x11\x08T\xea@e\xbb\xb18\xad\x89%\xd5&amp;\xcd\x00vE\x82\xc2J\xf4k\xf9|\xba\x7f\xfdt\xf7\xbe6s\xa7\xf1o\xdf\x17\xe2\x9b\x91\x99^S\x03\x17\xd2\x8dp~Y\xe0`A\x81\xae\x00X\x03\xb1\xc5\xc2\xa6\xfd\x8d\x13L\x06\x83\xc1\xe9\xd4r&gt;\\q^\xa0\xbb\xe0\xd1s\x9d\x7fa\x13\x10\xe9\xa8\xe0\xd3yR\x8b\xae\xc8~\xb0\xaa\xa0\x00\xd9\xf4\xfajl\x07u\xb9M\xe3?8\r\xc0\x02\x98S\x8b\xd2\x01\xe1\x95\xfaevj\xaa2\x1b\xaa\xfdy\x94\xaeW\x12\xd2\xb0\xf90,\xb7\x1d\xbbb\x81\xcd=3\xd5\xb4iS\xac\xbd\xe8\x14\x19\x0c"\x98\xc1\xa0$\xae\xd4l&gt;G\x95,\xf8\x96\xff\xe5\xc7\xfb\xe8P\xd5[\x98@\xbd\x05O\x96\xabs\xf7\x96U\x96\x16\xd8\xec\x8b\xd3\xc2\x18c\tW\xc7\xce\x84&lt;"\x8f\'$\n\x89\x94\xa9\xf0\xe2\xd7|\x01vmU\xb2\x8a\x834VnnF\x1d_\x81\xd2T*\xb3\xd8\xec\xbe\x00\xb8\x8a|ggc=l\xcdM\x1a\xff!\xe4\xd1{\xc0\xe5\x11)\xc5\x1c\x8e@E\x95\x17R?\xca\xc1,5\xe4\xaa.\xa4\x8a\x99|X\xe6;n\x07W\xd9\xccr\xac}\x08\xae\x81\xae3\xaf\xf4=zO(\x14\x12i\x19\x15]\xa4#\xc9\x8a\x95\xc02{\x8d\x85\xad)i\x12\x9e%\xdff?\xfe\xa0\xb7\xb7\x8c\x9aDM\xcc\xb16]\x9az\xfe\xaa\xa7\xa7\xc7\x13\xba\x1f\xf2\x889\x82\xe4\x12\xea\xadK\xfcN\x83(\xab\xf6\xc0`\xa7\xb1\x15T\x89\x16\xf4an\xdf\x03_o\xaf;p\xf5P&lt;\xb04\x03\xcbkK=\xec\x0e=$2 \xdaK\xac(\xa4Ez\xbdZ}\xac\xad\xd9\xd8\xda\xd0P\x9f\xc8C\x05o\xf3\x1d?\xee\xeb\xb5\x07|3g\xe3\x80\xc5\xd5\x0c\x8c=\x7f\xb1\xb4\xb4\xf4jmm-\xe4\xf1\x18\x9crCH\xe4\xa9\r\xb29\x03c\n\xa0$\x16\xf4a\x05nH\xd5k\xb7\xdb\xaf\xde\x8d\x87Z(\xba\xba\xba\xc0\xb5\xb0\xf4\xe2\xc5\xda\xab\x9e \xdc\xd9311qm\xd0\xdc\xdc\xec\xedk\xa8w \xac\xf2\xf2v\xbaJ\x03\x81\x80=\xe0\x0e\xd8\xed\xbeC1\xcf\x0f,Et\x1d9\xb3\xb6\xb0p{a\x01\x9a-\\\x83\xdd\xbe}{\xa8\xba\xaf\xb5\x15P\x16t`y-\x10\xab\x88n\xf3\x8b\x8a\x90 \xdcw\x07\xe2\x80\xc5\xbd\xd4u$\xd4\xb3p{hh\x08d\x00\x1a\xea\xeb\xeb\x9b?}\xda\x91\x9fO]!k\xa4su\xb6\xb2\x83\x95\xa5\xa5\x05\x05.4\xafq\xc1\xda\xd4\xd4\xe54\xe8\'\x08\x8b\xc8\x86\x88\xe9$\x98\xb0\xf8\xa42\x18q\xb9\nJu\xae\x8f\\\xb9\x1f\xb5\xb4\xec\xd4\x15\xc5\tk\xcc\xa9Uf\x1d0{\xbd\xde&gt;\xb2\xf9\x06\x1a\xf0\x89\x8c\x90\xd1\x8c"\xf9pgK\x0b\x02\xace\xef\xae/Z\\\xf1\xc3\x12\x8b\xc5\xa9\xc1\xc1fo5ET+\r\x1eIxl\xe4NFX&amp;f-\x80\xda\xb1\xe3\x13`\xcd\xc4#\xe47i\xc6\x9c\x061G,R\xb7\x99\xd1`T#S\xa5E\x8e\xb2\x98\x0fsrL\x9f\xc0L\xa6\xbd\xbb\xb6\xd3\x90\x86)\xd76\x13\x17\xb54\xe3P\x8b\xc3\xd1\x8a\x90\xd4\xcdf\xa0Uc\x13\x94\xa0&amp;%\xb0bzb\x00\xdb\xc5\xa64@\xd5\x02\xaciM\\\xb0\x8e0,-\xb6f\xe4\xd0\xf2\xb6Q\xd4\xa6\tt.Y\x91I\xa5\xfcW\xe0\x82\xfbvlg\xa2A\xad\'qq\xa2\x90a\tP:\x8b\xb3j\xd5\xeaZ\x1a$\x1b5\x9b\xcfuB6\xd4\xcc{\xe8E\xc6\x8e\xedl\x9e\xc5d\xc2\xb2\xb4\xf9\xa6\xe3\xf1\xacS8\x00,\xad\x00\xdd\x0fG\xa9\xaf\xd5\xa7fee\xe9\xd5\xc7\x8e\x95\xb7!\xd1W\'T0.\x16^h\xcc\xf2\xf2d\x96*\xfbT|\xb0\xbe\xd1r8*2\xd42YJ\xa5R\x8c\xeaA\xaf\x0e\x06\xb1)v\x16f\xa4\xcbrL_\xd1@Rq1\xad\x01`=\x8e\x07\x16\x17X\x02\x81 \xd9\x9a\xac\xd2*\xc9\xd0a\xa3\xacA\t\x81\xedz\xb4\xb30\x8d\'\x8b\xa4\x08FEX\xcb\xf1x;\xc9\x1d8#\x16\x0b\x92\xe9X\x17rA+\xb9\xdco\xf5\x1b\xf4z}m\xad\xfa\x80\xb9:%Q\xc6RW\x8eL*\xe5\xf1,\xc0\xba~\xb1;\x0e\x8f\x14\x81\xa5D\x9dEg\xf3\x1c%2\xab\\n-\xb1:=\xfa,\x94\xf8\xc16oJ\xa2\x94\xa5\xd4&lt;\x19O"!\xac\xa3g\'\x1f\\\xe9\x8e\xf1\xeb\\a\xd2\xf4\x19\x91\x92\x8fjY%\x00\x96R\xac%\xac\x12?k\x87&lt;=\xe5\xde\x14\t\xb0\xc0U\xccKO\',\x9d\xfb\xd0\\\xd9\xf1\xc9\xf6\x98\x06\x18W\xd1MXJ\xaa\xe2\x93\x93\x05b\x86\xe5\xf7\xfb\xadN\x83\xd2\xe04\xf4\x0cV\xa7I\xb0\x01\xe5\x98L2\ta\xf1x\xd8\xab\xe7n}\xe7\x9bl\x8fa\xf6\xe2j\x1a\x87\xa7\x80\x95\xcd\x11\x10\x97\x8a\x83v\x91\xb5\xd8(\xe6\xf1\xeb\x0c6\xb7&amp;J\xd9\xbe\x98\'\x95\xd0\xb1\r\xcf\xa2\xb3=\x99{_\x1a8\xfe\xe8&lt;7\x86.\xec\xbe\xb2LN\xe4C.\x15\xdaV\xb4\xb1\xf0\x9dHD\\Ngh\xa2\xba\x9e\'c!_\xcc\x93\xd0h\x06a\xdd\xf0\xbd\x7f_\xd9;w\xa7)vb%\xb5\xcf=?\xe3\x01\x16r\x04\xc0\x04b@y\xd08\x8aH+g\x8f\x19\x91\xc5\xb0 Vbb&amp;\xc9\x95os\xfbn\xbd\xbfe\x9f{\xd4\x1d3\xb1\x14I\x17}/\xee\x8b\xd0\xe0\xc3\x8b\xf4A\x8a\x00\x17\xb2\x83\x87"&gt;Hb\x15\xcb\xf2r\xf2dt\x0c\x1e\xc1\xaa*\x02\xd6\xfb\xc0\xdc\xebaM\xac\xc4Rl\x19\xb6/E\xb1\xe4\xd0\x8b\xc3\x173\xbd\xf4\x04\xa6\x0f\x9aS\xd2Y\xd9U\xccfG2?`\x1d\xbd\xf5\xfb\xf7\x81\xc9\x95p\x8c\xa2\x8b\xbbU\x914|t)D!\xcf\x110#.\x90yh\xf3\t\x0e\x1a\xd3\xd8\xc9\x96T&amp;\x95d\xd2uF\x14\xcb]\xba\xeb\x8b\xc0\xa3\xf0\x95\xd8$\t\xae\x10X\x17\x8f\x06C"1\x85&lt;\x13\x8c\xc3\xe7\x88\x99#k\xd5\xc1\xb6\xe6\xc2\x86\xb4\xcctI\rO\xca\x03UEZ\x14\xcbf\xab\xda\xbb\xab7\xdc\x1f\xbe\x18\x93\xff\xd4\x00\x95"\xa9\xfd\xc6\x84H\x0c,&gt;a\xa9\xf0\x13\t/=6\x9e\xc1\xe6\xea\xd6\x14\x80\x81%=\xad"#\xa3"\x82\x95\xaf\xab\xd2\xb5\xecz0\xdc\x1f\x1e\x1en\xd7l\xf0\x13E.i\x05\xeb~\x12\xc1bj!\xcf\x93\x17\x95\xa8 \xa0V9\xb8\n[\x1b\x12%\x92\xf4\xcc\x8c\x8c\x94(\x96\x05\\\xba\xdc\x96G\x1d#\xe1;\xe1p\xbbB\xb8q\x7fs\x03&amp;E\xb7\x82\xd9\x89GQ\xb58\xd1\xf0\x8apQ\x05q\xa0\xad\xd9kL\xa9@\xa8\xa7\xb1;\xc54\xf6J\x84\xe4r\xb8\\\xc3\xa7F\xc2\xe1\xd7\xaf\xc3\xe1\xf0\x89\r;\xa1\x17n\xe9\x7f\xd9\xcf\xc4R$\xdd\xb9\xa6T2*~$GD\xfcHA\x7f\xa0|\x90\x1e;\xb0[\xc5\x94\x04z#\x92(\xc9\x97\xe4\xe7;\x1cU\xba\x83\xed\x11\xac\x95\xf0\xbf\xee=\xec\xd8\x907\xe9\\\xe1\xc8\xcb\x9b\xf7\xceG\xd4J\xea^\xc8\xca\x06\x16\xff\xeb\x0f\xb9K \x90k\xd19\xeakQ=\xa3K3&amp;0(\x9a9 \xb5$\xa0r\x9ct\xf8N\x9c\xea\x0f\xaf\x00\xab\x7f\xe5\x97\x1f\xef=&lt;%\xe42\xfb?nU\xb8[\x7f~v\xb3\xeee\x92\x82\xe4\xda\xaah\xbc&gt;\xc1gy\x8b\xdc\xc8\x8f:RLXj\xb8\xd1\xdcY]\x18\x9d\xfa\x01\x16Mg\x00\xea\xe4\xe9\x93\xd7\x1bO\xf5\xaf\xac@\xac\x91\x91\x7f\x1f\xdev\xf9\xde\xc3\xfe\x8e\x8eF\xc5o\x05\x03\xd3\xa9\x91\x877o\xd6m{\xadPD\xbd\xd8\xbe\xa0g\x91EzQ\xe8\x0b\xf0C\xe53\xab\xe8Q\xcf\x17F\xa9\xd0?\xd2%l}}}\xc3\xfc\x8d\xee\xc6\x8e\xf0\xca\xcaJ\xb8\xbf\xe3\xd4\xcb?m\xde\xbc\x7f[\xdd\x8f\x10m\xa4Q\xf8\x1b\xc8\xb8BM\xc7\xcbg\xcf.\xd7\xc1~\x06\xd6\x7f\xe5bSx\xf0%s\'\x9f\x8f\xd8R\x8a\xf4j\xb5:\x8aE\xf3d\x19\xc8\xa7\xd8\x80\x00\xd5\xda\xdawv\xcb\x89\x11`\x85\xc3#\x1d\'\xfa\x7f\xf9\xdd\xe6\xc3\xfb\x0f\xef\xc7\x87\xc8\x92\xfe\xd7\x9c\xc1\x15\x9e\xf8\xe7\xb3\xcb\x97\xeb\xb6\xc1\xea\x10\xf1\x11\xac\xff4r&gt;\xa1m\xdcy\x14\xf7T#\xed\xcc\x1c\xb2N\x08\xb3\xb0J\xc1\x05\x13\x10\x9b\r47\x1f\xecC.94\xb7\xc5\x94\x9eD\xc0kA\x87\xcc\xe0\x93\x1c\x1fR\xe1\x99\xf8\x90\x95\x8d\x0b\x91h3\x18\xb6\x14W\xa9K=K \x8ah\xd9V\xda5\xd4H\xab\xb5"\xac\x96\x91\xe4T\x11E\xf2J\x88J+\xe1\x1a]\xbc\xef\xfb\x9b\xb1k\xa7\xdd\xdd~\xa3\x88\x04\xeb\xcfg\xde{\xbf\xf7\x9bq\x14_\x92\x97\xbf\t3\xb5\x18\xd4\xc5k\xd7\xae\x8dC\xac\xd7^\xc7Ysx\x9a\x99H\x1fs\xbb\xf2\x16a\xbd\xfd\xf6\xe5\xdb\xf3\x0f\x82kw\xe1!\x16!\x89\x15\x8dn\xf3\xbc\x0f\xe3\xf1yt]\xefa\x05\xc8\xa3\xa3\xbf\xb04\xe8\x87hEk\r\xb8\'I\x9c\xaaJ\xbd\xf8\xa5\xe3\x19\xf3\xffu\xed\xfcU\x17\x8b\xfe/\xe78~\xcd\xc2\xc4\xd90\x8b\xfcu\xfa\x94\xdb\x85WQ\xf2`\xba}{&gt;8\xb3\xf6\x8e\xa6E\x08+\x9e\x00\x95\x16\xfd\xa19\xe0\xbd\xbc\x8f\xe7u\xdd\x03\xdd\xca\x8dZ\xec\x97\x99\xf9\xabQ9\xb2\x9dI\x85B\x12\xa88N\x92z\x89\xb1\x13.9\xfa\xc5\x8dq\xb4\x02\xc3\x1a\xc7\x85\xe2k\xb8\x8e\x9d\xa5\x9e\xa7\xc4\xb3\x0f\xb3L1\xac\xcb\xe4\x1f\xa8\xd6\x9e\xfa\xa3\x918&amp;Abi~-\xdeS\x14\x05d\x1e\x8f\x87\xcc\xd4\x03\xe5\xfdN\xec\xd2\xff\x06#\xa1\xd0S{\x1bd\x9eD\\\xaa$\x95#c\'\\\xb4\x03-L\xfe\xfa*\xec;w\xf1\x1c\xf9\x87k\x1e\xda\xaa\x17n\xcc\xdd\x0b\xb2\xb9&gt;\x85Z\x05\xd5T\x90\xbe\xdf\xf4\x85\xac\xc5"\t\x97*\xea\x8f\xd6z;;;\x8aW\x81b&gt;\x8f\xaa\x06T\x1d\xf7M\xb4\xc6\xff91\xee\x90{\x01\x89#\xa9\xe8&amp;I\xcd\xa8&lt;v\xca\xc6O\xe6\xa7\'\xd9?E]|\x85}\xc4\x19W\xfcw\xa6\xa7\x1f}p\x0f\xf3\x01\xc1\x01\xeb\xf2\x95\x0b\xd7\x833s3\xf3$V,\x12I$"\x84\x15\xeb4\x95\x1d\xc2\xc2x\xc9K\x8f\x87\x81\xe9\x81L\xfc\xbf\xed\xe4\xb4\xf5\xc5j\r\x08%\xa9*\'rt\xa3\xe9\xc55M&gt;%\x97\xf6\xa7W\xc3\x93\xd8\x16qRsn|\xfc\xf5\xd9\xfb\x84\xb5\xf0\xe8\x06\xe6\xd1\xc2\x02\x95=2OTks\x9f\x7f\xf5\x99\xc6\xa8"4\xf1\xed&amp;\x88v\x08\xcc\x0b,\x0c)&amp;J\x01\x1d\xba\x95\xe3?{\xd9FP\xd1mt\xa7\xca\x98D\x81\xfd\xa6)G\x90\x89\x13.\x94\xd7\xfa\xbb\xc1\xb0\xb3[\xbf\xf2\xa3Zl\xee\xe0\xe2\xfa\xfd{\xd7/\\\xb9\x10\x0c"Zk\x9b_\xaf\':\xfb\xcdr\x93\xa6j\xed\xec8\x06\x92R\x14{\xaf\xcfG\x82\x89\x81\x80\xe0\xd33\x91\x97\xb9\xa8\xce\x91\xf3Z\x86"\xc5\xa9\x9c\xee \t\x1eA\xf0\xe0\xbe\xd9\x89\x9d\xd2K\xd6\xa2\xff\xfcjn\x02\xe7\xa7\xbf\xbd\xf9\x1b\xe7;7\xe8R\xa4\xeb\xfe\xfd\xfb\xb3\xb3\x13\xe1\xe99d~&gt;\xf8\xe0\xc1\xda\xe7\xef&lt;Y\x8eu\x1a\xba\x02\x85\x94\xaa]\xa9\x18VR!\x14\xd6\x11(\t\x9fG@\xeeu\x81\xe3\x02\x92\xcee\x12g|\xa4\xfd\tL\x8d\xbd\xd4\x06&amp;\x80ZPi\x05\xaa"\xc1\x01\x0c\xcf\xcctb2\xf5\xd6\xe8Xb;\xd3Hh\xeb\x7f\xfenu\x92\xae\\o^=O\x91g\x03&amp;\\\x0bMl\x06\xa7\xa6\xe6gf\xd6\xbe~~WCO\x95y/\xe9c\x14\xcdt\xa9T\xacXIr\xce\xc7^U\xf0\xe88h\xaa\xa0@`#\xb5\x11\xd8\xab\x9d\xfe!T\xa3\x97b\xc4\x14\x02O \x80\xc7P\xa6t\x12\xcb\x1d\x8f\xc72\xb2\x9f\xfde=\x12\x83\x9e\xba\xc2\xab\x8d\x88,/?y\xf1\xfd\xca\x1b\x7f|\xe3MV\xf0`\x9a\x988?&gt;yu\xf2\xd6\xea\xe6\xcc\xcc\x8d\xb9\xcd\x7f?[\xd64-\xb6\xaf\xf3\x94!\xc5\x9bM\xa7\x8bF\xd56\xb2\x05hF\xee\x01\rVp\x1c\x85ET9)\xb4\xb1\x91*\xef\xc7~\x7fr6\x15\xd9\xde#$*\x03\xc4\x9c\x1e%\xb2T9\xc9\x12\x04\xa3\x95\xcfg\x8f\x8e\xda\xbd\x1e\xec\x80\xf4\x82T\xaei\xb2\xac=}\xfep\xeb\xfb\x95\xd50\xea\x01T\xb7n\xad\xe0\xaaleu\xf5\xf1\xe6\xfb\xab\x0f\x9f~\xe8\xd74\x7f"\x83\xfc\xf0\x00S\x14`\x15,\x84\xca(\xe5rY\xdb\x188\xe1\xe2\xe1\xa2(\xc1\x1d\xaam5\x90Je:\xee\x85C\x8cbN\x1d\xc5\x1a\x81\x15\x02NM\x86y\x00\x00\x03dIDAT\xabQ\xa7\x1f\xc4z\xab}\xd82\x06\xd5\xa3~{\x00\xe1\xb1ix\x04QJ\x91`\xb2\x7f\xf9\xd9\x8bo\x1f\x87\x7fwg\xf3\xf1\xea\xea\xca\xca\x9bKKK\x8bK+\x13[\xffx\x8fAE\xb7{\xf4\xe6\x84\xe5U\xac\xaci\x16\xabJ2k\xa6sf\xaeX\xb5,+\xc9\x133\x05\r/\xa9\xab\x80\x80b{L)\x82\xda \xf7\x80\x12\x90\x8e\x87(\t\x943\xf2\x87\xc3ak\x00\xc5\x0e\xfa\xf9\x01\x0eM *Q\x94B{\x1d\xbf\xec\x97\xe5\x0f\xd7_|\x17\x0e\x03keqiwqi\xf1\xe6\xe2\xee\xc7_\xa2\xca\xfd~\x7f&lt;\xe3\xf3\xb1\xb7e6z\x93F\xb6\x92LV\xcc\xb4\x99\xb5m;[2KY\x03`|\xb2jT-\x82\xc31\xab\xe0\x1a\x19\x1d\xf5\xd72)\xa7\xcf\x9d\x9b\x0b\xe5\x00rb\xb7}\x98\xcf\xf7\xfb]8i\xf7\x0f\xba$\x96\x8b\xc5q\xa1\xd4~\x94\xb8d\xed\xee\xbf\xbe}\xbc\xba\xb5\xb5\xb8\xb8\xbb\xfb\x87\xdd\xbfC(\x06\x15\xdb\xef\xb1\x15\xc7\xb0x\x8a\xbd7\x99\xf4VKi\xb3\x92dN\x96\x8a\xb9\\\x85\xf7\x91\x8af\xb1\xcb\x96&amp;k\x8b\x91h\xa2\xc1\xa0\xdc`\xb9\xe3\x9a\'\xd6\x01\xd5\xaa\x0f\xf2\xfd\x03\x03\xf9\xea\xe6\r\xb6&amp;\x89L`\xf9\x0bmd\x12L0x\xf9\xe4\xf9\xd6\x12a}\xfc\xdeG\xc4\x04\xb5:M\xdd\xc7j\x80w\xc7\xebHV\xad\x80*\x89\xa0\xe5\n\x153W\xaaf\x0b\x90\xafdV\x06\x96E\x85\x81\x19i8\'S$\x16\xc7\xb1\xa0\x9f\x8c \x0c\xf2\xc3\x03C\x10\xeb\xed\xfeA\xddY\x93\xa2\xcb%\xb0\xa5\xc0\x89\xa1P\xb9&amp;\xfbid\xbfv\xf7\xd9\xc3\xbf}\xfa\xe5G\xf4\x17\xa0\xc6\xf6\xd5\xe3r:V\xcb\x19\x85\x95{\xb2\x80\xfc\x17Md\xdf0si\xb3P5\x06F\xb1`\xf0\xac\xcaF\\(\xe6\xd7\x19\xa6\xba\x91ow\x8f\x86\xe0\x11\xebG\xfd\xfcIS8%&amp;8\\ \x83\x911\xa6\r`\xb4\xe5eYv\xa8\x90*\xdd\xe3s\x0f\x9e?+\x973(\xb1B\xc5\xb6\r\xab\n7\xcd"Z\xd6\x86\x93\x16;\x90\x11v\x8e\xa0\x9eE\x02\x02\xd6\xde\xc1p\xd8&gt;\x1a\x1eB\xa6z\xbe;\x10\x843\\\'X\xa2\x18\x085\xe3\x8e`L4\x1a\x00n\xab\xce\x82\xf58X\xbe\x9f\x82)\xd5J\xd14\r\xacKd\xac\x92\xb5\x8b\x15\xbbP\xca\x0e\xd8#G(I\xbac\xc8\xc9\xd4\xbb\xf9\xc3v\xab8\x1c"\xeamA&lt;\xe6xyD\xd7I)T\xde\x8e:&gt;:X~\x7f\xa2\xa1\xba\xcfq\xe4z)^\x8asKZF\xa5\xee\xb5\x11,\x1bk\xb1`\x96\n\x86\xe5\xa5\x9d\xd2\xcb\xb0hS&gt;\xc6\x128\xa3ux\x90\xef\xda\xf9\x83a\xbf\xd8\xef\xb7\x04\x81\xbd\xbc(\xfe,\x16{"\x17\n\xa1\xc2X\xf0\x1d\xb5:e\xf7\xebN\x12Os9\x11sE\xe3\x15\xcb2J\xe9\\\x16%a\x15h\x0b\xb0\xed*\xc8\x94\x11\xd5]{";\x89\x1190\xa19[\xedv\xab=&lt;\xc8\xb7[u\x81\xc5\xdb\xc5\xc2\x9fuA\xfc\x11\xeb\xd8Iic/.\xb3H\x8d\xe1\xae\x96rw\x07G.\x17\xcbAcX\'h\xd5b\x01T\x05\x04*YI\xa7KF\x81\x8a\xc2\xe6]\xb5\xdcN\x80y\xdd|\xbe\x0b\xb9\xf2\xdd\xba\x01\xcd\xeau\xf6\xf6\xd8\xb3Nk\xe4\xc6\xcf1Q\x10h+G\xb5\x96kl\xfd\x8d\x81*\xe4&gt;\xe6\xac\\g\xcct\xb1\xacl\x11\xd6U\xc1I\xa2\xd9X\x9d\xb9B\xc1HZ\xff\x01\xb6T\xcc\xeb\xbe\x9e\xcc;\x00\x00\x00\x00IEND\xaeB`\x82'</t>
        </is>
      </c>
      <c r="M401" s="3" t="n">
        <v>45492.67827546296</v>
      </c>
    </row>
    <row r="402">
      <c r="A402" t="n">
        <v>1016104</v>
      </c>
      <c r="B402" t="n">
        <v>23400</v>
      </c>
      <c r="C402" t="inlineStr">
        <is>
          <t>Bento</t>
        </is>
      </c>
      <c r="D402" t="inlineStr">
        <is>
          <t>Bento</t>
        </is>
      </c>
      <c r="E402" t="inlineStr">
        <is>
          <t>GOL</t>
        </is>
      </c>
      <c r="F402" t="inlineStr">
        <is>
          <t>GOL</t>
        </is>
      </c>
      <c r="G402" t="inlineStr">
        <is>
          <t>GOL</t>
        </is>
      </c>
      <c r="H402" t="n">
        <v>190</v>
      </c>
      <c r="I402" t="n">
        <v>1</v>
      </c>
      <c r="J402" s="2" t="n">
        <v>36320</v>
      </c>
      <c r="K402" t="inlineStr">
        <is>
          <t>Right</t>
        </is>
      </c>
      <c r="L40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1a91cbf-55db-4ce9-ade2-5139626529d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0}D}\x00\x00\x00\tpHYs\x00\x00\x0e\xc4\x00\x00\x0e\xc4\x01\x95+\x0e\x1b\x00\x00\x03\x00PLTE\xff\xff\xff\x057\x9c\x04=\xa6\x1f\x17\x16\x00b\xd0\x01_\xcd\x04:\x9d\xfe\xfe\xff\x033\x95\x042\x92\x03D\xab\x19\x12\x11\x04=\xa1\x02Y\xc7\x04?\xaa\x036\x98\x02W\xc2#\x1c\x1b\x03K\xb3\x03.\x90\x05:\xa0\x03H\xb7\x06C\xa7\x03N\xbe\x03D\xb0\x02R\xc2\x04@\xa4\x13\x0e\r\x02S\xbf\x00f\xd1\x03@\xae\x01V\xc5\x03Q\xba\x03F\xb3\xa0aV\xb2\x89\x89\xe3\xb5\xb1\x01]\xc9\xb9\x91\x90)! \xc0\x8c\x89\x02N\xb7\xc7\xa2\xa1\xbf\x85\x83\xb9\x83\x7fD44\xc6\x9c\x9bmGF\xc2\x95\x95\xb5}y@.-\xa8~}\xb2yq\xe2\xb2\xad1#"\x06*\x87\xe1\xae\xa7\xde\xaa\xa2\x03H\xad0()\xfc\xfc\xfd\x9ftq\x98jg\x0c\t\t\xd1\xa1\x9f\xad\x86\x85\xc2zr\xd1\x93\x90\x03K\xbb\xd2\xb7\xb7\xdc\xc3\xc3\xa2g\\8*)\x80LF\xcc\x90\x8c\xe0\x9c\x98\xd4\x97\x93\x056\xa3m@&lt;\xb7\x8c\x8cd&lt;9\xdc\x94\x90\xbc\x95\x95923\xf8\xf8\xf9\xc6\x90\x8d\x96]V\xc6\x86\x82\xce\xb2\xb2\xcd\xa7\xa6\xbc~x+\x1b\x1a\x8e][\xbe\x90\x90\x98d]\xce\x92\x86\xcf\x89\x87\xae\x82\x7f\xcd\x8b\x7f\xd7\x8e\x8a\xcf\x84{\xf2\xf2\xf4N&lt;&lt;\x02[\xcb\xed\xed\xee\xcb\x97\x95\x91fcM44\xd8\x96\x89\xa8wr\xd1\x9c\x99\x04-\x8b\xb3\x8e\x8f\x9apn\xda\xa4\x9a\x05&amp;\x81\xb5qlwMK\xc9\x93\x91\xb8\x89\x84\xc8\x8c\x89\xaake&gt;$#kOO\xa1yw\xbd}m\xc7\x8b\x82\x86WS\x0eP\xb2\xbe\x9b\x9cY75\xc8\x85v\xa0kd\x89ca\xca\xac\xad\x12a\xc9\xd2\x9c\x91wE@\xac{x\xe7\xe3\xe4\xacjZ\xaark\xdc\x9c\x91\xe5\xb6\xb5B9&lt;XEEaLM\xe0\xca\xc9\x0fD\xa4\xc1\x86{\xcb|r\x8fUQvTR\x040\x9c\xb1te\xd8\x9e\x97\x82SPTA?\xd5\x8e\x82\x06"u\xaac]jUW\nG\xaf\xc8\x81}\xa1pl\xdf\xa6\x9e\xdc\xad\xa9\xbavr\x8dOG|[Z]V[\x88ihL+(\x086\x97|ce\xd4\xbc\xbeIBE\x96XM\xc2~y\xd7\xa8\xa3aBA\xdd\xb1\xb2\x92mm\xb5n\\\xd6\x85\x80\xc0si\x05-\x96\x08&amp;\x8c\xe2\xbb\xba\xc2\xa7\xa8\xd8\xd5\xd7\x8d\x88\x8a\x84][\xd9\xbd\xbdj^c\xbd\xb7\xbcs[\\\xb7le\x85no\xb9ve5\x1b\x19\x12W\xb9TNPzrw\x9eYP\x18P\xae\xbeqv\xa8pc\x85|\x80\xa1\x82\x81\xd6\xac\xab\x86\x96\xc1\xae\xa7\xab\xe8\xa8\xaa\xc8\xc0\xc5\xe5\xa2\xa0&amp;f\xc0\x11j\xd3\x93wvphk\xb3dl9n\xc2\x9f\x9b\xa3\xce\xcb\xcd\x9c\x92\x95W}\xc0\x15Z\xc0\xac\xa3\xb9[\'%c40\xd6\x8b\x97\xe0\xe5\xf0\xce\xd5\xe6\xc3eoEe\xa9\xd3{\x8b\xb2\xc5\xe1\x93\xa2\xc8\x83&gt;&lt;Gv\xc1\xc8t\x81\x17:\x8e\xb2\x97\x9b\xdb\x9c\xa6iz\xaei\x89\xc5\xaa\xb8\xd4\xb7T^\xabU]\x84\x88\xacr115M\x93$K\x9eT^\x90so\x91F?gH\x890\xf6\x00\x00 \x00IDATx\xda\xcc\x98OL\x1ay\x1b\xc7M\xe60\x07Ns\xe6F\xc9;f\xd3)v\x8a\x13\xc8P\xa5m\xf22\xb4\x86\xb2\x19K\xff@1\xeb[&amp;\x08j"YJ\x8aU\xb2\xa8\x89\x14\xc5\x817T#`^\x13\xe1\xd5Y\xe2\x8b\x055\x9bl\x90\xa0o4\xd8D\xd7\x98\xbe\x07\x13\xf5\xa0\x87\xbd\xec\xe5\xbd\xed\xe9}~\x83\xbb\x9b\xf7\xde\xb1\xfbd03\xe10\x1f\xbf\xcf\xf7\xf9\xf3\xa3\xa5\xe5s\x04\xde\x82\xff\x11-\x7f\x8e\x00\x10\xbc;~vv\xf6\xe9\xaczV\xf5zZ\xfe\x14`\xb8\t\x98\xb6\xa4\x12\x84$5\xa4\xfd\xadO\x1e\xd3\x17\x06\x03\x9dL\x9e\xeai]$Tju\xa7\x8a\xc0\x08\x82\x15\xa5\xd3\xaa\xe7\x0b\xe6\x12%\x0f\xf7\x9e\x9dK,\xa6\xee\xec\xecTC`\x98JM\x90\xbct\x1a7})0H\x9e\'\xbe}Xb\xb1\xcef\x80X,O\xa8U\x98\x8a\xe0O\xb6\xbd\xa6/\xc2\x85C\xf2\x0e%\x9el\n\xa5\xc2\x08\x95\x8a\x84\x14\x92\x98\n\xf2\xa9"\xc5\xfd\xedx\xf7\xb5\x83\xe1\xb8\xe7Xbe&amp;\xa0"\x00\x88 T\x04bR\xa9;\xd5\xf0\x17\x14\xdb?\xaez\xaf\xd7\xfc8\xde}\\\x02\x08\xc0Rc\xa0\x12\xc2!\x81M\x05\xcf(\x9d\x18I2,\'J\x87\xdb\xde\xebT\xac;~\xde`\tdp\x15\x86a$\xa2\x81"\x04W5=F\x10\x0cGS\x1c\xc9\xc8`\xa6\xeb\xa2\xf2l\x9f\xf0$I\xb2\xd0\x16T\x88\x0ca\x01\x9f\x9cA\xb8ch\x12s2\x14Obl)\xd98\xf5^\x8f^&amp;H \x06v"e\xbdT\xa81\xa8\x91\xeb\x91\xd5U\xe0}\xd2\xc9\xb0 !Gq\x04\xc1\x97r\x8d\xf3\xf8up\xe1\xdd\x9f\x1a\x84lr #\x81\xa3)\x12\xea[\xc0\xc4p,\xc9@\x90\x18\xe3\xa78\x86\xa7\xa8R\xe3\xd4s\r\\\xa6\xf8&gt;\x8b\x84\x02\xa3\x13,\x12\xcc\xe9t"4\x0ctB\x121\x8c\x93\xe18\x9ac(\x81\xe6(\x8a\x17\xc4\xfa\x99\xf2\xf6\xc2\xbd\xe7"\x07E\x88!\xb9X\x9eg\t\x86\xa6h\x96t\xc2\x87eY\x8a\x82G\x0ep\xfc\x1c\x9d\x14(J\xa0J\\iK\xf14\x82\xb1\x1a\xbc\xecu\x0c\xd4bX^\xe4h!\x97\xcc\x81&gt;"\x89\x86"O9\x05\x8a\xa6 \xe8dR\x10\x84\\\x89\xe3\x1b\xc7\x1e\xa5\xb1\xce$\x99\n\xc6\x1fp\x81\xb3Y\x86\x83w\xa7(\x9a\xa6XT\x01\x18d\xd1O\xfbA\xae\\2\x99\x13\xa8\\\x89g\xf9\xfd\xaa\xb2}\x15\xf7n\x892\x95\x1a:&amp;\x89\xba:\\\x9c\x9f\x16\xe0\xfd\x14\x07\xd3\x10.\x86\xa0i?M\xd3\x00\x95\x83&lt;\x8a,\xcb\x97`v+Z\x85\xdb\xa5\xa6X*\x92\x05[\x13\x98\x1a\xaaPEsa\x1a\xc8\xa0]\xa1\x19\x84a`y\x8e\xe1\x90\x80\x90E\x9e%a\xa78V\x94\xcb\xb3%\x82Z\xa8\x17\x10\x1c\xbc\x95\x91{\xa8\x8a\t\xef\x85\xc3a\xbf@;\x19T\x95\xd0K\x9d\x0ct/\x08\xf0&gt;C\xc2,\x12\xeb\xc7\xcauU\x1c\xafJ\xa2\xc8\xc93\x87`(?\r\x14(\x18\x1a\xa8\xf6\xc2\x82\x1f\xda\x02\xc3\xa0\x8e\xe1\xc4\xae\xbe\xe1\xa0j\xe1\x7f`K\xfbU\xc5\xb0L\xa6S(C\x16-\xa1$L=\xc1/\xabD\xfb\xfd\xd1"D\xb8\x18\xcdA\xd2\xe8\xf0\xde\xef\xc1\xc0\xc5\x10H[Q:S\xcc\xf5x|\xbf$2\x04j\xa1h\x16\xfb\xa3\x08\'j\xd7\xcd\xad\x04\xed\x97\x17\x17p\x9f\xab@\xf9\xf9\x8bE\x7f1\x1c."\t\xf7\xf6\x9c\x04\x8c&amp;\x8cml+\x86e\xaa\xd6Ep0\x01\xc9\t\x83D\xd1\xa8-\x16\xb3F|Cw\x87\xdc\xb3\xd6X\xccf\xb3\x01\xe1\xea\xce\xdc\xdc\xf0\xdcp\xa5bG\xd0a\xc0B\x93\x9c\x10\xb7\x14\xeb]\xa6\xe3F\x83g`\xea8!av\x1b \xb9\xc7o\x87Z\x9f&lt;\t\xdd\xbe\xad\x9f\xb68\x1c\xee\x8e\x0e`\xdc\x18z\xfbvh\xc2W\x0b\x06u\x97\x88\x0bC\x1b\x18\x7f\xa2\x94\xb9\xf0\xeesQ\xa4P\n\xf7\x8a\xd1X\xc4=\xad\x07\xa6&gt;s\xd9l\x1e4\x0f\x0e\xf6\xb5B&lt;\x0e=~\xfc\x97P\xa8-\xf4\xcd\x9d;\x03KK\x1d\x11]\xb4\xb8\x87\xa1\xca\x85,*\x85\x85\xda\x03\x0f\xf5\xbeW\xb4e-\xfatz\xf4\xf5 @\x95\xcb\x85\xc2\xd1\xd1Q\xb9\\&gt;:2\x9b\x8f\x9e?7\x9b\xcb\xb7^\xb7\xbd\x0c\x85n\xde\x1e\xf0\x05\xedE\x0c\x1d\xd6\xc8\xd2\xb1R\x9d+~\xc2\xf3\x1c\xe3\xdc\xbb\x889\xa6\xf5\xe9\xd1\xd1\x87\x83\xe6@\xc0\\6\x16\n\x85\xf6\xf5\xf5\xc2\xfa\xfa\xfaQa\xbd\x80\x00!\x06\xfb^\xb7\xde\xd4\xbb#Y\xfb\x1e\xda\xef\xc9\xd2i7\xaeP\xd7j\xc0J\xca\x85/\xad\x8e\x03\xfdHz\xb4\xe7\xc1df2\x13\x08\x18\r\x86\xf6v\xadV\xfb\xe3\x8c\xb6\xbd\x1d\x10\x0be#`\x05\x06\'\x9f\xa4\xf5\xf3\xd3\x07\xd9\xa8\x13\xd5"\x7f\xa8\xcc\xdae2}*\xc1\x8e\xe7\xb7[5\x07\xf3\xf3#\x90\xc3\x9e\xfe\x07]\x89\x8c\x11\xb0\x0c\x08K\xab]o7\x18\n\x05\x83\xc1\x98\xcf\x07\x063\x93\x0fG\xd3\xe9\x17zK\xb6\x88\xe4bO\x94Yo\xd0@dIJ\x17[\xb3\xcc#\xac\xb1\xb1\x9e\xfe\xfe\xc9DS-\xed\x0c\x04\x88%\x87\xc1h\xcc\x072\x99\x07\x0f{\x80k\xe4\xc0Rq\x82\xe9\x89FU!\xacc\x91\xe5*Ak\x13\xeb\xc5X/`u\x05\x0cFH\xe1\x8cL\xa5\x05.\x84\x86\xe4BX=\xa3\xbd\xa3\xe9\x91\xf9\x83l\x18\xad\x1a\xfc\xb6I\xa1B\xe4Y\xdaf\x95\xb1vwGd\xacD\x1eQh\xaf\xa8\xb4\xb2\xc7\xb4\xedM\xac\xfe\x85\xde\xde1\xc0\x9awG\x19\xb4 *\xe4y\xefa\x13kY\xb3\xb9\xbb\xf9;\x96\xa1\x00jA\x12\xb5ZY\xae\xdf\xb0\x1ee2]=\x80\xf5\x01\xd4\x1a\xd7\xa1\x9d\x87W\xe8\xa8!c\xd9c\x805\xb5)c-\x00V\xc0hDY\xd4^\x89\xd5\x8e\xee\xdb\r\xf9|"\x91\xe8\x02\xb9\xc6F\x10VM\x80\xd9\xc0n)\xb2\xdb\xe0\xdeCX\xdc\xa3\xba\x18`MM!,\x99+\x13\xc8\xe7\xe5\x06\x01LF9P!&gt;J$\xfa\xfb\x17\x16^\x8dA\x0e\x0f\xc6})\x9a!\xd9\xfd\xb8RX&lt;\xed\xb7\xc7d\xb56\x7f\xb8\xff\x1e\xf4Z\xe8\xff:\x91\x08\xe4\x9bM\x02*0\x90\x0f\x04\x02\xc0\x04P\x88\xea=`\x1d\x1c\x8cO\x0c\x0b\x1c\xcb\x9f\xc4\x95\xd9\xe3\xf7e,\xdb\xf2\xc7)\x94\xc5\xfb\xef_-\xfc\x1f\x16\x14 p\x01U\x13\x0b\xa8\x9aX\x16wm\x186}\xc5\xb0\xae\xd4\xb2\xae\x01\xd6\xee\xc8\xfd\xb1W2U\x06\xa0\xcaM\xae\x02T`\x1e2x\xc5\xd5;6v\x7fwsJ\xc6\x12(\xbe\xae\x14VI\xa4\xa2W\x9e\x07o\x8d\xf5\xfe\xed\xeb\xc4\xa3\xfc\x7f\x9a&lt;P\x91\xd0E\x9b\xde\x02,d.\xb0\xd6\xd8\xee\x94\xc5\xe2\xaa\xcd\xc11\xa8t\xa2$\x16\xacY\x90\xc5\xf9\x91\x0fOG{\xba\xba \x7f\xed0s\xe4Q\x08X0\xb3Q\x80\xe7\xa1q\xf5\xf7\xf4\x82Z\x80\xe5\x98\xd8I\x01\xd6\xbe"X-2\x16l\x7f\xc8\xf3\xf3/\xd2\xa3\x0f\xd1^c\x94\x07\x8f\xdc\xb4P\x9b\x80q=3\xd3\x8e0\xcbyh\xf3\xbd\xf7\xe7-\x16\x8b{be8\x99L\xee+\xa4\xd6V\xa3$Tl \x97fJ\xff"\xdd\xfa\xfa\x96\xb9\x0c\x9b\x8c&lt;x~\xfc#f\xb4\xb0\xe1\xac\x17\xfe[\x06\xac\xa7\x1f\xe6-\x1a\x8b\xc5\xb7\xba\x93JI\x87JaI\x8d$,\xec6\xab{z``\xe0\xdd77\x1e\xb7\xddz~\x84 \x10\xce_\x9bT\xe8\x11v\xc1\xaf\xfan\xb5\xb5&gt;}\x9a\xd6[4\x1a\xcb\xf8\xc4\xcebJ\xda\xf2*\x89e\xb7Y\x1dnW$;\x17\x1c\xd6\x05W6\xee\xdckCh\xbf!\x1d=\xbfu\xe3\xee\xc6\xc6\xf7\x13p\xf2\x18\x18\x80\x1d\xdf\xed\x00.\xdf\xca\xe2b]9,)\x05X\x15\x1d\x92\xcc\x16-\xc2\x11\x1fNeA\xdf\xbd+\xcd\x00\xea\xe8\xab\x1b\x1b\xc1h\xd1/\x08\x95`d\xc2\xe7s9\xdc\x8e5\x8d\xc5\xbd\xb2XW\x0c\xeb\x10a\xd9+\x95\xa8\x1d"\x1a\xcdE\xe5\xe3 \xe2j\x937\xfaB\xc1l~y7bk\x9e\x1e\x87\xb3\xb5Z6\x16\x8bDf5\x1a\xf7\xc4\xceN\xfd\\\t,\xdcT=\x91\xa4a\xc0\x82W\xeat\xc1\xb9\x95Z$\x18\xb3_\\\\\xc6\xb2K\xa1&gt;\xb4&amp;\xc3\x02\xffd\xc0\xb1\xbc&lt;;;&gt;\xf0\xee\xce\xdb\xbbC\xbe\x89\xac\xd5j\x8d\xaci4\xae\xd5\xd5U\x85\xb0\xb6%iq\xd8V\xa9Tt\xd9\x9ao"\x12\x89\xb86|.\xab\xed\xf2\xd7\xd8\xf2t\xeb R+\xf0Doq\xac9,\xe3\xfaP\xeb\xcb\xd0\xcdwKC\x1d\xbe\xac5\xab \x16nBX\x92\xceVIVV\\\xaeH\xcc\x16\x9c[\xdcY\xddx\xbb\x14\xf9\xf5\x17kD\xff\xda\x0c\x87\x9e\xc9\x17S\x9a\x8fk\xcb\xcbA]J7\xe7\xea\x18\x9f~\xb3t\xb7#k\x05,Gm\xf5{\x05\xb0\xe2\xcf\xfe\xe5\xd9N5R:Y,\xd7\xac\xd5f\x17D\xf4\xd3\xda\xa2\xef\x9fK\xd6\xe5\xac#=\x190\xe6\x1f\xea\xa75\x1f5\x9a\xc8\xa2\xe0\x17\x18&gt;\xa7\x9b\xb5LO/\xb9\xb2\xb3\x1a\xb7\x8c\xf5\xb9\xfb\x16\xee\xf9\xee\x1f\xff\xfe\xee\xa7\\2e\xab\x80\xadf\x1d\x1a\xeb\x85\x7f\xa7\xde\xe0\xa5\xc5\xc3{\x9ao\xdf,;\\\xfa\x9eL 3\xaa\xbf=5\xf2\xadf`\xab\x9e\x94J\x8d\x94\xdf\xbe\xfcF?\xdd\xe1\x02\xcf\xaf\xd5j\x80\xf5\xf7g\x9f\xf5\xd77\xbc\xba\xa1\xf9\xf9\xe7l4\x97\x02\xa8,*\xad_.k?\x1d\xd6s\xb9\x93\xd3g\xef4\x9b\x1a\xf7\xdaT\xef\xffx5\xbf\x9f4\xd64\x8e\xf7\x8e\xff\x83n\x0c\x11N-\x91\x9b\x93\x08\xb13\xa9\xc4\xd1x\x0e\'\xc2\xb4\x13\n\xc3\x8fn\n+diF\x9c9\x08\xe6Th\x00e\xbb\xda\xf0#\xe21\x10\xe8\x0e\x94\r\x8d\xd3\x1e\x0b\x17\xc5\x86\x8a\xa79\x10\xb4M\xd5D\xc9\xda\x0b5!&amp;\xc6\xe8\x85\xc6\xab}\x06\xcf\xde\xec5\xf4\x89Wr\xf1~\xf2\xbc\xdf\xe7\x99\xe7y\xdegxX\xef\x96\xb1\xc8tE\xf6\xe0\xac:\xff\xeb\xcb\xea\xee\x9b\x83\x93\x1apy\x85\x805\x95\xcd}zJT\xba\xdb: \xd9\x9e:iD\x94O\xe6\xe6{\x02Q&gt;\x11\xd52\x19\x9dcw}\xbd\xba\xfb\x83\x88\xa8,\xcc\n\x97\x13\x91\xa5%\xa3\x9b\x82\xba\xa2HU\x18\xc7\xca\xee\x8a\xc3\x0bAYK\xcc\xc2\xaf:\x1ek\xc5\x86\x14"?\xb5U_\xcf\xbd\'\x83\xac\xb4g\xde\xd53\xa8Q\xce\xce2\x1bJF&amp;\x0b\xa5\x83\x06\x89\x84\xa0\x16\x18\xd0y\xa2\x08E_\xb1\xf2\xbb;\x8c\xd7\x8b\x14\x0b\xe9\x9db\xa9\x85\xb7\x0bo\xa1b\x84"\xa26\xb5\xa8\x90.\x99\x9a\xc1\x996&gt;\x99\tJl\xedJk{\x9ft\xf5d\xf8&amp;Q&amp;\x91-P\x08\x82p\x1c\x87 l\x02\xeehy6\xc2cA\xd1\xca\x8a\xc5\x1c[Dxs\x13\xe10\xe2\x86&amp;C)\xaci\xa7\xd24\x867\x89vb\xdd\x18\xe0.N\x02S\xd9\xa4+\x10\x9d]\x90Q\x04M\xe3\x1c[\xa9T\x80\x8d\xa3\x12\x89\xda2\\b\xa1\x85\x05\\4F\xa7\x08\x96ER$\x86aP\xa1B)\x08X\xbe\t\xa7\x84\x8a\xe0m\xf5\xd6@\xaa\xb2\x9c\x19y\x03X\x99\xc4,E\xe04\x86bx*\x95\xe2R@\xf76Q\xab\xd5*\xe6B\x01.\xb1\xf8\xb6X\xe4p\xccbq\xa2(:&lt;&lt;\x8cB\xa78\xed\x06,\x8dU"\tR\x05\xac\xadX\xcf\xc9fB8\xf2\x04\x92|4\xc1\xc8\x08\xceC\x92\xe6T\xcb\x10\xa4X\x99Mh\xfe\xc4\xa2\x8a\xc5"\xdc\xa6\x99$I\x13\xfc\x99T&amp;\x12*T\xf7lB\xa8\xd1*\xd2l\xa4`igS&amp;(\xa1M\x8a\x8d\x8e\xac%\xf9\x0c\t\xf7\x03\'\x9b#)\xb3y\xda\x1c\x89D*\x15F#,^{\xcb\rX\x85\xa5\xa5\x02\x98\x19\xfecR\xf1\r?xK\xa8\xf1\xf9\xd2as\xc1\xde\xd6^\xb1\xe4\xac\xd7\xb9\xd0`\xbe\xcccQl\xca\xcc\x9f[0\xc1\xf9\xbc\xd0\x17\x94\x10\x88\x05\x95j\t\xa9\xb8\x91H\xc4lR\x81\x99LK&amp;\xdeH\xa3\x87\xc7\xd2\xe5\xac2\xd4D\xdeok\xdez\xf4K=%\x96F\xf3U\x17$\x08\n1\x17L\xfc\xd1\xad\xe3\x0b\xd3\xbf\' \x93\x01\xd6\x90\x8a\xabP\xd3\xd3\x11\xf0\x91jhg\x08\x8c\x87#=a\xf8Rj\xac\xeb\x0eu\xff0\xfa\xb9\xads\x08\xc1@\x10\xa3\xd9\xc5\xb5jy&lt;*\x04,\xa0\x1a\xba6\x95\x99b\x12\xc2\xe5\x1ak\x06\xac\x14\x84&amp;g\x1c\xfb\xc7\xd0\xce\xce\xce\xd6\xd6\x0e\xa0\xf1\xe2\n\xbb7t\xd6\xdc\xba\xdc~~\x8e\x0e\xb4wj\xf3\xa8\x0b\xc5\xea\xdadu\xcf\xb5\xd8\xc2R\xf1X;;/\xe2dE\x98\xa80\xb5\x1a\xb2\x14\x7f\xa1\xc2)\xc8\x18\xa9\xb1\xa1\x17[\xd7\x06`cF\xa8\xe77\x80j}\xd2r\xbe\xd5?\xd3\xd6G\x03\xc1h7\x99\xaa+\x92{{\xb1?\xb1x\xaa\xa1\xa1\xb8~\x9aYNP\xacR\x99\x8a\xff\xf6l\x88\x84h\xa8\x17S\xa6!\xf0\xd5\xd6_\x80jgHE\xe2\x84,\x9d\x03\xac\xde\xfeg\xcf&gt;\xb7w:"\x18\xbdwz\xda\xd0\xb8\xca{\xaeq\r\xf3?o\xa9L\xc6i3\xb5\xcc\xb0\x94\x97\xc1\xed\xffz\x16\'\x11$\x82\xb0\xf5\x82i\xac\x05\xd6\xc22\xe1D(\x9d\xcb\xe7s\x7f\xef\xdf\xda:o3V\xdf@\xbd\x9e\xc8\xf4$\xcb\xc9\xf1(\xc3\xa6HR\xa5\x8a\x0f\x93\xdc\xb41U\x19\xd4z\xbd:\x9d\xd4\xf2\xf8{\xbb\x87\xe0R)\x16!\xc7\x8cf\x14\xc0Z\xe2\xd2\xc3\x1d*r\xf9\xac\xaf\xcbr\xa4\xeaoo%(\x10\xcc\xdc\xb4\xc9u=\xf3/\x01\x0bB1E\x9aP\x94C\x8cz2\x92\xb8:&lt;&lt;8\xf8qJ*\xa2\xc5!\x9dF\x19bR\xaa\xb1a#bT]\x87"I,l(\xf2\xf95\x85H\x8ca\xf7\xda=\xa7\xec\xdb\xfft\xc7\xb68\x07XS:/\xc5\xe1$\x89\xb8\x8dz=\x8e0\x99\xc3\x03\xbe\x01\x1aW(\xa6F\x0e\x0f\xafN\x12\x90\xdd\xe3q\x0f\x85\xc0M\x9b\xf8y\xe0\x86\xd7\x9a\xcfg\'Eh\xff\xbb\xb6\x0f\xde\xfa\x1e\x9e}rh]\xe5\xb5\xf1)\x8d\x86aq\x1c\xe1\xf4\x9e\xb0X"\xdb\xd0\x0c\x06F\x0e\x9f\xfc\xfbIO`$\x10\x8dF5\x14g$\xd1a\xd4CQ\xc0g\x0c\x83\xb3\xbc\xbe\xf5\xbc\xcf\xa6\xee\xbf\xdf\x81\x85\x08\xc1\xf6\xca\x8a6V.\x8fku\x1a\x8d\x8cc\x11\xbdG\n=\x7f:\x1d\x05,\xbeq\x1c\t,j\xad:\x9d\xc6\x1b\x92J\xc5\xb4\xd3"b\x18\x9c\xf4\x10P\xd6\xe8|\xf9\xacU\x8c\xdez7\xd3\xfe\xfd$\xc1\xa3\xaf\x0e\xef\xe2Zy\\\x17\xf2j\x16\x08$\x1cL\xeb\x00B\x13\xcd\x0c\x06\xa0\x99=\xfc10\x18\x18\x1f\x1f\x1f\th\xbc\xe9\x90,\x18\x9c\xe8\xea\xb2Q\xb8\x87 dJ\x1d(&gt;h\xb7\xdf\xfe\xd0\x81\'EA\xdf\xf6\x8a0\x9a\xdd\x8by\xa52\x1d\x15NIuSS:\x9dP\xa9\x14j\xa2\x81@`\x10\x9a\xd6\xcc`k&lt;\xaedB\xa1\r\xaf\xd7v\xa7\x97\xe1p"Lx!\x10}t|\xf8A\xa9\x13\xef\x05\x82\x87g\xd1L\xb6\x9aM\x8bD^\x99\xc7#\xf3*uZ\x90\x19\xc5\xd6\xeb\x8d\x06GC\x89\x85\x89\xa9:\x18\xc7A\x11(\xb3)\x14^\x19\xedq\x03\x96\x15r)\xaa"owf\x06\xd17\xf3i0V\xcd;D\x16[\xc8\x83\xe1\xe1\xb0\xf0\xea\xe0\xea$z\xd9h\xd4OO\x8f\x8f\xce\xcf\x8f\x8e\x8e\x8fOO\xeb\x8d\xcb\x1a(_\xc3\x10R\x99_Ox\xa4\xa0\xf8\xdcM\x0c\x17?\x1f\xbd\xd1!\xaew\xab\x9be_\xf0\x81a\x83 Q\xfd\x18{\xf0\xf1#\x80e2\xd7d\xa7\xf5z\x13\x902\'W\x07\x07\x1f\x0fN\x08T\x1f\x8ec\x12\xb5M\x91[_=\xfb\xe5]\x87\xa8Z+\x81\xa5\xd5|\xcc:a\xf0\x86\x08\xbf\xdf\x8f1\x10~\'\xcb\xdeZ\x82\xb9L4\x12\x17\r\xe6R\x16lH\x13\xc2L\xe0\xe7\x03f8\x8e\xa2q\xb1Tm[\xd9\xdd\xfc\xf0\xf0\xe1\xc3\xce\xad\x8d\x08\x04\x8f\xbeT\xd7\xde\xcb\r^]\xc8\xff\xd8\x8fb\x8cV\xf1\xe9f\xf7\x83\xa7\xf7\xe8\xee\xbb\xb7,\x03wo\xbdz\xf5\xf4nw\xf7\x9d\xc9\xc5\xb4\xdd\x1e\xf7?\xb6\x04\r"ynw\xb5t\xa3\xb36\xba]M\xc6\xac\xc1\xa0U+\xe1\xb1\xf0\xc6\xa5\xe1\xec\xc3\x87\xed\xd2\xab\xfdR\xa94S\xda\xde\x7f\xf5\xf4\xddO?4\x1a\x84\xc5n\xf7?~-\xb2\x19\x0c+\x805\xd3\xe1\x85\xca\xbe\xfd\xd5|\xd2\x97\xee\x95\xfb\xd2\x96\xc7zZD4.\x1b\x13]\xb7\xef\xdf\xff|\xef\xee\xbd\xcf\xfd\x16\xf5i\xb3qqqQwZ,\xfe\xf8\xf7\x16\x83\\.\xcf\xado~\xed\xf4\xfe\x96\xa0\xb4\xba\x97\xf4\xc9\x83\x10\xfe\x12?J\xe3bi\xe3\xf2\xf2\xe2\xa2yz\x0c\xc6Gb\xb3yq\xd1 \xd4N\xcc\xe9\x7f\xfdZ\x94V(\x1c\xb9\xdd\xcd/\xa3\x9d^w{\xf4u/\x19S\xd8\x82i\x85M\xed\x87\xa8\x97HA\xeb\xcd&amp;0\x9d\xff\xf6\xdb\xf9\xd1\xf1i\xb3Y\x17\xab\x9dN\xd4o\x7fm\x0f\x02\x955\xbf\xb9\xba\xdf\xe9m]\xc1\xe8\x97j9\xe6\x93\xdbl\xf2\xb4\xc4\t\xc9K"\x91\xb0T\x1d\xd2\x16\xe4-\xc8\\\x90\xb8p\x1c\xa8\x9c\x16PV\x97\\\xe1Pd\xf3\x9b_;--~\xeb`\xb5\x9c\xccZ\x1d\x93\xc1\xb4MD{\xc2&lt;\x97X\x0cu\xce1y\xd42T\xcd\x9b\xd3o\xf1\xf3\xcar\xe4\xd6\xf2\xd5\x8e\x0cM\xff\xff\x13\xf4\x9f\xf2\xcb\xd8\xfb\x15\xb9\xc1\xa60\x88&lt;\x1e\xb1X"\x11\xa9\x9d(\x06\x0e\x02\xb3\xdb-N\xb5\x9a\xd6\xfb-j\xf5\xc4$\xe8=\x96,W\xbft~\xf1T\xd0\xb7_\x9e\x9b\x03w\xc9\x83\xf2\xc9\x89\x16\x17N\x83w,\x0f&amp;\xc4\xa2\xdb\x80\xe4tb\xb4\x1e\xf5;\'&amp;z\x1d\x93+YW\xb2\xba\xf9\r\xb0ZO?s\xae\x18\xffJ1i\x10{h\x0fNc\x98Z-\x92Je2\xa9XLcN\x0cC\xfd~\xb5\xa1W\xeeX\xc9\xad\xb9\xd6\xaa\xeb\xdf\x04k\xf4\xc3\xde\xdc\xaf\xf3\xb1\xaco\xc51)\x11{\x8c\x1e\x0cE1Z\xcc\x12\x14E\xe18_\x98\x02\x95EdSX}\xd9\xec\x9a\xab\xbc\x9e;\xfb\x16X}\xfb\xd5?\xbe\xfb\xeb|\x0f/\xb0\t\x91H\xaf\xd7\x03\t\t@\xd0\xf6\xd0\xfc\xf4\x08\xbe\x96\xa8z\xc2\xe1{\x1f\x8b\xb9\xe6\x93{\xeb\xbe\xce\xa7\xadkq\xfd\xf1\xcf\xef\xfe\xf6\xa6\'\x96\x9b\xec\x05u\xe9\x97L\x80E\xd2(\xfd_^\xce?\xa6\xc9\xfc\x8e\xe3\xa1Z\x01G\x0b\x07\xd6\x16\x82-\xd8k}\xe0\xe9\x0f\xca\xd3\x83\x88\xb4\xb1\xa3\x17\xa5\xa1\x94\x14*\x13[j\x91\x1f\xb6X"`)\xd0*\xc8A\xc4\x0e\xeeh\xc3)u`@\xf0\x07\xe14\xa8\x0c#\xe8\x8d\x9d\x0c\xa3;s\xeb\xb1,\x84\xc5mh\x16H\x83!wA\x12\x83\xe8&gt;\xdf\xa7^\xb2%\xbb\xdb\xddN\xf9\x02\x7f\xf6\xc9\xab\xef\xcf\xe7\xf9\xfcx\x9e\xcf\x07\x80Red\x1d9\x02&amp;\xb4\x13C--]\x0e\x87\xbb\xefZ\x8b\xe5\xee\xba`\xdd\x1b\x1e~\x98+,\x15;\x06G\x9dv;`\x9d?\xd8_\x9c\x8f\xeb\np\x9d\n:\xb5CGZU\x98\xdd9\xd1\xd2\xe2px\x1e\xf6\r\x16\x16\xae\x87Z\xe4`\xd2\xc3\xe1\x8eR\x0f\xf8\xfd,\xc8\xa53\x16\x15\x9f\xe9\xaf\xad\xc5%\x18V\xdb_\\t\xfeHF\xad]1\xd458\xe8\xf0@\x03\xd7\xd0\\\xb8&gt;j\xfd\xa5\'%\xb7\xa3\x03\xdc\xabkph\xd6d\xc7\xf0\x13\xfd7\xf2\xb1\x1a\x81\xc1\x80\xe9TE\xc5EF\x95\xdd4\xdb\xe5\x18\x9c\xf4\x94\xc2\xadQX\xd7\xbcNX\xee\xe4\x03\xef\xe5\x0e\x0b;\xdc\x9e\xc9)\'\xc1\xb5\xe3\x10\'p\x1d\xa6\xe1jt5\'T\xb5:\xcc\xe4\x1cr8&amp;==\xc2r\xb1\xbe\xeeX\xfb:ay\xca\xeb\x0fl\xd8\x9b\xdb\x01b\xf4\r\xcd\xfa\x14\n;\x96d0\xd8\t\x05\x97k\xc00\xbb\x8e;\x0b\xf1\xca\xe3.M\x06\xaaf\xe9\xe5u\xc1JO\xbf\xe7i*\xaf\x7fo\xc3\x8e\xdc\x0e\xa1\xbbg\xf2\xda\xac\xcf\xa7\xe0k\xf9\x04\xe1t:\x15Z\ra\xe2\xfb\xa6&amp;\x1d}n!\xa2\xaa\x93^\xbe\\\xb7Nj9\xa0]M\xde\x81v\xb3::&lt;}\x93S&gt;\x1f\xf7\xa8\xc29+\x93\xc9\x15|\x85O\xe1\x9b\xbd\xd6\xe7\x06\xaa&amp;\x1bhUp\xe3\xf6\xfa`\xe5\xddsdg\x03W\n\x1a\xe2\xcf\x1dv\xbb\xfb\xa6f}\xce\xd1\xa1\xa1Q\xcb(\xe1\xf4\xf9\x90V=\xe5B\xe1H\x97~\x00\xa8n\\\xae;\xb9\x1eQ\xbe\xe4\x1f\xe2\xd36\xb1xD\x98\x02\x86\xdc\x05\x8a\r{\xa6\xa6\x86\x06\x1d\x83\xd7\xe0\xc6\x9c\x9aER\x95\x0b\x93\x85#\x83r\x99K\x80\xde\'\xac\x0f\xd6\xe1\xdf\x89Ogv\xdb\xc4#\x9f\xedE\xdb+\x88\xcc\xed\xf1xzz\xdcn\x8fc\xb2\xcf\xe3)\x15\n\x85M\xe2\x89J\xab\x00\xcf\xcf\xef?s\xbbW\xf1\xee7\x90\xa0\'\xfb\x93-\xf3\xca\xd9\x86n[N\xf9\xde\x03\x1b6\xfc\x02l\xb9c\x97P\x98L.\x13\x0c\x97\n\xd1bA\x8fxBn\x15`\x98\xea`\xff/\xef\xd79?\x7f\xe7+n\xe9\xe9\x9f\xff\xd5\xd6}v_\xa1\xbe[&lt;R\xbe7\x85\x04#\x97\xa1\xd0\xfa\xd6\xae\x94\x94\x03\x07\xea\xcbGl\rr\xab\x04\xd7\xd5\xd6"\xac^\xf9\xb7\xbf~\xb7\xbb\xba\xd0V\xdf\x9b\xeaCO\xde\n-$Wr}\n\xb9~D\xeei\xa1U\xa4\x94\xfa\xf2\xa6l[\x83\xc5*\xc1\xa0 Dj]\xee\x95\x17\x1e%\xd7;\xdf\xd5\xacu\xfa\xc2\x8b/\x1c#\x0e\xdb\xd9\xc2\xc2\xc2f9\xc9\x85f\xf6\xcb?K\xae\xaf\xdf[_\x9f\x9c\\\x8ef$\xba\x1a\xf4\xfa\x01\x97\x00\x8a\xe8\x8cC\x80\xf5\x87\xde\xc2\xb6=\xce?\xff\xfd\xf0;Z\xa3\x0c\xce[Y{\x9d\x93\x9d#\xb6\x9d\xdd\xde\xdc&lt;0 \xd7\xdb\xc4=MM##\xe27\xa7\xab\xab\xbbab\xa2eT.\x97\x0f\x80\t\xcdYo\xb0\xf6\xb5\xdd\xea\xb5\xfcq\xf9\xd9\xc2[\x07C\xeb\xb7y\x8b\xab\xafO_\xc9\xcc\x19\xb1\x9d\xddS\xd7nmo\x96O\x88\x11\x93\xcd\xd6=\xd1b\xb1@OXY)\xab\x94\xc9\x9c\xb2J\x10\x0b3W \xacb\xc0\xba\xdev\xfb\xfe\xad\xed_\xbc\xf6/\xe6\xbdMK"\xb7H/\x99_\xf1\xbf\xber\xfd\xfa\x95\x7f\xe6d\xee\xdb\xd3n\x95\xba\xac\x03\x16\xdb\x88\xd8\xd1\x05F\x93;\t\xc2\xa4P(L&amp;\x13A\xb8\x9c\x80\x85\xd7Td}\xa7\xd6\xf5\xb63\xe8\xc5l\xf3\x9a\x7f\xa5\xe4\xad\xb9Xpzz^\xc9\xfc\xb39\xff\xcb\xd5\x86/\xdb\xda\xae\xe74\xd9\xf65\xb7K%\x12\x89U\xde\x00\x96\x03\xb3Yd&amp;\x8dVk0h4\\.\xb0\x112\xab\xa4\x16\xbd{E\xc5\xf4\x8dc\xbd_\xde*&gt;_|\xe6\xf8q\xe9+\xff\xf3\xc5\x85\x92\xb7\xb1C\x0c:\x1d^\x98^\xf6w\x86\x85w\xae\xb5\xdd\xbaun{NS&amp;\x89%\x10\xb8\x06\xc0\xbb\xbaZ\xc0\x802S\x92H\x94\x94\xa4\x050\rWAX\xa5\xb8*\xf0N\xb8\xf6D\xc1\xb1\xde\xed\xe7\xce\x93c\x95\x9f*\xd6\x1e&lt;\x98y\xbe8\xffs\xb7\xae\xe1\xe3%\x8b\xcf_\xa6\x86\xd0\xe9\x94\xb0\x0b\xaf\xee\xdf&gt;~|Ov\x0e\xa4`\x12\x0b\xe4\xea\xb6u\xb5\x0cY,\x95\x84V\x94\x08`Z\x03\x9f\xaf\xe1\x12.I\xbe\xea\xe0!\x84\xa5"\xb1\x8e\x1f!\xe7=\x8d\xbaW\x0f\x94\xcc\xb8\'s\x8b?o\xeb\x1a\xdc|\xe1\xf9#\xef\xf8\x18\x8b\xc5\xa6S\x1a_}\x04\xdf\xf8\xab\xec\x9cL=\xf9\xec\x9d\x94\xab\xa1abhtt\x940$\xc2!\xb94\\\x93\xa4 _\x95Ab\x9d\xf8\xb4\xe0X\xdd\x9e\x8f&gt;\xaeB\x83\xa8\xad\xe6\x17\x80\x15\x1b\x1b\xf9\xd2\xbf\xf2\xff*\x86|3oa\xfa\x11}l&lt;\x8a\xc2`0\xe2\xd9\x8d\xaf\x8c\xc6"\xa3\xf4t\x00K \xc0\x05\x92v\x8b^\xafGXN{\xe2\xfe\xfd\xfb\x13\x93\xa0\x1c\xd4\xd8\x05\x08++\xab\xa2"KU\x9b\xff\x06\xeb\xe2\xce\x8bUU\x89\xcb\x11\xcc\xe8\xe8\xe8X\xca\xf87\x00V\xf2S\xc9\xc8\xff\xeb\x90\x9e&gt;\xff\xcc\xafV\x8fWG\x05\xb1\x95L%\x83\x15\xb7\xdc\xdaj4J2I,\xa9\x00N\x81U\xae\xb7X\x80\xaaRf\x12\x01\x96\x08\xa8\xa0&gt;\x05,\xe8b\x03Xx\x81\xb4\xee\xab\xa2\x8f/\x92\xa3\xc5w\xfd\x11\xd1\x1c\x0e\x8d\xc3\xba:\x0e`\xd3\x0b?\r\x8c\x8c\x07\x0b+\xd3\xfeN\xf5\xd8\xf8\xf8\x98\x97\x12\x1f\x1d\xcbd\xc43\x97+~\xd3\xda\x1a\xc0\xb2\xba$\x02\x1c\xc7%29\xb9q\x04\x8d\xbfa\xff\xd7\x89\x00\x95\x94T\x83\xe1\x02\xf0x\xa0\xaa0\xd7\x90Xu\xc6*4\xbc\xfe\xc1o\x9f&gt;\xa1qh\xb4\xb22%\xbanj\xea\xear\xc0\x96\xc1?. \xe4\xcd\xaf\xbcX[}\xd9\xa9\xf6\x82\x01\xbdj5\x9d\xc1\xe1D+\x19\xcc\xa5\xc4\xaa\xaaVAfv\xb7^\x1e\xc0\xc2\xc0\xbb\x00\x0b\x82\x96\x0c9\xbd\xc1n0\x9b\x93t\x18\x8e\x83kU\xbc\xc1\x12H\xeb\xce\x19w\x92;$\x1f.\xd3\x10\x14\x8d\xc6d\xb1\xdf\x80\xadM/\xfc\xb8\xa4\x14\x8cl\xf7Muj\xe8\x16\xa0\x8a\x1a\x03*5%\x9eF\xe3\xc4*\x993O/\x05\xb0,$\x16\x92\xcbd\x1d\xa8\x94\x11\x10Der\xab\xc9d@Q\xc2\x80\xa1\x07$\x15hS*\xa3F\x07\x16m?g$\x07\xea\xef&lt;}\\F+\xa3\xf2\xcah\xf1t:=\xc0\x95Z\xbd\nI\xa9\xe4\x7f\x81\xa1\x80\xb0\xf4(\xb4z&lt;\x08\xa0\xc6\xc6\xbcH+v&lt;\x83\xc6\xa3E+\x95\x11\xd3$\x96x\x02=F\n`\t\\\x90n\x08B\xa1 d2\x82\x8bL\x88\xc4\xc2k3*v\xef\xde]a\xd6\xe9p\x12k\'\xa2\xba\xb3L\xe3\xf1\xa8\x80\x15\xcd\xa6\xb0\x81\x0bl\x01d\xd5\xd5\xa9\xab\xd3\xf3?\xcc\x05RM\xcf\xc45\x86Fy\xbd^\x04\xe5\xa5\xb0\xd9,\xa52\x9a\xc3\xe3q\x98\xca\x88\xa5\xbbU\xad\x92n\xdb\x04\xb8\x13\x9a\x91\xc2\xa1\xfb29eN2\xef@\xff\xa3\x01,R,\xc8&lt;\x88\n=\x82\x03,)R\xeb\xfdO\xee&lt;\x9d)\x03**\x95\xa6\x8cg\xb3 \x10~\x076&gt;\xde9\xb7\xf0C]\x08D\x84\xb9\x07\x8d\ti!@\x14\x80\xa2S"\x95\xcc\x84\xd8\x08\x1e\xb5,Z\x19{\xeao7[%\r\xdd-r\x99\xd3\x85\x9c\x0b\xc34 \x93\x13\xc4R@\x8fx\x94\xaf\xd5\xa2\x08\x81\xe1\x98y7)\x96\xb9\x06\x83h!\x95\x1a/\x81X\x1f\xce\xf1\x02X\taj6+\x9e\xc5f\x83\x7fx\xa3\x00l&lt;\xaaqi\xf1\xfb\xb8\xc8\x88\xbe\x04P\x91$\x16\xd8\x0f&gt;\x9c\x10\x17\xab\x8c\x8dc&amp;D\x94\x95E0\x95\x9c\xb9D\xb3D?a\x01,\xc2\xe5\x82&gt;\x1f\xe3s\xa1=\x84\xbe\xf5(\x1cD\x05\xcee\xc0\xd0\x1e\xde~\xe0\x12\xd5\xd4\x180\x14Gt\x97\xde\xff\xe4\xf7\xd3\xa7\xa8\xc8\x86T\xda\xd6\x90\x90 6\xc2B1Z=\x86\xc0\xb6\xc4=\xfe\xbe\xea"8x~\xfaQ\xe3\xd6\xb4\xadii\xe1\xc8\xd1A\xe8\xc88t\x1d^,kSB\x19\x95\x06\x80O^\x88Lr\x0b\xdc{\xa8b0\xd95\x10\xd3\x15\x04\xb8\x16W\x8b\xceI\x11\x1c-_\xa3IBb\xedF\x88\xc0h\xb7\xe357\xc1\xdfg\xe0R\x1b\xe1/nSHxH8\x85\x15\x0fd\x14p\x12\nr\x97\x0bq3\xcf\xfe[F\x82H\xb5\xb2\xf4hkZ\x0c\xfc\xa4\x05y\xd5\x14zx\x18\x93\xbam\x1bo#\x95\x13\x13\x15\x15\xc3\xa1\x96\xd1\x98\t\xb4\xc7\xdf\xda\xc1\xc7\x11\x15\xaad\xb8\x1a&gt;\xca\xcc\x80\xc5\xd7\x9e\x84\x93(:\t\xa0\x1a\x83( \x16\xb2\xa8A\x83a\x98\xf9\xe6\x07O\x1fSI,^D\xe7\xd5\x90\x90\xd0\xa8\xd0-l\xe0\x02["6\xb5wKc\xe3\x83\xe7\x8b\x87\xf3\xfe\xb3\x17!\xf3\xcc\xcb\x98\xad1ia\x9b\xc36o\x0eR\xb3\xd9[\xc6\xe8J\xde\xb6m\xdb\xa8\xccMp\xb3\x84G\x82n\x1cf\xec\xa9\xe5\xa3dW\x0fU\x15\xc8\xc5%\x0b\x06\x13\xe1S \x0b"0\xc0\xe4bI"\xc8Dd\xe6\x86\x14i\xd0&amp;\x99E_\xffj\x8e\xbaq#\xfa\xe5]\xb8\x1a\x1a\x1a\x85N\xf8f\x06\x83\x05\x87\x11\xcf\xb8@W_H\x88lD\xc5\xc5\xbf\x9b\x12\xbcj\xc5\xdf\xb9)&amp;\x06A\x85\xc5\xc4\x84F\x05\x85\xff\x8b\x88\xb3g\x8dcI\xa3\xf0T1\xd3\xdb\xddTW7\xd5\x9fS\xb4\xd55\x88\x11\x94\x02sa\x83\x81f\x83\xbd0\xa3\xcc\\P\xa4\x1bl\xb8(l\xc1\xfc\x01)\x91~\x80\x95(\x12t\xde(\x17\xab@8\xda\xe0&amp;\xeb\xc5(\x91Y\xad\xb3e\x8d\xb0\xb8\x0e\xccn\xb0\xe7\xad\x19\xdf-$[#\x8b\x99g\xce9\xefG\x19c&amp;\xabz2y57l}\xbdN\xfd"\x82\x9b\xd3e\xf2\xf0\xed\x84\xf4\xa1V\xf5{`\xed\xed\xed\xba*D\xb8\xf6pNvw\xe9\x1f\xd1\xef\xffq\xff\xf5\x16\xebO\x87\xaf\x01y\xf7\xeb\xc5\x86\n\x16\x82(\xa0\xe3\xb8h\xd8V!\x97L\xabB\xb5\xa7\x0fO\xff\x9f\xe1\xbf\xa3\xb6\xf0\xdfA\xc4\xc2\xf3\xb4Wx,N\x17\x0c\x8deV\xcf_\x8d\xeb\x0cT\xdd\xe0\xc7\x16\x0eDe\x19=\xfe\x03/\x8e5\x14"!\xe9{\x1b\xae\x1f\x7f$ |\xb5K\x16\xbe\xdew\xeb\x04L\xc4\nF\xca\xfd\xfc\xed\xe2\xd5xLT\t\xder\xece1|\xc4\x17r\x06*x)\xe5\x95\x87\xf0 \xd5\x7f}x\xfa\xf7\xe6\x7f\r\xa2T\xfd\xeb\xcb\x10\xf8C\x1c3\xc6\xbc8\x8e\xbb\xb4\xcaw\xc2i2?\xae\xc5\xe2\xfaz\x1d0?\xd0\xc9\x84l\x9cN~}9&lt;!\x00\xa09,\x8a\xd7\xa6\x14\xa9\x1a\xf7\x0e\x9d\x85\x18\xdb8g?\x1c\x9e\xe1\xc1\xd17\xc4\xddQ\x1d\xf7C\xac\x8b\xc2#\xb1\xf0\xe9\xbb\xd5d&amp;\x05\x1f\x06O\x84Eq\xd9\x9e\xd2\x9e\xf8\xe7M\xaa\xfe\x13\x04p|\x18\x08\x0cU\xc2bS\xf3\xac\x9aF\x93H\x82\xea\xba\x8b\xaf\xfc`\xa0t\x1dO\xcb\xe6\xe2\xdb\xd9\xcb\xc9\xee\x89\x83\xd9\xdd\xdb\xa3\x8c\xef\x12\xd5\xcb\xc9\xcb\xa6\x1c\x1d\xd5&gt;i\x06\xb0\xfd\xf3\xa3\xa3\x8f\x0f\xe3Wc\x92k\xbe\x14CQ\x88\xa1\xeb:ge\xeaK\x885\xdb\xd9\t%\xf3\xbc\xccc\x9e\xd0\x97\xa7\xa7\xbf|\x1e\xfd\x01P_\x82/\x0ej\x88I\xac`\xf0.\xd5\x8cq\x8b\x89c\xd3\xb5\x13+\x0e\xba\x85\x87\xa8\x8d\xe7e9y\xf8vvH\xca\x80\x06\x91\xa7\xbdo\xa3\xd5\xde\t\xa8~\xd8`9\x1b\xef\xe8\xf3|\xf5\xe9q\x8c\xd2y\x85l\xd5\xc2gY\x1c`\x14.R\xa7Wz\xcb\xe1\xa3\xd4\x19\xcf\x00\x853x\x9e\xb8\xfc\xe5t\x84\xb1\x1c\x04\x1d\xa8\x18\xcc\x032\xb0b!\x18\xf3\xa5i\x10w\xb2\xb0c\x9e\xdf-\xd6\x1do\xe0\x03\xaaq\xfe\xf8\xf1\xec\xe5\xe5\x05\x01?\xf9\t\x99?\xdc\xdb\xddr\xfd\xe4\xda\x04\x16\xafs\xe2\xba;?\xbf\xbb\xbb;?\xfa\x8djR\x17\x81\x9f\rx\xaa\xc5\xa2\x03\x13\xe5\xcb\xf7\xc1%w\xc2\x90\xd3\x8b\x0e\xcc\x03\x97wy9\x02\x94\xd3\x8a!\xef\x82\x84\xf4S\xaf\x089\x8b\xc3(2\xdc\x89\xe5\xe3\x9b\x98\xa8\xeb\xa0\x9d;\xaed\xf2\xfc\x11/\xffB\x9a\x81\xea\xf0p\xcf\xf9\t\xe9\xe8\x01\xc4:\xff\xf9\x1cLp\xef|K5\xa6\x8f\tu\xacx\x80\xee),\xbc%("C\xbeB\x9eq\xcfa\x81\x8b\x916#\nU\x00\x8124\x86P\x14\x02\xc2d\x05\xc7\xcf\xa9\xa8\x0ec\x97,\xa7\xfbzA\xcd\x8bj|j\x92\x8b\'\xe2\xba;;tS\xf0\xb5\xebV\xbb\x1b\xe9(\xf0\xe7G\x0e\nX\xdf\xb5\x82T\xe3\xa4p}\xb4\xeb\x16\xc8T\x10\xc7~\xfa\x9d\x0bGB\x11\xa7\x16\x83\x9b\xda\x1bQ\t\x08\x06\xa2V\x17}\xd1r\x1d\x07m\xd6\xc5\xa9\xb0I%6\xc9\xf2XJ\x19\x85\xf2\xac\x1e\xd3,\xaa\xa3\x8b\xa7\xbf\xc3\xa0\xfd\xb33\xc2\xd8\xdf\x07\x1f,\xdd\xfb\x8d\x8a\xce\n\x07i\'*\xaa\xc1I\x83&gt;\xcaX0\xf8i*d\xc1\xfc\x18\xd9\xf2\x03\xd7\xf0\x07/f\x81\'@\xc4\n!\xc2,\xf4F\xca\xda\x16\xfdl\xa6\xdb0T\\\x85"\x8e\x15\xf3CY)\xa5\x9dX\x0b$\x0bb\xad;\xdf\xef\x02^S\xf7\x9aN\x89\x0b\x8a\x10\x180\xce\x91$\xa8Ge\x88\x87\x7fsD\xab\x9b\x9b\x9b\xd5\xd1\xfb\xad\x83hX\x94+\xce\x07r\x06\xa6y\x08\x8b\x8b\x17Yy\x05\x85|\xaf\xd0Y\x98\xc9\x82\xf7Y%F\xb5Y\x86\xad*l\xa8\x94\xb4\xbd\r=\x8f\x19\xcc\x9d\xd6\x1a\xedm\xc5\x8a\xd3\x00\tEA@v\x9d\xd0\x00\xc15a\xf2\xf4\xe9h\x85\xf0\xdc\xfd|D\xbf\x13" \x91s&lt;\xbc\x01\xd4\xfd\xc1\xc1\xc1\xcd\xfb\x07\xa7\x15\xa8\x9a\xa2\xeb&lt;\xae\xa1\x92\xcfb\xcd\xc3PS\x87\xf0\x1d\x96\x8f&lt;\x05A\x06qz\xde\x87\xba\xe5\x15\x1f\xd1\x1e\xd3\xda\xc2V\xadQff\x15\x13\x82\xd4\xea\x0b\x00n\xb0b/\xa5\xda\xf1\x19\x17\xc1:-\x8e\xf1*QB&gt;\xbe[9\x9e\xa3\xd5=t\xa1 \xdd\xb9D\xe1\xe1\xcd\r\xa0\xde\x82\xea\xd5\x96*\t\x17\x8b \xceb\xc4\xfd\xaaP\xaa*2\xff\xfb!\xba\x01\xf6e}\xc5{\xd9\x17R\x15\xb3b\x9dh\xed\x11\x00\x00\x05\xb7IDAT\xa4*e+\xab\xacR\xf5\xac6F\xe1-U\\+c\xad\xce\x82\x05\xb5R?%\xad\x18\x07\xd5\x02\xcf\x11\x92^\xce\xc7\xe7O\xe4\x130pn(H\x9bL\xdd\x93P\x07o\xdf~\xf8z\xb1\xa5:n.\x17\x8b\xc1\xf3\x192\x9fq\x19\xa2\x1dd\xd9\x16\x0cc;\x80C1\xb0f\x94\xa2\xbeWE.G\xd6*\xc8\xa4\xacQ\xb5\xa9Kk\x99l%7\xb6\xc7\x82\x93\x05\x18\x87\x81f\xe9\xa2\xeb\xc0\x85\x9eJ\x85\x14\x14\x11q5\xd3h\xfe\xf8\x19\\\xab\x150\xee\x0f\x08l\xe5R\xb5\xa5z\xf7\xf4\x9dj\x02\xaau\xac%Fm\xea\xebjij\xcb\xc9L\xb1\x99\x8c\xe4%\xb6\x84,\x9f\xf5\xcb&gt;\xaff\xcbj\xd9\x8fL\xa9j@\xd9\xda$\xc6$V\x89V\xbd\x11\xd6\x98\xb6\xd5\xf0\xec:\x15\x0cM\x06O\xc1\xb1\x17!b,\x1b\xfc\xb0\xa1zl\x92\xa4\xb9\xf8\xfa\x0e\x8e9\x0e$\xc91\x82\xea-\xce\xc1\xe7\xc7\xc9\xf7\\\xd5D\x15zA\xd7\xf9\xbc\x95\xd2\x9a\x19F\r\xe2/0\xe8\x1cV0\x084\x06\x9b\xabeU*\x93\xcfj5\xca\xb1\x12\x97\x06D&amp;\xc1\x87Qof\xe6\r\x07Tq\xaaEz}\x1d\x90\xe01\xbd5\x0e7}4\x97[\x9f\x15\x8d\xcb=]\x90!\x18!\xfde\x0b\xb6\xc1: \x03\xe7\xe3\xcd\x18D\x17\xed\xd6\x08\x0f\t\xcd\x8a*/\xad\x9a\xedH4)\xc6\xa5@w\xd8\x04?+t\x9d\xe7fY\xf6\xa5Y\xd6\xf9\xc8\xc0;c\t\xcaaU\xdc\xda+\xadT\xeb]\x8a\xacC+\x15\x82\xeb\x1d\x1c\xb9\xc3\xb3\xc0\xa7\xdd\x07\xda\x87\xc9\xc4q\xd5\xd3\x04\x82\x81\xe3`#\xd1=l\xbc\xc1\x97\x9f\x9e/\xb6\x8da&gt;\xaf/\x11I\xcd\x91\x04\xbf\xc8-\xb6\xbe\xa9\x95&lt;\xd3\xb2\xaa\xd0\x8c\xa8k\xe1Y\xe1b&amp;\xb1\x93[|L\x97ebF\x06\xf7\xf8\xa4Fe%\xf5&lt;i\x0cn:\xf9\x1bl\x18\xbd.\x04\x06\xe2\x10\xaa\xb6\x90\x1a-\xc4\xce\x04\xc3\xfcR\x82\xa6\xbc\xd6\xe6\x98\xda\x04\xb8\x9a\xe8\xe1\xfd\x87\xb7\x9bs\x7f\xef\xd4B\x05N6RM\x8e\x8fA\xd51\x9e\xdd\xc6\xb1\xd6t\xe34e\x15\xe2\xeaY\x85\x92\x8c\xcb\xd0s\x88*\xf0\x99\x9a\xc2\xb8d\x9acw\xaa\xcd(\x99N\x01\x85\x9cDI\x944\x8d\x94\xf9\xce\xadPa&amp;\xb4\x17\xaf\xd7&gt;6h\xa5\x0c~\xc2\xe2\xfa\x13\x86Rc \xd0\x9f\x86y\x13a\xc3h\xa6\xe0\xbax\xde\x80\x1d\xa0"Q\x87\xc8\xfa\xc4A\x8d\x81n.\x87\xd8\xf7\x94\xbc\xf5\xe3pfq?T\xe5\xb2"\xb5B\x05\xb5P\x99\xb8o\xc4q\x80\x1e_\xd82\x01Q\xdd\x98&amp;\xa9G\xc6\xd4\x80J\xe6\xd1&lt;\x89\xa2i#\xab%\x1f \x07\xdc\x12\xf1\xba\x93\xca\x86\x12\xbfDd\xb1\xc5]\x88K\x19bA\xd2\x9ac\x1d;\x8e\xa2&amp;\x99&amp;\xd1\xf1\xc5\xf3\xe7\x0f\x1b\x13W\xab\xf7\x8fs\xb70\xd0\xc0IL/\x04\xeeR\x1e\x13\xd6V;U\x8e\xd8,g\x1c\x97*\xa8\x1f\xa2\xb8E\x96\x11\x95\x7f\x95\t\xae\xa6\x89\x89J\xd8\xd6\xd4\xc9H\x17\xe4P\x9d\xd0=\x1c\xb6`Sf)\xa8b-tz\xbd\xf0\xb4\x85\xdfu]\xe6\xd6\xe4fF\x19\xa3{:\xe7L\\\xf6\x06=b\x0e\xc5\x92\xe6\xd8)\x86&gt;\xb1:\xff\xfap\xbc\x99\xcd\xe0\xaa\xdb6,D\xd1+\xf9F\xaa\xbc\\b\xb5Z.K\xdc+\xf0\xc6\xa4\x96R\xd22\xac\x05-\x9e\x18\xcc\n\xbeA\x98d\x1aM\xa3\x112\x8c\xb0\x00\xcd\x915xG\x196\x0bl\xb6\x98=\x9d\xa7r\xd5\xce\xe0S\xb2,\xeb\x92.v;@\x83b\x92ca+TC\x7f\xd3\x11\xc1~\xf8y\xf1\xf8\xfe\xdd\xcd\xa7\xe7h\xdb\x17\xd0\xda\xcci\xdfb\x050\xa0\xda\x99\xa1\xf0w\xf2\xb2,\xa7\xf0\x10\x11\xeb{,\xa4\x19\xae}\x95\x16&gt;\x15\xba\xd6}^FM\x8d\xea\x8e\x9af\xe4\xa8.\x8b"\x94a[\xcfk\xf4\x86\x14\x1bj\x16j=\xa4&gt;\'\xb3\r^\xb5\x84b\xa6\x9cZ\x15\x86\xb3\xdc\xe6\x92\x0b\xac\xfc\x0c\x825t\x7f\x87\xceP-\xfa\xe7\xe3\xd3V*:\xc9\xe9)^\xfb\x7f-\x98=\x8e\xa40\x10\x85g\x08F#\x0bZ\x08\xb5m\x8c\xd8\x01\x02\x02N0\x121\xe9\x9c\x83p\x82\xbd\x803_\x80\x13p\x1b\x02\x1f\xa0Sn@\xbe\xc1~\xe5n\xa3\x16\xb4U\xc2\x8f\xfay~\xe5,\xaf\xcbE\x04\xfb\xe2\x96\xc5\xd9\xc1\xe2\xb3A\x0f\xea.\xf9\x9e)\xf3!\xfa\x85\x02\'\xd4\xca\x16\xad-$\x86\xd5\xfe\x84\x05*\x19\xed\xa8?\xa6\xec/d\x8e\xc61t&amp;5\x9fg\xe5d\xc49\xf1\xbe\x1e\xd8\x13\x04\x19\xbbj#z\x8d\xc4\x05\xd7\xf8D\x86\x9fV\xc1\x94`\xad\xa0\x12SUMzpp\x89\xd5\x8b\xa5\x01v\xa9\xc9\xff\xf9aW\xce\x1a\x18\xd5\xd0o\xbc\x8b\x1e\xa6\x90t\xdfv\x04\xb0\xabo\xe6\x05\x0bJP\xf3\\\x16\xc3\xbdz\x17I\xcbD\xfe\xfb\xfd9H\x89:\xeb\x1c\x19\xcf\xa7\xeaE\x03(\xcb\x0c\xc91\xd5Ba\xb9\xa9p\xe6\x98\xbax\xf0\x8c\x7f\x1eO\xba\xea&amp;@U\xb3\xaa\xa8%K\x1a\x17\xdd\xda-\x8e7YMz\xde\xe4\xf4\xe1\x8e\xbeS5[\x9c\xb0C\xde\xa0bv-\x84Pt\x95Qo(0\xaaU)\xfcU\x8dEv\x9b\xd8\x9e\x81e\xcc\xe77j\xb4\x15\xb7\x17\xa2\xfc\xca\x92@Xz\xf3,S}\x0f).3\x91@w\x9b}j\x05\xd8\x98\xa2\x97Jp\xec}B\x05d\xcaqe)z_g\xd7u!\xe5o_rT\xf3\x05\xef\xcc\xf0_#\xddC~G\xf2\x98\xa6.\xcb\xb6#\x1bz\xb3\xbfm\xdbE\xa7\x11#\x99p\x84\xb0m\xc7\x05\xac\x7f1\xc6\xeb\xba\xe2y\x9e\xde\x1fg\x08\'\xbf\x83G\xae}\xdf\xe3\xc9\xb3\xf7\xa7\xdfd`\x8b\xc9#&lt;^#\x9cG&lt;\x0e\xb1\x0e\xe15\x99\xee\xfc;0\xf4;\xebyl6/\xeb\xa67\xf8tc2\x88i\x88\xf1?\xfc\xb0\xe02\xc3\x1c\xe0q\x00\x00\x00\x00IEND\xaeB`\x82'</t>
        </is>
      </c>
      <c r="M402" s="3" t="n">
        <v>45492.67640046297</v>
      </c>
    </row>
    <row r="403">
      <c r="A403" t="n">
        <v>1016948</v>
      </c>
      <c r="B403" t="n">
        <v>1958</v>
      </c>
      <c r="C403" t="inlineStr">
        <is>
          <t>Jeffinho</t>
        </is>
      </c>
      <c r="D403" t="inlineStr">
        <is>
          <t>Jeffinho</t>
        </is>
      </c>
      <c r="E403" t="inlineStr">
        <is>
          <t>PE</t>
        </is>
      </c>
      <c r="F403" t="inlineStr">
        <is>
          <t>ATA</t>
        </is>
      </c>
      <c r="G403" t="inlineStr">
        <is>
          <t>PE</t>
        </is>
      </c>
      <c r="H403" t="n">
        <v>177</v>
      </c>
      <c r="I403" t="n">
        <v>47</v>
      </c>
      <c r="J403" s="2" t="n">
        <v>36523</v>
      </c>
      <c r="K403" t="inlineStr">
        <is>
          <t>Right</t>
        </is>
      </c>
      <c r="L4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9e3fd6f-eb08-4a87-84fb-c19379d4c1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1J\x99|\x00\x00\x00\tpHYs\x00\x00\x0e\xc4\x00\x00\x0e\xc4\x01\x95+\x0e\x1b\x00\x00\x03\x00PLTE\xff\xff\xff\xff\xfa\xf6\xfe\xfe\xfa\xfc\xf7\xf1\xfe\xfc\xf7\xfd\xf9\xf4\xfe\xfe\xfe\xfe\xfe\xf8\xfc\xf7\xf3\xff\xfe\xfe=85\xfb\xf6\xf0630\xfe\xf9\xf3\xf9\xf4\xee\xfd\xfd\xfb\xfe\xfa\xf42.+\xfd\xfa\xf6&lt;52\xff\xfe\xfb;74\x1a\x16\x1470-"\x1e\x1a95240.B;9\xf6\xf1\xeb\xfc\xfc\xf7\xff\xfc\xf9\x1d\x1a\x17+($?:7\xfe\xf8\xf1\xc1tMsF1\' \x1d\x9aT4\xf9\xf2\xeb\'%!hB.#"\x1ejD1:30\xbdqJ\xc9~Z\x8fP41+(\xf4\xee\xe8\xc3wQ\xa8`&gt;\xa8eH\x95S5\xb2hED&gt;;\x81N7.*\'}J3\xaabB\xb3lL\xa5cF\xfb\xf9\xf5oB.oH4\xaahK\xb8pQ\x9cX9G@&gt;g=+\x1e\x1d\x19yG0\xc7{U\xfb\xfa\xfa,$!\xfd\xfc\xf8OIF\xfc\xf5\xed\xfc\xf6\xefn&gt;*dB0\xac`;\xa4^&gt;\xf2\xeb\xe3\xf9\xf7\xf6\x15\x15\x11g:\'\xafiJ`=+\xc8yQ\xc4yU\x99]BIC@\xa5aB\xcc}U\xbeuU\x98X:\xafeC\xef\xed\xecC4,fL&gt;\xf2\xf1\xf0\xa6[9\xf7\xf0\xe8\xb8nL\xdb\x8bb1\'!\xc5|[\x86Q:\xbcsQ\x8eS:\xbdmFLEC\xeb\xe9\xe7a9\'\xd7\xd4\xd2\x98bJ\xbcz^\x9f\\&lt;A85\xa0Y8\x88O6\xf6\xf5\xf4\xc9\xc4\xc2\xaclP\xd6\x86]\x88I0\xa1T/\xe5\xe2\xe1\x8dW&gt;\xb9tWfG6\xb8lG\xd3\x83Y\xcc\x81^\xb7hB\xbb\xb7\xb5\x93X&gt;\x82J1S4\'vB,\xc0yY\x8cM2\xcf\xcb\xc9oL&lt;\xdf\xdd\xdb\xa5fJL;3mRD\xa8\xa3\xa1\xb2oS]0\x1f\xa0aF\xa0cI\xe2\x97p\x94N.\xaec?C-$\xd2\x89f\xf5\xf3\xf1\xa1^AwJ5\xc4\x7fbZ:+~xv[F;T@5v=&amp;\xcf\x85a\xaa[5_@2sVH\xde\x91h\xe3\x9d~8+$d4!\x95iU\xd5\x8ciUPM\xee\xe8\xe0;0*\xa5W1\xc9\x86i\xb3c==) \x7fB+\xd4\x90rT,\x1e\xd0~V\xdc\x95v\x8eZC\xc6uN\xc1\xbe\xbc\xc3pI8 \x17\xe9\xe2\xda\xcf\x81Y\xa0V4\x86\x81\x7f\xe3\xdc\xd3\xaf\xac\xaa\x87ZE\x92_I\\VT%\x18\x13qnk\x9aN+\xe8\x9cv\xd9\x90n\x8baM\xb9\xb1\xae\x90\x8a\x88\x9c\x96\x94K4)\xde\x9a{\xea\xad\x93\x7fS?\xa0iQ\xe6\xa4\x88\x81\\I\xa3\x9e\x9bvP@c]Zu\\Oo7#\xeb\xe6\xdeidb/\x1f\x18L&amp;\x18uaW\xcd\x8bp\x8cF(\x96\x91\x90A%\x19\xcd\xb0\xa3\xde\x9f\x84\xb9d;`PH\xb2w^\xa8\x87z\xe2\xd1\xc7\xa5qY\x92rd\x80i_\xbd\x82i\xc7\xb8\xb4\xa4\x91\x8b\x8fzt\xa4{l\xdf\xc9\xbc\xcc\x9d\x86\xb8\xa7\xa3\xd5\xbe\xb1\xb7\x96\x85\xbf\xa1\x95\xee\xbc\xa21\xdf\x8b\xa5\x00\x00 \x00IDATx\xda\xc4\x97\xefK\x1by\x1e\xc7\xfb(\xb0"\xc8 ;\xf3U\x1f\xcc\x1c\xf5\x1b\xc6\xd1\xd5aM\xb4c\x0c\x1ac\xc7f\x10\\\x82\xb1\xae\x9a\xaa\x19-\xde\xb8\xeeV=\x93\xf8\xe3\xd4u\xbb\xa5\xd5Uk\xb3\xf6\x0766\xad&amp;J\x0f#\x96T"^\xb9\xaeT\xf1\xa8\x95\xe2\x8f]X\\\xafh\xdd*\x87\x8f\x96\xeb=\xb8\x07w\x9fI\xef\xfe\x82\x8b\xed\x07&amp;C\x86y\xf0\xe2\xfdy\x7f\xde\xdf\xcf\x9c:\xf5\xff\x97&amp;\xae\xb4\xa3uu\xa4\xfei\xe7\xbd8\xcd\xbb:\xf5a+\xc2`i\xdex{\xe0\xda\xea|\xbe\xdb\xdaa\x89\xbb\xd7\xdb[\xff\xe1\xb04\x16U\x99\xb8RK}}\xf3\xe8\xf1\x84\xdf\xe3\xdf\x95]\x93\xa3#\xbd\xa3\xbb{[\xcd\x1f\x8a+\xae\xb9\xd5\xe1\x18n\x1d\xde\xf8\xc7\xdb\xcd\xc3\xe3@\xa0\xce\x1f\xd8\x0e)\xfb\x81\x17\x93\xd9\x92\x14\x1a\x1d\xb1\xc49\x1c\x96\xf7/\xd5\xf0\xe4\xca\xf0\xce\xf1\xae\x7f`\xc2\xeb\r\x85\xc2aO\xc0\xe3\xf1\xc8r \xc4KX\x91\x8f\'7:Ww\x9a-\xcd\x0e\xf5\xe5\xf7g(\xc7?\xf7\xfd\x07u\xc7A\x84\xf7\xc3\xb2\xc2(a\x0f%\xc8\xb2\xec\xf1\x84\x944\x97\xec\x91\x0b=\xc5\x97\n\x9f:\x9e\x8eh\xde#T\\\xefV@\ty\x03\x01EH\xe4)\x02\xf3\x1e\x99\x97(\xd9\xab\x04=!\xc9UU\x15R\\\x8a\x12tmnn\xb5\xf6v4\xb7v\xbc\x17*\x8b\xa3u\xd3\xbf\xed\r\x06=2fx%;\x9e\x0f\xb9\x82\x08\xb0&lt;|(\xc0s\xf1\xc5\x85\x18\x0b\x98Ms\xb9\xd2\n\x0fvFV\x9f\x0fk4\x1f\x9d,\xd4G\x9a\xb8\xfa\xce\xcd\xb7\xbf\x05\xc0KA\x9e\x128\x04dT\x82$\xf1\x08\xa5\x15\xc6\xc6\n\x18\xc5&lt;bD\x91f\x04\x02c\x9e\xdf\xae[yQ\xb5q\xd2A\x06\xfds\x8c\x06\xbc\xbf\xfd-\xe0\xaf\x0b(\x14Ep\x1c\x81$"Q\xa2\xe21MP,\xb2\x89\x8c\xc0\xd0\xa4\x88\xf8D\x81\x8fI\n\xd4y\xd3\x8a/\xed\xb4\x8et\x9c$\x98FS\xdf\xba\xe3?\xda\xf6\xc8\x1e\xbf\xac\xc4\xc7c\xcc\x12\tlZZ"C\\\x12\x10\xcb\xd9l6\xc4p\xb4MLL\xc0\x1c\x92\xb2\x0b\xe15&gt;A&gt;&gt;\xde\xdb\xe889,M\xf3\xea\xca\xc1\xc3\x81m\xf0u\x88\xa2Q\xa2\x84$\x81\xa5EAI\x14p\x92@\x0b\x8c-6\x9b\xe38\x1bI|\xcc#\x91\xe3\xe3\x05\xd9\xef\x025\xc3\xdb\xe1\x95\xe6\xab\xad\'$\x98\xa6t\xb5\xf0\xf8`\xe0\xa1\xdf\x83q\x12A\x93,\xc1 D\xdbP|\x9a\xc0r\x98\xa6A\xa8\xd8\x18\x91\x13m\xcc\xc7&lt;\x8dX\x16K\x0c\x95\x14\x02\xa3\x05\xb7\xe5\xad\xab/:\xe34\'\xe3v\xc7a\xfc\xf1\xc1q\x9dGv1\x82\xc4\xd1\\\xa2\xea"\x91#b\x19`"\x11\xcdq$I\x8a$\x12\x08D\x83\xc7HD\xb0\x18\xc3c&gt;\x14\xac\xaa\xda;!\xb54\x96\xce\xe2`d\x00\x15\x8a\x15\x19^\x04\x14\x9a\xb4\x91\xac\x04\x83G\xd2\xa2h\xb3E\xfe\xc3s\x16!\x91\x15h\x0e\xee\x0801\xc2\x90h[\x8e\x13Y-\xe2\xea\x0f\x95\x90\x1c\x92\xa8l\t$HH@4\r\xe2\xd8lX\x82\x1b-\x924M\x8b\x00\x01\x8f@8\x1a\xa9m\x15\x11\xcd\xb2$\t\x92\xc5{\xbc\xf2\xce\xbd\x93\xc1\xda\n\xb9\xd2$6\xb60\x86B\x08\x0b\xb1\x0c\x02\x9c\xb55,\xe15\xb4\xb6\xb6\x14\xa9}\x0cE\xab\xe2\xa9\xac4\xa2\x05\xc0g\x08,\x85&lt;r\xf1Fi\xafCs\x02M|D\xc5H\x92@\x08\xe0u0\xb8\xaa\x03\xda\x0f\x87\xc3GG\xaf\x8f^\xb7\x94\xcd\xdeZ\\&lt;Z\n\x1f-\xed\xaf\xd1j7\xa1X\x9ee0\xcb\xc6\x124\xcd(\xcaJ\xc7a\xa7%\xda\\\xa5\xc3\xa3\xcf)JB,\x01\xf3\x07."A\xa1px\xb1\xa5\xac\xa8\xbf{a\xe1\xcd\x18\x94\xbe{a\xea\x15\xd0\xbd\x062p\x1ai\xe3\x12I\x9a\xa2\x12\tNu\x1fz4z\xd8\x1a\xede\xc7\xd2y\xe0I\xe3\t\x01\xfa\x17\x81\x12\xf1\xd2\xd1\xad\xef\xfa\xc7\xd6\x97/&gt;^\xd6j\xddnm\xcf\xe3\xc7===\xebo\xde,,\x94\xccz\x15\x84H\x1b\x9d \xd0\x04\x0f\t\x0bX6\x1a\x07\'{\xa3-\xd6\xf0\xf7\xb0\xe6I\x82@%bh\x1eI*\x03\xb3\x0b\x19==\x8f\x97\xddV\xab\xd3\xec\xb4Z\xcdn\xf7r\x8fV\xab\x1d\xeb\xee\x06\xf5\xbe\x03\xd1\x96\xd6H\xc8\x0c\xc8{\x9aaE\x18\x13\x84\x8f\xff\x15\xe5\xbd\xb5t5\x00b\t\x12\x15\x93\xcd\x80iPxjl]\xbb\xde\xd3\x03Tv\xbb\xdd\xe7\x84\xcbg\xbdx\xd1m6k\x87T\xae\xa9\xa9\xa9\x92\xd9\xd7Kd\xa4\x97$f\x85\xc4X@[\xf2\xab\xe3\x18E\xbf\x0f\xc3\xa6N\xf1.\xeaw\t&lt;8\x0bM\xf4C\xbb\xa0\x81 \x95\xddg\x04$\xbbNg\xb4f\x82p\xee\x1e}\xc6Pw\x7f\xffT\xc9\xabW\xb3\x8bG\xfbp\x0e\x00\x1a\'$$\x80\'\xa5\xe0nst\xb1&amp;w\x93\x08\x82RC\x81\xa4\xf1D\xc6\xfa\xfa\xfa\xd8\x98\xd9\xed\x03\xa8\xdbF(\x9d\xc9\xa4\xb3g\x1a\x0c\xf6\x8b\xcbZ\xbd\nV\x94\x9cWVV\xa6\x82\xa9\\4\xcc#\xcfB\x98M\xf6Fs\x165\xa5\xcd[Ip\xf4\x896\x08I&lt;0\xd43\xb6\xbe\xaew\xbb\xedF\x9fO\xa7\xbb\xa1S\xcb`\xc8\xcc\xb4\x1b2/.\xeb\xa12\xba\xfb\x81\xab\x04\xc0Z\x06\x96\xd4\xa9D\x98\x8d\x158\x0e\xa7MFY\xae\xe7\x14\xcb!8Y\xb0\x14\xcc\xd3\x02\x94\xd6\xec3\xde\xb8}\xdb\x08D&amp;\x90\n\xa0"e\x05,-`\xe5\x14\x15\x01\xd6\xd9\xf2\xf2\x96[\xaf\xf7U72&lt;\xc6\x0c\xe3Z\xe9\x8dj\xd4\xaf\xc6\xc4\x80X@\xa5\xf0\xdb_\xd4\xbcY\xafq\xdaM]wn\x9b\xba\xbaL:\xd3\xf9\xf3\xa6\x88Z\xb5pY\xcd0\x8e\x19\xed\xfd9 WJ\xca\xd9\xf2\x96\x96\x96[G \x98\xc82\x88e\xe2W\xa2\xab\xd6(!\xa9ja%\x1c.\xffR;\xa6\xf5\xd9\x8d&amp;\xd3\x9d\x1b]7\xbbL]7\x0brsU\xc1\xee\xd6\x9e\xaf\xbd\x9b\xf9\x0e\xab\xfd\xcc\xfd&lt;\xc0JQ\xf5\x9a\xbd\xb5\x04\x06\xa39\x92\x96\x82\xc5O\xa3i.\xcb\n\xc6\xb0\xe2q8\xb8=P\x02]\xf2\x19\xd5\xde\xdd\xe8\x82\xba\xd9\xd6\xd6\xd4P\x90{\xbe\x16*7\x0b\x04s\xba\xf5\x19\x19C\xedg\x92\x81*5\xe53\xc0*[T\x8d\x0f\x89\x8a\x94\xe0J}\xf4\xe4\xd2X6\xb9\x08\x96"\x0f,\xe6h\xb5f\x08\x04\x1d \xf5\xb5\xb5=\x80\x1al\xea\xbb\x99{&gt;++\xab\xb66+\xcb\x001Q\xa3\xcfh\xcf\xb9\x9f\x9f\x9a\x92\x9a\x9a\x92R\x0e\xc7e\xf8]P\xd0X\x1e\x8d\xea(\xb6\xee\xc1!\x02bM\x94\xe7]\xab\xd1B\x86\xea\x8c \x13P\xcd\xabX\xd5\xd5\x05\x05\r\xb9\xb9\xb9*\x96\xdd\n\x91\xaf\xd5\xb7\x17\xe5\xa9L\xa9\xf0s\xb6\xa4\xcc\x8bE\x88V\x9b\x88\x1fEw\x1d\xb4\xac\xc6J\x88\x93\xc2e\xfd5n\xbdSg\xf4\xe9L}\xef\xb0\xe6\xdb\xda\x06\x07\x07\xfb\n\n\nr\x1bT\xc1tv\xbb\xd5\xad\xd5_;\x93\xa72\xa5\xe6\xabp\xf9\x03\x90\xab\xea\xee\x8a\xf7\x1cQ\xb5\xbc\xe6j!\x83q\xb0\xfcK\'\x1c0&gt;5\xabn\xa8-\x04\xac_\x7f\x9d\x7fp%\xbdq\x10\x04\x03\xc5\xa0\x89v\x18G\xb7\xfe\xda\xd79\xc9y*V2\xf42\x7fB\xc14\xf4P\x94V\xa2\xfam\xa6\x89\xdb\xa8"\x18i;\xc7n5\x9b\xcdFH\x05\xe3m\xd3M\x95k~^\xc5\xaa\xa8\xa8\xeekj\x00\xe7g\xd5Bx\x19|\xe6\x9a\x8c\xf639\xc9\xff\xc5J\xcd\xff&amp;\x0cg5Mcb\'\xaa=\x04\xb5\x8ay%\xf8\xd95X\x17j\x00\xab\xcb\xe8\xf4\x19#r566B\x0f\xc1\\M\xd5\r\r\xd0E\xc02\x18\x9c\xda\x9a\xa1\xf6/r\xee\x03R^r&gt;\xd4u\xe8"\x12E\xb6\xb83\xcaX#{\x12\xe3=s\xc7\tbA\x92\x9a\x9cN\xab.\xb7\xafo\xb0\xb11=\xfd\xc2\xb9\x8a\xa6\xa6\xea\x8aOO\x9f&gt;\xfd\xd5\xe5\xda\xcc\xbb\xb5\x06\xa7Y\xaf\xaa\x05r\xa5\xe4\xa9P\xf9\xd7\xbf\xf1\x02\x16\'E3\x1e"X\xcd{\x8c\xe0\xfd\xfaNe\x8d\xde\xec\xf4\xc1\xaf\xcf~\xfefA\xf5\x83\xe9\xb9\xb9\xb9\xdf?KO\xaf\xa8\xb8\xf09\xd4\x0f?d\xdd\xcd\xca\x82U\xc2\xfc?\xac\xd4\x08V\xfe/\x0f\xf7\xe1\xa4.\x8e\xf6\xd6\x1c\xd7\xb1%0\x13\x95\x95\x95\xd0C\x90"\xa3\xc6\x07\xd6\x1a\xbc2=\xf7\xf2\xc9\x8f3O\xe6\xc6\xa7\x1b\xaf&lt;\xfb\xf6\xd9\x9f?\xff\xcb\'\x97\xbf\xfa\xa4\xd6`\xb0\xaa\xc9U\x14\xf1Uj*`]\xff^\x169\xe6\xb0&gt;\xca\x1f?\xf0\x85\x91\xa4\xfcRY\xe9t\xd7\x98\xf5\xdd\xddCz\x88\xad\x07\x0f\xa6\xc7_\xce\xcc\xfc\x0c\xf5\xe4\xe5\xdc\xdc\xf8\xcb\x97s\x7f\xfc\xf6\xc2\xb9s\xe9\x9f6d\x19\x9c5\xed9\xef\x125"X\xdd\x9f\xfcX,\x1c\x8e\xf6\'\x19\x98\xeb\xb9\xf7\xaf\x7f\xa8\x04k\x99a/\xce0T7\x8e\x8f\xcf\xcf=\xf9\xfbOP\xff\xfe\xe9\xe7\x99\x99\x1f\x9f\xcc\xcc\x00\xd8\xf8\xf4\xf4\xf4\x95\x8a\xa6\xcb\xff\xa1\xd5\\~\xd3J\xcf0\xde\x95%w\x13uSu\xd1E+\x10\x12r\xc1\r\x97#\x8b\x03\xc2\x06!\x9cn8\x87F\x18\x83\xcc%\xf5 \xbb\x86C\x87\xc1\x96\xe9\xf8\x12\x0c\x86\xe1bB\tc\x1c\x07\x13c\x92\xe1\xe6\x0cCUL\x80`d\x8f\xad\x14\x94I\xec\x99\xc6\xc5\xa1\x16tb;m\xecq2I:\xb9LZ\xf5#\x1d\xf5/8\xf3-X\xb0\xfa\xe9\xfd\xde\xcb\xf3\xbc\xdf\x81G\x98XGG\xb8\xf3\xbb\x9e\xda\xef\xef\xff\xf8\xc7\x9f\xe1\xbf\xeb=\xf5\xee\xd5\x85\xaa\xdc\xe1\x00s\xa5}\xa2\x9dC\xa0\xda\xd2\xf9\x95\x95\xfc\xd1\xd1\xd1\xce\xd1}\x80\x06\xc0\x00\xda\xceV&gt;\x1dJ\xdbd34\x10/&gt;\x86u\x00,\x04A\x9aX\xfe\xdf\xfc\xe4/W\xf0_"\x9d\xfb\xe2^\xd9\xe80;\x00\x16&amp;g\x00\xdd\xf0\xf5\'\x9fl\x97\xb7+\x15\xa3\xefd\xe5\xe8~3^\xe0Bw\x0e\xf3\x87\xc3]\xbeKF\x87|N\xbe\xe8\xd0\x02.$\xf1\x1d\xd6/?\xc0\x7f\xf9\xdc\xf2\xce?"\xe5\x8a\xc3\x8c\x81\\\x96\xcb\x9dm\x88%\xf1\xd1G\x91HD*h\x13b\x8c\xa1\xf4\xceN1\xbf\x03~\xd2\xe9)yG\x98\xecr\xb9\x90\xbdU\xa3\xc3\x14\x06X\t\x04\xb1\xf8\x93\x17\x7f\xf7\x1e\xfef\xbf\xe5\xca\x87\x96re\xd5\x8c\xb5{\x1c\x0ew\n\xb1X\x92~\xaf\x94\xdc\xb9\'\xecp\xaa`\xbb,\xbd\x15\x8a\x85\xc0\xb1)\xc5\x13\\\x83\xcb\xb5\x00\x94\xd9\x82\x8b\x0b\xc2\xd5\xc4j\xf3\xfa\x93\x1f}y\x1e\x7f\xaaS\xbf\xff\xdc[kba\xedr\x93Hh\xdc=9|~2\xc6Q\x01\xd5\xc7\x17\xc3\x10\x81\x1a\x8a\xd9\xa8\xdd\xdd\x14k\x90\x94k\x04\x02\x89\x05pn\xfc\xf6\xc1\xbd\xcef\xb8\xdeF\xeb\xdag\xef\xe2Ou\xe6\xcc\xfb\xf5\xda\xaa\x19`\xa9\xe4\x1e\xd5\xd8\x8c\xd2\x96\xcf\xe7\xd36\x1a\xa4\xd9\xbcC\x1aE\xf5\x14j\x8c*#\xe8\xd1M\xe6DT"\x89\n\xdd\x1d\xa0\x0e#7\xd6\x13\xe1ND\x9aH\xf4\xfb\xeb\xd7\xae\x9e\xc3\x1b\xeb\xcc\xa7\x17\xce\xbf\x9f\xac\xd6V1\xcc1222\xabT\xea\xa8\xa1\xfca\x8cJ\xb0\xa3h\x06X\xc6\xb8\xb5;F\xa5Y\xe9\xa4\x9c$\x90\x8aNL\xc6\xb3\xf6\x9e.\x9f\xca\xe9\x0eK\x11\x0b"E\x00V\xff\x17W\xf0.\xc3\'/+O\x9fz\xab\xb5\xb2\x19`\xc1\xbc\xa1\x01\xabR\xa7\xee\x1aS\x81f\x91\x9b\x00\xee\xec\xced\x90f\x1b\xd2A\xfc\\`?\x90#mN\x8e\x02E\xa8\x0e\x8e21"\xc8}\x0b\x02\xb0\x92\xfe\x0f\xcf\xe2\x9c\xf2\xa7_FU\x8e\\\xe7^\xb9\x0c\xaeq\x04\xd2Q\xb2\xf69aJ\xe0M\xb8"\x85\x80$\xfa\x10\x80\xc5)1\x9b\x12\xf2H\xf6\x0b\xd1\x89\xa8\xd01\xb7\xa8r\x98\x98*\x93)L\x8e \x9d Z\xc9z\xfd\x83S\xf86\xf9\x96\'\xd5\x9cz\x80\xae\xad6\xb10&gt;\n\x05Q\x95\xeb\xf6\xfa\xc2\xcf\xbe\xfc\xd1/\xae%\x05\xee\t\x92Z\x13\xd7\x87\x0e\x95p.P\x084\xdc,\xad\xb9\x126p\r\x06.\xcb\xe9\x06\xfe\xc7\x82$,\xc9\xfaW\x7f&gt;\x8f\xf3~\xfe\x8diR\xaf\x878\xab\xdb\xdb\xabf\xc7(\n\xd1I\xce@\xa0!q]\xbc\xfd\xe0\xe0\xb1\xb7\xd0P\xf14\xf1\xb5\xd0\nO\x03jP\xc2%V\x9f^\xfd\xe3\xcf\x7f\xf8\xf1\xfa\x8d\xf5}\tW\xe4\x164\xb1\xea\x07\xfd_\xf9_\\\xc0UA\xbc\xf1\xd0\x8f{g\xa0\xc5\x1a\x88\x96\x8an\xb7\xd2\x99\x1e\xbe\x95\xa0\x9c2:AdL\xcev&gt;\x1bD\xab[\x06\x91\x1a\x81\x94\xb4\xb0\xdf\xf9\xefo.\xfe\xeaO\x0f\x16\xee\xdd\xbe\xbdo\x90p\xb9\x08"\xb5\x1c\x1c\\s\x19\xda^\xe0\xba\xb1y\xe5\x80\xe3k\x04\x9e\xaf\\.\x9b\x99\x9a \x8a\xaa!+\x8d\x1a\xda\n\xd1\x9aF\x8715\xc4\xced\xb2\x04\x8a\xba\x89%rc&gt;\x9fC+tG\xa3n\xc3\xfe&gt;\x88\x1eW*M\xf4\x1f\xd4\x13\x08\xb1\xe0\xc7\xd3\xeb\xb7\xde\xda%e\x8e\x8f\xd9\xbeJ\xb9jVe2\xf1,\x05h\x97\x1e\x06\x8c\xa2\x93\xa4Q\r\x0c\xc3\x9b\xcd\x8e`\x0f^\x8e\x06\n\x12-C\t\xd4*\x05\xe8T\x95\x89\x18(\xa4Dd\xa94\xd2\x7f\x90l\xe3J\xf6q\xc5\xfa\xc1O\x9f\xdf\xb1o\xe83bc\xd9lVmN\xa2v\x82\x82\xaa\x1c\xc8\xa2\xf1L\x06\xeea[\xadAM\x93\nB/GS\x81\x80\xc8\xb3\x083`\x8dF3\xaa\x9a`\x11%"\x91\xc0 \x95\xfa\x9f%\xddQw\xe0\x19\x9eI\xdfz\xe6\xf5fh\xde\x1e\x87\xdfb\x912Y;\x05\xcc\x1aEi\xed\xf8XO\xa0Q\xbb)A4\x8ef\xb3j\xcde\xb7$\x95\xcay\x98\xe2&gt;1\xe9\x0e\x98J$f\xbbS(\x12H\x11$\xf9\xcc\x1b\x8d6\x02\x7f\xc3\xb5u\x9dz\xd4u4xl[\xd9\xdd.\x9bUb:\x9a\xa5P\xb7\x06\xa7\x15\xa5R\xefM\x85-d\xb3\xa2\x9a\xc9L\x1cUk&lt;M,7\xb3\x0fV\xf7\x8c\xb1\xadv\xe0\x82\xc4XX !\x0b\x12\x07\x07\x82\xa83\x90\xb8\x80\xeb\xcbO\xeb\xab\xe1\xd0\x9a\xfez~\xac\x89\xa5\xa1\xa3zYhyy|zzz&lt;\x04\xc4|^\t\xd3\x83\xd9c\xbd&gt;Krr%)w\xbbXm\x1d\x90\xd9l\xd4\x92\x9d\xceog\x81\xfe%E\x0e\xea\xa9\xa8)\xd5\xff\x07|\xfb\xfc\xad\xe7\xb28\xa58=\xbb\xbd\xedP\x91F\x83 X\xf3\xf3\xcb\xcb\x83\xcb\xc5\xf9\xbbw\xaf\xe7y\x9a\xac~\xad\xb4\xb1QB\x999\x91\xa4a\x12CVJ\xb7\xcd\xb6\xa1\xa0\xa8\xf9\x13\xac0\xd9\x10A\xea\xc9T\x03\x13\x1d\xe0\xac\x9a?}&gt;\x94\x19\x08\x8d\xeb\xaa\xb5\xca\x08i\x11\xa2P\x8bo5\xf2\xf5\xfb\xd7\xe7\xd3+&lt;p\xabk\xa5\x9b\x83\x83\n;\xdf\xc9\x154\xdcr]\x89\x1akb\xd1\xd8\x8b&amp;!\x91k\x88X\xea\xb5\\T\xcez\x8a\xef\xebJ\xeb\xaf\x9f+\xe3\xf1\xe2\xd6M,YY\xec\xebb\x136\x8a\xff\xd3\xef\xe9\xd0\x90\x8e\x075K \x96^^\x9e.\xc1\x18\x8b\x1bm\xb0\xbah\xb1th||C\xc6c8\xc2\\\x91A\xea\xad\x97=Q,\xfc\x18\xdf\xef\\Z\xcf\xbe\xe6m&gt;\x9c*.\x1b\xf7*}\x00kM\xb1\xd5\xc4*N\xafA=&lt;6\xa1W\x91\xde\xda\x01\xfeg\'\xc4\xeb\x03vG$\xf2\xa8i\xa1\xe5\xc1\xc1\x98L\xc7\x96\x87\xc9\xa0\x14\xfd5m\xb4\x91\xe3\xfe\x0b_\xf7\xda\xda\xf2\x86!~\xf8\x90O=\xd9\xab\xcc\x89\x19\x90\xbe{\xf9\xfa_\xefo)\xb2\x93\xf4\xa5a\xeb\xf4\xf2\xdd\xbb\xe9\xc1\x9d\xe6\x1f\xc1\xcd\xcb\x8eJ\x87D\x84\xf5P\xe7\x01W\xb7\x8e\xed\x08\x93\x05\xa2\xb6d\xcd\xd9h\xb8\xab8g&lt;\x10\\r\x0eE\xf30;\\\xab]\xea\xe3\xc0\x03\xbd\xe3\xc5\xfbE\x85^C\x1f\xca\x1f*u4\x19o`\xed\xe6\xb4B\x1flnU\xcd,\x91\x80\xa5\xd2\x81\x8a\x18\xefV\xf68\xc2m\x02\xb2\xb7\xbe\xd7\x1cK/pV\xcd\xc0\x8e\xbd\\L\x0fB\x93\xb3\xdb\xb5K\x0c\x0e\xc7Z\xdaHomPP\xbam\xbe\x98\xcf\xb3\'\xc0\xc8\xf1\xf4\x0c\xd8\xd5\x98\x04\x8cDp\x84\xcev\xb8;\x06R^\xd7\x83\x11\x01\x96?\xd9\x9c\x8e\x82o\xcf\xe2\xfdR}\xea\x11c\x88F\xcf\xcc\x00,N_\x1f\xa4W\xc4b\x04\xf5\x08;_,\x86B\xb1Y\xf3\xeajG\xc7\xaa\xd6]X_\x07Z&amp;\x9a\x03\x9a\x82N)\xf5\xf6R\xd4\xc0\x06\x91%mI\x7f\xa1 \x11 \x17\xf06d--\xb7N h\x916S\xae\x19\x01\x96:\x08u+(\x8br^\xd3\x81\xc9\xa8KK+K\xb3\x1c\x93\xa0PpE\xa4\\\xa1\xb0\xc3\xc4\x1c\x81!JI\x0fiH9\xb2\xc0`\xf1\xf7K\x89U\xe93\xdc\x9dOk\xcb\xd9G\xb3V\x9a\xe2\xe4\xf1\xb6\xd1\xc7\x11\xd35\x1a\xab\x92\xe3\xf1\xcd\xc8h4\xdd\xd4\xf0\xd4\xec\xd7\xbb\xc6Ksr\xad\x97H$\xb2XB\'\xc6T\x8d\xf0\xe9\x90\x15\x1d\xf5\xb8\xc9\x02\x81\xc5\x8f\x18Da\xff\xe7\xdf\x83\xa9ny\xe7\xd5\xeb\xa5\xd7O\xde{\t\xa2%\x86a\x94=\x963\x0e7\xdf\t|\xbb\xc6j\xb83Rp\x11\xe5e\xc4\xe5\x92J\xdb\xb8D!\xcb\x84a\x1ef\x0f\xcadI\xc8d\xa9%\xe9\x15\x88D\xcf\xf0w\xafoM\xd9\xe9\xbf\x9f&gt;s\xee\xb1\xc3\x07\xf75\xb1\xcc\xda\x93av\x97\\ndEY\xd5\xcaj\x87\xdb\x9ds\n%\x81\xfd\x7f.\xdcsI\xb9D\'&amp;w\xaa\xacL\xaeT\x02\x9ai\xd2K\xe4zqO\xf8\xff\xdfdK\xcb\x95\xff\xc8}0\x9d\xd3\x07\xb3U\xab\xbb\xc3\x0c\xac\x9d\x0f\xcfq\x96\x0ew\x8a+S=#*z\x9f\x1c\x0c\x1bA\x00\xe4\x18\x17\x9b\xd3j\x07\x98\xcd\xc7\x15A\xff\x8bo^&gt;\xfe\xf6\xdc\xf7\xf8\x9d\xcd\xd9Gs\x1c\x18\x06X\x10\xc3,\xach\xb19\x06[755\xbcr\xb8\xb22&lt;\xfb_\xde\xcd6&amp;\xcd,\r\xc3MQF\xe2Ni\xc8l\xd7d\xeb\xa4)XK\t0 \x1a\xaa \xf0\x1a*\xad\xabPi|\x11V\xd1j+#\x1f\x8d-\x9aj\xd1T\xb0\x1a\xb5P\x8a.\xcb\x9b\xf4\x0b\xad]W3\x86.\x1b\xb7\xb1\xd5\x99\x14\xb7D7\x93\x94N\xec\xcatl\x97\xfd0\xd3\x9a\xb4\xda\x9d\xce\xf6{\xf69t\xf6\xcf\xfe\x9b\x19\xe1\xf9\xc5\xcf+\xf7\xb9\xdf\xe7&lt;\xe7\x9c\x1bO\x95\x98\x98\xd7\xf5\n\xfd\x9a\xfe\xeb\x0b\xaaNS\x9f\x88{tX\x03\xa7\xb1;mmm\x07\x12\x98J"\xef}\x11\x15W\xe5TU\x15\x18D:\x86\x9ca\xe9uup{u\xd6\xa8\xcd\xe6\x15\xf8f\x84\xf9\x0c\xa9\x94%\x97\xab\xe4\x15\xfd7\x87\x8b[E\x16PK\xc3|p\x82\x9a\xd84*\x99\x1cz\x0e_\xa2X \xa0\xb3\x05\xd6\x8a\xeb\xd7\x99\x81@tm\xed\xf9Z`\xcdZ\xa3\x9bY\x14F\x16\xa5\xd2\xdf\xf6/\\{x\xf3\xe6\xb0\xdf\x87\xf5\xc9\x99r\xa6\xea\xe9\xc9\x84\'\xcb\x9a\x9e\xf8\x00K\x86\xb3\xe9\x06\x9bI\xf9\xcf\x7f\xaf\x86C\xe1ph5\x1c~\xf1\xfa\xc5\x8b\xd7\x8fV\x1f\xbd}\xf4\xe4_\xd7\xb6&lt;|\xc8\x8a\xce\x08\xf0\xd3\x1a9\x9c^\xbf=\xb0!\xc1Eiz\xa2\xf3T\td\x82&lt;\xba\x19\xf3u^\xf2&gt;Z\r\xaa\xb7fn-,\xdc\x94]X\x98\x1dLW\x87W\xdfD*\x94\x15J\xc2n\xb3\xd5H\x865L\xd6\xd2\x9d\x84\xe7)\xc9\x07\xdf\xe8\x08\x01l\x8b\xb5l\xb3]f\x95\x19\xf9\xce\x97/_\x80d\xc1\x10T\xf8\xf5\xeb\xd7o\xbe\x11\xe7Z\xa4\x7f\xe3bfCU&gt;\x98\x8c\xc9|p6\xd1T\x1b&gt;8\xf4v\x9e\x10\xfb`\xff\xe9b\x9b1\xdc\xfa\xf8\xc2\x8dj\xe3\xe4\xf2\xcb\x97+_\xaeL-/\xdbmxy\x0e\xee\xf3\x1f\xfd\xdd%\x0c\xab\xe5*Urd\xadC\t\xc7"_|\x15@\xbb\xa2\xb8 \xcf\xa0\xd7c\xb6\xe8\xd0\xf4\xed\xdb\xd3wW\xa6o_\xbd\xdd^]Y\xcd7h1\xcf\xa2\xa6\xc2\xe4\x13\x0bZNW\x00\x96\xca\xfdm\xe2c\xc4\xe4\xb6G\x81\x00\xe1\xbb$\xae\x12\xe0\x98\xd3\xee\xb5\t\x9aa~\xfe\xee\xbb\xbf\xae\xac\xac|2\r]\xd5h\'\x84L\r\xa3Sg\xe9lU\x1eU1a\xd6zEM\x06\x96\x15\xb6\xe5*\xb1\x98\xf0\xc9\xecz\xbb\xdd\x8bk\xd1\\\xff\xe5\xdd\xa9\xbb\x9fLO_\x1d\xf2\xea\x84\x0c\t\xc3d\xb1\x08\xfd\x12\xb9F\xcer\x8c?H\xbc\xe37P\x10V\xc0ZU.\xf6\xf8d"\xcclvz\xedC\xcb\xd3\xd3S\xcb\xc6\xc9\x0b\x93CfY\xafP\xca\xf2\x9bL\x96\xd6|\x16P\xc9Y\xee\x07\xe3w(\xc9P\xcb\x17\r\x04jZ|\x04\xec;"L\xef\xd4\xeb\xed\xb6h4\xea!\xac\xd6\xf9y\x8b0\xdf\xef\xf7\x9b:\x85\xd0\xefQ\x0c\x82\xe5\x1e\x1f\x1c|\xb6!\x19X\x04\x11\x08Xu:\x9dO\x8cc\x18f\x06,\xe2\xb4fl\xcc\xed\x1e\x1b\x96\xe4\xf7\t\x85\xa6N\x93)\xbf\xd8\x1f\x7f\xaa\x06\xad\x1cK\'\x92\x82\xe5\x13\xf8\x80kF\xe7\x91\xc9p\x11\x80\xe9\xf5N\xd9\x0c\xa3B\xa59*\xb1\xd4\xd4\xf4Z,&amp;\x93\t\xc4b\xaaT\x8e\xfa\xf1q)+IXD\xad\xcc\x1ax\x1a\x99\xf7\xd8db\x9b\x1d\x13av\xbb\xd3\x8eW\xf5\xf6\xea\x04\x82\xf2\x96\x9a\xdeN\x80\x12\xe6\xa3+\xd3\xfa\xf1A\x07+YX\x9e\xda&lt;\xcf|\x00\x04\x03\xb9d\x98\x1d3\xdb1/n\xc3q\x14h!`q{M\xc2\xf8\xeb\xb9\n|\xa5R1\x93\x83u\xf1-\x81\xd7\xe2D$\xf04`\x85aF\xa4\xd7\x1b9F\x94\xd0p\xda\xa1[xeb\x1d\xc8\x95/e9\xeaA\xab1\x15\x0b\xb0\x9e%\x05K\x8c\xe3\xb8@7\x87\xb8d"\x1c\xd3\x1aG\xafNMMr\x8cN\xa7\xd1\x89\xe1b\x1f`1\x1c@5\x18\xd7\nl\x9f\x04,\xea\xa17\x97pL\x84\xcbf\xe6\x02\x81\x88Uf\x13\xe9\x8dCS+w\'\x8dNd1\x1b\xe1\x13\xebL~\xa4\xd5`\xbd\n\x86\x1a\x86$)X0A\x00\x16V+#f"\x81\xc8\xbd\x80MdoFX\xcbCN8\x97y=p,\x9bYr\x8c\xd5C94\x15r\xa6$9X\x1f\x1c|\xe3\x83\xe6\x9e\'\xf0Xg"\x91{\xf7\xa2\x1eY\xf3\xe4\xd4\xd4\xf2d3|\x932\x81\xc7Ct\xfa\xdfQ\x8di\xa0\xc93\x95\x12\xa9\xfbY\xe27\x1f4\x9d\xe2\x06\xb3\x08\xc7=\xd6\xb9\xc8\x9c{\x10\x0c\xd6&lt;\xf4M\xb3\x17\x97\xc1l\xe8#\xac\x9d\xc5,\xc7\x88\xa3\xde1\x06\'\x1e\xa5R"\x01\xacd\xec\x890\x9d\xcaz\xf20\x90\xc67\x1f\x99\xab\xaf\x1bY\x9a\xb3\x12Q\xa2\xb7F\x07\xdbQ\xaf\xc9\xef\xd0\x8c\xd5\xd5\x8d8\xe2Z\x01\x16\x1c\xb3\xdd\xaf\x92\x80\x15{\xee\xc3\xbb\xf2p\xc4EX#\x8e\x89\x89\xf3\x03n\xe9\xd2\\\xa7ef\xce\xb4(\x94\x8e\r\xd45\xee\xab{G\x05XJ\x84\x95\xf8y\x8b\xbcwuM\x80\x1b\x0c\xb0\xeb\x18\xe0s\xf4\xcc\x8c\xd5\xed\xcb\xda\xd7810&lt;\xdc\x7fe\x18\xbdP7\xee\xdc5\xd1\xaf\xd2\xfco\t\x01\x8b\x91\xf8\x13\x06\xf9\xe0[\x1dP\x89D"\x83\x19\x19L6/\xbd2\x91\xb5g\xcb\x96=\x19\x19Y\x19\x19\xf10\xd4\xc4\xc2\x98\n\xb4\x92H\x94\x8c8\x96\xf4I[\xc2\xc5\xfa\xec\x1e\x9a\xb20\x84\xa5u\x1a\x04\xe0\xfcyw\xdd6\x14\x82\xda\x832\xf2Y;3\xae\r\xabT\x9a\ne\xfc\xfa\xed4\x12K\xfa\x9f\x84\xcf\xf2\'/\xdf\xf3\x8a\xccN3J\xb6\xf19Fo\xde\x91.\xb1\xd5=\xbc0\xd1\x88\xfeW\x90\xb5ob\xe2Z\xbfJ\xc2\x82v\xa5&lt;]\\\xfc=\xd6\xfa\xdfk\xfd_\x1d\xf8b  \x12\x99\x8dz\xbd\xdel\xe6\x1b\xbb\xb5\xec#t\x83\xcc:/\xed_@\xf9\x82\xf3\x0b\xe7\x17\xe0`\x88V\xae\xf8]!,\xc6\xf8\x9d\x84\x9a\x8bB9\xf3\xeb+\xd0\xd71-\xc7\xe9\xd4\xf3\xb5Z\xad\x82\xcf\xe6\xf3\x15\xcef[\xa7\xa9\x03\xa5\x85%\x12\xb92\xee\xa7\xe2|T\x80\x05z\xf9\xdd\xf7\x8f\xed\xddK\xa6P\x121;S\xc8\x1bS\x0e\xdc\xfa\xe8J\x14&gt;B3\x87\xa3\xe5+\x14\x95\x95|\xadBA\xe7ts\xf8]==9\xc7w\xe4\xba\x84\xf9 \x10,_q_G\x07\x8c7q\xbd\xa4K\x03_\xf1\xd4\xbc\x8b\xd4\xf5\xff\xe3\x1d\x85JKMMi\xba\xbf{$*\x12\xb1\xd9Z\x18f8\x1c\x85\x02\xa4R\xf0\xb5\xf0\x8bOgw\xfdi\x7fNQ.\n3\xe7\xc7\xa9:\xfa\xbe\xe7\x92.M\\\x0e\xc6B\xc7\x9a\xda\xf6\xae\xef\x05\t\x85\x9aB\xdaJ\xa2\xd1\xce\xfea\xf7\xc8\x9a\xc1\xc0\xa6+\x8c\xdd\xa3\x9cnP\x89\xce\xe6\x83r\n\x8e\x82\xcef\x1f\xe99\xd7\xb2\xc3\xd5\xda\x01\xab\xd7\xd7\xea\x82\x02DXHX\xc4\xc6\xcf\x83\xa1\xd0\xea\x99X\xf0\xd0z\xbebPKR\xcb\xb27\x95\xd0h\'\xff\xb2m\xe41\x86\xb0\x14\x00\x055\xab\xa5\xd3A,\xd0\x8dNg\xf7\x9c\xcb\x01\xb9\xb8\xae&gt;a_\x87\xcb\xc5E\xb9\xe6\xbe8V}\xd6\xe7\xb1P(|&amp;\x1c\n7\xad\xdb3\'\x95V\xb8\xbd\xb44{\x13\xb5$\xe5\xe0\xdfw_y\xac\xc7\xe8t:\x1f\xb8F\xbb\x01HK\xd7*\xaagg\xab+?\xa5w\xe5\xd5\x16\x1c&gt;\x9e\xcbm\xed@!=\x14?k\x15\xa2u\\\x1c\xd9u\xb9)\x16\n\x1fCWN\xb1\xad\xb4\xf5\x00#Si\xe9\xe9\xe9e\xa4M\xe9\x99%\xb4\xb6[\xdb\x06\xd6\x9cp\x04\xa3\x83\xa9FG/\\\xe8\x86\xd5\xe3+*goT#.vW\xcf\xfe\xdf\xff\x99\xdb\xea\x02\xaa\xa2\xa2x\xc6\x13\xd5\xe2@\xc6-u\x0c\xb8\xce\xa2\x9b\xb0 /\x8d\xfaS\xadO.\xa1\x15\x92H\xd9e\xa4\xed\xa4\xb4\xf723\xa9_\xef\xae\x0b\x0c\xe9\xe9\xf4J-\x18\xbd\x1b\xc0F9Z-g\x16U\x9c\x8b\xdds\xb8\x86\xdb\xda\xea\xcam)j)\xaa\xe1\xc2\x87\tTK\xd7v}\xcd\x03\xcf\x87Cq\xac`\x90G\xfa)O\xc3\x14\xe4\xf44RYY\xe9\xf6\xf77\xa7\xa6\x02\xd6\xc6\x13\xbf\xfc\xe3\xa2SO\xff\xb4R\xab\xe5#\xcb\x8f\x8e\x8eV+\xba\x11\x15\nw\x02V\xd7\xb9\xa2\\W\x1f\xf78\xfa\x93M\r\x97\x1b\xc7r\xfcc\xdboxAu,\x14\x8b\x9d\r\xc7\xd4&lt;u0\xb8\xf5\xc0\x8f\xed\x16\x14\xca\x87\xb4\xb44Rz:\xa9\xb4l\xf3\xe6\xcd\xa9i)\xefen&lt;\xfb\xab\x8f\x1cz\x05\xb4Q#\xf4-\x14\xd0\x9d\xad\x86\xae5\xdb\xde~\xaa\xbd\xfdFu%\xbd\xeb\xdc\xfe"nGG\xee\xe1\x02qK\x0b\x98\x0b\x8e\xd8\xa6\xc5\x85=?\xffL\xadV\x07c\xea (\x16lh\x00\xe9\xd4\xd9i\x1f\xfe\x080\nx\x8a\x96\x9a\x96NJ\'\x91J\xb7\xa7l\xde\xfc~jJIaf\xdb\xe5\x9duD;\xc7hT(\xb4\x08\x0b,\x85\xc4:\xd5\xfe\xf1\xc7\xed\xa7NUW\xb2\xf3\nj\xb8\x1d\xae\x1d\xe5\x05\x05\xe5(4k\x12\xf6\x99\xa4\x8d\xbb\xee\x87\xd5H$5(\x16\x8a\xf1JK\x1b\xd0Jf\x93J~ \x18\x85\x8a\x94J#A\x95\x95\x95\xa5\xa7\x96\xd0\x00\xacd#\x98\xeb\xab\x9f\xfdB:\xd4m\xd4\xa2.\np\x08\x8bs\xaa}\xf6\x06T5R\xab\xb6\x1c:\x04\xf7xAA\x0e\xc2r\x99\x84\xad\x8b\x0b;w~\xc1S\xab\x1b\x1a\xd4&lt;\x1e8?\xc8+\xdd^\xda\x00\x8c\xbc\x86\x86t\x1a\xf5\x87}}\xa9\xa4\xff2n\xbe\xafm\xdcw\x1cwt:K\xb9_\xba;I\xa8\xa7\x1f\xc6w\xa6&gt;\x91\xdaDr\x16\xdfD\xc6\xb1\x111\xe2\x9d$P-(\xceT\x13;\xb15\xb7Y%\xa3\xae\xf2\xe2\xa5u7\x1b\x8b\x8d\xcchY\n\xf3&lt;\xcc\x86\x13\xe6\xce\xdb\x03/i`x\xb5\r\xa9\t\x18\xe3\xd1\x84\xd0\xae\xae\x07~\xb4\x07a\x8f\xfa\x07\xec\xfd9\'\x0f\x06\xeb\xd6/\x12XX\xd2\xbd\xee\xfdy\x7f\xdf\x9f\x8f\xe0\x8e\xa0\x0c\xc3\xcf\x18\xf9\x02\xca\xe7\x95Y\xf5d\xc0io\xe5\x92\x8d7)\xd5\xfb\xba\xfan\xbc\x8e\xf63tah\x18D\xc3\x9b\x9b\x9b]]\xd5\xa53S$\xd6\x99W\xce\xd1\x95\xfc\xb0\xfc\xd5\x0f_z-\x99i\xc6\t\x02\x0b\xb6\xfa\xf3\xa0i\x18\x053M\\\xf1\xb8d\x7fU\xb0\xf6\x0eUf\r\x86\xcaGj\xe5M\x94\xcf\xf1\xb2"\xeb\t%\x02c;\x99\xe8\xfb\xdf\xdf\xb8\xd8E\\\xf4\xa4\xeb\xab\x87\x87\xe8\xe2\xef.\xba\xaaf\xea\xec\xdbo\x9f~yd\x84\xee\xab!o\xbd\xfb\xf5\xdft&amp;\x8ff\\(S\x02\x0c\xd1\xe4\x19pA\xafx:\x1e7\xf9\xaf\x94c\xa4\x94\x818\x80R\x86\xc13b\xde,\xc8^\xd5\xeb\xf3\x8a\x86\x1a\x08\x0c\x0c4\x85\xd4\x9f\xae\x0e#\x16\xba\\.\x90m\x0e] *\x84Cq\xbc\xfb\xd7??}\xb6\xfb\xccRq|\xaa\x9b\xd4\xfa\xe1\xd5\x9f\xbd\xd6\x99\xf9x9]1],3=89\x88*\x8aT\xc7\xc14\xb8\xd2\xa6\xc9w\x9c\xfc\xbf\x91\x80\x16\xc3\xa2z0\xbb(\x1a\x0c+\x9a\x15QUe\xd9{Bd\\\xac\x99\xbdN\xe5\xf2\xa7\x0f\xd0\r/\xf6\x1dk\x84&lt;\xed\xebC8\xcc\x16\xe9\xfe1PM-\x8d\xd04\xd1\xdd}\xfa\x8d\xb3/\xa5:O\xed\xcd\x98\x15\x13\x0f$\r\xb0\xd2\xe9t\x9cg\xa8\x8e\x83\x83q,\xfa\x8f\xfa?\x03\xb6\x9d\xa00) \x14X\xc8\xc5\xf0\x86\\\xa8\x98\xb2\xd7Qe\xafW6\xd4\x04qm\t\xa9\xcc\x9d\x1b\xc3\x80\xea\xebuE\x02\x17J\xd9U\xed/\x16\xe9N\x1a\x885r\xce\xbd5\xaa\xfb\xec\xa5\x9f\xde\xed|Q\x9b\xb6\xcdJ\xde\x04U\xc1\xc8S\xdd\x80\x02\xbdD\xc6\x04 \x04\xa4\xc5;\xed_\x0e\xe5\xb5Yb\x82\xd9\xe9\xc9H\x8c\xc1W\xe2\xa2\xeaC\xd0\xb3^\xaf\xc88\x0e\xb8&amp;WR\x99\xd4\'\xeeT\xd3\xebR\xf5\xbad]\xbd\xfd\xc5\xa5\xf1)\xe0L\x15\x97h\x1bvw\x9f\xbf\xf4\xc6\xcd\xce\x17_x4Y1\r3\x0e?\x15\n\x92\x14G=MS\xa2Z\x14\xb07%\xc9\xc4#nJ_\xd6\x91\xd0\x91Y\x96&lt;\xce\xf8yr;/\xf1"S\x19\x94X\x15\xad\x9a\xf7\xb32\xaa\xe8\xb4\x07\x12\x03\x0b5E\xb9\xfb\xe1\xdc\xebt\x93Co\x15\x0bT\xbd\xd5\xd9\xfe\xe2\xea\xf8\xf8\xd4G\xdd\xef\x8c#\x1d\xde"\xb1\xde\xba\xf4~g\xf2\x85\xf5\xfa\xb2Y\xc8K\x12\xf6\x91\xa8\xda~\xc2\x82Dy\x03I\x98GI\xf1\xc2\xadd\xfc\xbf\x82a\xfb\xd9\xaa\x1bT\x06\xea\x87\x1a\xa2?\x1b\xacT\xc9S\x8c&amp;TZ\xb2\xcc$\x02\xa1\xc0\xc0\xd8\x81\x90\xfa\xce\xe5_&lt;\x18\xda\x04OW\xb5:??_\x9d\xc7\x08X\\}\xc7\xbd\xfdu\xbcx\x8e\xacu~\xfc\xd5\xdf\xa6\x92\xdf\xce4\xafI\x92!\xa5\x19/\xbebf\xbaU*Iq\t\x02\xe1\xdbe1\x0f\xa3A\xc0\xb8\x19G\xf4W\x10\xfc\xff1W?\x8bt,\x96\x15\r\x16\x7fA6\x0c\xa3|\xba"\xfaY\xd5)M\xb6\xc6\x9c\x0e\x98.\xe1\t\xb5\x07\x06ZGJ0u\xe7=$\xc3fWu\x16\xd3\xdf\xfc\xd3\xa7Pj\x95\xee\xc8\xa5\xcb\xb8P\xcc\x8f\xba\xbb\xc7\xfb?\xb9{*\x99\xd9\x99D\xa7\xe0%\tC\xa4\xed,\xec\xae?\xda\x9a\x19+\xe1\xb5\x84#\x88\x86k/\xa2\xac\xa4i+H\xfe\x81\xe7M\x1cLP\xca\xa6LG\xa5N\x10\x16\x9d\x08\x9a3\x1fO\xe3\xcbJ\x93\xf5\x87{{u/\xce\xd6\xab:\xa1\x93\xed\x8e\xbd\xb0\xaeER\xb7\x7f\x8cp\xef\x83`\xd5\xea,\xb0V\xef=\xa7ZBjM\x9d\x7fy\xf6\xbb\x8dd\xe7\xa9\xf5\xfa5\x14\x80 \x18\x95u\xea\xeb\xc9L\xf8\xf0\xd1Vk\xd4\xf6\xe3\xbcq\xf6\xf1g\xae\x87d\xe9cD\xdbm\xe2\x01R\xc1Ov\x12e\x1c\x18\x15\x17E\x16-PF!\x97\xfd\xd0\xa9\xb9\x92S\x92\xb5\x05\xecQ/\xca\xe9\t\x85\x02N\xe0 \xcc5\x94+\xbf\xbb&gt;G\xcd\x87\x12\xebi\xd1\xd5\xea\x1e]\x8a7??2&gt;\xfe\xea\xb7~u\xa73\xd3\xc95K\xa4\xbc\x04\xc5\xb0\x9b&lt;\xf5\xf5\x88\xa0t&amp;\xb5\xdd\x9df}f\xb4d\xc37\xe02\xf3\x15\xf2\x97\xcb\xe5J\x06\x93\xd9n\xef\xc3\xc3\x90Y\x99Z\xb2HmYd!\xe0Xk\xfa\xd6\xca\xa1\x95Q\xb4Hn+a3\xb2\x0f3D\xc8\x03\x83\x8d=\xd2-=\xfc\xcb\x1b\x18\x1b\xae\xcf=\xd8\x84\xf1\xe7\xef\xdf_\xbd\xb7\xba\n\xa8\xd9\xea,\x86\xe7\xfe\xaf\xddV\xb0v\x96\xe1\x0e\x91\xa7=\x8d\xd3\xf5\xd4w\xa3\x9a\xa0\t\xd1LR\xc8\x1d\xee&lt;\x9cn\x8d\x95l\xa9\x82\xcc\xe0M4\xa28\xb6\xa9\x9bk\x92\xd3F\x93\x0b\x99J$&amp;\x95\xb0D\xa8\xa7z\xec\xc9\xe6\xce\xa1.\x04\x95(\xc7\x05{j[\xaaj\xa8\x8e\xc7q&lt;\xc0\n\x04Z{\xe1\x9c\xa5\x7f\xfe\xc1\xda\xc4\xc4\xc4\xdcp\xdf\xf6v\xb5\xff\xfe\xfd"\x84\x9a\xdf\xa6+X\x8a#\xaf|3\xaah\xc9\xbd\x99\x04\x92\x05\x87\x80\x99@\xd7\xd1\xdaU\x04E\xd08]\x8bF3J8\xbb\xbbr\xb00\xb9l\xa3\x82\xa4\x17\x99\x9f\xc0\x10\xb3m\x14\x06\xa83*H\xee\xa1]\x0c\xa1\x9c\x0e\x99W\xa7\x00\x00\n3IDAT\x81\x99[GzJ\x894\xb2\x11E\xb7,\xae\xb6\x95`\x81\x15\x02\x97\xe3\x01\xd6@\xfd0X\xce\xd5\xfe\xf0\x97\xfd\x89\xb5\x89\xb9\x07C\xc3}\xbd\xdb\xdb\xdb\x9bCCPo\xa8wi\xe9\x1b\x9f\x07\x05=\xba\xbb\x90\xb0\x13\xb2\x97\xcd3\x08,\x08\xe6\xb4\x0eSBT\x10z8M\xe34\x8e\x13\xa2Q\xa5v\xf4\xb8&gt;\xa6\xf2$\xd9qV\xc4\xc1\x95n+H$\x16*\x07\xa9\xbc*\xd5\xce\xb6\xaf\xb5\x0e\x8eb\x11N\x8b\x86\xad\xa0\xa2e\xcb\xe50\x8a\xc8\x8a\t\'\x04\xae\x04a\x05J\xd3\xeb\xd9\\\xae\xf6\xd9\x93\xc55LZ\x1bs\x1b\xc3\x1b\x1b\x18\x05i\xee\xba8;\xff\xbdw\x83=\x9c\x10\xdb*!Z\xbc\'\x8cB&gt;/\xf1h7*a\t\x1a\x98\xc2A.\x1c\xd6\xb90\x17\x16R\xa9\xdc^s\x14ED\xd3\xe4%8-\x8e&amp;\xde\x86\xd4D\x06\xa0t2\xb5\x1dP\x95\x96\xeb\xb7\x0e9\xce\x8aq\x9a\xc0i\x99h\xacV\xabq\xeb\x0b*+\'|\x9e@\xc8\xe7\xf8\\\xdb_{X\x8b\xd5r\xd6gO\xf6\x17\xd7\xe8\x8aJ\xcc\xa7\x13kk\x8b\x8b\x8bk\x17\xba\x86\xde\xbc\xa9\xe9B\xec\xd6(*\x80\xee`P\x9a2\xb2XP\xeb\xbb.\x16h@\xa6\x85\x89O\xd3\xc3Jr\xbd\xce\xa0\x8e\x95\x8a\xc4\x93`\xe9\xc9t\x1b6\t5\x16r:&amp;c\xd6\x1e\xab\x1f\xecjQ\xbdlq\x84%d4\xab\x96+\x97\xd7\xa7mUV}\x1d\xbe\x10q\x05\xc05\xb0|+\x1b\xb3jY\xe2\x9a\xb8\xbe1\x07\x93\x81i\xff\xc9\xe2\xdf\x86\x87&gt;\xbd)\xe8\x82\xf0\xcf\xd1\x84\x03*\x99\x87Xyltl\xc6\xfa\xba\x02(0\xb9@Z\x98\x94\x0br\\Om\xdaf\x96\xe1/\xea\x9c\x92\x94\x1e\xac\xb4\xa1;\xe1\xb3\xaakw\x83UG\x0fv#B\xc3jp\x16\xf4\x8djQ%l\x95k\x84E\xf9\xe0\xf3\x01\xcb\xe3\x83\xed\xdbQ\xc7\xb1\xc7\xb1F9\xa7\xff\xe3\xaf\xfb\xb0\x17\x8d\xcdk\x8b\xfb\x7f\x04\xe3\xef\x7ft\x07rDwF\x1d\xfb\x18+\x9f/`TB;S\xa7s\n\x01=W\xeb\x19V0R\xdeBV0\x12\xb8([\xa5\xb4\xd4\x06\xad|\xc0\x82\xdd\x91\x0bjh\xba\xac\xe8\xb1X\x83\x8b\xc5\xb4pP\x00\x16GXVn\xcbV1\x0c:&gt;\'@\xb6\x0f\x85\xdaC\xc4\x15\xd6\xcae\x8e|O\xb6\xba\xeeb\xadM\xbcw\x1b[-\xba2\x13p\x12N\x82:|!_\x10\r\xfc\xd6\x94\xec\x85\\\x04@d)\xd2,\xac\xb9X\xc1\x9e\x88\xd5\xe4m?FO\t\xb6w;S\x1b\xc2\x8a\xd4r\x05c}\x9e\xadr\xc3\xd2\x1b\\\x90\x8b\xe1\xb4\x08+\x06\x07e\x1b\xe5\xa6\xad\xaa\x0e-`%\x1cO\x88l\x1f\x98|\xdc\x08\xc7\xca\xb1+\x1f\xec\xa3\x84\xb0\xfb"\xad\x1f\\\x81\xd2\xd1\xbd\x19\xcc\xff&gt;`\x89\xee\xcf\x01\x03A\xcf\xf3\xf6tM\xe0\x8e\x9dN\xc6\xd24A\x10\xc2\xc1\xb0\x16\xb1&gt;\xbeF)\xc2\xd8~\xbc\r\x0f\xa6Mv\xb1PC\x15S\x8b\xcf7\x9d\xe3b\xba\xde\x08\xea1|N\xc1\x06\xd6\xe1\xadX\x10j\xe10N\x02n\xf1y&lt;p\x17%X``\xf41\'X\xd9\xf0\xed\x7f\xedS\x80\xb9e\xfc\xe2\xcae\xdd\x8a\xac\xb4\x12\xb6\n*\x19\xa3$\x0eW\xe0\xdd\x83\xa9M\x0bD:\xb6\xa1&amp;\x90T\x02aq\xc1`$\xdb,1\xd4\'yt&lt;\x86\xb2\xa4\xcd\xfb|y A"Q\xdf\x05\x16\xc7q\xba\x8e\x13\x8a\xbaX\xd9r\xa3\x07Xh\x88\xce\xb1b\x1e\x0f2\xc2\xe7\xa1\xe1k\xf4aN\x88Y\xd9\x9b\x9f\xee\xef\xafa\xed\xff\xfd\x8b\x9f\x04-\xab\x07Tn\xc5aW\x86\xb0x\xd2@\xf2w4\xb3\x1ca\xb92\xd1\xa2\xac\xd0\xf5`O\xb9I\xefA\x9a2\x8cL\xd3\x95\xe4b\x9d\xf0\xe2P!\xa2J\xb4\x8e\x821\xf0\x03,(\xf4@\xad(\xc2\x14\x9b2\xd7\x84Z\x10\xeb\xdf=\\\xbfk\xe3f\x18vb\xab\x16\xb2b[\x12B\xa7\xef\xb3\x8cd(\x15F\x833\t/\x9aD\xc0\x91/\xcb\xb9\x9b&amp;\x15\xed1\xa6\x18\x94\xc5\xa37c\x8a\x97\x1b\xea\xc5\xd7\xa5K\xf1A\xb7\x82\xa1\x90\x1aL8\x9ad4\x07wS\xa6B\xff\x83&gt;\xef\xe7\xeb\xe9n\x0c\xf1\xe3\xe7}\xdf\xe7\x87\x86\xd0\xa7A\'\xbe\xc0\xc2(\x8b\xf9V\x85\x11M\x7f\xfb\x03\xcb\xfe\xf6\xc3\x8f\xef\xbc\xd0463lUR\xa5D\x0bTht4A\xc4\xcb\n\xc1\xc2\x19\x12 \x15w(\xb4\x02\xb0Tb\x0b\xb8Z\x97\x80\x0f\x03\x97\xea%]\x9c\x18\x81:\xa7\xa5\x19?\x04\xdc3\xa6\x8a\xc9\x95\xc0\xeei`+\x0eC\x83`9\xce\x89U| \x11+\xd4\x1e:\xf1\xcd\xdd\x16g\xe1\xb1_\x7f\xff\xf0\xf6\xed\xbf?\x99\x9c+\xf7c@\xc7\x11\x9e\xe98\xc0\xda\r\xc6\x02\xb6p\x89\x80\x85!\xd2\xa6\x13&amp;\xac\xaeez\\\x01y\x1a.\x91\xc6Lq\xa2\x8e\x83\x05[\xe0\xfa\x9c\x1e\xfa=\xa8\x83\xd9&amp;\xf0\x14{\n\x95\x9b\x06\xb6\x06\x07S\xd2\x90\x0bXI\xf2e\xda\xd8\xb1\xeaW\xb5\x07\xae\xc5\x86iSn\xff\xf2\xcf\xcf\x7fs3\x0c\xf8\xcb\xb8q\xe2\xea\x8c*\x94\xd8\xac:U\xce2\r\x11\xa0\x82\xc0fX\x90\x80\xd44\x16\xf2\xa8\x91n\x9d\xa6H\xbcf\xad\xcbR59=\xe2\x03\x9dd\xfd&lt;\x85W\x99\x8a\xaa(\x96\n\xb6HX\xb91\x1d\xce\x07\x8ds\xa1\xd9\xe0\x00\x8c5H\xbe\x80\x89:\xc7`\xf6\x12\xf7\xa1\xea?\xbc\x0b9\xd7\x86\xfb\xac!\xf6\n#\xbc\x10r%\xa3qv\x04\xacd\x97\xaa\xd0\x03C\xb1\xc0V`{\xdcK\xe9\xb2\xec\xfev\x82\xc0\x07N)ED\xb3\xf9\xec}\xa9\x99\xe0\xb7\xe8I\xb5\xda&amp;\xabNF+\xce=fr\xe2\xd8\xee\xf7\x19\xe3).`JlUu\xc2\xae\xeb\xb4_\xf8\xf9j\xa3\xd1N\x92\x01\x90E\xf9|\xdbW\xb1b\xa1\xa7\x1d\xee\x8aFr\x0eja\xfaM\xe9\x06L\x9d\xea9\xe5p\\b\xccL%P\x14F\xb0\x8c0\xf6 \xda\x16c\xee\xc7%\xd2B\x9d\xd8\xba\xac;w\x1fwoJ\xe5lV\x88\x03\x13t\xc9\x83\xdd\xd0\x0b\x99\xa5\xe0rUS\xeb\xab\x8c\xc7\xa6\r\xb6\x1e\x8b\x84\xe4\xb4\xd2\x16\xb0*I\xc5\x11\xb0\x06#\xf1f\xa2\x98l,/N=o3\x01\xab\xb8\x8cj\xa2_t\x9a\xf4f\xa5&amp;\xcb\xc0\x84\xe4$\x97e}\xcf\x01\xcb2L\xdayc\x9a\xc6\xd0y\xab\xcf\xb4\xfe\xc3,B\x84\x15\x86\xd8*\x9e\xd1\x95J\xe5\xc5\xfd\xc4\xa1\xc59\xab\x90Y\xeb\xbb!\x8fU\xcdP)\xafi}M%X\nO\xf7\x85#`\xe9\xff\xc3B\xae?\xaf:\xa3\xc1\x00\xd7\x19\x8d\xf2U\x0cT\xfci6\x80\xa05\xa0YT\x94\xa42\xc1\xa2\xc6\x828NMA^y\x02\x96\xcdT\xecnx\xcb\x99\xd6\xa3\x89hOy$\x93\x84\xd4k\xad|\xfc\xf0\xfdaR\x92\xf6\xea\xaa\x88@\xd4Y\x93\xd2rcr\x08b\xb5\x170\x06;\xd5\\\xcd\xe6\x98\'~\x83\x10\x08J\xf3\xff\xc3B\xcc\xa9\xb6\xf3\xc5r\x145\x90c\xf7\xc38\x8e\xf9K\x86\x91BF\xaaY\xd1\xb9\xa0\xa4^\'X4C\x8a\xc0\x02\x96f\x9b\x96\x11`\x16!\xe4\xcec\xbe\x7f\xdd\xb35{%`\x91\x8e\xb4\xd6\x93\xed\x95\xb2+\xad\x9f\xd9\xe7\xe5\x80\xea\x16\x9cZ\xaa;\xb3\x07+\xb5\xfb\x16B\xa9\x89!23\x0e\x891\x12\x08q\x84\xf0\xaaD\xc0B(\xac\xb4\xb3\xa7\xcf\x8bb\x10e\xc7\xd4\x1e\xf2\xf4\x08s\x06\xaah\xb4X\xac\xa9@\xc8\'\xb6P\xce;\x04Q\x96\xd6\xcf&amp;\xb6\xca\xa2`C\xba\xa3\xd8\x1a\xaa\x11\xb35o\x1eE\x920\xe9zk\xbdR}\xf7\xb9\x94\xdd\xab\xc6q\x84\xa8\x85\x9a{q\xf1Z\xcf\x9ez\xb1\xe9\x12,\xc5\xd4\\U\x899`q2\x1f\xd1}$z}\x83G\xef4\x1d\xbd\x92\xbf\xb0\xc3&gt;\xcb\x8fq&lt;4\xd3U1\x00\x91\xfah\xfd\xb8]\xado\xa4\x08\xcd\x9c\n\x0f\xea\x8b\x80\x85\xddo=1F\xa7d\xc2\xdf \r*s\xbb~\x8f\xa9\xfd\xe1B\xd7e\xd4G\n\xf3\xe3\x8d\x</t>
        </is>
      </c>
      <c r="M403" s="3" t="n">
        <v>45492.67769675926</v>
      </c>
    </row>
    <row r="404">
      <c r="A404" t="n">
        <v>1017023</v>
      </c>
      <c r="B404" t="n">
        <v>1974</v>
      </c>
      <c r="C404" t="inlineStr">
        <is>
          <t>Clayton</t>
        </is>
      </c>
      <c r="D404" t="inlineStr">
        <is>
          <t>Clayton</t>
        </is>
      </c>
      <c r="E404" t="inlineStr">
        <is>
          <t>CA</t>
        </is>
      </c>
      <c r="F404" t="inlineStr">
        <is>
          <t>ATA</t>
        </is>
      </c>
      <c r="G404" t="inlineStr">
        <is>
          <t>CA</t>
        </is>
      </c>
      <c r="H404" t="n">
        <v>184</v>
      </c>
      <c r="I404" t="n">
        <v>9</v>
      </c>
      <c r="J404" s="2" t="n">
        <v>36170</v>
      </c>
      <c r="K404" t="inlineStr">
        <is>
          <t>Both</t>
        </is>
      </c>
      <c r="L404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46b1b25-ef1e-4c88-98e6-791fce3f804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k\xab\x96\x93\x00\x00\x03\x00PLTE\xff\xff\xff\x1c\x1f(\xf3\xf4\xf8\xf5\xf6\xf9\xf9\xfa\xfc\xf9\xf9\xfa\xf6\xf6\xf9\xf7\xf8\xfa\x02\x02\x02\x05\x05\x05\xf4\xf5\xf8\xf7\xf8\xf9\xf1\xf2\xf7\xd2\x99\x8c\x19\x1c$\xff\xfe\xfe #,\x13\x15\x1d\xcd\x98\x8b\xbe\x87{\xfb\xfb\xfd\x10\x13\x19\xc9\x92\x85\xef\xf0\xf5\xed\xee\xf1\x16\x19!\x08\t\x0c\xd5\x9b\x8e\x0c\x0e\x13\xcf\x95\x88\xe6\xe8\xeb\xe9\xad\xa7\xcb\x95\x87\xc6\x8f\x83\xd7\x9c\x92#&amp;0\xdf\xa4\x9b\xda\xa4\x96\xd3\x9e\x91\xaevh\xd0\x9c\x8e\x10\x08\t\xe9\xea\xf0\xadyn\xbc\x83w\xca\x8d\x80\xb2zo\xdf\xa3\x97\xd7\xa2\x94\xc5\x8c\x80\x17\r\x0f\xb5\x81v\xd5\xa0\x93\xdb\x9c\x8f\xde\x9e\x93\xb9\x85z\xda\x9f\x94\xf8\xf8\xfc\xc1\x8a~\xaf}t\xd2\x97\x89\xd1\x93\x84+.9\xe3\xa3\x98\xcd\x91\x82\xa8vl\xed\xb2\xab\xd2\x93\x8a\x0e\x0c\x0e\xc8\x86w\xe3\xa8\x9d\xf1\xf1\xf1\xd6\x97\x8a"\x13\x13\xcc\x8a{\xdc\xa7\x99\xe8\xaa\xa314?\xb3\x7fs\'*4\xd1\x8f\x80\xb6wi\xc3\x84w\xcd\x91\x87\xbf}l\xda\x9f\x98\xdb\x99\x8c\xd2\x98\x92\xe2\xe3\xea\xaaqd\x9ej]-\x17\x17\xa4n`\xc5\x8a|\xfd\xfd\xfe\x98li\xdf\xa8\xa0\xbbwg\xb7\x7fq\xe4\xac\xa2a?&lt;\xf3\xf4\xf4\xd6\x93\x85;"%\xe7\xa6\x9f\x9beW\xc3\x82r\xc3\x86\x7f\xe6\xa3\x9c\xa4qf\xa3dV\xe0\x9e\x97\xa8hZ\xde\xdf\xe5\xe9\xed\xeb\x9b_R\xf0\xbb\xb7\xe1\xe4\xe2\xa9xu2\x1c\x1e\xbc\x7ft6:E\xd8\x96\x90\xd6\xd5\xda\xda\xdc\xe1O+*\x83JE\xcc\x92\x8e\xe2\xae\xaa\x93aW\x98da\xef\xb6\xb0\xb6qt\xe2\x9d\x93\xdc\x92\x87zKCC)+rE@\x9eokX89\xeb\xb2\xb0\xbd\x8e\x88\xc2\x8b\x85\xdf\x97\x8f\xf0\xc2\xc1\xafl^\xbd\x89\x80\x99XL\xf8\xf1\xef\x8fQFzQP_20\xbdyz\x86]]hEE\xc0\xc2\xc6\xa6ceDIO\xa1\xa6\xaaI%"P43\xb5pc\xb0ll\xdd\x99\x95\xb5\x88\x83\xaa~{\xa3to\xcc\x88\x86\xd3\x8c\x89\x90gepLK\xc5Sj\xee\xe3\xe3NSW\xeb\xb8\xb7\xe4\xd3\xd5W^g\x89\x8d\x92\xbfuq&lt;AI\x92XT\xd6Lq\xe2\x9f\x9c\xac\xb0\xb4\xc2\x94\x8bl;8\x82UJX&amp;%\x18\x19\x19\xf1\xe9\xea\xc8\x9b\x96\xd3\xb1\xad\xed\xdc\xd9\x89\\Q\xb7\xba\xbf\xb6ap\xcb\x7f~&gt;\x1a\x18\x8f`^\xbc\x80\x81\xd5\xa9\xa3 \x0c\x0b\x9fxxvyz_a^\xae\x83\x80\xb3\x84~i61\xa2Z[\x8dD;\xd9\x8b\x80\xd4\x85z\x96\x9a\x9e\xe2\xa5\xa5\xfa\xfb\xfdw&gt;:\xcd\xd0\xd4mon\xb2MR\x85SR/31\xda_\x82cis\x7f\x82\x87\xc5\xac\xa7\xdc\xbb\xb8\x8eMQ\xc7\xca\xcc\xf2\xca\xcc\xd2\xa2\x9a\xc8\xb3\xb9}V[\xe1\xca\xc6\xb5Ud\xd8\xa1\x9f\xb5`X\xd3\xc1\xbd\xbc\xa1\x9d\xd8\xc5\xca\xe5\xb3\xb2\xcdx\x8d\xa2H@\x8cvy.\r\x0b\xa4\x8e\x8d\xd3\x98\xa7\x9cNZ\xd3vl\xcad|\xe1\xa8\xbar("\x874+\xbb\x8e\x99]\x13\x0f\xcaha\xdc\x85\xa0\xa7\xcb\x00=\x00\x00 \x00IDATx\xda\xc4\x99]LZi\x1e\xc6\xed\x85\x1bN\rk\xa3\x96L\xa0\xf8q\x16dHE\xf4\x8c\xb2\xa4\x03\x91\x16\x90\x0f\xdd\x8d\xa0h\x04\xea\'\x95\x81N\x91h(n-\xb5\x9al\x84\xd26\xa1\xac\x98bT\xccv\x9a\xd4\xc4\x9d\xb85\xebJ\x89\x1dM\x9c\xd6\xc2\xae\xd9\x8dM\xeb\x96\xc4\x9d\x18\xd7\xa47&amp;\x93\xd9\xbb\xb9\xd8\xff{\x00\xdbNv\xaf\xf6`\x1f\x0ep\x02\x9a\xf3\xcb\xf3&lt;\xef\xff=\xc6\x9c\x9c\xff_E\xb9\xf9E\xaa\xe2b\xd7\xb0k@u\xf2d~~~\xce\xc7W\xde\xf0\xde\xd4\xd4\xfa\xcc\xe2\xce\xce\xceB"\xbe\xbb\xbd\xbcw}@\xd5\xf1q\x99:\\S\xdb\x89\xc7\x8f\x1f\'O\xc4\x14\n\x05\x93\xc9&lt;\x13K&gt;N\xc4\x17g\xf6\x8as;&gt;\x8ei\x90\xdb\xf5\xe5D2\xc6\xa4!a\xe8\x89\xa5N\x99\xb1\x13\xd3\xf1\x99\xe2\x8fbY\xd1\xeb\x99\xf8B\x92I\xc2`X\x86(s\x8a\xc5\x92;\xcb\xae\xa2cf\xcaU\xb9\x90Q\x18i\x10I\x84\xa5_\xd3T\xa0\xd3\xa7\x16f\x06\x8e\xd3\xb1|\xd5\xf0L"\xa9\xc8dG{\x87\xf5^\x92H\xbf\xd8\xdd;\xbe\xf6\xe7\xab\xa6\xe2\x90\xde\x11\xc8\xff\x12p\xc5\x16f\x8e+\xc9\x8e\x81\x99\x85\xd8Q\x9b&gt;\xb4\x8a\x86\xfd\x84\x8b\x99\xdc\x1d\xce;\x8e%yio1\xc9\xfc\x90\xea}\x92\x9f\xfaE;\xb13\x95w\x0c^\xed\xa5\xac\xc2&gt;\xbc\xfa\xbbO\xb0\xcc\x12\xc8\xbc\xc5\x12\xeb\x97\xb2\r\xa5\x9aJ\x9c\xa1\xbdG\x81\xa5\xc7\x03\xc6T\x1c}\x8ae\x8eT\xbc\x98\xe2\xf1rnv\xcb\xfe\xc9r\xda+\xec\xbd\x81@J\xa1@h\n\x0c\xfb\xd0:\x8c\xfc\x99\xe9\xf5\x93\xd9\xa4\xca\x9d\x9aVd\xf2\xc1\x8e\xaaD:\xc6$\x1d#w \xec\xc3a\x81\x98\xa7\xa7\xb2\xb8\x1e;\xae\xc7\x15\xff\xa5\xe5L@A&lt;\xc82\x82&lt;\x81\xcf\xd2V\xa6\xe1\x14\x0b\xaf\xb3\xb6E\xe6\xab\xb6\x93\x99\xdd\x05\xbd\xf2\xc9S\x8cO\x10\n&amp;\x11\x8b\x11\xcc\x94]$\x1f\xc1\xa4a\xef2\xa6\xd1\xce\xec\x0e\xe4d\x87+?\xe7\xf5t\xfaR\xc0\xc2\x87\x03\t\xe3kb\x84\x02S ,&amp;\xe9\x16\xbc\xf2\xf9\n&gt;\xf6\x9e\xe0\x97\x92\xcb\xd9\xaa\x97+~:\x15M\n\x88 H,\xc2\xad\x01\xb7\x14`\x19_Ah4\x04\x86\x11\x9a\xd4W\x84\x06}\x9f\xd1\xc2^v\xb6\xa1\xa2\xf5\xdf\x90\xf1\xf1\xe1\xda),\x10\t\xc1\'\xf8\xc0\xa5 LV\xb7\t\x90\x10\x1cB2\xb9\x11_\xc6\xb0\xd8\xa2*+X\xaa\xc5\x18\xd9\x17\x8d\xdb\xb4\xb9\xb9\t\x176\xc1\t\x81 \x89M\xc4\xa11Y\xbdV\xab\xd5\x13\x89D&lt;V\x93Ic\xf2\x02\xa5[\xc3\xcfX6=\x9c\x95v\rO\x93T|\xf7\xec\xac\xc9\xb4\xb1\xf1d\xeb\xd5\xb8oe\xd23;;\xebA\x827\x7f$\xb22\xfef\xec\xcay\xe3\x92orre|\xc5\xe3\x99\x9c\xdd\x00\x03\xf9\xe4.4\x93\x8d\xa1zi\xfb\xe742\xc2\xd9\xad\xc9\'O^\xdd\x98\x08:\x9c\xba\xb9\x80cpp\xd0\xe1t,-\x8d\x8e\x8d\x8e\xae\x8d\x9d\xaf\xac(&lt;W\xc6(\x1bjw:\x03\x8e\x1b[[+[[\xb3P8\xa8$3\xe1\xca\xc22t%\xc8Y\xa4\xd9\xd8\xba111\xe1p8\x02s\xdd-\xdd\xdd-Hz\xad\xbe\xa2\xf0\xb3{\xf7\xee\xdde\x94\x16\x14\x14\x94?\x7f^\xce\xd0\xdb\xed:\xe7`\xd0\x11\x0c\xae\xb8I,\xda\xb4\x8b\xfa\x14\x8b\xd6\x934\xb4\x06\xdd[\xc8&amp;\x10P\x01\x93\xdd\xaeW\xea\x052\t\xbb\xb4\x94\x01@\x9f\x96\xd7\xec\xef\xef?\x7f\xbe_\xc3\xd6*\x95z{\xf7\\w\xc09\xb8b\x82~1i\xbf\xcaB\xb9\xc8\xc2\xf3\xf9\x9b\x1eH\xcf\x19\x08\x04\xe6t\xc8&amp;\xbb\xd2\xae\xd4\ndR\x99\x8c\xcd\x96\xd0%t:\xbd|\x7f\xbf|\xbf\xa6\xadY \xd0*\xedv;\xf8\xd9\x1d\x98\xf0\x984|X\x8b3\xf9Y\xc8\x10\r,\xcd,$8\x18\xd0\xe9\x00\xca\xaeGV\x01\x96V&amp;\xd5j\x9b\x9a\xa4\x12)\x88Non\x96\xd3\xe52\x81\x0cq)\xed-\x00\xe6|\xe5qC\xeb\x99;y\x14\xdb\x95\x9f3\x05\x19\xf2M\xb3\xbe`0\xe8\x98k\xe9\x19\xd2#)\x91\x00I\xda\x04\x926\x01\x95D\x8d\x88\xe4\xf2f\x99T\xa0EB~\x05\x82+\xb3\x04*W1\xb5X\xf99y\xdb\x90\xa1\xc6kY\x1a\x0c\x06\x9d\xba\xa1!\xfd\xc5\x8bz\x01\x08]\xb9\x89T\x1f\xa9V\xb5D\rb\xb1\xe4r\x99VK&amp;\xd9\xd2=\x17\x98\x98D)&amp;\xf7\xa8\xc6\xba\xb4\xab\x00\xb3&lt;\xe3\xe48\xa8\xac\xa8\xb8\xcc\x10T3\x9ae2\xd2\xa6&gt;\xf4\x00\xa9[[k[kq\\\x0c\xc2\xd5R\x81^+\x83\xe2#\xbf\x1c\xe3^\x8d\x82vj\x9dj,U\x9c\xc6\'\xdc\xfe\xf1 P\x05t\x85\x97\xcb\x9aI\xb1\xa5$\x16\x10\xf5\xa9\x01\xaa\xb5V$\x12r\x0c\x06\x0e\xa7\x8b\x83\xab\xe5\x82f\x89\x14\xb8P\x8cQ?\xecD\xa7\xb7\xa9\xc6*N@\x86\x1e_\x14\xa8\xda\xdb+\xab\xcb\x18\xa5\xa5l\xb6\x9cM\xa7KS\xbdJQ\xf5\xb5\x02PoWWW\xef\xcd.\x03.g\xb1\xe0\xfbT\x8c\xa3&gt;+\x0c\xd5\x9d\x9fQ\xcaEb\xf1M\xfe\xe8\x1a`\xf1xC\x80\xc5(hkkc\xe1\xb8\xba\xef\xa8Z\x00&amp;\x02\xac.\xf4\xec\xe2\x18p\x16\x88\xce\x92jaL\xb4\x98\xc7#n\r\xb6\xe0\xa2\x1ak\x07#\x00kt\xd0\x11\xe0U\x16VC\xaf\xe88\xe2b\xa9\xd5}\xe9ZA\x84\x90\xa1X\xc8\x11\n9\x1c\x8eA\x8c\xe3\xack,5.Av\xb5\xf0\xc6\xfdV\x13?9E1\xd6\xc0\x0e_c\xb5DGm\xe0V\xe5\xe52F30\x95\xb7\xd5\xd4\xe0\xf85Xx\x00\x04NA\xafH"\xf4\x04.d\x17\xd4_\xdd\xa4EX\xa3\x16\xab[sj\x99\xf2\x10ahY\xc6\x07\x1d\x80U\x01T\x0555mt\xc0\x02Sj\xd3BP\x88\xa8\xbe\xbe\x17\xd5\x8b#F+\xd2 \x86\x14\x95--:\xa3\x0f\xeevb\xdb\x14c\xb9\x12\x84\xc9\x03X6\x87\x99WQ\xcd`\x7fZSNg\xb3\xe9\xac\x0c\x95H\x84\xb0\xea\xea8u\x00\xd5\xdb\x85\x1a&amp;6 \xe7\x84\xe2&gt;\xc0\xea\xd6\xd9|p\x17\xa6Y\xec\xa0\x92\x0b\x85H\xb8#\xbe5\xc0j\xe7\xf5\\\x86\x15\xc8n\x16\xc8dR\xa9\x9a\xd4\x91[u`Vo}/\xd9x1\xa7\x01\x1e\\1K\xa0\xb4w\xeb\x8c!\x8b\xdf\xab\x89\x9f\xa4\x16\xeb\x93\x1d\xc2jAXP\xad\x9eB\x06\x9b\xcd.\x85\xa1\x05\x9b\x8dD\xcd\x02*q-\x1aY\xa8]\x90!\n\xb1A\x0c\xc5\xe2\xa2\x8e\x89%M\xd0y\x9dym\xde\x121\xed\x0cP\xed\x16\xec&lt;\xbe\xe8\xd2\xa0\x99WY9\xc4 o\x16pX\xfe,5\xab\xb6\x16l\x12\xd5\xc2\n$\xdb\x95\xc2\x12\x8aq\x16.nhh\xe0\xe2\x80\x05\xfb\xb5y4d\xb1\xb8\x13\xc5\xd4b\xa9\xe2\x9a\x08\xc2B\x0b\x11a\xd1\xe9h\x99\xa1\xc9\x84\xa7\xcb\x0e8\xf5u\xf5\xf5B\x08\x11\x0e!\x97+\x16s\x81J\x8c\xc3\xa4\x07,\xe3X(l\xf1&amp;\\\x94c\xf9\x01k\xd0\x89\xdc\xaa(+\x85v\xb1\xcaa\xf9W\x89\xb9B\xb4\xe3\xd4\x81\x1a\x1b\x11\x1a\xaa&lt;\xd8U\x0fNu5p\xb958\x1a\xa8\xc8\xad(\xa4\x98\xb8\x9e\xd3A\xb5[a\x98\xa6\xb0\xf5\xf0\xce\xf6\x9c\x13@\xb9\xe80\xb5\x10\x95\x10*\x85\xa8\xea\x1bK\x1a\xc1\xa9\xfa\x92\xde\x0b%\xbdiq\xc5\xdc\x1a\x96T\x00X&lt;\xe3Z\xc8\x12Y\x18\xa6\x1a\xcb\x1a\t\xaf\xd9l\xed ^O\xa1\x8c-aUq\xab\xaa\xaa`4A\xdb\xd1h\xa8\xfb\xa2\xb1\xa4\x04\xfc\xfa\xa2\xb1\xb7\xa4\xa4\xe4&amp;\x08\x16\xa4P\x08X\x12\x01\xba\x19l\x1f\x9d\x0f[\x16^S\x8c\xb5\xeb\x8d\x84G\x8dF\x92\xea\x9c\x0c\x12\xac\xa9\xaa2\x90J-B\x14\xe2\x05\xe0i\x04\xb8\x92\x92\xdb\x87\x877_\xbe\xec\x82\x81/\xc4q\x9c\x8d\x06\x17\x8c\x88yKb\x98\xdan\xe5\xfd\x10\x89\xcc\xdb\x8cF\xb3\xb9\xfd\xd7\xe7`\x8c\x02\x16\x8c\xf8\xb7\x06\xdc`\x10\xd7\x8a\xfa\xfb\x01\xeb\xb7\xf5\x17n\xdf\x0628\x0e\x0f\x0f\xffp\xf8\x12\xb8\xe0\x1e\x07\xfcd]DX\xe6\xe8|8N\xf1^\x9d;\x13\xf1\xa7\xb1z\xaa\xd9\x92\xd2\xbbw\x90VWak\xc4\xc5\xfd\xfd\xb0\x12\xfb\xeb\xbel\xbcp\x9bt\x0b\x02&lt;&lt;|\xfa\xef\xd5;\x7fy\xf6l\x047pq\x99\x1d\xee\xfe\xaf\xac\x85\xc2\xdf\xbbr)\xfc\x1b6\xf7\xeb\x7f\x81[\x10\xa2\xcdh&gt;\xdb\xf3\xd9\xbd\xbb\xf7:C\xe1p(\x14:x\xd4\xf9\xf0\xc1H\x1b\xde\x0f\xe5\xfa\x12J\xdfX\xff\'N\xd7\xcb\xb7oW\x7f\xfc\xe1\xc5\xf7\x8f\x0e\xe6C\xb7\x9e\xb5\x15\xb4\xd1\xd9\xca\x0c\xd6?\x9f~M\x1d\xd77\xbf\x0c\xfa\xfc\x16\x0bT\xdef\xe4\x9d\xfd\xf6\xa0\xf3\xab\xaf\x0e\xfcV\xab\xd5\xed\xb6z#\xf3\x9dW\x9f\xc9q\x91\xa8\xbf\xae\xae_$\xba622\xf2\xe0\xc5\xfdp\xc4\xeb\xb5Z#\xa1\x07\xabw\xae&gt;\xfc\xbcP\xaf\xe3!\xac\xf95]\x13\xf7\x1b\xaab,\xfan\xc89\xe1\x0b[\xa2\x80e6\xde\xbao\t\x1f\xbcx\xf0\xe2 \xec\xf7\x9a4&amp;\xb7\xd7?\xbft\xb6Z~\xad\xf6\xf7\xa2Z\xb8Q\xae\xbc2\x16\xb2x\x89M\x93\xdb\x1a9\xf8\xf1\xe9\xea-\x98\xee\xf3\xe6\x1e\x1e\xcf\x1c\rEm\xca\xbf+\x0fs\xa9*\xd6[g\xb7\xe3\x06\x89e\xb4\x85\xee?\xec|\xd4\xf9\xe2\xce\xea\x9f?\xbf\xb5\xe4\xf3l\x80&lt;\xbe\xa5\xca\xcb2t\xd7%\xd7\x0e\x99\xdf\xf8&amp;=V\xeb\xa4\xef\xcd\xb7\xe7Gn~\xb7z\xf5M\xd8\xb3\xb1\xc2\xd3\xf1\x8c\xd1\xf1\xa8\xae\xf5\x8f\xff\x10\xfd\x8e\xaa\xffd\xb6\xfdmnn\xc2g\x19\x1f\xb5\x19\xd7,\xbe\xb1\xbf\xa2\xb2\x17\x14H\xd8\xec\xb2J\xdb\x8d\xad\xc9\xc9\x95\t\xa3N\xd9\x07s\xa2\xf5?\xb4\x9a\xefOZY\x1a\xc7\xdd\x17\x9bL21n\xa4\xe1\r1\x08aJ7p\xb1\xd6\xfa#\xad\x06\xe4.\x8eC\t\x11P\x08*\xdd\x81n,\n\x05\x12\xc8\x94\xdcD~\x08\\\xea.+Xd Y\x12\x17\xd8\x042ihB\x08\x91\xb2\xb5\x9ah\xa7\xf6\xc5\xca\x8f\x18\x12}\xb1\xadq:\xa6t\xb6a\xdd\xac\x89\xae\xcd&gt;\xb7\xfd\x17n\x8f\xf1\x05W\x02\x1f\xbf\xcf\xf7&lt;\xe7y\xce9\x08;\xef/\xee\x16\x1dVv7\xed*\xf3\xd6\xfb\xacK\xb5\xf4\xdd\xef\xfd\xc5Y\x1e{z\xf3{\xb7@Y\xdb\xc7\x1f\x91\xa4\xd6J\xba\xa9\x9d[\xf6\x7f\xc4r\x1f,\x0c\xf7\xfcy\xcd\t\xcd\xfd\xe0\xe0\xe5\xebW\x18\\\x99)\xe2\x08\xab\xed\x88\xb2\x8f\xcf\xea\x1a\x1d\xb7F"aKB\xa7\x11\x0c\xd2h_}\xebz\xa1B\xa9T\x03$;\xce\xbd\xcd\'\xbc\xbe^\xfcC\xed\x88$smh\x9b[\x1a\xf9\xec\xa2\xdf=9}oX\xda\xdf\xdf\xcf\xe5\xea\xa4\x9ci\xf7\xf3\xe7\xee\xbc{Zm\x89Xe"TIp)\xc5ZK\xd8j\x8d8\x1cO\xf2\x93j\x1e\x85\xc1@\x10\x85B\x80h(R\xf5\xa6\xbb\xd3e\x0c\x9e\x9e\x1e\x91\x93\xe8/\x85\xf6\x9b[h\x07e\x13\xb0\x8697\xa5=Ru\xde\x1f]\xbd{\x17l\xbd\x1a\xdd\xdd\xad;\x1c\xb32\xf9\xd8\x0c\x1e\xf4\xf9\xf01\x91,\xec(m\xaf\xce\xff\xe9\xee\xce\xdd\x07P\xd0\xba\xd9\x1a\x05\xb0u\xf7\xab\xdd\x93WC\x1e_\xf54D\x8e\xe7\x7f\xedj6\x11ZG\'\xfc\xbb\xd3\x1c\x9eT\xcaqG\xa7~\xbb3u\xedW_\xfcn\xea\x87\x97\xdf\xef\x96Ju\xb5l\\T\xc5\x83\xe6 \xb4g"Kq{g\xfe\xdf\xff\xfc\xcd\x17\x7f\xbfv\xed\xfe\xce\xce|D\xd7\r=x?{\x92\xc3\n\x85\xf4\xc1S\xdb\n9\xd6\x9a8o*\xbe\xbaL\xe5\x10Y\x8b\xcda\xe7K;;S\xf3?&lt;\xf8\xe6\xda\xce\x83\x97\xff\xfb\xee\xb0\xbe\x1bQ\xcb\xb4s3\xbe\x11\xbe\xb2Z\x1b\x1b\xd3F\xa2\xa5\x83\xff\xfc|\x7f\xe7\x9b\xa9\xbf\xfe&lt;\xbf}\xb2\x1a\xb1S\xbb5\\\x9e\xba\xdfe\xb3\t\xc9\xc2jYQ\x9d\x97U\xd4\x84\xec\x13\x16{\xd6\x1f\x8d\xfa\xdd\x0b\x0b\x07\x8e\xba\x7f\xc1\xebM&amp;\x97M\xe0\xf1\x84\xb8\x8b.\xbc\xd3;S\x13\x8bE\xb2r\xa5\xec\x8d\x1f:\x0e\x0e\x9e\xc7\xe3\x93\x0eGdY\xae\x11Qtl.\xdaE\xb7\x05?\x90\xa5\x96\xf3&lt;\x81&amp;*\x95{\x80\xa5\x86\xb4h\xb5N\xb2{\x96\x96\x96\x0c\x06\xb9\x01~\xe52\xab\xd5\xb2\xac\x1d\xa5{\xb2\xf4&gt;\xbc&amp;\x12\x89\xec\xc9pX\x16\xfbqi}}\xddI\xd5\x10;\\sb\x81F\xc7K4N\x83\x1e&gt;ij9\x9b\xf2\\\xe5\xec\x0cVj\x02\x0b\x06\x8f\xdds\x03\xfa}D\xa3\x11#\x08"3Y,\x8d\xb9\x01\xa1\xc7s\xa7\x0b\xaf\x9d\x8a\xc4\xc0U\xb6$\xedi\xd5\xe5\xeb*\x81\xa6[\x80\x88\xc4cC\x88]\xb7\xbc\xff\xa1\xa6\xa7WCda\xed\xcbMg\x17g\xd3\xc4 \xa0\xb8\x14\r\x03\x91\xcbEss\xe2\xa1\x99Q\x85\x8c\xd8\xb3\x14w\t\x85\x1e:a\xaeZuf,-\x97\xd9\r\x88\x02EQ\xe8&amp;/\xb7\n\x88mL\xb9N\xd6\xd8\xffP\xa5\x07m_\x92\x84\xd5\xc8U..\xac\xff\x00*\xa2\x0c\xb4\x1b4\x9fv\xfaj5\x1c\xba|\x85]\x96\xd0\x8e\x8f\xb1\x84B!\x9d\xdf\x87Wq\x98\x91\xa9QbO\x90\xd8\x02P\xf6B\xab10\x08-\xa5F\xa7\xcb\xed\xef\x9fJ|\xe4`\x81\xb7\x12\xb9\xf3\x8b\xb3\x9e\x87@E\x84\x90\xd2-\x16\x8f\xcd({\xf9&gt;HT\xca\x19EL\x06\xf3\x10\x1d\xf9\x88\xe5\xc3a\xa4\n{\x85\x1464\xd3\x1b\x04\xac&gt;\xa2\xe7\xb8E\x1b\x1aBt\xfd\xd8~\xf3\x83\xc4\x17 )\x88\xed\x8d\xf1\x8fX\xf7\x00\x8b\'\xbd\xd1\x0eU\x8c\xcfh\xd4K\x8c\xe6&gt;%&gt;3fO$\xb4b\xec\x0e]\xe8\x11\x8e\xf8\xe0A\xb5\x9a\xda+\x14\n\xa9^\x9f\x0f*|x\x9c\xcd\xbaFh\x02\x81\x8e\xc2o4O%A!Y\t\xa2!j^\\\xa8\xdb\xd9\xe0,\xdd\r\xd5[\xd7{(\xd7\xf5Fc\x01j\xf8^\xe5\xcc\\B+B\x07$\xe0-\xa1\x84\xdf\xa5\xc4\xab5&lt;\x95Ja\xa3\x98\x8f\x80\xb2\xd9B\xa1P\x96\xde5$\xd01F\x1a\xfbU\tN\x16\xd6O\x8d\xdcx\xe5\xac\xd2)\x85$\xcfu\xbeue\xb3\x01\x89\x91o\xd6\x8f\xf0\x89\xd2oT\x94\x93\x0bh,\xbaG\x18\x00.B/\xdcW0\x9bS\xc4Zd\x04\xac\xd0\xd1\x11`\x81\\\x14\x86\xb2V\xa5\xfb\xaa\x1er\x16\x9fK/\x1a\r\x8d\xc6t6-\xbd\xc7\xd3Q\x9c\x84X\x10?\xa3\x9e\xe8s\xf4\xfaL"\x91C:\x98#B\x9b\'\x0bI\\\xc2\x0f\xe2\xc1\x8f\x7f\x82\xe2\xde(\x81\x10\x82Z\xb6\x00\x9d\xd5+\xd0 5\xbeP_\xc5C\xe4\x9c[\xdf~\xadm\xe6Zs\xe7\xf5a\x0e\xccB\xe7\xdb=\x97\x0bp\xf4\xd0P\x04\x02\x92L\xa4"\x93#\x1d\x10C\x1b1\x02\x80\x05\xe6\xaa\xa5\xe8\x01\xa21\x83i\x10\xb0\xd9\x08uY\x03\x1d\x1a\x81\xcf\xe3\t\xd6|\xe4\x146mm\xc7\xa2\xc6\xb2J\xd1\xa8\xc0z\xc85\x10A\x0ce\xe1K\x85\x01\xa1P\x82F.""\x85\x00eI\xc0Y\x1e\x0f\xe1._\x10\xaf5\x1a[\xa9\xbd\x80\xc7C\x90\x82X\xf0\xf6\x11Vk\xf7u\x9b\x8d\x8e\xe3\x92\r\xb2:\x0c4\x97S\xa8P;\x97\xc3\xa3t\x03V\x08\xcc"\x04%$\xc6Ld\xbb\x14\x87\xac\x89\xed\x01\xa3\x87\xc0\xa2\xeb\xa1\x91\xc5s\xcd\xa66\x9d\xa2gC`\xac\xa3\xa3OXL\xea-\x9b\x87n4zH*\x9a\xdbV^\x88\x14(\x8d\xd9\xc1eK)\x0c\xa7j\x0f\xd4\xca\n%\x12\xbd\x19-o\x9f\xd4eH:\x83\xbaB\x84X \x0c\xd8\xceh\x0cf\xb4\xe7\x95\xc4\x16\x06\xef&lt;"\x0c\x0f\xedc\xd7\x04\xb3\x93e\x03lI\x88\xac+\x11m\xaf\xc72 \x89\x80\xc2\xd1Q\x96\x14D\x14\xdfC~\xe0\xf7a\xc9\xd2I\xa9\x9c\x93\xcb\xb7\xd2\x13.\xc2J\xb6\xa3,\xccP\x9f/\x98\xc2Lg\x95\xc4\\\xa6\x10 \xfc\x0e\x11\x97t\r\xd0:F&lt;\x1e\xbd^HV\x0c[Z\x8e\xd1-\xc3\x15\x86\x81\xc1\xeb\xa1,-9!q\xed\x11\x19\x003\xd4ON\x1c\xdeX,\xe7\x8d\x19\xd0\x82\xb1P\x90\xd0\xcd\x18\x8e\xe1x\xc6\x9c\x92W\xce\xc3\ty\xc6\x1c\xf8\x08\xa5\xe7\x03\xd6\x15\xa1\x10f\xaam\x854\xac\r,\xbd\xfenm\x9a+\xed\xa1\x18\x96 \x8c,\x16$R\x0c\x8do\xef\x94\xca\xde\x987^\xce\xc7c\x19\x0c\xc3RX:\x16\x8f\xe7\xb62\xa9T:|\x1e\xb1\xe4\x10\x8c%!\xb2\x08\xbf\xafo\xa0\xfd\xaa\xe7\xce\xc6\x86-D\x1e\xd6\x8a\xcb\xf9\xea/\xef\xdcj\xc0zhXR\xa0L&amp;\x86\x8d\x8e"\x8e\x93\x13\x7f\x12\xb0\x92\xe5C\x07\x14\x84^C:\x1d\xaf\x9f\xd5\x93\x99\x94\xb9\x80-W*&amp;\x99\x1c\x9d`}\xcbb\xb1\xcc\x03\x03\xb4\xce\t\xfd\xeb\xaf\x1f\x876H\xdcI\xda\xf8\xe9\xd5\x9b7\x9bV\xb5\xb4\x9f\xf2\xf0!\x83(X\x06GQ\xfb\xee\xce\xaa\x1bb\x08\\P\x8a\x1e\xe6\xf3qo\xf2\xbf\xe5x.\x9d*\xa4\xcc\xa9X\xb8\x12N\xd8\x11\xd5\x04kbbb\x80\xa9\xea\xa0v \xaf\x1e\xfd\xeb1\x99\xc7\xfb\xb77\xde\xbdy\xf9dv\xf8f\x0fp-\x11\xc7c\xe8\xe0\x10\xbbtRO\x12T\xf1x&lt;\xefX&lt;\x8c{\xbd\x0bq\xef\x16\x84\xb0\x10\x0cbi\x90k\xd9NU\x11\x87\x06L\xa6\xaa\x9d\xba\xfel\xed\x97\xe3\xe3\xa7\xa4\x9e\x91\xdd^y\xfc\xea\xd5\xbbw\x7f#\xb8(\x86nD\xa0\x18\x12\x9bJ\xbbe\x08]2\x9e?&lt;p8\x16\xf3\xb1\xd8B&gt;\x1eOz\xb7\xd2X&amp;\x83\xa1vk%\xac\x03,b\xe7\xb7\xb5\xddI}\xb6\xf2\xf4\xd1\xa3\x15\xd2o\xb4\xb4]jy\xbav\x93h^)74\x02\x81X\x1b\x8e\xa8\xa1\xc1X\xc8;\x88k\x18\xd1\x92?\x99&lt;(.\xd6\xfd\x87\xe5x2\xe65(\xb8\xea\xb0\xc3\xc2\xa01\xe1\xa7\xb5\xbd\xb3\x9d\xfa\xfa\x12,\x18\x9f\xe1\x9eM[\xcb\xd7\xbfH\xa5=0(\x1a\x04\x993Y\xe4\x06\xde\xc2\xc1bt\xf5\xfe\xd4ji\xd7a\x05\x87\x15K\xab\xdb\xa5\xe2\xa1\xc3\xef\xcf\xffq\xd2=m\n\x1b@\xabV\xa0Rt\xac\x1d\x7f\xa6\x1b\xa8m-_&gt;\xeb\xe9\x91\xc2\xb0\xcb\x11\xd1\xb2E\xc3]X\x04\x95VO\xa6V\xeb\x8er.\x07\t,\x99/\x96\xa2\x0e\x98\x98\xc5b4:\x1f\x9d\xb4,\x0f2i\x83\x83\nj\x87b}\xa3\xe5s\x8d\xb6c\x90\xea&amp;\x87\xa7\x93#sV\xf6\xb0\x7f~jj\xbe\xb8\x18]\x8c\'s[0\xa0\xbb\xc0\xd2I"\x84\xb1\xf8\xe1\xee\xf6\xd4ITm\x1a\'\x8e`;;\xdb;_\xac|\xa6{e\xf0\xb1\x1b\xfd \x17\x8f\xc0\x92\x85g\x17W\xb7\xb7\xff\xb0\tY\xe1Gg&amp;\x93\x81\xdc\x8e\x07\x83{{\xa9t\x1a^\xa5\r\xbc\x83\xe2\xf6\x94\xdbb\x1a\x02\xae\xce\xceV\xc6\xffy9\xdb\x98\xb6\xce+\x8ew\x9d\x8d\x95\x1a\x14\xc9F\xf6U\x91]l\xf16\xae_0\x17b\xea\x8b\x95\xdcy`2"+\x011\xde\xe28#\xb8&amp;\x05C1\xca\x05\x01\x81\xc6"\x8ac\xc7Fq[\x82I\xa4d\x89mb\x8c\x86\x1a\x15F\x13\x11\xd2\x99\xda\r\x12n&amp;\xadJF\x14\x8d\xa4\x13\xa9\xab\x04!\x1a\x10H\x91\xb2\xf3@\xf7yk\x9b\xbbc\xcb\xba\x1f\x7f\xfa\x9f\xffs\xees\xee=\x8fg\x93\x18\x13\x0b&lt;O\x18H\x84U\xd2\xfa\tP]&gt;[w\xf5\xd2\xc6\xc6\xa5\x08\xc4\xdc\xf5\xc1\xee\xeb\xa3\xabss7"\x89\xc8\xc0\xc0\xf0\xa8\xd7~\xf9\xee\xd9\xd6\xd6\x83\x85i)\x82t\x91\xe7;\xe6fuwsg\r$\x89\x1b\x08cE\xeb\'}\x17\xbe\xbc|\xd3\xfe\xf0\xeb[\x17\x9el@\xdc\x8b\x00O\x02\xf8\x06"\xd0\xe9\xf7}~\xf6T\xdd\xc9\x1f&gt;\xef8\xaf-\x92\x02\x96`\x9a9k\x81\\\x13~\x92\x84\xa2j,9\xff\xd1\xe1\xe3\x17~\xb0\\\xae\xafw\x99\x9e\x0fDb\x91\xe1\x97\x9eHdu}uuk}}e\xf9\x85\xeb\xee\xad\xbe\xaf/\xdf\xff\xe0\x8f\x85Ei&lt;\x01O\xb24\xf3\xc6n\xe6\xb0\xc6\xa7\x01\x8b"\x8c\xfb\x8c\xb5F\xd5\xf1[_\xde\xdd\xf5\xab\x7f.\xf7\xcc\xaeOl=\x1e\x1f\xdf\xda\xba3\xf3\xaf\xad\xf1\x89\x89\x19\xf1\x83\xb5\x0bOZ\x8f\x7ft\xfcO%\xcaL\x10\x8b\xe7y\xc6fR\xad\xf1\xdb\x08\x8b\x94\xed+\xeb2\x8a*j;\xfan\xddZ\xbb\xd8\xbe2\x91;1n6\x8f\x8f\x9b\xdf\x1a\xbf\x83\x8d\x8f\x8b\xc5\xcb\x1b\x89\xd1\xaeC\x15%\xef\x97e\x14\t$9\xbc\xe9\x897\x18\xc5\x9a&amp;\t\x92\xc2\r\xf2\xc2\x92\n\x91V\xd5&lt;\xb0\xf1\xb7\'/{zz\xc55\x98\xde\xac\xd7\x9b\xcd\xd8Ln\xae\xb8fexq\xb8\xb2\xeb}\xad\xb6\xb8\xb4\x1c\x89%\xb9=\xfe\xc6nf\xb1\x024\x8eS\xb2bm\x896\xad\xb2y8\xb1\xb8\x18Y_\xee\xa9\xa9\x99\xc1\xf4\x98\xd0\xac\xc7r\xc5\xed5+\xab\x89\xc4\\\xa5Q\xae\xd5f\x96\xa6\x01U\xba\xf7\xf6\x0c\xc3X8M\x93\xb8\x95R\x95\xc9\x8b\x8b\xa4\xcd\xb1\xab\x1b\x8b\xe1G\x9b//\xf6\x88\xc5X.\x86a\xe2\x9e\x9e\xe5\xf5\xd5p\xe2\x86.E\xa7\xd3j\x95\xe5&lt;\x95\x80\'\x88\xdf\xfe\x98Y,7N\x93$m\xb5\xcaD\xf2}Re\x7f,vo1&lt;9\xb9\x18Y^\xe9m\xef\x81l\xf6,\xbf\xdc\x0c\x87\x13\x919\xd8*\xea\xf6\x1d,\xcc\x13h\x04\xe9n\xa6\xb1\xee\xb8q\x8a\xa6q\x8aR\xa8\xe4\x15\xda\xa2\xeaf\xcf@"\xbc\xf9hrr\xf3\xe5D\xfbD\xcf\xca\xf2\xf2jx\x12\xb0ntK3\xaa\xca\xb4\x07\xcbD\x1a\xc9\xb4\xdbO.1\x8d\xa5\x08\x06\x91\xb9\xa8\x06\x95Q%\x956{\x9a\xa1Z\xbd\x02\xae\xc9\xad\xc7[+\xeb\xe8"\x1c\x0eGF\xd1\x9bD\xc0\xda\xa7\xd2H\xdc^\xbf\xe1+.\xc3X\x06\xca\x19\xa4)\xcaJ\xf1\x8d\xcd)\xa0\x96\'6\xb0\xba\xb5\x058\x8f \x00\xea\xd1*$q\xae\xaaj\xeah[\xb1V+\xe7{\xddn\xbf\x9f`\x1c\xab\x01w\x9a\x82\x08\xabA\xc6\xaf\xacl\x06\xaeaT\xdc\xb7\xb1\xe0\xe7\xd5\xd6\xab\xcd\xf0\\\xf7\xf7U\x19\xc7\n\xdfK+6\xaa\x01+\xee\x95\xcd\xb2\x19\xad[\x13^\x83\xc2ir\x06)\xabU!3\xca\x05\xb0\x83\x8e\xc5\x06"\x890\xd2i\x1b\xeb\xd5\xea\xe6\xdcuHaiF\x99\xb4H\xc4W{\xfd\xfe\xff\x03\x96\xba\xc1\x104\x99\x9cN+dQe\x94\xf3e|\x19\xec\x9c\x13\t0\x142UxsssNW\x85\xda\xb0\xb2\xe2\xa2"\x15_\xed\xf7\x07\xe2\x1a\x82i,\xa2\xa1!\xe8\x04\xae\xa0\xdd$\x13\xa8TrU\xb3Lq\xd5z\xe9\xde\xbd\xc5E\x84\x16\x0e\xdf\x18\xed\x87&amp;\xec\xe8Q\xe9\xc12e\x8a\x06\xb0\x16\x02j\r9\xcb\xec\xd9\x95\xef\x0c\r\r\x94)\x04r\x85|\n\x95\xaa2E$\x01\xael\xfbg\xa7&gt;{\xf2d\xa3\x03\xba\x8b\x98\x07aA\n\xcb\x94\x05\x02\xb5\xda\x1f\x0f\xc4=\x8cc=\xc6\x1b\x08\x05`\x99L\xd1!;\xa1\x11I\xa5\xc5\xc5:yEW\x83\xa2\xd6z\xb8\xae\xce\x8a\xabU\x95\xba\xee=J\xa5TW^\x9e\xe2!\xe2\x0b\x81\x80Z"\xa1\x96\x18\xc6\xca\x96u\xc9p;pEG\x1eR|\xb9T)-\x93\xa6\xe9t\xd7\xdf\xbb~\xf0\xf7\x15\xd0\xed\xeb\n\xf7\xa0\xb1\x88\x8cBiyy\x8e;\x0e)\xa4\xe3\xe9~\x13\xb3X\xdc\xd9l\x99LF:C!S\xa8\xb11\x8akt\x19{\xfe\x80F\xca\x06\x07\xaf\x9d\x1e\xbc\xd6\xd6\xd66\xd5\xd4\xd4\xd4\xa2\xdc[\xaa,\xaa\xe6M\xfb\xc1\xef\x01\xd3\xbc?\xe0\\bt\xbb\xa5\x7f\x9e\xdd%\xe3\xab\x83\xf6\xa8)4\xe2\x183\xa9%\xcaR4\xfa\xb3g\xb0{\xf0tK\xd3v\xbc\xf3N\xd3\xde\x96&amp;e\x96dz\x01\xc5|\xc8\xb4\x10\xa0\x98\xc5\x9aq+@-\x19r\x17`\r9io\xd5\xb1\xd26e[\x1bz\xa1\xd1\x02\xd1\xd4\xb2\x83\xb5\xb7\xa8\xdaK\x87\x02\x88+\xb0\xe0\x0eP\xcf\xf5\xa9L\xee\x99\xe3(\x892\x02\xb7G\xa3c\x8eF\x9f\xd3\xdb_\x04^\x9aj\xd9FBS?\xbf\x05* &lt;V\xd5O?}:\x1f\x08\xc4\xbd\x81\x05?I=?\x01{D6c\xf7\x1e\x12\xd4\xe2\xf3\xd5\x06g4:\xe4\xa8o\xf4\x05\tO?\xdc\xff\x0e\xb4l\x93\xa1Y\xa4s\xe7\x9a\x06\xdb\x0e\x1c\xab\x8e\xf9\\c\xf3\x01\xda\xeb\x01\xb4\x00\xf9\xe2\xa289\x19\xc3\x18\x01cc\xcfp\x05P\xf1\xf9D\xd0n\x1f\xb2\xe4[F\x9e\xda\x9d\x01T\xa7\xa6\xda\xa6\xa6N\x9f\x86\x04\x9e\xfb\xf3\xb9o\xaee|\xf8\x95;\xd8h\x19\xa3\xe98\xf8&gt;\x0e\xa5\xcb\xb9\xf6\x17,\xf5\xd7\x98X\xcfz\xddO"vs\xc5\x17_\xa0\x1b\xb4\x06\xe4"\x83\xf6\xa1\x93\x9dh\x90e\xc8\x17pWW_\xbb\xd6\xdd\r\xcb\xf0\xc0\x81o&gt;\xfc\xbez\xb4\xbf\xdf=\xef\xb3t\xfah\xd2\x93\x03\xbb-\xa8\x12\xf3\xf6\xb5\xf6#\xa9,3f\x83\\\xbeN\x97\x1d1c\x0f\xfe1\x86\xc3B\xd4\xc0-E\x8d\xd7EG,\xf9\xfb-.Wc\x88\xf6{\xa0\xbd\x1f\xed\x96J\xab\xaa\xd7\xd7\xfbc4M;\x9f^\x81\x06\x92\xf6\xf2\xb2\xa6\xdd\xb0\x1a\xe7\xe3]\xf3=\xa9\xec\xd4#,\xae\xd9f\xd3\xbf\xbe\\\x1e\xd1\xdbj&gt;\xbdrS\xd1 Cr\xa9\t\xdcj\xff\xa2\xb1&gt;\xbf\xd3\xd2\xe9\x18\xf1\x99\xe8Xl\xb8\xb9\xbf\xbf\x7f4\x06LN\x1f\x84k\xbf\x03\x8c\'I)\xc8YX\x9b\x9f\xf7K*\xd4+,\x88\xd4\xd4T\xd6\x9b6\x1b\xeb\xb5\xd9\xcaV\xf3\xf7\x913u\xdbX\xc8\xf38p=&lt;\x99\xff\xbb\xfcNG\xe3\xd8P4\x08\x8d\xc7p\xcc\x13s\xda\xa3\xbe\x87###\xaeN\xcb\x98\x93\xd4\x88\xb2\xca\x0b\x02\xf3n\x1eOb\xd4&lt;\xe3\xb0\xd9\x80\xc5Jeq\x84\xd8/~e\xb0\x9b\xad\xc7l6q\xae\xf0\xafcg\x8e\x1fVtm[\x9eO\xe0\xc0u\xea\xcc\xc9\xfc\xb7\x7f\xb3\xdf\xe1j\x1c\xf2\x85L\xd1\x87Q\x9a6EC\xbe\x11\x97\xeb\x8a\xc51\x16Tk$Y\x99\x99y9\x05yY\x80e\\~\x8b\xb5\x8d\xc5bq8\xe2_v*0\x95\xab\x17\xf7\xf6\x8a\xa1\xd9\x12\n?=\xd3z\xb8\xd6\x00T2\xf41\x18H\xaa\xae\x0e\xf2\xb8k\x17\x08\x06\x0e\x03\x98\x91\xa7\xbe\xa1\xb1\xa1\xb1\xc6+\x96NW4H\xa8\xd2y\x99\xe5\x99yEy;XK\xe6\xd4\x1d,6\x87\x83\xd9~\xbe\xbdR\x93l\'\xda\xdb{{s\x85\xc9\xc9\xc9\xc2\x9a\xb5\x8e\xda\xdal\xc3\xb6X;%\x15\x87-\xea\xa9\xb3\x0et\xa8.\x7f\xff\xfeN\x0b\x84\xc3\xe2p8\xe0\xca\xe5TkT\xa2\xb4\xbcL\xc4\x95\x97Y\xc0\x93\xa8\x8cP\xe8\xd9\xc8^\xacw9\x9c$X\x91?oA\xb2\xcd\xe2\x13 SMon\xb2P\x08\xdf\x07\xf3\xadh\xd8\x80\x00*\r\xe2"\x14\x94\x02\x1a 4\xdb\x06\\o\x03\x1a:\xda\x89\xce\x07:\x86\xec\xb4D\xa2\x12\xa4\x15d"\xac\xcc\xcc\x82,\x9e@U\x81\xb0\xd8?bq\x92\xa0\xb6\x9a\xb9?\xd9alH\x9ex\xbbK\xae\x11\x02U\xb20\xf9[\xd3\xf9C\xd9V\x05z\x00\x0e\x15\x82/#\x0c`{\x05I\xe2\x94\xbd\xf1\xca\xc9\xce\xfa\xfa\xfaN\x90\x0c\nY\x94\xd2@\x1f\xdd,/FTH-\xb0\x17\xa8\xd5\xf5\xdc\xcc\xda\xc1\xe2$q8\\\x0e\xe7M\x0c\xfd\x05\x08\xfb\xa7\x14N\x0c\x94\xca\xc5r!\xda\xc5\xc2\xed\x1c\n\xbf\r}p(\xdbN\xa9i\xb0\xb2FC\x922\xb5Z\x81\x93\x06\x12\xbc_Ww\xea\xe6\x99\xfb\xf7\xfb\xfa\xfa:\x14\x1a\x89\x04\x1d\xbak\x1e\x16\xa5I\x0b\xca\xd1\x088r}\xbaD\x95\xbd\x94\xb4C\x85\xb0\xb8\xdc\x1f%\xb3az3\xf7\x7f+\xfcl\xdb\t\x80\x12\x03\x13\x96\x0b9\x14\xeeDO\xa8\xa3+\xbb\xce\xa9\xa6}\xa4\x86\xaf\n\x99\xf8\xe8)*\x18\x1f\x82\xc2\xa9\xc3u\xb0J+\xe4\xa2,P&amp;\x07\xbe\xa2\x94\x82\xb4\x94,D\x05be\xa5\x80\xe5\xad\xcf`\x05\xfeG-n\xd2\xbbl\x08@\x83\xea\n\xe9d\xfdW\x9fq\xc5\x08*\x17l\x05\\\xe2\xf6^\xc8$\xa2\xc2j\xd6\xbe\xa8PX\xad\x04\x19\xa25\x1a\xb5\xcf\xa4!\x08\x05n@\xfd5N\x12\x04\xf1o&gt;\xce\xe6\xb5\xad\xf4\n\xe3\x92\xae\xee\xbd\xf4\xea\xa3\x92,\xeb#\xb2\x84&lt;"\x8a\x90\'&amp;\xc2\x02q-W8\x10\xf0"\xdc\x98N6J\xc9\xd8&amp;\xad\x16\xb3\xf0B\x01\x0fc\xe4E\xe8\xa64\xa5\xb3\x08\x94!5\xd2\xaa5\xa4\xc4XB\x0b\x87\x82\xe3\xe2E1\xa4K#\x9c\x8d&lt;!\xa4\xcd"\xc9\xa2\xe4\x0f\xe8\xf3\x9c\xf7:\x1f\xa5\xf4\xb5%\xeb\xc3\x96~\xf79\xe7&lt;\xe7\xbcq\xaek\xf3\xf9j\xb5\xba\xb6v\\-UK\xa5R\xb5\x1a\n\x85\xaa\xaeX\x82\xb5\xd3Yq\xb1\x0c\xc34\x14\x16\xb9tSk-\xb1\'\xad\xfc\xdf\xbe\'\xd1\xcbQ-\xe4{\xb3\xdda\x82\x81\xaa\\\x1e\xfc\xf6\xe7w\xd6\xaf\xd6\xeb\xab;\x13\x95\xfa\xbf\xee\xd7j\xc0\x9a\x9d\x9dY_\x9f\xa9\xd7\x1f&lt;)]\xff\xe5\xbd\xb5\xb5{\xf7\xd6\x00\x15\x83`\xa1L\x06\x85\xe8b!\xb7\xbe{\x9f\x8b\x07\x04KGji\x01\x17\nw\x11Z\xdd\xa27\xb6\xe2\xff\xfb\x94\xf0\x15\x16_\xca\n\xa6\xca\x12\xc3\\\x13\xf6\xd0\xc1\rr\x95\xcbG\xbf\xfb\xc3\x9d\xf5\xf5\x9d\x9d\xfb;\xb5\t\xf4\x97\xab\x08\xe2\xcc%\x16\xe3\xccL\xbd\xf6}i\x8d\xff\xe7\xfb\xde\xda\xf5b,\x96H\xe4c\xa1L(t\x85L\xd0\xb0\x18\xca^\xbe\xf4\xcf\x96\xae\xd4\x92\x18\x06\x04\n\xf7\x89\xc7\x9e\xe4\xd7\xd0\xc6Q\x03\xe8\x9b\xffE\x05\x9b\xba\xbbd\x98V0)\xc9\x0e\xaa\xad\xad\xf6V\x939\xc6\x92l?\xff\xe1\xd2\xfa\xaf1\x97~\xbbS_\x05\xd6\x97\xfc\x17\xfa\x1b\xb8 \xe9\xebs\x0f\x8ak\\\x17\xa1Lbz:\x11\xe3\xe9\x07\xc0\xbar\xa5\x9a\xc1C\xd9\xc5\x9d\xd3\x95\x80\x8be\x1a\x16\xc52u\xb7\x04T\xa7\xc4\x13-\xb8\x06j\xe0\xb3\xea\x8c\xdf\xdd\xdah!\xd2\x06\xb1\xb0\xcaB\xd5\xdej+,P\x1e\xfd\xea\xaf3\xebW\x1f=\\}\xb8:\xf7\xe8a}\xa2&amp;]\xfb\xcb\x1bP\x0c\\\xf3\x0b_T\xd7\xae\x97byR%\xf2\xc8y\xb8\xc3\xf5+\xd5b\xb1\x844\xfb\xea-b\xa8\x82hh&gt;\xc3\xd4]\xe9d\xe9\xba\xcd\xc24m&lt;\x1808b\x9c\x1bZ&lt;\xb5\xb1\x95\xc23\x81\x80\xe5\xf3\x05\xe9\x08\xc4j\x8a\xc9KQ\x96\x9b\xcd\xad\x7f\xff\xb0~\xa7\xbe\xba\n\xb0\xfa\xa3\x8759\xbf-\x9f\x98G\x1f\xa2`7\xe0\xea_\xc4\xf2\xc2t\x13A,^\xa4=\x9cc\xcd\xbd\x1b!r$1-\x1fn\x98J+\x8a\x160\x0c\xcdP\xf1\xc4\x03\xa4l\xddM)\xaa\xd6\xc6\xc6]\x9a\x9c\xa1i&gt;\x9f\x8fW\xc1\x14S\xab\x8d\x0b2\x9f\xa9\xd6l6\xb7\xff\xf1\x9b;\xb5\xb9\xda\xdc\xfd\xfb\xb5G\xab\x89D"\xb6\x10+\x85\x12p\xd6\xb9\xfa\xd5\xf5[w*\t\x08%\xac\xd9R\xb1\xc8\x08"\xb3\x08\x15\x0b%\xde\xe6F\x06\x13\xca\xafkV\xe0\x9c\x8a\x92iX\x90\xc9\r\xa4\x1bW}\xc9\x85\xca1!M\rRY\x9aa\x18\x96\x8f\t\x06\x92\xf6\xf6\xd1\x16\n2\xc76\xd4l\xee\xff\xf1\x9b\x1a&lt;~\xfe\xc1\x83z-\x96\xcf\x97*\x95"\xba\xf0&lt;\xe7\x9c\xf5\xdb\xeb\xb3\xdfM\xf0\x9c\xeaD6T,\xf2\xe4\x03\xacj(S\n\xc5b\xf9\xdf\xbf\xb3\x03\x9a\xb0\x18A;.\x11\xd4E\x04y\xd0\xcd/\xbf\xd0\xaaV F\x95[2EK\xcb\xb2H\xaf\xe8\x82\xa9\xe6\xf6\xa0?\x1c\x9e\x94\xc5\xc2$\x90\'\x7f\x99\x9dx\x80\x0f\xbc;OW\x8e\xc5\x8a\x92\xe2\xf3\x18\x0bo\x7f\xf3\x8b\xdb\x97\xe6&amp;*\x89|\x89*\tU1\x83\x82\xccf\x17\xa6\x7fL\xe9\x86\x10\xc4s\'\x83\xed\x9c\x19_\x89\xc7Gq\nt\xae\x0f2\xeb\x03!\xb1\xee\x02*`\x93\t,\x16\xae\xf0\xc5\xb4\xad\xf2\xd6\xf6\xc9xX\x88NN\xf6;\xac\x00zj\xca\xd7|\xff\xf7\xb9\x89\xda\x04&amp;\xa9&lt;Z\x0cL\xb3X\xa2M!\xa3&amp;fo\xdd\xbe5\x0b\xaa\x18\x88.\xca\xaa\x16\xf9K\xbbl6;\xfdt\x0b\xa6I,3\xfe\xb2\xdb\xe8\x8e{\xa7\xed\r\x16T.\xa9\xaf\xfct\x05\x88\xba\xfd\xb1,\x15\xd6\xc6\x92\xa1\x07\x02\x86K\x14\x0cj~;\xd9&lt;\xdd?\xdbu"\xe9h8\x1cN/\xf7\xa4+\x06\xf9\xb4\xd9|\x7f\x1f\xb3iM\x82\x05\xd3D\x0e\x11\x0bN\x95\x98\xaeLL`\xc2*\x159\xc9H\xd7)\x86\x16B\x0b\xd0\xea\xe6\x93w6\xa8\x98\xf1\xa69h4\x9c\xc6\xe6n\x7f&lt;\xee\xe3j\xb0\x7f\xda\xce\xa5\x82\x96\x19W\x1e\xf1\x11\xcbB\'\x10\xa9\xc0\xe43G\xa3T\xe7\xe8d\xdc-\x80\'\x1a\x8epy\xfb\x1d-(\x19\x87\x97\xb67\xde_\xad\xf1\xd7\xd5\x15\xb6d\x17+\x0fWHP\xbe\x18S\xfd\x8a2wd{H\xa8\xb2O\xde\xe0=,\x11Ko\xf7\x1b\x9b\xcer\xa4\x00\xb6B\x01\xd7\x9b\xbb\xe3\xb3\xc1\xc9Q\n$\xa3\xcf\xb0$\xa7D\rs\xe4k\xbf\xec\x9d\xed6\xbca\xbb\xdf\x01\x91\x00\x00\x06VIDAT\xaf7\x82\x9fZ^\xe6%\xb2&lt;\xc8i\x96\xe1.}\xe3\xed\xb7T\xab\xc2\x13M\xf3\xa5"\xc2\x88 \x92\x88\x8c\xd5\xaaX\xa8r\x86Lh\x01+\x14{\xd3\xd2\x11\x0cx\x15\xc6\x99\xde\xb0\xb1\xec\xf5\xaaWv\x9cM.\xc7\xe9\xf6\xca\xc8\x1cC\xcd\xfaJ6\x8f\xab\x94\xe9k\x02i\xdcm\x08\x91\x02*D\x08\x18N7zIW,,;\xf7\xe3\x9f\xe78sU*,:\xe6V\x9e\xba\x11\x0b\xb9&amp;%\x08\xa90?\xf0\xfc\xb7L\xe8\xe9\xbb\x96\x1fT\xaa\x0e\xdb\xe3BA\x1d1\x91\x86\xf8\x1cn:\xbb=\xec\xb8}\xf2-\xca\xf1\xe3\x0c\xa2\x0fw\x93\x9d\xfd\xb3\xbe\x8b\x84\xb8\xe1\xe7\n^\xac\xf4\xe4\xe4\xd4\xd4\xd4dz\xf7\xa5\xa1J\x94\x0b{\xeb?q\xe4\x9a\xaf\xd0\xa4\x00\xc6?#@\xbd\x10B|\x94\x08&amp;\xe7TB\xacL\xe6\xd5kK\x87E\xe3=A\xa5\xf56\x0b\xcb\x85\xe5\x06\xf2KI\xe58\x8d\xe1\xb3#PYb\xf2\xd2\xbfm\xd6\x80\xc7\xd4}\xed\xfdg]G\x94a*\xc9u\xc4\x9bF\x11\x12jj2\x1c)&lt;k\x1b\x16\xe5\xa2wh\xa6o\xef\xed\xf7T\x0bk1\x0f\xa8&lt;*\x91\xd7\x14M\xfe\xca\x01\xfc\x8a\'\x99\x85B\xc5\xc3=\x03\x11\xf4\xa1\xdd`\xc5O\xfb\xce\xa6\xc3\x9c\x07\x9a\xd3`8\x9c\xe7\xfb\xeds)\xe9\xa6\x9c/\x18JO\xaa\xd3\xeb;\xdet\x180\xe1\xb0\xd7]\x910\xa1\xb0\xa2i\x11\xb01(+C\x13\x1b1\xed\x837O\xe6\xe7\xb1m\xf8\xbaryq\x91`,E1\xf8|l\x81n\x9aY \xd5\xab\x17\x07\xba\xadI\xde@\x8axj\x00\x89\x1a\r7A\xc2x\xe9n\xafmc\xfe\x92&amp;&gt;\xf2\xb3{\xe3\x86m\x98~\xcf\x80\xb1\xc3\n\xcb%\xc2\\J\x87\x85*\x1a\xc5\r\xd02\xc7\x1c\xa4\xd7\x07\xa7\xc5\xbb\xb4\xfev\xf8\x84T__\xbe\xbc\x98M\x10(Qa\x19L\'nf\x91\xe6\xfc\x9f"\xa1W\x87{\x96\xdf`\xe2jl\x86qs\xbf\x0b\xaa\x88$\x08^\x17u\xb8\xbb\x9f\xf4\xa3\r\xb3\x19)\x97\x07\x96\x9f\x8f\x18\x9e\x08\x83\xa6\xa8\xbc\xa0\xa01`M\x9ec\x91,\x9d\xf6\x867\xf7\x93LyM\xd9\x9b\xcf\xb0\xad\xbd\xc3\xa7\x15@!\x8c\xd9&lt;\xb1\xa6%\xdd\x12\x8b&lt;w$\x93)\x1e\xbf\xd8k\xb1/#\x99\r5+\x1f\xed:\x08\x8b\x97\x91a\xc6\x0f\xbb\xe3\xa3$\x9b\x8bh\xa5\x1c\xdf/}\xd26\x81\xc5l\x82BXQ\x01\x8a~H*&lt;\xc2\xafS\x17\xa6\xf0\xd8\xf0\x13.z\xabf\xb6\xf6^\xbcJ\\\x96?P\x01\x8f\xe0@3=\xbd\x98\xfd\x19\xff\\\xc5\xab\xc3\xd7\x8f\r\xbf\xa9\xf1;-5\xc1\x8c\xb6\xfb\x85\x06t\x8f \xad\x80\xd4\x1d\x0e\xc7\xdbA\x83R\xe9\xba\xbb\xdbF\xba\xeb68\xf1\x16\x9e\xb0KC\x14j4%H\xd7.\\\x10 \xae)y"\xda\xddO\xd2T\x15\x16\x8c\x9f`\x8f_\xbf8.fC\x19tl\x99\x94\x91\xe8\xd9\xea\xf1\x8b\xd7{\x07\x06^_\x0bJ\x89)\xaa\xd31r\xbc\xa1\x16\xca\xd0\xd9\x1co\xb7dc\xe6\x8e\x83\x94I\xba\xb2\xccU\x9e\xa9\xf3uaJ!\x08\xca\x85k\n\x8b\x90\x88%#\\\x00\x97f\xa9\xfc\nr\xd7A!\xec\xd6\xc1\xe3\xbd\xd7/\x0e\x0f\x8f\x8f\x8f_\xe1r\xf8z\xef\xf1\xc1\x92\x81f#\xaf\x8f`\xbb\xad\xeee\xbfQ`\xc6B\x814\x15\x1b\x9euDF\x99\x9d9\xbc\xb8\x8d\xc6ms\x9ek\x17&gt;[\xee\xdd)W\xbd\xa8\x14cA9\xd9\xb0W\x86O\x90\xcb\x05\xa3d\xb6\xdf\x0c.\x1dp=~|p\xb0\xe4\xf3\x8fF\xb6\xe1S-T\x19$\xb2\xddwD*9&lt;Q\xcc\xe9\x0e\xb6L\x8e+\x86\xc1\xf9@\xe5\xab"\xb2d\xb4\xfa\xa8\xd6\xa7kR\x85\x13Hi\xd5\x88\xe0jH\xff\xcdA\xd3\xc4\x0fi\xd2\xd8\x83\xee\x062\x89\x86i\xa3\xbcG#\xee\xe3\xd9\r\xd4\x1bX\xc6\xf9\\\xbcR\xee\xed6\x96\x1b\xcb\xe2\x8a0\xf8n\xffy\xaf\x93*\xa7\xd4\x81\xb1\xb4q\x00\xd8\xa6\xe1p\xcf{\x9c\x87)\x1e\x9dtA\x14R\xd4]\xe2\xaf\xf2\ts%`\xc4yv\xaa\x19\xee\xcfJ\x12\xb8`4\rM\x8e\x97\xef"\xd13mwP\x8f\x8f:gC\xc5$\xde\xe3\x9cmw\x9a)E\x04#\r\xb0\x16\xc1d\xca\xee\xc3]\x01O\x945\xa8\xca/\xad\xdc\x8a\x04\\^5@D\xc44h\xab\xec\x94}\x14\xb5F\xa71T&gt;\xc8\xdc\xafB\xa6\n\x01\xa1\xb3\xa4\xd5\xb8\xb3\xc0J\x12\x01td\xc9\x97\xdd^\xcab\xd7\x16\x14[\x86y,\x0c\xd4~\xb7\x16eG\xe1I\xab%D\xe9OT\xa2\x9f\xc9\xa7\xebi\x11o\x81\xce\x1c\xe9\x9et\x82\x86\xa1\x0e\xca`n\xc8\x92\xa8\xfa\xc4\xcf\xcf\xf7\x7f\xf26~\xebt\xd0\x95&amp;(\xd3\xc2p\xd8\xdfO\x91\x9c\x1b\x07\x1c\x9c_\xccS\\\xc2\x16\xa7\xd0MEI\x83H\x9f\xbb\x16\xc1\xc2\x92\x99\xaa5*\x1c\x17\x12\x11\x98\x9c\xc2\xd3\x85~\xaf\xad\x19\x1f\xf5f\x86j\x1a\xec@\x82k\xda\xd8\\\xa9\xf6\xc6\\o\x9f\xf4\x1d\xcc\x0cJi\xac\xdd\xfd\x1c\']\x8e,\x10\x95\x9bX\xcdPXr\x98\xa6R\xcf\x08z\xd2\x125\xe97\xaa\xdbx\xc3\x1fB\xe8v\xc8\xb0\xf2UV(\xeb\xd2\xdb\xe8\xf7\xb6L\xc9o\xf6}\xb40uKi\x88\x9e\xe6R\xc5W\x92\xdbc\x07H^\x15\x05L\x95\xe7T\x087\xc3\x1f\x80\xc9\xcb\x80\xa9\x0e\x10\x87F\x9dA\x95\xf4\xb8\xe9M\xb5\xd0d\x100\x17,\xe2\xce\x11\xd0\x90@?\x11\xd7H\xab\xf8.o\xf6\x07\xdb\xcd\x94\x1dwm\x87\xbbO[mg@\xc5\x15_\x19\xf9\x9aG\xcf\xba\xd4\x88\xcdKf\xacF\x7f\x1b\xc9\x17D\x0e\x04\x93&gt;M\xc6\x8a\xffTa\xc56\x08\xc3@0!\x10\x14\x8c\x90#\x19Eih\x98\x82&amp;\x1bD\x1e\x086\xc9\x0cHa\x05\xb7\xb4\x14\xa9\x98\x85\xbb{#D\x13+\x85\xa5\xf3\xfd\xff\xdd\xff\xb3pi?\xaeR\\\xb5\x04\x80\xbc\xac\n\xb9\xdf\xf1\x8f\xa9\xd2N\xb0\xd4\nQ\xd3d\x9e\xac\x96J\xbe\xdf\x8f\xf3#]\t-\x04D\xed\xf2\x83\x85,\x0f[\x9bP\xd0\xdaR\x11\xce4[h\xe8&lt;1\xa9\xd4\xa3\xd7\x1a\xf6\tK\xa6\x88O^K \x8a\x0e\x80\x0b\xca\x03\xab\x90WUt\x06\xa8\x97\x0b\x19K\x14\xd7V\xa0\xfb\xcc+\xffb\x1c\xef\xcfWZ\x80m_i#T\x93\xb4]w\xba-\t\x93\xdc@\xb3\x89\xfe@\xa5\x82\x19\xfa\xe1=ul&gt;\x98\x85\xce:&gt;\xba\xb4\x1a\x08\xa6\xd7f\xfd\xb5"@\xfc\x00\xb1 \xe2\xdd\x9a\xb2\xfd\xea\x00\x00\x00\x00IEND\xaeB`\x82'</t>
        </is>
      </c>
      <c r="M404" s="3" t="n">
        <v>45492.67784722222</v>
      </c>
    </row>
    <row r="405">
      <c r="A405" t="n">
        <v>1017264</v>
      </c>
      <c r="B405" t="n">
        <v>1955</v>
      </c>
      <c r="C405" t="inlineStr">
        <is>
          <t>Luciano Juba</t>
        </is>
      </c>
      <c r="D405" t="inlineStr">
        <is>
          <t>L. Juba</t>
        </is>
      </c>
      <c r="E405" t="inlineStr">
        <is>
          <t>PE</t>
        </is>
      </c>
      <c r="F405" t="inlineStr">
        <is>
          <t>ATA</t>
        </is>
      </c>
      <c r="G405" t="inlineStr">
        <is>
          <t>PE/LE</t>
        </is>
      </c>
      <c r="H405" t="n">
        <v>176</v>
      </c>
      <c r="I405" t="n">
        <v>46</v>
      </c>
      <c r="J405" s="2" t="n">
        <v>36400</v>
      </c>
      <c r="K405" t="inlineStr">
        <is>
          <t>Left</t>
        </is>
      </c>
      <c r="L40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783f226f-2d98-472f-940b-830addb30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6[\xb9A\x00\x00\x03\x00PLTE\xff\xff\xff6%\x19-\x1e\x13\xed\xee\xf6\xf6\xf7\xfb\xf1\xf2\xf8\xf3\xf4\xfa\xfe\xff\xfe\xf4\xf6\xfa\xf7\xf8\xfc\xeb\xed\xf6\xdd\xe0\xec2!\x170\x1f\x15\xee\xf0\xf7\xe1\xe4\xf1+\x1c\x12\xfc\xfd\xfc\xe8\xeb\xf3\xf0\xf1\xf7\xe6\xe9\xf4\xe8\xeb\xf5\xdf\xe2\xed\xd7\xdb\xe7\xf3\xf3\xf84$\x19\xe4\xe7\xf2&gt;+\x1f9(\x1d\xe6\xe8\xf1\xde\xe2\xee\xdc\xdf\xea\xe0\xe3\xef\xe1\xe4\xee&amp;\x1c\x12\xe3\xe6\xef\xef\xf1\xf86"\x16\xeb\xec\xf4]B2\xcf\xa5\x85\xd5\xd9\xe6\xda\xdd\xe8D/#\xd9\xdd\xea\xcc\xa1\x80\xf8\xfa\xfcM6*\xcb\x9e}\xaa~d\xa3tY\xa7x\\G3(\x99hK\xc4\x92o\xaf\x80b:%\x19U;+\xce\xa2\x82X&gt;0\x9boU\xc4\x99|\xd2\xd6\xe4\x18\x15\x0f\x95eG\xa1qU\xb1\x85h\xabwV\xd1\xd5\xe1\x85X=\xe4\xe8\xf3\'\x18\x0f\xdb\xdf\xecxWC"\x19\x10\x94mW\xcd\xd2\xe0\x9dt\\\x9dlN\xf9\xfa\xfd\xc7\x9d\x7f\xcf\xa6\x89\xc8\x9byoO&lt;\x90cH\x8c_D\xb9\x84bL1!\xb7\x8br`F7\xc1\x8ek\xd1\xa9\x8a\xb3\x83dB*\x1cjM=iJ8\xa0nQeH7\xbd\x8af"\x14\x0c\xa1x_\x1d\x16\x0e\xae\x81h\xbb\x8blR=/sR?\xac{^\xc7\x97u\xb6\x85hP5%\xb5\x89l\x1a\x0f\t-!\x1a\xa7uW\xc4\x96u\xf8\xf9\xf8[:\'\xbf\x8fo\xc9\xce\xdc\xa7ya\xc6\xcb\xd9vP8\xb0}\\\xaezX\x13\x11\x0b\xf4\xf5\xf4\x98kP\xbc\x90rpK3}yl\x93iP&gt;\'\x19\x8ceOF-\x1d{S;&lt;/\'\xb8\x8fy\xb9\xbf\xcd\xa6|a\xc0\x93tdE3\xc0\x94yU6$\xb9\x87i\xa6rS\xbc\x94\x7f\x8fhU^&gt;,\x86bL\x7fW@\xb2\xb8\xc6\x12\x0b\x08\xb0\x86n\x82^JkF0\xcb\xa1\x86VC6\xbf\x99\x85\x7fR8\xb4\x7f\\\xde\xe0\xe0c@,~ZF\x9cxe\x86\\D\x82\x7fr\xf0\xf1\xf0\x92_B\x95r^\xc2\xc8\xd5\xd3\xac\x8e\'\x1d\x17\xaa\x83jrockSDqUE\xbf\xc4\xd1\xe7\xe8\xe42\'\x1e\xed\xee\xebI&lt;0bM@\x86dS\x88\x85zKA8\xac\xb3\xc1\x8b[?fWK\xd0\xa8\x92\xd6\xd8\xe1\x8ajY\xa5\xa8\xa1\x93\x9c\xa7b`WwL4\xa4\x7fh\xd7\xda\xd6\x8cbJwvi{qd\xc7\x9c\x86hA,\xa1r_\x9f\xa6\xb3XOF\xa5\xac\xbb\xce\xd2\xcd\xc8\xcc\xc6\x91\x95\x8b\x98\x97\x90\xbe\xc3\xbd\x9a\xa1\xae\x9d\x9e\x96\xe8\xeb\xef\xb1\x8bu=:1v~\x82x[Kuh]\xc4\xa2\x8e0/\'kh^\xaf\xb0\xaa\x91\x8c\x86\x89\x8b\x80XXS\x8a\x92\x9c\xd5\xb1\x9c\xce\xd1\xdbktu\xb8\xb9\xb4\x7f`P\xd0\xb9\xac\xd7\xc6\xbc"%\x1d\xc9\xab\x98IJA\xa7\x8bv\xba\xa2\x99\x81\x8a\x91maT\x08\x05\x05\x99g^\xe0\xdb\xd9\xdd\xd1\xc7djd\xb0{p\x9b\x7fx\xbb\x86~\xc1\xb2\xab\xc5\xca\xd0\x89ri\xad\x93\x88wC+\xca\xbe\xbc\x84J3\x98\\\x1e\x08\x00\x00 \x00IDATx\xda\xcc\x98\xddK\xa2\x7f\x1a\xc6\xc7N\x9e\x93\x84&lt;\x8c&lt;\n\xc2\x83\x81\xc47Jr\xf0\xb1EB\xa3N\xf4\xa1\x84J\xa3t,z\xa5@\x9c5\'uL\xf9m\xd3n\xd3\x88\xaeX\xdb\x8bV0\xabR\xd6\xcfP(l\x1c\x9dB\xd4Dj\xc7\xdela\x1bh\xe2Gs0\xec\xc1\xec\xc2\xde_\x9b]\xf6\x0f\x98\xa7\x99\xbb&lt;\xa8\xa3\x0f\xd7u\xdd\xd7\xfd&lt;&gt;z\xf4}\x06\xfb\xbfy\xf4\xd3\x0cF\xa3\xd1jK\xbf0?\t\x17\xf6\x88F\x1b\x9b\xd8X\x9d\xb8\xff\xa9\xa5\xfd\x0c\x82!\xa1&amp;B\xf1\\.\x93\xce\xa4\xe3\xe9\\.\xbd\n\xff\xf9\xd1Ba\xb4\xd0b&lt;w\x91\xcf\x1e\xe5\xf3G0\xd9l&gt;\xb7\x18\x1a\xfb\xa1Nb\xb4\xb1\xc5\xcc^6[\x0c\x87\xc3\xc5\xecQ\xb6\xe8K\xc0\x84\x8f.\xe2\xa1\x1f\x161\xd8\xb9\x89\x8d\xf4^\t\xc5\xe4\xf3\x99L\xe7&amp;\xdf9|\x12\xe7\x89\xe2^\x06\t\x86\xfd\x18\xa5V3\x17\xd9p\xc2\xef\xf7\x9f\xfb\x13@\x15\x8b\x01_\x02q\x99.\xf72\x1b\x13?\xc2I\xa0\x8a_\x80{\xbe\x84\xcf\xe7\xf7\'}H/_8\x8cT\xf3\xf9M\x97\xd9\xfcuz1T\x8b=8\xd5j&amp;\x1f\x06\x96\xa4\t\xc6\x1f\x8d\xddE\xa3\xc9$\x12\xee\xdc\xef\x8f]\xf9M\xbe\xcb\xbd\x8b\xcc\xe2\xc4\xc3r\xd1h\xa1\xdc\xa5\xc9\x97L\x02\xd5\xd7\xc2]*\x95\xf2\xecly&lt;;\xf7c\xdb&lt;\xb9:O\x84\x8b\xf9\xeb\xc5\x07m\nl,\xbeWL\xf8\x93\x85B\xe1n;\x1a\xdd\xf6x\xb6\xb7=\x8am\x0f\x93\xc9}L/\xdf\xb4\xd9vR\xb71\xd3\xf9y\xf1:D{@\x03\'\xd2G\x90\xa1d!\xb5\x1d\x0c(\xbb\x822e\x97R\xd9\xad\xec\xeaf(\x18\rZ\xa6\xd6\xe3\xd9:\xb1m\xc5b\xa9/\xc5\xdc\xeaC\xe5\x1e\xc5\xea\x082\x95\xbc\xdb\xee\x92\xf5\xe9a\xa6\xf4\x93\xfb\xfa}\xfd\xe4\xe4\xa4\xb2{zii\x89\xc1\xe03\xab6OnSW\xa6l\xe6\x81\xb8@\xab\xdc\x11\xac\\\xf2.\xd0\xe7p,|\x1b\xfd&gt;\x0cp\xb9\xdd\x07KKs\xe33\x83\xd6*\xba\xed\xe4\xf66\x91\xcfm&lt;\x04\x17\x14C:\xeb3\x85\x93\x01\x99\xe4\x1d!\xbe\x9fol\x00\xe6&gt;\x00\xac\xa5\xf1\xf1\x996\xab\x85R=rvk\xca\xe7&amp;\xc8\xefU\x0c\xab\x8d\xe7\xa1\x9c\nA\xd9\x14A\xc8#h\xd6"\x91otH1wI0\xd0\xab\xcdJ\x1f\xa9\xde&lt;\x89e\xd3\xa4\xcb\x85a\xb4\xc5\xbd0\xc4J99%\x8e\x10k\xa5\xc1\x81+"\x8e\x88\x89\x08\x92\r\xac\x04\xae9\xa4W\'eD\xfa\xe6,\x96\x8f\xd3H\xb7p\x03\xa8\n\x81n\xa0"\xd6x0\xad&lt;\x1c\x06\xd1\x11k\x04\xc2\x82\xfc#+\x01\xab\xad\x93R\xf9F*=\xf3_\x84\xc8\x16k\xe2:\x9c0E\x95\x93z1\x81\xb7\x8aD"\x0e[\xa4R\xb5\xf2Jl8\x81\xcc\\\x98\x020\xf7\x01\x8aWg}y\x85T-\xbd\xbd\xcc\x8ca$\xc7\xfd2Q\x00\x07\xf5\x0b\x11\x9eJ\xa4ci\x1a\x1b5\x1c\x0e\x07\xc8`@4\xe0r8\x80k\xdf\x8db\xdfY_S\xd6$U\xdf\xc4\xf2i\x1a\xa9X\x8b{&gt;\xff\xdd\xb6{\x7fA,\x17\xb0Y\x8d\xed\xb3\xb3\xf6v\x17\x8b\xc3a\xb3\xd9"\xd0LN\xc0n\x02\x16\xe8u\x00\xe9\xb2Zj\xa8Mj\xb5\xfa\xcc\x9f\x0f\x91\xb8\x8d\xc8B\xb88\xddn\xbdx\r\x17\xe9\x1a\xed\xb3\xf3\xf3\xf3\xb3\xed\x1aM?\x1b$\x030\\Nx\x01K\x0f.\xba!\xf5\x83\xd6\xfa\x1apQ-&lt;\xf9\x92\xa9%o\x1d\xb1\xf8\x91\xc9\x7f\x17\xed\x9a\\\x88\xe0F\x9d\xabD\x05\\C.\r\x8b\xd5\xdf?*\x12\x19\xf1w\x84\x17a\xe9KX3m\x16p\xb1G-\xbc\xb9\xcd\x92V\xaa\xd8\xa3\xb1\xeb"tC@\x06b\xb5\xea4.\xb0p\xfe\xf4t\x1e|d\xb1\\\xba~\xce\xa8He\x94#\xb5\xee\xe5BX\x9d5\xd4\x8a\x1e\x90\xeb\xecK\x8e\xac\xd4cX(\x8f\xc4\n\xf4MExl\x96\xab\x1d\xa9\x05X\xf6c\r\x8b\xf3K\x7f?{\x94-\x10\x98\x17\xee\xa9&amp;\xdd\xd3s\xe3\xe0\xe2\xff\xe4*n\x90\x86\x95\xf1\xf9\x93\xd1\x00\xf4\xfbZ+\x07\xa8\xc0\xbf\xf9y\x14y\x1d\x04\x9e\x8db\xaf2\x9a\t\xc7=\xd5\xb7F\xb5\xd4S!]B\xe1\xd9U\x8e\xa4e\xc4\xc6. \xef\xd1.\xf0\x10W\xb1\\\xe0\xe0,,\xa2\x1d\x82\xc5\x86~PA\x89!\xb5\xdey\xef\xfb\x14\n\xa2T\xf4H.\xc0\xba9)\xaeb\xe4\x88\xb5q\xe9/D\x03\x01\xa5\xde\xcb\x13i\x8e\x81\xe8\xd8n\xb7\xb77B\xd6\xa1\x1bxF\x11\xc8%0\xca\t1\xaaS\xd0\xaat\x16QG@\xba\x84\xea\xb3+rN#FK\x9bb\xd1h\xa0\x0bn\xb4\x91\xa3\x81\xbc\x1f\xbb\xec\xed\xedC\x80U\xeay\xc4\xc5\xb9\xe7Br\xcd\xcd\xc0\xf5\xb1Z\xad\xd0\xf4eR\xb5\x01\xe4\xda#\'\xf4\xb4\xeb\xf3T\xf4C@6\xe5 \x8c\x87,;2\xb0}h\xa8q`\xa0\x03\x81\x19\x8dF\x11\x94\x97H`.q\x1d\x94\xb4\xea\xb4XQ\xd3\x83Z\xc0\x15&amp;\xc7\xc5\x89\xa3X*\x1a\x04,\xb1\x9c\xc7v\xddS\x01\xd4\xd0\xd3\xa7C\x03\xfd*\x91@\x00\x9d\xaa\x03\xbd\xcc81\xa5\x07\xb5\x10\x95\xa5\xf3\xbf\xe1\x12\n\xaf\xe2\xa4`m\x98Rh\r\x1d\x0eB\x0e&amp;\xda\x91\x81\x03\x1d\x7f|\xfe\xfc\x0f/_&gt;\x1f\x80\x8e\x17\xb0u:\x16K\'\x02\x1fA\xae\xa5q\xb8\xd4\xf5\x08\x8bB\x95J\x11\xd6\xcd5FF\xe2\xe3 V@)sx\xe5\xb8J\xc4iti\xea::\x06\x00\xea\xc9\xfb\xf7/\xdb\xeb\xc0?\x8e\x0e:\x16\xdaB`|\xb7\xacW.\xc1I\xac\xaf\xa9\xb7X(\xdf\xd4\xba\xc9\xd2\xc8H\xfcuj\x07\xde)$S^9\x0f\xc2\xdd\xcf\xe1\xd4\r&lt;\x7f\xf9\xfe\xf4\xfd\xe9\xe9\xe9\x13;\x9c\x1f\x1d\x12\x0b\xb0t\x87-\xcd/\x96e\xd3\xfc\xc1\x12\xd7\xfdS\x04`\x19\xbe\x90\xf02\x8b\xd5\xe6\xe1\x05U&amp;[F\x0fZ\xa3\xd0\x9c\x82\xba\xf6\xf9\xd3O\x9f&gt;\x9d\xc2Y\xb4\x0fiX:M\tL\xa7\xebmii~\xf5Z\xa2d4\xf0\xc1\xc7\x9a\x9a\xf2\x8a&amp;\xe4\xa2\xc1pKB\xd1cc\xd9-\x0fC\xd9\xb7,\xc7\xf1V6T\xe7/\xae\xf9\xdf~\xfb\xd7?WV\xd6\xd7wW\xde\xb2zY\x9a\xde\xde\xc3\xc3\xde\x96\xde\x96\xe6__\x7f\x08\x06\xbb\x14\n\x06\x08VI-\xabh*\xc9e\xb8I\x7f\x7f,\xda\x84oK\xabP\xea\t\x1c\xe7A\xa5st\xeb\xbbP\xf9\xa9-.\xd7\x13\xf8\xf8q}\xbd\x97\xc5:&lt;\x14\x08Z\x04--/$]Z.\xb7\xaa\x8a\xcbd\xf2\x99\x14\x10\xab\t\xc9e0\xdc\xe4\xbe\x7f\xa1b\xab\xfe-\x8fB\xe6\x00\xb1x\xf0\xb8,\xf8\x18\x88z\xb6\xb8\xb6M\xfa\xe6cF\xe0\xcf\xaf\x9a[X\x1a\x1d\xdb(0\x9b_\xbd\xe8S0\xabF\xd4\x06\x83P]]I\xa1\x94\x97UWWK\xa5\xe8\xef=\x12\xb0B\xe7\x1eO\xb7\x0c\xd6\x10\xbdW\x18?\x04\xb7\x83\x1f?\x06\x15\xfc\x06F\x03C)y\rXC\x1a\x8e\x08vP\xd2\xc7`&gt;\xa6TC\x83:\x9dN\x83PZF-\x03*$\x97\xb3\xf8\xfd\xbfX\xc26b\xa0\x96\xc4\x8c\xd4\xe2\t^\xfc\xba\xf2\xf6\xed\xca\xab\xd7}\xd3s\x83m\x83sn\x87\xb9\xa5\xf1\xe5\xac\x8bmv\xf4)\x19\xdc\xfa\x9arj\x19\x95J\xa1o\x96W\xab\xab\x11VS5\xc8\xe5\xfc\x07\t\xe7g#\xa6\xf5tK\xe4\x90-\x9c\'h9\xb6\x1f\xffu\xa5yyz\x10\x9a\xbcm\\\xe9\x90\x8b\xea\x9e\xbcog\xcb\xa7\x94\rVjSOOOS\x8d\x95\xcf`4h\x1fWUH\xab\xa5\xe0#\xb8HBC`!?`9\x08b\r\xc7E\x1c\x8d\xeb\xf8\xf8\xed\xaedz\x90\x0f\x07ypz\x12\xb0\x9e=}^\xd7*v\xf3;\x81jx\x98\xca\x84~\x18\xe43\x14Z.E]\xe2\x92\x1a\x0cWd`\x9doi\x01K\xbe\x86\xf38u\x8d\x1aV\xf3\xf2\xaf_\xbbP/uZ\xc7\xfb\x00\xeb\xf7\x7fy\xa6\x8a\xb8\xdbj\xca*\x80\xca\xb6](\x04\xf8\xf0\x00\xc1o`&gt;\xa6"\xb1H\xc3\x8a\x01\x96\x84\xc0\x01\xab\xbf\xa3\x8e\xe3U\x06\x15t\xa9\xd3\xb9YI\xb5\xb4-yq\xd5\xe8\xef\xfe\xc4\x13\x1fX+@+g\x05W\xbbs"\x1d\x1e\xae(\xa7V1\xb9tj\x05\xc2\x12\x1ab$\xd4&lt;\xea\xad.\xc0\x92\xe3\xadu\x1d\xfd\xde\xa5i\xca\xc8Y\xec\xb3sg[\xdb6\xe8~\xd7\ne\xa6j\x8d\xfc{\x06i5\xdc\xd3\xb3\x13\xfe\xfb\xd9\xe7\xcfN\x83ZJ\xe7\xd2+\xa9([\xa4\\\x1f\x8cv\tu*\x03,\xdehG\x9d\xf9`\xae*v%\xbc\xf9lH\x05\x15\xc1\xdd\xdd\xe6Q\xf4 \xc8[\xdb\x1f\xafAX\xce\x91\xc2\xd1\x95\xf0\xf3\xcd\xd9\x99aXM\xa9\xa2\xc02\x96"O\xc2&amp;b{[Z\x8f\xd2+\x97\x1b\x9f\rp\xbc\xfa\x19\xc6\xd7$\xd7F\xa5+\xa6\xe7\xa6%\xcbf\x15\x0f\xca\x9f\xb7\xb6p`i\x02*\xe7\x1b\xae\xc7\xf6F:b\xb3U\x18\x86\x9b\xaa\xe8\x95\x80\x055\xff7\x12\xb0h9\xc0\xea\xf6\x12rU\xc7\x90\xe8\x85\xd7!\x967\xaf\xefJ\xdc\x07\xe8{\xb6\x03/l\x02\x98\x88\x8b\xdd\x9d\xe0\xa2\xd3\xd9S\xc9\xe4\xa3%\xb5\x82xM\xf5\x16\xe4"`ek\xbf\xff+?\x16?\xd1z\x14bB.\x1a\x18\x80\xf7/\xb3\xfc?\xb4\x9a\xdfOZi\x1a\xc7s\xce\r7\xe7$\xc7K\x02W&amp;\x04\x13\xd2AA\x04TR\x91\x18\xa2D\xa2\xa2@)T\x84\xd6S\xf9\xa1@!\xa4\xb0bG\xd1\x9a\xe1\xa7\x82Q\x87X[1\xa3\xe98\xd3\xb8\xb6\xd6\xb4\xc4\xc9j\xd90\xa6\xd9f7\x1b\x9b\x8e\xdd\xeeN\xccNugkvZ\xa35\xad\xd3}\x0e\xfd\x17\x8eG\xaf\xb8\xfa\xe4y\xbf\xef\xf3|\xbf\xef\xfb\x86\xb6\xb2\xaa\xf9\xeb_\xdf\x89\xc7\xef\xcc\xe5\xc1\x83%\x93I\xf5\xa3\x1b:\\\tX\x93}\x1c]\x1c|\xb3\xd3\xa4\xecSr\x10p\x11\x80\x05\xc3\x87\xe6\x9b \xeaRu\xe5\xbfW\xb9\x17\x1a\xda\xeb\xdc\x8e\x84\xd8\x0f\xd1\x10&amp;s~\x02\\\xe8\x9d\xb9pX\xa4V\'\xe5\xb0\x17\xeb6\xe2\x1cj+\x02\x97\x92\x03\xd6\xd4\xc4\xc1\xa0\x83\xf0$\xc5j\xfd\xe7o_\xdc^\xa6\xd3\n2\xde\x9d\x9c,\xf7\x7fw\x95\xdb\x05&gt;^ht\xd4C\xdf\xf2o\xd5\xc2RNL\xcc\x87U\xb5f\xb39\xe9N\x06\xb4ZwC\x1c#\xac\xa0\xfa\xc9&gt;+\x81\xe3\x1c\x89\xc9)\x95\xf2y\xac"\xd6\xcbg\x7f}\xfe\xf3\x13:\xa96\xd5u\xaa\x93\xbf\xd7PX!\x05xe}\xafX\x10\xca\xcf\xcf\xe7\xc3\xe1\xc1Z\xbf@nN*\x82\x01m"a\xeb\x88S\xb9\x90\x1a&gt;J\x02\x97\x98t\xa9h\x94+\xe5!(\xd5\xb6^\xfe\xfb|\x1f\xf6\x03}\xf2*\xd9i\xe8\xb0\xc9;\xd2\xd7;\xa3\r\xedjw `\xec\xed\xed\x16\x84\x06\xdb\xf3\xf9\x90@P\xe1\x17*\x02\nE`6\x01X\x8f\xbc\x90\xee\xa9\x99HPk8\xac\xf3\xde\xe1\xa6\x9c,\x90V\xd3\xf9\xc9?\xc0\xae\xc4\x1f\xd2\x86\xc5X\xf9\xea\x91\xd0&amp;\x16\'\xd5#\x80%\xa2\xb0\x1cd\xafX(7\x9b\xe5n\xbf\xad~@\xe6\x0b\x9a?c\x05:\xeeH\x988T\n%8&amp;\x9d3\xee\xf5J\xa5N^\xb1o\x9d\x87~\xa6\xc49\xff\xa0M\xf4\x8cCQH\xab\r\xdaHG{\x14\xf2\x85;\x180\x92\x03\t\xa38\x10\xb4\xd9\xc4\x8e\x98LF*\xdcA-|\t\x9fC0\xa2\x93\x00\x05\x81IX\xc3No*\x95\x92\xea@Y(\x85\x05\x0bK \x9c\xa7tuz\xc6\xb5_?\x99\xb5Z\x83BkQ\xdf\xa0\xf2E\xc0h$\xc9\x846\xa1\x9du$d\x85\x88#\xe1H\x18\xaa\xaa\xaa|\x86\xd6B\xc26\x98\x92\xb0\x11\t\x07G\xa0V\x94\xb0jtT\x93\x87\xa1x\xa5\x89@Q\t\xbeF[\xce\xf8f\xfbT\xad\xd5\xde\x8d\xccj\xd5`\xe5\xd5\x8a\x80\xd8HF"\x11\x8f\'"\xcb\x14\xea\xd5I\x87\xaf\xbc\xac\xb5\xdc\xee\xb3\xef\x0e\xd8\x84\xcd\x1a\x16|&amp;\t.\xd1IS\xd1.\xb0\x89,&amp;NPXJ\x1c\xe30\x89\xfb\xb7\xe9\xc2Z\xd1\x9f.\xccZ\xf6\xee\x1a\x03\xa2"V0\x90\xf0\xb4\xb5d2\x17s\xb9\x98\xfbQ\x830\xe1\xab\xce\xb4\xc8b\xa4\xcf\xee\xd8\xdaRu\x99x\x90-x\xb8\x92\xe3LuuvR\xfb\xb0X\xad&amp;\x10\x16\x82Y\x9f\xd3\x86\xd5?\xf6iCa\xd9\xad\xb6\xb8E#\x1du"\xc0\xb2x\xce\xe5vww\x81\xaaa#\xa4\'\xf5\x15\x1b\xdeT\xa7\x8a\x8cT\xd4\xaa\xc25,&amp;\xc6\xa6\xb0\xac\x9cxT\x03)\x96\x07\xe5\x02m5\x11\x18[\x82\xf6=\xa7k\x11\x19\xfd;\x9f~4W\xed^\x1c\x90\x87F&gt;/\xa2\xc5^\x9d\xcb\xed\xe6d\xe2\xba[\xf9\xde\x08I\xfa\xe7\xc7\x9b\xd3=\xb5z\xff\xb8j\x95O\xf5,\x04\x81\x19d\x1dJuj:k*Y\x08F9\x9bR\x9cWI\xf4\xad\xd1un\xc3(\xd9_\xf81Y}7p\xabC\xf0\x19Kk\xb1\x97\x17r\xb9\xcc\x80\xa0\xa3\xa1b \xe6#\xc9nAwL/\xecn\x9eV\xddCp\x0c%\x08\x02\x85\x19\x84:\xa3\x9d]\x80\xc5\xc6(#\xa8\xb4b\x95x\xdf\xcf\xb4\xb9\x08\xc6r\xc5\xa9\xe2\xae\xaf\xeeVP&lt;1\xdf^\xc4\xaa\xb2{&lt;\x05\x99\xb8\xb6aP/k\x89\r$\x12\xc6n\xbd\xfe\xc8?~\xe9^%\x07\xda\x01A(\xe1\xdf\xaa\x1c\xf6F\xa3\x14\x16elP\xdc\xaad1\xfb\xbe\xa3oX_\x9b\xf9d,\x9b]p\xb7\x91\xf3\x13\xed\xea`p\xd6Pe }1*\xe8\xf8#-\x19Yl`\xc0\xa1\x1f\x18\x9b\x99\nG\x9d\x12\xccUT8AUl(\x9e\x02\xc9\xb3\xd8\x08\xfc\x82I\x94}\x18\xb3\xef\x9f\xf4\r\x1f\xc6\xfe\x82\xb8-\xd9\xe0(3\x88&amp;\xda\xcdA\xc5\xac\xc5b\xd1j\xc9\xee\xd0\x8d\x91\xa5\xd1Baltjj\n\x12\xda\xf6\x92\xaa\x93?\xc4t\xb9(\xebN\xb8\\8.qzk\x9c\xc3\x12\x84\xd2&lt;\xc2B\'\x95X\xd3+\x1ag\xe2;\xb5\xdb\xb0\xf0I|\xcen\x9e\xe8HR\xe3O;\x1b\xd4:\x04\x1b^\xd5\xd4\xd8\xcc\xe8\xd4b6\x9b]\xcc\xae\xaf\xa6\x1b;k`,\xe3\x90U\x9bJQ\x97\xab\x147y\x8b\xa76\x90fK\xd9l\xeb\xa4\x15c\xd3y&lt;\xb2\xd2m\xb6,\xdc\x12x\xec\xb6\xb9\x0e\xb3B\x11\x0c\x06\x15\n\xad\xb1#\xfezi{{4\x9b]_\x07\xac\xf5\x17\x9a\xae\xa8\xe6\x12\x1f\x84\x04\xb9\xf0\xca\x95\xa6o](\x8a;S:\xea,\tEQ\x04\xdc\x8e\x92X\xa3\xd3p\xf5\xef\x88,\x8a\xa4\xbb\xdeg\x9c\xfe\x8c\x95L\x06\x13\xc2\x1b]\xd9\xa9\xcd\xecf\xf3\xd2(u\x9f1\xea\x0f7\xce56jj\x9cNpX\xd8\xb7\x14\x97\x8b\xe0\xa5\x9c\x08\x8eC\xb5\x90\xd2I%\xceT&gt;\xa6\xf3\\\xb7d?\xa9\xa8*\xafN\x18\x8di\n+\x10T$\x03\xc6\xf6\xf8\x8bE\xd5x\xf3\x92&gt;\x16\x93\x15vwg\xf4\xdd\xe0\x0c\x07\xc3\xf9\xb9\xb9K\\\xaa)Pwc\xa5HJJaa8\x82*\x116a\xfd3\xad\x99l\xd9\xb1`k\xbbXf\xd0\x0e\xceSX\xb3\xc1d\xc0\xb6\xe1}}\xefuV\x1f\xd3;\xba\xb7\xdf\x8f\xbd?\xf2o\xbd\x1d\x0fO\xf4\xf4\\\xea\xaa\xe1\x03\x16\x1b\xc1\x88+\xe7\x89hT\x82\xa2 y\x14\xc7\x10\xa6\x95I\xebY\x12\xe3\x8b\x9d\xa4\xd0S]f /\xa7\xd5\xee\xe0\xec\xacB!\xb6\x9d\xd6\xf4\xcc-^\xf6omm\xbd}\x1b\x9e\x1f\x9f\x9e\x9en\xd4trk\xf8\x10\xa3\xd9J%\x8a1\xa9\xdb\x1e\xa41\n{\x80\x89Q^\x07A\xb05z\x0f\xc1\x19\x87\xf5d[[+\xd9\xd6&gt;\xafN\x06\x03\xb0\x8ab\xe3\x06w\xba\xa7\xc7\x1b\xf7~=\xbd\x91\xdd\xde\xdc\xc9\xbe9\xf8\xb8\xfe\xe1\xf8\xc3\xf7\x0f\x1e\xf0\xaf\x12}\xbfM\x82\xc4\xad\x84t:\xc5Aq\x04C!k \x08\xf2/z\x93"ceLk\xb0\xdb}m\xa7=j\xb3\x02\xaa\x15\xb49\xe6\xbd\xe1\xebQ\x93\x15y}\xf0q\xef\x10\xfe\xf6\x0f\x7f?8\xf9\xe5\xd5\xc3/\x7fz\xfc\xf4\xa6\xeb7\x88\xfaV\xce\x90&amp;-\xc5\x08\n\x0bac\x1c\xc9\xfdg4\x07E\xc6\x9e\xcfS\xee;\x179\xe5\x86\xe4n\xd0\x16xU\xb9w&lt;\xd4\xdc&lt;q\xef`\x7f\x7f\xffp\xff\xf0\xe4\xf7\xfd\xbd\x83\x93\x93\x93\xe3/\x7f\xfa\xdfc\xc0\x82RI\x86\x9d\xe99\x1e\x8eb\x14\x16\x8f\xcd\xe2\xd1~\xbf\xc2\xe8\xdf\xb5\x97\x95\xb5\x05V\xaf\x0e\xba\xdd\n\xc0\x82\xfcs#]!&amp;\xeb\xb7\xb6Fg\xde\xec\x1d\x7f&lt;&gt;9\xf8x\xfc\xe1\xf8\xf8\x01\xdf\xb5\xb6\xc6ds\xa0]\r\xeb\xbaT\x9d\xb0\x11\xc1g\xfd\xe91d\xf2\x87+gpbs\xb8#\x1b\xdd{\xb66-wC;\r\nm\x89\xbc\xa6\x9et\xf8\x06z\x8f\x8e\x8e\xde\x1f\xbd?\xd8\xa7\xce\xc3?\x1e\xaf\xbe\xb8P\xc3\xd7\r\x9bX\xc8\x90S\xda\x98vb -\xe4\x8f\xafn\xbf\xfa\xe1Y\xffY\xdct2\xfa\xdf-\x97&lt;\xb9\xdfHi\x1ez\xab@,\x1c\xa9\xf0\xf8\xc8HL6\xf6\xbe\xf8\x1d\x1dm\x8d\xbf\x85o\x0eF\x90\x89\xc5\xe6\x98\x9c\xdc9\r\xab\x88\xf5\xfc\t\xc4\xfc3z\xef\xcc\xa0\xa6\xe3\xf7\xd3!y\xb1\xcd\xbb\x85\xc6P\xad\xaf\xcaP\xe5)d\n\x85\xdc\xden\x01Z\x17E5&gt;\xad\xe1V\xf2X\x08$\xb2\xa8\x86_\\C\xe6\xd3\xe53}\x82\xcdX^\xcc\x87\xe5\xc0\xa5p\xbb\x85\x0e\xa3\xd0Aq\xb5\xb5\xb6\xe6r\xb9BL\x7f\x04-\x15z\xeaj\xe3\x05&gt;\x0f\xc1\x90\xa1a\xae\x94\xcd\xc10\x88B\x0f\xaf\x9d\xed\xa3\xa4\x95\xcb\xa2t\xad\x00\x14os\x0b\xc5\xbe\x84\x91\xac2\x18|-\x99\xdc\xaf\xb9\x82~jj\xa9\x02\xbc\xc4\xf8\xfa\x8b\x07WY\x1c\x8edh\x18\xe8\x98T\xbf\xba\xf9\xcb\xd9\xbeIb|sY\x9d\x0eC\x8b\x80\xc6%\x14\x93`\xe3\x01\xcb`o\x81r\xcd\x8cm\xc3\xe0\xce..\x82\x97x\xc0g\x03\x8c\x84\xc5c31\x8c\t\xd2zw\xb6\xc5*\xe9\xdf\x14\xb5\xcf\xa9\xe4\x02\xb7\x8dJ\xd4\x91*\xa0\xb2\x18\xda\xcee2\xe0Q\xf5K\x9b\x14\x95*\r\x8b\xc8\x92H\x10\x84\xcd\x82b\xc1(d\xde|r\xb6X\x8ckoD\xa2FP\xbd\xdb&amp;\x16\x8b\xebI\x8f\xa7X\xad\xf2\xeaL\xab\xcc\x97\x10\x7f\xd5\xbc\x9aW\r\xce\xf7p\xa5\x95\xac!6pQ\xc5bb\xae\x97\x7f9\xe3j\x95\xbc\x11\x99\xf3\x8d\xe9Z\xb90`\xac\xaf\xef\x8dx \xe5C\xd2//\xcf\xfc\x9f\x97\xf3\x8fi\xfaN\xe3\xf8\x81\x05Z\xf1\x07\xcc\tB\x11\xf0g\xcb\x8f\xd2\x02\x95\xd2_0+\xb7\xd8\x15\xa4-N\xa8\x85\xd6\x92N~\xda\x94\x926\r7\xe1R\xeb\xb8R9\x10Y\r\x07\x89\x95-\x86\x02\'\x15\x91\xb3\xb9\x895\x8b\xc9\x12dS9b\xb9\xdd\xcd\x88\xa2\x97\xd3\x8d[\xbc\xfdc\xee\x8f{\x9eO\x99K.w\xb9\xdb\xce\xafO0\xf1\xcfW\xde\xef\xf7\xe7\xf9&gt;\xcf\xf7G\xa5V8\x02\x12\xc7M\x87\xa3\xbf\xc1 &lt;\x86\x13&lt;j\x05\x1e&amp;\x8d\xfd\xe9\x0b\xea\xd5\xeam\x1f\x1evJ\xf2\xf2\x05\xd52S\x07\x88E\xc0\xa4Ji]c\xfe\x91#{\x0e\x1e|\xf7C\xfd\xa93\xc2J\xd8w\x92\xc2\xc92o\x7f-X{\x0f\xca\x07\xfa$y\x8d\x02\x99\x0c\x16\xfcZ\x00\x83|Y\xbb\xbb\x05\xbdG\xf6\xee\xd9\xf3\xee\xcf?\xf8\xcd\xf9\xf3\xbf\xce\x82y+\x8c\xb5nl\xfb\xe4\xdd\xd7\x80\xd5\xb2\xb7_&gt;\xe0@.\x81\xccZ\x80\x05d\xee\xcf\x06;\xaa\x1b\xf3[\x8e\xbc\xf5\xf1\x07\xbf&lt;/&lt;y"\x82`\x81\x85\xb05N&gt;\xa6\x18\x0b\xb2\xd5\xdb\xd6\xd6&gt;\xb0\xe8T\x00W\xa3\xc0d-\x08\x87\x1eZ\x84\xb4\xb9\xbaZ\xd0r\xe0\xe0\x87\x15g\x8e\xd5\xec\x02$R\xe6\xb8\xb8\xed\x93_Q\xfc\x8ag\xfc\xd7o\xf5\xb6\x9dki\xef\xefw*\x14y\xf9]\x02S\x87\xa5\xc0jU\xaa\x1e&gt;\xfc\xc4\xdd,8z47\xef\xe6p\x05\xebX\xe1\xfa\xf5\x90*\xb8F\x9b#\xe3"\xe3(\xc7\x8a\xf9\xc7\x9e\xdeC\x87\xda\xf2%\xfd\xfd}}\x8a2#r\xb9\xbbO\x7f\xf9\xf4\xe1\'\xdd\xa6\\|\xe5\xc0\xe8\xc4\x15#\t60h\x10\x118-\xc7\xbd&amp;\xac\xda\x9e\xea0W\xdfHYW\x97\xac\n\x16\xb2\xd3\xa7\x7fe,S8\x14F\xa3\x02\xae\xd4\xdcN\xf3\xd8\xfa\xa4\x94\x94\xc9\xa4U\xac\xeb\x94\x9b\x88X\xb5\xcd\x82|\x87\xd3\xd9\x87\x82\x95\x19?\x1a\x1f\x1f\x87\xab\x0e\x9c\x03p\xb6ozb\x08\x96\x0c\xf3\x989e\x15\x0b#\x7f\xfdgT\x9f\xc4\x03\xbf8T{\xb8\xf6P\xdb^\x07`M\xcf(\xcaF\xa6g\xf0:(\x9f\x98\xd0\xc9\x9fL\xcf,\x0eu2\x81jl\x92\tT\x80\x85r%Q\xad\xd6\xf1\xaf\x0f\xb4\x01\xd6\xe1\xc3=\x8dy\x0e\x05r\x8d\x8c,^\xbcr\xf1\xa2\xe6J\xfd\xd0\xd0\x10\xfcgh\xca\x0c5f\xee\xecL\x89HZ5\xd1\xfc\x07\xaa\'\x88O\x8f\x9c\x03,h\n=\x02\xa3dd\x04\xb9f\xae\xf0\xaf\x0eM\xf1\'\x99SS\xfc)~g\xe7\xd8\x18\x88\x05T\x80\x85\x1e\x02\x97\xf9\x0e\xc5/\x81_\xf8\xb4\x97`\x15\x14X{r\xbb\x8ce}\xd3\xd330\xc8\x00\xc4\xa4y2\xc5l\x9e\x04\xa1\xf0\xb6H\xe7*V$\xc1\x8a\xa4x\x0c\x8c9&gt;\xdeB\xb0\x9a\x9a\n\xacu\xc8\xa5\xe8\x9b\x99\x99~2\xc4\xe7O\x9a;S\xc6\xc6\xc6\xde).~\x0f\x1d\x84m\x7fU-\xbc\x01\xf7[\x8a\xbf\xac\xb90\xbe\xef\x1c\xde\xa3\x84\xb2\xb8M\xb9\xb9\xb9]e\x8a\xe9\xe9\'\x13W\x86\xb8\x9d\x04\x0b\xfcK\xc9\xe2\xf3\x7f\xc0B\xaa\xb8\x1b\x97\xa9U+\x8cu\xb8I\xdd\xc4\xe3I;d2h\xebF\xc5\xf4\x93\xc5\xc5\t\x9d\x81\xc5\xe5\xf3\xf9\xf8\x0f\xa8\xb2\x98xs$\x89\x88\x05}\xfe\xd6%\xaa\xb1z\xc3j\xa9y\x1c\x9e\xa5\xca\x84o\xa6\x1bG\xfa\x06\xe4\x13:\x9d\x0e\xdf\x12\xe1r\x11*\xab\x93`\x91\xc4#\xd83\x8a\xb1.\x87M,\x00\xb18\xc0\x05z\x99d2\x14lX&gt;\xa1?#\x14r\xb9YYYL\x84b\xfe\x90\xf8\xb8\xc8\xab^j\xfb\xd6\xa5\xdcp\xb6\xd4&lt;\x11G\xc4\xe1\xb9\x01\xaa\xac\xab\xaa\xca\x84\x19\x1bh\xd0\x1bX\xf8D\x0cs\xf52\xf0\xe4o\x8aZ\xac\x98\xe7]\xe1\xdb\xf2\xe0\xa1\x88\xcd\xe6X\xac\xd5\xd5\xb9\xc6\x8en\xa9T\xea6\xe1\xb9t\xca\xc3w\xbc\x93\xc8hJ&lt;D\x13)\xde1b\x9e\xe7\xbdT\x8b\xcdf\x8b\xd4\xb0*V\x9b:\xa4J\x0e\x07\x0e\x80\x00\xf2\xef\x90\xeb\xf1)\xcf:\x9c\xe2\xbf\xe7\x8a\\O\xf1\x8e\x11\xffw\t`\xc1"\x8dXZ\x95\x88\xe7\x06\xac\x9e\x8en\x8e\x08\x08\xab\x05\x82\xa3]\x12g\x03\xab\x92\x19\xb1\x8e\xac&lt;\xc0\x85\x15\x199\xf9\x05\x95\x1f=\xe4xo;\xf6\x9d\xab=l!b\xa9F\xc1\xc5\xba\xe6\x9e:\xab\x85\xa3\xd5\xb2-=\x80%\xc8s\xc8Y\xc7\x98\x858\x9bF\xec\x82M\x7f\xd7.\xbc+o\xa6\xe8\xfdoBEO\xbb\xff7\x07\x0e\x10M\x90,\x15[\xa5\xd5\xf2\x9a\xac\xb5uV\xab\x94\xc7\xd6j9\xee\xe6\xea\xa32\xe3M|\t\x0f\xc3\x15A\xaa0\x82p\xdd\xbb}\x81*\xac\xd65\x8fn\xdcr\xec\x03,\x0b\x06^\xa4\xd2\xaa8\xea\x82\xda:\xb7[\xaa\x1c\x04.e\xb3\xa0Y&amp;\x19\xd0\x89\xb9$\xf4\x11)\x85\xa4\x88^\xef&lt;\xfb\x8a\xa2\xabu\xfc\xa6\x9d\xf6\x07W\xdb\xf7a\xe2yl\x95\n6i6\xb4.\xab\xd5m\x91*\x95\x83\xdaQN\xb3@\xd6\xe5l\xd0\x88\xb9\xfc,f!\xac\xfa\xcc\x13P\xb0\xf4\x03\xd6{\x7f]\xf6R\x83\xd5\xbaeK\xc9\xad)E\xcb\xb9ZH&lt;\xc1\x1a\x1c\xe4\xf0\xd4\x05V\x8bT:\xa8\x1cTi\xd9u\x82\\\x89\\\xcf\xc2N\x0f\xad\x8b&lt;\xb3f\xd6\x9c(,\x84n_\\\xfc\x80\x9a\xf7\xe5c\xe8\xf4\xe8\xb4\x07\\8\x89\xa8\x168\x08\x99\x87\xce\xa5nr[\xd4JPkP\xa5r\xcb\xf2\x9d\x15\x1a\xc0\xe2C\xa7\x87\x82\x86_S\x03zA\xf2\x8b\xdf\x7f\xb6B\xc9\x05(&gt;\x8aF\xdf\xfa\xe7JE#1\x91#\xd2\xaa\xb0D\xbc&amp;\x8bE\r&amp;~&amp;U\xaa\x94uy\x1f\x1b\xf0\xba\xb8\x8aU\x99u\xf2dM\r\xaa\xb5\xee\xfdo\x1f\x84\x1e\x83\\\xaf\x9a,\x9eN\xa7\xd17\xdc\xafq\x12,5\x87\xcd\xd6\x8ej\xb5\xd0\xba\xd4M\x80\x05\\\x10{e\xb3D\x8e_\xbf"\x17jUy\xecXeV\r\x13\xdb\xc5\xd9o\xbf[Y\xb9\xfe\xb9\xf7\xf2+\r~&lt;=*\x9aF\xa3E?\xce\x1a\x10\x10\xb5\xc0E\xe0\x020\x15O\x8d\x89WJ\xbb\xe1\n$pTh\xc4a,(.W($\\0J\x9c-\x0e-\xad\x84\x96\x97Cw[c^\xd93\xf4M\x0b\x9b\xe84\x1a\x83A\xf7\xdej@,\x8bZ\x04M&gt;\\p\x18\xa5\xa8VwG\x87\xc98\xa0gA\x85\xb1\xf8B,\xe0\x82\xf8\xaf;{/\x18\\\x02\xac\xef\x96\xaf{[_\xcd\xed\xdd\xd6\xddoD!\x14\x83A\xdb}G/\x08\x9b\x08\\\xa3\xa3*\x08\xbe\x88\x87\x89\x97J\xbba\x8c\x90\x0c\xeb\x0c\x06\r9\x8a \x96P,\x86I\x87L\x14I\xc5\xa1@pi\x05\xa8B\xa1\xd0\xed\xcf\xf1g\x06b\xfeO\xa9h\x1b6l\xa63\xc2\x15\xfdhQ\x00\x93&lt;^|D\x1c\xd5(\xb8\xc8\x16q\x94&lt;bb\x95\xac\xab}\xa0\xa1B\xa7\xd7`\xe8\xf9H\x05%$9\x8b\xb8\xe7\xf1\x04\x83+`\xe2\xca\xd2\xca\x8d\xe5\xa0\xeb\x1a~\xd7\x1c\xf3S\x91\xe2\xb7,\xa4\xed_\x13\xb5\x16\xb4\xca!r\xad\xbd#\t\x0f\x81\xa0\x16b\x8d\x86\xe5\x02\x1b;LG\xf3\xdb\x9d\xc3\xc0e`\x11,1\xd8I\xf4\x02\xe5RB%\x88\x15Z^\t\xce\x07\x97CKK\xf3\x81\x17\xde\x0b?\xe9\xa7\x19b\xe2\xb7\xec\xc8\xccH\xcc~;\x9a\xbe!\x9a\xc1(/\'r]\xfb\x08\xa2\x05X\xc0\xa5\xd2\x86\xb9`LUJ\xdd \x96Q\xe2\x1c\xc0\xc7\x9c\x88\xc5\x15\xb24\x1a1\xa6\x0bg\xfb\xab\xae\xd2\x00\x86+\xb44;7\x1fZ\xf2\x04fg\xe7&lt;\xaeG;\x8e\xff\xc8\x83\t\xde-\xa4%\x02\xd4\xfe\xd4\xb54ZT\x14#\'\xa7\x1c\xf5\xa2\xadyl\x82\xadG\xcd\x81p\xa9Tx\x12Ul\x11\x9b38\xa8t\x9b\xc6\xf3%\x8e~9\xc1\xaa\xe7\xd6\xb3N\x19N\xb1\xc4Bp\x91[\x7f\xf5N\xb6}\x0e\xb1Vf=\x9e\xb9\x95\xa0\xc7g\xb3\xfb]\x1e\x97\xcfvm\xa15\xfeGL0\x9bvdf#S\xfa\xc6\xe45\x0cZ\xf4N\x1a\xa8El\xa4/|\xe3V\xe3 \x0f\x17kH&lt;\xcc\x11"\x1e\x87=\x08r\xc9pp\xee\x07\x171\\\xf5\xe2S\x06\xc4\xaa\'\x01\xfbcZ\x86kv\x1e2\x1f\x0c\xf8\xfc\x81\xa5y\x8f\xbf\xb4(1\xb1\xc4\xe7\xf2\xdbm%\xde\xcb\xffS\x9b\x8d)\xdf\xb2\x90\x99M\x906nLNN\xdeL\xcb\xa1\xef\xa43r\xca\x89\x8d4\x9a\xf7\x1b%\xcc\xf1l\xe4\xc2\xa1\x0b=\x04\x13a8\xcd-\xc3/i@.8\x8b\xf5,\x03\xc1\x82\xd2h~\x7fw\xa3-0\x0fXK\xb3\xae"\xbbg\xc9\xe3w\xf9mE\xd9\xb1\xb1i%&gt;\xbf\xcff{\xe4]\xf8o\xbf\xb4\x11O\x07\xf3\xf6\xc7\xa6n$\x95\x0e\x95\x1c\x9dC\x8b\x8eb \x17I}\xf4\xb5/\xd9X\x1c\xdc2\x90\x0bV\r\x8e\xb4\xbbC\xd6\x95\x97\x07\xe1B,\xb1\x98e\xd0\xeb\xc3X\x1a\xdd\x95\xeb[3\\s\x80\x15\x0c\x06\xec\x19\xa5\x81y[I\xa9\xdd\xe7\x03\xc1\x12\x92wd\xd8\xfc~\x9f\xdd\xf7\xe2\xda\xa5\xff\xac\x19\x98\xb7-!66=\xcc\x94\x9a\x10\x9b\x9a\n\x9am(\xcf\xa1\x11\x17\xc3&gt;\xd2\xa2\x9f?E,\x11\x07K\x84P\xd0!P-\xdc1\xfa\x89Zb\x96\xbeB\x0f\x1d\x8c\xc5\xd2\xe8.\xde\xd9\x9aj\x0f\xcc"\xd6\x9c\xabh\x7fi \x90\x98\x9d\x9d\x96XTRZZ\x94\x91\xb6#!\xb1\xc4f\xb7\xd9}\xfe\x17\x90\xb3\x98\x7f;#\xec~\xc9\x94\x1a\x0b\x8a\xa5\xa3\x8f\xe0"\xa3\x9c\x01r\x81Z9\xabzy\x9fB\xd6\xc1=hYh!O\rb\x99\x00+/\x8ce`\xb1\x0c\x15\x88\x05\xa5\xd3\xdd\xdf\x9a\\\xe4\x9a\x03\xac\xf9Y\x8f=5\xb5t\xce\x1f\x9b\x90\x90\xb0m[BZ&amp;\xb0ed\xc6\xa6ef\x14\x95\xdal&gt;\xbf\xeb\x85\xf7_\xc1@\xa8\x85\x84\x04\xc2\x94\x9e\nD\x08\xf4vr\xf2\x9bon\xde\xbc\x86V^N\xdbI\xcf\xf9^.\xe4\xfa\x0b4\x06\xd2\x19\xe0O\xadV\xbb\xddU&amp;\x014\x88v\x07\x9a\x08&lt;\xfaU,\xdd\xc5\xdfy\xdf\xc8\xf6\x05\xe6f\xa1\x02\xae\x8c\xe4t\xfb\\Q,\xd6?\x998\xbf\x10\xb9\xad+\x8c\x0f\xdc\x91*_\x81D\xef\xe8\x1f\x02\xfdCB \xa1\x98\x86&lt;\x04\x8a\x11\xb4\x08!\xb3Z\xe2\xe2\x17\x9b\x98-\x01\xe3\xc5%\xf8\xc1\xe0a^\x82!\xe4e\xb6\x84B0\x83\x8d\t\x98\x98\x9a\x8cY\xe2-\xc5\x86\x85\xcc\xd3\xba\xa4`\xb6P\x9c\r\xe4\xa5~\xc8BlL\xfa\x92@\xa9\r\xa6\xdf\xb93\xde\xf4\xda\xbb^/\xda\xd5o\xbf\xf3\x9d\xef\x1c\x8d\xc1I\x92\xc4\xa8G\xe4VQ\x19UE]7\x87\x93\x9d\x9d\x17\xb7\xfe\xef\x9fh\x7f\xf1\xcb\x0f\x0e\x120\xc1I\xa1t\xba\xd9\xb6-\x90\x08\x8a\xf3L\x19B\xae\xec\xa8\x8a\xe0\xd2\xd2\xa7_"H\x11\xa5o\x00\xea\xf2\xe5\xcbR\xac\xdf\x9c\xf8\xf0o\x12\xeb\xbd\xdf\x9f\xbe(\xe966^\xde\xe2a?\x05\xd6\xfe\xfe\xeetl\xb6\xddt\x1a\xeaq\xe4\x94%\x90\x9c\x18\xba\xc1\xf9\x91^\x95e\xd1\xf4\x00\x9b\xbeX\xac\xfe\xa3\x06\x8a\x03r\x91\xfe\x1a\xc9j[\x89\xb4\xa4\xe2\xb6\xcf\x8fA.Ur\xbd\xb3\xe4R\x0f\x9e\x81\x8b|\xff+`]\xf9\xe3&amp;\xb0H,\xb2\xfc\xe9\x8d\rP!\xed\xdf\xbb\xbf\xf1\xf2\xa1\x91\x16\xf3\xd9&gt;\xa0f\xd3qg\xc5\xf5\xac\xa8\xba\x145D%\xcb2\x82R:\xc0\x88\xad,\x8az&lt;\x9e@\xb2\xc5\x07\xb2\xf5p\ty[\xca\x03\xa4\x96x,I\x06.\xd1\x9a\xa1\xc9\x8e\xcb\x90\xf8\xb9\x8cC-\x7f\x06\x83\x91\xe1Q\xc2+W6\xcf\xbd\xbd\xb5~\xe2\xc4\xdaG\xd7\x90\x10\xa7O_\x94p\xf7\xcf\xbe\xbce\xf8\xd5\x18b\xed\xeeN\xe7}%\xc2j\xd2\xfbn\x11\x85&amp;j\x98\xa6I\xec@\xa9Hz\xcdYz\xad\x91\x1e\x1b\x0c\x0f\x12\x18\x89b\x13\x08\x96/yl\xa2#&gt;\x98\xcb7\xc9f\x96\xf6\x0ee*E=qa\xf5\x1aj\xca\xc3\xe7w\xc9\xf8X\xb867\xfft\xee\xed\xb7\x80uB\xcau\xf1\xe4\xc9\x93\xf7.nl\x9c\xfd\xeaafu\xfd\xcel\x17R\xcd\x9bJ\x18\xfd|\xec\x04eS\xc0[K\xfb\x9a\x0e\x1ak\xd5\x02\x90\xcf-j\xf4\xe5|:\xc89\x17\x96o\x1e\x9d\x15\x90\xe4\xa1\xaf\xc4\x9f\xa1\xd9b(\x1e\x85\xd72Tq&lt;\x18\xff\xee\xbb\xbf~\x03E\xdc|\xff\xdc\x1f\xdeZ__?\xb1\xf6\xe1\x8d\xcf\x00\x85\xb7{_\x9c\xfdj1\x12a=\x9f\xcef\xa0\xea;\xe8\xef\xee\x94\xa9\x13U\x94\xa4\xbaT)\x06N\xd8u\xc0\xc4\xc7\x8e^\x92`\x87\xe3\xf9 S2\x83\xe7\x16\x80\xf4\xae\x0bM\xc9\xb1D\xc2\xd5\xe1\xd2m-\xc7n\n\x1c\x95F\xf6\xebT\xa5e5y\xfa\xe5]\xd8\xfe\xf2\xe6\xa5\xf7\xcfm\x11\x16r\xfe\xda\x8d\x1b7\xae]\xfb\xec\xdb{\xf7\xff|K\xb5\xe3b\x02*\x0c\x99\xa6\xb2r+\xee\xe24u]=\xd6]\x1cX+\xa6\x9e,q\xf4\xa8"\x87Ep~\xd1\xf7\xe3\x81\xa2\x10\x17\xca\x07\x92\xaa\x93\xda\x82\xa5\xc3&lt;\xec0\x80\xa8\x13:hm\xe5\x86\xa2j\xda\x88+\xc3\xd5\xd0\x96z\xc1\xf8\xcf\xb1A\xd0\xcb\\\xd8\x1f\xd6\xd7\xcf\x9f\xa7\x17S?\xfad\xed\x93\xef\xbf\xfd\xe2I\xaa\xd8\xa6;\xde\x99N1\x92\xeb\xae\x15f\x8c\x9b\x17z\x9a\xa6z\xdd7E\x85\x8cH\x91\x12\x89^\xa1\x0f]\xcaX\xf4d\xe5\x92\xc1\x06\x8a\x94\xcb&amp;0\xd2&amp;\x96\x95\x0b\xab\xba\xae\x0b|!\xfeZt\x96%\x98\xc1\x18\xe7yn\xdb\xb4\xa7\xaeR\x02\xfeR\x8d\x87\xcf\x7fw\xf3\xd4U\xf9\xda\xdb\xf2\xac\xaf}\x0e\xcd\x1e\xdc{\x12(\xdc\xafz\xb4\xfc\xce\xbc/\xf4\x96\xc7\x15nY\xd4N\x90\xa6\xf5\x18\x9f\t\x01\xe5\x84P\x0b\x9bJ\x81\xbb\xb9\xe8Kt\xa6\xbc\x08X\x99apnp\x860`\x19i\x07\x84&lt;\x88;\xddl}\xbd\xae;+\x17\\\xf1\x94\x91\xc1r\xc12\xdb\xd0h\x7f&gt;\xbe\x12L\xcd~|\xfew,5\xbf\xbd\x80\xd1s~kk\x8f\xdeoo\xad=\xf8\xfa\x00T]=\x9e\xcf\xe7\x130X\x86\xed\xa7\xb0t]\xa4\x9c\x05n\xef\xc6~\x82I\x82\x82TP\xa7\xee\xa1\x02\x15\xa8\xeb\x00\x06\xe3\x0f@a0\xae\xd0Q\xe91\x02\xf7\x1b\xaa8Fn[\xa6;\xe9s\xa2\xc9GJ62D\x90\x8f&lt;p\r\xe5b\x7f|\x99\x13j\x16\xfd\xf7S,\xcc\xdbon\x01\xea\xcd\xed\x0b\x17\xb6\xaf_z\xf3\xf3\xf30\xa3x\x00\x00\x05"IDAT\x7f3\x85\xb5\xa1\xdb#\x87\xfa\xa6\x8a-\x03\x8d\x15\xea0N\x99\x08X9\xd5\x1d\x1f\x8b\x93\x1e"\xdea%\xfc\x82Z\x1d\xa9\x05\xed \xd7\x80\x01\xcb\xc84\xed\x18\xd5\xe6\xb8,\x0f\xc0\x86\xaae\xe5i=\x89\xd8h\xc4\xf2\x9c\x8dH,\xc2RU\x8f\x19\xda\xf2\x81c\xc5\xa5\xa4\xaf\xbe9s\xe9\xc2\xd6\xde\xde\xde\xf6\x85\xeb\x97\xce\x9c\xb9z\xf5\x9bW#\x85Y\xb0B\xdf\xc3D],@\xe5\xc7\xc8\xa5\xa2\x88\x92@\x08\x11\x04)\x143\x13\x02\xc7\xa0\xc6e\xb5\xdb\x85\t\xba\x0e\xf6\x83\\\x03\xd4/CP\x1e1\r5)\x06/\xe2\xbcnreD\xb5c\xc6\x08b\xe5\xe2\x00|\xc4\xc5\xe1\xfe\xd5\xa3\x90\xe4\xca_\xfdp}{\x0fRm_?C/X~\xfa\x93\xa7\x18"\xe9\\r\xb6\xdb\xc5\xad\xc1l\x7f\xd9e\xa5\x0e\xac\\\xc0_I\xd5T\xe8\xba\xc9d\x0c\xaa\x9a\xa8L?\x8di\x12\xc1\xf6\xc0b\x86\x82\xbbH,\xdc\x84n\x88\x93\xd6fP*\xaa7\x82ZP\x8c\xbcE\xc5$\xdd\x94\x0cE\xd7\xe8\xc2#.\xf1\xe2?\xb7\xa1\x15\xa8&gt;\xc6\xc3\xf5\xf3\x1fQZ\xe1\xa3@T\x19\xa4\x1e3\xe0UH\x85L\xd0\x9d$8\x10y\x80\xb8\xd2]B\xc2\x1b\xda\x0bm\x88\xd0\xf7\xa9\x07\x1c\x1d\xa6\x1f\xa0\t\xa5^(\xe3\xf1\xd7`\x10\xcf\xc7u\x9e\xe6y\xa8\x1e\xb0\x14OUd1q\x0cj\x0b\x9e\xa9\x92k(\xcb\xa8*\xfc\xf0\xc9\xda\xf9\xbd\xed3\x1f\x9f\xbay\xf7\xe9_@e\xfb\xa1L\x980\xf5-\x0e\xa1a\xf7ES\xbb\x91\x03\xae\x14X)\xa6`\xd9\xefL\xc9V\xb5[T\xb1\x93\xfa~\x10\x98z\x02\xc5\xcab\x90\xd30\x96d*f\x0bn\xa3y\xb0\xbef\xb9\xc5H\x83X\x06\xaa8\xc2g4\x0fx\x84\x05\xf9 \x95\x92\x1b\xaa\xba\x12Vr\xb1\xf2\xc9\x83\xf5\xed\xab\xa7\xde\xfd\xee\xd9\x1dPq\x0cR9\xf9\xfd\xd6\xe2\xdc\x12\xc0\x8a\xdc\xa6\x01V"\xb1D\x80YS\xf6\x93\xd9\xb4\xa2\x1e\xec\x08J\xe023r,_w\x9b\x81\x8d#\x17\x05\x9b\x1b\x9e\xea\xe1V\xb8\x9d\xea\xf9%#\x140\x19\x8c\x82\x14$\xe02dM\x15\x8d\x02\x8b\xab\xea\xb2\xe2\xb8\\r\xfd\xf3\xfb\xdbWo~\xf7\xd3\x1d\x0c)\x8etN\xe4\x83\x80\x10\x9c\xfbf\x00\x8bGE\xd3,J\xcc\xbeT\x9a\xcb\xd1\x13g\x81\t\xd0\xe8x\xd8\xa8\x92\x80\x07\x96\xe0\xc2\xd1S\xfc\x08E3\xb0$\xd5k6i3\xbaO\x10\x1c\x93\n\x01\xcbP$\xae\n{\x8d\xa8\x03PR\xc240\x91$\x99&lt;\xaa\xca\xa2\xaf\x1f\\\xbf\xf9\x8c\xa8\xd0w\xad\x8f\xe5H`\x03\xe1\xcc\x0f#\x07\\I\xd9\x1c6.\xd50\x08H\xad\xc8I\x8b\xc9l6\xef\xea\xa2C\x1fp&amp;r\xe6\xa3i\xb9H\x8a~`Y\\R\xd1\x8a%\xc12\x8f\xba\x8c{\x90\x81\n\x07\x89\xbc\xe5\xdd\xc9\xf5$\x97\xe2yTg\xe8\x95\xa9?\x83\x01&amp;\xf9\xd7\xed\xa7\x7fE\xe8\xa1%l\x84\x80\xc0R$\x18\x0f\xf4rQ\x12\x88C\\\xa5\xe4BB\xa4Q\x148\x93\xd9\xfe\xb8\x87\x8b\x03\xd8\x8a1!t] \xd8\x93f&gt;hm\xc3Xa\xe17}d\x90\xc9\x14\x04\x85\xe6!\xef\r\xb2\x96GG1\xc8i\x88\xdd\x91\x87w\xd0\xc7\x10\x8c\x04[\x91\xa1\x90\xe2\x1fw\xa8/1\xcc\xc8\x138\xa8`\x90\x96(^\x92\xc3\xf5:\xf6\xcf\xbat\xa0\x16a%\xa5\x134\xb3GP\xd0\x07\xa7-|\x96\'\x95o\xb0\x8cE\x93\xd9\xc0\xb43\x88n\xdbr\xb7A)[\x933\xe5\x18\xb9\x9e\xb0\xc8\xe4\xb2\x808$\x94\xe2)\xcb#E3,\xbe\xe4Ri@\xe02\xea\x185\xc3\xd4\x90X\xa4}\n\xac\xf1a\x13![\x82\x04\xa6G3R\x9e\xca*\x96I4{\xfc"uS\xc7\xb1\x18\xf3\xf3\xa0\xd2\xf3,\xcbx\xb3\xbb?\x08-\x94\x02\xdf\xc9\x82A-n\x85p\x83\xcdT\x88\xe1\x01\x0bP\xb9!\xcbI\xc1E$K.\xb2\x18\x92U1,;\xa3\xbcP_\xe7\xebp(\xbf\x19\x8a\x88\xf9\x8e\x820\xa4Q4\x9e4n\x9a\xf3&lt; \xd7\xbb%:Q\x06*\xb6\xd1\xe8\xf0\xd1\x0c\xb4\xc2\xf1\x19\x0b\x84\x03\xb1&lt;%\x13;\x8fg\x83\xc2Gh\x82\xd1\xc6`\xb6\x99n\xe2\x87\xc4\xad\x90S\xaa\xc4\xcaI-\xc2\x1aQ\xed\x88\xc9Sd\xb6\xe2(h9\xbf\xa5l\x91\xf3\xf4\xd8*\xc32@\xb5&gt;mi\x98\xff\xc0r\xea\x9d\xc3E\x12@.YO\xca\xf9e\x15\xb1h\xa1\x8a\xae\xd0S\xe6\x0b\x16\x04p\x16\xe5v\xba\xfbx&gt;\xe8;\x037\xcdT\x03\x9b2\xf7\x05*\xeacp\x13\x966\xf4h\xf0\x8c$\x16\x93R)G%$\xd7\xe1\x12\x849V\x7f\x90\x11\xd6\x8a\x8a\xd9\xad\xdc\x91\xac\x0c?\x93C\xd10\x99,\x1c`\x89@w\x17\x0b7\x8aWXN\xb4\xa8\xa7\x8fw \x13&lt;\xc8\x91d!V\x01O\x89\xf6\x1f5\x83\xbe\xe6\x1av.M\xb1[\xd3\xf1\xf1\xed\x85\x95\xc1\xb6#\xd8IS\x10\xec\xc6\x08\xf6\x81\xb1(GGKO\x11\x95\x1cIp\x9d\x82\xe7\xa2\x18\xc2 \x8c\x872\xbfh(\x87\xd8"\xc3\x16c\xd1\xc8S\x18\x1c\xf9t\xe8J\xac$\x02\x16\xa9\x15H,&lt;PO\x1f\xed\xea"O\xff7f&gt;.)n\x0f~`\x03\x8aMX\xf3\xf4iM\x00X\xb7&lt;\xde\xc5\xdf\x81\xab\x00\x00\x00\x00IEND\xaeB`\x82'</t>
        </is>
      </c>
      <c r="M405" s="3" t="n">
        <v>45492.67820601852</v>
      </c>
    </row>
    <row r="406">
      <c r="A406" t="n">
        <v>1017363</v>
      </c>
      <c r="B406" t="n">
        <v>7314</v>
      </c>
      <c r="C406" t="inlineStr">
        <is>
          <t>Yeferson Rodallega</t>
        </is>
      </c>
      <c r="D406" t="inlineStr">
        <is>
          <t>Y. Rodallega</t>
        </is>
      </c>
      <c r="E406" t="inlineStr">
        <is>
          <t>LE</t>
        </is>
      </c>
      <c r="F406" t="inlineStr">
        <is>
          <t>LAT</t>
        </is>
      </c>
      <c r="G406" t="inlineStr">
        <is>
          <t>LE</t>
        </is>
      </c>
      <c r="H406" t="inlineStr"/>
      <c r="I406" t="n">
        <v>16</v>
      </c>
      <c r="J406" s="2" t="n">
        <v>36852</v>
      </c>
      <c r="K406" t="inlineStr">
        <is>
          <t>Left</t>
        </is>
      </c>
      <c r="L406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593b838-a4ad-445b-8fa9-2124d9a22f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4G\xde\x00\x00\x03\x00PLTE\xff\xff\xffaN&gt;!"#WC4\x1b\x1e&amp;\xfd\xfc\xfc!  ***,,,\x1e\x1e\x1e`J=%%$\x1b\x1c\x1d(()\xff\xfe\xfe\x7fcT\x1b\x1a\x1a\x1e\x1c#_G9P:/sZJ\x83fSfSDz_PoWG`NDz\\IH9/\x8dnZ\x16 &amp;fM=&amp;&amp;\'w]MkO=((&amp;O@7.//J=4\x82gX\x88iUR@2~`L[G6\x7fdQYD9SC&lt;$$"\x83kZ~gW)\x1f\x1abI5kYJ\x19\x1d#\x88lY\x1b#(iQ@\x92pZ\x19!"fMD[G;`D4\xfa\xf9\xf9\x83cMp]M\x8ekVzeW]H@[C4dJ:oTBdR@sWF\x16\x18\x18]L;+! hL8\x86j]xXFZOD\x88o_r]Pw`TjQE\x83`Q\x1f\x1e*"\x1d\x1a\x8er_\x89eM/!\x1a203\'\x1c\x15\xe9\xe4\xe3WJ@kTC\xf7\xf6\xf5zdRtTAkTG+$%6(\x1f&amp;\x1b\x1f\x96s^%!%dJ@\x88aHtbPaRF9,$0&amp;\x1fU=-B6.\x97sYsO9mYOhWF\x8edJ\x8dhQV@2!\x18\x14/*\'\xf0\xee\xed\x88fS\x14\x1d Z?5\xd7\xd2\xd1\xa3}cdE&lt;fUL~ZM^\x1f &lt;1*\x83^F\x9bw]\x0e" UF:@0&amp;\xf4\xf2\xf2\xed\xe9\xe9~j](40O&lt;)\x9cydpOAI4*\xa3\x9b\x9b745V:6\xae\xa6\xa3L,"\\=+\x7fYA\xad\x93\x85%\x1e.\x1c\x13\r\x99|lk@:d\\P_U&gt;/\x15\x17\x8d\x83\x814.,\xde\xd9\xd9mGC\xab\x82i\xc9\xc3\xc2\x10\x1d\x19&gt;;:\xd1\xca\xc9\x9a\x91\x91\xe3\xde\xde\x84\'-?\x16\x14xT&lt;\xad\x88w\x95kU\x1f..5\x1d#\xb6\xaf\xaf\x96ve\xf391\xad\x17\'\xa2\x7fm\xf0&lt;=\x9c\x8b\x84HB@]USOKKe:0E\x1c"&lt;!\x17t&amp;(\xe4;3\x13\r\x06\x8dygp_WR3(\xb5\x9e\x92\xf2B-\xe8AB\xc0\xba\xbaVVGmK5\xa0w^d][jH;oeaN\x1e\x1b\xd2FF&amp;\x0f\x0b*&amp;2PPCYS9\x83zxgF0\x87th\x98)1\xd0\xb9\xad\xc6\xaf\xa3\xddJ5VL8;$0@*\x1e\xc2\xa2\x97dZB\xf9@&lt;{sr\xe4\xd8\xd2Y4#\x9cp_xlg\x9d;&gt;P\x0e\x0bkbI\xb2)5LH2q\x0b\r\xbc\x95\x88\xe7\xcf\xc4pkOr&gt;Bqlm\xe3MM\x9b\x13!wH&gt;\xdf\xc3\xb8\x86\r\x16\x9e\x83t^\x0c\t}NC\xbfNL\xbd;B\xaeIF&lt;G*&gt;CC\xcb_a\xadfjP\xe49H\x00\x00 \x00IDATx\xda\xcc\xd8\xffK\xe2y\x1a\x00\xf0\x11q\xe7\x98e\x14F?\xfaq\x94\xc8\xf1\xfcV\xb9\xda\x88(6fZ)Z\x99\x16y]\x9a\x95VCjv\xc94&amp;\xd5\x08^\xa4\xb5\xb5::\xb1\xec\xe2\xac\xca\xca\xa4\xec1\xe0\xc0\xd2\x17\xb8\x1f\xa6\x1d\x90\x9d\xe8\xa7\xed\xe2\xe0\x18\x86\x0e\x82a\x7f\x1a\xb8\x9f\x0f\xeey\x7f\x9cn\xef\x0f\xd0\x99{\x08\xcb |\xf1&lt;\xcf\xfb\xf9&lt;\xef\xae]\xabCP)\x14*\x95\xa2\xd5j)\xd4k\xff\x17A\xd5\xba\x13\xcbNg\xd9Y.\xac\xa2(;7\x13\xeeO\x8c\xa3h\xdd\xcb\x85b\xb5\x92IeR\xa5\xfd\xfd\xfd\xdc\xfe~*S)\xae:\x13\x9f,m\xa8h\x89\xf2^\xb5\xf4\xfe\xe4\xe8\xdf\x07\x86\xf4&lt;],\x16\x08\x04R\xeb\xe1e\xa9\xb2W^\xfe40*\xc5\xbdY.\xa6.N\x0e~\xff\xe5\x97_\x86\xe3?\xfc\xd5\xeb\xf7\xe7\xc3w\xc2\xe1\xfc3\xeb\xc9E\xa9Z\xd8\xfc\x04\xb5\xa4\xba\x9d\xc5T\xee\xfd\xe1\xc1\xe3\xdf\xcd\xde\xbc~\xf3\x8e\xe7\xbbv\x8b\xc7s\xe7\xfa\xf5\x9b\x9f\x7fa\xc9\xc7\x04\xec\xcb\\\xa6ZX\xa6|\xe4&gt;O\x14*g\x87\x07\xcf\xf2\xf9\xb0\xc7\xe3\xb9y\xd33;=m\x99\x9d\xfd\xfcN\xed\'K\xc0\x1f\x94\x9e\x9c\xa5\x8a\xe5\x84\x96\xfa\x11;}s/uz\x10\xf6\x84\xf3\x1e\xcf,\xb8&lt;\x16d\xb1L\x7f\xf6\xc5,\xa8\xa6\x89\xdfXb\x82\xc3\xb3\xcc\xde\xe6GsQ\xdc\xe5\xea\xc5\xd1\xe3\xfc\xf4\xc3\x11\xcf\xc8\xc8\xb4\x85@X&lt;\x01\x8b\xa5\xbd\xddB\x84\xa7\xf6\x1a~v\x98\xab:?\x92\x8b\x9aXM\xbd?\xc8\x87\xc3\x96\x91\x87\x10(M\xa0\tx\xbd\x81Q\x14\xe8-\x8a\x110\x86\xf3G\x17\x95\xb2\x9b\xf21\xdaj\xb9X:y\x96\'R\xd4&gt;6\xd6&gt;\x1a@\x1c\xaf?\x1e\x8f\xfb\xbd^/\x92}7\x86\x82H]\xfe\xe82\xb5\x9ah\xf8\x91\xa4j7\x8b\xb9\xa3&lt;\xea&amp;\xf8\xd8@ \x80&lt;o\xde\xc4\x93t2\x99\xbc$\xdeN\xc2\x1b\xa0\xb5\x13,\x88pPpX\x02W\xa3U\xce\xe2\x19\xa8&gt;\x1b\x81\x1aA\xa2\x00\x95\xa4\xaf\xb4\xdd\xd20X\x13ryk\xb3Iu\xa3\x85,\xe6\x04\xfdPQD\x83T\x06b\x87\xa5Bc\xeb\x08\xaa\xea\xc5A\x0cuU;4\x13\xa0\xe8K\x06 \t\x1d/\xbeE\xb1\xe3Pb,\x96\xceh\xde\x10p\xe2\xfe@\xfb\xd8\xe8\xd87c~\xc1I\xa9\xa0ml\x05+\x17\x07a\xe8f\x0bQ=\x81\xd4\xa0\x99\xb2\xd1\xfa\x1d/^|\xfb#\x8a\xb5\x9d\x19.wP6aS Y\x1c\xaa\t\x19\x0b\x04\x82\'\x99\x82\xbb\x81\x93a\xb9xv\x10\xb6&lt;|\xd8\x1e\x8e\x05\x83\x1c);\xbah\xd7\x0b\x91\xea\xc5\xce\xce\xce\x1a\xc4\xfa\x8c\xda\xe1\xe0\n[\x01\xc6\x04X\x908\x03\xed\x01\xc1e\xa5\xdc\xb0\xb6\xa7\xba\x0b\xa5\xa3&lt;\x94f\x0c\x868\xdf\x05(\x9b\x9dF\x13\x8a\x94\\\xf5\xcc\xcc\xcc:\x8a\x85\x055\x97+\x92\xb7NL\xcc\xd9t\n&amp;[\xcc\x89#\x98\x9f\x7fQmX\xdbk7\xab\xef\x1f\xc3T\x18\xf5\xc68|\x97\x0f\xa9\xf44\x1a&amp;\x14u\xa9!\x16 \xd4jn\x97H\x84a\x84kN\xa7\x08\xf9\xcc\x1b\x9c702\xfc\xd6T\xc3\xd2\x95X\xcd\x1d\x85\x91*\xc8\xdf\xb0\xd6Tz\x9a\x9c\x86ED]\x10\xcf\xbb\xd4\xe8\x1bR\xb5\xb6\x02\x0b\xb9t\x9013\xdd\x0fe\x0c^V\x1a\xf4\xdc\xa68+\x87\x7f\xf4\xa0\xa7\xf0\xafV\x9f/\xaa\x00\x16\xca\x16D$\x12\x11ED\x0f\x1e\x80\xe9\x83\xaa\xe6\xb2\xe9t6\x9b\x82$\x8e\x07F\xbd\xae\xfd\xb2\xb61\xcf\x9c\xbd\xdcc\x8f\xc7\xeb\xe7\xfc\xfa\x0f&amp;\x93\x19\x9aR\xe8lv\xf8p`\r\xd3\x86#\xc3\x11\x91\xa8\xa6\xaa\xb1Z\'X\xcd\x0c\x86B\x079c\xf3\xe1L\x06/\x8b\x89FT\x91\xb2Y9\xf1X\xc21\xce\x86\x99\x04,\xe6\x14\xce@,\x1ar\xd1\x86\x87%\x18\x12a\x84\n^h\xb4V\xc4\x9aB.\x05\x9b\x1f\x0b\xc4\xb2)\'\xa5\x113\xabP:\xf0x\xf20\x16|\xc6\x1a\x0bu\xbc\\N\xbb\n!\xb4?F\x834\xb5\xca\x942\xa1PN\xb8\x148\xf4\x97o\x83\xe3\xf7\xf3\xcfV\xdd\x8d\x98Y\xd5\x8bg\xe1p\x90o`\x13*&amp;\xae\xb3\xeb\xe5r\xf9\x96\x90\x08\x1a\xf1J Y\xb4~\x08\xf8\x15\xab\xb9\xb9\x99\x81\xe3\n\x05\xd3\xca\x0f\xfac\'\xc5\xe5\x06L\x87r\xea$\x98\xcf\x0b\\\x86\x1b$\xe3\xb8J5\x8e\xdb@\xb5%\xeb\x97\xf5\xd7B\x08_(I4\x9a\xfc\x8a\x85\xd2\x85\x8f\xe3\x8a\x10[\xca\x89\xc5\xac\x99\x06TQ\xbb\x9as\x05\xf31\xbe\xc1\xd0aF\xe9\n)\xe6\xf4\xf2\xad\xad\xc1\x0f\xd1\xdf?\xf8A\'\x94\x03\x90\xf0\x11*\xc4\x82*\n\x82Ain\xaf\xfe\x1b\xa1{\xef\x82\xe3O\xd2\xd3\x1d\x1df3\x89\xcd\x0c\xa1\xa9%\xdf\xea?\x7f\xf9\xd2\xe1\x18T\xd6B\x84\n)\x93\xc9\xa0\xb6z\x88c\xdb"$+\x14\n\xf9|.p\xf1O\xabu?\x8b\xd4D\xf54\x18O\xa6W\x80E\x02\x96Bw\x0c,\xd9\xe0\xf9K\x07\xb8\xb8J.D\xcd\x05\xac-Be?^T\xe0\x88\xc5\xf4=\xb5\xba\xa4\x02~4\xb3Lm\xc0x\xb8b\x99\x9f\xfa\x98hh\x01\xab\x7f\xd0\x81\x82\xfb!\x94J8\x84D\xbaj\xc9B\xacq&amp;\xf3\xad\xcf\n.\xbe!\xe5\xac7K\xebL\x1d\x06\x83\xf4\x1a\x8bd\xfc\xc0\x12\x82k\x90P\xa9g\x1c\xf0@\xe4\xa2R^\xb9\xec5\x16:\xb5&gt;\x1f\x9bm\x90JK\x85z\xf7\xbc\xb6\x90\xb3\x069\xc0jC,hx\x9dm\xce&gt;A\x13b2\x80 \x16\x115\x97\x12:\x1e\\v\xd8!\xf0\x10\xd3\x08\x01*\xb6\xa1\x03z\xbe\xde,\xf7\xea\x85\x94\xc3I\xaf\xfc\x0f\xab\x99\xc5\x82g\x0c&amp;\x12)\xe1\t\x8dV\x08\xc2UK\xd8\x15+\x142\x92 \x90\xca\xe02\x9cU\xeb\xce\xda;\x95\n\xe8\xe9\xf4Jw[\x0b\xb0\xa6p]3\xc1\xc20b}P?_\xa8-6\xea\xab\x1e\x83BN\xa0\xd5\x86`!\x17\xb4\xd7e\xa5\xde\x13\xc2\xbdz)\x15\x08\x80\xb5BF,\x9cQC\x89D]\xdc\xabe\x0b\x05\xac\x83\xf0\x0e\x0e\x01\x8c2\x99\\?\xa7\x0b\xbd\x05\xd7}\x92F\xc3\x86\xb6\xbf\xcc\xb8\xeb\xce:\xb3\xfe\xc6\x1a\x07\xd6\x04\r\xfb\xef^\xba\xb0\xbe\xfe\x1a\xbd@\xc0\xfb\x19\xc7\x95kb\xee\x1d\xc1\xd2h4&gt;`\x9df\xea\xbd\xa2\xba\x0b9\x1fb\xa5\t\x96\ng\xb0Z\x85J\xaec\x06\x96\xf8\xb5\x9d\x9d\xd7\xaf_\xaf\xbdF\xa8\x1d\x143D\x83\xf5#\xd5\xdc;\x85\xd1\x08\xb9\x02\x16\x1be\xab\x01\xac\xac\x94NG=\x0f\xf3a\x1cof\xc1)\x14\xa1\x1aB\xb2\xe0v\xf1=\\/ ep\xcb\xd8\x99\xe9\x92\xf0\xfa\xfa\xee\xf6\xa8z\xba[~y\xfa\xd4\xc8\x1c\x02\xd5T4\xcafoe\x96\xeb\xcf\x8a\xfe\xc6\x82\x075n2\x99&amp;\'\'\xffr\xbb\xf3\x81za\xed{\xc4ZX \xb2\xa5\xee\x9c\xdc\xdd\xfd\xe9\xc9\x93\xf9\xed\'\xdb\xdb\xdbd\xb3Q\xa5\xb9\xaf\x89.\x12\xacMJ\xdd{\xcb\xc7\xe7\x10\xac\x16\x12\xa9\xe7\xee\xad\xee\xee\xdd\xdd\xf9\xdd\xdd\xbf\xfd\xfc\xa7\x81\xce\xae\xf55\xa8\xe1B\xd7s\xa2\xe7E\x12\xd3\xdd{\xf3O\x92\xf3\xdb\xdb\xf0%n\xb9\xd1\xf3\x08X\xd9\xac\xd5\xa7\x7fUo\x96\x16\xb5&lt;\xc1"\x93[Z\xc8K\xf0\x81\xdb\xa0\xda\xbd\xd7\xf7\xf3\xe4\x9f\x1f\xac\xa3\\=\x87e\x1e\xdd|:\x07&amp;y\xbc\x9e\xf9\xf9\xee\x96n\xb3\xf9\x173\xa9\xa9\xe9\xfe#\xc4z\xcb\xb6\xbfjH\xb6\xf8\xd0\xf2\xf3b1\x99\xbc\xb4\xb4Dn\xe9i\xe2\xf1z\'\'\x07P\x19\xd1\r\xb1\xeb\x0f\x0f\xe0\xe2\x13\xc1n\x9bz{M\xf8\xf8\x10,4:\x98\\\xf0\x93\x86\xc8V\x94\xc4zU\xef\x8dK\x8bZ^\x9aN\xd3\xe9t1\xb9\xa5\x83d\xc4mp\xbd \xe6|g\'\x86n\x8a3\xeaH\xa4\xab+\x82I\x80eb4\xdb\xd1\xde\xb3%\x93\xcf\xc1\xca54\x14\xcd\x1e\x1f+\x9a\x1a\xc0*\x97\x8e]\xc0\xfa\x89&gt;On!\x85t\xfa\xad\xf3\xf3\xf3A\xa1\x1c\xdd($\x12I\xa7\x08\x06\x98H\xc4\xe5b\x12\x16ZHau\xd5\xebaID,\x86\t\x9fZ\xccf\xb3\x8a&amp;Z\xddY\x14g\xe6\xd4Ed\x0b\x8e\x16\xa1z\xf9\xf2\x1c&gt;\x15\xd6\xf5\xdb\xb7\x07\x06$\x11\xf5\x0b\xc4Rb\xb0\x92\xf6\xaaT$\xa3B\xc1\xf6-\xce\xc9\'\x18\xb8\x89\xc1XD\xacl\x0fV\x7f\xd6r\xe5\xd2\xda\xd6\x96N/u\x18C\x8a\xc5cH\x85\xddf\xb3\xe9TMM\xbc\xde\xde\xde\x81Ne\x8d\xd5\n\xb9Q\xdd\xea w\x84\xd8\xc9\xa4\xf8\x06\xde\xabj\xfa\ng\x10\xaaw=\xc3\xaf\x9cu\xbe\xc2R\x13\xc53\xab\xe1Q\xdb\xca\xca\rX\x1f\xa2\xd9({\x83\x9eL\xd2\x97\xa0\xfb\xbb\xef\xf6\xf1x\x93\x12\xae\x03\xc3\x94\xc2\xe6\xdeq\x15\x89L&amp;\x93l\xbe\xb87N\x87\x13;\x7f\xafi\x08\xfe \x9b\xd5\xdd\x1d\xf8\xfa\x9f\xf5\x7fV\xe7\xa2\x06\x83\xa1\xed\x96\x86\xc9d\xbb\xf8|\x01\xc7;:\x1ao\xd3\x91\xe8\xc9\xa5&amp;^\x1fo\x12S\xa2\xab\xab\t\xeeDF2\x99\xb9u\xee\xf3\x8ey\xe3\xe4\xf9\'o\x92+\x1a\xc4\xb21\xee\xfd\xeb\xc7\xbf\xd7\xfb\xff\xe1\xda\xc2\xfeT\x87\xcbe\xb8?\xa4\xe9\x10\xc4\xbd1\x81486\xca\xbf\xfc\xfa\\\xfcf\xa9\xd7\xc4\xeb\xfb\xea\xb6\xa4\x15\x93\x98xM*\x06\xde\xd1\xb6\xb5\xbf\xef\x1a\xfbf4\xa8_\xa4{\xbd\x9c\xff\xd0j\xfe/\x89\xedi\x1c\xbf"\xfd\xe2\x0f\nfj\x16\xa2\x0c\xe3\x973\x0e\x852\x18v&amp;5\xbf!\xead\x1e\xc8\x85\xb2N\x0ca\xce\xc5\xcd\xca\xa0\xa8q\x0ek43R\xa7\xcbN*k+\xc3\x9d;\xd0\x1dHa\x83\x88!\xfaa\xc6`I\xbcpA\x0c%2\xb6\x1a\x88\xa5f\x17\x8a\x98\x1f\xf7\xf98\xbb\xfb\x17\x9c&gt;P\xfeV/\x9f\xcf\xf3y\x9e\xf7\xfb\xf9|\x9c\xa0\xe7uF\xc7\xee\xfax\xee\xe65\xb3\x83\x9b\xc7\x1fv\x0c\x1a\xc0\xe2\x045\xcd/\x9f\xfe\xd864\xf4\xa7\xbf\xfc\xfer\xf2m\xa2U\xc5\xd7C\x0f\xa4=\x128\x936\xe8\x85\x81\x00\x87\xed=&lt;|\xf8\x87\xa7m\xbd\xfd\x93\x9a\xb6\xd56\xd5\x91\xf3\x99\xceh\xdb\xdd\xbd\x8e^n\xcc2\x1a\xaf\xa6\x0f\x10\xad\'Oz9\xb1\xf9\xe6\xd5\xb6\xfbC/\xfe\xfa\xf0\xc7\xa7\x7fl\xfd&lt;)\x0cJ\xa5.WINJP\xb4\\Z\xadU\xcab\xb3t:\xd5\xcb\xb6\xd6\xc9\x90Q\xe8&lt;\x82\x95=AXg\xbb\xd7\xe7\xf5+F\xdb\xf5\xe3\xc1_\'{\x9f\x0c\xf5\xc6\x821\xb6\xa6\xb5\xf5\xc5\xe7\xdf&gt;\xb7.=\xec\xede\x19\xf4@upp@Jz\x94-\x10.\x1c\xb7J\xf9|\xa7sI\xd5-\x9c4\xea\x84\xf6\xec\xb3l6\x0b\xd1\n$\x93\xbb\xd7\xd4\xca\xfe\x06\x83Z\x90\x0b\x9b8\xd9;\xb4\xa4\x89\xbd\xf3\x19\x84:(\x11\x89\xc4gP\x05\x1a\r\x07zP$\x129\x88H\xfc\xed\xeds\x12\xb9V\xab\x95J\xad|\xd0\x19,\xd0\xfcv\'\xe6\xb4\x9f\x9cd\xcbY]\xc0\x82\xd3\x14E\xb5\xa7\x19,^M\xb3\x1bo\r\xaa{\xf741\xda!\x10\xfbF\x8d\xde\xc9\x17B\xd0Q\x1c\x8eTO\x92\x80\x15\xd9\x8c\x83\xc21\xf5\x90\xb0\x8dr\x07TT\xb1.\x00-*`g\xd9\xa7..\x10\xd7\x94P\xccs\x13\xdf\xd6\x15\x0cNn\x86?\xbcIh\x9a\xef\xdf\xeb\xf6y(\x91\x08Mb\x90\xb8\x0b\x06G\xc5\x02\x89\xda\x03\xb1J\xa5\xe2Q\xf0\x18~O\xa4\x02\xe9/p8\x1a\xd3\x1a\xe4CB\xa1\x91\xd0\xd7\x8bl\xf9"\xd4\xdf\xc9\xa3\xaew\x1d\xef_1\x865\xfb~\xc7\xabQ\xa9\x96X\x0e\x8ahQ\xb6+\xa0\xf3\td\x82Q\x9fL\xf4\xa0G\xbdyp\x10\x89\xc7\xc7\xa3\x13\x8b\x13\xfeT\x04\xd2\xcc\xe3\xf1H\x10\xbcH\xa2\x86r\xd6\x98\xef\x9e\x9c|\r\x85\xbc2\x01\xbdK\xd7\x18Kzh\x89\x87\x02C\xf7=\xc0"\xe6\x1e\rl\xb5\xb74\xe6l"\x19O\xf1\x00\x82\x05[\x98\x1a\x9f\xce\x17\x8b\x13\xd1\xf8&amp;\x84\x0e\xd4\x8eD\x02aT\xc310A\x99E^\xe3"\xa4\x13\x8ezE\xd4:]g,\xb9\x86\x17nC21\x8b\xad\xe2\xd3\xd4\\{\xbb\tyA S&lt;\xeahAT\x9b\xa9Tj&lt;?Q,.\xe6\x01\x0b\x16\t;\xeb\xf0H\xd4=s\xa6\x86?\xeb@Sg\x16\x9b\xd3\xdf\xe7&amp;i\xe6\x1a\xf6\xec\xdf\xfbBb!\x0b\xc3\x00K\t.\xac\xab\x0b\t&gt;pd\x8fZ$\xe4\xe6&amp;`\xc5\xa7\xf3\x13 \x9d\'\xa6S(v\x92\x9e\x16BM\x11s\xd3\xd3\xd1&lt;H\x9e\x01\xe5\x03\xf1\x94\x80u|\xfcN\xe1\xa6(\xe6\x8e\xe2\xe0\x1b\xb31\xc0rb\x98\x95\x84h\x8d-\x8e5\xee\x05\x90\xaf\xff\x1fVjz\xa2\xf8\x1dk\xb3\x81\xa5T\x12\xc4\x9c)\x0f\xeb\xfc|\xacK\xd9#\x11\x00\xd6\x1e.S\x10&amp;\xa6\xa2\xc5mZH\x8b\x8cz&gt;\xc6\xc6\xa4P5Mc\xe0\xba\xfek\xeb\xdb\x01+\x82\xb8\xe2\xf9"\xf2?\xc5\xfcx\xea{\xb4Z\xd4\x04a\x02\xa6\xf3\xe2\xf9y\xd7\\\x0f\x88Vya-Y\xf2\x10\xe75\x86\x14=\xf7\xf1\xc6NgHo\x99\x99\xe1\xcb\xc9T\xc3\xe8\xac\xa0x\x99\xc0V#,\xc8\xad\xf84re\xb0\x8a\xd1\xd4f\n\x12^\xe2\x01\x99O\x00V\xb1x\xde\x15%z\xd4\x1e\xd2\xa6M\x9e\x9d\x95\xe2\xdbU\x86F\xbb\xdc\xe1\x8dt_H\x8f\x87U\x98\x0b\xca\xa6i\x11\xc2\xb2\x02\x1b\xd3C\x10\xf0\xdfH\x122\xcb\x1f-\x82U\x04\xac\xe7\x13Q\xbfIIH\xc8\x12\x8e\xc7\xe8\xf1(\x8aW\x94\x00H8\x06\x9e\xca\xd9Y%\xb5}\xf3\x8a\xa9\xce\xb3\xb0\xbf5"\xc7gf0-\x14\xce(`m/\x9a\xe2\xc8\xf58\x1chS\xc7\xba\xf2\xf9_r\xb0\x85\xcf\xe1\xf768\xd89\xb5\xa3\x84\x83]\x83L\x84\xd3\xd1#!iy\xc4\xf3@}\xd0\xc0\xbab\xa8\xcaCn\xedgdr\xad\x85\xcd\xc6+\x91\x94\x1f\x8e\x1c\xf2\xce\x07r\xa8\x9b\x12\xb5r\x00\xcdi&amp;r\x979\x08W.\x97\xdb^i\x87t\xa7\x1c\xa5\xf9B\x01\xa7%-\xd0\xc0IP&gt;r\xf8\x0e\x955\xc0\xca\x9d2\x86uZ\xcf8J.+\x16\x0e\'\x0f6\xe3~d\n=\x07\x15\x17\x89*&amp;,\xa8O]\xdb\xb9Fn\xfd\xb2b\x82-\xf3P&lt;\x9e#\x16.\x84q\xbd@$s\xe8\xa1Q\xbalr\xed\xd9Z\xb2\x12O3v\'\xc5\x1d\xace\xe4 X\x9c3\xcb\xc9\n$\xb8\x7f\x1c\xaa\xa6\xcbe\x93\xf1\x1e\xc8lZ\xd8\xad\n\xa9\x8e\xe6\xf3\x13\xe7\xe7\x13\xd1T\xa4$/\xd1\x1e\x85\x9bg\xc3\x0b\xcba\xcc\x1e\x08\xe8\xadZ\x0c\xd3\xba\xc2\xcb\xb0\x87\x15?\x83\xd6z\xf6\xfdm\t\x8f\xe9Y\xf0\x97+\xd0\x00\xa16A\xac\xe4\x12\x9e\xbb\xe3\x81\x0c\x14\xb3\x0b\xa9-\xbf?\x1a\x8d\xfa\t\x8a\xf2\xd0\x08\xab\xcf-\xd2[\xc0\xfd`Z\xab\x16\xb6\x1f\xd3j\x97\xd1w\x8a,V\x19\x9b\xces\x87O\xf7\x89\xf5dX\xa3B\x93\x07m\xa5\x82\x97\xe4rZ,R\xb8;\xa0i\xdb\xc0\x92y\xd4\x14\xec\x9c\x87\x84\x1f\x8a\xa2\xe54E\xb8\xddn\x91O\xa5\x9a\x99\xdf\xdd\xc5-P\xf1\x9cv\xa7\xd6\x15\x19\x7f^g\xd0\xfd4\xbd\xaen\xbd;+\xfc\xf9\xe1\xfd6\x00\x0bC.\x1bF}\x02Q\xe3\x06\xc5\x11\xd0\xdb\x042\x91\x80\x8e\xd11\xbc\xe4qP"\x07\xed\xa0(\x9e\xbb\xaf\xc3X&gt;\xc2vaY\xba\x81jj\xcaF\xc6\x9f\xd7N\x99|\x131\xbc\xb0C\xc5\xe6{\xef\xb5-\xffs\xb9\xb0v\\\x98\x0f\xfa\x82\x02t\xd7$\x16\x03\x95X&amp;\x92\x89\xad\xf3x2\x8c\x8b\x05&lt;7O\x86\x16O\xa1\xf0\x96\x8f\xf8x\x03\xab\x9b\x15\x08\xd8$\xca\xed\xfa)\xa3\x17,M\xafk\x19\x81\xe1\xc5\xd0\xfd6\xb0~kk\xb8\xd5\'\x8eA\x84|\x81\xc6\x18\xb5\xb3\xa3s\xc4g\t[f\xd8\xfcQq\xbf"\xd1\xd9i\x16\x8d\nF\x12\xe6l\xd9\x19[\xdf\xc51\'\xc7\xe7Q+\xb7/\xab\xa7\xcc\x8e)\x9b\x86\x7f~s8\xf9\xf9\xc5\x92\nK\x9e\xad\x15p&lt;\xe8\x9b\xf1\xf9\xac|\xa9^,\xeb\xec\xe8\x1b\xe8\x18\x11s\xd8\xec\x196\xcbh&gt;\xfct\xd8\x970\x1b\xed,\xa1n\xaa\\\xceJc\x90ZN\xbbl\xe0v\xbfz5\xc8\xf4\xab\x96\xa6W\x1b?}\xf9\xed\xe3\xd0\x12\x1f\x1a[x\xbe\x99o(\xc4\xacx\x03k\x04\xb0\xfa:C:\xbb\x13\x12\xc8\x8b\x86&amp;\t\xb3W\'\x14\n\xed\xce\xa3r\xd6n\xc5\xb0#\xa7x \x8d\xa0\x98\xbf\xb9\xe3\xce\xbe\xff\xf5\xcb\xc7\'C\x9cd29\x1f.\xcc\x1b\x9a\xf9\x16\x8bT\xaa\x87]\x1cQ\xa0i7\xa8\xcf)\x10{!s"\xe1\x9d\x12\x82\xb5\x10\xb2\x8e\x10\x162\x8a\xd9P\xfaf\xf0N\xde\xffp\xd1\xcb\xbb\x7f\x7f\x1c\nB\x0e\x83\x85\xb5\x18\xc23\xcd\xcd\x16\x0b\xdfj\x05\x7f\x0f\xc7\xae\xd38\xe5\xb4\xeb\x8c\xbaP\x08&lt;+\x0b[&gt;\xde;^]&gt;\xcaf\xed\xac\xf2Q\xf9\xa4\xaf6xG\x0f+\xb9\x8fg\x17\xde\xfc\xe3\x19\xc2\xe2\xcf\x87-\x9c\xe6\xd5\xe3\xbd\xbd\x02J~\x01\xafo+\x93\xf9df\xd9\xbd\x1d\x87;\xe9\xf4\xce\xed\'\xb3s\xef\xf7\xbdU,{2\x15\xb0\x97\xcb\xe5\x8b\xdb\xf7w\xf6\x98\x85\xdb\xf4j\xe1\xa7/\x86\xd8\xfa:h\x16\x9fO\xd3\xbc\xb6\xb7g\x15\xf5er\xe9\xf4~\xbd^\xab\xed\xdf6&gt;\xab\xb5Z\xfa\x93\xccr\xbc\xb7\x86\x05\xc4\xb0\xf4\xe0\x11\xbf\xa67\x86\xef\xee\xc5\x1b\xe4\xd7\xdb\xc9\xe0z\x8c\x1f\x1c\x15xG\r\x96\xd5\xb5\x80"\x93\xde\xafU\xab77W\xa7W7WWW\xd5j}?\x9d\x11Y\xa1M[\xa1K\x83a\xb4e\xcb\'\x9d\xfb\xa7w\xf8\x10\x8f\xdb\xf4\xf3\x9b/\xa31\x9c\x03\x87\xdf\xdb\xef\xf5\xf1g\xd8\xb8\\4\x00Q\xaa!\xa4\xab\x9b\x9bj=\x9dyD\x80\xd8\xc2]\xb4\x04\xe4\x8d\x87\xfc\xe6\xb0gO:j\x83w\xf9&lt;\x90;\xbb\xb1c\x0e\xf2\xbfc\xf5\x0b|\x1c8\x8az\x07o\xeb6\x97K_\xd6/\xd3i\xd0[\x19%\x12\xcc \x11\xa9\xefX\xa4^\x1axT\x1b\xfc\xe1.\xd7\xe3\xc1\xbf\x1d\xfa\xf8\x9cV\xc02\x9b\xfb\x8d\xe2\x80- \xb7)n//s\xb7H\x00\xael\xe7.\xd3+\xc4\xff\x17\xa8\x89o\xdf\xe4rr\xa0\xfa\xfaN\xb1~x\xb5\xb0\xe3\xed\xeem\x85\xbaiF7\xac\xe0\xf8\x1d\x82\x81t\xbd\x9e\xde\xce\xe4V\xc6\xc6\x00\xeb2\x87.&gt;Mss\x88K@__\xd3\x91\xd4\xd8]cA\xb8\xbe\xf4v\xf7\xc2.\xf6w&amp;:\x12\x8d\'6[\xe9\xfaenkl\xab\xabkl\x05\xa2\x95[\xd9\x1a\xebBXs\x04o\xf2\xdd\xbf\xae\xe9\xeb\xd4Vu\xf6n\xb1\xc0\x05\xbd}\xd6\r\x8a@hD\x0f\x0e\xd0j\xdf\xcalg\x06Z(\x82"\xda\xff\xc3\xcb\xfd\xc74}\xe6q\x00\xbf\xda`k\x19`ZAJI\x19m\xc1Z\xbe\x80\x94p\\\xbe\x85\xe3l;X\x07\x16Z\xb3\x06\xa4\xc2U\xb2k\xe4W\x82\t\x96\x0b\rX\xfe(B\x18?\xa4\xc4C&amp;\x08!\x08mv\x82!\xe1\x87@\x14\x97\xc0E!\xe8y\xeb\x99\xdd\xbc\xe8\x12\x18\xe0\xe2\x85\xc9\xb1s\xb8\xdd\xe7\xf3\xb4$\xbb\xdf\xdb\x8e\xf2!)\x94\xbf^y\x7f\x9e\xe7\xf9~\x9f\xf2|\x81\xbc\xb0\xde\xf7\xb8\x82t\xb5t__\xdf\x97_\xf9&lt;\xad\x9f\xa4\xf6\x0e\xd6\xda\xed\x94\x82\x01\xa3\xab1+;+\xdbp\xf3\xcaMC8l+\x8e\x9e8\x99\x14~\xe4\xbd+\x80\xbc\xf2\xfe{\x86\xf0\xe8\xa0\xc3\xb3\x13|zoX~\xf9\xad\x15b)\xd3\xae\xc16\xc6\x13\xd6M\xc3\xafO\x06\x07\xc7\x1c\xcd\xc0Ou\x93\xbcgP\rIA\x87\xd3&gt;\x98\xd7\xd2\xf4\xfd\xae\xbd`5\xb4\xce\x8a\xa5b\xa6\x82a\x82\xb8\xb2\xb3\x81e\xc8:z\xe2DFFF\xe4[\xa1\x19\x87b\xa2\xe3\xef\x80\xea\x0e\xdcS\xa4\x01k\x9e\x0f\xac/\x7f\xe6\xe3\x05\xc2\xcb\x12K\xa5\x14\'$Mw,\x1b\xe32$\x05\x87e\xc8S\xd4r5\xdc&gt;\x1f\x0b&gt;v\x07\x8a\xa8&gt;\x9f\x9f\x9f/FV\xb8\xefYU\xed\xb3R\x01O*\x951B\xcf\x1e+\x8c\x89\xce\xbes\xd3\x10\x1c\xf6KyG\x07\xec\x053\xf0\xee\x0bU\xf1\xc7\x0b\xcf\xa6\x9d\xd3j\xa1\x89]]]\x17&gt;z\xb6\x07,\xb1\x00\\LMHN\xe1Y`\x18 \xae\x98\xb0H9l\x1c3\xc2\xc2\n\x83\xb3\xbd*\xb81\xd4j\x19\xe6\x1a\xb8\xb6\x87]\xde\x03\xd6\x02\xb0\x9axRYz\xe2\xd9\xb4C\xb0\xff\t7\x18\x8e\xc4\xc0\x15\xe7\x04\xd9a\xc7\xc4\x1b\xc8\x11\x08\x08\x8b\xa1\xbdjTP5]\xf7\xdf\xdc+\x16\xe4U\xa9\x81\xbb\xd1\xc4P\xb8\x99\xcf6\x84\x1f\t\xfe\xf9Q\xb2\xf5\x07VvRtPa\xa1.\xc7\xc4\xe0k\x8d\x14U]s\xff\xf0^\xb1Z\x04\x02)\xc58\x97\x96x:\xfd\xf4\xa1\xc2\xf8\xa4$d\x91\xb4\x82aO\x8bk?\xb0\xcc\x1a\xa3\x1d\xd6\xb8=da\\R\x05?1\x11\xef\xdaC\x0b\xe3\xb3\xa2O\x1e\xbd\x80\x15\x94\x95\x05\xeb\xa8\xee\xb0.\'\x94\xe6Pv\xbb\x11\xff\xac\xb6\x87M\x14\x08\xc4vE\xc8\xb9s\xc5\x0c\x86I\xd7\x98\x1d\x1ft\x18+\x08\xb6\x1b\xd1A\xa0\xd2U\xe8\xcdJ\xa6\xfd\x13\xe3C\xa3\x91\x93s\xf9Y\xe0\x1e\xb0\xa2\xa0\x04\x82(\xb1\x9d_[[[\\\\\xa1kll,\xd4\xbd\x89\x9a\xe3YY\x8d\xc7u:h!\xadTR\x94Q\xfb\xf0\xa1Q\x99v\xd9\xea\xe7kV\xeb=q\x94XLh\xe4(xqm\xc5\xec\xeclNEEb\x05T\x8e\x0e\x8f\xdfUT\xd4\xf2\x95Je\rG\x0b\xac\x87\xc6sc\xd7}\xfc\xf4\n\xac\xf2\xc8\x8a\x05\x96\x00\x9f\xb03jAV[\xab\xc4\x13m|&gt;\xcd\xa7+*\xf0\xcc\x1d\xad\xa4.Q\xca&gt;\x9a\xff\x10Y!\x7f\xedO\xf59\xeb\x03\x88)\x96\xb8\x04\xe5\xd0I\xf896\x16\xa3\xc3\x1f\xf0\x05\x87\x1e\xc4\x19\x0b,=\x9f\xa4\xc5\xcf~\xec\xe3\xc7\xdcR\xf3\xbd,\xa4\x08\xea\xeb\xea\xebH\x95\xd7\x95\xd4\x95C\xd5\xd5\x95\x94\x94\x14\x95\x96\x94c\x8e\xc5}}f`i\x8d|\xddG\xf9\xbe\xedb\xea\xd0`\xb1\x97%\x8e\x12\x94\xd7\x97\x14\xe5&amp;$\xe4\xe6\x96&amp;\x9cJ(-\xb5\x94\x96&amp;\x90\xe7{\xfe\x89\xa5\x0c\x1d\xfb\xc2\xb7\xcf \xa5Z{\x94Q&lt;q\xac\x1d\x1b\x06\xae\x92\xdcS\xe7;\xb1nwvz\x7f\xb8}\xbe\xb4.j\x1cT\xc5}\xf7\xcdd&amp;*i\xc3c\x9f&gt;\xe3\xe6\xd70\xf71\xc5\xe3I\xed\x14e\'\xaez\xe2\xba\xfd\x9d\xea\xec,-\x8f\x1a\xc7\xb0\xf8$--N\xc9\x0b\x1f\xfe1?\xd5\x87#\xab\x7fl\xb6\x1aX\x14\xa5\x00\x98\x18G}}I\xe9\xa9%OL\x04u\xaa\xb4&lt;\xd6h\xb4\x1b\xb5|`\xd1\xday-\xdf\xac\xe44G\x8f\xcd\xf9\xea\xd9\xbb\xc0\xd4\xa1\x91G\xb3J\x1e\x8fWM\xc16\x03`b1\x0f\xa6\x1d\x0e\xb0w\xdeI\xc0\x07\x03a\x84\xd5E\xc1\xa2a\xb4\xc3\xb6\x8dnn\x0e\xc1\xfb\xd3&gt;3G\xd8l\xfa\xb8\xdd\xea\x93Om\xf0\xc1\x87\xc9\xa2K\xbc\x16^Y\xb5\x8a\xcb\xe5p8\nJ\x8a,X\x1d\xca=\xd3\xb0\x0eV\x8cX#9+\xac0\xd3\xfaf=\xb0j!3\xb3\x99\xa1Y\xab\x1d\xb3V\xf9`\x80\xa5\xf6\xf6\x8c\x9f_jq8\x08\x8b\x83\xa5`\x02\x8bG\xe6\xe5d,)\xa3\x12O\n+9\x1cP\x99\x9a\xf5\xc5\xf3\xf3t\xdf\x0b\x88K\xb3VW\xaf\xff\xf0e\xc3\xae\x0f\xb0\x8b\xbd\xad\xb1\xddK\xdd\x8e\x16GYYu\n\x97c6\x9b9\x1c\x88\xcb\xa3B\x10)\x88JA)\xccz\xbd\xde\x14j"\xac\x17\xc0R\xd8\xd7\xb6\x8b\x1c_=\xffb\x97\x0f\xff\x04\x16&lt;{r\xc1\xb5\x04\xac\xbbw\xcb&lt;i\xa1K\xc1\x94Jqa\'\xab\xbaB\t\x1bnH\x8a\xa2\xb8\xb4\t*T\x1f\xe2e\xd5(\xd6\xd6\xb6K\xa6m_?\x7f\xb9\x9b\x0bE\xa0_\xea\xd0\x93\xdf\xce\xb8\x96\xce[\x04--&lt;^%\x93R@^4\x1fG\x97\x14\x8a\x87\xa7\x06yR\xf8=E\xc9\x14\xf8\x99\x0e\xc6\x85CKk\xee{\xf1\xa2\x8b\xb3\xb6\xbd\xbd=\xbd\xe2|\xf5\xcd\x93]&lt;\x94\xe4W\x90\xff\xf8[\xe7\xfa\xcaRn]\xd4\x0eK\xc1a\xc00\xa2\x10u\xc9\xe3\xe2\x95\x81\x8bI\xc9@\x95\x1e\x12\xa27}\x87\xc5E\x96kes\xf5\xd57/w\xed\xf2X\xd0`}\xf2\xed\xf2\xe6\xfa\x8a\xeb\xd3r\x92\x96\x14RQ(\x18\x0c\x06v\xb1\xd2\x13W\x13\xb0vTt:\xaaL\xd8D\xad\x19vd]\xcc\xb5\xed\xb5z\xd7\xd6\xc6\xea\xab\xbf=\xbf\x9e\xbf\x1b\x0f\xe9\xe2g\xb9#c\xd1\xcb\xee\xcd\xcd\xad\x15\x87\xa0\xdc\xc3\xf2\xc4\xc5`((&amp;\x14\xb8\xca\xca\xf08\xaaJ\x86+\x87\xd0\xa3B\x96\x16X/\xba\xbaTkk\xbfw\xac\xaco\x8c\xae~\xfd\x8b\xb1\x11k~\xd5\xff\xbb\x84A\xff\xfa\x07\x17b\xef:\xdd\x1b\x10\x97\x83\xd7"\x80\\\x80\x05.\r\x83\x0fq\x11\x17)\x95LF\xd6\r!\xad\'*\xc2\xe2\x9ba\xa3\x08\xacO\xe4\x8b+\xeb\xa3\xa3\xab\xcb]\xc6\x85\xc1\x91\xfe\xde\x86\x82T\xbf\x1fK\x0b\xf4\xf3\xab\xb2\xb6&gt;\x9dl+\xb197F7\xd6\xb7\x1c\xd5M\xd80)\x89K\x03qq4\x1e\x17\xa5R\xa1\nX\x0c\xa10\xd9\x93\x95^O\xf3\xb5\x1c\x0e\xb0jTL\xd9\xad\xad\xadM`\xb9\xef^\x1b\x98Xx48b\x1d\x02Y\xe0\x8f\x82\x01j\xa4g\xe1u\x9e\xa5\x88\xb06\xb7l\x1d`\x82\xb4pl\xcbH\x179\\\x19\xbaT\x14|y\\B:Y\x7f\x1aK\x9fL3@\x85\xc5\x95\xa5\xd8\xb6\xa0\x87\xa3n\xa7\xe3\x8c\xa4\xed\xf5\xf8\xe4\xbdG\x83s\xd6\x86\x1f~\xbb\x13\xe8WP\xd5;7\xf8\x97\xc9\x81\x80\x883\xc3\x8b\xce\xd1\xd1\xd1\xcdu[GS\x13\x8cmi\xe5\x0e\xcb\xcc\xe0\xc8TD\x85\x05,.\xf9\x9c\x17P\xc9\xc9\xc9BXp5\xe0\xba\xaf\xe6ro\xd9\xd6!\xacQ\xf7\x8c\xc3\xc2\x92H$\x96k\x03\x93\x0b=\xed8\xfc\x7fPN\xa9\x17\xf3\xads\xd8\xbf6\xd6O\x81\xb5\x82\xac\x8d\xf5\x95\x8e\xb2&amp;2\xe5\x90\x05S\xce\x0cq\xc9\x98*&lt;\x17.#aaZ;,\xa1Z\r#\x8d[S\x03\xdfRn\x91\xb0V\xdd\xb6)\x0b\x8b\xcd\x12\xf9\xef\x8f\x13\x89\xda&amp;zF\xae\x7f\xef?\xbb\xc0\x88*h\xe8\xedo\xed\xb979 \x8a\xb8&amp;\xb9q\x835\xbc\xb2\xb9AX\x9f\xa9\x98R^\x19a\xe1J\x8f]\xc4\xb4\x98(\xe2rw\xc6\x16)!\xb0\xc8\xaf\xd0\x9e\xf2\x19\x8c\xac\xd5\xd1U\xa7m\xda\xc2\x96\xb0E"\x11\x8b\xcd\x96\xe4\rL&lt;j\xb7~\xcf\x7f\xb4\xe1w1\xffz{\xcf\xc2\xc4\xeb&lt;6k\xff\x99\xbc\xbc\x1b7\xce\x0cO\xcdxX\x8br\x19\xb3\x0cX\xde\x11\x8e3\x8f\x0b.x\x9f\xe2-\xaeP\x88\xb0Hx\x8dTsU89\x19\xe9\x9c\x8eE\x9b{uuuyf\xb1\xc8bac\\\xfe(\xcbk\x1b\x9fx\n\xad\xfc\x9fW$?l\xde\xe0\xa3{\x93my\xfe\x07\xf6\x89\xdeE\xd6\x83\x00`\xb9\xdd\xa3n`\xa942X\xa0@\x95\xe2MG\x8d\xaeJP\xc9S\xb8))\xaa\x14\xb9Z\xad\x16\x92\xca\x8c\xccT\xcb\xf1\xf4"\xad\xe7:\\\x84\xe5\x9eY,\x05\x16K$\xf2\x8f\x8b\x03\x19Dvm\xe0^O\xeb\xdc\xd0\x7f\x19cp\xe9\xab\x1a\xeao\xc7a\xde&amp;\t\x88x\xe3\xe0\xfe\xb8w\x7f%\x01\xd6\x03`9\xddn\xb8\xfc\xb8*5\x1a\xe8\x1f\x86CX@\xc0V\xc1{9\x14\x84\x85\xdf\xd4\xeaL,x\x15B\x97\xd3a\xa1\xe0M\xbbl\xce\xe5e7\xf4\xd0\xc3\x02\x15\xb0\xe2 2\x7fQ\x1e$F`\x81\xff\t\x05#\xea\xe9\xc4\xf8\x00\x8b-\x01\xd6\xc1\xb7\x0f\xc4\x1d\x8c\x93H\x08\xcb6\xe3\x9c\x99\xb1\xb9\\M\x1a\x06\x0co.\xa2d\\o0\x00#\x1c\xb9G%G\x0f|AE\xa6_M\x0f1\x99\xab?\xed\xee\x06\x97\xd3i[\x9c&gt;c\xb1\xb0&lt;,\x8cL\x84\xc5j\x1b\x18_h\xfd\xb7\x83?\x10.2\xbd#\x83\xf8/`\xd8y0\x85\xd9\x01\xfb\x80\xe5\x7f`?[\xf2\x00X\x7f\x9a\xb2A\xad\xb8\x96\xea\xed|\x18O\xe0\xf1\xc4\x02\xac\xc8H\xa1\xe7\x1d\xba&lt;\xa6HR\x99\x7f\xc8L\xbfz5=\xd1\xc4ut\xc3-\x91k\xd1\x06\xaa"`YvX"\xd2FP\xb2\x07\xc6\'\x17Z\xff\xf5\xee\x15\xe6\x9eu\x84t/\x0ffH\x04\x9b\x1d\xe0\x0f\xac7D\xc0\x02\xd5\x83\xdf\x0c\x0fOM\xb9\\p\xc3\x95+\xe6\x0bw\x8a\xa0\xbc\x93N\xee\x95BB;\x95\xf9;\x08\xeb\xcf\x9f\x9f=T=\xbd\xd4y\xea\xfc\x92kj\xaa{\xd8"b\x91&amp;\x92\x06\xc27\x7f\x12\x17\xcb\x9f5\x00+\xecH\xef?\x04\x06\x8bT\x7f{\x0f\xa0\xf2\xd8\x01\x010\x7f\xf7\x05\x04DD@\x13\xdf\xfe{\x15\xe7\x1b\xdaD\x9e\xc6\xf1\xdc\xef\xc2\xa4\xb3\x99\\g\xb8\xd6\xb6\xd60\xbd6\xad\x86x\xa9\x83\xb3\xe1\x06\xb9h\x17j\xe7\xc2z\xd85C\x9a\xdczb3\xcc\x85M\xf0N\x1b\xd2\xeb\xdc\x0b\xb1R\x85[8\xcd]Y\xf4M\xae\x0b\xdb\xee\x9d\x05\x9bE(\xba\xd4V\x10{/\x16\xac\xc2\xc2\x82t\xb1\xafz\xde\x1b\xff\xbc\xd4\xe2q\xdf\xe77i\xd7{\x88\xc9T\x1c\xe73\xdf\xe7\xfb&lt;\xcfohf\xa0V\x88\xa8\xae\xd9vj$7R{t/w\xe6\xe3\xa3\xbc\xfe\x89\x07P\'\x07\x11\xa8;n\xa6m\xaa\xc1A\xce\xf5\x87\xc1\xa7O\x9f=\x1f\xe8\xfa\xd3\xfc\xa3\xeb\x96,\xdb\xf5\xbam\x87B\x81@\x03\x8bs\xc59^\xb7\xd0]\x9d\x9b\xbb\xfd\xf2\xea\x17;\xbf\xd3\xfe\xc9/\x7f\xfb\xcf/\xbf\xfa\xf6\xce\\\x16\xdd\xb7)\x10\xc2^\xc0BH\xa6\x19\x97E5t\r\xa1(\x82`Z\x16\xaeR\x8b=\xd4,\x07\x07\xdb\xdb\t\x88nj\x18\x1aj`\x90\x99\xe8n\x83F\xfc\xe5\xb3c\xcf\x9e=\x7f&gt;\xd0\xf2W`\x89\xc6\x94\xa12YqTh\xd3\xb0|7\xf8\xc8\xf9@\xa4\x9e\x11\xa0n\xf1\xd5\xe7\x7f\xa4\x11\x8e\xd6\xf9\x9b/\xaf\xbe\xfc\xfa-\x8a\x0f\xff\x1e\'\x0385\x00\xb58\x96i\xb24\xa8\xd2\x8a\xeb\x1a\xb3\xb3b\xe5\xde\xf5R/\xb0\xda\x87\x80\xd3\xd5\xd5Bo\xf41\xc41~\xc6\xef\xb1\x19\x1c\x1c\x1a\x1a:F\xdf\x89\xbd\x18}\x8e8\xfc\xbb\xfb\xf3\x8fdc\n\xe1\xba:\x0b\xaa\\$A@\x9f\'\x18P\xe2/\xb0\x05\xf5"\xd5\xdb\xdf\xfc\xe3\x0b\x1aHH\x1f=~i.\x9b\x8d@(\xe08x\x0f\xaaL\x12\x99d\xca\x82i\x1a\x1c\xcb?;;5;k\xc8\xf7\xae\xa7z?:\xd9\xdeN&lt;mmx\xb5\x9d\x8a\xb5\xf1\xdf\xfe\x0e\r\x01\x08D\xc7\xf0\xda\xbd;\x1a=q\xe2D&amp;\t\xaag?\xba\xbfT\xab\t\x1ck\xca\xf5\'\xc0\xa5\x82JD\xc4\xbb!\x11\xf5|R\x8e\xe8\xa8\xbf~\xfd\x12\xd6\xf7\xfd\xeb\xea\xb7w\xa0T\xf6\xd3OA&gt;&gt;^G\x8c\x87\x1c\x87I\x92 \xc9\xb2&amp;\xcb\x92\xa2\x00+\xcc\xb1f\xe5\xeb\x15mr\xff\xd1\xf6\x96.\x1c8\x19\x8d\xc5bQ\xef\xb9\x01\x8d{X \xd1\xee\xcfvG\x93\xad\x13\xf4\xfd\xcf\xbd\xfd\x07\x9e?\xbd\xd4Y\xac\xd7l\xe6a\x85\x13\t\xa6v\xab\xa4\x95 J\xe0\x82eH2\x956\x00\x06\xdfE\xe6\xee\xfc\xfdo\xbe\x97hS`\xe2\xd14^\\_\x07\xd6\xe8\xa8\xc3\x98!\x02+e\xc3\xaa\nK$\xc2.Q\x99\xb2e\xe5F\xae\xec?MX\xc9d2\x83?\xc9X\xac\xf9\xd4p[[3\xe4\xb9\xe8Eab\xef\x9e=t\x8b\xe2\x9f\x07\xce\xf5\x14S\xb6mCn\xdd\r\x03\xca0\x98\x1a\n\n\xa2\xc0\xe2\x02\x12\xa2\x06x4yA\x1eB\xc5U\xe7\xbe\xf1\xdd\x86R\xd9H\x83+\x9b\x9d\x99\x19M9\xc0\x02\x97\x08oY\x16\xcaQ\x02\x16\xb8\\\xc2\x92\xad\x9c\x96\xbfr\xe8dKW491\x91!.z\xa2\x01\xa8Z[\'2\xc9\x02\xe2b!S&gt;\x02\xac\x0f\xfb\xfb\x07\xce\xed+j9P\x11\x16Q\x01KdA&amp;\xca\xa2\x10\x0c\x8a\xc0\ny~\x06\x13\xca\r`\xb4\x91\xadV}\xd5\xecz\xd5\xc3\x8a\x10.\x99\xcb\xb9\xe6 \x98 \x11\x86i\x9a\xba?\xe1q\x99\x84e\xe5r\xf9\x9f\xbe\xd7N\xdf\x08,g\x10\xf4\x14\x88\xe6X3\xddq\x8a\x9f\x89\x0bTG\xe8\xc6I\xa2\xca\xe7*\x15\xdbv\x80\xe5\xf7\x87\x01eH \xa2&lt;\x08\xf0/\x8b\x079\x96\x1a"\xaaF\x04\xa8\xe8|D\x95\xa5,F\xb2\x8f\x1f\x87\x16(T\x87\x07C\xe9\x11\x95\t\x9f.\xa4\x13\t\xdd5eI\x12\x815ry\xdf\xae\x16\xe2"\xacry\xefDk\xf4\x04\xddBV.\x8f\x01\n\x01g}\xd8\x7f`\xf8\x93^PY\xa0r\xd2\x84\xe5\x07\x142 \xc3\xec\xb2,\xc6\x83q\x06\xfb\xf32#\xb9\x1aT\\\x1b`e\xd7=\xac\xc7\xeb\xeb\x8f\x1fs\xac\x84\xa20\xc7\t2\x03\\\xa69k\xbaz"\x9d\xe0\xee\x90\xa4\x06\xd7\x95_!\x8b\xd1d\xa6\xc0\xf8\xc9\xb1o\x00\x00\x05]IDAT\xbf\x128\x91\xc4\xe6D\xf9Hyl\x8c\xc4\xca \xaf\x90\xealGg&gt;w=\x97\x1au\x14\x1e~\x05*\x99\x84\xc5\xed.\x00K`A\x8e\xa5\x06&lt;.t\xceP$\x8b9\xe3\xcbV\xb3Un\xf9uD5KT\t\x03\x8et\x82\xc1\x841\xe5\x92\xcf]\xdd\x9f\xa6PtW\xd7EQ\xd0r\xb9\xe2\xbe\x8f\xba\xda\xc0U\xe0\\\x99\x0cl\x9e\x19+\x8fe\n0&lt;\x15A_\xff\xc0\xf9KgJ\x94\xc1\xd1\x90\xa3\xa4\t\x8a\xa8\xc8\x14\xc0\xe2\xfdA`(\xc7\xa0\xeaeq[\xaf\xa6P\xa4\x8a\x06\n\xb5\x1aAX\xeb\xa3\x8e(\x01\n\xc1\x18\x8c\x8e\xaavg]\x8eu\xcd\xcb\x83n\x18\x82V\xa9\x8c\\&gt;t\x9an-H&amp;\xc1\xc55*\x14\xc6\xf0Iu\x18\x8d\xc6\x9a\x07\x86\xcf\xf7\x145\xcd\xb2,\xc1\xe1T\x08J\x1dQ\xc9\xa8@FXt\x14d1D\x93\x8e\xcf$\xee\xf7&amp;\xcf[\x1433\x93\x93\xd3\xd3\xd3K\x14w\xe9aU\x1a\xf6\xa0\xb2\xe1\x9d\x99\xb0PK\xc4\x05\xe7\x1b\x86eUr\xa5\xceC\x07\x87\t\x0b\\\x1e\x16Q\x15\x08*\x8a\xf6z\xf0\x83\xde\xa2V\xb1 \x8b@D\x9c\x8b\x8b%\x13\x96Di$,\x1a&lt;\xaa\xca\xc9\xb6\xb1\xaa!A\x08d}\xf0zdf\xa6\xf8\xfd\xd2C\xac;\x96o\xdcx\xb1|\xe1!\xd04\xc1\xa0\xf0\xb0\xfc\xbc\xd1#\x12\r,p\xe5{;\x8e\x0f\xc4\x1aXc\x9c\x8a\xb0\x88\xeaT\xd7\xb9\xfd\x97K\x90\n\xfe!_\xa5\xdf\xa5\xa2\xb2\x91\xc8\xf5\x90\x8c7|"\xe3T\xdb\xdd\x8b\xe6\x9f\x8fjp\xa6\xb8\x04&amp;@m\xbd~\xfdz\xf3\x06\xc0\xee\x8eX\xa2a\xe8\xae7\xc7\xfe\x0f+\xec\xe2&lt;\xc1U\xec97\xdc\x1c\x8bF)\x89^\x14\n\xa0\x84V\x87w\xfd\xf82\x12\xad\x8d\xc2&gt;L!\x07\xfc\x80\x05\xb5$Q\x84^\xc0\x8a\x83\x07s\x88&gt;\xd1"ha\x81\x85\x82\no5\x85|\x0b\x0b\xdd\xe3D\xb5|cs\xeb\xf5\x1a\x8f\xff\x00l\xbef\xdbLw\r\xd7s\xfc\x0eV\x18\xa1\x88XNXZ\xb1\xe7\xfc\xf1\xe3-\xd1L9\xe3i5V\xc8L\xbc\xdf\xd7\xd6\xb2\xebPg^\xcbARQ\xf4\xf3@\xf2\xc9Y\x80\xe1`\x1e\x17\x0c\x16\xe4b\xa1\x1cQ\x03j$\xa0F\xd0\xbeTO3\xdf\x82\x11/~\xff\xf0\xc2\x8d-@=y\xf2d\x15\xb1\xf6f\x13\xab\xdb\xa5\xf5qG\x04\x95\xb9S\x89\xe9t\x98\xb8\x12L\x819\xac\x8aV\xec\xed8|\xaa5y\xd1\xa3\xbay\xf3fy\xa2\xb5y\xf8t\xcf\x99&lt;\xb4",\xc3o\xa4\x13\xbcR\xfc\x8aN0\xe4,O*\xd1+\xf6n\x95\xe6#\xb5{`\xa9\xc1@\xc4\xcbc\xc4\xd7\x1d\xd7\xee&gt;\\\xfe\xee\r1=y\xf2\xe0\xc1\xe2\xc6\xe2\xea\xab5\\\xa2\\X\xaa\xa7\x04\xef\xec$\x9d\xff\xd7a/\x12L\xc7\x1c\x17\x91\xa5|g\xc7\xf1\xbeX\xf4"\x04\x1b+\xdf\xfc\xfd/\xf6\xecm&gt;\xbc\xab\xa7X\x02\x15w\x8fA{%\xf8\xbe\xba\xae(\xd4K\xb9\xb5$nzF\xe6\nR\xf7\x02\xa3\xda\xc4\xbb\xea\xb6\xbf|\xa5&lt;\xa86_\xbfz\xb5\xfa\xc0\x8b\x8d[\x1b\x1b\x10\x0c\x17)K\xb5\\%G\xb9\xa0^\xc8\xa1H+(\x06,\x85\xc9r\xc5"\xdf7\xc3\xf7\x19\x9a7\x98\x83}\xc7;:\x8b\xf0:OT\x03\x8b\x98@\xa5c\'\x93\xba\xa9G\xc5\xdb\x03\x04\xc3\x92&amp;N\x83\x9bO\xa1&amp;&gt;\x1e\t\xcdww\xfaB\x83j\xc3\xc3\xba\x85 \xc1\x90\xc8\xf9Z\xad6\x92J\xd9\n|\x1b\xde\t\x1aC\xe8\xfb\n\xad{J\x93\x1f\x0f\xf7\xf7\x81\x8bn\xaanm&gt;\xfc\xc1\x99\x12\x9d\x07!!t\xff6\x17\xc7\xe2H:7\x16W\x08zaE\x80e*:\x05\xe3\x03(\xc0+\x12\x1b\xbe\xf9\x0b\xcb[\xff\x05\xd5\xe2\xc6\xc6\xad\x1d,\xce\xf5\xe6\xbb\xe5\x7f\xcf\xcf\x83\xcb\xb6\xd1\xdf\xdd)w\x8a\xa0\xbc\xa3\xf8a\x19h\x08\x83Mv\x0c\x1f\xe8k\xa5\xa7h\xbc\xdfv\xb47\xafY&lt;9\xbc\xbb\xfc \x16\x07#*r%\x90%C\xe1XqF\xd9\xa4Z\x0c\xb28]\xd7\xa8\x8du\x8e\x0fZ\xad5\xa8\xde\x89\x95\x15\xce\x05\xe7C1\xdb\x96A5\x15\x9e\xe2T\n\x1d\x02[8\x18\x93d\x0bz\x9d=\xd0\x7f\x003\xb0\xe5\xbd\xce\x12&lt;\xc5\xa7\xc3\xbbX:\xcf!\xd6\x1f\x12u\tp\xa0d\x90@Y\xc2\t\x88\xf4N\xfeR\xf1B\x1dn\xaf\xbf|D\xb5\xba\x08\xaaE/@t\xeb\xc1\xca\x83\x95\xd5\x95\x95\xb5\xb57\xcb\x1e\x97b\x84ii\xc9\xa9\x1a\x19\xc5x\xc4\x0f\xd4(&amp;/\x9d\x1d\x18\x1e\x18\xde\xb5\x8fZ(\xea\x9e\xa8\xc2a\xa2b\xcaN\x06!\x96$8\x8a \xca\x96-\x08X\x18b})8\xb4\x14\x14\x18\xf5.\\e\x00\xc9\x1bB\x84\x05_\x11\x14\xa8V\x1bT++\xd4(\xe8sem\xf3\x05\x8c_\xb3U\x0cp\x8e\x95\xf0+\x8eg\x7f7\xac\x03\x921\xca\xe3\xcf?9{\xb0\xa3\xb3\x94\xcbiq\xa6\x18\xbc\xb9\xa1\xf12?\xe3}T\xd7\rn-\x87\x1e\xefi\xdb\xf4\xc4\xc8z\x1d\xa6\xc5\x82G\xa5\xae\x85^\xcf\xaf\x83T~\x15\xe8\x8d!\xdf\xd6\xda*\xa06Vy\xc7Z\\\xf4\xa0(8\xd6\xd6\xe6\x8b\xe9\xa5\xfaz\xf5\xed\xdb\x85\xb0G\xa5\xd8\x84\xa57\\F^\xd1R\xf9\xce_\xf7L\x964\r\x93\xd4\xf0\xf3I@\xebF\x18\xba\xb1\xa4A\xb2%\xe6\x8c\xcf\x8c\x82\xaaV{\x94\xabO\xdf\xbf[\xab\xd7S)t.\x94!\xbf\xe6\xa0\xab2u\x07\xeb\x7fS"Q\xcdM\xfcS,\x00\x00\x00\x00IEND\xaeB`\x82'</t>
        </is>
      </c>
      <c r="M406" s="3" t="n">
        <v>45492.67831018518</v>
      </c>
    </row>
    <row r="407">
      <c r="A407" t="n">
        <v>1017746</v>
      </c>
      <c r="B407" t="n">
        <v>1967</v>
      </c>
      <c r="C407" t="inlineStr">
        <is>
          <t>Fernando</t>
        </is>
      </c>
      <c r="D407" t="inlineStr">
        <is>
          <t>Fernando</t>
        </is>
      </c>
      <c r="E407" t="inlineStr">
        <is>
          <t>LE</t>
        </is>
      </c>
      <c r="F407" t="inlineStr">
        <is>
          <t>LAT</t>
        </is>
      </c>
      <c r="G407" t="inlineStr">
        <is>
          <t>LE</t>
        </is>
      </c>
      <c r="H407" t="n">
        <v>181</v>
      </c>
      <c r="I407" t="n">
        <v>6</v>
      </c>
      <c r="J407" s="2" t="n">
        <v>36416</v>
      </c>
      <c r="K407" t="inlineStr">
        <is>
          <t>Left</t>
        </is>
      </c>
      <c r="L40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bd99133-fde0-47e1-aefd-7854e099af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c\xedk\xe4\x00\x00\x00\tpHYs\x00\x00\x0e\xc4\x00\x00\x0e\xc4\x01\x95+\x0e\x1b\x00\x00\x03\x00PLTE\xff\xff\xff\x11\x10\x16\xfe\x1a4\x15\x14\x1a\xfe\x15-\n\t\x0e\x07\x06\n\xff\xfe\xff\xfe\x170\x0e\r\x12\xfe\x1e7\xe6\x06\x1b\x18\x17\x1e\xe9\x05\x1a\xf9\x11(\xa2L/" (\x1c\x1a \xdd\x03\x15\xfd\x12)\x95@&amp;\x9dH-\xe6\x02\x16\x89:#\x1e\x1c$\xeb\t\x1e\x9dM2\x8a@\'\x9aE)\x83H7\x839!\xc2kI\xaaV9\xe2\x04\x18{8$\xc0hF\x8fC)\xe2\x01\x12\xd8\x02\x12\x9dR:f-\x1f\x8f&lt;"\xef\x0b!\xbcgE\xc8gMq0\x1e\xf5\x0b!\xc8rQ\x84&gt;(\xfa\xf8\xf9\x96J1\x95D+\xfd\xfd\xfdw3!\x8f&gt;(\xb8bCl+\x1d\xb3_?\xcbyV\xc4aD\xfe!;t@5\xa2G(\x7f=\'\xd2\x02\x13\xbca@\xb0Y;)&amp;.\xb7[&lt;\xbfhS\xc4nM\x90E0\xa7Q4]*\x1f\x8cJ6k0"\xa8N/E\x1b\x15\xcc\x01\x0eb818&amp;&amp;b(\x1b\x0e\x13$\x803\x1f\x1b\x16\x19X#\x1a\x11\x18+\x88B0\xcf~[\xb2U7v;,\x98O7\xa2S7_.%\x92L9&amp;\x1d \xabR5|A2\xab\\=N(#\xc5\x02\x11\xb4R0W-&amp;Z3.\xbadQP/,*\x0e\x0c\xee\x04\x19e3)\xa8X@\xf4\xf1\xf2\x8aOAzF&lt;m9-\x1f\t\n\xcboW\x99\x92\x9e\xcfv\\\xfd\n"\xb2_N6\x12\x10\xc3\x0e \xc2Z&gt;\xba\x05\x15\xb4aH\xa2XC\xbdeK\xaf\\C\xa9\\J\xd0ybyp|N \x18\x9dA$\xa8aXC#$\xf4\x10&amp;k=5\xc1o[q4$\xa9G)\xd4}g\xafN1\xbf\x01\t1-6:\x1c\x1bb??\xbdY9\xbbU5\xa3R@R68\x96PA,"$\xb0\xaa\xb9\xc4\xc1\xc8D-,\x11\x06\x08\xe2\xe0\xe2\xd3\x83d\x86YU\x99[P\xd8\r y.\x1f\x89\x80\x8f\x8e\x87\x97\xec\xea\xec0\x1c\x1d\xd5\x88s\x83y\x87gKPY::\xb8\r\x1f\x815(\xc8ua\xfa\x180ZCIyLH\xd2jT\xb2eS\xb9jWsiu\xda\xd6\xd9\xaf\x02\r)\x17\x17xRR\xb4WA75&gt;\xcc\t\x1b\xe2\x15(\xd3\x8e\x81cZe\x84lt\x98XF\xa9\xa1\xb0\xce\xcc\xd0}`fnU[\xf0\x18/\xbe_FUPZ\x9dB7JHSB?H\xd4\x92\x8d\xc7|i\xa2\x9b\xa6\xcf^E\xf6\x1f9\x99\x88\x93nEBr_k\xa9A;\x8f0-\xa3\x03\x0c\xdc\xc7\xc8\x8cfe\xee\xca\xcf\x90u{\xd0 ,\xbb\xb5\xc8\xe9$6\xde\xa1\xa0\x9b\x1f*\x9cg_\xaeoa\xfd\'Aheo\xe2q~\xd627\xbb1:\xe78A\xf6\xe5\xe7\xae&amp;3\xb4II\xb8\xb6\xbb\xc3ac\xb0\x0e\x1f\xd2\xb6\xb8\xa6tp\xb3\x8a\x87~\x16"\xc1VY\xed\xb1\xb9\xc3\xa7\xa7\xcfLV\xb8|op\x1d(\x9c\x80\x82B27\xe8\x8e\x9a\xc6v}\xe9K\\\xd0DB\xd4Yg_\x18$\xd6ir\xb8\x97\x94\xc8\xc8H,\x00\x00 \x00IDATx\xda\xc4\x99]H[y\x1a\xc6{8\xc4\x10\x08\xe4\x1c0x01\x15GP\xa9\xa1\xa6F\xa3\x95(z\x8c\xf5#C#9C\'\xb6\xf6\xd8\x06l\x04?F\x9a!\xb0\xa4\x89\xc6\xddPe\xcbI\x97u\xa2\x92\xd9RM\xc6\x95\x95\x11?H\r\x98\xb1\x99\xc5\x90T/\xbaw{\xb1\xb4\xe4\xd2\xfb\x81\xb2w\xfb\xbe\xff\xa4\x9d\x1d\xf6r\x8f\xf6%4\xa7Q&lt;?\x9f\xe7}\x9f\xff{\xda+W\xfe\xcfR*\xcd\xa6x,\x16;\x80\x8aM\x9bLf\xb3R\xa9\xbc\xf2\x99Ki\x9e\x8e\x9do\x14\xb2\xb9\\\x1e*\xbb\xbfq\xb6\x92\x89\xc5M\x9f\x13\x0c\xee\xad\x8c\xafn\xa4S&lt;\xc30j\x9a\xa6(\xb5\x9a\xe3S\xb9\xf4\xbe7\x137\x7f6,\xb3)v\xbe\x9f\x978\x86S\xd3\x94\x8aR)(\x1aJ\xcdq\x9c\x94\x0f\x9d\xc7L\xca\xcf\xa1\x94r:\xe3-\xa48PH\xad\xa6U\n\x05\xbeT*\x8aR\xd1\x0cKQL\xaap\x1e7+/\xbd\xa5L\x99\xcd&lt;\xcf\x01\x80\n\xabD\xa5 E\xa9\xd1N6\xbf\xb9z\xb9\x8a)\xcd\xf1\xccY\x9aG\xa2\x12K\x19\xbe\x97\x91\x82\xbf\xa9(\x05EQ4\x9f+\x9c\xc5L\x97\x08u\xbe\x99\x938p\x0e=\x83\x17\x82|\xc4R \x98\x8a|\x89f\xb9Th\xf5\xb2\x043eBy\x06n\n\x82\xb0\x0c\xc3\xd24\x92\xa9\x88de\xbf\n\x86m\xa6f9&gt;\xbb2m\xbe\x14\xadV\xb3&lt;\x87R\xe0M9\x9c=\x9aR\x94\xaa\xec\x13\x17p"6\xcf1yo\xec\x12\xb8\x94\xf1}\x86e \x14 \xabxH+\x00T\xab\xca~-bbY\x91R\x05a\xc10\xa9\xd0\xc1\x85\x8f\xa4r\xfaLR\xab\x19\xc2\xc4@`\x91\xc6*\xfbo\xac\x12\x11\x1a\x8b\xc8\xf0\x8d\xa9\xfd\xcc\x057\xbe\xd2\xb4\x92c\x08\x14\x8f\x8aq\xb4\xa2\xec\x7fJ\xf1\xb1\xe5)\x16\x12\r\xb9\xa4\xc2\xaa\xe9b\xb5Z\xc9\x12\x95\x8aZ\xd1\xaa\x8f\xfd\xa4P\xfc\x86K\xa5\xfa\xa4\x15\x1cK\x1c/\xa5/\x92K9\xfd:\xc7\xb34\xe6:\x87\x0e\xaa\xcaJ\xb1UJ\x07\xf8S\x81\xed_\x8aV\x15\x1cD +\xf4\x17\x9f*d.\xae\xbf\xcc\xe792\x84\xc4\x1b&lt;q\x10EUj\xf0R\xbb\xa3N0\x9a*\x9a\x0c\xab\x1aOH\x94,\x15\x8a]\x14\x972V\x90\x18\xc8O\xa0\x022\xeaS,\xa0:\x14*\x87W*\x1a\x0f#\x9aei\xc0\xa7i\x18Z\x96\xc3VLm\xc6.\x08+\xeeM\xe1)\xcc\xb2\x10\x0b(\x08\x16\xf5\xe9\x84\x06}0\xab\x8a\x9fb\x98Q\x14\xd9\'X5I\x13&gt;\xef\x9d\xbe\x10.\x18B\x9e\x01_X5\xb9\xb7\x82\x82\x80\x07&lt;\x08ytNA\xb3\x04\x0f\xaf\xc9\t\xf0\xf1\r\x84C#y&gt;\xbbz\x11\xb1\xaa&lt;HC(@\xb7\xb0x\xda\xc0\xfdi\x96\x12\x04AER\x9e$\x02\x19@JP\xa3Lp\x06\xd0\x02\xc1\x07\xbfY4\x92O\xad_\x84\\\xa6\xb3\x14\xcb\x93p\x07\xb9 \xb1X8\x17A/\x1a\x1d+f\'\xf1\x8f\x16\xd4p"\xb1Q\xd8yp\xbd\x00\x17a&gt;X\\[\xa5lF~\xb9\xcc\xb14\xc3J\x10W\x1c\x98\x02\xc6\x80\x02\xa0\x02M\xa9\x8b\xa7"\\P\xa4\xa5hV`YA\x10Y\x9a`\x11fX%\x10+\xe5\x9d\xbe\x80\xceJ\xb1,\x0f\xa9\xa5*\xdd\x9dCsP\t\x1a\xac\xc4\x8f\x04\xe0aY\x91\x11DQ\xc4\x8f\x04ZA4\x04d\x96A\x17\xa5\xf4\x81\xec.\xc6C&lt;K&lt;#\xf1Mf_\x14Q:V\x80F\x13D\x81f\x81\x19&gt;\x14\xc4\xa8\x88\x05t\\\xb1\x11A[\xb8\x80\xa6\xcf\xbf\x96;\xeb\x95\x99\x1c\x10`\x1c`\x08@\x9a\xb2\x82\xe8\x88\x8a\xd1h2\x99L$\x92B\x02\xca\xe1p$"aw\xd8\x91L\xa2\xc7\xa2\xe8\x80\xaf\x0b\xc4o\xf8=@j\xa9 sv)M\xde\x14K\xf6*\x0crZ`\xc5\xa8#\x01\xb7\x8f\xb8gG\x06\xeb\xe6\x9e\xcc&lt;\xa8:\xfe\xee\x89\xcf75\x17|Xw\xab\xca\xfah|&lt;\x1c\x89\x84\x93IQ\xe0pF\xd44\xa7f$)\xb7*o\xd4\xc3\x96\xc5\xb3\x1fc\x9d\xd8\x94pD&amp;G\xbat\x95A\xbf\xad\xaf\xaf\xb1\xcf\x06u\xd5f\x0bx&lt;~\xa8\xa0oj\xaa\xee\xc6\x9d\xa6\xd1\x05wB &amp;Bv\xf1\x92${\xa4\x1ed9X\xaeHJ\n\t4\xcb=\xdbu\xa3\xba\xa7\xa7\xddr\x12@\xa4\xc5E[ \x10@,\x8f\'\x80h\x87c\xfd\xfd\x1a\xbd\xee\xce\xd2B$I\xd1\x1c\x07\xbd%\xc1\x89-\xaf\x8b\xd0Z\xf0\x931\x19E1\xecv\xd7/u5\xddj\xd6j\xfa\xab\x83\xed~dZ\\\xdc\xb3y\xf6&lt;\xb6\xbd\xbd\xbd]\x9f\xc7\xe3\xf3\xf9\x82\xfdv\x8dF\xdb\xdc\xaa3\xd4\x0c}\xf5eR\x10\xc86\x91?\x97\xd5E\xd3y\x9e!A\x15u\xb8G\x97Z\xbat\xad\xb5\xe5z\x8df\x0c\xf4\xf2{\x80i\xcf\x868&gt;\x1fP\xcd\xf9\xb0\x82\xd5H\xa5//o\xadp\xb6\xd4\x18\xeb\xc1L\xd4KZ\x97u\x16\xe3\xeb\x12\xc3\xc26 :&amp;&amp;\x87Z\x9c\x86\x8a\x86r\xbd\x16\xd4\x1a\xab\x0e\x06\x88\x896\x00\xf3\xf9\xfe\xe0\xf3\xec\x02\x93\xff\xf0\xb0\xa7\xba_\xd3\xa9\xd5\x96\x977T\x18\x9c/\x8d\xc0\x15\xc5\x83Q\xda\x94\x17+$1\xb8\xfaE\xc3\xe3\xf5m-N\'buvj\xecc=\x16K{\x00;\x0b^{\x8b`\xa3\xcd\xef\xf7\x80V\xd5\xd0Y\x1a\xadV\xdf\xd0\xd0`p\x1a\x8dmC\xe3QL\xaeTHV,\xd8\xb4 9\xd5\xa2\xc3=\x80X\x86\x86r\xad\xb6\x88\xd5\xe3\xea\t\xd8\xa0\xcfI\x87m/\xc20\xe2$\x02\x94\x96`\x95\xd4\xaa\x1f\x02\xb5\x08\x96\x8c\xa3\xa8Tf\xb2`\xa2\x9a\x16\xd7&amp;F\xeb\x8dN\x03`\xe9\xf5\x9dv\xbb\xc6\xfe\xec\xd9\xb3\x1e\x8c\x04\x0fPmC=\xb6\x05,=\xd5\xd5\xd8Wz}\x11\xcb\xf9\x12\xb0\xc0D|0\x91\x19k5G\x96\x1a\xd611:d$\xad\x05btj\x80\xccn\xef\x9f\x9a\x9a\x83\xe9\xb3-\x9e\x9e\x9e\x82\\\x9e`p\xea\x1e\xe9\xf6f\xc0j\x86\x96\x7fILtD!\xe6S\xfbq\x19\xb1\xccE,Z@\x13[\x0c%,=\x11D\xa3\xad\xac\xab\xab\x83\xf9\xdb\xdb\x06\xaaE\x8f?85UY\xa9o.\x87j\xd6k\x9b\x1b\x0c/\x8dmmm\xa3E\xacB\xec\x8a\xdcj\xc1\xae\x10q\x0f\x0c\x15\xb1\xf4d\xcc\x90\x0e\x94i\xbeq\xaf:\x18\xc4(=\xe9u\xb9\\\xd5c\xfd(W+Tm\xad\x0ez\xab\xad~\xa8\x84\x95\xce\xc8\xfa\xef\x0e9\x0c\x08\xa1\x84\xe5\xac\xa8h-\x079\xb0\xbf\x9e\x8d\x01\xc7\xe1\xa1\xab\xb7\xd7b999\xe9\xee\xee\xfdS\xef\xa1kl\xcc\x8e\\\xba\n,\xa7\xd38\\?\xba\x16\x95\xa4T&gt;\xbb*ooI\xa0\x96 $\xc2\x03\x18[\x06\xe4B\x03a\x16{\xbb\x7f\xd7}\x12h\xfc"\x10\x00\xa6\xee\x8e/:::\x02\xa0\xd93{\'p\x01\xd4\xdf\x0c\x885&lt;\x1a\x16y\xc4:\x97oCU^Y\x85IT\x0bB2\xb90`$X\xba\xdafh,\x8d\xdd\xe5\xea\xee\xe8hl|\xfc\xf8qc\x07V#\xa9\x0e\xf4\x12\xb9\x1a\x88X\xce\x1a\xe3\x10\x8c\xa2\xf4!\x9f\x93\x15\x8b\x04\x04\xc7\xc2n\xb5P\xdfRc\x00\xac\xd6f}\xf9\xef;\xed\xae\xde\xee\xab\x8d\x8f\xbf\x9d\xdf\x9e\x9f\xdf\x86\x8e\x87\xb7yL\x89\xbe\xbe\x80\xa5\xdde\xd7\x90\x94w:[\xa0 \xb8x\xb9\xb1\xcc\x07\xe9\x14\xc3\x88\xb0\xf1\x11\xac\xa6&amp;\x1d\x1c\x89\xd0W.K\xc0v\xfd\xe6\xf7?\x1c\xfd\x00ut\xf4\xe6\xcd\x9b#\xbc\x04\xbe\xc5\xbd]\x7f\xf0!\x9c@\xfaZ\x03b--\x8d\'\xa2\x1fr\xb9\xf4\xaa\x9cGu,\x94\x97\x10+2`\xac\xa9\x01.\xb0PS\xdd\xee\xf7\xef\xeeAZ\x15q\x80\xea_X\x04\xed\xf4\x97\xf7\xef^\xbc8&gt;&gt;\x9e\x19\xbc\xd3\xd4Tc\\ZZ\x9at;&gt;\xe4\xb2\x059\x1f\x16\xcd\xf1\xcdl*\x9aHD\x16\x86\x8c\xf0\xab\xd7\x18j+o\x0c~\xf7\x02\xeb\xdd\xbb\xf7\xbf\xfc\xfb\xe8\xe87X\xc0\xf4n\xe7\xf9\xf2\xf2\xd6\xd6\xd6\xf3\xad\xdb\x93#M5CKK\xd6\xa7k\xf9lz_V\xb5\xe2\x1b\xe9\xbc\xe4\x88\x84\x07\x8cX5\xba\xc1\xaaY\xb8\xe7\xd6\x8f\xcbk\x1f\xb6\xde\xfe\xe5\xdd\xfbS\xf0\x11EC\xd5N\xdf\xbf\x98y\xf5\xdc\x11ea_\x96\xa4\xb5\xe5\t\xf7\xe4\xc8\xc8\xec\xac\xf5\xed\xf3\x1f\xb3\x85\xcd\x8c\xac\x1b\x84\xb7\x90\xcd\xaf\x85\xe1\x9c\x1e\x82h\xeczp{\r\x9e\'0aa\xabw,?=\xde\xdd&gt;-v\xd8\x1f\xbf\x9f\xdf\x9d\xf9fg\x19\xa8\xc8\x03Q\xd4\xe1XsD\xc6gG\xac\xd6\x9dW\x7fM\x876\x0e\xe4\xc4\x9a&gt;+\xa4\xf3kp\xf2\xd4\x0f\x0f\xd7\xcfB\x9b\xc06\xcf\n\xb8\xad\xb2Q\xc7\xda\xed\xaa\'\x9e&gt;\x98\xc7\xf9\xf9\xaf\xbf\xbey}\xae\xca\xfat\x02\xbe!\x99\x88\x00\xd3\x1a\xbc\x12\x91Q\xab\xf5\xed\xce\xcf\xff\x08\xad{\xe3\xb2\xfe\xef\xceJh?\xfba|`xx``\xc0\x1dN\xc0\x13\x06\x88\x00;=\xf4[x\xe2v\xd5\xdd\x87\x96\xab\xd7\xaf\xdf\xfc\xf6\xe6\xcd\xbek\x0f\xeb\xc0\xe2\xd1\xd1\xc9\x91\xc1ch\xfa\x99\xd9G\x8f\xdc\xe1q\xeb\xce\xce\xab\x9f\x7f\nm\xbc\x96\x13\x0b\x12b=TX~D\xb0\xbe\xfa2\x02\x02Y\xabf\x8e\x8f\xefW=x02\xd2\xf5`\xf0\xee\xbd\xf6k}\xa4\xba{\xfa+o\xdc\x81U\xff\xc9.Y\xf1\xfdSw\x07\xad\xb7\x1f\x81\x85\xaf\xfe\xfe\xd3\xa6wE\xde\xe7\xfd\x98w=\x94\xdd\x1a\x1d@\xb1\x16\xc6g\xab\x8e\x9f\xe0\x8a\x05O\x14s\x7f\xbe\xa5\x83\x1ck\xee\xefi?\xb9v\xad\xbb\xdbe\xd7\xd76\x19tw\x83\xb0P\x9c\x9e.\xda,\x80\t\xf4\xd6o\x00\xeb\x9f\x1b2c)\xe3\xde\x8d\xf5t\x11\x0b\xa0\xee\xd7\xdd{h\xb1\xe1}\xe1\xcesu\xb5:]\xad\x1eN\xc7@\xc0\xe2\xb2k\xcbu\x86\xa6\xfb\xffa\xd5\xfc~\xd2\xca\xb3\x00\x9e\xc9dc\xfa\xc44\x81\xb0\x01A\x83$WR\x0c\x08\xfe\\\xd2Kp\xc0k\x91\xc6i\x1as\x03(\x835\xd7\xda\x06\n-\x106D\x04\x15\x9a\xca\x85\xec\x08\x0e\xab\x1dGSh\x95D\xa2\xf8#3L\xd2\xaa[\xe3\xb8\x99\x96X\xdbH\x8c\x99h\xe6q\x135Yc\xec\xa3{\xbe8\xfb\x17\x00\xbe\x98\xdc\x87\xfb\xc99\xe7\x9e\xef\xf9\x9c{\xfd\xcb\xcbG\xe7\xe7\xe7\xcb7\x06\xee\xb5q\x08B\xcb\xb3C\x16\xd7\x9c\x1b\x13\xb5\xe8,+]\xe3r&amp;\x93+cP\\\xdd\xdd!%I\xca\xba\xee5\x0f,\xc1\x8d\x8f\x96\x96\x96\xfc2\xaeT\xc8\xd2\xe9\xab\xd2i\x8d\xda\xcc\x10\xf2\x05\x04\x86\xc5M\xb6\xe9\xfc\xe1L\x1c3\x1aeB!\xe2\xb2\xff\x89UVW[W\x9a#\xb1\xac\xacv#\x91\x18^@\xd1\n\x19\x94R\xae\xcch2\xa1\xfbN\xdbxZ\x0c\xeb\x92\xf3\xb9\x8c\x08\xa5H\xbf\x93\xa8(\x9c-\xe0b\xda\x9e\xc7}O\xbfY\xf8\xfc\xb4\xcfb\x10H\t!\x97$\r7\x17\xd7\x9c\xce\x89\xba\xb2G{g\xab%\x10\x8d\xba\xa9U\x18\xc0\'\x87\xe7\x00\xab\xba\x1a\xceD\xa5\x924\x84\x0c\x96\xdeW\xdf\xfe\xf2\xf5\xb7\xcf{\xdb\t\xbf\x9f\xe43i\x9a\xaaJ\xab(\x9a\xc9\'\x97L\xa1\xbe\xefS_}\xf9\xef\xeb\x7f\xb9\xfe\xea\xbb\xbe\x90\x14\xb2,\x15\x18\xeco\x93\xce\xc9\xda\x97\x97\x8b\x8f\xf3\xc5\xaf\xc3k\'\xf3\xd3\x17\xc7\x8f\xa6\x12\x7f\x0c/\xf4U\x87B@\xa54T\xf7~\xf7\xea\x9f\xd7\xae\xfd\xf2\xd7\xaf\x87\xd7&gt;\x84\xb4G^&gt;;\x10\xa0\xf5\xfdz&lt; \xe2c~-o\xfa\xe2\xf2\xcd\xf5/\xaf}\xb5\xb9\xf0\xd3\xc3\xcez\xae\x14\xb0\x04\xf6\xb7\x89\xe4\xe4\xde\t\xc1&amp;m;E\xf7\x89\xa9\xbc\xe1.{\xe6l\xd5\xf9\xeb\x1f\xa9\xeev\x80\x92J\xa5\xa1\x91\x87\xaf\xc66\xff\xf1\xc5\xb5/~\x9d8;\r\x9a\xb4\x95\xec\xbb"&amp;\x1e\xf1\x99\x81\x8a\x8f\xc5g\x82\'\x17\x97;\x0b\x9f\x9f\xa7\xa6\x1fw\x8et\xd6\xb3\xd9\x10.\xa5\xfd\xed\xcep~f\x9bE\x90=\xd3\xff*2Zu\xffy\x16\x9a\x97o\xc7\xf3\x9b\x9f\xdf,t\xd7(\xe1\xa1#\xf95\x9d##\x96\xe9\xb7\xcf\xbfY\xd8?=9\x84\xa6\xd9\xc5\x06G\x0b\xe8\xb2-8\x93\xcd\'\x82A\xffL\xdc6\r?\x1b)U\n\xa4B&amp;\x9a\xe9\xa5\xf6\xfc\xce\xae\x81\xb3M\x90\x9f\x98\xb6\xe3\xe2\xb0\xca\x1e]\xcc75\xcd\xb3\xdaL\xedO\xdf\xa4\xbak\xf8B\xf4\xe3\n\x04R\xa5\xc1\xbe\x88j\xde\x16\x0f\x06\x83r\xbeH\x14\xc0#\xd9l$ b7\x8c\xc3\xd3\xe9_G\xf3\x05\xc6\x917\xc8eH\x84\x10\xd6\x9as\x8d\x1c\'z^\xe0\xd1\xf1\xcb\xe2\x8a\xbel\xf5p\x9b\xf9\xa2\xb3\x86\xe0\x18\x9e_a\xc9\x85B\xa3\x8c\x00\xa7!\x08\x13\x1al\x82\xc1\xa5\xfeJ\xa6\x08\x82E\xeb\xb3[zZ\xc4\x16\x95[\xddn?\xc0\x06\xbdX\x17\x83\xc3\xe9\xe2pd2!Wi\xdf\x7f\xbf\xaf\xc5\xc8\x17w\xe9\\\xf6\xb48\x8d\xad\xdb\x0bF#\x9f\x9a\xee\x08d\xd2\x07oR\x96\x10`\x11\x84\xcc\xc8\xe1\xb0\xe4r\x10Do0\xe8^\xee\xf7\xe1\x01p3\x9c\xd6om\xc5h&amp;\x92H_\xff\xf22\xe8\x99{ \xdb\xdc\\y\x85%U.\xeeo\xec\xf3Ld\xb9\x88\xce\x89O\x8b\xd3\xd8\xba\xe3\xa5\x9c\xe7\x13[T/U\xde\xdf\xdd\xec\x08\t\xb8\xd0\x1be\x9c.3\xda!5\xbb\xddK\xfd\x1a\r\x84\x08gB\x0e\x11V\x96\x0e\xa0\xc0E\xb2\x88\xcb\x9d\xcd\xc6\xd4\xea\x16\x90F\xc8\xa1\xb2gzg\xe3\xc2\xaeeD\x98tF\\t\xb4F3\x1eQ\xb9\xbe\xa1&gt;\x84\xb0\xaa\xeb\xa5P\xf32N\x9b\x19\xc4\xd0\xa3F\x9b\xc0A\xf1\x96&gt;\x823\x03\x81\x00\x1e\x1d\x04B\x1a\xfe\xa3\xa9haI(\xde\x8aFc\xe0@\x0cTZ\x805\xb1\xb3\xa8U\xc7\x02tFS$V\xd9\xde9`\xd1\x9e\xb6\xd0\xad\xfb\xbbo\xc6\xe0\xe4\x01\xbd\xe0\xb4\xe9"T,\xe6\x01]\x05\x17\x13+b:@\t0\xf1\xa8x\x8b\xa2q\x1a\x07,\x0f\xb8\x99\x03\xd4,\xe7\xf1\xc4\xc0\x19\xe1\xa0$\xedy\xe7D\xf2&amp;V\xe5\xc1?\x0e\xf5\x9f\x15Y\xf2S\xe7\x8e,`\xa9\x05\x9d\x0fVvS\x16pj\xae\x9ca\x8eP\x08\x0b\t\xa2\x0b\x0cQ\xcd\x00*\x91\x88\x8e)&lt;\x14\x0e\xc9\xc4q\xca\xe3\xd9B\xf2\x08\xcc\x9eh4B\xe3\xe5$\xcf\xb6\xf6~"\xc1\x1b\xf8\x9b\x82\xfe\xe8X\xde+\xb2A\xd4^j\xb2"JQ%\xbb\xd3\xbb\xb2\xb2\xd9a\x81\xea\x923\xae\x82U\xb8\xaf\xcb\xe5P\xe8\x19\xd0\xdc\xd9L:\xe6\x89\x02\x16p\xd1\x91h\xc1e\x1d\x8e\x8cX\x11\xa5\x10\x96\x907\xbd\xbfq\xb03\x93\x0eK"\x1f\xb3\xa7\xc5.n\xca\x8e\xdd\x1f\x99*\x89\xc47\xdf;&lt;\xb7;\x86\xb0\xca\x19W\xc1\x82,9\x1cC\x0e\xb1*\xa2\xa3\x03l\x11NE=\x1e\x8a.`Am!\xb9\x86?\xc0\x8aQ\xba\x02\xd6\xc5\xc4\xc1N0&lt;\xfbc\xf3\xb6\xff\xb8\xe8oI\xa6N\xb6\xe5\x8e\xb0\xab\x9f\xec\x1dN\x0c\xa7\x1e\x03\x168&gt;PE\x15\xff\xb7|\x15\x05%\xcf\x17\xe1\xb1\\.\x17\xa3\x03\xe5,&lt;BE\x15\x85\xaa\xf3x \x89\x7fb\xe5w\xae\xb0^\x0f2\x83\xc5\x7f\x19\xf1\xe8r\xbb!=\x1b\x1e\xd5\xf6\xad$\xe76\x11\x96\x9c\xa5\xa3\xa2\xc0U(k\xc0\xaaPQp\xe40uQ\xc0\x82\xe2\x02\xc1\xc7\xa3\xe8R\x06BU\xa0\xa2@\xfb\t\xc0:\x98\xbcX\x7f7;\xbb\xbc}Z\xf4N\xb0\xacno\xa6a4\x1c~\xc7\xbb\xb5\x9bL\xecZB\xf5|\x18\xf9"\xb1B\xb8\xc4\x8e!\x97K"\xdeb\xf0\x0b\xc1\xcad2\xb9XD\x07M\xacR\x8c\x8a\xce\x81RHQTD\xc7\xe0\x10\xb6\xfc\xfb\x83\xc9\xfd\xf5t8\xbc\x14?+~;_\xf7\xf2\x84tg2i^\xf5f29\xdc\xd1^#\x10\xcaP\x16!X\x10+Wx\xc8%i\xe66\xc0p\xaa\xc8\xcc\xfe6\x9b\xc9E\xd5j\x8a\xc5\x1a\x04=s!,O\x8c\xa2i\x1c$\xdc\xb6\xff\xfe\xe0`\x7fF\x93\x13[g\xf6\x8a\x9f\x9b\xcbj\xcfl^qn\x8b\xb0\xa4\x92\xceD\xca\xd2T/%X\x08+z\x85\x15\x1er`\xc2\xca\xc6\x16\xb58\xfc\xfb\x7f\x7f\x9f\x95\xa8\x1a\x1d\xadj\x99\xcf1\x84\xae\xa0\xfe\x00\xad\x0ca\xc1\x838y\xb0\x1fg\xe9*e\x87\xa5x\xc5R\xb7:C\xf8"\xcc\xbb\xb7R\x89\xa4s\xd7\xd2\x04\xc3\x8d\x1c\xd7C\xd1+\xc4\x12p\xd6\xf0\x90\x86\xe8Z^\xb6\xb65\x86_\xbf\xfe-,\xf6a\xebK7\x8cF\x07\xc8,\xc2\x82\xd2\x8a\x98\x192\x02\xfa\xc3\xc4\xe4\xc4\xda\xbc\xdcD\x94\xa0\xb4\n\xd6s\xf2\xa9\x81\x94\xbe\xe8\\\x98K:\xe7\x9eU\xd7\xd4\x0b\x1aXf\xbd\x1e\xa2%q\xa1\x98\xb8I\xefzw\xef\xe3.\xc9\x90k\xc81ny\xf5S5\x86\x994.H\xa3\xa3U\xa5R\xa3\x82\x17\x92\x05\xac\x8d\xb7Xc\x9c\xf8xV\x8aw\x06\x90\xc5\xedO\x06\xac\xab\xfd{p\xf5d\n\xb0\xea\x1bXmz\xbdZQ\xe1(`YIo\xcf\xdf\x7fxb\xf1k\x06\x07\xc7{\x7fxr\xfb\x0ei\x04\xac!WZR\xa1P\xa9#\x8cr!I\xda\x00\xeb\xe0\xfd\xcf\xde\xc6q\xd3\xf8q)\xcc\x07=\x8bD\x8f\xd5jx\xb0;\x97LlB\x16\x05l8\x7f\xd0"PR\xa8-7\x89a\x86\xdbO\x1e\x1a\xe2q\x9b\xe5\xf6\x88\x12$\x8c\x8c\xa7\x01\x18\xb0TQ\xc0\x02\xf1\xe1\xd9P7M\x8ei\xad\xe3\xeb\xc1\xe3\xd2\xec\xb8^^\xd8l\xebF\xa5es.1\x07SDM=\x1f\x9e&lt;s\x8b\xaa\xaaU\x02X\xe1Q\x92\xbc\xe7\xc3\x04\x9d#\xcf\x9eu\xdf\xe2f\xc5\x1a\x9f\x8ct\xc3\x85wiI\x95Z\x0f9l\x90\x92=\x8b\xf9\x9d\x8d\x89\xb9\x9b$f\xb5\xbaK\x92D\x94\xc5\x99u\xafV\xabM\x81\x94mB\x8b\x80\xe3\xba\x9c\x01v\xaf\x82,\x86\x7f\x0c\xbb\xac\xf32\xdfV\x96h\xba\xd5\xddN\x9a\xd5\xb1\x08k;\x0b}+&lt;\x9bn\xadR\xa1\xf1\x01\xf4\x02J\x0b\xb0.\xd6\xc7\xe5\xe3&gt;\xdfe\x89\xdeG\xed\x05\xbdq\x9e\xd7\xfba\x05\xb0\xc6\xda\x9b\x80K\xcej\xablnDXaWF\x9ce\xd1\x11se\x97\xd7\xef\x1e\x18@;z\xd4\xff\xc5\xe9!\x94\xc4\x16\x1d\xa3\x9c+\x95\x02\x16(\xf5\x85W3.3\xfb\xcfJ\xb4\xa8|t\x1a7a\xfd\xde\xfc\xf0\xdcJj\xcc\xd2^\xf3\x02:=\xc3\xdc|\xa3\x02\x1eE\x978\xa7P\xe8\xf5\x95\x18\xe6?:?\n\xae\x9b0\xab\xafE\xadR(*ZGG+n\xb4\xe8X"v!Z\x80\xe5\x0cj\x06\xad\xe3\xe7S\xa5\xf9\x12\xbb\xaen\xef0n\xf5\x1fn$\xe7\x86\x0bX(\x8b\x9c\xb6\x96\xc6\xc1V\x89\xa4U\xe1Q\xb7t\x19yv\xfb\xe2\xe1\xc9\xf4\xa2\xbd\xe3\xa6\xcdd\xc2\xd0H\xdd\xdc\xdf?\xd8\xd8\xa2+\x17!K*$q\xf2\xf8d\xe9\xe8t\xb5d[\xdd\xda\xbd\xd3\xf3\xd3\xbd\xa9\x8d\xc4U\xb4\xea\xef\xb2\xe5\xac.\xc8\xe2\x8d\xaa-\x95\xba\xa5\xd2\xc8\xbby\xbf\xe3\xd9X*\xff\xf3\x87\x0f\x1d\x0f::zxZ\xa3\xf1\x7f\xb4\x9c}H\x9bi\x12\xc0[z4\x94\xf6\xf4lm\xdd\x9aF$\xa8\xc9\n)IL\xc4\xfe\xf1\x92C8b\x92M\x93\xa0!lb\xd2\xc6\x1cy\xf7\xd5|J\xa0JO\x0c\x06\xd3\xe0\x1f\x87\x01\x93Z[\xfc\x88]L*\x9b\xd0\xd5Vh\xafj\xb5l\xa1\x08\x8d\xda\xae[\xfb\x05n\xd7ZmQ\x91\xb2\xddn[n\xe6\xd5\xee\x1d\xf7\xcf\xf5n}G_\x14!\xe6\xc7\xcc&lt;3\xf3&lt;\xcfL\xaa\xab\xfd\xfe\xbf\x1d\xcb\xcf\xcc\xfe&lt;OfMM\x00\xd6\xfc\xb0h\xf8\xe5\xfdml\x0e\x97H\\\x17]\x12\xd1\x8b~\xc4\x82\x10!\xcd)\x00u\xe5\xd7\x1c+/\xff\xb2\xda\xa2\xb4j4$I&amp;\xc2\xdd#\xe1\xb0\x86\xb2\xd95\x1a/\xc1\xe1\xb8-\xd1\xa6\x1a\xc0\xca\xc9\x93yF\xbe\xff\x01\xea\x1a\xba\xf8\xdb\xce\xa3f\xec\x8dg\xb1\xce!\x96\x06\xd5\x05\t\xe8`fuu5\x0f\xacGh\xec6\x1bi\xd7\x84&lt;\xdd);\xe1\xb5\xdb\x01\x91\x02\x9d\x858\xca(/\xf7 ;Gf\xf5\x8c\x8c\x8e\xd2X\x8ct\x96\r\xfb\xd0\xb7\xcc|\x15]\xd2\x8bM&amp;\xb0\x9e\x86\xd4\x90\x94\xdd\xe1\x81\xcd\xb5\xbf\t/\x16\xfd=\xee\x10IuQ\x91\x04p\x89\xc5bv\x9e\x8cHu\x8f\x8e\xfa:\xe7];\x18\x11\xd7\x14`i\xf08I\xc0\x85\x1d\x10\x842\xa4\xd2h\x88\xa8\x1f6\x8c\xcb\xcb\xdf~\xb5\xbc\x06\xf2m\xab\x9b\xa0\x82]\x14Ip\x94\xf2\x02!\xd8\x10\xcfs}\xf3\xe7\x18\xc3\x1a\x88\'H3p\x95Ie\x10\x8c8\xe0T\x00\xe5\x1e;u\xea\xe4\xcc\xcc\xcc\xd2\xda\xd2\xd2\xcc\x12HG\xc7\x98[\x03v$8\x066x\x96\x11\xb1~\xf0\xcd3\xd4\xac\xcb\x12u\x0eL"\x96B\xc7\xc7s.+\x87p\x84&lt;\xee\xb1\xa6\x8e\xdb\x9b2\x83r{vvVn\xe0\x10\xa1\xb4\x07\xb8\xf1\x04\xc9H\x8c\x8c\x8c\xc6|\x9d\xc3\x0c\xf5\\\x8b\xce\xf5\xdf\x88\x90f\xbbB\x01\x89Q\xc6\xb5r8\x1e\x8e[i\xb1\x18\x06\x07\x07\xfb\xfa\x06gQ\x06W_\x83\xbc\xd7\xdb\xec!\xc4\x12\n\x01\x9f\x00\x1b\x0e\xf8:\x19j\x05gIn\xfa\x86\x12$\x89X\xaa6n\x1b`\xb99^G\x9bJ\xf7\xfe\xf5\xeacZ\x9e\xd32\xfbZ\x1f\xb0\xa7\xd3n7\x07\xcf\xb7\x8cD\x1a\xb1\xa6\xe6/\xb2\x18\xc2\x1a\xeeoI\x92v;x\x97\xaaMf\x04,NZc\x0b\x04\xde\xcf\xde~\xf6\xeb\xaf\x1b\x1b\x1b\x9b\xcf\xda\xd2\x8c\xc1\x10uw\xd3X\xc2-\xac\xd88S\x83\x06\x80\xe5\x1b\x88GH\xbb\x19\xb5\x85\xbe\x05\xea\xeaq[\x07gg\x966\xde\x81l\xbc[X\xf8\xe5\xc3\x87\xe5\xb5\x0eK\x14\x8a/\xc42\xa0\xb6&lt;\xa9I\xb0!cX\xac\x0b\xbe\xfe\x1bhE\x0c]F\xa1a3\x927\x99n/\xad\xbd\xfb\xb0\xb0\xb0\x80\xcf\xc2\x87\xb5\xaf\xfc&amp;\xb1\xc52\xd6\x14Ur\x0c2\xa9\x11\x16\xe2\xe4tl|\xfe&amp;SS\x06\xac\x0b1\xc0\x8aPv\xe4\xe2B\x80PZLxB/\xe6ApX\xa6\xe5/\xa7\x96n[\x94J\xf8k\x07\xcfdQ\xe2Q9\xc4\xf8\xc9\x96X\xe7&lt;SM\xcd\x80\xd5\x12\x1bJF(\xca\x8eV\xb4BF\x16\xe7\xf2\x00BiP*\xe5J\x03Ax\x8dF\xf8\xabAi\x11\x9bx\x08\xcc\xe1\x18\x8dF"5\x02\xe5v\xe7\x0b\x86\x82)n\x82Z\x86b7~\xa6"4\x17\x10\x18\xe4&amp;^\xaeIn\xb0r\xac!\xcc\xd6\x14\x14\x12V\x83R\x0e\xb4\x1d&lt;%\x07/\xd0\xf0\xdeu\xa2%65\xce\x98\rwH\\\x03\xc9XK2\x91\xa0l\x10#\xbcV+a\xb5\xf0x\xb9b\xd8C\xc0\xba\xb4\x12\x04\xd4\rh\xd8\\\xc8\xe1\x1d\x90\xc4\x91*\x14"B\x13\x03\xfd\xe3S7\x19\x1b\xc3c\xb9\xeev%\x07\xa6\xbfKDlv\x85\xd9K\x80\xc9\x94\x80\x95\x8bg\xb6&amp;\x1e/\x1a\x1d\xeb@\xa9v:!i\xe3\xed\x93\x07\xb0\xd2\xa1\xf4@\xffTg?sX;\\w#\xc1\x1bC\xdf%\x93PT\xd1X\x1c\xd4\x16\x148\xf9\xce|\xa7\xbf\xa9\xa7\xa7\xa7\xa9\xc9\xefo\x06\xac\xa8\x1b*\x9eP\x08\xa8\xd2\xa9\x89\xbb\xbe\xf1\xbb\xdb{\xa7\xff\x1fI\xd1\x97Pk\xa7\xa7o$q5:\xc0\x9b9\xb0\x14\x01+\xbf\xb9\xd9\xd9\x81G\xf1O\xe19u\xd9\xef\x07,\x82\x08a"O\x87\'c\xbe\xa9\xfe\xc9\xe9\x9b\xcc\rc\x88\xa6\x12\x81vm|\x1a\x96#iw\x807{`\xd1\x01V\x87\xd3\xe9\xf7\xfb/_n\xbd\x8c-\x8b\xa7\x9a\x80\ntE\x84HM8\x19\x9f\x88\xf5\xc7\xe2\xe1\x89\x9b\x0cjk*\xacW\xd7\x9eM\x82\xbe\x12\xa4\xc3\xeb\x80\xda\x18b\x14\x8f\x07\xde\xd4\xdc\xdc\x0cT\xad\xa0(\x84rC\x05\x01&amp;\xd4\x90\xc9\xe4\xe4hl(a\xd70\x8c\xa5\x00\xae\xab\x91x&lt;\x99p8\x00\x0b\x12\x10r9\xf3\x9b\xfc\xadOAZ[\xc7\xa2\x16P\x15\x98\x10lH&amp;\x12\x93\xa3\x03\xd3\x94Z\x11\x1ae\x14+\x81W\xfb\xb5\xb5]\xc9d\xc4n\x06.\x88\x0bHf\xe1E{\x9e&lt;}\xf5\xe4\xd5\x93\'\xdd\xdd\xe8\xec^\x84\xa2\xa80(k2\xa8V\xa8&lt;\xa3L\xba\xfcxX\xc1\xe7#W;\xc4T\x9b\xc2\xec\xc0~\x10/AX\xddcO^\xbdz\xf5=\xc8H*\r\x91\x15\xa1\xba\xba"\x89d&lt;\x19T\xeb\x04R\x86\xb1\xe2P\xc8\x03WC}m\x90\n\x06@a^/x\x90\x86\xb0\xa6R\xdd\xdd#\xa9\xd4H&lt;\x1c\xa6\xba\x82Z\n\xa9\xc0\x86\xe1H\xbbZ\'\x95r\xd3\xd3\xe7\x18\x0c\xa7\xbe\xb8C\xd5\xa6\xda\xe4j\x0f\xaa\xd56\x88\x13`+(*H*\x9c\x8e$\xc2\xe1DW\xa4K\xfb\xf5U-\x85\x9b\x8cH\x84jW\xf3\xa5\\(n&amp;\x18\xc4\xba8\x10v\x08d\\\x95N\x11\x00\xae\x86\xf6vu\xd0f\xb3a\x1f\x8dV\xab\xfd9B\xff8{\xf6\xec\x89\xaa\x13\xda`\x17\xfd\xd5\xa0\xe6s\xf3\xf2\xb8\x83\x9e\x89\x17\x8cQ\xb1\x86\x87B\xb0\x17\x93\xc9\x04|\x05\xf8\x17\x805\x00XP\xfb\xf5\xe6\xfc\x05NAd\x9d8\x91\xb5/++K\xab\r\x82\xb47\x04\xf8\\\xc0\x92\xc9&lt;\x13SL\r\xddA-?\xedU\t\xb8yl\xa1\x94\xb6c=\x82\xa9\xdb\xafVUUeU\x01\xcc\x89\xac?\xed\xdb\xb5\xafjW\xd5g\x9f\x9d\x05M\xb674\x04T@\x95\x93\xc3\x16z&amp;\xee2T\xca\xef\x90H\xceMx\xa5\xd8\x84\xc76\x18\xf9\x81\xf6Z\xe4\x02\xb0\xfa\x9d;wU\xd13c\xf4\x0c\xc9\x9e={\xf6\xed\xbc\nL\xb5@\xd5\x06T\xa5\xa5\x88\x15\xfbX\x06\xb2\xb6\xf5\xb3\x06\xe8\xde\x91I/W(\x13\xb2a\xf7\x07\\\r\xc8\x05`\xb5\xe7\x11\xe5_\x93\xc2\xbbw\xef\xa9\x07(\xa0\x02o\x17\x16dg#\xd6\xc8\xe8f-\xcf\x92\x88@X\xdb\x07\xc5\x12]\x88\xc5U\xd2\xbc\x02\xb9\xbc\xa0\xa0@\x88\xc3\x0c\x9b`\xf5\xf5\xe7\xcf\xff\xfb\x98\xe9\xf9=\xf5\xe8x\xea\x80\xaeM\xc6.Aa\x0b\xa1\x16\xf4\xbd\x9cCY\x7f\xf4\xe6\xcd\xa3\xc5m\x82\x92,\xae?\xba\xe3\x1b\n\xab\x04\x95\x05b\xb1\\.g\xcb~\xe3:\x8f\xb2\x1b\xc8\xe8o\xf8\x9d\xb6\xadZ\xafSq\xd9r1vd\xb3\x07\x8d\xa1\xf8P\xeb\x8f\x0fA\xae\xf7\xf6^{\xf0F\xb4\x1dP\xa2\xc5\xf5\xb7\x0f\xaf?\x1b\xc5\x03\xdd\xca\xd2\xdcj\x9eI,\x87\x8d)?\xa0Fcmr\xd1dH\xb5\t\x15\xd0\xeb\x042\x83\\,\xc6\xf6\xf4\x1c\xc0\n\xc7S\x8d\x85\x85\x87\n\x0b\x8b\x8e\xffu\xff\xdb\xb9\xdf\xef_\xa2\xf57\x1b\xd7\xeb\xea\xf6G\x93\t\xec\xe2/=\x92\xe9\xec\x00.\xd0\x97N\xbf\x05\xf6\x91\x8c\x86jh\xd8\xa2bc\x13\x006\x83\x03\x96C\x93\x08\xcf\x9e&gt;^TXXx\xfcx\xf1\xde\x85\xdf}\xc1"Z\xff\xa9w\x7f]]\xd1\xe3\xb0\xdd\x0eoVY\x9a}\xf0\x8b|\'\x0f\xb9\x04|\xe0\x020\x9a\x0c\xd8\xb6B\x06B\x95\t\xb8\xd8\x03\x90\xf9Ef\xe6\x91\x12\xf6\xa0\xd4A\x92f\xd2\xb1\xbaz\xef\xde\x95\xbf\x17\x15\x1fz\xb8.\xfa\xbf\x17$\xbe\x0e\xbc\xea\xdd\x99\xe2\xba\xc2\xd3\xab$\xa5\xd0+\xca\xfa\xf2J\x8f\xe0\x84\x0f\x94\xeb\x16!W\xc0\x07\x85}$\xbbZ[\xbb\x05ES\tK\xc4\xb9\x15\x99\xd8P\x0fF\x94\x9a\xcd\x0e3EQ\xfa\x80\xfe\xfd\xbd\xc3uu\x87\x1f\xbe\x99[\x14I\xfe\xf7`\x01/\x90HD\xae\xb9\xf5\x0f\xd7\x8a\xaf\xdf[\xd5A\x96Q(te}\x959%G2+*\xf2k\xa0`Wr\x05:\x9d^\x8f*\xfbM\x10\x8a\x0fA\x97\r\x06\xac\xa0\x07XJJs\xf2\xa4\xb0\xe15\xc3\xbf\x80\xe4.m&lt;z4#\xe3\xcc\xad\x9f\xde.&lt;\xba\x8fh\x9f\x8e\x84\xe1\xc5\xb58\xf7\xf2\x1f\x1b?&gt;\xe8-\xfa\xe3\x83&gt;\xb0\x1fX\x86Oc\x95\xe2eA~yM\xb3\xb3\x89\xe6\xa2\xc9\xf4z\x05\x94b\n=B\x95\x95I\xb9h\xc0\x8a\x93_\xe6g\xe6\x8a\x01kP\xaaR\xa1\xc5\xa1\x16R=\xbeu\x00\xe4\x0f\x19\x07\xbey\xf0\xfc\xf9\xda\x9d9\x17\x80\xb1&gt;1\x1e\xb8\xee\xdfY^z\xde\xd8{x\xef\xde\xc3{\x0f\xf5\xce\xf2\xf96\xb5\xbe\x0c\x04\xb1\n\x00\xab\xbc\xfcXyM\rp\xa9\xca6\xc1t:\xacyt\x08%\x90\n\x0b\x8e\x00U\xc5\xc9\xf2\xfc\xdc\xdc\x92\xec\xec\x9c\xbe&gt;\xa9\xb4\x8c\xaf\xb7)t\xaa\xc1\x07\x19\x07\x0ed\xc0\xf3\xcd\xad\xc6K\x8d++\xcf~\xb9\xffI\x9f\xe4\xc2b\xb9\xe6\xee\xac=\xbbtie\xe5Z1\xc8\x99\xe2\xbd\x87\x1f\xabT\xfa\x008\x8c@\xd0WY\x99\x97\x83\xea\xaa9v\xac\xa6\xc6i2\xc8\xda\x04e\x88\xa3\xc3\xceb\x14\x01\x84\xf6\xd2\x12zf\xaa\xbc\x06\xc7E\xb2K\xf3\xfa\xa4\\i\x99\x0e\xf6\xbc|\xe9\xf3\x8c\x03[\xd2{\xfa4\xbc\x07\x82\xbd\\\xfcom\x8c`\xbd\xb9;\xcf\x1a\x1bO_YY\xb9\xf2g\xf4\x82\x8c\xa3u\xc5\x8dR\xd5?\xf96\x9b\xd06\xf23\x8c\x9bA\xb0b\xa63N\xa5x\x9c\xb1\x97\xc8c\xd9rW"\x92k\xaf\xad\xc8+Z\xd9\x08)K\x17A\x1dp\x9c\xda\x04#tX0\xce\xa5D\xc5\xb1\xd6j\xa0\xecPCL\xa1Kn\x06\xeda}\x88;P\x16|\x91\xaeZ\x02\x85\xe8\x90d\t\xc6\x18Llo\xca\xba\x90n!\x90&amp;M\xe9\xf3\xbc#mB\xbf\xfe\x8a\xfc\x11\xcb\x7f\xfd\xe6y\x9f\xf7c,\xcd\x87\xc8\xc2\x89\x89\x89\xcf\xbdk\xa2\xa0\x05\xb8R\xc5\xc5\xb1~\x14\xb0\x89\x8d\x1fQ\xa4\x0b\x17/lL\x0c\xee\x8c\xf6O\x9e\x95\xd7\xaa\xaa3\x03\x8b}\xbc(cgpgg\xe7\xc2\xc5\x9f_\xfc\xd9\xc6A\xb3\x83e\xd5KkX\xa7wOw\x9f~\xfb\x97o\xde\xff\xbfP\xd7\xbf\xfe\xfb\xf1\xdd\xd5\xd5\xbb\xbb\x8fv\xd7\xd6"\xde\x16\xf1x\xe3\xe1\x86\xf8\xea2\xb6\xef\xe5[\xa1zz\x16\x07\x8aE\xe1\x1aB\x8b\xe4_\xfd&amp;~188z\xe5\xca\x15@\x9d\xedAN\xe0\\hF.aA\xd9\xda\x19\xdd\xb9\xfc\xf9\x85\x8b\x13\x13\x0f\x1b\xae\xcf\xe7\xc7-h\xd4\xea%r\x9d\xae\xdd\xc5z\xfa\xed\xd7\xd7\xff\x87\xf9\xdf\xe9\x12\xa8U\xacSP\xedn\x96\xdaX\xe5x\xfcx\x90\xaf\x8c]&gt;\x7f~t\xc7\xbb\xcc\x07\xcf;\x80@\x16WF\xfa\xc6\x87\xc6q\xb2?v\xed\xce\xc2\x02\xaa\xec\x10\xa8\xde\xed\xc6\x0f\xab\xd5\xd4\xccR\xb7\\\x195\xda{\xfe\xfce\xd8k\xe7\xe1\x9e\xebW\x14\xd7\x0f,-\x93)\x946\xc1\xb5{\x97`\xa7\xc7\x7fz\xfc_;8z\x8c\xa7\xd4ji\x8dZm\x96\n\x11\xc7\xc7\x15,\x97\x1b\xefml\xf0\n\x9f\xde\xde\xd1\x1d\x0f\x0bP+\xc5bq\xb1O\xd6\xc8\xe2\xe2\x08Z\xd2\x18\x9a\xf88_\xe0(V+\xeb\xc9\xd4\xc0R\xf7\xbb\xbc\xb0\xa6\x7f\xb2\x17\x8aA\xe8c\x10)\x8a\xe2\xf7\xf9\x9c@\x00X%\x11\x8c\x91\x84\xcb\xfe\xfc\xb7o\xfeC06cQ\xaa\xbeZ_C)^+\x15\n\x99\x88\x05\xbdqh\xe5\xb8s\xfc\xd3\xc1\xc1^\xb9pg\xb4\xb7wR\xac\x93\xaaT\xaa\xc5K\xddm.\xa1\x1a\x1fGc\xe6\xd9\x7fe}}=9\xb3\xf4\x91`a\xe0z\xd8{~\xf4\xca\xd0\xd3\xa6\xdb\xa6r-\xdb\x0e\x04"\x99\x8c\xb0\x01\xcc\x8b\xe4\xbf\t\x06\xa5\x1e\xff\x13\xf9J\xa8\xfa*\xb4\xda\x14\xaa\x80-G\xe7\x0b\xc6\xcb\xfb\xbf\x19\xed\x1f\xc2\x13\x00\xab\xbf\x1fr\x01+\x19\xc3\xad:\xd0\xd7Y"\\7\x93\x01R\xad\xc7\x92\xd9\xab\xdeUH\xed\x95\xbf\xf2`\xdf\xaf`;\x1c\xa7\xdf\xb15b\x91\xab^\'\xd8\xea\x1a$\xb9\xfb\xd7\xc7o\xeb\x05\xa9^\x9c\xd4&lt;\xa9\xeauPyP\xa6m;~\x17^\xf0\x95\xcb\xee\x1e\xe6\xac\xfc8\xaf(\x9a\x84\xa9{\xba\xf9\xba\xddz,\x96L\x15\xf9\xee?\x08\xb480 ~\xab\xa6\x92\xeb\xeba\xfc({\xb5s\xd1\xd6C@\xe5\xaf=\xd8w\xb9\x19\xb4R\x0c\xcd45\xac\x86\xa6\t[]4\x83,\xff\xf8\xee\xad"\xf6\xfe\xe3\'\xfb\xcd\xfa*\x99j\xb55Pe\n\x99@`\xd84m\x1d\x1ba\xab`9\xd8|\x90_X\xe8\x1b\x1b\x02\x16\x16*\x17_N\x8c\xc5b\xac\xaa+++P\xa8R\xe5\xb5\x89\xa9dr:\x16\x0b\x87\x89\xf5\x91\x87\xf5\xde\xd9\xf1\xfc\xd8\xb5\x07G\xb2\x17#\xe8Z\xa6iZ\x16j\xb5\x1d\xa8\xbd\x91\x0c\x8a\xed\xbd|\xd1)\x15\xef\xfc\xf8\xbb\x97-u\x9fP\xa0*=z\xb4\x86\xc7!\xf4\xc02\x87\x1d\xbf\xec\x05\xae\xa3K}\x9f\x8d,\xe4\xfb\x89\x05\x0fu\xcf\xa4\x00\x05\xb5fD" }\xfc\xe5\xc7\x95J*\x95\x9d\xcef\xa7\xf9\xde\xf9,\xac\xd5\x83\x1a?yv2\x7f\xef\xcegG\xd4J\xa8\x94\xa8\x0e\xb1,]\xd3u\xb2\xd9\x1a]V X\xbd\xd6j=\x11\x83I\x00[n\xab\x01&amp;P!\x84Be\xd9\x01\xdb\xd4\xcda\xdd\xc0V\xb0C\xd0p_A\x94\x91\xfcP\xff\xe4\x10\x07\xe1\xee\x81d,\xa6N\x9aY\x00\x00\x06\x94IDAT\x16\n\xc5\x98o\x97\x96\x96P,\x92I0\xc9\x9a\x86X\xd3\xd3(\x0fR\xb6\xceN\x0e\xe5\xef\xac|\xaf\x95_\x89\x9a\xa6\x8e\xe6\x01\xb14\xde5H@\xc9\n\x85z\xa1\xd1j\xb5^b\xa6\x86\xd7\x9f\xb4\x14Uma\x98\xc5B\x16\xae\x152\x99\x1a\xe5\x05\x96n\x0fG\xfd\xb2\xd0Z\xf7oV\xab\x9f,\xe4\xa5\x06p\xb8\x99I\x86C\xa10\xf5\x9a\x19\xb8\xc4.\t\x9e\xec4\x17b\x18\x9e\xe6[;y\xa1\xe9\xf8\xf8P\xfe\x1a\xb4RT\x9a\x1dT\x8e\x8e\x15\x05\x8c\xadi^w\xb3\xa2x\xbe\x1a\x1c\x96i\xa8\xaa\x9a\xde\x7f\xd2u\x9d\x01T\xd3\xaa\xda\xa8q\xca.\xd1X\x99L\x80T\xf60\xb9L\xa3\xcd\x15tO*\x95_}\x82\x82\x99\x97\xeb\xda\xf8\x96\x836\x17\xc1\xf8\xa29\x80&lt;c\t\x16\xac\x85\xf5\x93q\x88\x05*\x9a\xc1G_9:\xb6\xd5\x11:\x04\x10P\xb8K$)X$\x13\x05\x96\xdaju\xbd8L\xa7U\xfcS\x9b\x94\xab\xb0\xfbh\x13bE\x98\xbeH\x16S_\xd6\xcd\xe5\xa0"X&gt;\x9f\xfaj\xbd\xf2\xeb\x11$$\x06tb\xcd$\x11\xc5Ph=\x89\xf0\xe1\x16\xf3\x9c\x1e\x0e\x87\xdaXK\x9c\xb7z\xc6\xf3\xf9{Gm[A+\x03\xbe\xd2-\xdd\x16\xb1:h\x82\xc5\x9b\x83\xc7\x81\xab\xab\x95&amp;\x93\xaa*\xcd\x86\x1d\xc8x!\xcc@\xa9\x80\xad\xe1\xa8\xa2\xc02\xe3\x84"\x99\xdb\xba_A\x18\xc7\xc6\xc6\xfa\xbc\xb1\x05\xb9\x18\xca\xe5(XL\x8c\x16\n\x13\xb3Cuu\t\x8bX\xf7\xf6\x0cF\x90\r\xc3o,\xe3,C\x98\xc8\xe38\x84\xa2\xe5#\x91@\r\x95\xacI*U\x01\x96*j\xa5\x9b\x8dF\xa0\xb4\x8b\x10\x92\xda\xe6oj\xe6r&lt;\x1e_6u\x83X.4S\xf6?\xa8\xf0\xf4\x82\xefj\x06U\xaa\x8d\x15b\xf1l\x7f\x19\xf2\xc4B6B\xad%\x94\xb2\xbe1PyE\x94T\xcc"8\x8b\xb1\x8b\n\x92\x84\x0fP\xd0\xc1\x8e\x1c\xec\x81\x89XiQ\x0b\x1fZ\r;\x83\xf6\x0c*&lt;\x82wh\xac\xe3\x97\x19FC\xac\xaa\xb8\xae\xff\xe4\xab\x95\x95E\xf9\x9b\xb7\xc4\x10\xeax,\xa8\x9e\x12P\x89!\xd9\xb2\xd9\x99\x99\x99*F\x8c\x11P\xb9\x1e\x95\xdf5t\x9c\xf9\xe8\xac\x0b\xbapY\xd6\x1b(|\xfd\xec\xccS\x86Nq\xbb\xd2\x9eZi\xa8\x15\xd8|\xb4I[1a\xc9\x85\xd0c\x07`\xd9\xc8\xc6 \xb9\xfc\xae{T]\xe4B\x93f\x99\xe7\xdbF\x12\xb9\x9c\x08\x84\xe2*\x9f\x85t\x1dA\x84\x9a\xc9J\xf1\xb6\xa7\x95\xf4|g\xd9\xf4\xeahG*\x93Tx*\xfc\x8f\x13o&lt;\x9f\x9b;\x10C)]\xaaH%\x96/\xedn\x16\xf0\x08y\xbc\xdd\xc1Z^\x16\xb9\xd0\x17\x83.\xd4\xf2\xb9G\x03#\x8b\x1cM\xb1\x8055\x95\x98\x02Z\xa8\xe3+~\x00k"\xf7U6\x8b\x84\x08\xc7~\xdf\x80V\x84\n\xfa|q\xfa\xca\xb4\xa2\x96d\x1f\x92\xd1\x1e\xe6\xf1C\'\x07\xe7\x1c{\xa0\x9a;H\x93\nX\xb4X\x1a\x1f\x9b\x19PEl\xdd;\x14d\xb0\xa6{ra\x99\x9a\xab\xe0\xac\x00X\xc8\xefch%i\x87\x80\xe5\x12S\xf3S@\xcbI(\xc5\xec\xa0\x9a\xba\xf1\xcb\xd0t6\x06\xd5r\xaf\x9a\xbe\x8eT~\x87\x11\x0c\xd8R\xda-\x96\x08@\xc1\xfe\x10\xcap}\xee\xea\xeb\xb9\xb9\xb6Z\xf0\x96\xab\xb6\xb1\x1a%L\r$\x87\x9cN&lt;\x1aw\x8c\xb8\x05\x7f\xe2\x17\xd9\x84,\x17r\x05Q\xee]\x9f\xb3\xb7TLy\xb6J\x80j\x9e`\x14L\xc8@\x92\xb8\xb1u+\x11\x9eF\x80\xff\x908q}\x9e\xd7\xe9\xf6\xa8\x89B\xa8yL\x16\x9d\x82\xcdQ+\xa0\x94\xdf\xd7&lt;\xfd\x94Ts\xcfY\xdaU\x95X~d\xaf\xa2\xd606D\x18BL\xef\x86\xc3!&gt;\x1e\xd5\xc5d\x81\x80\xb9\xac\xb7\xb9X&amp;\x8c\xbd\xdb\x98\x97aqj\xb5\xb5u\x8bz\x01\x8c\xa1cD\xa7nm\x03+\x1cJL\xfd\xf1\xc4\xf0y\x15\x0f\x9f\x0c\x8b\xbbyTl8\xc3\xf4\x89i\xe1\xf0\x11\x82\xe6\xc1\x99\xb9\xb9\xd9Y`5=\xac4\x8e\x86\xe1t7w\x0b\x91\x0027\x8eA\x19\x93\xb6\x11\x07\x95)i\x12\x89\x98\xcb\xc2U.C/L`F\xe3\x18qL1\x86\xc0\xda\x9a\xbf1\x8fE6\xf94\xbf\xb5=\x9f\xa0n\xf7\xf7\r\x7fG*\xa9\x0c(:(\xa4\xf4\x07\xbe\xc2w\x1a:\xa3c\xe0\xc7\x8dgg\x00E\xac\xd7\xc4J\xab]\x8a\x0fT\x10\xac\xc1\xda`[\x88\x1e\xce\xe1`P`Y^\x07\xcdD"6g\x89(\xc6\x9b2\xfd\x85&gt;\xe4\xec\xdd^a$)\x17\x99\xb6\xbc\x85o\x88\xb55\x95\x0b\xc7n\x1e9\xacw8F\xb0)\x86eR\x1d"\t\x14\xcb\x0f\xfdb\x80\xca\xad=\xa7T\xb3s\xc0\xfa\xb4\x81\xc0\x01\xcb\x08\xb2|\xf9\x11C\x8cXZ\x14\xf5\xd3(\x93\xcb\x88Z\xb6\xd7\xd6\x0b\x11\xfe\x99\x05\x06\x13.y\x16\xd4\x8b\xe6\xd1\xcd\xd8\x97\xb9\xdc\x1b\xae\xed\xedm\x82\x11\xebV.4\xfd\xaa\xe1\x04\x99\x7f\xc0B\xbdr\x84\x8a\xc9m\x9bdB\xff\xa1R\xcc!\x9fA\xb3{Z\xcd\xce\xfen\xcfee\xe8b[P\\\xa5U\x17\xb1\xa8\x95\x8f\xa7\xbc\xc1\xb8\x1e\x88\x14d\x958\xa8\xd2\x9cf\x14X\x0c\xa4t]\xa3yr?\xf7[\x89\x1c\xef\xc4\xda\x06\x95$A\x88R\x05\xa5(\x88\xb9\x0c\xa98\x14J\xd2[\xc3d*J\xf9\xb1\x8d\x03\xb3{P\xc0\x9a\xfbb\xd5\x10,ICEi\xa28\x04,\xee%\xc2\x1bQ;\x82\xd3%Y\x9c\x9fQ\xf3L\xb6H\x83X\x1c\xe4\xd8y]\x80%\xa6\xda\xb6\x9a\x92 \xce\xdf\xa0\xfb?8j\x1a^\xa5\xf2sT\x83V\x98\x8d%\x84\xd8C\x93\x110\xca\xaa\xe0b\x8ak\x1c|\xf1=\x15\xbe8w\x1aw\x89%\rQI7PI-\x83\xd5\x02U\xc6\x88kPj\xb3\xbd\n\x1d\xdb\xeb\xac\xab\xe4\n\xa2\x16IaQZ\'\xf7\x19E\xe6\xa1\x17MR\xbd\xe2\xcc\xee\x9dy\xb1f\x19\x8e#v\x12\xa1LMZO\xd4\xa0\x02H\xf8\xc6\xb3soS\xcd\xfe\xf0\xd40T\xd5m\xf7D\xc4\x10T\xea\xe1\xe1aZ\x85\xad\x02\x19Q\xaa\xe4\x9di\xb0E\xb2\x95\xc1\xf6\xc3V\x9cqd#\xc2\xe1\xf0\xe1\x00\xbb1/\\\t\x11-q\xff\xa4\xa5H\xef\x97\x9d\x19\xa5(\x87&lt;\xa8mIy\xb6&lt;\xa7\xcb\x8a\xd7_\x9f\x9b\x9d}\x1b\xeb\x07\x07\x8e\xa1\xfa\xe3]\xe9C\xe9&lt;\x9b\x05\xdd\xe5\xd3\x1c\xa61\x10\r\xf3\xe4\r\xae\xca\xf0\x94L\xb3\xbc\xd6\xaa\xfdkb\xe0rUL\x0f\x1c\x8f\xc0\xb2\x0e\xac\x1c\xec\xb0_\xa5\xa0\x82^\x1e\xe44\xa0\xa3\xb8@FB\xdc\x0ct\x95p{{\xfb\x11P\xf3\n\xd4\xa6\xe4\x85\x04\x95\x16(\xf1\x82\x8a\xa0\xca\xe60\xb8\xab\x04!\xcc\xf7\xed\xc2L|\xd9\x00\xe8\x0e\xc5\x05\xfe\x84\xd6\xb0\x00\x00\x00\x00IEND\xaeB`\x82'</t>
        </is>
      </c>
      <c r="M407" s="3" t="n">
        <v>45492.67885416667</v>
      </c>
    </row>
    <row r="408">
      <c r="A408" t="n">
        <v>1017827</v>
      </c>
      <c r="B408" t="n">
        <v>1957</v>
      </c>
      <c r="C408" t="inlineStr">
        <is>
          <t>Hugo</t>
        </is>
      </c>
      <c r="D408" t="inlineStr">
        <is>
          <t>Hugo</t>
        </is>
      </c>
      <c r="E408" t="inlineStr">
        <is>
          <t>LE</t>
        </is>
      </c>
      <c r="F408" t="inlineStr">
        <is>
          <t>LAT</t>
        </is>
      </c>
      <c r="G408" t="inlineStr">
        <is>
          <t>LE</t>
        </is>
      </c>
      <c r="H408" t="n">
        <v>179</v>
      </c>
      <c r="I408" t="n">
        <v>46</v>
      </c>
      <c r="J408" s="2" t="n">
        <v>35670</v>
      </c>
      <c r="K408" t="inlineStr">
        <is>
          <t>Left</t>
        </is>
      </c>
      <c r="L4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7fba0a0-c7f3-46fb-8868-3a2a083287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53\x96\x19\x00\x00\x00\tpHYs\x00\x00\x0e\xc4\x00\x00\x0e\xc4\x01\x95+\x0e\x1b\x00\x00\x03\x00PLTE\xff\xff\xff\xee\xee\xed\xf4\xf4\xf3\xfb\xfb\xfa\xfa\xfa\xf8\xeb\xeb\xeb\xf0\xf0\xf0\xfa\xf8\xf6\xf8\xf7\xf5\xff\xff\xfe\xea\xea\xea\xf2\xf1\xf1\xf4\xf3\xf1\xf7\xf6\xf5\xd6\xa0y\'\x1d\x16,!\x18&amp;\x1b\x12!\x19\x12\xf1\xf0\xee\xe3\xb6\x9b\xed\xec\xec\xfe\xfe\xfe,\x1d\x13\xfc\xfc\xfc\xdd\xac\x8b\x1e\x15\x0f\xc4\x94w\xe3\xb5\x978*\x1e\xe2\xaa\x8b@0#\xd2\xa0\x80\xe8\xb4\x90\xd0\x96o\xe2\xaf\x8b\x19\x12\r\xf5\xc0\xa0\xf9\xf9\xfa\xe6\xe6\xe6\xd9\xa9\x8a\xe5\xac\x8d\xcc\x90k\xe1\xb3\x99\xbf\x8fp\xf6\xc5\xa5\xc8\x8fj\xf3\xf1\xef\xe4\xb0\x8d\xe7\xb2\x8d\xf7\xf7\xf72&amp;\x1b&lt;.!\xe0\xb2\x951"\x16\xce\xa4\x8c\xbf\x87f\xe6\xa8\x80\xf9\xc6\xa2\xc8\x99y4(\x1e\xd7\xa1\x7f\xcb\x9f\x88\xd2\xa7\x90\xe1\xe0\xdf\xc4\x8dj\xf9\xf9\xf8\xd8\xa7\x85\xd2\xa4\x8b\xd9\xa4~\xdc\xae\x92\xe4\xe3\xe3\xce\x94k7%\x19\xc1\x96~\xc4\x8ae\xc5\x8fp\xca\x92o\xf0\xbc\xa0\xe0\xae\x8e\xd3\x9dyD5\'\xd0\x9a|\xf1\xb7\x93\xca\x95u\xf0\xb5\x8f\xbf\x88nI8*\xcf\x99u\xe9\xb8\x9c\xd6\xa8\x8d\xda\xab\x8f\xb2{_4+&amp;`A0\xf1\xbc\x9a\xb8\x88k\xdb\x9cy\xdd\xaf\x8e\xe8\xb6\x97\xd1\xa1\x85gG6\xd4\x99q\xd4\xa5\x87\x89_H\xdf\xb1\x91\xd7\x9cu\x97p]\xef\xc1\xa7\xde\xa3}\xed\xb2\x8f\xba\x84e\xdc\xaf\x96-% \xf6\xbe\x97(!\x1c\xbe\x83_\xdc\xa0\x82\x92aJ\xb8\x7f^\xbe\x90x\xdf\xa4\x85\xd7\xac\x93\xf5\xba\x93\xe8\xe8\xe8\xc8\x9b\x82\xd1\x95w\xa5mQ\xda\x9e~\xed\xb4\x94\xe0\xac\x88\xf8\xc2\x9b\xe2\xa7\x86\xe6\xb9\xa0\xd9\x96r\x94iS\xb1\x83j\xc8\x87k\xea\xad\x8d\xb7\x90z\xec\xab\x82\xe6\xad\x9290+\xaa\x82m\xe5\xb2\x91\xb2\x80d\x9bgM\xed\xb8\x97\xb9\x8dpZ&lt;,S7\'\xd7\x98{\xd2\x90s\x83U&gt;M=2H/!zR&gt;\xd7\xa3\x82\xe8\xb1\x94\xef\xb7\x99\xcc\x8fs\xbcnWqI5\xde\xa7\x8bQD&lt;\xdc\xa8\x86\xde\xdd\xdb\xb7\x80i\xabze\xea\xbf\xa7\xe7\xac\x88\xcf\x86r=)\x1c\x9ft\\\xc9\x96\x7f\x81]J\xc5\x7fd\x12\r\t\xef\xb0\x89\xbfwd\xa9w\\\x8cgT\xb1vY\x9ekUB82\xb6x`\xd9\xa2\x88\x9eydzXGrQ@\xa9rX\xeb\xbc\x9f\xaf\x89u\xda\xd6\xd4\xf4\xc1\xa9\xf1\xc6\xb0\xe1\xaa\x92\x9eYQ\xc3\x9b\x85\xcd\x87fxL7m_V\xd3\x9a\x83\x8fWE\xe8\xd3\xc9gRG[H=\xde\x9br\xe3\xa0y\xb7\x88s\xd1\xcb\xc9\xb6\xad\xa7\xb8cI\xdd\x8ez\xa4xa}un\xdd\xc5\xb9\xe7\xc6\xb4\xd4\x8eh\x9b\x80r\xe6\xa0\x8b\xa6\xa0\x9c\x9a\x93\x8e}eY^VQXNG\x8bn`\xde\xcd\xc5\x8e\x86\x7f\xf8\xee\xe9\xae^H\xa5R&lt;\xdf\x97\x85\xed\xe5\xe3\xec\xdc\xd4\xf2\xe1\xd9\xf4\xe8\xe3\xa5\x87z\xfa\xc9\xac\xbb\xb6\xb4\xc9\xc3\xc0ric\xac\x91\x84\x8fvk\xb1mS\xfc\xf3\xef\xd9\xb1\x9e\xc4\xbc\xb8\xf4\xcf\xbb\xf8\xdb\xce\xe3\xc1\xad\xc7\xa3\x95\xdc\xb7\xa6\xb4\xa3\x9b\xba\x99\x8a\xcf\xb3\xa8"\x96\'\xdc\x00\x00 \x00IDATx\xda\xcc\x98\xddOSy\x1a\xc7\x15\x9c\xcd\x8e\xee\xeeyY\xe6\xb4V\x0eg!%k\x01\x8dx\x0eg\x9d\xc9\xd1\x1d\xc8D,\x8b\xba\xb5\x03]\x85\xb6\x98\x02\x12Q\x98cW\x04\xdf\x1b\x19eq\xa9/\x0cll\xb1\x18\xe8jb:\x12\'\xb8v\x11eH\xb8\x90I\xe8\x8cp\xd1\x8b\t\x85\x92\xde#{1\\L\xb2\xd9\xef\xef\xd4\xc9\xfe\x03\x07\x9d\'\x81\xbe%\x9c\x0f\xdf\xe7\xfb\xfb&gt;\xcf\xe9\xbauz\x15\xf7\xa6\xd6\xfd\x8c\x8a\xe3\x8c\xdc\xff\xebg\x03\xa5U\xe6\xa6\xf3\xe7\x7f]\x06\xbeu\xef\x9e\x8c@d\xfe\xf2\xfc\xec\\"\x91\x8aOO\xc7S\xf3\xcb\x93\x9b\xca\xb8w\xad\x91q\xc3o\xef\xbf\x9e\x8fO\xc7\x1c6\x81WD\xc9\x16\x08O\xa7\x96\xcf\x1b\xdfU/9\xa3\x11m+\x9f\\ML\x87\x03\x0e\x9b\xc4+\xb2(I\x12/8\x1c\x8edbr}\xa6\x91{\x17R\x95\x95O\xce\xae&amp;\xd22\xd9l\x92(\x8a\xb2\x026^\x12$\x9ew,\xa6V\xa1\xd8:\xeemS}0\x07\'\xc5\x02\x0e\xadl\x92,\x92R$I T\x82`\x93\xc2\xf1\xb9\x8f3\xdf\xea\xb9\xe4\xb8\r\x93\xa9\xb0\xcd\x11p\x08D)\x81\x97$E\x12xQ\x84T\xe4A\x93LQ\xa2+\xf3\xe5o\xd1c\x1c\xb7iu\x05D\x0e\x1b\x8f\xeb;@e\x13@\x02\xc3\x8b\xbc\xc0\xcb\xb4\xac\x10\xe1\x14^\x03\x9b\xcc0\xbe%\xaa\r\xe5\xf33\x0e\x9b\xc3!H\x90\n\x1d\x14\x884\x12/\xd2,\r\xdf\xd34-*ZG\x15&lt;\xf3\xc3\xfd;\xb9\xf7\xdfB*\xfc\xeau&lt;\x80\x06B*G\x00O\xc0\xa5\xd00\x15O\xb3,\xad\x18(\xda@\x8b&lt;OS\x0cC\x81\x90b\x94\xc5\xe5\x8c\xb5&gt;\x94\x9cq\xd3lb\xd1\x1f\r\x04\x04\x9a\x96@\x84\xe2)FF\xcb"\xe0\xa2E\x03C1,C3\xac\xc9db)\x02F\xd3\xe1\xe5\x9dk\xcb\xc5\x19\xcb\x13I\xbf"\xc1U\xb4\x88\x0e\xa2\x7f&lt;m\x02\r\xcdK2\xcd\x9a\x0c4$bM\x94\x084\x86z#\x98\xaa.\xce\xad_K\xe3\x83*\x15\x85\x8d\x04I\xa5\x15\x1e\x19%\x08\n\x05*\x08\'X\x19\x13+JP\xcb@\x1b\x0ctZ\'\x8a\xd5\xb8Dg2\xb1i\xed\xb88\xe3\xc7\xa9\xa8\xaa@%\x9e\x0f8\xe0q\xc9&amp;\x11YhQ\xe2e\xf6\xb1\x99\x16\x04\x19\xaf\x14\x18\nB\xb1(\xd2G\x10*B\xf2u\xe6Zaqe\xb3q\xbfW\xf5\x93\xd6\xd9\x02\x02\xc2A\x0bw\xd9\n(\x9a2?f\x9d\xbc(\xc3\xe2&lt;Ex\xccf\x98\x0bT,\xa5R\x94\xe8\\\x99\\\xab\x9c\xd8\xb9\x9a\xf4R\xaa\xd3\x89\xc8\x04\x13O\xac\x85@GY)Z\xa4L&amp;\x11\x99%\xa2e\xb4&amp;\x95\t\\D/\x13\xeb\xa5L\x0c\xedL\xad\xe7\xd6\xa6\x83\x93I\xaf\xd7\xebt:5*\x81\xc0\t\xbcA\x96$\x99\x91#V\x86\xa5H\xb8\x8b\x0c\xc3\x18 \x91\xd9l&amp;`f\x93&amp;\x99\xc9L\xd1\xe1\xd55\xd9v\xb8\x8c\x84\xd3\x89\x16\xfa\x89Z\x88u\xab5\xa2Y\x891\x18\x0cV\xe8\x84h\x07\xab\x0c\xe33\xa6\xc7\x8f\x1f\x83\xc8\xac=\x80\x8c\xf2\xe2\xc7\x19\xff\xfd\x1a\xa4\x04\xc7\x95/\xaa\xaa\xea\xf4;q\xfe0\x90\xadVA\x88\xc8,\x98dL\xc2\x88,\xcb$D\xe12X\x9ct\xced&amp;b\xa5\x8b\xf5z)\xca\x1b].3\xaeA\x0fg\xc3^\xaf\xeaT\xbd$\xd0\xadH-\xc1*[y\x9b\x10\xb1Fl\xa02 \xb9"B\x7f\xd0Jl\x05,\x92\x13\xe9\xd3\x88\x86\xb2\xaa\xea\xf5*\xa9_\xe8\xaf\x961s\xde\x0f,\xfcuLd\x99Rl&lt;i\x9e\xcd\x01\xd9 \x91l\x95%!\x12\xec\xefG[!\x14\x0e \x83\x19D\x93H\xa5\t\x19\xe5T)uqR\xf7\xec\xc2\xd2\x10G+XVu\xe2\xb0\xd1&lt;\xd2\x93ArF"PL\x86\xbdd\x9cG\x1e]e\x0c\xa2\xc1d"~\xc3\xa7\x8c\x89L!\x92\x128\xc0^t\xd1\xa8?\xd6\xeb$\x0b\x0f\x9b\xbc4f\xb1U\xb0\x1aX\x02c\x95\xc9\xf5qq\x06\xac\xb2\x01\xd9\xca\x13\x19\xe14\xbc\xad\x85\xa9\x16\x11D.\xbf\xeaO\xec\xd4\xbf\x89\xf3Qr\xc0p\t\xc0\xf0V\x14\x0c\x15\x81\xb3\x08\x02C\x04"\x962\x9bd\xf2\x8eAS\x8b\xc5\x00 \xf6\xd2b\xc2\xeb\xf4\xfbW\xcau\xef\xa2q\xde\x9f&gt;\xf6\xac\x01\xc9\x10\x0c\xf6\xf7\xb9\x1a\\.W_\xac\xcf\x11\x8c\x18HG\xb5\x98"\x9fj\xa8i4\r\x0f\xff\x0cTC\x0e\x87\x97\xf5\xc6\xe2\xcaR*\xe9\xa1\x99\x95\x81\xe4j\x18\x1aoz\xd2\xdc\xfcd\xa9\xf9\xd9\xd2\xf8sW0bMcX#AG\x9f\xab?\x18\x0cF@G\n\x80\x94\x96\\\xaa\xdf\x19M\xe8n\xae\xcc\x84\xdfL\xc2Q\xeeo\x18oj\xba\xf6em]u]{{{\xc5\x85\x8a\x1b\xcdO\x9e7\x00E\x08:\\\r\xe3O@{md`\xc8\xd5\xd7\xdf\xdf\x9f\xa6S(\xb3\xc9\xcb\xb2N\xa7\x7fe\xa3\xberq\xdc{q\x95X\xcb\x10\x18i\xee\xea\xaa\xab\xae\xfc\xf4\xd0\xee\xdd\xbb\xc7\xb6n\xde{\xe4\x93G\xed]\xcf\x9a\x9f\x8c\xcf&lt;\x1fi\xbe\xf1\xeaz\xfb\xa3-\xd5\xb7F\x9f\xb65\xdd\x19\x00\x1c\xc8H\xc4\x92|\xc5\x80X\x9c\xd5\xb9\x8bes\xc4\xf1f\xca6\xfe\xecz\xc5\xa3C\xbf\xbb{\xb7#\'\'\xc7\x12\xf2d\x97\xd4\x1c;V\x7f\x81\x905wm\xb9P__?\xf6\xcd\xa1O+w\xb5\xd6\xbe\xb8t\xbb\xadi\xa0\xa1\xaf\x1f\xb9\x0b\xbdX\xaf\xfe\xe6\xe2\xeeO\x8b\xac\xd9\xc4H\r\xcf*\xfe\xb0\xa7~l\x980\xdd\x0c\x85&lt;\x87\x0f{J\xf6\xee\xad9R\xff\xa8\xfdU\xfb\x85\xbbc[k\xb6\x0e\x8f\x01\xec\xe2\xbd\xed\xbb\xce\xfc\xeb\xc5\xa5\xb6;/]\xfd\x11\x912\x9b)\x8c\x88\xe8\xbc\xae[\x17g\\\x0e(\xd8\x9c\x94\xc0\xc8\xab=g\x8fl\xdd\x0c(\x8b\x06E\xaa\xb0\xb0\xb0djx\x0c\xb0\xc3\xc3\x07\xa7\xa66\x0f\x0fw\x9c\xbe|\xf9b\xc1\xdf\xfeZ;z\xe9v\xd3\x80+h\xa5qV\x80\xe5Oe\xe8\x8a\xb5s&gt;*a}\x10bK\xed\x7f\xfcl/\x81*\xce\xf5\xf5\xf6\xba\'&amp;\x80\xe5\xc9\xca\xca*\xec\x99\x9a\x9a\x82\x84S9\xe4\xb7\x06\xd6X\xf0\xa7\xd63\xb5/\x9e\xb6=\xef\x93\xc8~\x8fA\xef\x8f\x7f\xa0\xe7\xbd\x19W6\x17\xf6\xfb\x15\xa7m\xa6\xb9\xe2lI\xc9M\xcb\x8e\x1d\xc5\xbe\xdeA\xf7\x84{\xe2\xc0\x84\xa6X(\xd4\x83\x02\x94\xc5b9H\xb0:N\x1f\xbd\xb8\xbd\x14\x16\x1b\xbd\xd46\xe4\x10\x19`aY\x8b\xbf\xa7+\x96\xf1u\x12\x8b\x96?@\xb0\n=7w\x14w\x03\xcb\xed\x1e&lt;@j\x82h\xe6\t\x85B7{,\x96)\xcbA\x8b%\x87`]&gt;\x9eW\x00\xae\xd6\xda\xa7\xe3}"\xb6{\x15\xabm\\\xd7\x84\xd0\xb0\x9cj\x94`\xd5\x00\xab8\xb7\x98\xa8\x85\x02\xd5 \x01\xd3\xb8\x08V\x8eV\xa0"X\xfb\xa1\xd7\xae\xd6\xd1&amp;\x97\x84\x1b5\x95e\xbd+\xe5\xba\x06*7\xbb\x98\xc6Z\xba~\xa4\xe4fnnKq\x8b\xcf\xde\x8br\xbf\xa9\xde^\x8f/\xd4\x03\xa8\xce\xce\x8e\x93\xa8\xa3G\x8f\x1f?\xde\xb8o{iu5\xc1\x12p7\x84D\xf5\xea\xbb\xdb`\x8f\x9fF\x0f\xfd\xd1\xd8\xc2\xf5\x9al\x0f\xb0ZZ\xaa\xecv\xf7\xa9+\xa8S(\xbb\xdd\xeeki\xe9\xee~\xf8\xf0\xc3\x0f\xc1\xf4\xed\xb7W\xaf666\xe6\x15l\x07W\xeb\xe8\x88\xcb\xa6h\xf7\xfd\x04K\xd7\x90\xbf\xbf\x02,\x98k\x01jy@PUUe?wJ\xc3"`\xe7\xec\xf6*\x82\xa5q}G\xa8\x80\x95\xb7\x8f`\x95\xee\x02\x96C"_\x94`\x13\x9c\xd5wRC-rs\x01\xacc%\x9e\\Bu.M\xf5\x11\x8ap\x9d\xb3W\xa5\xeb\xab\xbfk\\\x8d\x8dW\xf3\xf2\xd2X\xb5M\xb1\x80\x8dW\x14\x91\xd6{A\xe5\xca\xe3Q\x94?\xbc\xf0\xf5\'D\xad4V\x1a\nXW \x17\x9ajw\xbb\xf1H\xb8\xbe;z\x1cj\xe5\x15\x14\x10\xac[\xd7\x1a\x02\xe4&amp;\\\xa1\xd5\xe9\xfb\xfaZ&gt;#\x11\x8eF\x03\xd1\xf0\xc2\xf5\xb3\xd9\xd9\xb9?i\xf5\x06*\xddE\xfb9\xb7;\xdf\xed\xb6\xb7|\x85N\x9e$\\\xfb\x08Vei\xeb\x97\xcf\xc3\xda\x97\xbe\x8a\x12\xdf\xa8\xefjc\x9cKF\xa3\xe1@liO!\xb0|U?I\xb5\xed\xa3m\xdb\xf2\xdd\x83\xa0!Z\x1d\xc8?\xe0\xee\xf5\xb5\xc0a\x9d\x84\x8bt\xb1\xb2\xb2\xb4\xf4\xd6H,\x16\x0b\x07lN\xac\xcd\xba~\x03\xc7!!\xa2\x81pl\xfa\xeb\xb3Y\xd9\xd9\x9e^;N\xdf\x95\xfc\xfc\xfcm\xdbN\x9c808\xe8#\x11f\'\x01\xe6\xc6\x0b`uv\x9e&lt;I\xb0\xf6\xef\x07VQ]\xf3\xf8\xcc\x0c\xe1\xd2yT\x93\xa38\x1d\x08$g\xbe\xff\xf13`\x1d\x9e\x80\x89N\xb9\x11\xa5\'NLLx0w0\x1f}&gt;_\xaf\x07\x15\nY\x1ej\xe1\xf5\x1bp\x11\xac\xca"p\x8d\xcc\x10\xbd\xc2\xf3z\xaf\x81\x1bW\xc2\xe1\x99\x85\xff\xfe\x80\xb1\x8cD\xf7\xe5\x16\xe7\x02!\x1bD\x162\xb8{0z\xba\xbbCZ\xa0\xe6\x0c\xffs\xec\xf2\xee?_\xcc#!_]\x84\xda\xb2\xe5\x8bg\x0b\x90+\xac?\xd6\xfa8\xb0\xbe\xff\xb10+\xeb\xf3\xcf7\xff\xa5\xb2\xf5\x0c.\xf8E\xdd\x83\x07E\xf7\x0e]\x1e\xce\xb1\xf4\x80\x0ct\xc3\xa7\xffQY]\xfd\xa0\xebV\xed\x8b\xdbm\xb7/=\xbd\xfd\xb4\xab\xa8\xa8\xb2hK\xfb\xab%\xb41\x96\x9c{_g\xac\x8cT29\xfd\x9f\x1f\nAUS\xa7\xad\xc4/_\x0e\r\r\r4]\x1b\xad\xfe\xa6\x03\x82Y\xba;;\x86w\xdf\xfb7\x16\xbf\x06\xdc\x82\xe0\xb6h\xe0\xce\xc0\x9d;\xd7\xba4\xb9*n,\xcc\xcc$\x17\xf5\xdeN\xb9\xb2\xf9\xc5\xff\xb1f\xfe?i\xe7w\x1c\xbf\xa4\x979\x92\xa5?,\xc4\xb9`\xackBr\x15\xbd\xe5~\xe8\x10Ma\x17\x99\xd9\xa1e\r\xd6O\xab\xb0SS\xac\xe6Dd\x0e\x114\x80\xa4~\xe3\x8bg\xd0\xde\x01wZ@\xb7\x80:)\x11\x85\xe1Ud\xc2@\xb1V\xdaSwE2\x137\xd1\xb4\x95k\xfd\xb2\xe9m\xb9\xdb\xeb\x8d\xd7\xfd\x03\xfd\xbc\x13L\x94\x1f|\xe4\xf9z}\x9e\xef\xd7\xf3\xf5Y\xd9\xfe\x0f\xa2":\xec=33h\x1c\xfe\x04B\xd9P\xbdd\xba\xd4\xd0"\xcb\xea\xd3\xc8`\xf6\xcb\xf7-/\xa6\xd2\xc5\xa7\x1f\x8e\xdc\x97\xccH$\xf5\x88\x0b\xb0\xfc\xdbK++K/\xf1Nd\x19_.-\x1d2P\r\xb9\x0e\xa8\x89\xbf\xb7\x7f\xa3a\xa6\x1e2\x90\xd2\xe7n\xcaQt\xc8\xeeid\x1f)\xd4M^\xa8\x9e\tt\xbc\xdf3i\xef\xed\xb5\xdb\'\x1b\xecR)`\xb1\x0e\xb7\xb6\x96^=\xc1=\xbf\xfe\xfb\xd5\xd6~\x1bPQ\xf8t*\x9d\xeep\xc8\x81\x0e\xab\xd6\xf3x&lt;\xb7\xd7i1d\xa9\x84\xb4\x8fr\xc4^/\xfc\x81g\xb7\xeb\xabA"\x92\x83D\x92\xf6\xf7?FjI\xbf\xd8\xda\xde\xfa\x1b\xfe\xcb\x91\x97\x87\xdb\x07"\xa8a1\x93I\xa5G\xd0?\x94\xde\xad\xd6O\xfb\xdc\xbcV^+\xa6\xc8\x1a\x1c\xd4\xad\x96\xb4\xba\xd1\xafz}/\x84\xb6\xbb@SX(gi\xfdwIR\x16\xab\x7f{{\xfb\x9f\xbf\xc4=V\xbf\xdc\xdc\xfc\x16\xb0\x88\xc5\x0c&amp;\xdd\x81\xe97&amp;g \xa4\xd6\xd6..{\x00\xc3f\x19\'\x17L\xad:\xdd&gt;\x1e\xcf#\xb9\xff`ne\xee\xc1L\xcf\xa4&gt;\x97T(\x0f\xb1\xa0\x88\xd0\\\x87\xdb\x87\x7f\xff\x01\xceX\x84\xb7\x9e\xec#,\xa2\xa8\xb8\x8d)\x87G\xf1\xfe\xdc\xa77&gt;\xfe\xc9\x07\x8fjk\x87&lt;\xd5\xd56\xcbTAA{T\xacT\xda\xa7MsK+\x9f\xfd\xf9\xc7\xbf\xb8Q;W\xaf\xac&amp;\xc9\xe9rD\xc5\xf2o\x1e\x1e\xe2l\xf2o\x11\x08\x84\'\xfb\xfbtQWW\xa6\xa8\x8d\xe9\xd0KFj\x97n\\\xf8\xed\xefo\xbc:\x9c\x1bY\xae\x966\x19\xca\x01K\x17V\x0eLK\x86\x0e\x0f\x0e?\xfb\xf8w\x17\xfe\xb0\xf4\xc9\x87\xf5z\x90\xab\x90\x84\xb8\xb4\x9b\x9b\x9b_\xa2\xb7x\x04\x02\x9eX\x7f98`P*\xc0\xe4EL\x07\xaf\xe7\xc1\x83\xc3\x95?}p\xe1\xd1\xe6f\x8f\xc7\xc3\xcb\xc5:\xdb\x11VL90`\x92\xec\x7f{\xf0\xe8\xf3\x1b\x8f\xb6\xb6\x87\x16M\x93\xb9\x85\xa9\x03X\xfb\x9b\xfb_\xa7gd\xbc\x9d\x81\xdbmMH;\xde\xf9\xc7\x81\xb6\x92\xd2E\xa9\xa8\xb8\\\xe9\xc8\xd5j\x1b\x1a\xb6\xe7jk\x1f4\xf4xl6,\xdf(\xbc\x93\xc2r\x0f\x0c\x0c\xf86\xec~\xf8nn\x06\x80\x95\xd3\xb6\xdc\xebp\x00K\xba\x0fj\xfd\xfc\xd9w\xdf}\xb5\x83\x0f\x17!\xe3\xf84\x99\x97\xa9\xd5\xb6Q\xba |\xdd\xfai\x1d\x9fJ\xd5\xf6\xf7\xdb\x1b\x1a&lt;\x1e\x9f\xbd:\x17+\xcdb\xe7%\x93\xed\xb4X\xabR\xa9\xc7l6\x1b\xd8\xd5\xe4\xe4F\xaf\xad\xa9:?\xbf\xf4&amp;p\xa5\x9a\xeb\x8b~\x96\xde\xed\xb4&lt;M\xc3\xe5\x19\xdc9\r\xc0|UE\xd7\x16\x13\xbb\xc6\x04\xe4\xaa\x9f\xfd\x86\xcbe\xca\x1d\xd2\xc7\xbd\xbd\x8f\xe1`\x98\xba\xa3B\xb0\x90L6\xebbN\xb7\x92\x87aR\x12\\\x8c\x18\x96\x8ba0?\xbc\x7f\xf5&amp;p\xa1Gq\xd3\xee&gt;\xb2:\x8d\x86o\x8e\xf1\xe8\xaa\xe3\xbe\xf0\xc4\xfa\xb8j\x9e\x11\x02\x7f\x18#\x93\xef4\x0f\xde\xba\xcce\xd2\xe5t\xba\xdc\xe1pHI\x16\xc5=\x81`!\xaf\xe0\x8e\xae[-v\xf30\x92\xc3\x11\xe1p@\xa2\xd2\xd2\xebW\xaf_\x05\xac\x9b\x85\x85,\x87\xbf?\xb7\xc4\x196\xaa]\xea\x87\x19o\\\xc5t\xc2\x8b\xf5\x89\x89\tC\x90\xd8\x16*Fb\x01\x17\xb9\xaa"\xb3\xb8\x92\xd1\x06\x0e\x06v\xcf1d\xcd\x0b\x16\xc8\xe4\x82\xe6\xa9U\xb5Z,\xc6\x1c\x11t8\x1c\x07\xa0)`\xbeQ \xacB\x96\xdf_h1\x1a\xc2V\xeb\xda\xec\xce\x9bc\xa5\x9f\xae\xc3\x89pE\\\xfa\x19\x16\xcc\xc9dvE&amp;E$\xe2V2\xf9\xfcHG\xe7-\xc1\xc2\x02\x1baE\x8d9%%9\x9c\xc8\xec\xec\xec\xf0\x95l\x8e\xe2\xba\xc2`\xb8\xa6\xb8\xa6\xe0p8r\xb9V\x9b\xcd1(\x10\xd6\xc4s\xbc\xb0\x82A.\x97ZI\x1c\x1b\x13\xe4\xc1!#\xb0\x8a{\xc1\xe0\xe8(\xc4h\x8d\x19\x89EN\xde\x99\xd2u\xe7\x84\xc3\xb1\xdb\x1d\xc3\xa3\xa9\x9d\x8d\xc1\xd0\xd1\xd2\xd1a\xb8\x06T\xd9t:K\xce\xcf\xb6\xa8SX\xcf\xde\xd8\xbb\x10\xd6\xde\xdez\x90B\xe1\xf2\xf9 W\x00a\xa1\\\xc16\x0f\xc2H*\xd4\xe84*3{\x81\\U\x90$O\xe9j\x10VwM\x87L&amp;\xeb\x04\xae\x96\xd4.\xa2\xe3Z6\x9fO\xa7\x87B|\x85K\x9dc]\x03\xb5\xde\xd8"\x08\x84\x17{{\xf1uJ\x171\xe2\xe0s\x89c\x81\x80\x00\xa9\x95\x07\xf2T\xa5bay9\xc2\x02\xb9\x92\xe4r]G\x8e3\x1c[]\x8d6\xca:/\x81\x8e\x9d\x80\'k\x81z\xa2\xa9#$\xe7\xbc\xab\xce\xc9Y\xc3\x07+=\xado/\xbe\x17\xa4\x04\x15\x1cz%\xc2\n,\xe4\xe5\xa1\xa2\xc1Ai\xba\xbdL\xa8\x02,\x10\xcc,\x8c\xb7(@\xad\xd5h4J\xa3\x8d\x8fk.]Bd-EuL4u\x84HG.\xa3%g-\xb1fx\xf1\xe6\x86J\xc8\x18[\x8f\xefQ\x82\xc1Y\x11\x9d\x7f\x19\xa9\x15X@\xe2\x90\x0b\x90W47W\x95\x01U \xc0^`\xc3 8\x1b\xe9\xee\x8eu\x03\x14M\xa7\xa3\x8d\xa3\xb5\xd2\xa8lx\xb6\xb2\x92\xc1d\xd0C\xd8n\xc2\xa96Zw\xd7Di8\x141-\xb0\xbe\x17\xec\xa2\x8c\x06\xc7\xa8rn\x174\xbd\x00\xb9\x14j|\x08\xd4PJ\xa4U`\x0c2P\x96\x0c|\xc1\x10\xed\x8eE\x01\n\xb0t\xe3\xe3(\x06\r\x17\xbd\x03\\\x80\xe5H$\xac\xce\x98u\xd7\xfa\x14\x8f\xdb\'\xe3y|\xbdo\xacb\x94\xf8\x94\x11\x82[\xb1+\xc5\x95j\xfc\x02\x10\x8c\xac\xbag\xbe\xd5\x17\x1c\x9dmii\x89\\wp8\x86\xeep7mjj\n\xb8h\x88\xeb\x8fEE\x88\x8a\x1a\n1\x8fv\x13V\xc0\x9ax\x81\xc3\x10\x016\xcf^\xbf4\xdf\x17\xefz\xda\xc6b"\xa3\x87 }\x86\x95\x07Xe\x9a\xf1\x16\xa3\x8bg\xc3H\xd7-\x18\xcf\xe7q;\x8d\xe1X\n\x0b\nI\xeb\x04\xb5\xbe\xc7\xd2\xb2\xea\xbc\xbb\x89\xb5\xb05\xf1\xafs\xb8\xdc\xd4\xe7N\xe2qv_\x9c\xd2\xd5\xc6\xa2\xb7\x9d\xc9\xf5\x9a\xaa\xca\xac\xd1h\x0c\xce\xddE\x93d\xba\x1as/\x8f|&gt;r\xa4v\x86\xa3S\xe5).Zg\'P\xbdSW\xc9\xa0\xd2\xb5r\x8e5\xb1\xbb\x16^\xb3&gt;\xc4g\xaaI\xdf\x11\xc4\xd9\x9ax\x9c\x82\xb0\xce\xe4JY*|\xccBa\xb9\xd0\xe0ty\xedv\xbbM\xcfs+\x97\xffju\xb9bQaj\x9f\x04X\xf0\x1c\xce\xd6\xd5\xa1\x1a\xfa\x1d\xd8\x11`9\x13\x13;\xf8\x0c\x82\x84\xb4S\x8d\xd9\x1c\x97\x05E\xac\x10#\x85\x95\xf2.\xe4\\*aY{Y\xd4\xe9\x92&gt;\x06,\x9b\x8fg\xf3\xa2!\xa1\x9b\x06\xb0gX\x8d\xc3EEuuT*`\xd9\x80j\xd7\xea\\\xfb\xef9\x9c\xc6\xc0\x8c\x9d\x05\r[\xa5R\x8d\xb2X\xcc\xe2\xff\xab\x05\xc7\x0cT\xcd\xed\xe3F\xcc\xde#\x91\xd8\xf5\x03\x1e\x9f\xdb\xebu\xa9ktSB\xe1\x14\r\xadQ\x1b\xaf\x0c\x0f\xf3\x99\x80\xa5\xb5\'\x80*\xe1\xb2\xba\x9e\xe1\x153\x08\xe7N5\x1av\x1e\x99\xc2\xd22\xa0\xb9R\x8f"\x99\xccFK-0\xaev\x9a\xda\'\x19Z\xac\xdf\xd8\xa87\x99\x96=^gN\xcd\xf7-\x0fX\xe7\xcfggg\xa7\xb0\xa6\x8f\xac\xc0\xe4\\\x8b\x1c\xe36\xcc\x13\x8e\x93Bv 0\x16\xd22\x8a!\xef\x0b\x04\xf3ylv\x95\xb9\x0cmu\xdbu\xabn\x89\tb4`\r\x8d\x8c,\x0ex\xd5\x17\xa3`[\xe3gT\x08\x0b\x86Y\xba\xbfWmQ8\xad\t\xebWo\xe3\x96~@\xaed\x12\xae\x1d\xaa\x9f*\xbaL\xec\x9a\x07\x8b`\x9bST\xe5\xbahL\xac\\FX\x93\xa0\xd6\xe2\xc8\xe2\xe2\xb2\xb2\xa4;\xe5\xf25\x8d\x8d\x1d\xe7\xaf\xa5\xb0\x18\xa1\xfe\xa6R\xc0J$\x1c/\xf0\xdb\x07\x12\x08;\'\xc9\x93\x93@[\x7fHD\xa1\x10a\xa0\x9f\x1fT\xa9\xca\xca\xcai\xab1\xf1Q\xabR\xb2l\xaa\x87@\xd1\xb3&lt;d2-.\x9a\x94\xe2\xdb\xd1Tc\xfd\xea\xca\x95+gj\x01\x96\xdabq\xba&amp;\x1e\xbe\x8dg\x1eK;\r\x9c\x9c\x9cP\xfc!\xd1\xe5Lb\xc5\xfc|\x05z\x85!l\x8c\x89[\x8f\xdcb\xb1\xdb\xed\xc50\xaf\xcd\xc6\xf3\x0cHL\xd0`\xca\xd6\x92\x8b\xe8]F\xe3\x19\x16\x13u&lt;`\xa9\x9d\xeao~\x88\xe7\xee\x94\x90~|\nj\x11\xa5\x80E\xc9$\x9ea\xa9j~-v+\x95\xf9\x16\x85Q\xed\x9c0\x1a\'&amp;\xd4j\xaf\xcf\xe7\x1b\x18P*\x95\xad\x17k^\xab\xc5\x07\xb5\xfc\xd3\xf9\x16\x8bZ=\xfb\x1c\xefX}\xeex\xe7\xf9S\xad\x9f!\xa2dffB\x11\x07\x07\xdf\xbb\xfdn~+\xcffQX\\V8\xf0\xc3\xe5r\xe6\xbf_\x8a5\xf1xnw\xc9m$\xd6\xf0Yk\xd1\xfb\xf5\xa5\x9cHd\x16\xcf\x12\xbe\x06K\xcf\xf8\xd1\xd7\xfbT\x11Pe\xa2\xf5\xa9j\xfc\xe2\xffx9\xbf\xd84\xcf+\x8cw!\xad\xa1\x89}3\x17\x19\xd9\xb2\xfcG\x8aq\x8c\x08 !\xbe\xc8\xb21\x18\xe3\n\x83@\x19\xb2\xa8\xb1&lt;\x8c\x8d\x81\xa0\x0e.\x1cCQ\xc0n\xb4\x06\xbc(\xc2\xb8\xb8P\xcd\x89\xa2Tq\x9cD\x94\xa9\x85F)\xb6\xe7\\,\xab\x16_,\xb1d5\x9b\xa6^l\x91\x9a4\x91\xa6hj\xa6l\xe9\xf6\x9c\x17\x92\xf5\xa2\x9a\xda-\x9f\x1f\x03\xb6\xef~z\xcey\xcf\xf7\x9e\xef;/C\x1c\x17D\xf4f\x7f\xf3\\W7\xae\xa1\x0b\x0br\xc10\x17\x9f\x1b\x18`X^\x83\xd6\x94\xba\xa1\x8d~\xfd\xcf-\x81\xe8\xc5O\xa0\x8a\xc4\xa2\x95o4F5\xcb\xae7\xce\xbe=`\x91\x0f\x85g\x17gn\xdedD\xec\xf3&amp;\xfeY\xdc\x18\xe5\x86\x83\xba6\x1b\xb0\xc8,\xc3\x88\xe6\xd4\xd3{\x0f\xee\xdd;\xb4W\xc4\xcb\\\xacx\xff\xd3o\xa2FuS\x13\xddm&gt;{\xc6f\xe1f\x81q\xed\nv\xfb\xbf\xbb\xf21\xd3\xdf\x08m\x83\xa3\xae\xd5\x86\n\xdf\xd2\x82"o\x88=\xba\xcd\xee\x89\x88x\x9a\xd6\x15l?\xd4\x10VS\xd3\xc4\xc4\xc4\x05[\\\x1e\xfe\xf8\xe3+\xd8\xebC_R;y\x85\xe0\xe8\xfa\xd3\xd6f\xb1U\xab\x83\xd70\x12y\xd4W\xc1\xe2\x87J$\xbe\xfd\x10\x9b\x88\n\xd6\x1b\xd6\x1e[6\x1eG\xd3u\xec\xcbl\x0e\xabp\x9eq\x9d;\x87?su\xb66G\x95\xcak@\x0c\xf7\xf1:\x0e+:\xfe\xa7o\xb4Qu\x13\x19V\xaf\xfe\x14\xed\xd6[\x1f\xbc5\x87\x02qmv\xc673{m\xfe\\.\x9e\x83\xb2\xc7z\xeal\x0c\xcb\x8b\xfdCl\xf3\xb1\x80\xcf\xe1a\x91x/\xa2\xe84\xfa\xfdj$\xbe\xe4\x02z.\xb4\x11\xd9+\xf3\xdc\'&gt;\x8f\xe7\xb3\x99\xd9\xb0%\x1e\'\x03\xe7\xe6zz\xea\x88\nn\x8d\xf4f\x1e\xf5\x89y\x9ei\xbe\xfe\xe8\x86f\xc4i4\x1a\xd5n\x89\xc4\xda\xdc\xfc\x8b\xd3\x9doe\xe3\xf3\xd3\x8b\xe7\xc7\x80u\xed\x1c\xa0\xb2s\xe3\xe3\xe0r\xd8Z\x8etwOz5\xa6\xd4\xd3C/\xbd\xc4/\xd6\xfe\xedM\x93f\x04`NP):;\xb1i\xee\xfc\xf9\xb1\xf8\xb9\xf0\xe2\xcd\x9b\x08bv.;\x0ee\xc7\x81\xe58\xd2\xdd(\xa3[\xcd\xe5\xedZ\x9e\x07\xe6\x1b\xf4\x8f\xcb\x9b\xa6X\x0c)#\x95XO3,\xe2\xca\xe6\xe6\xb9k\xbf\xfam\x0e\xe1\x1b\x9f\xa3\xc7\xfau6\x87\xdd.s%#\x99L\xaa\xfc\xf9^\x11\xdfv]\x7f\x98J\xa5"\x8d\xdd\x93R\xa7\xb5\xb3\xf3\xf4\xcf\xa0\xb7\xdfF\xfb\x93\xc5j\xcc\x9d\x1cg\xcaNM9,f\xbb\xd9\x95LeR\xa9r\xea\xcf\x02\xbe\x8f\x17\x88\xef\xfe\xa3\xbc\x99\xc9d"\xb1I\xa7\xe4\xd3\xe6\xb3\xb4\xbfA\xc3\xff\xd1\xef\xc7\xb3\xb9\xdcI`e\x11\xc5\xa3mmmrnx\xd8\xb5\xb3\x93*\x97\xcb\x91-\x01\xefn=\xf8:\xb5i\xca\xdc\xba\x85m\xbd\xb4\xa7\xf9t+\xb6\xf3?\xfd\xc9G\x87\xe1Q\xee\x0f\xd9\x93\xd9\xf1\xec\xc9\xf1\xec\xd1x\xdca\x97]L\'wv\xf2\x81\xd2\xaaiK\xc0\xfb\xa1\x87\xaf\xbe6\xa5R\xb7"\x19\x93\xc1\xe9\xed9\xa1\xe8Tb7\xf8\xd1\xe17\xc7O\x9e\xcc\xe5\xe2SS\xb9\xb6)\xf6\xd4\xd5n\x91\xb9.\xee\x94S\xf9R&gt;\xf2\xe1n`\x85\x0c)\x1a\xb6C\xdew\xdb\xcf\x9c8q\x19:\x8c4\x9f\x02\xd5\xb9\x83mt;\xd0\xa2\xd3\x99u\xdch:\x99\x0f\xa4\x02\x01Ww\xf7.`\xdd\x0fEc\x81\x00\xd2\xfeT&amp;\xcd9\xeaz\x06\xd0F \xbd\xe3\xf1\xf9y\xbb\x99\xe3\x86\x86\xa69.\x1c\x0c\xa6\x8bW\x8b;\x89r\xb9\x94\x94u7\xf2\x8f%\xb8\x1f2\x8eD\xca\x81r \xb5\xba\x9a6[,\x16\x1d\xf6WA\xf30Ri8\xf8\xc9\xe8\xe8hq4\xbd\xb1Q,&amp;\x12\x81R\xa9T(\x0f\x9b\xed\xfcc\x89\x80\x15rNFh\xe44\xb0\x93\xcc\xd0N\xb4\xe8J_\x94]t\xad\x16\xd3\xc5\xd9\x8d\xd9Y\xec\x99\x17\x17\x17g|\xbe\xc2Za\xad\x94\x1c6[v\xc3\xad\xad\x90\xda92y\xaa\\N\x94J\xf9dz\xe7\xea\xd5|\xba\x98N\xae&amp;\xf3W\xf3\tzj\xee\x9b\xc1U{\xe6\xfd\xe5\xe5\xf5\xb5\xb5\x92\xcb\x8c&lt;k\xe4\xbbn\xe1Z\xbde\xec\x02W\xaf\xe9V`m\xbd\x10\xc8\'|\xbeD"\xb1\x93O\xe4\x13\x85Db\x06.\xa1\xf5Y.\xa0\x91]/\x14\x12i\x9d\x8e#,\xde\xab|\xcd\x16v\xcdN\x83A\x13K\x82\x0b\x86,\xbf\xef+\x80\xccW(,\xaf\xf9|\xe8`?\xfbl}y\xdd3\xe6A?\xeb\xd2q\xd0\xae`\xdd1\xaa\xfd\x12\xa9Ak\x88ER\xa5u\x0ft~}ymy\x19\xbf\xcf\x9f\xa7\xc1\xdc\xb11\x8fgl\xc9S*\']\xba\xa1\xe9inH\xc7?\x96\xa8\xe6\x8eu\xc1*q\x8e\x18\x0c\xbd1S&amp;\xb0N\x14\xc41\xb6\xb4\x84\x97\x87\x86\rh\x0e\xe1|!\x95qq\xdct\x18\xe5B\xd7\xf8y\xcdK\xbb\x80\xa5\xb0JG\x0c\x1a\xad&amp;\x16;U.\xady&lt;K`\x03\xcd\x18^K\xef\xfd\xf2=\x80\x96vV32W0\x1c\x9e\x06\x98yW\xb0\xfcg\x15\xcd\x9fz\xa3Q\xadV\xa3\x89\xdd0m\x06|\xebcKc4A\xbf\xc4\xacZ\xf7\x95\x02.Y\xa3\x0c=dx:\x1c\x0es\xe6n\xbe\xb1D"\xe1\x1d\xff\x82\xa2\xf9\x03\xe9\x08\xfc\xd2\xf4j@\x16I\xe6\x0b\xeb\x9e%6F\xefY^+\xe4i\xd8\xa0\x11^qAf\xd7\x90e7\xb0\x9e,,t6K$\xe0\xd2\xf4\x02\x0b\xa14e\x92\xa8\x13(T\xb4"\x13\xf9\xb4\xcb\x95\x91\xc92A\x82\x02\x16\xa7\xdb\r\xacZ`\xb577KP#\x0cZ\xd8\x85PR\xee\'Ww\xf2P\xb1X\xacP\xc1\xac`x\x14^M\x0f\xc9\xed\xfcc\x89\xf7?YhU\xb67\x9f\x90z\r\x93\x94]\xda^\x92)\x82\xcd\xb1\xcc\x05\xa53\xb2\x0c\x99E\xf9\xce\x12~w\xb0\x0e\x01\x8b\xec\xfa@\xea\x9d\xd4h)\xef)\xc1@\xf6\xa1\x89\xe6\n\x90\xea\x10\xb8\x86\x11D\x14\x08J-\xfe\xb1\xc4\xe2\xbb\x97\x14\x0b\x0b\n\x9a\xa6\x9e\xec\xed\xd5j\r\xda\xa8\x81\x85\xd2`@\xff\x1ckl\xecf\\23\x17\xc4\x1e\x07\\\xdc.a\xbd\xb3\xb0\xd0\xaahoo\x96\xc0.z\\M\x0f\xe5\xb4\xd1P\x14M\x9at\xb2\x85F1h^K\xa6\x83\x86H\xc8\xf8]\xc0z\x00,\x85\xa2\xb3\xbd\xb2\x18\xa3\xd1(\xea=\xa8B]N\xa9S\xeam\xe9\xae\x0e\x89\x98-ry\x05\x0bn\xd9\xff\xf5\x1a\xaf]\xb5X\xa0\xbf_\xbf\xa0T@\xc0\x92H\x9d\xa1\x10l\xd2F\x81\x85\xcd\xa1\xb4\xdf;\xd92I\xad4DX:\x9d|H.\x07\xd6\x8d\xdb&lt;\x1e`\x167\x1cP\xdd{B1T*\x19\x16z\xfe\x10\x81E\x89\xcb\xe8\x04\x96w\xd2\xdb\xd2r\xa4\xe5\x88\xcdn\x01\x97\xe5\xa0\\\xce\xb0N=\x1d\xdc\xcf\xd37W\x88\xc5\x02\x95\xea\xd0\x13\xe9Bk\xab\x12X\xedV\\\xb0\x8djD\xaf\x8b\xc8\x8cN\xc2:\x83f\x9b\xee\x87\xb4t;\xd0):\x1c4=,\x97\xdb\x1d\x99?\xfeu\xe55\x01\x1fg9\x1b`\x95Ju_z\x02X\xad\xadH/`\xb9\xdd\xea\xae\xfa\xfa\xae\x10&lt;3JI#^z\xf0\xe4m\xb19\x1cv\x87\xc3\xd1fy\xfd\xf5\x83r4g\x99/\xb6\xaf\x0f\xeek\xe0#|\xa4\x03w\x06\xda\x89\xaaUIXV\xab_\xad\x06\x16\x1d\xf4qJ\xa5\xfd\xe0rJG\xfa+X\x80\xc2\xab\r~\x1d\xb4\xd8e\x85\xbf\xdc^\x19|\xb1\x87i`\x94@/\x14\xea\xf5*U\xed\x937\x15\x13\x0c\x8b\xd2\xde*\xb1\xaa\xc9\xaezu\x08`\xcc.7\xe8\xfa\xcf0,\x1b&gt;\xa6\xda\x98]\xf6\xc6\xc4\x17\x8fW\xfa:j\xc5/\xd0\' \xa9\xf4B\x95J\xaf\xd2\xef\xbftXY\xc5B\x99 \xb7\xba\xba\xea\xbb\xba\xd4H1\xa3\xd1\xedt\xba)\xed\x9fc\xd9\x8e:\xd8\x01\x03`\x15\x0b\xdb++}\x83?\x16\x08\x1a^\x04\x93\x00\x16\t\x81\xa5\x82Y\xd0\xa1w\x0e\xb7NT\xccR. \x88,\xb7\xd4\xa4\x10~\x8c\x90\xb3\x9f\xdc"(t\xb56:\xf7@\\\x8d\xa3\xbe\xa7+}}++\xc7_\xfe\x91\xaa\xe1\xff\r\x9e@U\xcb\xa8\x84z\xa1~\xef\x81\xff`Q\x08\x95JZ\x8bV\x7f\x13\x1d\x89\xa2\xf5H\xa6\xa9\xd5\x14\xc5\x1e\x18\x05\xaa\x01\x1a\x01\xa7 \xa2\xbfM\xcfT\xb0\xa0\xc1}\x82\xff\xf9\x8b&gt;\x90O\rzUm-e\x94PX\xa3\xafafQ\x10\'\xaan\xe1\xfaCY\xef\xefj\xa2\xc5\xf8Lj\xbf\xfb\xbb\xb0d\x15,p]G,\x8f\xbf\xb2g\x8f\xbe\xe1\x07\x17Xq%x\x80\xaa\x10\xe1\xa7\x8a%\xbcs\x99a\xb5\xb6^\xbe\x0c,?a1(\xe6V\xbd\xdaotK.\xf4\xf7 ~u\x03\x03\x03uu\x95 \xeat\xb2`b\xbb\x8f\x89\xfc\xba\xbe\xd2\xb72\xf8\xea+{T\x82\x1f`\x9a\x98|\x12\x12\x12\xa0\x845$=s\x8b\xa2\xf8we\xd5\xad\xc3\'`\x17\xcb\xae&amp;\xc6\x85%I\x1fn\xb7\xfbB?\xdd,\xb1\x11V\xd5-\\\xae]\x81\xc7\x83}\x83\x83\x83\x15\xb2J4\xfb\x06_\xdd\xf7}\x13\rW=\xac&lt;amm\xcds\xa8gXD\xf6\xd5\x04\xb0P\xe4\x95\xedp\x0b\\\x12\x89\x1b\xb5\xab\x8b\x1e\xe6\x01\xaf\x89\x82\x08,\xe2\xc2\x9bQU\xb1R\xb7;\x06\x99:\x18\xdbJ\x15\xac\xe3\xe5=\xdf\xa3\xf8\x8b\x1b\xf4\xb5\x14;z3\xae\x8ag5{\xf5U\xac\xbb\x97\xde`X\ne\xfb\xb7\xb0 z\x9a\x07U\xa8zX\x10\xeb\xa6\xa6@\xf5\xba\x9c67\xaeG\xd7;\x9e\xa9\xe2\xd93\x01\xac\xe1\xbf~\x03\x95\x98jy\xed\xb7\xb1\x9e\xa9\x82u\x00Q\x14n\xfd\xfa\xddj1\xa5\x9co\xc7R\xf4\xfb\xd5~\x12\xc1\xf9\xdd\x92*\x15\xbc\xaa\x98\xc5\xb8t\xaem\x02:\xceT\x89&amp;\xc1\xb1\xbf:\x8e\xbf\x82\xfc\xff\xee\x19YZy\x8cI\xc8\xb0\xaa4\xcf\xd9\xf6\xea\xab\x86\x1dxp\xe9]:\x87A\xd5\x94\xa11.\xb7\x1b/\xf6\x96H\xfb\x07\xceT\xb0\xa6*T\xb8T\xc3\xae\xc8\xedW\xabP\xc7;\xaa\xd1\xac\x84\x94\xc1\xfe\xbb\x8d\xf3\xe7m\xdb\x8a\xa2\xb8\xc8\x8a|\x04\xffd\x118p\t\\\x19\x88\x05\xb5\xa8\x14OY\xd4\xa4T\xd5\x14H\x05\x1b\x1e\x8a6\xe9$\x14)d\xc0\xe8b \x1d\x94\xa1B\xbc\'\x1f\x80SA\xb4]:z,\x90\xdd\x1f\xc0\x9e\x85\x0eV2t\xf2`\x19u\xcf\xbd\xf7\xbdGJ\xed5I\xc9\x92\x01\xfdp\xce\xb9\x97\xef\x19N&lt;?B\xfe\xff\xd3\x9a\xdcyZ\'C\xa4\x18I)\xbcB\xe9\xc2A\x91\xcf\x93\xb3o\x7f\x86\x89\xaf\x89\x0b.\xce\xe7d\xe3\x84\n7n\xac\xc00M\xb9\x07\xa9\x0bQ_R\'&gt;\xf9\xec\xc1\xea\xf1l\x16\x86\x9e\x87\x93}\xdc\xb1P;\xf4\x06hS\'Z#\xa3\xb5A\x1e\xac\x95\xb2W\xa5\x12\xc2\xe2\xcc3V\xfe\xd7\x056&gt;\xfd\xfb}\xa6"\xac=\xd1k\x92=\xcb\xe8\xae\x88!?\xd2\x16&gt;ok\xbd \x96\x87O\xf7\xd2\x14`\xb3*d\x86\x8a\xde\x08\xc3\xd4\xf1\xa3\xc46\x00\x8d\xa8|\xd35\xf3T\xc9%\xb7\xb5\x9b\xbf\xfb\xfdC\xca\xfb\x94\xb8\xe6\xf3\xf9v\xc6`\x93\xc9\xb3lB`D\xb5O]\xf8\x9c]\xec\xd2\xcd\xe7\xeb\xdb\x9dp\x16\xa6Tu\xac\x19\xa7\x8d\xa9R\x87N\xa7\xd5\x8a\x92{\x02\x06&amp;e\xb0\x94\xbe\xaa:\xd9\x06W\xf2\xee\xa4\x0f\x9e\xbeV\x0b\'\xc0X\xae\x8c]\x94\xc43\x95\xc1Z=\x82L\x9e\xc6\x12\x1e\x934r\x96\x88ZU\xc9\xff\x10D\xb9Q\xfc\xd9\xca&lt;\xb1lJ\xdb\x89\x11\xd1\xcc\x9b\x86ky\xc2HS!\xcb\xe6e\t\xa0N&amp;\xc7P\'\xebPg\xeb\x93\xee\xf8\xd3\xb7B\xe5\xe0\xcb\xab!\x81)\x14,\x07B1Y\xaf\x87K|\x0f\xf3B&gt;V\x10Tu1\xfa\t\xa3\x19\xa79\xaf\xba\x96\'\xaf\xe1\x1d3\xed\x91b\xe0\x82T\x1d\x1cC\xba\xf5\x0c\xc4C0\x8d\xc7cP-X\'D\xc7q\xd2pf+\x14\xad\x84\x97\xa8\x88\xa9\xc7\x97\xe4\x83\x86VE\xf1\xa5\xae\xd6\xff`\x89\\\xf0\xf1z\x9ae`\xd9\xde\xc3\x17\xb0\x86%\xa5=\xcb\x86EQ\x0c\xe87\xf5\x87\x87\xedvw\xcc\xf5\xc7\xc2q\x84\xcb\x87\x87\xba\xef*\x0b9S\xa4\x16\x13\xf5\xb8\x10\xb1\x86R\xb6\xebT]2c\xab\xbc\x03\xaef\xd3\x0c\xfb\xdd\xe0\xfd\xc5G\xe89\x80\xcd)\xf6\xe5\x90\xab\xd3)\x06\xa0\xe2YJ\xff\x1a\x97v=_\xbd\\\xa4\xbe#\x9f\x0c&lt;4\x1cQi\x1b%Wl!S\x19,p5\xac8J\xcb\xb5fi\x15\xbb\xdc\x84\x8b\xb9z\xcb\xeb\xa7EQf\xe5|\xfe\xaa\xa4?\xc3\x18\x14\x05\xd6\xa5\x83\x01\xaf\xff\x10\xac.v\xfa\xd8(\xc2A\x1f\xe6\xf9T\xe4a\xa8\xc5\xa2\x87P\xba@\xb4\x92`1T\x8cS\x9bhbn$\xb3\x1d`\x1f\xec\xfdZ\x1b\xf9\xfe\xec\xe6\xe1\x0f%ubY\x8e\x06\xfb\xdf\x1c\xd0F\x8cWZ\xa3\xd1!\xa8\x8e_\xfc\xf8\xe0\xe3\xd5[\x87p\x10+\xa6\xaa\xa2\xc5\xa9\xb2X\xbe\xcfX8\xe2:\x96UH\xad\x19W{\x81\xf5"4\xed$\xb6AI\xba&lt;\xbf\xfab\xda\xdf.\x8f \xd2\x01\xfd\xf5\xf9\x01\xa8F\xa3\xf2\xe8N\xfb\xc9\xf1w\xa7\xbf\xfet\xfb\xd87\x05\xb2\xd4#\xb5&lt;\xee&gt;O\x1bH\x9d\xe0k*\x12\x0bHq\x1c\xf7\xe2F\xb01\x1d6U\xaa?\xc2H\xba\xee\xd2~\x03\x0b\xea$\xbe&lt;\xbb8\x99B\xac\xad\x03\xa9\xad\xad\x01\x04|u\xa7\xfb\xe2\xf4\xcf7+2P3\xe1\x84V\x9e0\xa5^\xa8\xa5r\xb8A\x85\x8b\xfd\x8b\xe5t\x1b\x81\xdaP\xa9\x9e\xb2u,\x92\xa9\xa9e#\xb9\x12\x90\xb5@v\xf5\x14X\xfb\x84\xb6U\x90\xadG\xed\xe3\xd3\xdf\xfe\xf9\x9b\xa4\x8a\xacV4\xb3\xc2P\x8f\xaa\x8aJ\xc8#C\xa5\xb1\xa0\x96\x9d\x0c\xc1z\x1b\x06\x9bX\x13\xe2\xab\xb2\x00\x00\x012IDAT\xb2\x82\xd6\x80\xbb\x01\xdf\xdcQ.\xc8\xce\xaf\x1e~\xfe=\xb4\x1av~\xc9\xee\xde-^\xaen\x17;\x06\xa9\x12\xab\x9a\xeb\xdaA\xdf\x88\x05\xac\xc8\xa8\xe5\x02\x0eX\x89\xf9\xd4\xa0b\xb3C\xb5n\xac\x01k*\x92L%\xec\xa3\xeb\xe2\x88\x9c\xcb\xe5\xd9\xe2\xfc\xe6\xea\x06u}\xbeX^:\x06*\xaa\x92\x15\x86U\xd4=$\x9d\x90(Z-\xf9\xc1X\xb0b\x17\\n\xc3\x18G\x0b\xe5\x8a\xaf\x96\xb1\xda\xb7f\x13\xd4\xd4\xdf\x91\x8b\xa0BE\x91\xdfJ/\xb9 BD\xc5DQ\xc4\x93\x81\xa9h\xf9\xc0H\xb5X9\x94*\xfa\xc9\xc8`\x11\x15\xb0\x14\xe1(\x83\xc5r%AmLXs\xab\xdck,\xbcB\x1bI7\x11.\x94\\\xed3\xbf\xea\xc3T\xc2.\xa3JF{\xd5\x84\x82\x15q\xb6 \x96\x8b\xb3A\x14\x81^)WXt\xeaujRa\xc9\x8d\x12s\xd5\xdc\xdf\x81\xc5T\x91\xab+\xa2\xc3\xe0\xd5\xa8R^\x02\x8a}Z*\'\x15\x93\t\x8b\xcb`\xd1\xd9`\x1eY.\x07\xd5\x8d(\xb0\x9c\xaa\xa6\x16^\x95\xcd#\xcdV\xfe%\x00\xb0\xa0\x97F\x8a,\x9d\xe1\x12\x0fI,\x1eU\xa9\xc5rd\x8a\xea\xd2\x12\x0b\x16\xa3\xfd\x0bZ}9\x969\xe6f\xb7\x00\x00\x00\x00IEND\xaeB`\x82'</t>
        </is>
      </c>
      <c r="M408" s="3" t="n">
        <v>45492.67896990741</v>
      </c>
    </row>
    <row r="409">
      <c r="A409" t="n">
        <v>1018093</v>
      </c>
      <c r="B409" t="n">
        <v>1974</v>
      </c>
      <c r="C409" t="inlineStr">
        <is>
          <t>Bruno Praxedes</t>
        </is>
      </c>
      <c r="D409" t="inlineStr">
        <is>
          <t>B. Praxedes</t>
        </is>
      </c>
      <c r="E409" t="inlineStr">
        <is>
          <t>MEI</t>
        </is>
      </c>
      <c r="F409" t="inlineStr">
        <is>
          <t>MC</t>
        </is>
      </c>
      <c r="G409" t="inlineStr">
        <is>
          <t>MEI/MC</t>
        </is>
      </c>
      <c r="H409" t="n">
        <v>186</v>
      </c>
      <c r="I409" t="n">
        <v>21</v>
      </c>
      <c r="J409" s="2" t="n">
        <v>37294</v>
      </c>
      <c r="K409" t="inlineStr">
        <is>
          <t>Left</t>
        </is>
      </c>
      <c r="L40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0a60fb7-d585-43fa-8d73-5264905ed24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B\xe9\x13y\x00\x00\x00\tpHYs\x00\x00\x0e\xc4\x00\x00\x0e\xc4\x01\x95+\x0e\x1b\x00\x00\x03\x00PLTE\xff\xff\xff\x0f\x11\x16\xf9\xfa\xfa\xf6\xf7\xfa\xf5\xf6\xf9\x12\x14\x1a\xf4\xf5\xf8\x04\x05\x06\xf8\xf8\xfa\xf3\xf4\xf7\xf0\xf1\xf5\x08\x07\x07\x0c\x0e\x13\x02\x02\x03\x18\x1b"\xe8\xea\xef\xee\xef\xf4\x15\x18\x1f\xea\xeb\xf0\xff\xff\xfe\xbf\x8e\x82\t\x0b\x0f\xe6\xe7\xee\xed\xee\xf3\xf1\xf2\xf6\xec\xed\xf1\xc2\x90\x85\xc5\x94\x89\x07\x08\x0b\xd1\x9e\x91\xd7\xa5\x9d\x1c\x1f\'\xbe\x8b}\xcd\x99\x8c\xe4\xe5\xeb\xce\x9d\x95\xc8\x97\x8d\xb1\x80u\xb6\x85{\xdb\xde\xe5\xce\x9c\x8f\xcb\x9b\x91\xba\x88{\xb3\x83y\xe0\xe2\xe8\xd9\xa8\xa0\xa7xm\xc4\x92\x85\xc6\x90\x81\xbe\x8d\x87!$+\xb7\x83u\xa8vj\xd2\x95\x95\xa3sh\xac}r\xbb\x85w\xcd\xa2\x9a\xfa\xfb\xfc\xa1um\xbb\x8c\x82\xb9\x88\x80\xdc\xa8\xa6\x94h`\xd2\xa6\x9f\xdd\xad\xa7\xd2\xa1\x96\xaeyk\xfd\xfd\xfd\x8fd\\\xcb\x96\x89\xb5\x87\x7f\xa3pe\xc6\x9f\x9a\x9dnd\xd8\xdc\xe0\xd2\xa0\x93\x83[T\xc9\x93\x85\xd4\xa4\x99\xa8zr\x9ark\xb0\x85~\x94aT\xcc\x91\x8fO41\xac\x81y\xaatd\xa0i]\xc5\x87\x83$(0\xf7\xf6\xf504:\xda\xa3\xa1\xb1}p\xa8}vlMHR99\x99jc\xc3\x8e~\x1b\x10\x10\x95oh\xe8\xeb\xea\x9bj]\xd1\x9c\x8f\x0f\x0b\x0b\xc2\x96\x8e\x9dxr\xd6\x9b\x99H/2\xb3xk\xc9\x8d\x89\x8a`Y\xe1\xab\xaeD,,bEF\xd6\xa2\x97\xa3zr\xbf\x92\x8a}VN\xa2m`\xb7~p\xef\xe5\xe3\xe3\xe6\xe5\xc0\x86z\xd9\xab\xa5X==\x86QFa?=\xca\x97\x93\x97eY\xe1\xb2\xae&lt;&amp;&amp;tQU*-4\xca\xa7\xa2\xaarw\xcf\xd3\xd9\'\x18\x183 \x1f\xb5\x8a\x87\xb1vx\xe1\xb1\xb3tPI\xd2\xa0\x9d\xc4\x9b\x93\xdd\xae\xb0\x84a\\\xadzw\x14\x0f\x0e\x8cVL\xe4\xb4\xb7\xbe~u\xd5\xd7\xde\x8f]Q\x8dic\x9eaY\xc3\x8e\x90\xe9\xdd\xdd\xb5}~\xd9\x9e\x9e\xd5\xa4\xa6\x95YS\xb0nm\xa7op|HB\x94[\\5#$\xabme\xdd\xe2\xe0\xbd\x86\x86kJS\xa6kg\xab\xae\xb2!\x15\x16\xc9\x9a\x9e\xd9\xa8\xaekFC\\52\xc9\xcd\xd3SVZ\xf1\xee\xed\xa2ik\xbd\xc0\xc3\xb1\x85\x84\xc2\x80\x8a\xb6zv-\x1b\x1d\xd2\x8c\x90\xc4\xc6\xca\x8dVWAFL\xcc\xb2\xae\xc5\x94\x95\xba\x8c\x8d|[U\xaduq\xbe}\x81\x7f\x83\x87\xb3\xb7\xbd\x93em\xcf\x8e\x99\xa1\xa4\xa7\\&amp;\'\xe7\xb7\xbd[^`7;D\xe5\xd4\xd0ZEB\xdc\x9e\xa9\x9fdf\x89\x8d\x93\xdb\xca\xca}U_\xa9\x81\x82m53\xbbsy~&lt;=\x86LObfkn?9\x9fry\xd5\x98\xa1\x7f{x\xd1\xba\xba\x8c`j\xbb\x97\x99\xdd\xc0\xc0\xde\xd8\xda\xd9\x8d\xa0KOS}ON\xd4\xd5\xd4oop\xa3~x\x85\\e\xcb\x85\x88\x97ks\xba\xa4\x9e\x98aau{\x83M !\x98\x9c\xa0\x95\x96\x98\xaf\x92\x8b\xe9\xc0\xc6\xa1X`\x93KS\xad`h%\x0f\x10ot{\xd2|\x93=@=k`d\x9b\x8b\x87\xba\xaf\xaa5\x06\xd6\x12\x00\x00 \x00IDATx\xda\xdc\x99\xedOSi\x1a\xc6\xd1\xc4\xd4\xb1\xa9_`\x12GZ\xb6M\xa9\x01L\xcb[m\xc1*\x95\x02\x15\x1b[Z\xb0\xbc,o=\xa5\xbc\x14)B\xdb\xa5\xb0@\xe9\xd4\x167\xadK\xb1X4\x80c`\x06\x8b"\x85\xb2 \x93i\xd4\x05\\\xc6\x85\x904;Q\xe2(C4\x13^bX\x82\xee\x176\xb8\xb3\xf7S\xf0?\xf0\xe0f\xafsNs\xd2/\xfd\xe5\xba\xaf\xfb~\x9e\'\r\n\xfa\x7f\xd5\xfeCe\x8d \xf4\x91\x9f\x9a\xfa\xbf\xc1\x94:\xbe:\xbb\xf4r~~l\xec%|.\xcdN\xac~\xf1\xd9\xc9\x0e\xde}\xf8n~;\xce\xf5%\x99H$\xaa\xd5d\xb2+\xae`yfh\xe2\xee\xf8gD;\xd88\xf4r\xfbwd\x02\x01\x98\x08\xe8&amp;\x10\xd0\xfb\xbe\xb8\x82\xf9\x99\xa1\xd5\xf1\xe0\xcf\x93\xa8\xbbCk\x05j"\x02\xd9y\x08\x88\r\x11\x92\x88\xea}q\x8fg&amp;\x8e|\x86H\x95\r\xbd\x8cS\x13v\x81\x10\xd2G4\x10\x89@"\x11\xf7\x15\xcc\xac\xeeu)O\xae\xce\xb4\x92\t\xbb"~\xf4)PJ@"\xed|\xedZ\x9e-\xdbS\xaa#\x13\xf3\xfb\x024p\x93v\x91\x88d5&lt;(\xfb\x08\x0b\xb1\x91\x08\x87\xff\xbd\x9a\xbfwT\xf9C\x8f\xd5\xbb\x91B\r\xe8\x02\xa9\xd5j\x95\xc7\xe6Q\xa9T\xf0\x1e@C"\xaa\x96\xdf\x95\x05\xedM\xf6\x83\xbf\x9a\xdd&amp;\xef\xc6\x08\xa8\\\x1e\x8f\xcf\x8d\xa4\xc5\xfc\x98\\\xae\xb1\xdb&lt;\x00\x19\x88&gt;\x02k\x9d\xdd\xa3a\x91?\xd4\xfa\x91\t\xa0lv-\xa63\xeat:EGiiwww\x87Bc\xf1yT.\x95J\x1d\xa8\xa4z{(\x7f/\xfc\x1a\x9f-\xd8\x8d:Y\xad\xf6\xd8\xe5\x8a\xe9\xee\xd2\xd2\x8b\xb2\xd2\x8b\x99W\xcffgff\xcb\xa6\xfdZ\x8b\x1by\x16p\x8c@\x1e[\xdd\x03\xac\xfc\xa1\x1d*\x14*\x95]\xee\x15\x8b\xa4\x99\xa7\xea*\xeb*\xaf\x9d\xbbr\xad\xb2\xb2\xae\xee\xec\xc5\x0e\xabW\x87i\xdd6\x15\xa4\x0c\x0c\xf3\xcc\xe0\xdf\x8f\xa9\x13\x8f?f\xca\xe6\x96+jD,FTH\xe5\xb9s\x89Wvt\xeeZ\xe5\xa9l\xa9\x0cji\xd4\xf8Tj4nI\xbf\x9f\xc5\xbb\x1dO\xfe:\x16\xa0R\xbb\xc0)GW.\xbb(&gt;*$\xa4\xf2Z$\x9d\x1e\x19\x99x\xe5\x0c\\\x89\xd7b\xa3\x18\\\x96\xac\xc6a\xb4xPW\x12\x88c\xbf\xe2\\\xc6\xc6\xa5\x03$D\x05\x99\xf2v\x95\xd7\xe7\xa4 *\xea\xd1\xf0pZ$M\x18\x1e\x19IO&lt;s&amp;12\x94\x1a\x9f\xc2fq\xf8\x0e\xb9-0,\x0e\xbf\xc3\xd7\xae\xd4\xd9\xd6\x00\x95M\xee5d\x95\xd7\xd7\xe744\x95DG\x97\x94Hh4J\x04\r)\x82NO\x8c\x0c\x8fN(J\x81\x8bSc\xb4\xb9\xc8`\xd7\xf6\x8f\'q\x1cX\xa9\x7fYF\x0b\xb1\xcb\x879\xbav\xa8\x12\xa81\x12IL\x8c\x84\x16\xf1\x11+\x82\x16A\x13J\x9a\x1a\xaaS@\xac4\xcc\x06\rI ?\x9e\xc0ox\xa5\xde]\xfb\x12\x96\x1a\x97}\xd4\x90\x95e\xce\xad\xcf\xa9Nh*\x01,\x89\x84VA\xa1TTP*h\x15\x15\x80&amp;\x94HJ\x12\x1a\xaasrr\xd8"\xb1V\x15\x88\xd7\xda8~y\xff\xb1\x00\x16:\xa2mT\x9ce\xce*\xcf\xcd\xa9\x8e\x0fP\x05L\x02\xac\xf3\x02\n`\xedp\xc54\xedpq\xd2L6\x88=\x81\xd4:\x84S\xbc\x82\x83\x1a\xd7\xc8\x90,\x95\x1cye.\xcfIih\x02(a\x00\x05\xdc:\xaf\xd7\xeb\xcf\x83e\x00H\x93\xc4\x94\xa02\x02W\xb9\xc3\x82\xec"\xaa\xd7pZ\x1b\x83\x83\x1e\x82Y\x04\xb5\xdd\xdb\x89J\x98\x9e\x82r%\x14\xd2"*"\x00\x8c\xa2\xd7\x87\x85\x85e\xe8\x05z\xbd@p\x1e\xb8\xa8\r\xd5(^\xe9b\xb9-0%\xb6\x1f\xe2\x82\x15\x1c\xb4\xff\xbd\x0b\x92\xa5\xd2:\xba\xba\xcc\xe5\xf5,\x065$Z(\x14F\xa0XQ\x04\xfa0&amp;\x12B\xcb\xc8\x10D\x08%\xc8\xae\x86\xa2\x14\xb6\xd9d\xb7!\xbf\x0e\xfc\xb4\x1f\xa7\x1a\xce\x93\xd0\xc4\x92\x1bP\x17r\xb8\xc7\xa3BB\x11\x16\x85N\xa7\x0822\xc2\x98I\xcd\xcdL\x04\xa5\x87\x8c\t\x03v5\xc43R\xca\x15\x1a7\x9a\x12(\xf4\xc1x\xd5P\xad\xf2\x19\r]\xe5\xa2t6\x97q,$:Z\x88\xc2N\xa7g\x80K\xccf\xe4\x16\xbce\x08(\xe0V44c|||\x91\xc8`\xd4\xda=`\xd72&gt;\xa3\xfe\xe4\xec\x01\x18Y*\x8b\xc9`\x16q\xd8l\x16\xe38\xf5h4\x8dB\x17\xd0\xe9\x820\x84\xc5Lb\x06*\tE\xa4\xd0\xa2cb\xa8\xd4\xa8\x84\xf8x\x8e\xc1$\xd7\xc2\xeaH\xc4%\\\xc1A\x87\x96\xa0\x9fT6\x8d\xce\xc0\xe7\xb0\x00\x8b\x0bk\xb4\x84F\x17\xb4\x0b\x10Ua!\x13nfsrrrs2SO\x11\xc6P\x9b\x12\xa2\x80+El2\xa2\xdd\x04\xb1u\x02\x17\xac\xb2y\xf0\xcac\xd1x\xc5J\x16\x12`\x1d\x8d\x04\xaa\xf6\xf60\xb8\n\xc1+\x04u\x19)\x99)\x88\x90P\x13\x12\xa8T\xc0\xaaQ\x980\x8b\xdd\xa6&gt;&lt;\x84\x0bV\xe32Q\xe5\xb1k\xd1\x0e\x8b%\x95\x02\x17\xe3T8\xbd=P=\xb0\xa90\t\t1\xb5\xc1\xd3\x1c&amp;\x88\x8c\xa6\x82\xa2\xe2SD\x06\x1d\xd8e\xf7\xb8\xde\xe1\x86e\xb3h0p\x8b\x13\xb0\xebX\xdd\xd7\x89gz\x0b\x01\xa89)9@\x95|\xd9y\xb9\xedF[\x9b\xb3\xb9\xb9\xf7\x0c=\xf4h\x08\xc2b\xf3\xadF\xb9\xd6bs\xbdO\xc5\xa3\x11\xcb\xc6\xd4\xc8,\xa3W\xcc\x17qx`\xd6\xe9\xba\xc9\xc4\xde\xde\xde\xa4\x11\xe0q"\xae\xe4\xda6\xa7\xb3\xed\xc6\x8d6\xe7\xc8H\xef\x95su\xa7`\xcf\x13_\xc4bu{1\xcc\xe2\xb3\xbd?\xf9\xe9\xedBX.d\x96\xc9+6\x97s8\xac\xebgc\xeb&amp;\x87{{\x81\xa0\xb0\xb0\xd6Y\x0bX\xb5\xe0\xd4H\xef\xf0\x1b\xd0\xbf\x9e?_|\xda-+\xe62\x00K\xd6\xa1\xc3,n\xdfO\x07\xf1\xc1R\xf9,\x98IgH3+9&lt;iv\xe6\xf7W\xafN\xbdy3&lt;&lt;\xfc\xf7_\x9cN\xe7H-P\xdd\x18y\xb3\xf8\xf6\xd9\xe0\xe0 f\xd4\r\x0e\x1a\x8d:k\x1a\x9b\xcd\xe6\x95*\xfc\x1a\xad{\xe9\x08&gt;XPC\xbfB\xd1\xc1\x87"*\xd3\xde\x06~\xde\xfa\xec\xd9\xeb\xc5\xa9_F\x9c\xceZ\xa7\x13\xa8\x86\x17\xad:8\x90\x81\xdc\x1aL\xa3\x91\x1b1\x03\x87\xcd\xe2M\xeb\x8c\x98e\xe9\x10^X\x1a\xbfb:\x8d\xaf\x94\xd5\x980\x0c\xd6\x14\x8f\xc7\x06\x87\xd6\xc1\xf5[P\xca\x11H\x95\xb3\xf7\xd6S\x84\xe5\xb6h5\x1a\xad\xc6h2\xcaG\x1d"6K\xda\xad\xf3\x1b\xb5K_\xe1\x825o\xb3`~+\x98\xc5\x9f\x96\xdb-\x1a\x8b\xcd\xb3\xe5\xd9\xf2Y,\x1a\xeb\x9f&amp;\xdb!\xf9mmI\xedSO\xc5\xcfVV\x1c+\xe24~\xa9lq\xfd\xf5\xb3\xf5\xe2b\x18q\xa5\n\x9dN\x8e\xc7\xd6\x06\xb0&gt;\xd8\xb5F\x1d\x98\xc5_\x91\xdb}n\xe8I\x93IgBZyp\xefk\xe0BX\xb7n?y\x92\x0e\xe2^g\x9c\x8d\x9d\x9a\x9a\x9a\x1c\x9e\x94*\xd9\\\x99U\xa10\xae5\xe2\x815\xbe\x06qA5\x14c\x16\x8b\xdc\xfbv}\xf1\xfau\x9eH\xa9\xdcH\xbb\xf3\xe0\xcfy\'\xda\x0bk/\'\xd1\x85y?\xa4\xe7\xd6\xd7sX\\.\xe3\xf8\xf1\xcc{\xb7&amp;\'\xb3\x95\xa2"\x9eUa\xf5/\xe1\xe2\xd6\x91%7\x86A\xe0\xd3\xbcZ\xad\xe9\xf5\xf3\xab\xdf\xdf\xbe}\x8c\xc1N\x17\x01\x99\xf2\xfe\xed\x0bUaI\xc9\xcc\n!u\xa0\xaf\xa5\xb3\xcb\\\x9f\x0e\x89\xe2q\xb8\xc7b\xebb\xaf\xf3\xb8\xac\x0e\xc5\xb4\x7fi\x1c\x0f\xac\xfc\x19\x0bfT\xd4(\xc5\xa3\xa3\x0e\x19P}\xb7\xa1T\x96o\x98\xbb\x1euuv\xe5&gt;\xf9\xdb\x85\xaa\xc2\xa4\xb0\nICO\xcb\xc2\xab\x8d\x8dG\x86\x1a\x99\x94\xa7Lg3b\'c\x19\x0cn\xb7bZ\xf7\x9f/\xf0\xc0:\xf8^\x8b\xf9\x1di\xfc\x15\x93\x81\xf7\\\xca\xe3\xd7\x88\xc55|^\xf1\x83G\xfd\xaf\xfa\xb3\xee\xffp\xa9B\xcf\xd4\xd3\x9a\x06z^\xcc\xbd2X1\x1f\xf4\xe1\x8a9==\xe5txe\xddi\x06\x1f\xb0\xde\xef\xc7c\xc3\x95\xfa\x9b\xdc\x88\xb0jjd\xc5R\xa5\xc1\xe1\xb0\xfa5\xd8\x87\xb7\xaf\x95\xfd\x9b\x0b-=O\xf2N\xe8\x0b\xab.5|{gan\x13\xf3\xbbI6\x95O3\xda\x92^D\x85\xb3v\xe8\xf1R(\xe2,&gt;{\xf9\t\xb9\x1fa\x95\xf2\x8a\xff\xa0D{;\xb7\xc7\xa5\x8e\xd3X\xbd\xa3\x9bs-}\x037/T\xe9\xab.U\x0f\xf4u\xbe\x98\xf3~\xf0mm\xf9\x06u\xf6\xcd\xfe\xdc\xf8P\x1a=\xf2\x14\xcf1\xad\xf8m\xffx&gt;\x0eX\xab~\xcc\xafHS\xf2\xc0\xab\x96W\xf6-\x8d\xdf\xb7\xa5\xb2Y\x17\xe76\xe7\x16Z\xfa\xa0\x8a\'N\\\xc8\xab\x1e\xe8\xd9\xf8yn\xc11:\xea]Y\xffG\xcb\x8b\x96\x9e\x81\x04\xc9y\xc1Q\xa9\xa1\xa3\xe3\x9fWb\xff:\xfe\xe9\xb1\xee\xce\xcb\x01K&amp;\x95r\xb2\xfa\xe76GW\xde\x82O\xa6\xf5\xa7s\x9b\x0b\xfd\x9d}\xf7o\xd2\xaa\xaa.\xe4\xc1\xe10\xf7\xe7\x85\x85\x85\xfeG\x0fn\xdf;V=0P\xdd\xd0$\x11d\x842\xc4\xd3|F\xdeM\xc67\x9f\xfc/\x8b?\xae.\xc9\x8d\n&gt;/;[\xd4\xd9\xdf\xdfb\xfe\xee\xc9\xfd;}w\xc0\x9b\xb9W-}=\xdf\xe6\xfd\x97V\xf3\x7fI,_\xe3x\xecO\xfb{\xfd\x94\xac0h1n8w\x0e\xd3\xa9\xed\x9a\xdf\x9a\xca1\xb6L\xaf8\x1d\xc2\xbc\x042q\x94NBz\xc3M\xban\\\xf2\x07u\xd5$e\xf3\xbb&amp;"\xc28A\x92"Q\xad\xfe \t\xa1\x0c\x93JH\xac7\xe6\x12\xb21\xb0}Y\x06\xf6\xde\xe78\xf7O\xd0G\xec\x87\x8e?\xbcx?\xcfy\x9e\xe7}\xce\'\xc0\xe1\xa8\t\xf7\xf2r"\xb4Q\xbd\xa8\x86\x12\xb9\xcc2\x18\\\xb0\xddODLF\xff\xca/\xc3\x84|}\xd8\xd7\xe6\xaa\xef~\xaf\xdc\xfe\x17\x895\xd47\xfb\xe3\xcf\x7f\x9b[{\xf5r\xe1\xe5\xcb\x98\'ty\xb6O\x8a\x95\x91\xca5\x1a9J\xb8\xdd\xcbs\xd1\x9d\x8d\x8d\x9d\x90\'\xb6\xfc\xe2\xf9\xe4\xcc\xe4\xd27"\xa6\xa8\x97\xbb2)7\x86\xd9\xfav\xabu\x1c\xaa\x9e\xed\x93X\xc3\x83oZH\x83\x89Db.\xb4wy\tT\x9e\\\x1e\xe586\xe5j\x14s\xaf\xbb\xc3s\x9eP\x08\xb0^\xbe\xc0\x08\x82\x00\xcb&amp;\x121\x86\x86\xa8\xb6x\xc6\xdbv\xacsvlg\xef\x9f\x7f\xe7&gt;\x9b\x1d\x1a\xec[XX\xc8\xbdN\xac\xad\xcdyv\xf6jG!\xc8\x18`mj\x02P\xf5\xeb\x18\x86\xb9\xc31\x8f\xc73\x17[v\xafc\xc4\x130\xb7cO\x9fi\xc7\x8c\xbd\x18\xda\xf6\xda\x9a?F,\x9e\x9f~\xe2\xb2\x86\x9dNgn0\xb667\x07Ts\x9e\xa3\x9d\xa3h"\xe7\xf4\xa3\x1c\x8dF\x8d\xa24\x02H\x08\xcc\xed\xce\xb8I&amp;)\x8a~/\xe2\xf1DO\x87Y=\x84\x91h;Vw\xf7\x95\xd3?\xb02\xcd\x9d\x95H\xfc\xfd\x99\xdcr8\x16\x0b\x87\xc3\x19K\xa2\x9c\xc8\xf5\xf5\x01\x96\xc6\x9aTK\xa5\xb4o\x08\x80!\xbf\xa8:\x00\xf6\x03v|\x83\xc1\xc0c\x0c\xb0\xd8Au3\xd0\xf6\x061~\x9c\xc8\xb1Y+\x8b\x8aC3\x82\xc4!S\x18\xd1\xfa\xd3\xfb\xed\x0b\xa0\xca\x01\x96&amp;\x88J\xa5\xc6\xef\x97\x9e\xa0\xa0\x1a\xaa\x86\x95\x82O.\xd2V\x07?\xc8c\xf4?C\xf8j\xcc\xd1\xf6~\xfa\xd5\xf1`b\x805!V\x1c\x9ez\xbd\'Fi+P\xe8U\x99D$\x17\x89\xc4\xd1\x92&amp;\x89~\xf9\xef\xaa\\\xae\x06\xa9 \xab\x1a\x8d\xab\xe8r\x18x#\xf4&gt;Vo\x00\xc5\x1a\xe3\xed\xc7r\xe6d\x80\xe5&lt;\x84\xdd\xee-\x00\x90\x8a\xc8\x03D"T\x8e\x98"\xa6t\xbd\xa4\xd1\xd4\x0b(I\x06\x17\xd4h=@:!W\x11\xb0x#4\x1d\xd4\x16\\;o\xf7X\xec\x1e?\xf6\xb3\x9dS\x13S\xb2C\xf3\xc9[\x1b\x80\x81\x1e\xa5@\xf3\xbe\xfa\x90\x88\x98L\x96B\xb2\xa4)j\xeau5\x10e\x9bX\x13j\x8b\x03R\x15\x8b-\xb5\x84\xbaY\xd9S\xb8\xd2\xf6\x1b\xb1k\xbc\xe1\xf7\xa7&amp;&amp;\x16\x01\xcb\x0b&amp;L\x1d\xe4pJ\x81\xec\xfdE\xf5&gt;l\xb1XL\x05WIsW\xac\xa3\x01\x88l3_\xa9\xe4\xd3\x05\x8e\xabxwW\x04\x8f\xcd\xb3#\xb3:\xbe\\.\xd7\xb7\x1f\xeb&lt;n)OLp\xa1\xe4\xc9,\x06\xad\xd6R\xbd\x10\xbe8\xab\x01\x96\xdfb\xf2\x96\xea%k\xa9P\x80\xbb/\x80f\xb3\xee\xc7p\x06C\x93\xc5\xbb\xa2\xab\x85\xc5V\xe0\x9b|\xab\xa3\x03\x8f\x9b}\'\x96T\x8a\xbb\xab\x95\x90XA\x87\x0b\x9agz\xef\xec2ZN\xa5\xa2\xd1\x94?]\x80\x90\xa6\xe17\xf9fV-\r{b\x95f\xddZt\xb9\x1c\xc9\xa0\xcd.P\xd8\xf9\xc1\xbbF\x07\x9e6\xebOL\xa9~\xd6\x84\x8a\xcc\xe2I\xd0\xe1\x80I\x139;\xabEL\xe5\xbdO\x9fj)\x93%\x9fN\xa7+\xf7\xd5\xb3\x87|V\xad^\x8f%\xc2yi\xd0\n~\x9b\xc3\x1b\xb1\x0bdB9\xaa\xb9\xeb\x04V\xfc\xbe\x8c\xc8V\xc4Z\x99\xf9\xd4kK\x06\x03(\x11=\xbb\x88\x9aL\xe5\x87\xcb\x8bj4Z;*\x9b\xf2\xe9\xca\xe3\xfdc3\x8b\xaa\x89L,\x96!l\x86$\xd9LG\xec\x12\x99=\xdb\x0c\xb4_\xad\xee.\xfdB\xf5\x011\xefr\xb5\xb2\xc3C\x1d-hC\xd1x\xe8b\xef\xd6\x14I\x95o\x81)Z\xabEM\xe9\xb4\xbf\x92o6\xb3\x90\xc5\xef`\x04 \'4\x1e\x84m\x04\x97\xdc\xb0+nuG\xb02\xd5\x0b\xa7w\x17\xb2(\x91\x80]\xa5\x19\xa5\xebs\x1b\xd1\x88\x13\xb0\xa2GGG\xb7\x11\x8b\xc5\xefw\xc2\x17j+\x8b\xa2X,\xbc\xdeK\xa7\x8f\x90!\xc4%*\xcf\xbd[\xea\xea@\x12\xcf-\x9ej\xe8T\xb5-VHd\x02\xdch\x94\x12\xcf\xbf\xcb\xf5I\x9c\xa9\xdb\xe8\xf4G\x88[H\'\xe0E\xcbeK\x9c@\xbc\'\xb9X\x0f\xc3\xc8\x00(\x86]h\xff\xa0Z \xf8\xa8\xa3\x03o\xad\xdf\'"k\xd5E\xf1\xb4\xf2F\xa1\x90\x99q:efi\xa9\xd7,\x1b\xba\xad\xedA@\n\xc3\x89\xd0\xce\xd1\xc7Z\xf4\xa8\x0c\xd3h\xd6|\xf8\xaaW4\xc6\x83\xba\xb2\x93X\xda1\x97\x15\r\xb6\x1fk\xbcQN\xb0\x1f\xf6V\xb6w\xb5\n\xadV\x82P(\x0c\xd1\x18\x9b\xc5\x05\x81j\xb5\xa3\xdbp\x05kbX%\x9c2\x99"\x91T\xe2vQ\xbc\xbb\xd2O\xa5\x8ax#B\x88_on\xa8\x9br4\xd8\xfe\xbe5~U\xce\x9dd&lt;\x80\xa5\xba\x01,\x1d\x85B\x13\xd1\x14\x90\xbeh\xc4\x121\xe51\x0c*\n\xa2^/H\xbdq\x7f\xa4&lt;\xf1\xee]\x84F\xa5\x02\x96](\xc4onl\x1c5\xcai\xbf\xf1\xf9z+\xe1?\xa1\xf4\x88\xb7w\xc5Z\x95J\xa6\xa3S\xe84\xfa\xec\xf4G\xae\x13z\xbc\xc9\x14~|\x0cW*\xe4\xccI\xe7!2\x96\xc5\xfd\xfd\x14Je\xda \x85\xa4Z\n9G\x1d\xb0\xb6\xbf\xe4\xe7\x851K&lt;\x8e\xb0~\xd9V\xaaTb\x19B\xc7):\xf6\xf0\xab\xe8\xe2m\xadZ}x\xb8\x7f\x84\x86\x15\x86Y\x18\x8f?&gt;&gt;&gt;&lt;$\x16/\xdf\xe5h\x06&gt;\xcf\x8e\x0b\xb7\x84\xa7\xaa\x0f\x9b.\x8d\xfc\xee\xeb\xb6\xab5/\xcc\xe4r\xb9\xcc\xb3\xedm\xf2,\x86V\x80\xe3\xec~v\xcf\xc2\xc6\xd9Y\xf5\xe1&gt;_I\x07m\xf9\xb4\xa3\xe1\xa87\x1a\xe9\xb7xm\xff\xd3\xc6\xce\xcf9\x1a\x1f\xb0\xec-\xac\x1b\x98V\xd6\xf6O\xea\xae\xaf\xae\x88t&amp;\x97q\xee\xee\x82ZJ\xa5\x02\xc1\x05N\x84\xbe\xbe\xf7\xc7\'\x93\xf7\xe4\xdc\xda\xd0\xeb\xef\xee\xf4\xf3\xfas\xbd\xbeq\xfe\xfe\xf0\xdd~\xec\xf5\x9b~\x1e\xdf\xf0\xa5\xe2\xcdJ\xb1\x91\xe3\xf0u\xe2\xc1\xfc\xc1\x96\xd7\x1b\x8f;\xb7\x01K\xab\xe4\xb2\xd8\xf8\xe8\x00B\x99Y\xbe8\xfbp\xbc\xe5{\x7f~p\xa0\xf7\xe9\x0f\x0e|z_\xa3\x91\xf4\x973\xcf\x9f\x0f\x0b\x98\x9b\xff\xc7:\x14\xab\x84\r_g^(\xfa\xde\xc6\xfd\x16\xf1\x97\xdaR\xb2$\x08\xae\xd3Q\x9e\xccd\xee#\xa7\xde\xab\xab\xc69\x00A\xbc\xbfJ\x16&gt;\xa7\xf3\xd8\x93\xa5\xd5Q\xc4\xc0\'\xa9\xb6\xb6\xec\x1f\x94\x1f|\xf3\x1dz\xb7?\xee;\xfe\xf5\xf7\xdfT\xa4\\*\xb1X+\xc1\xf1Q\xca\xd8$\xc6\xb6X\xc8\x9d\xaf^J&amp;K\xa5\xfa\xf5\xf5u\xa1\x90-\xac\xae\xaeR\xe9\x0c\x83\x81\xd4j\xcb~z\xc3\xfd]\xdf\xd5\xb1\xf8\xeb\xfc\xfc\xf8o\x80%\x86\xe2\x82\x9b\x11\xd7\xd1E4J&lt;\x0e\x0bM\xe1\xfa\xf3\x97(\x15\x93%X\x9d9\xccU*m\x04v\x07\xf2\xec\rnV,\x1ev\x10\xab\xbb\xbb\xbb\xeb\xbf\xdb\x13\x80\xa5R\x82\\:\x9c!\xa2\xd2\xfdqo\x01\xb4\x02\x99\xae?_\x97`\x1f\xd5h\xc0\x1b2\xa9L\x11\xf8\xd6\x91-\xf8\xe8\x04\xb2\xa9Nb\x91\xf1\x9f\xdd\x15.dQ%fi\xcd\x88\x8eFe\x00\x961XjaA\x90\xb6\xc2\xc17P\x99|\x03\xb9\xd3\x90\xfb\x83\xdd,\xe9{%\xd1w\xf2\xf4Ow\xd7\x0f\xca\x15.W\xac\xd5\x92\x13\xe8P\xc0\xb0\xd1\x10\x12+\x08~\x87\x8c\xeb\x00\xf8\x8aM\x0e\x15\xb0\x98&lt;&amp;\t\xb6%\xd4\t\xfa\x87\xa7$\xbe\xce\x1eJ\x9a\xffs\x1a\nK\xabU(\xb42\x89LG\xa3\x19{\x11ph\xb4\x96\x9bEQ\x1b\xc7e\xe5\xc8W\xa9\x1c&amp;\x99B\xf2|\x12.`\x7f;\xfcF\xa6\xef,V7\x14\x17$\x10bV&amp;S\x08\xe8F#\x05\xb6+\xaf\xd1\xeb==\x05\xb7m\xa4q8\xf2\x00\xb5\xf5&amp;\xbdEe\x1f\x15\xf4\xf4\x0f\xfe(\xe90V\xd7\xbfwW\x94,\x15\x8b5\x0bk\x97b\x00\xa1\xd3)X&lt;\xde\xebE\xfc\xa6\x94\xc9\x8f\x10R\xb0\xda\xab\xe4\xf1\x03\xa0\x1a\x01\xbd\xf0\xd1\xd1\xd1\xe1\xa97\x82\xce\x96|w\xd7\xc1\x9f\xd3p/\xb2 \x8b\x90G\x85\xa4\x87\xf2\x17\xf2\xd1\x11\x91\x8f\x94aq\xf6K\xa5K\x01\xf5*\x95I\x85aHb\xd9\xf1\x9e\xd1\x81!\xee\x9a\xa0\xd3j\x8d_mOs\xc5\xac\x16\x17K\xac\x1d\xe8\x9d\xc1f&amp;\xa5\x98%\x15\xadES\x16\xfa\xd8j\xebP\xc4\x88\xcel\xc6\x85PY\xbd=\xa3\xc3\\\xee\xeb\xd1\x0e7\x08R\xae\x7fLp\x95S\x90E-we\x97\xd5O\x99$0,\x9f\x88F\xa3\xb7\xff\xe3\xddlC\xdaJ\xb38^\x8c\x04\x93/\x8a\x065\t)\xd7\xbc\x99\xb7\xc9\x0b\x91$mnpLL"y\xd1h0\x06d3\xea\xd5\x98UR\xc48\x89\x99X\xdf0\xacV\x87XteL;]X\xba\x88#SP\xe9*\x14\xa1[\x97iXXZh\xf5S\xa5\xcd\xee\x87\x9dV,,\xe3\xd7\xb2{\xce\xb5\x03\xf3a\x97\x9d\x9d6y$\x92\x9b/\xf9\xf9?\xe79\xf7\xf9{\xcf\xf9\xe3\x97\xfce|\xd4\xff\xc9\xf5O\xe3\xc3o\xe27A+\x0e\xa90\xd8[\xae\xc5\x0b\x8c\x85\xff\xe9\xcax\xb1H\xa8?7\xdb\x0f\xbdv\x9f\x85\xa7\x93~\tn\xfa\xee\xdd\xbb\xab\xdf|\xfd\'\x91hy\x19\xbc\xce\xfe\xf0\xf0\xa3\xa1\xb8\x8e$\xa5\xc6\xc6\x11[\x11\xb0\xaa\xfe\x9eH\x00\x97\xcbln\xbf\x95N\xd8\xcd\xed\xf3\xce\xdf\xad\xce\xcf\x83\x1f\x9b\x9f\xdf_\xda\x7f\x14\x1fz\xb4\xb4\x7f&lt;&lt;|\xbc\xb4\xb4\x04T\xbe&gt;\xfb\xa0&gt;\xc9)4V\xd5\xa5\'v\xe4\xea3\x7f\xde~\xd8\x93^YI\xe7\xe7\xcfN\xe6\xe7\x97\xbe\xd9\x9f?9\xd9\x9f\xdf\xdf?&gt;ysr\x92[y\xd3\xd1\xd1\xe1tJ\x0cv\xbbm\xa2\x18Xw\xcc\xfeD\xc6k\xefk\x1f8\x9c\x9cLo\xc5NsG\xb9\\\xee\xf8\x18Xr\'\'\xf3\xfb\'\xf9\xb3|\xfe4}\x0b|n\x87\xd2\xe8\x1aq\x99\xa8$Y\xe8\x9d\x08\xfe:p;\x9b\x01\xaeF\xfb\xe1do,\xb6u\x94?\xca\xe5Os\xf9\xa3\xfc\xd9Y&gt;w\xfc(wzv\x94N\xa7o\xbd\tt|\xe6S\xbb\x06C\x946I\xde)8\xd6\xfds\x7f\xd0\x9bI\x8c\x8cx\x13\xd3\xd1\xdeX\xfa4\x9f?\xcb\xa5\x81\x04D\xcb\x9f\x1d\x9f\xc0e:\xb6u80\x1c\x08\xf8\xd4\x06W\x03\xd1\xaaM*\n\x8f\xd5\xfd7\x7fK\xa37\xe1\xf5f2\xb1\xb9\xb9\xa7[G\xa7\xa7\x80\xb5\xb5\xb5u\x94\x06\xc1r\xa7\xf9\xd3\xa3\xad\xc9\xc9\x158+\x9a}fC\x8b\xde\xe1(\x0e\xd6\xdb\xdf\x07\rv\xc0J\xf4l\x8f\xde\x88NB\x18s\xa7\x88\x05\xaf\xa3\xa3\xadX:\x1d\xeb\x8d\xc6n\x01\x96\xcf\xa7n\x08i\x05u\xda\xaf\x88\'\x05\xefN\xbf\xfa0\x1b4\x18\xbc\x89\x11o&amp;6\xb9\xb11:\xda\x0bH[\xb1\xc9\xde\xc9\xde(\xbcF{\'\xa3\xa31\xb0\xb9f#,\t%\xf3\x00\x96\xa2\xe0XUU\xaf\xfc\xc1\x16\xa3\xcb\xeb\xb5{\xb1elc\xe3\xc1Ft4\x1a\x8d\xce-\xde\xb8\xf1`n\xe3\x06\\\xc7\xc0\x89\x0c\xa8\x8d\x12\x89\x84S\xe7A\xb5L\x85\xc7\xba\xf4*{{\\m4\xd8GF\x12\xdb\xd3\xbd\xd1\x07\xbf\xed\xbf\xd7\xdf\xff\xe0\xc1=\x9c\x10\xc1ws\xd3i\xef\xad\x01\xb3Q\xa2\x94Xd\x1eO\xa4HX\xcf\xfd\xb7\xb1\x03\xc302\xb2\xe2\xcd\xf4l\xf7.\xde\xb8\xd7\xff\xeb~\x9c\xbf\xe8\xbf\xb78\x17\x9d\xee\xc9\x1cz\xfb\xcc\x9f)\x95J\xa9\xd8\xea\x89\xd0X\xcf\x0b\x8f\xf5d\x10\xa2\xd8`\xf4\xb9\xecX$z\xb6\xa7;G\xe7\xe6\xe6\x16\x17\x17\xe7\xb0\xed\xac\'\xd3\xd3\x93\xb0\x1b|\x12\xa5T\xaa\xb1\xb6y\x04\x11\x07U\x04\xac\xe6Kw\xda\xfd\xe3\x86\x06\x1fp5\xdai\xae\xc9\xce\xce\xdeNX;\xd3\xd3\xdb\x99\xed\xed\x7fx\x1b\r&gt;#P\xf1\xad`\x80\xc6"\xadTQ\xd4\xfa\xe2\xf3l\xb0\xab\x01\xb8\xd4}v;\x80e\xb6\xa7w:\xe9\x9f\x9d\x9d\xed\x0cB\xa9A+\'\xa9\xa1\xfbd\xc7"\x8e\xe2\xe4\xd6\x17\x81,\x04\x117\x9a\x19\xb9\x1a\xed\xdeD\xe6\xc5\xf4\xf4\xce\x0e&gt;!\xf6\xbb\xd4\x12\xc8*\xa5\x82\'\x16YA\xad1\x8f\xc0\xd1Z\x8c\x02q\xe9~\xc7Zp\xbc\x05\xb0\x02&gt;\xe4\x1ah\x1fhl\xb4g\xb3kktg\xb8^\xa1\xe0hx\x04\xc7\xe1\xf1\x00\xd5\xe51\x0f\xaaU\x0c\xac\xee\xf35\xd8\x8a\rP+\x03F\xb3\xab\xcf\xd5n6`?1\xacPR\xaf\xd0`\xb7\xba\xcc\xe1\x90Y\xdb\xe0\xa0:6\x86m\xea\xc9b`5\xbf\x9dB\xac?\x1b%Ni@m\x80Z!\x91J\xa5&amp;\x93iB\xdbZ\'\x18kk\x1b\xc3^~A\x1bm\xcb\xa0\x9a:\xb4\xfab\xe4V\xc9\xdb\xa9\xd9`\x83M\x02\xf9\xc3\'%j\xb5\xd1\xa8\xe4\x88q&lt;D\x00\x9e\xa7\xa9\xa9\t\x02\x87C\x06h\x80\xc6\xac\x1e\x81\xcc\xa15\xe9\x9f\x17\x05\xcb\x1f\xec\n)8&lt;p\x89N\xe3\x05\x96\x15\xad\x05\xdd\xd4\xdct\xd9\x1a\x91\xc9d\x11\x0f\x98\xa01\xe0\x82\x02a\xb2=,\xfc\xdc]\xf3{,\r_,\xd6I}\x18C\xdd\xcc2v\x7f7\xfd\xd8i-\xab\xab\x8bx \x8a(WDK\x99\xba\x02O\xaa\xae\x96\x94\x95\x95]- \xdeo\xa6\xfc\xe36\x89\x89\xd2\xf0\xf9:\xa5\x0f\x8a\x94%&gt;\xb3\xdc\xd4\xf4\x9e\x0b\xd4\x12\x00\x97\xc0\x8a=\xfd\x1e\x0f\xc4\x10\xd4\n\x9e\x1f\xec\xee=\xde\xdb\xdbM\xb1K\n\x15\xc5\x87\xa0\x96-i"x&lt;\x1eG\xa9V\xfb\x02N\xdd\xd0\xcc2\xd8\xc3\xeb\x80u}Y\x04k\x06\xee\xd1m\x90\xf0\x11\xa8Z\x885&gt;;\xfc\xec\xf5_\xdf\xbd\xfe\xb6r3\x15\xee\xae*\x18VW\xc8Dp\xc0\x9dJ\xd4f_ \xe0$u\x10\xc7\xcb\xbf\xfa\xa4\xe9\x82J$\x97\xcb\xb0\x8bE\x10\x89\xb4j\'&amp;\x00+\xe8\xf7\xc6\xe0\x88\xfdCM-\xd7\xbd\x19f\x15 \xb5\xca\xfe5\xe5\x1f4\x84\xf4\x88eQ\xfa\x10\x0b\xac\x97S7#Z\xbe\x8cPW\xae\\\x11\xc9q&amp;\tva\x9d\x83\x9a\xf8\n\xb0\xba\xba\xc6\x83\xd9\xed\xe8\xe8w\xaa\xdaR\x06;\x05`\x1fY\xb1\x92\xf0\xde\xcb)\xff\xec8=m\xc7\xe3H}fl\xbc\x06\xefEs-\x8bfDWD3r\xb9\xb8\x0e\xc2\x08\x99\x0fX\x14e\nu\xd1+\xdb\xf9\xce\xcd*e\x94\x95U\x00\xd8G\xcd\xb1\xee\xd4\xe3w\xdbS~?b\x11&lt;&gt;\x9f\x0c\x98\r\xea\xd5\x80\x12\xc0 \x8c`\xf41\xb1\xe2\x88%\xb0ZQ-\xadVK\x11\x88u-\xa9\x9f\x98]q\xb3X\xa5\xb8#\xd9\xa9\xd4G\x8cdm\xea\xe0]\xe7\x1f\xa6\xb2\xfe\xf1\x86\x90\x82\xe0h\xf8q\x8b\x0f\xdb\xe7Q/\'\x7f\xf9\xd3e\x91\x1c\xb5\xbaP\xcb\nw\x1e\x9c\xf9\xa1\x88$P]\xd3\x13\x94\xbec\xbd\x94\xc5\x04\xb9\xcaJ\x18\xe1M\xf6G\xc9)F\xf7\xfd\xd4\xe6\xc2\xb3\xce\x17\x805\x8b\x93\x9c\x88%\xa6K\x84\x11\xb2\xab\xc3\xb7\xaa\x13\x0f\xcd\xcc\xc81\xe3\xc52\x81\xc0c\x85(:\x1c\xad\x14\x01X\xb6k\xd7L\x94\x968\xff\xbe\x94Y\xca` \x18\xbb:\xf5\xe1\xcf\xa6\x9aY\xee\xdd\x05\xb7\xbb\xfe\xf1S\xa0\x82\xdc\n\x1a\xdeG\x91\'\x05\x83\xb3\xda\xe1\\\x82z\xbfj\x81JAc\xc9\x81\xc9C\xa7&lt;NH)\x92\xb6P2i\xa2Z)\xc4b \x16\xa3\xb4\x86-\x0c\x7f`qm\xee\x0e/\x1c\xec\xba\xeb\xeb\xeb\x7f\x18\x05*8\xc2\x8c\x8f\xd3\x83\xaf\x80E*\xe1\xee\xe3\\Zr\xc2)\xcb\x12\x17C\xcaC~\xc9D\xd6\x1f\xa9\x00\xcb\xa4\xc7\x11\xa9\t\xaa\x958_g2\x19(\x17\x83\xc5e\xab\xdc\x1f$W\t;\xb5\xb0\xbb\xbb\x0bP\xf5\xee\xefF\xa7\xd6\xa6\xd6fg\x07\xc7[B\x128YiP\xae\x80\xd2i!-\x16\xa7\x93\x8c\x8b\xe5"\xa8W8XF\xbb\x0b\xd0\n\xaa)0\x99L\x04Ei\xf5\xe7\xd5\x88\x85\\\xb5\\6W\x98\xe2\xfe\xe2\xd2Z\x12v\x03\xd3\xee\x81\xbb^\x05X/G\xd7\x00kp\x10\xb0l\x12\x90\x8b\xc7\xe7Y\x94\x12\x89\xd4B\x92\x1c\x92\xe4\xf1!\xdb\xadW\xac"\xbah\xc1\xb1\x0b\xa8x\x80e2)\x08-`I\xce\x99L:\x88\x0c\x06\xbb\xa6\xa6\xa6B\xe8v\xa7\xb8\xbfd0\x96\x15\xde\\X\x00\xad\x0e\x0e\xeai\xb5\x00\x0b\xce\xa1\xb3.\xe0\x82(\xd2%\x95\x94\x82\xcb\xb1\xe8t\xbc8\x1f\xb4\x82\xd4\x02\xb1Dx_\x94\xd1b\x11\x14\x01P\x1c\x8e\x162\xbe\xe3\xa0\x14\xb1JA0veu\x05\x8b\xc5.\x07\xb0p\xc5\xffI\x06[\x0fDr\xaf\xaf\xef\xee-`f\xd5\xaf\xbf\x9c\x9b\xf2\xff\x04\x0b\xbf\x8fT\x80#$\xe3CC|&gt;\x0e1\xc3\x11\x1eRKD\x8b\xe5\xd0h(\x82C`\xe5\x85w\x1a)\xc4\x90\x8e \xfc\xe2\n\xb9\xacRVEE-;\xbc\xb9\x99J\xb1\x7f~\xf6\x97\xa4\xd6\xdd\xaa\xcar!\xac\xf5\xbd\xf5z\xe4Z\x7f\xb6\xf8\xe2vvm\x16\xa3h\xb0\x85$R\x05Ar\x00\x0b\x8cN\x1c\xb1\xc4\xe2\x8b\x8d(\xc7\xb3M\x1d_\x0bT\x14\x87P\x10p\xd8\xd0h\xb4\xe4\x1e\x8b.\x0f\x98\xf1\xe54\x15\x9b\xfe\x80\x1d\x86??\xfc\xb3\x1e9V\x95\x85\xdd\xeb\xaa\xf2\xca\xca\xf2\xca\x9a\x9aJ\xd5\x85X\xee\xfao\xa3\xff\xbc\x8d\xf3\x9c\x98\\\r\xc0\xa5W\x90\x1cB\nX\x16]&lt;\xce\xe3a\x18\xa1j\xf1\xf98\xa9\xcb\xd7\xf0(\n\xa2L@\x06\xc2\x89Q\xacy+d\xbe\xc7*c\xd7\xb0\x98Lv-}\x05E\x8c\xc1M\xa567+J\x9a\xffWEH}\x0fP\\.\xb7\x92\x8b\xabR\xa5R!\x97j\xe15D\x11\xb0f\x07\xd1V\xd8B\x18FB!A_\x08K\xa7\xc18\x02\x02\x1fN\xd1\x0e\rO\xa3\xd1\xf0\xc0\x05\x01\xae\\V\'\xbe\xf9\x1c\x12\xbe\xf4\x82\x8b\x05T\xb5, \xa2\xa9\xca\xf0\x93J\xe1\xa6\x1b\x8ec\xffukVaEXPUs/V%\x92\x95WW\x03\x99JX\xbd\xf7tg6\x8b\xb3\xc2\xb4\xdb\xb1\x85\xa4\x88\xa5D.\x0b\xa9#y:&gt; \xf1\xf9\xadb\x87\x03\xc4\xd2\xc0\x8b\x07T\x1a\xb1L.\xbf\xf9\x8a\xcb\xa4c\x86\x18L&amp;\x801.\xb00\xd7h\xe0\n.\xe4\x19\xf7?\x07\xb3\xaa;\xec^Xp\x0b\xcb\xcb\xb9?Y\x80U-\x14\xaa\x84\xe5\xd5\x7f\xe9\x9d\x02\xae\xc1&gt;W\x0b\x9a2\xe3\xbf\xdb8\x9f\xd06\xd23\x8cK\xd1H\xd1L\x87\xf9\x87=\x7f\x1c\x81\x8cp$"\x8b\xd2\xc8\xc1\x9b\n\xfb\x94\xc2:+(\x85@\xb7L\x87\xed\xa9)\xe4\xd4\xd3v\x97\xe4P\xf6\xa0 \xe8\xc5G]rwA\')\xb8\x14\x8cL\x0f\x12\x18\xac\x8bL/:\xc4\xa4\xc6\xdd\xf4\x10\x84s\xf3a\xb7\xcf\xf3~c;)\xfdb\xfd\xb1bI\xbfy\xde\xe7}\xbew\x0e\xd2\xdd:?\xf0\x07,t#\xb2k\x8b\xd2\xa8\xf5\xcb\x15Q\x8b\x82\xddAiw_\x9e\xe9\xba.\xda\x14\x8b\x84R\xde/p\xf17\xb9\xd2\x1d{\xef\xff\x8dc\xbf\xd0\x9f\xf6\xba\xedF\x05\x9e\x82\xaf\xb8\xa2(\x88"\xc3\xf1\xb9*\x90\xb0\xf1\xc3\x9f\x9f&lt;\xf9\x0eX\xfc|\xcag\x9f}\xb5^\xaf\xa7X\x9foc1\xbc\xee\xac\xd0\xe1\x18^\x7f\xb6\x04\xc1\xee\xd0q?\xbf\xb7{\x12\xc8\xf0 T\xb0zA\x13\x1e\x9d\xe5\x84R\x05\xb9%\x9d\xf3\xbc\xfd\xbfcK\x04\x9f\xd7*&gt;\\\xce\xea\x89B\x90\xc8\xabt\x0f\xba\xbem\xdb\xf8\xd5\x8ezo\xf8\x99\xfd/\xbe\x80\\\x9b&lt;\xe7\xdfxX\xafWQF&amp;=\xa6\xd4\xad\x95\x95\xfb\xcc\x03r\xf1\x875\x85Z\xbb\x87\x08\xf8\x94J3\xb4VK\xd3\xc30\xd4\x15\tV\xa8\xa79\x9b\xd3\n\xc1\'P\xc5\xa7{m\x08U\xf1}\xbe?\x81d\xd5\x06G\x97\xc3\xd1L\xba\x92\x8f{\x837\xff\x86\xe9\x81\xb5\xb3#\xb6\xbf[]\xdd\x96f\xdcF\xa8n\xdd\x07\x15\x0c\x85\xcb\x8a\xdc05\xd6\xee\xed\x1e\xee\x15\xd2\x02\xe6Z\x8d\x8b\xd9\xd1\xa4kkE\x06kA\x0c\x87\x11\xac\x85qG\xb9\xbf\xf0\xc9&amp;\xf3\xbc]\xab(\x9c\x1aw\x1a\xb1x\xa3\xdb\x1f\x0f\x93\xbc\x99\x1d\xf6\x88e\x03\xb5\x12\x0c\xde\xfc\xe9\xc9\x1f\xe0y\xc8\xb5\xf9\xe0\xd1\x83G\xdfnT\xab\xeb\xd5\xea\xe7H\t\xac\xa5Ud\xec*\xfb\x8fT(\xe2\xda\xee\xda3\x18+\x97b\x15\x8d\x8b\xa4\xd9\x99\x0e/g\x93\x9e\x012\xf4f\xf1\xd6\xad\x16\xb1R\xee\x8fv\xf0\xd7{{\r\xdb\x16E\x94T\\\xb5\xc9\xe2&lt;\xb1\xcc,V\xe7\xc8\x86\xcd\x80Ukx\xc6\xf7?\xfc\xf1\x89\xc8\xb5\xb9\xb9#1\xc1"\xa2\x19\xc1\xb5E\x83m\xf3\x93\xaf&lt;3\x12\xaa\xb5\xb5\xaf\xdf\x9f\xe97o\xba?\xb2,\xab\xdcl&amp;\xa3\xe3\xcb\x0f\xfb\x95\x1c\x88Z\xb7n\x15s\xd7\xeb\x1a\xab\xf5\xf4\xfbZ\x85\xee\x0e"HB\x1bUj\xdd\xc9l\xd8qM@\x99\xcb\xa6i\x9e\x0f\xc0\xe5!&amp;\xf0\x87a\xe3\xfd\xef\xbf\x93"B\xb1\x07\x8f\x14\x17ZQV\xbd\x0e\xb3\xad\xae\xfe\x15\x06cZ\xac\xdd\xa3VW\xb6\xcai\xad\xf6\xbc\x19w\x92$\xe9\xc4e\xab\x0c\xd5f\x07\x95\xc8(\\\x85\x84\xac\xeb\t\xbdW\xf3\xd3\xe0\x84Z\x9e_;8\xba&lt;\xefX\xe0\xc9\x92\x8a\xcb]\xd4"r\xb1\x8c\xb6\xe1\x9f\xfeS&lt;\xbf\xa9\xec\xf5U\x15\xae\xaf\xd6\xd9\x89\xdbU\xb4\xe6\x0bp\xad.\t\xd5\xda\xb3\xdd\xc3WW\xb6\xcai\xc5\xda\xa2\x13\'\xd3$\xb6\\\xd7*c\xa1\x9e\xc7\xe3IE\x97vL\xb3BQ\x19h?_\xb4@\xe1l\xbf1\xe8/F\xcd\xbcY*\tO\xa9\xa4\xee\xc4\x17\x12\xb0\xea\x8f\x1c\xe7\xec\xc7\xffP/\xc4\x84J{p)\xbd\xaa\x0f1\xc9\xbcXU[\x0e\xa0^\x9eD\n\x89Z\x15\xedq\x0c\x1a0\xb9(#\x97UNF\x8b\xfd\x06T\x91\xd4\xd0\xd8\x96\xe9&lt;L*[t\xa8\xb4\x07\xfd\xd9\xb0i\x96d\xdd\xbe^ +M\xfb\xb6\x94Y\xe5\x84\x11\x9d\xbc\xfd\xdd\xce7\xbf\xf9fG\xec\xf5p\x9b\xdd\x08\xe3W\xab\x1b\x7f\'\xd6\x12\x12\x7f\xed\xce\xb3\xc7\xa7\xaf\xb4T)je\x7fH\xca)O\x19\x0e\xb3\xf2n\xf2\xae\x8f\x1d\x85\xdd\x8fK\x10J~1\xd5#\xa4\x02\xb7\x16\xb4^o\xffhq\xde\xc9.+\xa2\xd2\r\x13\xe52\xcd\x11\xb8\x02\xc7\x89"F\xab\xe7\x84\xfe\xc1\xdb_3U\xbf|\xf0%\xe4R\\\xeb\xd5u\xcc\xa2/^HB|\xfd\xf8\xf4,\xa4\xcb\x15\x96\xd6\xf2gI3\x8e\xe3\xa6T\xaf\x89\x9f\xce|\xe2\x87F\xc4&amp;\xc7X\x18\xd8|\x03\xaa\x85\xe1\x13Y%Yppq9\xb5\x94\x91n\x96)\x8b\xbdhf\xcdi\xdfW\\LZ/0B\xfb\xe4\xfd\xdf~\xba\t\xaeGw\xeb[\xb0U\x95\r\xb9\xf1\xedCh\xb5t_A\xa9\x88\x94\x9d\xa6X\x1bw\xa0\x11\x99,\xab\x99L\xa7\xd3\xe1E\r;\x8e\xe1`H\xf1\x02D\x08\x060\x8c\xadQ\xe6\xb7{=\x19Y\xe0\xa7\xf1\xa8lf\xf3\xf9,.y\xd7r\xb37\xcbL=\xb6\xbc\x9c|hp\xd8u\x02\xe9\x8c\x00\xf3Rtv\xfa\xfe/\xbf\xa2\xbbV15o\xd5\xab\x1b\xac\xe1\xea\xd6\xd6\xee\xe1\xc9\xab\xb0uE\xc5Ul/\x92\xb8L\xa7[0\x16\xbbq\xde\xf74R\x19\x06\x13_\xf6pz\xcb\xc8\xf40\xdea\x96\xda_\x8c\x922\x80\xca1\xba\x16L\x9d&lt;sU\x00\x00\x03\xfbIDAT|&amp;\x00M\x02\xa1\x1dS\xdb\xe3\xd7x\xd1v\x80\xe5\x04\xd4\xdd\xa3`\x85\xd0&gt;;9|\xfb\x0fd\x16\xf2s\xbb\x8e\xd3\x9c\xf5\xad\xc7`z\x9dK\xa1\xae\xa8\xbas\xb4`\x87\xaf\x9c/#\x1f\x92\xd1\xf8\xc0\xd3\xb1\xd5D\x81a\x18z\xae\xe0\xe8E4#Jjg\xbam\xec\xcc\x83q\x92\xbdmR\'\xa6\x9c%j\xf1\xc9,\x1c\x7f\xb2T\x8f\x0b\x0f\xb9\xf3\x03\xcf!W \x1by@\xc54\xcc\x97\xaf\xceN\xfeuzx\xf8\xf2\xe5\xe1\xe1\xe9\xc9\xd9\xf3\x00Lb\xa7\x94I\xcb\x85\xfb\xcc+\x84\x15\xa9`\xafxx\xd4F^\xe9\x81\x876\n\xf0"\xa1c\x84\x0e;\xca\xf63\xedn\xaf\xdd?\xb6&gt;\xf26\xa5Q\x8eb5-Bf\xb3V\xb3,\x98\xa0tGG\r\x08\x160y9`P;\x87c&amp;^\xf7\xb5&lt;b \xb7eS\xb9f\x82T\xf6\xd1\xb0)\x9e\x82\xb7\xf8o\x84\x14\xf5&lt;\x07\x10\x1e7\x17\xba\x1d7&gt;\xc6\x04\xf8\x83j\xcd\x92,p\xf8\xe5O\xf2\xa5l\\hB~E\xdbOTp\xb1\x84\xa6\xca\xaf\x125\x8d\x17\x03\x1a\x93`\x91\xec\x0c(\x83\x13\xea\xd7szN\xe5\xb5\xc4\xa3\xc6[\xb8\xba;\x1e%\xe2\x0f\xc6g\xa7\x9c,\x0e\xfc\x10z\x03\xc3\xe7\xc5\x96x\x88\x029\xce\xc0\xcb\xf4\x06\x8b8/\x89PR_\xaew\x8d\xf6\xe9J\xd5T\x9di\r\xfb\x95\x900\xf2\x13\xa9;t-\x96\x11\xa63\x94&amp;\xb3\x01/z\xd1\x98@\xaa\xb8Ic\xb8\xb0U|~Q3\x8c\xc8\xe7\xd9\x8b\xcf\x89\xc5\xc3}\x1eY\x08s\xf0\x003\xfbs\x8b\x9d&amp;\xf5\x13_\x7f\x9c\xa1i]\xd5\xb5\x8a.\xecF\xf4`g&lt;\x88\x0cOd2\x8c \x92\xb6\x06\x97a8\xce\r\x16\xaf\xa9\xa1V\xbb\x18\t\x12\x9e\xc9f\xea\x1cOl\x14\x8d\xb3\x80\xaf\x0c\x1a\xf25\xd4_s\x06\xd32\xc7l7\x85u\x1dU\xa5Ob+\xabR+/\x96\x17\xf7\xa3\x14V\xf9\xfc\xa2\xab\x94r\x98:8\xdd\x03 \xb8\x04K\xe6;=\xa5\xcaU&amp;\x97\xd8\x98%\xd5\x99XpU\x17Y\xecU8\x12p\x1f\x0e\x82P7\x08\xa3\x8e\'\x0c\xb1U\xe7%\x03htU\x9fe\x81\xe0\x81\xe5yx\\.\x84wUo\n"\x00q\xdf\x8d\x8f?\x0c\xb0\x19![\x01F$\x10Q\xae\x14K\x97\x8b\x9e\xf3\xf6\xc7\xd3r\'\xe9p\x94a#"\xd6+\x8ctD\x1fFq\x1e\x91\x03\x9d\x0c6\xcd\x95\x0b\x80\x05\x10\x16\xc9\xcc\xbay\xb9\x98\xa2t\x9e\xda\x90\xc5\x95\xee\x03\xa6\xcc7Wy\xcf\x07\x10\x19\xcd\xf3\xd9\xa4\xed\x19N\xcaE\xa4P\xb0\xc0\x88\xf8\x81`\x06\x06\xb6\x11\xa3\x10;\x0e\xed\x1e\xc7\xd3\xf1\x00\x95s"\xcf\xd1\xc3(\x92\xaa\xe3\x19\x06\xf6B\x0c\xa50\x17\xa8\n\x9a\x93\x91i\xea6;\xcc\xca\x9b\xa4 \x8ah\xe4\xbaY\xfa\xc8L\xf7\x9f&lt;\xff\xcf\xcagUL\xd0\xba\x90\xac\x89\x99\xa4\xdf\xc3\xb6\xcd\xa4\x16$\xb1&lt;^\x1a\xb5\x08k\x93\xd9|\xd4,K\x142\xa9pg:\xeb\xc9@\x80\x10\xf0\x84\x8b"\xebz\x10\xe9h\xdf\\\x01X\x05-\x8cj\x19\xbe\x1f\xf3\x01\x04\xd8n\xf0^\xb8rS\x81\x96M)\xa1@\xb0r\x8a\x89\xc5u\x19h\xac\xa5e\xc5\xd3\xf3w3\xce\x00\x1e7\x7f\xbcr\x81\xe7\xa6\x0e\x87\xed\xe3i\\\x8e;L+p\xc9v\x83\x04\xb5\xd3\xd3\x16?\x82\x8d\xd0\xbf4\x13\xd8\xe8N\x1e\x90\x913*\xed.\xb0\xb2\xc0\xba]2\x15W\x9eL\xa9\xa5\xb2$\xcc\x8b\xa5\x04E\n\x8a\x98\xe7\xe6\xa44u%\x1b1b&amp;\xa39N\x1a\x06\xdd\x1e\xe6\x90v\xbb{0\xf9\xf0\xee|\xaa\xe6\x04\xb9\x96\x12Z\xf1\xf1\xa4\xa1z\x0f\xc9\x19\xb1Y\xc1\x15\x1a\x08Ud=\xba\xd91\x90\'F\x03\xfba\x86\x92\xb8&amp;\xcc\x95\x17-\xcc&lt;\xf5\x82\x16\xeeU\xc0K\xff)\x95,\xb9.[\xa9^\xca\xf9j\x1e@H&amp;\xd3\xd1p~y\xf9n~&lt;\x1cM\x13\xf1\x93\x8cT\xa4\xeat\xca\xae\x15\xcf\x0f\x90\x08\xb6-\t\x1c^\x9d$\x1a6fJ\xe9\x0e\xf4\x88V\x88@\xd5\xa8\xfc\x17\x9c\xff\xca\xe6Wv\xfc\x9c\x00\x00\x00\x00IEND\xaeB`\x82'</t>
        </is>
      </c>
      <c r="M409" s="3" t="n">
        <v>45492.67630787037</v>
      </c>
    </row>
    <row r="410">
      <c r="A410" t="n">
        <v>1018547</v>
      </c>
      <c r="B410" t="n">
        <v>1999</v>
      </c>
      <c r="C410" t="inlineStr">
        <is>
          <t>Thiago Borbas</t>
        </is>
      </c>
      <c r="D410" t="inlineStr">
        <is>
          <t>T. Borbas</t>
        </is>
      </c>
      <c r="E410" t="inlineStr">
        <is>
          <t>CA</t>
        </is>
      </c>
      <c r="F410" t="inlineStr">
        <is>
          <t>ATA</t>
        </is>
      </c>
      <c r="G410" t="inlineStr">
        <is>
          <t>CA</t>
        </is>
      </c>
      <c r="H410" t="n">
        <v>181</v>
      </c>
      <c r="I410" t="n">
        <v>18</v>
      </c>
      <c r="J410" s="2" t="n">
        <v>37352</v>
      </c>
      <c r="K410" t="inlineStr">
        <is>
          <t>Right</t>
        </is>
      </c>
      <c r="L41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58c83b75-d888-49b2-91e3-08754c8521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.b\x9e\x00\x00\x00&gt;tEXtComment\x00xr:d:DAEewil2SDw:3129,j:9030118292309124670,t:23082714\xb3\xea\x8f\xec\x00\x00\x00\tpHYs\x00\x00\x0e\xc4\x00\x00\x0e\xc4\x01\x95+\x0e\x1b\x00\x00\x03\x00PLTE\xff\xff\xff\x1f\x1a\x14\x0f\x0e\t\xe6\xe6\xe8\r\x0c\x07\t\t\x04\xe3\xe3\xe5\xff\xff\xff\xe9\xe9\xeb\x05\x06\x02\xb8\x8bi\xb5\x89f\xe3\xe3\xe8\x13\x10\x0b\x17\x14\x0e\xbb\x8fl\xfe\xfd\xfd\xe9\xe8\xea\xdf\xdf\xe4\xdc\xdb\xe0\xb3\x80a\xdf\xdd\xe2\xe6\xe6\xea\xeb\xea\xed\x9blN\x9ccG\x95a@\xdc\xdd\xe2\xe4\xe5\xe6\xd8\xd9\xde\x98aF\xb2\x83c\x1a\x18\x12\xb5\x84d\xa9{_\xe1\xe2\xe4\xaf}`\xcf\xce\xd2\xb7\x81_\xd8\xd7\xda\x14\x13\x0e\xfa\xfa\xfa\xac|a\x1d\x16\x0f\xaewZ%\x1e\x16\xb2\x87f\xaez[\xaf\x84a\xd1\xd2\xd6\xf4\xf3\xf3\xb8\x85e\x92fC\xe2\xe0\xe5\x9diF\x91_&gt;\xba\x87i\xb4yW\xabyV\xee\xed\xf0\xa7w]\xde\xdc\xde\xca%\x1f\xad\x82^\xb7~[\xf2\xf0\xf1\xabtX\xcd/*\xb3\x87a\xa9yZ\xd4\xd4\xda\x95eD\x99dA\xe4\xdf\xe1\xab~[\x89[:\xa6uR\x9eeL\xdf\xdf\xe0\x82W4\xa5pM\xa0oM\xb3zc\xa2iI\xb0vS\x97hF\xad\x81d\x96jK{P/e&lt;%\xaev_\xd6\xd5\xd7\xadrM\xa8pW\x91Y&lt;\xb6}g\x8dbD\x8c^&gt;\xdb\xdb\xdc\x99fK\xa5uY\xb6z[\xdd\xd5\xd7\xb2sX\x9emR\x96Z@\xaaoR\xc4\x9f\x82\xc7+\'-\x1f\x14\xbc\x1d\x18zS:\xd5\xc0\xc3\xa4mT\xc1%"\xdc\xd8\xdb\xa5xW\xe8\xe2\xe5\xda\xc7\xc8\xcc\xcb\xce\xablI\xa3kO*$\x1b\x97lP\xc5!\x1a\x9b\\C\xba\x80e\x81[B\xb6\x8di\xdb\xcc\xcf\xbd\x88m\xb2~Z\xbd\x93r\xb2\x87k\xcd\xaa\x90\x9ftS\xbd\x8drpI.\xc8\xc4\xc8\xc0\x99{\xca\x9e\xa1\xf8\xf6\xf6\xc9\xa4\x8a\xbc\x91x\\6!pO:\xb8{_\xb8\x81l\xc2\x9c\x9f\x8dP8\xd6\xcd\xd0\xdb\xd1\xd4N.\x1bD,\x1cW&lt;+o?*\xb8\x90q\xc2\xbf\xc1\xcf\xaf\x96\xa1qX8#\x16X/\x1b\x86P3\xd2\xc7\xcaK5%\xe4\xd5\xd3:+\x1e\xca\x95\x99yG-.,$\xd2\xb7\xb8\xb6\x89o\x88V=\x8ffL\xcf\xa6\xab\x85D1\xce\x8d\x8e\xc994\xe4\xdb\xd9\xf2\xe9\xe5\xed\xe9\xea)\x14\x0c\xdd\xc0\xbe\xa5cA\xc9\xab\xaa}8\'\xd1\xae\xb0\xc1z~\x87`C\xa3{[\xe3\xcf\xceYTNaF2\xce\xbd\xc0\xc2\x92\x96\xb3\x15\x10\xc8\xb0\xb4994\xcaef\xa5cM\xab\x86p\xcdts\xb2kR\xa6}c\x94oYW\x1b\x12e%\x19\xb6\x98\x9d\xdb\xb9\xbc\xd8\xb0\xb2\xeb\xe1\xdc\xa4cU\xc3\x89\x8c\x91J3q/ \xc9\xb8\xbb\xbc\xaa\xaevtr\xa4\xa3\xa1\xd7\x9a\x9bLJD\xc7KF\xadm]\xbc\xb4\xb7J\x1b\x11\xd0\x81\x81\xb2\x8c\x8f\xbfnr\xe2\xca\xc5\xbcce\x84\x84\x81\xd2\xb8\xab\xb2\x91\x7f\x83`P\xd7\xa3\xa5\xe2\xd6\xdbba]\xbc\x9e\x8b\x9cN9\xa1QK\xc1Y[\xb0ko\xb7\x80\x83\x98\x93\x8e\xc7\x99\x84\xb1vz\xa6sr\xae\xad\xac\x99|k\x81pb\xc9\x85q\xcaXT\xad\'!\xb6I?\x86\x19\x10\x968&amp;V&lt;\x10\xdc\x00\x00 \x00IDATx\xda\xcc\x99\xddK\x1b{\x1a\xc7;\xd3\xf1\x14\xb7L\xce,\x08G\xe5P\xc7b=c\x93\x89\x1e\x95Z\xd3\x165\xb4(j\x8d\xef\xc9\xb4\xd6\xc6\x167\xae\x10BY\xf7\xd4N\xd8\xa4\xabG\xd2\x08\xd2DY\xc8\x8bb\xf4\xe4\x0c\x06\x93\xcb\xd0\x1b\xddd/\x02\x82^\x9d\xab\x8d\x84\xed\x9d\xbb\x82{\xe5E\x8fw\xfb&lt;\xbf\x89\xcb\xf9\x03\x1c\xdb\xa7f\x9a\x8c\xc2|\xfc~\x9fy^\xc6+W.(8\x8e\xbb\xf2e\x04\xf7\x9b\xf8f\xf1\xfb\xa5/\x82\xec\xb7P\xdc\x83\xa3\\\xe6S\xdf\x97\x00\xc6\xd5]\xfd\xfe\xf5\xad\xa7}_]}\xb0\xf6\xe9\x84\xa7u\x89\xcc\xe1\xef\x01\x8b\xfb\xacRu\xac\x1der\x10\x85\xccI&amp;\x97\xa0X\x86\xa6\xc4\xc4\xc9\xe9b\xe3g$\xe3\xea^\xe4\x13\x02\xc3\x94\xd0\x82@\x89\x14\xc5\xeb\x04V\xe0EQL\xe4\xf2\x1f\xfb\xee\xd5}\x16/9\xae\xee\xbb\x13\xbe\x84\x04\xc3\xf2\x14/\xb0,\xcd0,%\x8a\x94\x9eJd\x8e\xd6:\xb8\xcf\x92\xeb\xb7Nx\xa6\xa4\xc8\xc5\x00\x93 \xb0\x0cC\xb3:=\x04E\x89\xb9\xfcZ\xe3e\x0b\xc6\xd5}uX\x10\x18\x90\x07\xa9JK\x18\x9a\x06,\x81\x05*A\xa7\xd3\x01\x16E\xc9\xb9\xa3\x17K\x97\n\xc65~\xccPD%\x8c\xf3\xff\x01\r\xd4\x023Q00\x93\x973\x9f\xae\xd6q\x97Hu\x98@\x95P P\x88&amp;Yu\xee\'~$\\p\x0f\xe8.\xd5I\x8eP\xa12&lt;\xdc~H\xa6R\x15\xd9\x18\x96\xb8\xa8\xd7\xebt\xbc\\8\xbcwI\\\xdc\x83\x02S\xc2\xa87 J\x02T\xf0\x91\xa1Q8\x90\n\xdcD,\xbc#!\xcd\xc4\xdc\xd1\x83K\xe1\xe2\xea&gt;\xc9\xb4\x80\x04P\x16\xb0X\x91\x94B$L0\x81\x07L\x16S\xcb\xe9D0\x9e\x12\xf3O/!\xc18\xeeEF\x10\xc0;\x1d\xbc@.\xf2N\xa7\xa3\x99\xa2\x8b,\xa2\xea\xf4\x80%\xc7d\x19\xcd\x14O^k\xcf\xc5u\x1cQ\x904$\xa7\xd0D^\xc7\xf3\xc4\xc7\x12,^h\xa6\x8e$\x16p\xc5d\x11\xb9x\xf1dQ{\xae\xb5\x1c\n\x84\\&lt;\x8fPp]\xcc\'\x9a!\x99\x85\xb9\x05\xc6\x89\xa4F81\xc1 \xcf\xe4\xccZ\x9d\xc6Tu \x164?\x9a\xd6\xf1XC\xcf\xa9X5\xdf\x01\x15&gt;\xb3 \x18VU\xa4\xe2I\xfe\x17^k\x9a\xf70U\x15T\xcbh\x1ak\x04/R:\x92\xf1HE#\x8e(\x8b`*\xaa\x89\xd5\x1e\xbe\xad\'\'O4\xbd\x1f\xaf5\x1e\x894)N\xd8s\x90JP\xbdc\xd4~H\x9dW\x06L9=\xea\x85\xef\xb1\x15\x1diX\xbf8n1\xc7\x94\x94B\x13\xc4\x03$7)\x07l\xd1A\xa0\x90\x9d\x18d\x8a\xa0(\x15R\xafV\xdc\xc4\xe9\xb7\x9aqq\xdf\xe4i\x02\x84XP@\xb1l\x15\x83X&amp;+\xf1@$\x12\x89+\xb1"\x1d\x8c_ (\xe9\x9b\xbcv&gt;r\x8b\t\xe0)ei@\x83+a\xc1"Lz}:\x1dS\xe2\x91l\xd0\x95liI\xda\xa4\xc0F(\x14\x0f\xc7T:\x1d\xfc*\xf0\xd3B\xfe\x9eFX\x8dGl\t!R\xa9\xc0\'\x90\x89\xd5\xa7c\xe1x6\xe8M\xa5\xdc\xd6\xf2W\xbd\xd3\xfdC\x15\x7f\xfc[OOr+*I\x81\x90\x12\x83\xfc#\xc56\xb1\xa6I\xf9\xe2\xb8\xefr\xa5\xc5\x01\x0b]\x01\x7f\xb0\x0c\xa4\xc3\x01\x7frd\xe0Q}}\xbd\t\xa2~~~xl\xf6\xc3\x87\xa1\xa1\xae\xae\xca\xf1\xad@(\xe6\xd4\xab\x8d\x89&gt;\xe9\xd3\xc2\xc6k\xdc!\x05X\xa5\xaa\x83\xbc\x0c\xa5\x00\xdaL:n\xeb\xf1\x99\xeb\xcb\xcajk\xdb\xdb\xe7\xe7[\xe7\xe1\xd5:&lt;\x0b\xf1\x01b|K\n\x84)\x96`1|^\x8b\xdb\x91[\x82\x84G*\xe4\xa2)\xe8x`\xa33\xe4\x1a1U\x03\x13F{{{+\xbc\xda\xe7[\x87\xc7\xc6\x08\xd6\x87\xf1M\x9b\xe4\xd4\xa9X\x8c|\xb8\xc4]\xbc\x87W3\xcc9\x15$\xd69UyM\xd3\xdd\xbbw\x9b\x9aT\xac\xf6y\xc27\xdf:\x06r!Y\xd7x4F\xa9\xed\x89\x11\n}\x1a`\xbd(\x14\xb1\xb0\x92bQ\xa2\x9ca\x1bR\xfdn\x0e\xb9&lt;\x04\xab]\x15\xaeV5rvv\xe8\x8e-\x0c\xad\x80\xc66\xce\xe6\x16/\xdc\xc5\xf3ZJ\xd4bq\xf4\x94\x9da\x7fy}YSS\x13R\xa9rMN\xc2\x11\x0f\xf3\x93`$H6\xdb\xdf\xb9\x01\xa5\x9e\xcc\xb04u\xf1.r\xdc\'\x99)-\xaa\x85\xddEV\xc2~wMY\x19d\x160\x01\x97\x07xP\xaf\xc9V\x88a\xcc/\xb8\'g\xc7\x06$\'\x85\x8b$\xce\xad\xf9{\x17o\xe2\xa1X\xc4\x82\xd4\x82QA\x89K\xd6\xee\xb2Z\xf5\x1e\xac\x85\x7f\xed\xad\x0e\xc0\x02"\x0cd\xc2\xaf\xb1\xb1^W\x8c\x12a\x06\x82\x9e.\xe4\xbe\xe34\xc0"\xd5\xa1\x94\xac\x11\xbc3,5\x9b\xa0\x1c\xcc\x1bP\x9cVPjy\x19\xc5B\xa5\x08\x8e\x1a\xd3&amp;\xd3D\x98T8\\\xbc\x13k\x1a`Qj\x8d\xc7\xdb\x8a\xa5\x94\x80\xddd\x1aV\x83\x80aV\xd5\x12,\xf0ov\x8c$\xfc\xd8\x98\xc9\xd4\xdd\x1cr\xe2B\x8b\x1d4\xf7\xfa\xc2\xb1\xeaNy\x15\x0b\xdc`X1\xe4\xed\x1d\xee\x05\x9f\x86\x87\x1d\x0e\x15k\xb9v\x12B\xc5\xfa\x7f\x98\xba\xbb\x9b\x03\x8a\x0c\xeb,\xce\xb2\x99\x0b\xaf\x100k\tj3\xc4\xd6\xa3s\xfa\xef\xf4\xf7\xf7\xcf\x8e\x11\xa5\x90\x85 M.\xc3[\x87\x03sK\xd5\xd1T\xdf\xd6\xe6\x96\xe2\tY\x84\xb9\x9fO\x9cv\\\xfc2\x9d\x17\xd4\xfd\x14]\xd4\x87&amp;\xba\xba\x86\xfa\x81\n\x8c\x9b\\&amp;\x99\xb5&lt;\xb9\xec\x81\x03\x02\xc2IH7\xcc\xbc\xb2\xaa\xaa])\x96H\xc8`"\x9f\xbb\xf8\xa1\x1eM$\xcf\x1c\xc8\x96\x13\xf3Wv\xdd\xe9\x9f\x86^\x88E\xcb\xe3\xa9\xf5\xa8/\x0f\x80\xc1\x81\x9c\x84B\x86X\xc6\x05\x97\xd3\x89\xcb\x99NW\xb8\xa5A\x95\xff\x98(\xf6\xb6\x12]:`i\x01\xb1\xea\xab\xb7\xb7\xdfA\xac@\xfb\x99\x9b\xbb\xabby\xe60\xde\xbd\x9bk\xaa\x86\xeaQe4~\xbd\x1b\x17etQ(&lt;\xd5\x00\xeb\xdb\x8c\xa0r\xb1\xce\x90\xbf\xa7\xb2\xe2\x8d\xb9z\xfb=\t\xc0\x00\xac9\x80B4dz\xf7\xfe\xfd\xbb\x85\xaa\xeaj\xe4z\xbb\x90R\xe4\x04\xcc\x1bZ`a\x99O\xa8j\xa5C\x92\xad\xa7\xa5\xe2Y\xd5\xea\xea\xfb\xd5\x85\xed\xed\x95\x15\x90\xcb\xb3\xf2|\x10\xfd{\xfe|ee{\x01\xce\xc2\xa1ja\xdbXUe\xbc~3\xab(2/P\xf9\x8bo\xd5p/\xde\xcb\xa3\\4\x1b\x8e\xda6\xc7o&lt;^\xdf\x1f\xdd\xdb\xbf\xbf\xbe\x7f\xffvM\xfd\x93\xc1\xe7\xcf\x9f8\x1c\x93\x83\x83\x83O\x06o\xdf\xbc\x7f\xa0\xc6\xfa\xc2\xea\xdb\x86\xaa\x87\r\xf6\xb8"SB\xe2\xb0Q\x93\xf9t-\x81;Nz\xc3\xb6\x99l\x99r{]^o\x10\xc2\x9b\x9az\xf3\xca08h~f6\x18\x0c\xe6W/\xed\xde\xa0\x14\xc1\x08\xbaR\xa3?\x1a\xdb\x1an\xfb\xb2\xf1\x04E\xc1\x96\xa1\xc9\x8a\xd1\x97\xc1\x85"&amp;\xd96{RnW$\x0ek\x84\x12\x8b\x85#~\xd7\xf8\xe3gf\xf3\xbf\xcc\x06\xf3\xb3\x97\xc9\xa8\x14\t\xc7\x9c\xe9t\xda\x19\x8ed\x8f\xf7\x17\xda\xba\x1f\xcd\xb8\xe2\x8a\x988\xd4f\xe7\xe7:\x8e`\x12H\x87\xfc6K\xd2\x15\x8c\x84q\xf1\x82\x8b\xc7\xc2\xa1\x8dh\xf2\xf1\xf44\x88e~\x9c\x946B\xe1\xb0\x02\xdfq\xc6p\xf7\xf0\xae\xefv?2\xedD\xc2r\xe1\x81V\xcf\xb6&gt;&amp;(\xbdS\xda\xb2Y\xfc\xc4\xa58\x00\xc0\xb5C\xa1\x8d@t\xfc\x8d\xd9Po~\x85\xd3{\x00\x172X\xc9\xe0\'\xb2\xd9`\xca7\xd3\xdd\x9d\xca\xc6\x95|\xa3f\x0f\xb7\n\xa2\xa8H6[\x10.\x17tyw\xbc\xae`4\xb0\xb1\x11\x08H\xd1\xcd\nCYY=`\xf9\xa3\xe4\x94\xe4\x87\xd4\xf3\x1e\xef\xa4\x0e|\xbe\xeenk6\xa2\x1cj\xf4&lt;\t\xc6\xf9\x13\x1c\xfel\xc0\xe5\xdaI\xb9}\xbe\x83\xd4\xb1\xd7\x1f\x00\x86\xe8\xd6\xe6\r\x03\x94)s\xe5&amp;\xec\x87\x01\x90\xaf\xb89\xba}\xfb\xbb\xbbm\xdd\xd6`6\xb2\xa6\xd5c.n\xe9H!X \x94\xdd\x9a\xf2B~\x85a\x99\x06\xb1\xb6,-\x035P\xebk\x06&amp;l~\xc8\xae\x10$\xbd\x12\xcf\xba\xec\xbe\xdd\xd1\xd1\xb6\x866\xc0\n\xfe\xa4\xd9\xb6\xcf\x1d\xc6\xc3q\xc8\xf8\x9d\t\xfb\x84E\x8a;\xf1o&lt;J$*E\xfd\xc9\xce\xe92\xc0\xaa\xee\xb5C\xdeml\x84\x15Y\x10)%$Y|\xa3F\xa3\xb1\xc1\xed\n\x1e\xffA;\xac\xb5\x02\xc1\x9a\x98\x98\xb0\x05b\n\xce+J&amp;\xb8\xb1es\xd9\xbb\xde\x18j=Me\x80\xb5\x05je\xe2N\xbd3Q\x08\x87\xa4\x9e\xee\xb7o\xaf\xb7\xf9\xbc\xae\xb3?s\xd7\xaei\x84\xf5\xa7L&lt;\xee\xb7\xf4\x00\x95\x14\ng#\xb2\xac\xc4\xcf~\x8dF\'R\xd6\x8a!\x07\x0c\x82\xb5\x8fF&amp;z\xb6\xa2\xd9\xb3\x8c\x12\x93\x0bg\xc1\x88d\x19\xb8\x0e\x95\xde\xe7\r\x9evh\x85u\xe5J\xe3Y&lt;\x02Xv\xc0\x92\x82\xde\xe3\x0c\xd4\xcb_\x0f\xec\xe3\xe5\xd6N\xc0r\xb4.{j\xca\x9b\xedI\xaf\xf7\xe0 \x98\xcd\x9cA\xfb\xd9\xb1\x0c\x18WW\x1f\xfa\xbc\xde\x7f\xd4u\xfc\xf2\xcb\x92Fz\x9dF\x02~\xcbDs\x8b\xc5\x92Lz\x8f!R\xee\xa9\xf5\x19\xdfHe\xc5\xb4\xc1\xe1X\xf6T\xf7v67[\xad\x9d7\xec;\xc7\x07\xee\xdd\xbd}\xdf\x8c\xf1\xc7\xd5\x873\xde\x83\x9f\x7f\xfe\x8f\xa1\xe9\xdfKZ\xfc\xb5\xa7\x91\xfbg\x16\xd4j\x19\xe9\x1c\xb1\x96\xbb\xdd\x07\xebn\xf7\xd4\xd4\xfa\xfazy\x17`9\x00ke\xaef\xa0\xd3\x9e\xb2\x96\xbf|iu\xef\xee\x8f\x1a\x1b\xda\x1a\xae\xaf~\xfdpw\'\xf5\xdf\xdb\x7f\x99\x1d\x1a\xfc\xfbE\xe7=\xc7\xfduo\xef\x87\x1f\x82\x92\xcd\xd2b-\xf7\xf9fn\x8e\xeem\xef\x8d\xee\xdf\xbc\xbf&gt;UQy\xe3\xf1\xf4\xffx5\x9f\xd7\xc4\xf9&lt;\x8e\xf7&amp;\x98C&lt;\xf4`r\x88t\x90B\x07\xd10\x95\xc4\x95\x81&lt;#J$\x8d\x8c\xd1q\xec\xc8\xc6F\xda\xa1\x8d\xcf\xc1\x15\xdce\xa4dFZ;:\x94y:O\xfbx\xb2\xecl\x85\x82l[\x84\xba3\x1d\xa1}\xae\x96v\xf5\xd0\xa2\xc7\xd2C\xa1s\x19{\x19\x1e\x9e\xe3~\xbe\xf1\xd9\xe7/\xb0\xf9\xb4)\xa19\xf8\xe2\xfd\xf9\x91\xf7\'f\xf1lq\xd3S\xf6\x04\xa4\x18\x1f_\xfa\xf8\xf8\xe1\x1a\x04\xf8\x9a\t3\xbe\xed\x17\xe2\xd6\xe8\xd1Y\xbe\xdf\xfa&gt;\xe2\xbd\xdad\xb98\xaf5\x94\xdf\x87X\x92\x08Tk\xdb{k\x0f\xc1\xc5,d5\x95h\xa7\xd3:V\xd9\xe3\xc8KK\x1f\x17\x1e?|\xbe\xb6g\xc6\xfc\x13\xd3f\x1c/p9z\xf5\xd9ty\xbfu\xd5\x1c1\xd6\xd4/\xf5~\xa3\x97\x9cEX1)\x17\xb0?\xb7\xd9\xec\xf6D\xc2\xe7K\xc8\x9aF\xb4_\x9d\x01\xd6\xeb\x95\xf2\xca\x9cC\x96\x17|\x81\x80k|\x02|\xf3\xf4\x10K\xc0qO\xf9\xfbBk\xb0;Z,\xcb\x93\xdf:\xd7\r5\xa4\xc0\xd8\x9a\xe1\x19\xd1\xebr\x81\xbb\x822_\\L\xc8\x84\xa6i\xed6\xe2\xdaZ\xd9[K@8\x1c\xb0@:`\xa5\x9d\x9c\xc6\x8b\x85\x02\xcd\xe1x\xb1X\x8c4\x067\xa3\xedES\xf3cg\x87\xa5\x88\xd8,`\x91L\xf8\x0f\xa4M\xe4G\xb3\x84\xa6jG \xd7\xd9Y\xe2\xb5g\xefa"\x01\xff]\x84\xeb0\xc9\xa6=\xc5b\x01\xa3\x05\x0cD[\x99\xab\x0cnFm\xb6~\xebV5\x82\xe4\x9f"\xac\xa8\xecK\xe8\x1f&gt;\x07\x91hk\x80\xd5&gt;\xd3#\xf2z+!\xc3\x959\xf8\x01+=\xee)\xaf\x17\x0b~\xbf \x12\xafa\x17R\xef~\x1dq\x12\xdf\x7f\xedW\xb4 \x95BX,\x91\xf5\xc1g\xc2n1\x07\x9b\x85\x1cRU-\x1d\xd9\\|\xb9\x15Y\x8cD6\x1dY9\xa1\xf3\xc2\xc5\xb9\x95\xf2\xfa\xba\xd9O\x0b\x95~/\xbd\xeai_]\x8c\x18\xcbr\xdb\xa8\x10D\xad\x8a\xb0`\xc1\xc8&amp;\xe6\xb6\xd0\xce\xb35w\x15\xd2\x92\xaa\xe6\xdb\xf0,F6\xb6\xb66&lt;\xae|&gt;\xadc\xc1\xc5Hdoc\xbd\x88\xd1\\n\xbf\xdf\x1a\xa4=\xbe\xf2\x93Qc\xfdJU\x88J\xb7SEX\xaa\x06\\\x80\x05\x1f\x0eT\x95dR\r%\x12\xe94x\xf9\xc8\xcat\x88\xc8\xcb\xf6\xffcm\x957\xca\x18\xc7\x05\x02\xc9FO{\x19\xb9\x87\xb9\xf5\x80\xa4\x1a\xdd\xee;\x1dK%.\xe5\x04\xca\xe0\xd5\xa5Z\xa9\xa9\xc9JR\x0b\x85\x88h^U}\x1e\x99\x08\xc9\x8f\xedH/\xa8\xaf\xb5=\xdcLs\x02\x87\x85+\xbdA\xfa\xf5\xade\xc4\x9dhi\x9eR\xc9V\xbf\xaa&lt;\x9d\x9d\xd1\xe5\x92\xaf\x12\xa8\x0b\xa9J\xa3\xa2\xd6?T\xf7\xf7+56\xf3a\xa7\xe6\xf3iHK\xc8#\xea\x88\t\xb0[\x1c\'\xf8\xcd&gt;\xad78Z\xb9\x191\x16\xb4\xe2\xa9\xda\xe8\xb7\xf6\xe3hB\xa0\xace\xaf\xa0\x1b\xe5,UkT\x1a\x9dO\x9fv\xea\xd5z\xfd\xfa\xd3\xa7\xae\x1a\xd2T*/\xa3\xe9\x05\xdc\xe3\x13\x13\xb4 \x08\x05&lt;\xad\xf5zG\xe5\xdd\x91\xdf\x13\x1f}U[\xad\xc6\xbc\xf5)\xb2\x81,\x0bU/\xcb\xbelH\xad\xd5*\xf5\xce\xa7\x7f}\xa8\xbf\xa8\xceVw\xae\xbb=\r\x1a6\x94\xf59\xd0\x00\xb1\xdbm\x136N8/x\x8e\x06\x83\xa3\xbf|o\x8e\xdas\x99\xa6\xbei\xadV2\x1bP@\xad\x14KRD(\x9f\x95\xf3!\x15\n\xbe\xd2\xdf\xa9&amp;\xf7gk)J\xad\xd7\x93!\x86\tB\xd5;\\v{\xc4N\xd36\x1bg\x17\xe8W\x83#\xc7\xe6\xe6\xdb\x91\x1b\x1b\x8b\xe9K\xb4\x07\xdd\x94\x8d\x01\xd6\xccL\x8a\xd4\xe5\xca\xe6)\x92 \x08u?9\x9f]X\xf8(\xfa\xb20\x1e\xc2\x12C\x84B&gt;\x87\xdd&gt;\x8e\x16\x0c\x1aj\x8b;:\xda\xf486?\xdf\xc3\x93\xa4\xcfy*Y\xa9$\xf9\xa7:\x16\xab\x82"&gt;\x87\x9c\x0f\x8b\xe94\x90,\xd8\x1f@\r\t\x01\x07\xac\xfc\xe1p4\x9fw\xb8\xc6!\x81pC\x07\xae\x9c\xff\x87\x1f\xca\xe5\xc8\xf7\xe6\xc8\xb1L\xa6\x8b\xc7I2\x1a\x8e23\x80\x05\xd5\x85\x9ep9\x1c\xae\xe1=\xdb\x9b\x13\x03(J"8\x87I\x97\xf7\xd93\xc8\xa1\r3cN\'\xc2\x12\xb0\xd5\xc9\x8d\x8d\xf2\xcd\xd4=\x98\xe6\xa9_(\xd5\xba\x14e\xdc\x08\x0b\x15W4\x0cL\xe3\xe8Y\xa4\xd7+\x02\x96+`\xcf\x95Dazz|\xf8\xd8t\x023\x9b1\x0cM\x08a\xc5\xe3)n\xdc\xde\xcb\xbao9&lt;\xa7\xe6\xf9 A\xeaI\xe4)&amp;\x1av\xb8V\x01j\xd5%\x8a\xb9\x00\xfa\x9e\x13\x9d\xe68\xdb\xf88\xfcwR\xa72C\xf8\x05iq\xa5\\|\xdb\xb4\xdc\xc7\x86a\x99\xfa\xdbc\x8a\xa2\x88\xe4\xec\x9fX\xe8{\x0c\xc0\t\x8b^\xaf\xeb\xa5#\r~\xde\xe1\x12\x04\x8e\xa3\xa7\'W\'\xa7u\xb1\xcc\xe65\xda\xf9\xa0\xbd\xe9\xf9\xe9\xc22v/az\x7f\x0b\xfexP\xcb\xe8\x9d\xc83L\xf8\xaf\xc0\xe5\r\x88\xa5\x9cO\x8eF\xdb\xaf\xc0\xe1\x10\xf9\x80\rZ\xcf9=9\xe9\xc70\xac\x80\xd0\xe8\xb7\xbb\xb7_&gt;7\xef\x89\n\xb9\x9b\x7f\x9f.-}\xfd\xa6\xa0\x8a\x87\xd5\x10\xe4\xf2\n9\x88%J\xad\xf4z0?z\xd0\xaaK\xcf1\x9a\xf6C ,\xb3\x19\xc7\xb0[\xf4\xf6\xee\xbd-\xafh\xa66w\x0f\x9f\x1c.\xc3\x94g\xf9\x18dQ\xf4\n\'\xb9\x05\xaa\x01\xf3\xbf\xd1\xea\xf7[p\xf4[\xc9\x00\xcd\xe9Tf\xac\x80\x03\x96\xf3\xf3\x94\xc5d\xb9?*\xe0B\x9a]\xfc\x17a\x91d\x10q\xe5J\xd6d\xab{}\xdd\xe9v;pt;pV\xe3%a\xa8\x16\x88\x85ck7\x96\xb1\xfb\x0f\xd3\xdf\x7f\x9faI7`\x05\x19I\x14\xf9\xda\x8b\x0eP\x81L\x9d.h\xd6\xa8v\xaew^\xccJ\xa0\x97\xde\x86xym\xfb\xd0\x00\xaa1\xcb\x7fNan\r\xb1\xc2"3\xbbs}\xdd\xadW\xee\xee\xee\x06ww\x97\x97\x97\xa1J\xf5\xc3\x8bY\xc6\xabg\x11r\x88;7.LF`=\xf9:\xc3\xba\xddn2H\x06%)X\xabV\xab\r\xf5\xf2\xea\xea\xb2}y\x95\xd8\x02c\x18\xb2Z\x19\xc9\x8b\xca\x0b\xb0\xccf\x9b1X&amp;\xc0R\xdc\xbc\xdb\xcdCuIAr\x9e\x02o\x8a\xb0\xb2\xed6\xa8%\xcb\t\x1b\'\x86E\xbd\xba`pa\xf4F\xd3(\xb5Rn&gt;\x06\\1\x06"\x1a\xa2`\xf5!\x08\x8d\x02w\xa8\x06\xa3\xe1\x80\x9d\x0b@\x8b\xfa\x87\xd5\x85q\xebM\x83\xd4J\xcd\xb8c1\x1e\xb0b\x8c\x04`\x04E\xf2,\xc9\xce\xcc\xb0&lt;\x90J\xa27\x10\xf0\n\xc3$\xe2\x98_Xo\x1aR\xf2\x8f\xbe\xa5RJ\x8c\x874\xc6\x80\x8b\t\x06cA\x9e\'Y\x845l\xcf\xb0\xf8\'V\xc1O\xd3?\x1a\x82ez\xff\x8dT\x14\x1ea!\xaeX0\x18$I\x92M\xb2`\xf1I4\xcd\xd0\xd8\xc8y9\x1ar\x08X\x1c\xf6\x93QX\xbc;\x05Dn\x14&lt;\x8f\xb0X\xc4\x93T\x83( \xab\x92\x94\x13\x10\x16\xe4\x90\xa6\xcd\xc6`\x8dM}\xe3c\x8a2\xc4b\xd9\xe1\xc0G\xa1\x11Qh\x80(xf\xd0K\x80\xdbb\x01\x89\xe54\x0c\xeb-\x8f\x98Pu\xb1)\xb4\x05\xa1\x82b\x08"\x9aN\x03T8,\xa2C\xd0\xc5*\xd04\x8e\xffxa\x08\x96\xe5\x9f&lt;cE\x85\x85\xaa\x0bj\x8aD\xed\x17\xce\x87\x91\xa7\x0f\x8b\xa2\x88^{\x83\x8a\xc70T\xf0\x18^6\n\xeb\x0b\x1f\xb3\xc6\x01K\xaf\xac?zOD\x9bF\xfa\x19z\r\x8f\xe3\xe0\xf0c\x05\xf4E\x01\x8d\x17\xf1uC\xa6\xfc\xd8\xd8\x17\x9e\xb7JV\xbd\xe0\xa1\x11\x19\xdd\xe0xEX\xc5\xd2i\x9fk|\x02-\x15h\x92\x02\x15\xe7\xc4\x8b\xe6\x8dCC\xb0,\xb7&lt;5/Iq\x05\x95\x17\xb8\x9b(\x88\xe5r\x05|(\x89\xb2c\xdcf\xb3a6\xbf\x13\x92H\x0b\xce\x02\x8e\x9b\xd7\x8dI\xe2\xd8\xad\x95\x82\x19\xb0\x04\\n\x9d+/\xea\xcfR\xd3 \x17,iv\xda\x06\xfb\x0e\xcd\xe9\x0f\xe5q\xbc\x8c\xaf\x1f\x1a\x83\xf5\x8f\x12\x19\x93$H\xa3\xa2\xc0=;HDQ\xfa\xc2\xa8\x0f\xa3p\xea\x15h\x9a\x06&amp;\x08\x18\x11\x10\xc5]c\xb0n&gt;\x921\xabT\xb2\xc6\x95\xe3cE\x81E\x16\xc6B\x1e1\xc1\xe0"\x18\xa9$\x04NN\x04\xf8\xa5\xe1\x9e\x08\xd6\xc6(\xac\xdd\x13r\x1e\xb0Py\r\xb9`B\xf0&lt;\x01\x11\xa4H\x96\x8f[K\'(h\xdd\x9e\x02\xd6\xaf\xc6`]\x9c\x931\xc6*-IH/\xe5@I)J\n=\x95P\xe1\xd6\x08wq%^\x828\x81\xf9\x0en\xcb\x83\xb0\x0c\xe9DS\xf3\x9c\x8d1\xf3V\x14q\xa8\xaf\xe3\xe3\xe37\x10\xfb\xa9}\x088Q\xac\xa5\xd2r\x89s\xa2E\x1f\t\xb6m\xc8\x8a\x01\x86\xeb\x9c\xa5\x08\x04\x05e\x0f\\@\x95\x81x\x93\xd9\xdf\xcfd\x9e\xbeys\x10?@T0M\'&amp;\x9c\xc6aY\x9e\x9c\xb2$5\x8f\xe4Z\x02\xbd\x96\x0f\x14\xc0B\xef\xb5\xfc\x9c\x99\xcd\xd43\x99ce\xf9\xbc\x80f&lt;f\xd3\x1f\x8f\xe0\x9f\xa7\x0cQ\xeb\x11\xc2\xa2\x08\x1d\xcc\x1a\x8f//\x1f\x1cg\xdeA\xfc\\G\x7f3\x07\'\xce\xed\xedm],\x1d\xcb|\xfb\xde\x08\xb9,\xefO\x11\x15A\x81bqDVZ\x8e\x1fg\xaa\xfa\xfb";/\xde)\'\xff\xe3\xe5\xdcc\xda:\xcf0^\xc9\x92\x1b\x81%\x1c\x1bs\xa9\xe3X\xd8\x9c\x1d\xd9B&amp;\x86\x1d\x05\x15\x1f#B\xec\xc8l\xb6\xd4J;\x84Xd\x9d\x8d\x98+,f0\xf8(\x82i!2\x978@\xd6\xc9\xb5+\x15\x83\x82\x87\x86 \xa1\x90,\x11\x85\x95\xcd`\xa1\xb0(\x85jh\xf66e&amp;NX\xd3UY\x02+,kI\xb2\xf7=\x86-\xdaE]\x9b\xcbc0\xf6\xf9\x87\x9f\x9f\xf7\xf9\xde\xef;7\x9f&lt;\xe9\xf5z3Nj\xe4\x99\x99y%/\x0c\xeb\xe5\xde;\x80\xb5\xff\x08b\xd9[\xb1\x92\xe0\xd7\x1b?x\xf7\xdc;\xab\xef\x9c;\xfd\x8b\xae\xb2\xf4\x93\xde\x0c\xa4\xca\xcf\xcf\xcc+\x06\xac\x81\xa2\x17\x87e\xc7\x87\x1dj\x98\xe3hu \xd7\x8fNW\xff\xb8\xfa\xf4\xb7\xaa\x9a\xcbp&amp;&lt;\xa9)\xcb/\xc4\x03\xcd\x80\xd5Y\xfeB\xb0Tw^y\x05\x8b\x98k?r\x04\xf2\xe5@\xbb\x80\xeb\xfc\xd1\xa3G\xcf\x7f3\x87\xc3JK\x97W\x1a\n\xf1\x9a\xe7\x92\x92\xb4\xfaK\xc2\x17p\xc3\xb5Pu\x17\xa9\xec\x80\xb5\xff;\xf6\x1c(ck\x15\x08\xda\xea\xf7\xde8\x92\xd3\x85Xi0WW\x1a\x80+?\xb3\xb8\x04\xfaiQy\xf9s\xcd\x17\xde4\xdd;\xcc\x1c\xe4\xb8\xccf\xc8\xbc\xbd\xaa\x15\xcc\xaa\xb2_\xb0W\x1d\x01HGWs%\x87Ufx\xb5\xa0\xb0\x10\xd3U,?{\xf5\x93\x0b=\x97\x9e\xdf\xb1$ay\x9dg4ya\xe8\xf8\x9b\x90y\x0e\x0b\x04Ut\xb4r\xe1\x87W]\xb5\x86\xb2\x03\x9at\xc8\xbb\x01\x0fDsX\x99\x95C\xd7W\x1f-&gt;?.U\xe2\xad\xeas\x1f\xbe?t\x1c\x87"4.\xbb\x99\x9b\x82Z\x01\xcc18X[\xdb\x0c?\nu\x99\x1c\xcd\xaa=t\xe8PA!\x14\xb1\xf8\xf0\x01\xc3\xc8\xea\xf5\xed\xc5K\xcf\xeb*\x9b\x96\xc4//_\xae~o\x17\xcb\x9ccF\xab\x069\xa4\xdaZ\x1d\'\x85\x9a\xd1h\xe4\xea\xda\x1d,,\xe2\xe1\xc3\xdf\x1e\xb9\xbe]q\xf39q\t\xfd\xf1?]^\x1d\x19\xe2\xb0r\xed\xb9f\xa4B\xa4\x1d \x85\xce\xa0\xd3\xa9\x19\x06J\xa86\x18v\xdc\xca+\x86&amp;\xf1\x8d\xd7\xdeo\xd0W\xfc\xe1\xf9\xdc\x82\xd4\xfb\xc7\xb9\xc4OWG\xdeNa\x99\x01\xcb\xecp \x94B\xadV(RO\x8a\xfcLlX\xeaBp\xab\xa0 ?\xaf\xb8\xa4\x04O\xeb\x97=n\xd0\xebo,\x17={\xbf\x84\xaa+\xf7V\xb4\xbf[}w\x17\xcbnv46:\xd0,\x0eI\xcd)?\x9f\xc97\x14\xaaS\xd7I\xe4s\xb3OzZ\xb77\xfdqC\x9b^?\xb9x[\xf5\xd2\xcb\xcf\xb65\x94O\xaf\xafG\x8d\xa1_\x9d{{\xe8 \x9e\x173\x9b\x1b\x1bkj\xd0\xac\x9d"\x1e\x03*\xc5\xb1c@\xa6\x80_\xe8\x0e\\\xdb\x82\xd6Z\x92\xe1=\x00Xm\r\r\r_,?\xcb\xaf?\x10\xaa\x8a~\x1e\xd9J&amp;\x08-\xf9\xd7wF\x10\x0bO(r\x97\xad\x14\x16pL\xb5\x8355\xf0\\SS\x00\x15D,h\xf1\x99\x18\xf84\xe0J\xcb\xa8\xd9nC\xac\xf9\x86\xb5\xe1\xbd\xe5\xcf\xeav~\xd5^\x82\r/%C,K\x18}\x7f\xaf\x1e:\xbe?\xf7\x87\xb9\'\xf0\xfc+\x9e\xcd\xc4D\xe9t\x83\xe8\x1d\xca`P\xa8ag\x11\xd6\x0f\xf2b\xa0\xc2\x03\xa8\x19\xe9on\xb7\xe9\x11k\xfe~\xc0M\xd2\xa6\xec\xa7n\xfaB\xa1j\x0f\x19\xfa[\xc8\xbf\x19e\tBk%\x92\xd5#\x07s\xf1&lt;~c\r\x8e5&lt;\x99\x89Y\xd75\x82 l\xb5:5t.\xa0z=\xf3\xbb\x10x&lt;4\x9f\x91\xa1{&lt;\x8fn\xcd\xcf\xcf\xaf\xb9I\xabUKX\xf9E\xc2\xa7i\xafBU)\xc9\xfa\x12\xbf_\xdaJ\x12\xa0\xf0\xd4\xdc\xe6\'o\x1d\xccq\x9c@*\xe8\xe3\x95\x90q\x06\xb3\xae\x03\xa6A\x18\x98\xe0U\xa5Z\x9e\x97\x99*b\tPy3\xe4\xfb\x1f5\xec`mZlV\xad\x96`Y\xeb\xde\xa7pLX.fC\xbeP\xf2\xde\xbdM\x1fP\xc5\x92\xc9\xa90\xfb\xe0\xbc\xe3\x04L3\xcd\xafr\xb1\x963h\x17\x84k\xb0\x16\xc2\xaf\x00\xc625^\xc2\xff\x13\xf0+\xaf\xf8\x14b5\xbf\xf7(\x15\xad\xf9\xed\x1e\xa5\x8d\xd4\xe2\x07d\t2\xfb\xeb\xf6\xb1\xde\xbd`\x15\x1bJ\xfefk)D\xb0&gt;\xffF\x9c\xb5\xc9\xac\xd1\x07\xf6\xd7\xba\x9a\r\x06\x9c\xf40E\xcc\x01F\xa1\xa8\xe5\x1a\x05\xf4x\xa6\x8ca\xe4\x99)\xe1\xba\xa6\xdf\xab\xa9\xfa\xed#\xbd\x9e3\xeb\xa1\xcbB\x92V`\xd2j!\xa8\x96\xaf\xb3@\x14\xaa\xca%\x10\x03\xd6\xb7to+\xb9\x14\x8f/%\x93\x11\xabLLz\x02\x91\x07]\x83\x06\xc4\x02\xaf\xe4x\xe2\x97A\xa0\xdd\x8e\nT),\x9c\xa8K2\xce\xf6\x7fp\xfe\xc3y\xbd^\x8fnm\xd6\x91V\xd2\x8aHZ\xd6\xe7#l\xd9_qT\xe2\n\xc6\x14\x0c\x00T(\xbe\xb5\xc11\xf9\xa3\x84\x91\xa4%\xed.Z\x1a\xba\xaa\xbbVi\xc0a\x88\xb75hv\xb1\xb8\xe8+\x18\xb9\x06\x8b\x88\x8b@y\xf1\xa9\xfe1\xf5 \xd4\x10\xb1\xe6\x1b\xb6\xa7i+bA\x11\xc12\x9f\x8f%M\xa5_\xa9\x92\xc2\xf2vW|\t\x94\x88o%\xf1\xb3\xa1\xefZ\xa3LB\x87\x03\x14%\x8a]\xbd\xa6\x00\xbf\xf23\xe5\x074\x9a\x8e\x0e\x06\xde \x91\x0eJk``\xcf5\x0f\xfbC^\xb1&amp;\xa3;\x9d\xb9f\xc6\x99\x87\xeb\x0f\xf7\x832r\x87\x8b\xcb=KXm\xfc\xd2\xff7\xfbBa\xef\xa7\xe3\xfeD,\x96\x88\xc7\xfd\xebIV\xcb\xc9\x08\x92I\x03\x11Z\xa4\xa4\xa8\xd1;jE!\xd7\xa04\xc0\xa5a\x14\xcd\xcd\xd8\xf0\x9b\x9b\r\n\xd8g\x85\x9d1\xe8\xa40\x0e\xbbO\xc9\x99\x0f\xfe\x82\x13\x0f\x16\xb1a\xc2D\xa2\xac)\x01\x99\xd6ju[\x04\xd9E\xaa/\xef\x16Ba\x11\x8f\x88\xc7\xc2Z\xa3\x96\x8d\xcc\xad/\x11;HF0KFF\xda)\x91\x88\xe2\xb5D\xee0P4\xd8\x89@\xb7v\xb1\x14\xe0\x19\xd3\x01\r\xb4\x0446\xc6\xdd\xc1\xa2\xbe\xd7\x04V\xb5\xa1]\x0f]\x94\xfbI.\x10I\xcalb\xda\xc2\xff\xb2\xef\xe4\x11\xaaz[\xac\xbe\x10\x0bP\x84/\xbe\x01\xd3\xa0\x11\xa1Hx\x80Y\xe4rD)\x11Q&amp;A\x96 |\xf7j%\xac\xad`v\x81}U\x04\xe3\xa4f:\xfa\xfb\xbb\xbd\xdd\xdd\xddc\xddg\xbb\xbb\x81\xea!G\x05M\xbe\xadi\xc5$%I\x9b\xcdF&gt;)\x99\x98\x86\ru\xb7o\xb7\xfc\xef\x94\t{K\xa9p\x1c\xa1\x80*\xb6\xb1\xbe\xe43rL2\x10)#\x83\xb1h\x9dH$\xa1(\x81\x80\xc7\xf3l\\e:\xc6\xf0\x1aI\xaf\xb7\xbf\x7fL\xc3\xa0:\xc6\xfa\xbdgP\xdc\xadI\xfd\x1d\xdf\xdf\xa5\x82\xa7\x1b.&gt;-\xb3\xd1\xc0e\x93\xd9d\x9c\xc4\x9cldxemf\xb4\xe5\xbf\xf7\x0b\x98\x90\xf7\x88}\xf1\xb8\x0f\xf3H@\xfd6b)&amp;#|$\xc4\nF\xa3V\xa9TD)\x95\x02\x01\xdf\xf4\xd1x\xec\xceX\xffY\x0e\xc2{\xc6\xdb?\xd6\x011\xc3\r\xf5(\x0em\xec\xd7\x0f\x9d\xfaT\t\xf5z\xe7\x84IB#\x84M\xfc\x84lb\xa9-\xd8\xb3\xb66\xde\xee\x16S\xa5\xff\xd9/\x00\x8aG\xb2\x89x\x88\x00\xa3\x08_\xcf\xcc\xe6\x94\x15P\xfe%c8\x1a\x0f\x8a\xc5\x12\x91\x08\xb0x\xca\xe5\xf1O\xb3\x03\xfe\xbb\xbb\x08\x00\xd1\x0f\x9e!T\x1f\xaa\xbe\xfen}\xf7\xfdI\xa7\xbe)\x05\xa5w.\x0e\xf3S$R\xa9\x04e\xa1%\x12x\xe7v\xbbn\xae\xad\x04$\xf0NB\t\xfemXB\xf5\xf8\xa4/\x91\x08\xe1\xb0#\xd8\xa9\xcdu?+\x95\xb9S@\xa4X&amp;v\x07b~\xf0J&amp;\x03\xbb\x94\x94\x92\xef\x99\xbe\xc8\xcb\xcaV\xba\x06:\x11\xa1~\xd7"d\xea\x04\xf5\xd5\xdf\xed\xfb\xfc\x86S\x8fX\xfa\n\xa4Z\xf0\xf0i\xc0\x80\x7f.\x12\x89, \xee\x05-\xae\x1b_\xbb5MS\xb8\x1d~\xa5\xd4?\x1b\x99\xb0\xb7([ !}\xb1D\x88\xd0\x1aq&gt;\xde\xd8\x9c\x0bsu\x13\xef\x18\xe5\x16G\xfc\xfe0\x97\x06\xa9H$\x10\xb4x\xc6=\xb3\xc1\xf6\xd9\xd9a\xcf\xc7\xc8\x00X}\x9d})\xa4\x01\x10l:\xb3\x00V\xe9\x9b\x9a\x9a\x9c\x15\x00W\xb1\xe0i\xb1X\x00\nx\x94)\x89(\xc4\nN\xdc\x07\xab\xa4\x16Q\xcaB\x80\xe3\x95\xaa\xb8%\x02%3\xc2\x14\x15\nA\xa6\xa0~l\x14\xa0"\xe4n$S\x7f\x83\xd3sS\x01c0\x18\x08\x87]\xae\xd1h\xb4gf\xe5g\x9czz&amp;&gt;\xff\x0c!\xea9\x93RP\x03\x03}\x9f-\xdc\x00\x1ag\x93\xd3\xe9\xac\xa8\xa8\xd0O\xde\x9c\xe5QP\'\xa8\xbf\x92\xbf\x0f\xc4\xe7\xf3\xe1%E{f\xd6\xc6\xdd\xb4Hd\xb2\x88\xd0&lt;l&gt;\x14\xc5\x83%\x1e\x85(0\xc7\xf8\xb4V\x1c~\xbe\xb9\xf5\x15\x97\xcc\xe6\x06 1B\xe1h\xb6\x06z\xd66\xa0\xe3\xcf\xf9\xe1\xc9\xef\xf7OM\x8d_\xf1\xb4\x07\x83\xc1\xba\xba\xe1\xe1\xd9\xdbW&gt;\xe6\xea\xd8\x07H;X\x9dP?\'\xf8\xd4\xc4A\x01\xd5D\x90\xa2\xc567-QZ\x94\xfbx&lt;\xe0j\xd9\x07~I\x96o\xad\x8d\xe2@\xd8u\x0b\r\x84\xed\xb8\xf0$p\xe2\xf3\x11\xc0\x04Q\x1f\x87\xa4\xbb\xa5b\x19\xb2\x805`N$\x16\x8b\xce\xcd\xf4Dc\xb1\x88+\x1c\x0e\xb8\xc5\x12w L\x0b@YYY{\xf7d\xef\xd9sqb\x11\xec\xa9\xdf- @}1\xd9\xc4)E\xe5\x9c\x9cY\x1e\x9d\x1e\x1duy\xeah\xda\xa24\x81D&amp;\x93\x85\xa6\xe9\xe9\x85[.\x99\xdb\xed\xe6\xbaYJb1M\xdb^\xca\xa6\x01\x0b\xe6L\xa4"\xd8\xc8\xca\xfa\x1c\xfcc\xa9\x84k&amp;uA@\x0b\x10\x01\xd7\xcaJX\xca\x8dm\xcc\x9b\xd8\x1a\x0e\x90"l]\xc8\x95\xc53]Y\\\xf8\xf3E\xcf@}*\xeb\x9d}\x8b7&amp;\xc1\xa9\xa6\x06.V\xa0\xc9\x85\x8f&lt;\xc1\xd9\xe5\xe9\xf1\x9e\x7fT]\xfe.\x8a\xa3a\x1c\x17\x02!E\x9a7bR$[\x85\xc5z\x07\xac$\x85L\xf56\xfe\x03\xdbY\xa4\xba"0\xbc\xd9:}\xb8j\xd0\xee\x9aA\x02)$\xe6$\x0c\x11\x84\x91A\xb03\xcb\xc0\x16\xc1B\x9c\xe1@\x9b\xb9\xe5\xaa\xdb\xe6\xbe\xcf\x1bwv\xeeI\x8c\x89\x9a\xf7\xfd\xbc\xcf\x8f\xef\x13\xd7\xebdV\xac\xa6\x1e\x88F7\xa3\x0f~\xfdz\x08\xbb\x9f\'\x13\xec\xe3\x08^\xc0l\xe3\xcf$\xb1-&lt;h|\xb9\xfbH:\xfei\x1c\xc4\xc7\xef\xdf\xdav\xdb0\x9a\xe4\xb3\xa5\x8d\xc2\xf5S\x84\xaa\xa6D\xb3Q\xcf\xfe\x18k\xee\xf4\\\x89\xa5\xeb\xf9i\xb3\xdd\t\xa6\xe4\xe9\x1f\xe0\xfa\xe7\xdf\xcd^2\xc1.T\xfbl\xe5\xc0\xa7\x8a\xe0y\x1e\x15\xd5)\x8e\xe3\xd9lVVA\x94\xec\x8f\xf1}L\x86\xc4\xb8\x95\x9f\xdf?&gt;&gt;~{xh\x8dG7huh,\x9f\xee\xee\x97\xc7\xb8k\x8c\x90\x97\x06\x8a\xd7&amp;,\x92\x95t\xf94\xa6\x13\x9bj\xbb\xd3\xee~nS\x1a\x10\x16\\%\x9e\xb3\x1f\x99o1G\xb0\xc5\xf4\xaf\xdf\x11=\xe4T\xc3\xd4Dp\xbe9\xa9\x16\x03\x15L\xb3\xac\xfe\xc0\xe2~\x88\x90\xce\xee\xcb\xc3kR\x96e\x95\x06Ax\x17E\x13\x1f\xc1\x1c\xdd\xf8\x93(\x0c\xbe\xb5\xc6\xee\xd06\xf0x\xfd\xe5~\xf9w|\xf7\xc1F\x00\x87\xc6\x9b\xab&lt;\xdb\x8f\x8f\xf1\xc4\x93\x94\xa8\xdd\x9e\xd1i\xa3\xf5\xc8z\x01\x96\xa2\x17\x9bM\xc5\x99\xc2L\xc5Q4\x91\x01\xea-~\xbfQR\xc1U\x8c1\xcb\xd2\x98\xa9i\xd6b\xa11\xa6i\x1aS\x1d\xfe\xbc]\x16\x1c\xa3\xf4T]qt\x07\xbeW{\xaaJ\xa3:\xc3Q\xab\x88&amp;\x88\xe6Gxj\x1d\xa0\xfa\x9a\xd9\xb1\r\x11Ip\x05O\xc7\x99\xdf\x04\x13L\xae\x0e$\xdc\xec\xaa:\n\\\xed!\x80\x87\xd0\x94\x131\x94\x17\xab\xe7\xd7\x12\x8bd\x81\xa8\xf6\x87BX\x00!,P\x91\xd1\x0f\x15]\x1d\xee\x0eOa\xcfu\\U\x8e\x08\xd5p\x7f\x9a\xe8x\xddV\x12\x97\xe98\xc8^\xbe\x07 j_\x04\r\xee\xb2\xc9e\xdd\xd9q\x19\xb4\xb9g\xcb\xc6\xd0\xa3\xb5\x91\xee\xe8\xba\x01,\xd7\x98\xd6\xaf\xd9T\xa3Z\xc4\x0e\x87)5y\xabQ*\x84o\xbe\xddq\x00]x4y\xaa\xc1\xb3\x8a\xa9w\xaae|\x16P0U\xa5\x92&amp;,\xf9\xc2\x82{\x1c\x15\xd1\n\xc2\xfc\xa6\\.K\x88\x82\xe7u\xde\x19\xc4/\xca^\x12\x7f\xe85\x15`\xc8\xdbh\x10\x1d\xf7\xaa\xba\xd1\x81&gt;\x9f\xb8\xb2\xc0\x94&amp;f4\x11%\n\xe2uc\xf3\x1f\x9b\xfaL,\x0b\xe9-K\xb25NU\xd4\xf3iY\xf5\xe4\nIV\x9d\x06\xc9m\xce\xd0*\x87\xab\x16\xf7\xb9\x93\xd4\xa1\x7f\xe3IA3l\n\x1e6n\x9f\xab\xe3\xb1l\xdb\x1e\x95\x004\x8es\x0f\xd9\x18\x06\xc1.M\xd3*\x8d\xbch\xbb\xcfB?\x17M\x90\x80\xb5`\x87\xf95m\xd7\xf3\xfd\xb6\x9e!~\x0b\xb6 \x14\x89\xd5\xb8\n\xa6\xaaQ\x92\x85\x90z]U\xc0\xe14\x9a/\xf9\x1c\xc7\x1d\x0e=(NK\x15\xc2Ioo\xd7I&lt;+\xa9&amp;\xc2\xbb\xf0\x0e\x1a2\xf1\xa3\xfae\x19t}\x18D%\x0c\xca8Y?\xc1\xd6\xd0\x1e\xd8mPl_3\x14\xfa\xec1\r\xa23\x17BAt\x0esP\xcd\xf7\xafY1\rC!\x89\x98\xf4\x96\xcc&gt;\xc6\x1c\x08\xbcj&lt;g\xb1\xaf\x13\x03\x1c\x078\x89%_\xba# \xb2\xf9n\xbbm\xd1\x0f\xfd(\nP\xb23\x12\x90\x18\x84\xd8\xd2`\xf9zLn\xa5\x9e\xdc\xae\xe9x\x0f\x91F\x15\xa3\x8c=\xee\xf97\xbb\xed\xb1\xf0\xce@\x8e\xa2(\x94\xe5\x9d\x0b\x01,8\xea\xb4R\xbe\xeeB\xa1\x99D\xa25&amp;3\x1d\x10\xa6\xce\x8b\xac\xe4\x14JE\x1e$\x1d9\nL\xa6CT\xd5\xe6\xb0j\t\xfaV\xb3L\x1diC\x1e&lt;\x9f\xe1\x9cq\x90\x1c\x97\x15\xdaN\x9a&gt;&lt;\xc0\x85j\xbe)&amp;\x00\x00\x01\x1fIDAT\x93n\xa7Y]\xb3\xab\xf6\x08\xf7F:\xaa\x99\xd6OC\xab\xd4Q\xbe\x1e\xf6?\x0eUni\xd3*\x14\xec\x975X2\xad\x04O\x93\x02z\xf7\xcb\x9a\x01\xe4)\x06\xe9\xa0\xb8\xb3\xb3\xd9\xe2\xb9\x97{\xaai\xa2mR\xef\xa6\xaa@[?\xbc\xc4g\x83\xf7\xf0\twe\x9e\xabR\x128\x97Y9\xf4O/\x99\xaf\x0bU\xa8\xea%9\xa8\x12\x143\xad\xa6T{\xd3S\xc8\xd0.M\xe5\x1d\x9a\x9c\xd74\xf3*\x99(\xca\xcf\xeb7,\xf9\xa534\x86y\xbd\xa9\xb9\xc6Z!\xb2\xf8a\xc2\x18f\x18\x92\x06\xb8n\xc7/\xb7\xcb\x1dw\xe5\x05\x1e\x90\xe9\xef\x97\xec\x80\xd2\x1c\xe4\xfe\x14\xf7\x9e{:t^ #\xe4\xa0\xa6l\xdb\xd0M\xa4\xf9\xf4\xb4\x13\xca\xc5I\xd2Q\x97\xcc\x02J^\xcd\xce\xecr\xf5F\xf6\xd3y\x9c\xf70\xf2I`a-\xb6\x80\xb1\xc1\xa0\x0f\xb3\x1a\x81Y\xd5\'AWr\xbf\x1c\xde\x99\xb5X\xd5\xd5\xe2\xff\x1f\x0f\x06W\x83\xe6\x85\x91V\xcf\xf2\xad?x\xb3\xab\xcb{\x7fZ\xfc9xg}\xda\xfb\x97\x9f\xf6\x17\x9a\xb5\xaa\x8b\xc1\xd5\xd5\xd5\xe0?&gt;\xe9w\x83\x823\x86\x98\x00\x00\x00\x00IEND\xaeB`\x82'</t>
        </is>
      </c>
      <c r="M410" s="3" t="n">
        <v>45492.67706018518</v>
      </c>
    </row>
    <row r="411">
      <c r="A411" t="n">
        <v>1018555</v>
      </c>
      <c r="B411" t="n">
        <v>1977</v>
      </c>
      <c r="C411" t="inlineStr">
        <is>
          <t>Matheus Mendes</t>
        </is>
      </c>
      <c r="D411" t="inlineStr">
        <is>
          <t>M. Mendes</t>
        </is>
      </c>
      <c r="E411" t="inlineStr">
        <is>
          <t>GOL</t>
        </is>
      </c>
      <c r="F411" t="inlineStr">
        <is>
          <t>GOL</t>
        </is>
      </c>
      <c r="G411" t="inlineStr">
        <is>
          <t>GOL</t>
        </is>
      </c>
      <c r="H411" t="n">
        <v>194</v>
      </c>
      <c r="I411" t="n">
        <v>31</v>
      </c>
      <c r="J411" s="2" t="n">
        <v>36228</v>
      </c>
      <c r="K411" t="inlineStr">
        <is>
          <t>Right</t>
        </is>
      </c>
      <c r="L41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3e04552-027a-44a0-926e-5e697b6331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&amp;h\x81\x00\x00\x03\x00PLTE\xff\xff\xff\r\x08\x08\x0f\x0b\x0c\x0e\x13\x1e\n\x06\x07\x08\x04\x04\x10\x16!\t\x0f\x18\n\x10\x1a\t\r\x16\x06\x0c\x14\x01\x01\x01\x04\x02\x02\x13\r\r\x07\x0e\x16\x17\x10\x11\x08\x0b\x13\x05\n\x11\xd0\x83l\x18\x14\x16]ah\xe2\x9d\x7f\xfe\xfe\xfe\xdf\x94w\xdc\x92s\xe5\x9f\x82\xfd\xfd\xfd\x03\x07\r\xfa\xf9\xfa\xd0\x93|\xc4nQ\xde\x9a~\xe7\x9b\x7f\xd3\x8bp\xd6\x84i\xf7\xf6\xf7$\x19\x19\xf2\xf1\xf2\x01\x03\t\xc7sS\xec\xa8\x8d\xc0jL\xd9\x8et\xd9\x89o\xdb\x96y\xd9\x8fo\x9aP9\xb3aF\xa9Y@\xce|a\xcf~g\xe1\x95}\x1c\x18\x1a\xbcgK\xe4\x98|\xd6\x94y\xb7gJ\xc7\x90|\xcf\x8eu\xad_C\xea\x9f\x83\xb2o\\\xd0|Y\xe7\xa3\x85!\x1d \xb3ud\xcazc\x1f\x14\x14\xcbuV\xa2W=\xde\x8dq\x13\x07\x05\xca\x81e\xe4\x95w\xec\xec\xed\xa4pa\xd4\x91v\x11\x0f\x12\x91J6\xc3\x85o\xd9\x99}\xd5\x8aj\xc7u[\x90P&gt;\xb3|j\xc9\xd3\xe7\xba\x82q\xc4z]\xdb\x91z\xc8\x8cs\xd5\x84p\xbaxa\xdf\xde\xe1\xb2\x7fq\x98[H\xe1\x98y\xcc\x86i\xd4\x98\x81\xc1pVcfn\xbfmP\xba|j\xcd\x8ao\xa1cR\x9aVA\xcev]\xbd\x89w\xb9q]\x85A1\xbabG\xa2vl\xc2{dA$\x1e\xc9\x83m\x9cod\xabucWX^\xe1\x90t77=\xd1\x83e\xdb\x9e\x81\xcdyXa.!\xd4\x8bt\xc4\x80g\xd3}^\xb9lT\xb4gR6&amp;%\xaa|n\xd6\x82_\xcb\x85s\xa9hZ\xc0\xbf\xc3\xcb\x8dy\xd4\x7ff+.6U\'\x1c=-,\xa1P;0\x1f\x1dk5(\xc7ue\xed\xa4\x88\xa4YH\xc2\x8dy\x99I5\'$(\xe6\xe5\xe7\xc9|k[@=u8)\x8cB/\xaauj\xacn[\x83YM\x9a`T\x8f_T\xa9fT\xc2s^\xf2\xa9\x91tOG\xf3\xb5\xa0\xb6\x84xI!\x17\x8deZ\xd6\xd6\xd8\x82RF\xb2YB\x97g[HEI\xe0\xa2\x86kID\xa0j\\\x7fI;[\\`\x1c\r\n-\x15\x10yVPM75\xda\x8d\x88;?H\xcc\x96\x82\xca\xca\xcetD7\xd7\x9d\x87[6-N.(\xf0\xae\x926\x19\x12?\x1a\x11\x89\x88\x8d\xc0|l\x8fkc\xf5\xb1\x98\xdc\x87j\x82_Y\xad\xb5\xc8\xc1\xcb\xde&amp;\x11\x0cmowg?7\xa9Q&lt;\xe0{\x7f\xe3\xd3\xd2QNR\xc8oX\x8eWJ}=+\xad`O\x84\x8b\x9c\xa5\xa1\xa5\x99qi\xbb\x8f\x8b\x81\x7f\x82\x95\x94\x98\xe7\x97\x8f\xc1\x83}\xd9jr\xed\xdf\xddAGU\xe4\x88\x8dMR^\xce\xb1\xad\x1b -\xbfdS\xe1\xa1\x90ywz\xd7\xa3\x91\xb3\xb3\xb8\xdc\xbb\xb6\xe2\xa9\x8f\xe7\xaf\x9d\xb7\xc0\xd3\xdf\xca\xc8t{\x89ifi\xc9\xa7\xa1\xaa\xa9\xad\xc9\x9a\x91\xab\x80\x81\xc3Wc\x84/!\xb6IT\xf2\xe9\xe8\x9d\x9a\xa0\x9e\xa6\xb7\x91\x9a\xab\xd3\xbf\xbe\x993&gt;\xd6\xde\xef\x96NL_gv\xfc\xbe\xab\xb2em\xaaBM\xae\x97d\xc9\x00\x00 \x00IDATx\xda\xc4\x98_LSy\x16\xc7\xbd7\xbdOp\xd3\x87\xebvf\x9a\x0e\x8e\xb6\rtgl!{\x89L\xaa\xcc\xdd\xd4\x8a\x96\xb4;\xca&amp;\xecd+\xb3\x92\xee\xc2d\x8bi\x1c\xacB\x82K\x88\xc4BKti\x03\x8c\xa2\x81\x19\x06\xb0\xa0\x82\xc4\x05QJFL\x00\x93\xaa\x1bf\xe1\xdd\xca\xc2C\x17\xf7\xc5\xf7\xfd\x9e\xdf\xa5\xee\xee\xfb\x05\xcfC)\xff\xd2\x0f\xdf\xf3=\xdfs\xca\x9e=\xda\x94\xc1\xe8Ix\xacV\xab\xd9\x882\x18\xcc\xe6=\xef\xbd\x0c&amp;\xb3\xc9hJ\xacd2\xf3\xab+~\x93\xd9j2Z\xad\xef\x1f\xcbhN$&lt;\xc3[+\xab\xe1d8\x92\xde\xf2[M&amp;\xab\xe9\xbdke\xf6\xf8\xfd\xed\xab\xe98\xa0\xc2\xe1d$\xb9\xb4\xe2\xb7&amp;LF\xe3\xfb\xa5\xf2\xaf\xafe\x1b\x93q=\xcf\xf3^%\xf2\xe0A:\x99\\m\x1f\xf6\x98\xcd&amp;\xf4\xd6\x9c\xf0\x98\x0c\xef\x03\xcbLB\xe9yQ\xe4D\x80\xc9\xf10U\xe3J\xfb\xfa\xf4\xf4\xb0\x1f5\x9c0\x1b\x0c\xbbNf\x9a\xce*\x92^\xe4\x040\x89&lt;\xc7K\x8a\x12O\x86\xe3\xc9\xec\xfc\xda\xfc\xdaz\xbb\xdf\xe3\xf1c8\r\xbb\xed\xab\xe9%\x05&lt;\x9c\xc0\x89z\x8e\xe79N\x14%9\x1e\x97\xe5H\xba1\x9d\xbe\x97\xcd\xac\xad\x00m\xb7\x07\xc0\xbc\x9eV@\xc3\xebt\xbc\xa8\x17!\x17\xaf\xa7\xf2\xa2\x14E\x96d%\x1eIg\xb6\x86w\x97\xcbdmO\xcb\x80\xe2t\x1c\xa8\xf4"\x11I\x12\xb5T\xc7J\xe0@\x17\x87\xd1\x10\xb4\xbb7\x97F\xffZZ\x12\xbd\x84\x05\xb1Pz\x97\xcbEp\xe8i~^^^~&gt;\x0c\x87\x96F2\xd3~\xf8~\xb7|\xe5Y\x0b\xd3\x00\x82J\x108\x0e\xbd\x04\x11C\xc4\x83\x8a\x95\'\x90\xd7\x94{\xd4F\xe3\xae%C\xd2+\x80\x8b\xd7\xe5\x0b:\x8e\x95N\xc8G\th_\x9eZ\xf9\xf8\x86^\x8ad\x11\xb0\xbb\x83e\xf2\xac\xa7\xbd\xe0\xe0\xf4|~^\xbe \x90\x95\x00\xc5X\x84m\xaa|\x95W/\xc7\xd3o\xfd\xc6\xdd\x91*\x13\xd6\x91Lx]\xd60\xc6\x95\xd3(\xf7\x11\xcdEx\x88\xc4\xb5\xbe\x1b\'\x85\xa9=\xc9\xa3c\x02T\x82\x8f\x08\x03Ox\xf5\xd9\x7f\x8bDDh\xc0^\x92\xb2\xea\xd9\xf9;\xc6:\xdd\x08m\xf2\xc9L\xacu\xaa\x9f@(\xfc\xafVp\x96\x8eB\r\xa1\xa1\xf7\x86Wv\xf8\xd41&amp;\xd6\x1a\x1f\xf0@\xc1\xc8\xe5\xb0\x04\xf6\x9c\xe9%\xbc\xc3b\x01\x81}$J^\x8e\'.\xb3q\'\xd3jU\xc1\xabC\x0bpq$\x12\x99\x9d\xa5\'k(52\xe7|\x9d\x9e\xd67\xef\x15)n\x1b\xdf\x0e\xef`\xd6\'2\xf2\xbb\x89\xe3\xbd\xbc\x8e\xd9\x0b\x8f\x02\xa3\xccM#\xd3\nY\xa6\'"I\x02\x9d\xe8\x8dlYw,SM+q\xa6U\x0e\x8b\x13\xd4p@\xf3\xc0\xc7Tcr\xa9-\xd4a\x81\xe3\xaa\x90xB\xf4&amp;\xa7\x8d;u\x1c&amp;\xb2^\xd6A\x15\x8b\x964\xe3\x12XV\xe0S\x84&gt;c\xdaV\x8b\xd3\xe3\xb0\xf0z\x01\xaf\xc3~\\\xb5zv$\'\x0c\xe6\xf64\x9f3\xb5jt\x86\xc5\xb1\x9dHG\x04HXp\xe4\xb3\xd0\xf2\xe2K\xd8F^2!\'J\xe9\xe9\x84\xc7\xb8#y\xb5W\xe1u\xeffM\xc7\xeb\x89\x8b\x13]\xb8\x1dDZ\xd2\xb8\xb8\xb8\n\x14\x99\x8c\x16"\xc4\x12\x98\x051 \x9c\x14_\x1dNhn{\xbc\xd12\xafD\xbcp\x90\xda#R\t\xab\x1aP\x16\x8bk\x02\xb5\x88G\xb1\x02\x1f\x17\'&amp;\x80\xa6\xde:\x15js\xe9\xe7\xf9\xf8\xd2\xf4\xb0\xd6]4\xb6g\xde\xb6\xe3h\xe0\xb6\xf3\x80\n\x8b\x05\xe7\x8cerrn.\x14\n\xa5Rs\x93\x93\x8b\x93s\xa9Tj\x12O\x16\'\xd8M\xc8\xe7\x968\xc7\xc73o\xd7=\x1aO\xa35\x13O6&amp;\x15\x16\xed\xccQ\xb4\xf0$\x17\x83\x1a\xeah\xeeB57w\x0c\r\xe19\xfb\x98\x9ad\\\x92\x97\xdf\xc6\x1289\xbd7\xbb\xaem\x17\r\xfe\xc6xX\xc1\xbc\xb3\xe0d\xde\x81\xb5$P\xcd\xa5\x86\x9a\xbbz_\xa2zQx\x16|\xd9K\x84\xa9\xb9\xc5\t\x97\x0b\x9b\x87\x06\x16\xb1\x86\x14\x8b\x84#Y\xbf\xb6j\r\'%E\xc2=\xcc\xa9TL.\xaf\xe4\x8a1\xa9^\x06\xfb\xfa\xfa\x82\xc1\xa0\xcf\xe7\xab\xaa\xf2\xf51\xb0\x8e\xa1\xb9\xc5E`y\xd9]\x8d\xdf\xc3,\xcaRrM\xdbY\xf4,a\xd0*\xd0\x10a{\xfe\x81\xa5\xb7\xc4R\x8c\xaa\xcfggU\xef\xa6\xb2\xfb\xb6\xb9\xd0H\x97zUS\x1f\xe1DI\x8a\xa75\xbd%\x0c\x9eyE\xe4*\x98O\x88\x8b\xa8DW,\x04\xaa\xde\x97}\xddQw\xb1\xdb]\xecd\x85g9\xc1R1\x8b\xc8\x8ej\x9a\x13\xbc-\x92%)\xaci\x17\xcd[I\xf4\x10s\xaf\xbaK\x10*\xb8\x8a\x89E\xa2"\xa9\xdc\xa0q8\x1aJ\xcbX9\x9c\x10\x8c\xc0\x9a;B1=\xfbC\xe8\xbe@\xe0Z\x14m\xb1\x0c\xfe\x07\x92\xb8]\x94\x97\xecabr\xa8\xa3\xeb\xa5\xcf\xedv:\xcaJK\x1bJm\x05\x05\x05\x81@\xa0\x14\\\xc5\xd1\xeen{\x1fqMR\xba\xaa{\x80\x07\x96+\xaber\x19\x87\xe3\xf0\x08\x05\xb7\xc8\xb2\x92Q-\xa6:z\xfb\xec\xc5\x80\xb2\x15\x04l\x80*,&lt;Z\x18\x08\xd8\x88\xcbY\\\\L\\\xf0=\xfd,~\x11W\x04\x827\x96\xd1\xd4Z\xc3\x0fd$6\xec1\xe1RC|\x9b\xea\x99\x93\xa9T\x88:JUX`C5\xa0 \x99=\xd8\xdbA\xf9\x85\x9f\xa6\x7f\x04\xe8-\x8a%\x96\xd5r\x12\r\x89\xa58\xfe`/\xa8\x10\xe9s\x08s\xe4Us\xaf\xcf\x8d\xf6\x05\n\x8f\x9675\x95S555\x1d%\xc9@V\x00\xd1\x9c\xf6`\x17q\x11\x18\xcd\xad\x825\x95Lh\x1a\xf2\xf3\xb2\xa8\xa6\xfa\\\x08Q\x9e\xa2`\x08v?s\xd8\n\n\x9b\xca\xdb\xdaZ\xca\xff\xaf\xc0V\x08\x9f\xa9\\s\xf8C&amp;\'&amp;\xd0A\x19\xef\xba\x95uMO\x9a5\x19G\x82dqM\x86\xd8\xa6\xe9\xed\r\xf6\x81\xaa\xd4V\x08(P\xa9j\xb5\xb5\xb1O\x00\t\xd5\n\nl\r\xaa\xbfRss\xb1\x98\xc5\xc5v\xb7&lt;o\xd2V-Z\xbc.K,D\xa1\x1e\xec\xf3uG\x9f\x8d6\x04 VIK\x0b \x8e6\x95\xb7\xb4\xb5-,0\xe5\x9a\x18\x96\xad\xb4\x01\x13\xe9\x0bb \x1f\x85Zc\x16\xac!\xbd\xa2,Y5\xc5\x92\xb0wU\xac^,\x99n;\xa8\xc8X\x01\xf8\x1d\xc1\x00\xd37\xa9\xba\xc1`\xe4\xfd\xe7\xd4\xc42\xa7\xdb\x1d\xf5\x05\x833]\xb3\x8fZI.YQ\xb2\x9ab\xadJX\x1d.\x86\x85\x00\x05U\xf4Y\xf1\xe8\xa8\xa3\x01)\xdaP\x8aa$,\xc8U\x0e\xe5Tg\xd9(\\\x11\xf9Q\xbb\xcf\x17\x9cY\x9e\xed\xa46J\xb2\xd2\xa8\xe1\xf61\x00K\x06\x14\x82g\xa8+\xc86`\xf4\x19\x91Q9\x91\xef\xb6\x00\xb0\x88\xab\xad\x9c\x85DiC\x99\xc3\x81\x8c\xc0&amp;\xc2\xaa\xac\xaa\x9a\x01\x16\xdc)\xc9rV\xcb\xa5\xe8\xc9\xa8T\x96T\xc7\x8c\xcf^\x0f\xacn;mB\x809G\t\xcbFj\x01\xab\xa5\x89\x99\xca1:J\xc4X\xdc\xd1\xa8\xbd\xbe\xbe\xea.\xb0\xd0D`\xadjj\xf9U\x99\xa00\x88]w\xab\xea\xeb\xed\xdd\xddh\xa4\x1d\\9\xb5lH\xaf\x16\n\xaeB\xda&gt;\x8eQ\xc6\x14%\xad\xa0V}M\xd5\xcc\x14\xcc%A\xaf\x8c\xc6\x93\xa8\x10Wh\x96\xa8\xea\xbb}\xcc\xf5Qv4\xd0FD~b\x18\xe1\xaa\x02\x1b\xeb\x9e\x93\xf5/\x1a\xcda\xd5\x8c,C.\x97,J\xf7&lt;\xdaN"\x19+4;CT\xf5*\x95\xbb\xd8QF\xc3X\xfb\x9c\xcd"Y\x9d:\x08J\x14[\x8cnw\xbd\xddW\x05\xaa\x9a\x17\x83S\xad\x8a,K\xfaF\x8f\xb6\x93\xb8M\x85\x97\xa8\xa9\xf2\xf9\xecQ\xda\xd1\xb5\xa7N\x9d\xfa\xa6\xa4\xe4\xca\x95o\x9a\x98V\xb4\x14\xb77dam @\x93\xc8\xb0\xfa\xeb\xfao\xf4\xc0\xf4\xb2\xac\xdf\xabqnYb\xad\x8f\x96Gjj\xea\x18\x96\xdbY\x16\x08&lt;\x07\xd0\x95\x03\x0b\x0b\x0b\xc7\x16\x0e\x90\xdb\x91\xa9\xe5\xf4\xd0\x02\xf3_h))9\x050\xb7\xbd\xaa\xaa\xa6\xeeN\xe5\x8f\xe3S\xad8\x03%Ms\xcb\xb4\xa5\xc8$\xd6\x8b\xba[u\xfd\xc0\xb2;KkO\x95\\\xf8\xf4\x18\xea\x04\xd5\x87\x1f\x1e\\hka\xb3Ha\xbfp\xf0\xe0\xc9\x93\'\x0fT\xd7^r\xb8\xd1\xc3\xba\xca\xcas\xf7{:\x81%g4&lt;\xb8\x0c\xc6\xf6\xb8\x1c\xeb\x9c\x1d\xe9\xbf\xc5\xb0\xea\x9de\xb5\xc7/\xec\xff\xdd\xbe/\xbf\xdc\xf7\x8b/\xbe\xf8\xe8\xa3OP\'\x16 \xdc\xb1\xf3\xe7\xbf\xfe\xfa\x83\x13\xbf\xda\xb7o\xdfg\x87~\xb9\xffxu\xed_\xae\xd5\xd4\xf4W~\x97\xc3\x9a\xd7\xf4\x9d\xe2tDA\x0fo\xd41\xac\xfak\x97\xaa\xab\x8f\xef?t\xf1\xe2\xc53c\xaf6\x8a\x8a\x8a\x06\x8a\x8a\xae\x1e&gt;q\xfe\x83\x13\x9f\x1c\xbeZD5\xb6\xb116v\xf13pU_\xba\xd5\x0f\xac\xb3O{:-\x92\xa4\xach|\x07*\xadS\xe3\xd4C`]\xfb\xfb\x91#\xd7\x7f\xfd\x9b\x8f\xcf\x9c9\xf3\xf0\xd5\xab\x8d\xcd\xcd\xcd\'\x8f\x9f&lt;\xbez\x18H\x03\x03\x8f\xbfG\xe1K\x9b\xaf_\xbfz\xf8\xf1\x9f\xfep\xbc\xfa\xcfu\xfdw\xcencE\xa65}C\xe6\xbf\x97\xc3\xea\xefG\x17\xef\xce\xdc\xbdq\xfb\xdcw\xa7O\xff\xf0\xd7\xbf\xbd\xde\xdc$\x92\xc7\x03\x03\x03O\x9e&lt;yL\x9fl\xfes\xf3_\xaf\xdf\xbcy\xf3\x8f\xd3\x95\xd7\xaf\x1f\xf9\xfd\xf5;w*\xcf\xfe8\xde\xa9HRR\xdb\x7f\xeez\x96\xe2\xad=\x837\t\xeb\xe6\x08.\x82\xd9\x1e\xd4\xf2\xf8r\xcf\xf2\xfd\xdb\xa7?\x7f\xf8p\xe3{\x08FtEg&gt;\x7f\xf8\xfa\xcd\xbf\x7f\xfe\xe9\xa7\xa7\xf7\x07\x07\x07\xc7gf\xee\xd6\x80\xaa\x12j\xb5\x02\xeb\x9e\xb6\xff\x1c\xb1f\xe2\x9d=#\xb7/_\xee\xbf98\xbb\xbc&lt;\x0e\xa8\xa9\xa9\xa9\xce\xd6\xd6\xd6\xce\xa9\xfb\xb7\xbf\xfd\xedW\x1bE\x0cks\xec\x8fu\x95?\xfc&lt;8\xd5\x19\xa2o\xf5\x8c?\x1d\x1c\x1cyq\xf3\x1cy\xabU\xf6\xca\x19m\xdfU[W\x81u\xe3\xf6\xe5[$\xd6\xc8\xc8\x08N\x95G\xa1\x18^\xb9\xb3sjv\xa6\xe6\xdb\xaf\x0e\x8d\x15\x01k\xf3?\xac\xda\xedOZi\x16\x00\xf0\xfd\x07&amp;\x9b\xdc\r\x02\x93Q\xb8l\x1b\x15\xf0\xed\xb2@\xa5\xf7.\x85\xb1\x04\xa3\xa3\x08\x04)\xa4\nFT\xbc*Z\xd7\xe2(\x82]\xe8\xb8\xbe!\xdaA\x11_\xb0o\xab\xb5\xc2\xeejck\xb5\x8e\xb5MZM\x07K\xda\xcen\xe3\x87\x86\xeenM&amp;\xd3\x9d\x89q\x92n\x9aI\xf6\\\xfc\xb0\xff\xc0\xbd\xa01\xc4\xe8\xcf\xe7\x9c\xe7&lt;\xf7\x1c|\xabq\x85\xa37\x97\xd6\x07z\x87\x86\x86z[\xd7\xc7\xafN\xcd\xc7 \xe0\x90[+\x03\'\xbe\xb8\xf2\x1f\x9a\xc7[\xdf\x00k9\xb5Z\xb7&amp;GW\xad\x85\xa3\x86\xf6\x99\xab;\xf7\xe1Z\xbf\x1f\xab\n\xbb\\R9$\xfb\x81\xa6\xce\x1c\xae\xba\x07\xe4\xd6\xd6\xf5\xfb\xf7\xe6\xa7\xe6\xa7f\xa2\xd3SSS\x17\x80\x05\xe5\xf4\xca]\xbaYg\x06 \xb7\xa2\xe1\xe8-}\xe1\x1aT\x86N\xd8\xff\xd6BC\xc9t\xd5|l\xbe*lV\xb3\xd8\x1b\xdb\xdb\x07\x1a\x0b9\xbb\x17\x8b\xc1K\xf5a\xd8\xaakV\xeb\xeaj\xa1!z\xf3e\xcb\xf2\n\xd4-z\x1b\x1fh`_P\xab\x05\xac\x92I\xc3\xea\xdamP\x1dt\xca\xcamf\x92$\t_}U\x80t\xe6p\xe766\xe4,\x0bY_5\xed\xf3\x11\x1e\xb7\x87\xac\xeb&lt;\x80\xef\xec\\[m\xbc\xd4\xf2\x12X\'~\xfd\x1d\xcd\xe3\xc0\xb4\xcb\x17\xa9\x9dX\x12\xf6M\x8e\xa6\xc3\xaf2z#$i\xb3\xe9mz\xbd\x82\x98\x9d\rx\xb4\x8f\x8aGF\xe4L\'TO\xea\n\x13$\xa9 \x886\rUr\xad\x85\xd7[^^\x1d\xef=\xf1\xc5\x0b\xba\x87\xa7\x7f^\x1c\x18_\xbaY\xe2\x8b\xea\xcf\xa5k\xa4mD"AD!\xb9\x96\x96\x1fN\xfa\x02\xf5\x89\xfc\xda\xa2?v\x14\xab\x9cZw\x02*n}\xf4\xd6\xcc\xd4\xe3\x0b\xe7\xdb}\x84\x0b"\xb9Vx\xfd\xd2\xc3\xa5\xf1\xde\xdf\xfc\xee2\xdd\xa3\xe6\x93?\xf4\x8e/\xcd\x94\xf8|\xfa\xaf\xacR\x8b\'\xe1\x9bYZ\x19\xea=\xd3;\xb0\xb8&lt;\xafk8;\x98\x97\x9d\t\xc7tQ6\x1c\xcd\xba\xd8U\xb8]\xe8\x1d\xa2JG4@\xd4Y\xad\xe9\x8d\x97^\xc2K\'\xae\xdc\xa5\x95\x95v\xf2\xd9\xd7O\xcf\xacP\xac\xb0-]#s\xb8gc\xe3?\xfc\xe1\xca\xe2\x9f\x16\x17\x9f~\xb3\x0c\xb7\xf7c\xbb\xcd\xd9p\xb7%\xce\xcb\xcf\xd55\xed&lt;\xfen\xf1\xe2\xc5\x81\x95+\xdf\x8eOE\xebI\x99F:J\xb1\x86\x80E\xebA}\xf4j\xfa\xe1\xf8\xe7\xebK3\xbeYbK\n,O\xa8k\xe9\xc5\x0b\xc8\x96\xa1o\xff\xfe\xe2\xf1D\xd3\xd8\x184\xb3\xd0\x85\xe5\xe5\xc3bM\xec&lt;\xfc\xf9/T\xa1}\xfa\xef\x7f\xae\xc7\xea\xc96\xa9tT\x7fai\xe0\xc4\'g\xee\xd2\xfa\xcf-\xef|\x89\xb1ahz\xa6\x81\xe5\x92\x95\xa2\x0eOY\xd3|\xcb\xab\x87\xeb7\xd6\x97[n\xde\x9bx^\x96b\x15\x15\x89)\xd6\xf3\xe1\x9d\xc7\xcb\xad\x0f\x1e\xac\xfc|\xf9\xa7\x9d\xe1*\xf2\x9cUs\x8eb}\xfe\xc9\xdf~\xfapD\x9f\xeb\xd3\x1f\x17\xe2\xc9\xdd\x89\x89X\x8aUg\xc1\x94n\x8f\'\x11\xf0MF\xeb\xa7\xeb?\xea\xa0\xf7\xa7Z\x7fqQOO\xd1\xa9\xfc\xdc\xdc\xb2\xe7\x13\xb1\xbd\xbd\xf9\xf9\x9b-\x17\xa6?\xeaf\x1d2Mg\x9d\xa2\xe4j\xeb_\x9f\xf47M\xbf\xa7\xafD\xfc\xd6\xbf\xe0\x8f7\x0f\x96\xe9|\xbeY\xd2\xa1V\xf3\n\x94Zm$\x12\x0cz\xb7HO \xc5\x82\xc5\xca\x86\xdbe{\r\x95\xf2\xa1\xa6\xa6\x86Y\x85\xa1\xf1\xf5\xd6\x96\xd9l\xb6\xc8\xa4R`\xcd\xdf\xd8\xec\x1a\xf3\xb8\xc9g\xb4-\xd7Q2\xe9\xb7\xc7\x93\x81*\x9f\xcfGV\xaa\x11\xb8\xd4J\xa5\xa5\xdb\xebu\xd4$\x02eM\xa1\x10\xa8\xc4\x19\xd4x\xab\xe6\x14\xd5U\x84\xca\x02\x84\xd9%\x83\xab\xce\xd2V\x87\xa2\xa8ZQ23\xd1\xb4\x9bD\xd4\xf9\xf4-\xd7~s&lt;n\xef\xd1&amp;\xea}\xbe0\xb0,\xc0\xb2\x00\xae\xcd\x1b\x8c\xb8\x13g\xcb\xa8\x10\xe65gg\x14\xd9\xbf\xcc\xcc\xac\xcd\xcb\xcf\xcf\x1dk\x00V\x1b\xa8J\xeb\xe0B-\x16\xb5\xa2=Z\x95WdG\xf8\xc9\xad#\xdaX\x0b\xc9$\xb0\xdc\xb3p\xa8T\xaa\xd5\x16pY\xe0\x81\x04\xfdn\xcf\xe9A*\xaf \x84\xd9\x94\x0b\xda\xb0T\xef\x1a\x08x\xccm^\x88\x9eL\x86R\x7f\x83\xcb\xdc\xdeN(y\x88\x16\xd5&amp;\xf7\xd3hc\xed&amp;\xed\xbf/\x88\x10\xe1\xb0\x19R\x0bqb\x98\x1a\x03U\xd0_\xe3\xc9\x1f\xcc_H\xa9\xc4\xe2\xb86\xd5\x83\xe5AS{\xfa\xb4\xc7\xed\x00\x17\x15F`Y\x80\x156#|^R\xad\xdc\xfd\x9e\xae\x92\xfalp\xc1n\x8fc\x0e\x82PP*\xa4@\xa9Tb\x18,\x96?~\nH\xcd\x14K\xdc,\xce,p:1\xad;\xe5\x82\x8f\x88#\x08\x11\xb4XP\x14\x12\xcc\xa5o7#N^\xdc\x8d\x8d\xbd\xa3\xeb\\\xfc&gt;_\xccS\tL\x0eBav!\x08\x8a\xf2\xb0\x02\xcc\xc4\xe3a\xfeH\xb2\x19\xd6\xa9\x19d\xd9\xe2lm\x9f\x80\xc5\x17 \xda\x9aSy\xd4\xbb\x06\xe2\xda\x88\x12\xe9\x86\xbcBKK\xeb,.\x83\xde\xec\xd0\x16D&lt;\xc9\xd0\x1b\xdaX\xa4Z\x82\x1bA\xa5\xb0\xb9\x90n#\x93\x95S!\xe0\x0bL\x98RK\x8d\xe3\xb3\x9b\xa9\x89\x8d8\xa3O\xc5\xc5\xab\xf9\x02\x0c\xe2x\xaa6\x03\x9c5Z\x0c\xcdA\xd1R\xa9\x10\xa5X6\x97\xda\xe45\xef\x1e\xd2\xc7\n\x8aD\xc6:r\x960o\xb5\xa1,\x11\xf4\xa7,\xa6\xa0\xaf\xaf\xc0\x1e\x8f\xc7\xa9\x19\x9b8\x03\x9e=\x8f\x8a\xf1\x11\\\x92\xe3\xfc\xb2\xb2\x92\x9a]fddj\x0bx\x159B\x0e\x83!\xac+7\xe8\xf5^\xce\xc1\xc1[O\x88\xae \xa6\xbd\x89(\x83\xdd\x081\xab\xb0myQc\xb5\x84\x01mt\x07D\xd2^\x14\x8fSo\xa9\xc4\xc5\xa7kS\xaa\x91\x11\\\x84Vf\x16T\xd6\x1e\xab\x9c\xbc\n\x96\x10\xbe\x9bSZn0(H\xc4j\xbd\xe3\x0f\xd0\xc5\xfa\xec\xc7\x85]O7B\x86)V7\xbf\x9a\xc1\x96\x8f\xe0\x1d\x02X-\xbb\xbd\x08Pv{R\xecTq\xe7\xaemC\xa3\x98\xc5\xc8\xa9\xactb55\x19E\xa0\x12\xb0\x84\x1c6\xb0\xa4\xe7\x0c\x8d6R\xe9\'#\x98\x87.\xd6\xc9Wc\xa1\xfc\x88\x9fb\x95\xcb\xba\x8d\\6[\x8eKT\xc7,\x88\xa3\x1d\xbe\xe0I\xf0\xb9k\xbf\xfcB=\xc1\xa5vV\xc0\xe9\x04\xfb\x92\'`B\x08\x19\x0c`56\xda\x08\xb5?o\xa1&amp;A\x17\xeb\xe8z\xe804x\xdaM\x1c\xb3$\\\x06\x97+\xe9P\tx}\x90_\x18\x06\x9f\x8bG\xa0\xa3\xbev-\xc5\xda\xc8\x92sP\x14Q#\x15\x15&lt;\x8a\x05.N\x8aeP\xb8j\xe0\x06(\x9f\xa6\x94O;z\x9d{xx8\xf6\x7f\x16\xa8\xb8\xc5*\x80\xa9T*\x13b\xea\xeb\x98\xdb~\xab/\xa7Z\xfd\xed\xedN\xa9\xfc\xda6\xa3\x9b\xcf7\nsT\xaa\x1c\x8a\xc5\x11\n\xd3\xbf\x1am\xb4\x99=\x83\xf0c\x06\xe9\xda\x89\xfb\xaf\xdd\x89@\xe8l\x04X^Y\xa9\x90\xcb\xc6\xb9\xd4\x83[\xcc,.\x16\x19M&amp;\x13w\x1b\xd7\xdd\xe8r\xccAnY\xf7&amp;\xaa\xd8\x1b\xb7Q\x11$\xbaD\xc2d2\xb9l\x89Hh\x94\xa6\x176*HP\x1d\xfe7@\xd7j\xedO:\xda\xda\x08\x0c!\x14[p\xccq\xe0\x17\xe2#\\\x1c\xa7fZ8.1\n\x10\xd1\x1c\xbf\xe9F\x97[\x92\x95\xc5.\xbf\xd7\xafce1P\x115Y\xe2J$"P\x898B`\xc1N\x0c\x01+\x8f.\xd6\xaf\xbe\x9e$dF\xa1\xc8DB\x10\xbd\xa5\x1a\x8a\x95\x95\n$\x0e%\x01\xe7\xf21\x01\x8e+\x03\x9eG9\x12n5\x9f\xf4 l\xdc\xc8\x87^6+K\xce\x963\x18"\xa3\x88\xa3\x01\xd6y\xc5VnY \x815\xbc\xa1m\'\xb6\xdf\x11\x89:\x82D;\x14\x08\x99\x06rXD\xa1\x8eY#8\xbf\xcf\xde\xd3\xd1\xe1\xf7\x07\x11n\xb5\xb0\xcd\x8f\xf5\xf1x&amp;\x91&lt;\xc5\x92\xcb9\x1c\xa1Q\xa8\xd1H\xbf\x1a=\xdf^\x1e\x8c\xb4\x05\x1d\xba\x0ft\x95\xd3\x0f\xaf\xee\x98x\x88\x9f\xf0\xa5\xa2(d\xc2\x02\x1c\x87p\x04\x1f\x91K\x04}\xf1d2\x11\x8b}TX\xd3\xf5\xd3:] /\x82pngmlPSA\xd8\x85B\xa1T\x03\xa9\xa5\'\\\xc6nSpv\x8f\xae;\x88\xb4\x93\xefV1\xa5\xc9\x04\x85k\xab\xdc+e\xb1\x98"..)\xa6\x06\x928^\xac\xe2\xf5\x14\x89?\x0e\xdfX\xdf\xd93\x18\xf6\x86\xfb\xfb\x87un5\xab\x1a?v\xdd\x06\x97\xe6\x98\xa5p\x99\x10\xc4K\\\xa2\xed~+\xed\xe8\xdd\xbf\xd6\xfeqg\xab\xddfK\xb1X\x12\xb6\x84\x99\xd3\x01\x95\x02\xca\xea\xa3\xbe\x02w\xc3\xf0\x83\'\xad\xfd\xf7\xa2\xed\xb1\xfe\xcd\x07\x9b]\r5N\x16C\x9e\x9a\xa1\xca\xd9\x1c\xca\x95&gt;j\xd0+\x10\xa4\x12\xebn|O\xe3\x04\xfc\xb3\xa3\xfd\xfdg\xef\xcf\xdb`\xb5J\x99p\xcc1\xaa\x99*\x15SX]\x0cg\x90=R\xd5\xf5\xe0\xc9\xe6\xb0\xae\xe9\xf9\xf3\x90\xae\xa9ks\xb3KgFY\x90XY#\xe0\xa2\x96\x0b\xca\x96A\xdf\xee5\xaa\xbb\xad\xef\xf7\xe9\xed\xf7\xd3&gt;\xdd\x7fe\x00\x16jdV\xc3\x05,\x15\x8b\xa9z\xe4\xac\xf44\xfc\x8f\x96\xf3\xfdI#O\x03\xf8n\xdbM\xed\xbe\xe8U.\x08\xb4\xce\xb9\xe8i\x0c?\xd2S\xee\xa4\xd0%\x14\xee\xd6hg\x9a\x01K\xd0\x91\xa5\n\x11lq\x03\x0e\x9c\xabYX\xcc\x84.\xbd&amp;\xb7*\xc9r\x1b\xa4,\x1aJ\rU\x9b\x9c\xe1\xb8\xa2\xb7\xa9\xa6\xbe\xb8F\xef\x8c9\xdd\x8aMc\xd64\xb61q\xd5\xb4\x97h\x9a\xd8{\xbe\xb4{\x7f\x81\xf3D \x81\x17||~?\xc3\xf3\x9d/\xbe\xbf\xfd\xed\xf5\xf4Jxq\xe0\xc7\xb94y\xeb\xeb\x9b\x93\x0b\x1a\x8e\x84\xab\x86*\x05\xea\xe2\xf6\xf4`\x8a\x90#\xb1\xb5\xb1\xf1bc\xfe\xd5\xa1/\xbc\x95o\x19I\x92F\r\x17\x8fW\xcf\xd7w\xf1\xea\xbbj9\xf1\xf6\xfb7o\x7f\xdd\x9e^YYy:7\x97~\xba\xf2b\xdd6r\xf3\xe6\xbd\xeb\xbe\x12\x01\xb7\x05\xd0\xb8\xdc\x1e\x1d\x16\n\xe5\xb6_\x15\xa3\x83#\x87\xbfNY\xbc\x97 i\xba\xd5+\xe2\xf1\xa0\xe3\xe2\xf3\xba\xbaDv\xcd\xc2d\xe7\xedo\xa7\x87\xd6\xd7\xd3\xe9\xb9\xb9\xa7i\x90\xf5\x17\x99\x85\x9b\xb7\x1f\x8dS=\x08\x0biK\xa7\x84\x92\xb8\xc6\xda^3X1\x10\xb0+\x85"\x80\xe2\xb7\xf0\xf5b\xbbfd\xb2\xf3\x8b\xcba`z\xfa\xb3\x00\xd8J\xfa\xd6\xe4\xed\xc9\x18\x05\xea\x82$\xa7\xeb\xb1\xa0\x92\xb8\xc9\xda:l\xd9\x16`QJ\xbb\x90\xcf\x97\xc2\x9fT\xafZ\x98\x9a\xba\xdf^-K\x83\xfd\x90\xac\xbe}iN[\xc6\xefO=\xc2\xe5-\xd0=@z\xb0\x04\xa9\xd0\xf2&lt;k\xcb\xc3\xc5{\xb9 E)\tB\xc2\xeb\xe2\x8b\xa5z\xfa\xca\xfdG1\x9bW6\xb7\xba\xba\xbb\x9b\xcb\xe5\x0evwm\xf0X]m\xcefB\xc9\xa9G\x0en\x8bD\x02\\J\n\xb0\x9e\xb0w\xf0a~9G\x05\xec03\xa08\xac\x95\xba\x16\x16"\x8a\xecz\x1a\xa8\x0ev\xd6\xe6\xe7\xd7\xd666\xb7\x96\x0fvW\xfb\x02\xd9\xe7\x99\xe4\xa3\x05B\x02\xa2\x93Sd\xc8\xb1\xf5\x8a5\xaa\xf7.\x02\x16E+\xe5\x84\xa8\x96_\xdb\xc51i\x1cX\xd6\x12\x0c\xef\xbe\xdc\xbf\xe5&lt;\xc8-\xef\xec,o\xef\xec\xbc\xde\x7f\xf3\xf2\x80\xccd\x1d\xf8\x15R\x82\xb4\x05\x9e\xa5`\xd1\xe3\xc1\x8ak9EP\x89aB\xaf\x88_\xcb\xa7\xa7\xc9\xa0\x92\x9a\x1ex\xf3f\x1fH^\xee\xbe\x84\'$\xfb\xfb\xfb\xaf_\x0fR\x98\xc2F\x95\xb4HJ\xa0L+\x14\xcb\x9b,.\x80\x17m&amp;B\x18\x86\x05\x95\xd0}\xf2xB\x9a\xa2\xec\xbe\x81\xcf&gt;\x03(p(\xf0\xb0\xd5\xfc\xf3\xee\xcb\xd7#\xf7\xae\xb80Jay\x9b\xe2\x15\x8a\x0c\x9b\xae\x05\xad\xd7rB\x81\xb8\x90\xba\xf8\xad&gt;\x9a\xb4Cj\x1fX\x047\x9f\x83`\x04*\x94"\xe6\xfa\x0e\xae\xb7\x7f7\xad$-\xa3\\I\x89\x05S\x80l\xb1y\xbc\xa0\xa8|\xcb\xac\xc0,\x18\x15\x10Jx\x12\xa2\x95\xa6\x85u}}\x1c\xaf7\xfd.\xcb?]Y\x19Z\x81\xcc\x15$}J\x0b\x19\x1c\x1d\xe5\xea\xf2X\xcbk\xac\x1e\x12)[crA,\x18\x84\x96\x9e\'\xe3\xea\x94J\x91\x90\xc3\x11\xc9\x04\xd0+\x00\x97\x0c\x12)\xbc\xac\xac\x8f\xea\x94v\xa2\x07\xc3\xd0\x0f0\xc1 \xc2\xdac\xf5HM\xd9\xdeN\x0eC"\x97\xc0\xb4\xcc\x95\x8b\x90\xf0y-\x1f\xd5HD^\xda\xe7\xa2\x03\xf6&amp;x\xbfD\x0e\xb9M\xd0\xd3\xf3\xfcy\x0fF\x01Vhy\x93\xd5\xe3Z\xc5\x9b;\xb9\x0cF`\x18!Am\'\x9f\x9f/\xdb]]\xf5\xf5&lt;&gt;Q\xe72\xf9\xa00\xa1\xd4.\x91@\xd9\x19\x1dU#,E(\xe4\xd8\x99g\x93\xea\xbd\xd3\x9b;\x10\x8b\xf2\xbc\xba\xe4^\x02A\xf1j\xf2\x8d*\xf4\xd0|/\x8c\xdc\x1f\x7f,\xe0\xbe\x15\xc45j\x01\x0b:\x12\t\xb6\xb1\xe6\x19\xb3#\x83\xacH\x10M^\xa4\x1aY\r\x1ag\xd1\xecU\x83\xbai4w\xa0fF\x80\xda\xd2\x1e\xc0B\xad\x96\xc3\xcc2V\xd1|\xc4\x93P\x04\x03A\x8c\xf0\xca\xbdv\x91\x0c\xa8\x80D\xadF\xbd}=R\xddG\x025jf\x04\x02\x01\x04\x84.\x8be\x14@\xe5dX\xc6zb\x1edB\x8e\\\x10\x82\x11\x0b\xd0M2\x19\x0f\xed&gt;\xa0\x11\xbb\x1e\\\xac\xab\xb6\xab\xa6F\x80\xf65\x80*H\xd9\xb0l\x06\xd90\xe2v\xb2\x8b\xf5\xde\x93\xc4\xa0\xc7\x9c\x80n\xc1\x18\x0c\x92$!j\x12\xf1\xeb\x91s\x01T\xed\xc3\xfc\xba\r\x0f]hRs%r\xd2`p\x80g%\xcc\x0c\x8eGX\xc6z\xa5\xe8\x1d\x8c$\x12f\xb3\xc3h\xb3Q\x98\xd2+\x94\xf2\xbb\x90\x88KA\x1e&gt;D\x17i \x08\x05%J\xd2\x88;\x8d\x10\x84\x11\xc69~\x9dm\xac\xf2m\xbfJcN$"f\xb3\xc1\x1c\x0c\x06h\xa1\xb4V,\x16\x97\xde\xa8\xd6^\xab\x82y\xfaFw)\xe8\xab\x04\x12\x17\xe9I\xb9\xc1\xdef\xc6\x89_Wi\xd8\xc7\xeaP\x81\x19#Nx\x18\x8c$m\x17\x89\x9aoTWi\xb5\r\xdaj\xc4W\xd5\xad\x97J\tBI\x19q\xc0J0N\xc6\x8d\xabz\xd9\xc6*\xde\xfa\xd1\xda1\x08\xbar2\xe6H\xc4l\xb0\x91BNX\x0b\x12\x8fkE\xb2&amp;1\xba6\xae\x17\x12\x04F\x19&lt;\xee\x14\xc3,9\xdd\xf8`/\xebXek\xbd\xd6x\x87&amp;\x02\xb6I0\x0c\x13\x81A\xdb\xa4\xea\x887\xba\xc2aN\x93\xac\xa4\x89\xf0\xb6rZ}$E\x91\x0c\x83\xbb\x9d\xce%\xf7\xad\xc1\x8e\xde^\xd5&amp;\xcb\xda\xda\xf0[\xe3\xf1iC\xc4\xb9\xc48\xddN\xdcc\xd0\xa0\xe5\x1e\x1f\xadl\x92[F\xd7\xd7\xb3\x16\xa5\xd2N\x9a&lt;\x06\x03\x83&gt;_J\xa6\xc6U~?\xebX\xa77:\xac\xf1\xbe\xf0\xb4\'\x95ZZJ&amp;\xdd\x10\xfb\x1e\x8df\x1a\xf2+\x86\x96\xa6\x9ee\xb3\x96L\xd0a\xf00\x88jf&amp;\x19k\xd7t \xac\r\x96\xb16;\xac\r\r\xda\xb0\rO\xce\xc2\xb7.\xb9\xdd\x11\x1c\\\xdf\x98\xcbd\xb2\xcf@\xb6\x9f=\xcb8\xcc`b\xb7\xdb=3;\x1b\x1bW\xb9\x1a\xad~?\xdbXE\x9bqk\xc35-\x87\xb6\xe1\xd1hrf\t\xb8R\x08\xcb\xac\xc8X\x10\xd7\xf6v&amp;d43n\xa4\xa9\xd9\x89\x91\xd8\xa0\xafN\xdb\xe0\xf7\xfb\xd7X&gt;\x87&gt;\xef\xb2Z\xb5\xd5\xcd\xcd\x01c*:1\x0b`n7\xa4V\xb3!\x94\xb1\x80\xbe\xb2\x99L\x08\x1a\x06&amp;O5&lt;\xb1\xd0&gt;\xcd\xe1h\x1b\xac\xfe\xde-\x96OV\xcf\xfb\xac\r\xda*\xe0"\r\xee\xe8\xc4\x04\xe2r\x9a\xcdF\xa3\x03\x9ai\x0b\x94\xc0\x90\x11j\x80\x13\xa9jx8\x96\xd2\xd8\x85o\xb1\xb6Y&gt;*\xfcd\x1a\x8cXU\xcdi\xa6I\x1b\x1e\x9b\x98\x00\x0f[\x82\xd4\x9a0\x92A,\x83)\x8c\x060\xa13\xbf\xe9\x16\x8d\xb5\x9bh\xa1\x90\xe3\x8a\xb7\x9d\xebe\xf6\xca\x8b\xd8\xc6\xaa\x02,\xa1=0m\xc0S\xd1\xe1\xe1\xd9\x99%\x06J\x11\xe4*\x8a2z&lt;\x1e\xdc931666\x9c\xc25\xb4H,\x16j\xe3mg\xcf/\x8c=\xbe\xc8"W\xd1\x13[[\x1e\x8b\xd3\xdc\x1c6ypw2:&lt;\x01\x01\x19\xf1x\xc0\xf1\r\x9e\xf1T\x12\xec766\x11\x1b\xc7U.\xa1H,\xd5W5X\xcf\x9d_\xf8\xf3\x85\xc7\xec\r\xb0Ee{\xaa6dD\xb0b3\xed\xebPi\x0c\x9eT4:\x1bM&amp;cI\x08\xca\x19\x80\x02\x05N$q\x8d\xc9\x04T\xb5\xb5z}\xb7\xd6\xda\xfb\x9b\xcb\x9d\xef\xff\xed\x0ekT\x17\xff3\xf3\x9d\x1f\x9c+\xaf-N\xd8\x05b\xb3\x19\xc6c##\x0b\xd1\x91h^b\xa9\x14\xe4~\x13P\xb5J\x91\xb2\xf4\xa5Umg?\xb9\xd7\xf9\xc1/\x1f\xb3\x15\x8de\x0f.\xfce\xe0\x1c\xf2\xf9\xd2\xe6f/\'\x1c\x0e\xf7\xb9\xc2t\x80$m6\x8df\xb0\xbd\x1d\xc7\xf1A\x13\xd4C\x8025\xfaZE"\xa9P*\xed\xae\xb2\x9e\xbf\nXG\xfe\xf5w\x96\xcc\xf8\xd5\x9f\xde\x9f\x1a\xe8\xcdc\x89\xc5\xa0.m\x1fH\xd8\xebU\xcaKJ\x04\x029\xa1\xd3\xf5\xe8\xe4r;\xed2\x99|uuz\x9eHJH\xc1\xb9\xda\x10\xd6\xb1\xc2\xa3\x9f\xff\xf0)\x0bn\x7f\xfa\xe2?/\x1d\x99\xba\xb2\xd8k\xbdv\xa3\x14u\xa3?c\xc9J\xb8\xea\xfe\xca~\x18\xc2\x040\xba\xea\x08;`5\xba\xea\xf4R&gt;\x88\xb4\xb4\xdb\xba8p\xb9\xf3X\xc1\xf13\x97\xee\xfeT^v\xc8\xf7\xb5)\xbb\xf3\xc3\x85\x8a#\x9d\x97\x07\xce\xb5\xbd\xc3*\xad\xd6\xf6i\xc3\x1c\xafL\xa0\xae\x1c\x1a\xaaTW\xf6\xf7W\xaaA_v\x9f\xa91\xde\xd8\xad\xd7\xa3K\xbfR}\x9d\x7f\xf1\x93{\x7f-,((\xac\xb8\xf4\xdb\xbb\x0f\xbe\xfa\xf40O}\x97\xff\xf4\xf9\xb1\x8a\x8a\x0f\x00\xebl\xdb\x1f\xbe\xbcQ\xaa\xd7\x8b\xc1\x8aZ(D\xa2&amp;\xc4U9\x04h\xfd\x02P\x96\x1c\xed}7\xa26\x95/\xe1\xf1\x85\xdd\xdd\r\x8b\x97\xa7~q\xeaT\xe1\x99\x8a\x13\x05\xc7O]\xb8\xfb\xdf\xc3\xbbu\xd2\xc5\x07\x17**\n\xcf\x1c\xeb\xbcw\xf5\xfc\xef\xfe}\xedK\x98%\xc4\xe2\xea\xffc\t@Q\xfdCCj\x98\xa4u\x04\xc2\xaa\xaa\xeb~g\xc4\xee\xeex\xfb\xe4\xef?&lt;Zp\xeaLE\xe1\xc9\xe3\x05G\x8f\xfe\xf1NY\xd9!\xdc\x1e\xa2\xe8t\xf17\x88\xea\x0c\xfc\xc3\xdf\xdf\xbf:p\xeeW\x80%F\x9d;pA\x06CXj\x80B\xbf=\xfdC\xad#Z\xb5\xf1\xc6\xbaV\xbd^\n\xf3\xacDZ\xcd\xd1\x8c\xfd\xfaDA\xc1\t\xc0\xfa\xf0dA\xc1\xc9\x13\xff+\xe5\xfcB\x9b\xba\xe28\xae\x06r\xee\xb9\xe2Y\xae\xbd\xdah\xca4\xb6q[l\x90Z\x8d/\x03\'e\xc5f\xc9\\\x9d\x9d\xdd\xc8\xa8\xac\xd3\xeda\xa0b\x1aa\x96!c\xc1\x8bL\xf4!\xdb\x8b\x13\xe9K\xc4\xc1,\xa3\\2\xd6\x87&gt;l\x89\xe9\xc3\x1e\x16a}\xb9\\\xf2RF\t\xf8f\x02\xa1\x0f\xfb\xfe\xce\xb9W\xaae\xe2\xdc\xafIs\x9b\xe6\xde\xf3\xb9\xdf\xef\xef\xf7;7\xff\xae\xd5\xa4\x93\xc8\xf4\xf6\xfc\x9f,\xdb\xde\xd3\x9b-&lt;6\x0f\xee\x05\x96\xa1\x1b\x0f\xae\xbf{s\xff\xab\x94\\\x14[\x0f\xd0\xcb[\xe3\xf4\x16\xf0\x11`!\xfe\xde\x95&gt;{\xfa\xce\'\x84\x95H\x84\xbb\'\xc2\xf1\xa8\xa4\n0\xce\x8c\x88`\xba\x10\xbaf\xe5\xffX(g\x8b\xa9X\xcf\xcbj\xb63VXr\x1b0`\xf3\xe6\xbd\x91\x88.2\xf3_\xbc\xbd\xff\r`I\x17?\x02\x96tq0\xf9\xe6\r`\xbd~d\xdb\xe1\xe8\xe9i\xa4\x96\xaa\xc3\x89\x91\xf0\x87\xf7\xe6\xba\x98\x06\x95\x98\x88\x18L\x10\x96\xd5l:\x00+\x94@\xd6\xfb\x12dP*Uv\x03\x9c\xc3\x00\xa2\x8a\x84B\x1b\x1f|\xf9\xfe\xfeC\xaf\xe19\xe1\xbex&lt;\xbco\xabt\x91\xb8\xb6\xed\xb8\x81b\xdc\x95\x8eF%\xd7\xb1D\xff\xae\xfe\xfed\xff\xc9\x99+\x19\xce4\n\x1dj\xeb\x821\xdd\xaeTW\xean\xde\xae=\xca\x16\xb3\xd9l\xaa\xe7?\xa6T\xacX.&lt;\xb2t\x9d\xb0\xc8\xc3\x88a\x18\x1b\x7f\xbe~\xf3\xd0\xa7\'\xf04ujjdj\xf4\x00\x1d\xe4\\\x8e\x0fB/z\x95&amp;\x9cN\xa3#\x9c:5\x1dM\xf7O\xecx\xef\xe3[\xf3]\xd2\xbf\x00\xd3\x98\x01*\x9d\xc0\x9c\x95\xb1\xb1\xb1J\xdd\xb5\xf2\xb5G\xa5l\xa9T*\xc6^4\xcd\x90\xe6\xb1baa2\xe7 GuT\xb7\xc4\x92z\xf5\xfd\xfa\xf9W\'\x06\xbe\xfe\x8d\xbeJ3\xbcg@\xd5b2)?\x12\x14\x8f\xa7\xa3\x97\xa4\x87\xdd\xfd\x87\x8f\xdf\x9e;(u\x82\\L\xd3\r!\x04\x13B\xe3\r\xb3^\xf1\xc0lsa\x99NlV\x8c\xbd@\x01\x80\xa97\x95-/\xe5l\xdb!\xb1B\x08B\x02\x17\xf4\x8al9\x7f\xff\xcf;\x97F\x87\xa7F\x92\x84\x85\x99h|p\xf7\x8e\xe4Dw\x02\x11={\xfa\xdc\xa9\x81\xd1D\xfa\xe4\xefs}\x19\xd8\'/\x0cY\xa53F7\xcc\x08\xb1\x86\xd3\xacT\x15X\xc3#C\x9a=\xff\xc4f;{S\xc5b\xb6\xb0d:\xb9z\xa5\xd2\x84\x07!#D\xdd\x10\x85H\x82\x81mh\xfe\xfe7\xdf]\xeeN\x8eL\xa1w\xa1q\xc2\xc4\xddI\xea\xe8\xa3Q\xfa\x80\xe2\xb1\x0b\xc7\xdf\x99\xb9\x06\xa5\x1811\x98\x88\x8c2\xc0\x84\x8b\xc0F\xd0\xbc\x1av\xb3\x05\xb0\x95\xf6\xaamY\xb6[[ZF\x05\xd0\xf9\x10\xff\xb5\xf4\xb2\xe5r\x19-\xc1\xce\xd5)\x07Z\r\xcax\xc22t\x11\x92\xe9e\xc0\xd4\xa1\xf3\xbf\xfcp&amp;=&gt;5|u\x00X\xf4:\xe0`\xf7x&lt;A\xdf\x86\xba4}\xf4\xf6\xf7W\xba\xb8\xf0\x94\xa2"d\xc2\xd0%\x16\x93K\xe8\xa9\x81`\xbeF`\xd5\x95v\xd3tl;\xff\xa3\xf9\xd7C:\x89\xdez\xc9\xb6o\xef\x01T\xa1\xb0\xbc\xe0zP\xd5J\xbd\xa1L\x84d\x94\xfa\x86T\x8es#\xf4\xca\xb7\xf33\xf7.\x9e9w\xee\xc0\xd5=h\x06\xf4Y\xb3p"1\x1c\x9d\xbex\x0b\xeee\x84*?\x19\xe4\xa0\xa1\x98 \x9b.\x14V0h!\xc9\xd4(\xadz\xd3t\x1d\'W[\x00\xda3L;{c\xc5Ray\xa9\xe6\xe4]\x82\x02\x93i[d\xa2\xc4\xa2\x8a\xe4\xdc\xc3\xe2\x18)\x94\x19\xba2\xb7x\xf7\xb3\xa3\xd3\xd1x\x98\xde\xbfN\x9c\xbd\xf0\xc1O3\xd7\x86\xb8&amp;\x85y\n\x8b\xf9AT\x1eV \xd0\xc8\x9b\xf5Ve\xa5*e\xab\xb4\x9b5\xd35\x9bOe92*[\x06\x93k9\xb5\xb6\x82r\x1a4W\x80\x06\x08\xd4\x07u\xcehQB\x12\x1b9\xbb\t\xaa-\xde\xbd\x87\'\xfd\x17q\x94\xba8\xdf\x971B\\\x93\x00\x9a\x07&amp;\xf3]-\xd0\xa2\xe0R-\xe2\x02\x18\xa5\x99\xbb\xda\x1ei.\xdd\x00\x00\x01\xf8IDAT\x94pJ\xb8\xd6\x1a&amp;jQ\x0f\x9b9\xc7\x06\x13\x15\xc9\xd8r\xd3\x0ebm\x8dS7\x15rw\x85\xee\xa9$+\x13\xaaq8Cl\x9b\xe8\xab\xc9o\xf5\x1d\xec\xda\xb2\xc9\xc0\xf8\xc4\xcfUR),\xe9\x9b\xc2\x12\x94\xa2\xc0""\t\x16T7\r+\xef\x10]\x1bx\xbew\xa9R\xe1q\xcdE7X\xad\x13R\x15ihZ\xb4\x1e\xed\x95\xc6\xa9\x90\x04\x05\rG{.\xc1\x0c\xe9)\xd7\x15+$\xe2\xe0\xa1\xbe\xa9Q\x7f\xf2\x85RZ\x89\'f\xa2\x94\xa19!\x05\x94b\x8a-\x18\xd0\x085\xd8h4,K\x16\x1e!9y\xdb\x99$\xa4\x0e\x98*\xed\xd5|P\xf3\xa9\xf0\x8b\xba\xa1\xf0\xb8\x84\x14MRA\xa8\x0cG*\x03\x89\xee&amp;\xb3\xf1\x0f&lt;Hu\x05\xca/i\x1bv\x83\xf9f\xca\xae\x0c\x93\x15\x93\x07\xb7F4\x198\x0e.,\xa0\xd5\xbaPi\xac\xd3A\x1bA\xd6\xe5,\x18\x17T;#W\xd3\xb8\x1cHj\x00.\xf8\x86\xd1\xf5\x90\x9aK\x84\xe0t\xd0\x82\x870i\xb6\xe0*T3\xa0\x9eE;\xe0\x89\xc5\r\x9a\xc3h\xcag~\xce\xafc"\xac\xc7&amp;j\xae\x85\\\xebt:H\xf1U\xc7j@MOV?x\x84\x12F\x13r 4C\x98\xc0\xe4|$\xb1\x88\xc1\xc3\n\xd1\x1d\n\nwH#\x19f\x07\xc3/I5\xb3\xe2\x87\x0e\xddH1o\x94\xe03\xb1\xc1^mUU\xfe\xb7k@R\xd8\xa4Q\xd0GS\xdb2\xa8\xe4\x05\xb9\xa2I.U\\:\xc9#1$\x10J\xc0\xa3\xa2\xa0\x9d@{\xc3\x9c\xc0\xfd6\xa1\x13\x15A\xc9\xf0\xcc\x0c\xae\x97k\x03\xb5YL\x00M\x97\x90\x82~\xfe\x05&lt;8\\q\xe8&amp;\xb7cpe\tm\xdc\xc0\xae\xcal\xe3\xcf\x0b&amp;8\x1d\xbdG\xfc5i\xbd\xb5T\x1e\x1a\xd7\x9e\x8c\x86\x84\xf7\xb0:\x9dT\xa7R\xafMNN\xd2u}\x98\xb3\x88\x1c]Ls\xd2\xf4cv\xd6|\xa1\xc0z\xb95\x0f\xa5\xbf\xe8.\x8aY\x7f\x91\xb6\xf5\xec\xa8\xff\x00\xcc\xf5\xbep\xa4\xea&gt;\x13\x00\x00\x00\x00IEND\xaeB`\x82'</t>
        </is>
      </c>
      <c r="M411" s="3" t="n">
        <v>45492.67707175926</v>
      </c>
    </row>
    <row r="412">
      <c r="A412" t="n">
        <v>1018915</v>
      </c>
      <c r="B412" t="n">
        <v>1958</v>
      </c>
      <c r="C412" t="inlineStr">
        <is>
          <t>Hugo</t>
        </is>
      </c>
      <c r="D412" t="inlineStr">
        <is>
          <t>Hugo</t>
        </is>
      </c>
      <c r="E412" t="inlineStr">
        <is>
          <t>LE</t>
        </is>
      </c>
      <c r="F412" t="inlineStr">
        <is>
          <t>LAT</t>
        </is>
      </c>
      <c r="G412" t="inlineStr">
        <is>
          <t>LE</t>
        </is>
      </c>
      <c r="H412" t="n">
        <v>175</v>
      </c>
      <c r="I412" t="n">
        <v>16</v>
      </c>
      <c r="J412" s="2" t="n">
        <v>37153</v>
      </c>
      <c r="K412" t="inlineStr">
        <is>
          <t>Left</t>
        </is>
      </c>
      <c r="L4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448d10e-5115-42f6-b060-d6f75ced41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6\xd9|\xb2\x00\x00\x03\x00PLTE\xff\xff\xff\xfe\xf9\xf3\xfe\xfe\xfa\xfd\xf9\xf3\xfe\xfd\xf8\xfe\xfe\xfd\xfe\xfc\xf5\xfd\xfa\xf4\xfe\xfb\xf6\xfe\xfc\xf8\xfc\xf7\xf0\xfa\xf5\xf0\xfd\xfc\xfa\xfb\xfb\xf8\xfe\xf9\xf1&gt;;:B&gt;=31/\xfe\xfd\xfb\xfb\xf7\xf3431\xfc\xf9\xf5965;97\xfd\xbd\xa20/-743\xff\xff\xfe\xb4\x83e\xfb\xf5\xed\xfd\xc3\xac%!\x1f0)%\xf8\xf3\xedEA@\xfc\xcd\xb2\xfc\xd9\xc1\xaf\x7fa\xf6\xf0\xe9JFF\xfc\xba\x9d.,+90*\xf9\xf8\xf7\xe6\xb0\x92HCB4,\'\xfe\xc0\xa6\xff\xfa\xf5+*(\xe9\xb6\x9a\xf9\xf2\xea4\'!\xfd\xd5\xba\xfc\xcc\xaf\xf3\xc0\xa4 \x1d\x1a\xf5\xed\xe5\xfd\xd6\xbe\xe6\xb3\x96\xfc\xd0\xb6\xbb\x85f\xfe\xd3\xb7&amp;%$\xfc\xc5\xb1gWK)%"-% \xfa\xb3\x95&gt;.%\xfa\xb0\x91\xf1\xbd\xa1\xfe\xd0\xb4\xfd\xc9\xb7\xed\xb5\x97D4+\xf3\xf2\xf1\xee\xe7\xe0\xf8\xbe\xa0J;3\xfe\xfd\xf7\xf6\xf6\xf5\xf2\xeb\xe3\xe3\x94q\xe9\xe8\xe7\xf0\xad\x90\xc9\x93v\xf9\xc3\xa2\xd9\xa1\x82PA8\xe0\xaa\x8b\xc3\x8eq\xf9\xc9\xac9*#\xfa\xc7\xa8\xfc\xb7\x99\xec\xb9\x9c\xfd\xdb\xc3\xf8\xad\x8d\xf2\xb7\x99\xec\xb0\x93\xacy[\xff\xfa\xf3\xf6\xa9\x87E?=\xf2\xb2\x93\xf1\xba\x9d\xf5\xc3\xa7J7+\xb5~`\xbez]\xcf\xcc\xcc\x9bsZ\xf6\xb4\x9aOKJ]PF.!\x1c\xec\xab\x8bWI@&gt;3-\xf7\xb9\x9e\xff\xfb\xf6\xbe\x8am\xdc\xaa\x8e\xe2\xad\x8fRPP\xa6z`B94\xa0fL\xa6rW\xc7\xc5\xc5\xdf\xdd\xdb\x1b\x19\x17\xdd\xa5\x87\xc4\x88j\xc9\x81co[M\xee\xed\xed\x86\x82\x81F-"{^L\xcc\x8bm\xf9\xc0\xa8\xf3\xa4\x82\xfd\xcf\xbc\xf8\xc4\xaa\xcd\x9a}\xb9uX\xe8\x9ax\xd3\x93u\xd5\x9b|\xef\xa7\x88\xeb\xa1\x89\x9c\x98\x98\xb4oRnP?yR&gt;\xe2\xe1\xe1)\x1d\x18;$\x1b\xaciM\xd0\xa0\x84\xff\xfd\xf7\xdd\x98{\xb6\x88mZXY\xc2qQ\xde\x8dj\xe8\xe2\xda\xfc\xc9\xaca^`\x8e\x8b\x8cn`V\xfc\xde\xc7\xb8eH\xd6\xa5\x89\xda\xd9\xd8\xec\x9f\x80\xfb\xb4\xa2\xe6\xaa\x8ayvw\x8abMZ?0\xba\xb6\xb5qmmhee\xfc\xc4\xa4zE/\xd5\xd3\xd2\xab\xa9\xa8aI:\xff\xfd\xf9d&gt;-\xb4\xb0\xaf\xc4|_\xe3\xa3\x85\xfb\xba\xa8\x90hQ\x84hV\xb0tX\x94nZ\xff\xfe\xfb\xc1\x92z\xf6\xa8\x97nG6\x84XBR,\x1f\xc0\x82eY5\'[E6\xa5\xa0\x9e\xc0\xbd\xbc\x92T;\xd0\x84cdRE\xda\x8et\xe3\x9e~\xdf\xb0\x96\xd3\x8ckQ9-\xef\x92\x84OGA\xf2\xca\xba\xa9\x82k\x9d\\?\x92_F\xfa\xac\x9f\xcf{^\xd8\x85a\x9c|h\xc7wY\xfb\xe5\xcc\xa7_A\xb8\x8cvxh[\x85L4\xfb\xe8\xd7\xf4\x9f\x91\xf1\xc7\xb0\xdb}mn&gt;)\xe5\xc0\xa9\xdf\xc7\xb8\xe8\x8bx\xe6\xd0\xc4\xf2\xe1\xcb[TQ\xf1\xdb\xd4\xc4\xac\x9b\xbb\x9e\x89\xf5\xd1\xc5\xcf\xbf\xb4\xdc\xb8\xa7\xfb\xf3\xdd\x82sj\x9f\x90\x87\x9d?SN\x00\x00 \x00IDATx\xda\xcc\x98\xffO\x13y\x1a\xc7\xfd\xa5?m\xcd-\xde\xc5\x1d\x850\x93\x03n\xeb\x80C sg\xc3a\x80\x99\x0e\x1c\x0e\xe7\x84\x14/\x8e\xee\x84\xbb^HY\xad\x94\xb5\xb5cV\xa5p~A(\xdf\\\xf18h-\x18\xdd\xf6\xa2\x15%k\x0b^\xb5\xa9rUB\xa0\xb6\x14PiP6 \x01M\x08\xe6\x12.\x9bl\xf4\x9e)\xde\x7f\xb0\x83\xfbd\xe6\xd3\xa6I3\xaf\xbc\x9f\xf7\xf3\xfe|\xdaM\x9b~\x8aJV(\xb6\xc0\x05\xb7B\xb1\xe9\xe7Q\x12\x8aBY^V\xd6TV\x9e\xa9\x94\xf0\x14?\x0f\xac\xcd\x99\x15\xf7\x1eLL\xbc\xef\xbe\x1f3V4\x95+\x15\x8a\xe4\xe4\x8fM\xa5l\xbal\x8cu\xbf+\x9a~\xd4r\xbe\xc8\xf3\xba\xf9\xfd\x83{\x15\x99\x1f[0e\x93\xb1\xfb\xce\xd0Z\x91\xc7\xf4\xfaQ\x8b\x07\xcaT\xb4\xe6\xb93\x11\xbbW\xfe\xb1\xc0\xe0\xb9e\xc6\x89\xe6w\xa6\xeaj\x14+2Y\x8aL\xa6Y\x11\x17w~Fp\xbc\xc53qZ\xf9q\xa8\x94e\xc6\xe65\x0b?;\x8bS\xdb\x93f?/\xf8\xd5\xac\xd5\xba\x93\xc0\x88$|\x961L\x9f\xf7tWl\xbc\xf9\x15\x8ar\xe3\x8dw&lt;k\xb5\xe2\x04\x9d\xf4\xeb\xad\x14\x8aR\x04\xe7\xf9\xf6\xa8\x95\xaf\x169\xd6\xc01\xa2u\xe8\x9er\x83\xb9\x80*\xe6)\xb2Xq\x924\x9b\xc5$\x14\xa5\xd5(\x81\x9bL\xd8\xf6\xa3\xbcH\x08\x8c\x81c9\xcez\xd7\xb8\xa1\xde\x87\xe6\x94=X\xb3\xbc\xe6p\xc1\xca\x898\x8e\xed \x04\x03o\xe1E\x0cKZ\x9b\xc5i\xccL\x8a,\xcf[\xb1\xeb\xc0\xb5\x91X\x15\xdd\xd5\xf0\\\x9e\xe3yV\x00\xacm"k\xb2\xb0$\x9d\x94\x94\xb3\xcdZM\xd04m&amp;9^\xac\xc6\xaf\xc727n\x02\xcb\x06\xef\x00\x91\x01\x06\x8e\xc7\tR\xb4R\x18\x8eo\xa3\xd0\x82\x82\x02T}F\x9dC\xd0\xc4g\x84h\x99\xb6\xf0\x16\x93gp\xf3FI\xd5t\xc3b\x80\x9e\x89\xb8\xc0\xf1`y\x0c\xa30\x18\xc0m9\x14\x05Pju\x01mF\x0bP\x94 (4i\xe7\xecZl\xd3F\xf8\x0bl\xd5\r*q\x1c\x8b\x8b\x1c\x87a8&lt;\x1d\x05,jG\x0e\xd0Q\xa8\x1aE\x01\xed\x8cT\xb0\xa2;,\xafc\x1b0\x8f0\x82\x13\xa6\xa2"\x8b\xc5\x8aa$\x8e\x13\x18\x86\xd1(\x95D\xd0\xf0\x06T\xc3\xcc(\x8d:Q\xa9\x97\x80\x05\xaf\x14\xc7\x0f\x19\x95\n\xf93t\xd0\xc2Y,&amp;\x1e\x06\xd0L[\xb7\xae\xd3\x10\x18\x8d\x898F\xd3$I\x10$I:\xd5jT\xea\'\xa5V\x13\x16O\xf3i\xb9\xb9\x14\xa7\xbb\xd7`\xf8X\xb81\x9c\xc6\xad\x92\\\x92b\x98\x00+M\x80|$)p\xac\xd9lv&amp;|\x06d\xb3\x9e\xea\x1bM2cU4\xe3$\x0bI)\x92f\x12\x98p\x91\x80@\x05\x83\x81v\x10\xac\x02\x0b\xe1\xda\xcb\x18l\xbd \x98\x13\xb0\xd0\x02\xf5\x19\x8c\xab\xfetP\xd6\x98Pd\x0e\xee$I\x96\xe3Y\x1a\x85\x17\x91\x06,\x00!@%R\x10 \xdb\x01\xa8\x17\xb0\xe26A\xd2\xcb\xe94c\xd4\x195V\x9d4tYN\xb9\x14M\xcd\x84\x93\x80\xc0\x12\xcc\x14\xc6p8-r$\r@\xc0%\x086[\xc4\x17\x8f\x84{{m\x91H\xc4\xc6\x08\xe6^\t,1\xa7\xd5\xb3\xf7\xe5\x94Kq\xf9.M\xe1"#\xd0\x04\x863\x02I\x1ax\x96e\x19F\xb0\x81L6\x9b-\x1c\t\x87\xc3\xb6\xb0\xb4\x08\x0c\xe8&amp;aa(\x8dm\xc7\x87*\x142\x8e\xa1\xf1(\x9e\x04\'\x065\xcd\x90@g\xf0\x05}\xc1\x08\xd0\x04#\x06i\r\xae\xfa\xfdo&amp;\'\xfd\xabAI4\x90\r\xf4\xa2i\'\x9dC\x11Gc2b\x95\xdd \xb6o%\x08)\x07@+\xc3\xea\x1b\xc0x\xe3_\xf5;@%\xff\xe4R\x7f\xbf\xcb\xb5\xb80\xef\xea_\x9a\xf4G@\xb4HD\xd2\xcbIS\xe8\x0e\xbcY\xb6\xd3*l\xd0wQ\\j\nCb\x82-8\xb9\xf4\xc6\xbf\xd4\xb7\xb4\xd4\xd779\xb7\xd4\xf7\xb4\xb3s\xa0S\xab\xed\xec\xd4\xba\x17\\\xfd}s\x93\xc0\xbb\x1a\xee]\xc7\xa2(\xd3m\xb9\xa2^\xa1\xb8|\n\xc5(\'I\x908\x13\xf6/\xb9\x16\x97\xe6\\\xf3\xf3SS\x8d3\xee\xc5\xab\xc8\xde\xbd\xaa\xe2\xf6\xae\xae\x81\x81\xceN\xf7\xcc\xcc\xd4"h\xf6&amp;h\x13\x04\xa7\x93*\xa0\x9c\xd6A\xd9\xb0\x94\x7f\xfb\x14\xcd\x81\xd44\x93\xb6\xe0\\\xbfk~A*\xed\x82\xebbc\xe3\xd5\xc3\x17\xda\x10U\xb1^\xdf\xde\xaeo\x07\xd1@\xb2EW\xcf\xdcj8n \x9d\x14L#\xde-\x1bV\xe6\xfdm\xd4\x0e\t\xabwu\xce\xd5\xbf\x08\x1d\x1b\xe8|\xda\xd5\xf5\xec\xe9\xd3\xe1\xbd\xd9\x08\x82\xa84:}\xbb^\xa7\x07,\xb7{a~\xde\x05]\x0e\xc6{iB:\xba6\xcb\x87u\x03\xa3)\x9a {\xc7\xfa\\\xae~w;(\xa3\xdbW\xa9RU\xaa\x90\xbd\x12\x95\xaaR\x93\xc0j_\xe7\x9aZt\xf5\xcf\xf9#\xbd$\x0e\xee\xa2\xef\xc8\xb5/*\xca\x9b\x89\x1c\x14c\x98H\xdf\xc2\xc2\xbc\x1b\x00t\x9aJM%\xb2^\t\xb9*uP\xd0H\x00s\xcfL\xcd\xcf/\xf6LJ\xf6"1\x14\xbd[.\x93\\\x80\x05\xfb2\xc3\x1a\xc6j\xdc\xdaN\xa0*.\x06\xa9\xa0}\xaa\x04\x16\x94J\xa5)..\xd6\xe9\xf5\x03\xd2&lt;N56\xd6\xd4\xd4\x8f\x19 \xf0i\x9a\xba\xde$\x1b\xd6\x1d\xa0\x02,\xc7C\xb7v@\xaf\x07\x82J$;5[\x95@\x92\nA\x00\x0b.]\x02ka\xeaa\xcd\xc5zG\\\x14\xcc$\x8d\xca\x88\xd5L\xe0\x0c\xcb\xc5\xc7\xa7\xb4Z\xf0\x15\x10T"\xa9\xa9\xd9\x80\x06k\xb6t#\x95\x80\xaa\xd1h\xfe/\xd7C\xc0\xf2\xc1\xd9\x82 \xd1oe\xc6\xe2\xa3\xdf\xb7\xba\xb5\xedzh\xa2F\xa3Z\xf7\xd5:V\xaa4\x8cP\xc5:\x9dd\xae\xa9\xf9\xc6\x87\x8f\xeb\xc7%,8Y\x9f\xba,\x13\x962\xb3;\x81e\x0fM\xb9%\xb5tR\x17+\xc1^\xaa\x84^R\xb5\xa9\xbe*N\x98^R\x0br\xb6\x06\xb0\x82\x0c|\x0b\xa7e\xc3\x82\xdc\xda\x8a\x8b\xe0\xf8\xfaV\xc9\xf1\x1f\xb04\t.${\xbd\x93RH\xe8\xa4P\x1d\x00\xacFI\xad\xc9 +\x8a\x8c\x88\x9d:-\x17\x962\xf6\x0b\x9c\xe3\xe2c}3\xda\x01\xc0\x02\xd3\x7f`B&gt;\x8c\xe2\xf1\xe3\x90\x13\xaab\x1d\x0cc\xd7\x80v\xa6\xb1\xe6\xe2\xe3\x060\x17\x0bc"|n\x94\x0bKq\xfb\x14k\x89F\x1d=3\x90\xefR\x17\x81\n\xf90\x82Rh!\xc8^\xe9-(\xd8\xf5\x8fc\xc3ZwkMOOCC\x837\xcep\x9c`\x8d\xc9\x16\xf3\x15C\x8ce:0^3#\xed;\xd0D\xa0J-LMtO\nyd\x9d0[\xf5\xd5\xbe}\xc7\x86\x9fi/\x9d{x\xb1\xaa\xa1\xa1\xce\xcer\x06\xa6Z6,eS\xb3\x00X\x8e\'\xb0\x15\x83\xb9\x8a5\x08\xf2\xef\xc2\xd2B\x80\xcaNm\xfb\x17\x98\xab-a{\x049~\xfc\xaf_\x1e\xcb:0|\xe9\xdc\x93#UU\x19^\x9e3p\xb3\xb2am)\x9f\x10\xf9@\xd4\xf1\x04\xf6&lt;\x10\xab2;\xb5\xb0\xb4\xa3\xa3\xa341\x84\x08\x92\xdaQ\x9a\x9f/a\xa6^8|h\xcf\xc9\x13WF\xafUU\xa5\xec\xceH\tEy_\xd42\xb8E\xb6\xbd\xfa\x01\x1b\xb5\x07\xbc\xad\x9d\xdaN\xbdN\xf5\xbb\xb4\xfct\xa8\x9b7\xd3\x7f\x0b,m\xd9\x85\xe9\xe9yyy\xa5\x1d\xa5+\xb9\xb7F_&gt;j\x81\xb2;\xbcU)\xd7B\x81h\xd4g\x92\x11+\xc6\x07\xec\xf6\xda\xfd\xcf\x9eu\xe9\xbe,YYYy\xfbve%?\xfd\xe6_\xd2;J\xd3RK\xf3\x00\xf2E\xee\xf3+/\xbd\x01\x9f\r\xce\xd5\x06\xce\x10\xf7\xd9k\xaf\x8dL[\xa2\xf1"\xa3|\xc7\xd3\xdb\x1e\xbb\xdd&gt;\xb2\x7f\xf8\xbb\xac\xb3\xa3/_\xd5\x8e\x84F\xea2\xce\xddz\xfb"=\x0fzY\xf8\x87\xbc\x8e\xb4\xe7)\xb5\x90\x08\x98\xd9L26\xf8\xf1c3\xb0\xbe\xdaW\xd3\xa6@\xf05\xe4\x96L\x7f\xd6oizoo\x01\xac\xef\xce.\x8f\x8c\x07\xe2\x06\xd6\xe0\x83\xbc\x08\x8d,\x9f\xf8}[~a[Z^Z\xee\xc1\x90=\x1agH\xc6go\t\xd5\x86\xbc\xe3\x0e\x9f\xad\xe8\x95\xc3\x12\x08\xbe\xab\xf8\xcd??\x91\x07,93\x06~i8p\xa0n,\x1c\t\xd8\xa3\xbe\x80\xcf`\x8b\xfb|\xf6P\xc6\xad\x92\x92C_\xa4\x1d\xde\x932\x1e0\xd8\xc2c\xa1\xe5[\xcfs\xb3\xb2\xf6\xb7\x1eih9_\xdb\x12\x08\xc0\'\xa3O~\xfcD\x0e\xac\xe4\xcd\xbf4\xd6z[\xeaN,\x07\xc3\x8e\xba\xd1\x1f~\x18]\xbeV\xe7\rF\xe2c\x8e\xf1\xafO\xee\xf9\xf3\x85\xc3%\'2\x1c\xbe\x88\x7f\xae\xa6\xf5\xefg\xb3N\x1e8\xb0\xff\x9b\xaf3\xea\xea^\x01\xd6x\xdfRO\x7f\xff\x7fe\x90+y\xf3\x8b\xe1o\xaa\xbc-\xaf\xaex\x1d\xcb\'\x0f\xaf\xbc\xc8\xffb\xd7\xa1\xac\xb3\x073B\xe3\xe3\xde\x8c\xb3\xb9%\xbbv\xe5^\xa9\xf5\xfb\xbf\x7f\\U\xdfW\x17\xf2\x86\x1a\x8e\x1c\xd9\xbd;##\xe5\x9a7\xea\xa8\xef\xe9\xa9Y\xec\xff\xf1\xa7\xff\xc729\xf9\x8f\xc7\xfe\xe3\xbeT\xeb\xa8=X\xff\xa7\x92\xbdm\x17.\xec\xca\xda\x7f\xf0\xdc\xa5\xab\xc3\xff\xe3\xd5\x0c_\xdb\xc6\xcf8\xde7y\xb1\xde\xf5M\xcb\x86Y4CI]\xc4\xe6\xa3\xe0\xb1\x86\xd61\xe8\xc0$D\xa3\x1a\xbd"\xd7\xd8\xa5N#\x99"\xe7$"\x86\xc0$!\xd8\x0c\xcb\x07=\xb9iUY\xc2-\x9c\x83\x82\xbb{\xd1\x84\xc8\xf4\xc6%or\xb6{\xbe\xd5\xce\xdc\x81C\x9c4\xa4\xb1\xb3\xa5\r\x89\x9b\xb6\t\xb4K\x9bm\x8f\xfb7\x9c\xf2\xb3\xe5\x17~\xe3\x0f\xdf\xe7\xf1\xf3\xfb~\xa5_\x12~\xdb\xe5\xeb\xbcuk\xc0\xe1\x89T#rj\xad&gt;\xff\xdf\xef\x7f\xf5\xa7\x1b\xff|\x18Y+"\xc8\xc4O\xdfU\x8b,\xc7\xe5&amp;\xe3\xe7L\xf8\x1f\xee\xdf\xbf\xd9\xdd\xaf&lt;\x1c\xbc\xedu:C\x94=6\xf4\xd3\xdd\xb9r=\x1d\xd7uEJ\xe2\x1d0$(\x7f4\x92N\xad\xadm\xfe\xef\xfb\xcf~\xfb\xe5\x97\x7f\xbe1\xb7\xb5\x86 \xc8`\xb9\x0e\xbaUr\x99\xc9\xb7&amp;`\xad\xde\xef\x0f\xf3jtp\xb8\xcf\xe9\xcc\'\'\x1e&gt;\xfd\xfc\xb3_\xff\xf1\xc7\xf4\x1ap\t$\xd516\xd6A\x89\xc5T&lt;\xb5&amp;\x0f\xbf~V\x86j\x8e\x96\xbfy2\x1b\t"\xcf\xee\xd6]C\xa2\x08X{??V\xfb\xea.O\x10Dep\xa9\xaf/[y\xf8\xdd\xdd\xb9\xa77\x9e\x96\x1fK/\xd2:E\xa0&lt;66f\xa5\xc5\xa2\xbc(\xe9\x82*\xd01hw\x17;_\xde\xaaG\xd9\xcd\xaf\xeb-\xb1\xe2\x99\xc97&amp;\xdc\x8e_]A\t\x8aH"#4\x9d\xdbzR.n&gt;C\\\x92\xbe\xa8\xe8\xf4\xcc\x0c\x1a8\xd3\xdbk\x11\xe2)N\xf2\x82y\xb8\xa3\xd2#\xbe\xdbCl\xb1X\x8cF\x83\x13\x83\x0f\xd9bJ\x94L\xc1j_]\t\x84)w\xdeo\xcf*\x99\x17\x95\xbc}`\xa0\x8fR\xef\\\xd2\x05b\x06&lt;&lt;\x8aa\xa8\xba,\xcbR\xb2V\xbb\x03\x9b\xb9\xae(\x92(*\xb7=l\x14\x19\xad\x17\xd3\x93\x0b\xd2\xa4\x19\xbd\xd5\xbe\x7f\x13%\x04A\xbfMg\xf5Z^\xa5:/\x87h\xf5\xce\xfd\xfb5\xea2\x01)\x0c\xb5Z\x03\xea2\'\x8b\xb5\xac\xc0\x90jMO\xea\xb5l\xd6\x17\xf3\x8aA\x1b2XLe\xe2\xe2d\xe6\x9c\x19X\xcd\xab\xb7j5\xefTV\xed\'\x197\x8eS&lt;)h\xd3d\xb8\xe5L\xc1\xd6[\xad\xbc\xb6\x9c\xe3\xe2\x8b\x1a\x8d\xe3&lt;\xcf\xd8\x05\xb2\x9fa\xecI\x91\r"\xa3,\xb7\x01j)\x9f\x98\xd0[\xfb\xa5\xb3g\xdd\xfd\xbeXV\x00\xbb\x1c\x0e\xa3`\xf7,\x85\xc4\x15\xf04\x90\xa6\xfb\xbb\x0b\t\xb2\x06jq\x8b\xd3$\xc5@.\x83+\x10\xe0q\xaf\x9f\xb5\xd9F\x87\x94\xf8\x86\x94\xf9\xf0\xa9\t\xe3t\x9f\xef\xba\x82\xa2\xf8p\x96v\x07.\x13\xe0\x91-\t\x0c\xeb\xed\xed\xb5\x9e\tt\x937\xaf\x1b\x05f\x1aR\x85,\xd5\x04*\xd0?\xad\t\x0c\x1f&amp;B\xb8\xd7\x03\xd3\xd6\xe6O\xc63\x0b\x99\xbd\xe3?\xfb\xe6\xd3~d\xbf\xe7l\xa2\xd0\xd1\xe9\xb33\xbc\xe5l\x17\xd62\xc9@\x05\xee\xf4\x8c\xfb\xba\xaav\x1b\x06\xa3-\xc8\xb2\\\xd1U&amp;\xa0\xaeh\x1a\xc9\x83{\xb6\'\xfd.\x1b;:\x94\xccL\xc6s&amp;\xec\x89\xed\xedoC3h\xc7\xd8\xc00\xcd\x04,\xe0\xad0\xacE\xd5\x12\x0b\xed\xbfN\xf6\xbb\x8d\x02\xaf-r)N\xd4\xf3\x8c\xbbT*\x91\x0c\x11\x0e\xe3YP\x0ba\x83\x13\xfe\x17\x93\x9c\xe7\x82)X&lt;\xdaO\xfc\x01\xb0x\xf4L\xc7y\xf0}\xad\x05X\xad\x1b"\xdd\xa5\xd2G\xacxJ\x16u\xc1\x1d0\x0c#\xc03\xe10\x9doa!\xa3\xaeT\xba\x92\x9a:i\x82\x81h\xdfn\x04\xae\xabW^Ne)\xc2\x82\xb5\xb2\x05\x86%\xac`\xe3\xa1\xe1I\xb2\xd40\nF\x0b+%\xc7\x15\x015\x8c\x82\x85\xa1\x0ba:\xa6x\x86\x00\x0bIU*\x93o\x8e\x99\xe0\x9b\xdb~\xcf\xf7\xa3*\xf3r\xd8N\x85\x08\xeb\xc7\xcc\x03\x0b\xeb\xfd\xd6\xd2\xadjZ\xb3Q\xb0\x16\xb4\xc5\x8a\x9c\xe2\xb8\xd42\x196\n\x85\xb0\xc5\xa0\xf0\x98\xc7\x0fX\xcf\x10\xc9\xc3=\xfe\xc2\x0cw\xda\xf6\x8bU\x8d \x98\x9ea;n9\x03X\x10t\xc6\xa0\x94\xbdg\x99\xe9iM+\x19\tk\xa1\xa4K\x9c,-\xe7d)\xab\x96x\x9e\'i{L\x11[E\xb4\xf9\xfdC{f\x88u\xa4\xed\xef\xdbM\xea\xec\x0c55BA\xb6\xc7\x00\xeb\xd4\xf9VxE\xb5\xe9\x9b*\xd3(\\;\x8fYiE\xe4\x14]J\xa7a\xa8\x92&lt;\xa9\tY\xaf\x1fa\x11\xdb(+\x0e\xbd7\xe7\x89A{\xdb\x89U\xfe\xf2\xd5\x90\xd7\x1e\x82Q\nr\x81T\x05#\x8c\xbaU\x12\x841z\xb7\xaf\xf5bvOEJ*\\\xfa#\x17C\x93B,9\x04{\x0fL\xf9\xdc\xf8\x05\x93\x92O\xfb\xf1s\xc4\xe5\x810`Qa\xd4\x8a\xc1\xc0*\x18|\xc0M\x92\x04\x86\x9d1\nc\xbd\t&lt;YAl\xd1H$\x9aJm,\\\xca\nt\xd6\x0bX@5\xca\xe5&gt;\x1c3+\x90\xb5\x1f\xc5:\x89@\xcc\x07\xbba8\x01\xb1\x1e\xed\xeev\xa3\xa8[\xc8{\xc4\xa4\x1d\xbe\xea\xf3\x8a\xc5h\xbdZ\x05\x87\x1a\xcfm\xdc\xafA\t\x93\x8a\xc8\xb2\x80\xe5zw\xba\xcd\xb43]\xc7\xcf]A\x13vo\x96\x06.\x18\xf2P&gt;7\nrI/\xd6\xe2&gt;\xfb\xc8H\xd2\x05J\xb5V\x9a\x8b\xe7\xb8\xe5\x9a \xe4\xc1\xdc\xb4:~\xf3\xfdi3\x1f\xef\x1f\xdf&gt;\xdf\xeb\x88ei\x86\xa1P\x0b\xda_\xcb\x930\xb3hzd\x84\xeftN\xf9\x83Q\xf0|\xc14`\xc92\xcb\x8aI\x81\xcc*\xf1\nt\xfc\xe0\xbb\x8b&amp;\x1f:8\xb1\r\x83\x0bg\xc8\xd6KWjB7\xa9f\xed}\x8e\xce\x81\x9e\x9e\xe1\xc7C~\xc4f\x8b\xd6#\xf5G\xd1 2\xe4\xc93\xa4\x12\x97\\\xb6\xd1\x9f~\xf8\x9d\xd9\xa7\xf2\xdaN\x7f\xf0\xd1\x8c\xc00\xc2\xb2\x18\xc3IFP\x93\x9eq\xcf\xf8\xf8\xe6\xb3\xd1\xc7\xd1\xfa\xbd\xf9\xf9{\xf7\xcass\xe5\xf9\xa0kBRy\x85SD\xc0zo\xfeQ\x9b_\xbe\xf1\xb6\xb0Pu!\xd9\xd79\x92\x94\x90G\x0f\xebk\xf3\xb3\xb3\xaf\xe6=\xec\xd6\xecVu\xad:\xfb\xea\xd5\x93\'\xb3\x836$\x1fR8OK\xad7\xa6\x1f}k;\xb6\x07\xcd\x05X\xd3\xcb\xbe\xa5\x96&gt;\xe5\xf9z5\x1d)J\xbaF\t\xb9\xf5\x9d\x9d\x9d\xf5T:ro\xeeI\xf9\x11\x9b\'\x15\xce\x05u\x1d\xdc3\x1d\xab\xbd\xed\xc2\x92\xcfN\x93(\xa9Om\xce\xd7#\x91znyQ\xd3\xf8\x06x\x99\x95\xdd\xc5\xdd\x95\x9d\x8dT\xfaEu\xfe^\xf9U$\x99]\xe6\xd8\x16\xd6_\xcc?\xfd\xd3v\xf2\xc3\x88\x83\x16\x08B\xb8]\x8f\xf8\xf5;\x8b\x97\xee\xc0\x9e\xa8\xe9\xfa\xe2\xfa\xfazN\x96\xd3/\xd6\xaa\xd5\xea\xabW[[\x11)\x16\x97\x11$h{\xf6\xd7C\xc0\xfa\xe4\xf5\x88\x13\')\x82\xf0\x16\xc10Trr\x06*\xf7\xaf\xf5\xe5\x85\x8d\xdcB&lt;\x93\xc9L\xcak[_~3\x9b\xe6\xa4|\x8c\x8d\xdallt\xf3\x8bC\xc0:\xb1\xe7s:p&lt;\x9c \x98|n\xeb\x1f\xe5\xc9\x1d\xa8\x1f_*\xbc,5\r\xb8\xe8\xf1\xd7\xe3_}S\x8d+Ih\xadb4\x18\xb5\x05\xdf]&lt;b&gt;\xd6\xa7o\x87\x01\xcbN%f\x08"\xacW\xe7\x1e7\xcf\xf7\x1a\xfb\xd8\xd8\xc1\xa9\xc6\x83\x03\xac\xb1\xffz\xff?\xf7"\xf7k^%\x9f\x85\x8c\x18\x84\xf7!\xcc\x07\xe8\xf9sK\xc3v\xa7\xd3A\x10\x96\x99\xab\xe1K\xb2gu\xfb\x01\xb6}\xea\xc1\xd1\x83k\x07\xbfypm\xfb\xf5RprG\xf2\xc6\xbcy\x9d\r\xdal`k\xde\x1c;\x0c\xac\x93\xaf}\xb4\xc3a\xc7;g,\xdf\x0eL_\xda\xd5\xf6\x0f\x9eo\x1f\x1c\x1cm}&gt;x\xb9\xfa\xc1\xb3\xbe\xbe\x91\xf3$\x93^?P\x01\xd7\xe0a\xa8\x05\xcd\xf5\xc6gw8h\xb2\xe7\xb2\xe5\xeaU~zw\x97\x19\x18x~\xed\xf9\xf6\xf3\xaek\xcf\xbbz\x96\x86watq\x8aG\xf4#\xb0E\x06\x0f\x11k\xca\xb7\xe4\xc4i\xc8\xa7\x9d\xb7:\xd5\xe9\x95\x95\xdd\xda@\xd7\xa9\xf3]/Oua\x1d\x1a\x8c\xaeL\xda\xe5\x179\xc8\xadA\x1bkC\x1e\xfd\xed0\xb0\xda\x8f\xed\x01\x96\x83\xa2p\xbc\xaf\xc7j\reWVV\x9a\xcd0x\xc2R\xc1h\x94\x9a+\xbb;)\xd6?\xe4b\x91 \x18f\xc8\x17_\x1f\x0eV\xdb\xde\xb8\xcf\xee\xc4)\xdc\xe9\xecKX\x07h\xad\t\xb9\xc7h4\x1a%\xb8\x1a\xcd\x95\x1dN\x16E\x17xe0\xa6\xb0\xfe\xfd\xd5\xa1`\x1di{;&gt;\xe2t\x84p\xc0r\xf4%\x12aR\xd3\x1a]\xad\x07?\x05\x0c3\x1a\xcdE\xb9\xe8\x12+.\x97\x8b\xb5\xb1\x88kb\xe2\xc7\xcf\x7f\xb8x\x18XG\xde\x0e\xc7\xa0\xe7C\xb8\xdd\xee\x08u\xf6\x84pAh6\x12\t\xa3Y2\xa0\x84;\x1b\xff\xe7\xdd\\c\xd3:\xcf8.\xcc\xe5\xdc0i\xa0tK\x81\x10\x8a|\xac\xc5$2Ps)\xf8r\x1cY\x07Ap\\\x94\x00\x06\x8c\x90\xecD+\xb8\x0b\n\x9e\x93\x00q\xeb\xd9\x8eHJ#A5k\x15\xae*2"Ab\x89H\xab\xd3\xc9J\x9c\xe5\x83\tC\x8d*\xe7\x03\x91\x97\xd9\xfe\xe4I\x89\xa6N\xd1\xa4m\xfd\xb6\xe7=\x9e\xf6a\xd7^b?\x12\x07\xdb\xc8\xd6\x8f\xff\xf3\x7f\xff\xefs\x8e9\x0f\xdb\x94\xdd\xa8\xda\xd0si;\xcb\xdc\xdb\x13,\xc5_\xd3\x81\x80\xcd\xe6t\x8eqXN\xc3\x98\xee\x17\xbf\xdf\xa9?\xff\xe9\x0f\x1f=\x84\xddY\xa9\xecN",er\xab\xc6$\x1e\x1f\xdf\x13o\xfdQ\xa7\x0b\xa4\r\xba\xc0\x98\xd3\x86\xd428m\x81\xb9_&gt;y\xf2\xe4w\x1f~\xf8\x93\x87\xd3S\xa7\xc1\xe8I\x98T!\x1bJ\xc9\xed\x0c3\xf9\xf1\x9ea\xe9`\x03\n\xc0\xb4\x1c\xcd]\x1bd/\x8c\xea\xaa^\xf4\x7f\x94\xb6\xe9x&lt;~\xfa\xdd\xee/\xbb\x83A\x0e+\xa9\xcc6\x99\xc4\xd5\x93\xc2\xbd\xc0\xb2:\x9d\x86@:\x12\xb1\xe9lis\x05\xce\x81\xa2c\x81b\xf2t|uiiuZ\x19\xf4\x06\xbd?\xf7\x02&amp;h\x15\x8cg\x98\x0c\xb3\xbb\x1f\xf0\xfc\'\x96\x91}\':6\x17\x88Dt\x86\xb4\xb3\x02\\\xb9\xd118!+6J\xa5\xa4w.\x10\xf0\xcf\xfb\xe7\x91X\xdd\x8d\xadE\xa6V\xcf,\xee\xc9RTP\xe6S\xa3\xa3\xbf\x82\xd3k\x83\xc1f0\x9b\xfbr\xb9\xc1\xc1k\xd7\x0e\xe6\xcc,\x0c&lt;N\xa7.0\xe7\x0f\xb6MA\x0b\x9f\xd5\x98\xdav=\xfb\xfc\xdc\xd5=\xb8\xcd@!\xff\n\xa6\xc0\xd1\xc0\x9c\xcefX\xaf\xa6\xd8\\\xaer\xcd\xdcw\xf0`_\xce\x1c\x1d\x8d:\xd3s\xfe\xb9|\xdbj\xbd\xad\xfbY}r\xb2\x16\xafg\x9eo\xe8\x1f\xef\x01\x97x\xf3T\xd4\xb7&lt;\x1a\x80\xac_o&lt;[\x8fDs\x95\\___\x8e\x8dD\xa3Q\x9bn.\xef-\xc5\xb3\xd9\xa9\xd2V\xb3\xfd\\f\xb5\x96\xc8$,\xaf&gt;\xd8}.)\x87\xe5\x838M\xaf7\xe2\x8dj\xd5f6Gb\x07\xfb\xcc\xb6(\x1bI\xa7\xe0\x1c,\x9e-d\xb7J\xd9\xc9\xf6sL\xb6\tX\xfd\xb3\x97n\xef\xfa\xa7\xf9\x85\x9b?\xf5A\r\xa2\x98\xaf\xaefK\xd5j\xbeZ\x84\xc4\xd0\xe9l0\xfd\xf9\xdf}\x7f\xa9V\xb8\xb3T\xdaN\xb4o$\x18\xa6\xd9|\x9e\xe8\xb5\xb4\x9fm\xddm,\xc5\xe6\xa9A\xc0Zf!!R\xf1;\xb5\xad)eI\xa9,5\xf2\x8d\xd2T\xa94\xfd\xa8PH\x0c\xaf\xc4\xbb\xa7&amp;\xdf\xb8\xc40\x1b\x1b\xcc\xf3\x84z\xf6\xc6mw\x87b\x97\xc16\xc7F}\xe1p\xd8\xc7F\xd6S\xc1Gk+\x85\xdaR\xf6\xd1R\xbd^[\xc8f\x0b_\xdcY\x1bv\r\x14 J3\xed\xe7&amp;76\xce\xed`\xcd\x94\xdd\xbbl\xaf\xd6\xcd\xb1A\x0e\xeb\x87\x17\x0c\xe9@\xb2\xe0:\xb1\xb6rgme\xed\xe9\xf0\x89\xa7\xe3\xae\x0f\x06\xce\x0f|\xba2\x9d\x0c\x96\xea\xcc\x91}G\x16\x17\x19\xce[w\xcbe\xf7q\xe9\xae]"Q(\xa4\xb7\x8bc\x17v\xb0\x06!G\xab\xf1\x85\xf1\x91\x81q\x97k`\xe4\xf0\xc8\x9b##\x87\x8eM\x0c\xfcf\xba\xfb\xcb\xcb\xcaz\xf3\xc7\xd0\xc1\xe7\x0c\x93\xe8\x07o\x95gf\xcat\x87t\x97\xae\xa0\x8a\x89+\xb7\xea\xa3\x17|\xbe0\xb8\xcb\x17}\xc7\x90\xca7\x16&gt;\x9d\x18\x18\x189\xca\xdd\x1f211p\'\xdbv\xb9\x1b6\xc6x&amp;\xc1,\x82Z\xcc\xa4Z\xfd\x83\x07\xeer\xb9&lt;\xe3\xbe\xf2\xf6\xcb\xbfZ\xa9\x10\n0Y\xeb\'73\xa3\xcb\x80\x15^^\x0e\xc7\x06\x07\x9d\x91t|\r\xa8&amp;\xd4o\xa2\xe3\x84+\xbb\xa5\xf4\x06\x83\xdd\x97\xbb\xa7j\x99\x0c\x83j\xd2\xa2&gt;\xf0\xd8S\x9e)\xa3\xf2Pr\xe9\xcb$CJ\xc9\xf8X\xeb\xedK+6\x84\x15\n\x87+\xa6\xb0o\xd0\xc7\xa6\xdaV\x17\x9eN\xf4\x1fs=\x1d\xff\xa0\xb0\xa4\xf4&amp;\x83\\\xb5\xd5\xb2\x99f\x93a2\'f\xd5\xbd\x1f{\x10\x93\xdb\xe3v[\x8d\x14\xfe\xf2z)$\xf8\xfcN\n\xc3[o\xb7\x8f\xa7\x06}\xcb`\xae\x8a\xd6\x01\\ \x9am=\xb5\x95\xfdb\xa5PX\xa8\xc3\xd8\xe0\xe5\xb8\xbc\xf9d&lt;\xcb$\x00k\xf1\xfc\xac\xfaG\xf7\xacn7\xf4\xd1\xe3.\xbb\xadV\xa3\xe4%\x81\t\xc5|\x89\n#)B\x0cj\x8d|\x8d\xb0B\xa1\x8aV\xab5\x81\xf5c\xb1X\xcel+\xe6\x93\xdeb1\x9f\xf7\xe6\x1b\r\xaf\xd7\x9b\xf7z\xd1h\n\xf6\xca\x1c\xb3\xa8_\xff\x9c\xc3r\xbb=\xdc\x81\xa6drB\xfa\xfd\xaf\xc9\xcb(\x92\x94HH\x19A\xb4\xce\xdc\xb0l\xc7\x96}\xcb!S\x05\xe4\x02\xb0P\x0e\xd0\xcc1s\x04v\xa3\xaa\xbf\x98GL\xa8\xe6K\x08\xab\x99I\xa8\xd5\xea}?\xf3 $\xee\xe1\xb1z&lt;\xb4\x8a"\x01\xec\xfb\xdc\xea\xac\x10\x12\x14\xad\x92\x90\x98\x84\xe4]\x1cj=\xf9kK!\x02\xcb\xb0b\xaa\x98\xb4\x0e(\xbb]k\x8a\xc5`_D\xa9\x9f\xaa\x16\xf3\xf3\xf9b\xd1_\xf5\xcf\'\xeb\x19h\xe2\xe2\xb0\x05m&gt;\x1e\xb7\x07!\xc1\xa1l5Z=\xb4\xd1H\xc9d\x98\xf8;\xbb_(\x96\xa9\xac*\t\x1f\x13\x9d\x91\xf0\t\x02;~\xab\xf7p#\x84&lt;\xafE\xd5\xd3c\xef\xe9\xe9\x01\xcdbh\xae\xb7\xad\xaf\xa7R\xc5\xf9\xb9\xb9T\xc0\xef/*k\x10\xa6\x19\xd7\xac~\xf6/3V\xf0\x14@\xc1\xc1\xed1\x1a\xadV\x15\x94FEv~\xb7e\xa9\x10w\xc84\x88\x8a\x87c\x18`IE\x1d\x9f\xbfb\xa9\x99\xc1\\&amp;\xadI\xabEL\xe8\xd1\xe30Url4bXOUaB\r\xa4\x01\xcb\x9f\xdfB\x19qh\xb6w\xf6\xe6\'\xd08\x1a\x81\xd1F\x8f\xc7H\xaa\x80K\xa3\xd2\x00\x97D\xfe\xed\x15\x83P\x90u\xc8`\xe5\xf0\xf88\xce\xc7\xce\x88\xeeK\x05\xadw/\xf5\xbf\x97\x0f!\xb5\x1c\x0e\x10\xab\xab\x0bQ\xd9\x1d\x0e\x10\x8ce\x01+\x95\xb6A\xa5\x03s\xd5b0\xdeLl\xa8\xd5\xbd\xea\xab\x80d\xa4\xad\xe8h\xa4=\x1e\xb0\x84\xd1Jk\x00K\xa5"9\x93}\x1b&amp;\xa1T\x8c\x11\x14\xd7\xc1\xceN\xbcS$\x12I\xa5\x02\xf1\x95\xcf\x0e\xe9k1\x14\x10\xa0\x96\x03\xb0\xba\xec\x80f\xd7\x86Ba3\x1bAD\xb6\x08\xcc\xd3\xe0\xff\xbcw\xbb9|\xd8\xa2\x87|\xd0Xi\x00AX*\x92v\xd3$Ijh\xda\x88\xb0T$E\xf2\xbf1\x98B,\x16\x13\xb8\x1c\x07*\xbe\x04\x13]\xc7/^\xbc(\x12\xb5\xb4\xb4H[\xef\xbd\xa6?\xdf\xb0\xe7*\xb0\x129\xac\x1ep\xbd\xbd\xc7\xa15\xe5\xccf\x18\xf0\r\x86\x08`\x19l)X\x94[\x99\x13j\xb5\xde\xf2\xc6]\r\xc8\x04E[\x8d$t\xd0\xad\xc1\xf8|Jc\xd4h(\n\xe9%\x03\xc9\xbe\t\x98B(\x95\xcb\t\xe8\x9b\x9c\xa61\x0c\xba\'\x12\x9d\x11\x11\x18\xd6\xf2\xdb\x16\xa9x\xe6\xc6Q}\xf3\x85=l\nA\x1f\x91R\x0e\x13\xe8f\xaa\x84\xd0r\x04(\xd6\x0cg\x1bpN\xeb\x9f\xcf+\x97\\\x96\xde^\xf5g\xa0\x8c\x11\x81\xc1\xb3J"QY=\x14\xc6\xe3S`.\r\x05Q\x01E\xa9d\xf8\xff\x03S\x08\xef\x13\xb8\x08#\xe4|\xdc\x08T8|\xcd\x030\xe0#\x80J\xdcqk\xff\xab\x87\xb6\xbf\nC\xc8\x83\xbd\xc0\xed\xdaP\x05\x8c\x95C=\x04,\xa0\xca\x99a\xe4\x01.\x7fp\xd5\xd5\xafW\xeb\x1f\xc8\x10\x17\'\x17`\xf1$*\xb7G\x06K\x88\xa4\x00\x0b\x90(J\xc6\x81\xfdO\xf3CN\xe1\x17\xe1\x97p\x0cZ\xe8\xa1\x04r\x1cb\x01\x13\xdd\'\xb03\x98\xa8E\xd8"\x15\xde=\xb2_\xff\xde\xd7v\x93\xc9\xc1Q\x81j\xa1\x1040\xc6F\xa0\x7f\xac9\x17\n\xb1\x86tZ\x97NU\xf3\xf1q}\xbf\xe5\xe6I\r\xad\x02&amp;\x15\xa5\xa2!\x01y&lt;\x92\xf6\xd0\x18&gt;$\xe2\x93\x9c\xe7I\x0eM\xa5\xa1\xe4\xff\xf5\xc6\x1b\x04\x85\x03\x16\x8eA\x0beV\x1a\x83o\t\xf8\xe6:\xb0\xf10\xfc~K\x8b@\xfa\xf6\xd5\xfd\xaf\xf5g^h\xb5\x9c\xe7{\x80/\x84\x1a\x08\xf9\x10\x8dDrZ\xbb#\xc4\xa2l\xb5\xa5S\xc5\xf7]\xbd\xea\xde\xc72\xd0J\x85\xb0(#\r\x99\xc0\x93\xf0i\x8fF4$\xc2y\xe4?&lt;\x0fX\x1a\xd4\xd2\xffl14&amp;\x80N\x1c\x15$\x15m\x85\xd6\t\x10\'.\xb8\x8ew\xa2W\xc4-\x82V\xe1\xd9\xf6\x03\xe7\x0fooj\xed\xc0\xc5y\x1e\xd9\x9de\xa3Q\x96\x8d\xa1\x14\xab\xa0\xc87D\x0c:\xef\xc2!\xfd\xec\xcd\x19\x8d\x86$\x8d\x00@A352\x1e\x8f\x8f\xf1i\x9a\x82.\xe0\x12\xc4\x05X;r\xa1\xe8\'\x84\xff\xbe\xf7\x118\x01&amp;\x12\xe1\x9d\x80\xc0\xc3i\xabL\x80c\xdc\xcf\x08\xc46\x04\xef\x8f\x10\xb4\x08\xc4\xc7o\x1dx\xe5\xc0\xf0\xdf\xba \xb8\xb8\xa5\x08\xb2\x99r,\x98\xca\x9c\x83%\xd0\xe50\xa1~\xb2,\xab;}\x18f\xad{@\x85zeT\xc98,9\x0f\x83\x85H[I\x02\xfe0\x06/Q;\x06\x03\xc1\x8c`3\x99\xf8_\x95\x92\xa3~\x89\x908\x9d&lt;\td\x83\x06\xd1\x0c\xc1\x8a\x847\x06544\x84\x0b #\xc4\xe2\xb3\x97^\xdfw4\xf3\xc2\xbe\x93[H-S%\x16\x83\xa9B\xdb\xf5\xd6[]=\xa60\x10\xc6\xfeN\xc5\xd9\xbc\xb6\xb1^a\xdc\x9a\x99\xcc\x97f\xf4\xbe\xa3\xf9b\xa6\x04\xc7\x13\xe3a\x10S$\x82/\x891\x16M\x17-E!R\x10\x94@\xba\xf0F\x08\xb20hq\x83\x17B w\x11\xe9?\xd0B\x8bk\x08\xdck_\x83\x17\x02\xdb`\xd7xS\xf0\xb2\x0e\xf4?\x08\xa6!\x9b\x86\xb8$\xdcKo\x9f\xf3\xca)\xed@l\x9cH\x9a\x9f\x9e\xf3\x9c\xe7\x9c\x17\xac\xbc\xfc\xddw\x7f\x7fX\xfb\xf3\xac\x8d\x10@\xf4\xc9\xb8\x7f\x85L\xeebm\x93\xb5"\x0c\xa2\x1bMQ\xc7[\xb9n#\xc3\xfd\x7f(\xa4\x14\x8aG\x9dGE\xd4J++\xbe\xa1\xe8\x88,_\xf6\xedF\xab\x89\x17i\x1a\x86R\x06Wc\x12\x0f\x02\x94q\xfd\x1b\xc2B\xa0\x02\xeb\x05\xe5\xc5\xc6\xf22~\xbc\xff\xc3\x1f_\xbe\xf8\xe1\xc5\x1f\xfe\x8a\x80\xefo\xc1M\xa6Y\xa8\xba%y:\x9c6pw\xd9\x94Q\x8c\xe2\xca\x03\x19\x06\xd1\x04\x11\\\xef\xba\xe4\xaf\x15\xf4\xe6\xff\x0c\xe4\xb2\xef\x16\x88\x88\x94\xa2F\xf4\xe1J\xd3\xb0u*\xa9\xef6\xb6\xce\xa6&gt;\\fH(\xa9\x84\xf4?|\xf3k\x1e&lt;\xff\xb2\xfab}cM\xe8\x05\xd7\xa337\xd6\xe8\xf7\xe6AI\x13\xe0\xe5\xbb{\x8fk\xd9U\x0b;\x91,\x17\xb6]S\x1f\xf6N\xceNGP\x0b3ZG\x9b?p5\xec\xe1\x806ey^G\xe1\xfb\xffJui\xb9EW&amp;\xa6m\xca\x06\xb2\xf7\xd2\xb3\x07\xaa\xe1SL\x18\x95\xf6E\xff\xb8-k\x90N14\x83"\xb5u\xc1C&gt;x\xfd\xcf\xcd\xd5\x8d\xcd\xe55\xb2\xd37T\xd0\xb5\xb5\xcd\xcd\xb5\xb55`\xado\xdc\xff\xc7\x9f\x1e\xd6\x1e\x1eO\xddR\xa9\xd3\xc1\xf0\x92M\xf7(\xa8\xd7\xfa\xfbowZ\xbe\xeb\xa3\x1c\x0f\x1e-ihp\x15= \x97\n\xb7\xf6B\x15\xbfRI\x1a\x94U\x91\x02\x04\xa6j\x10\xc8(&gt;\xa3l\xc0\xd2\xa0\x19\xad\xad1\x8ffS\xd4\x0f\r\xd94\xc8]\x92\xd5\x9e\x05\xbc\xdb}w\xb3L\xbf\xbf\x0f}\x10\x15\xbf\x07\xd5\xb2\xc0Z\xa3y\xf4e\xb0xo1\x1dZ\x00\x80\xe4\x05\re:\x0bb\'\x8b\x92\x93\xab\xad\x91m\x1b\x9a\xb9\xf2\xa8\xa8*\xf87\\\x10Tv\xe7j-\xddR)\xea\xdd\xbb`&amp;\xaf\xefB+\xfa\xee?{\xe2\xc2H\xb2\xa6[\xedI\xdfcl6\xb5\x05\xd6\xae$\xd9\x84eo\xf5\x1d\x9e\x7f\xfb\xf9\x9a\xb0\x96\xd7\xb0\n\xde__%*\\T\xc7\xd5\xef\x9e\xd6\xef-\xc6\x17\x15\x9f\xa0\xe8\xce\xa6\xd9\x98x^\x1c\x07^\x1c\xe4\xb3\xa3\xf6\x9d\xb2jRL4UM.\x14\xaaz\x01r\xba\x08\xfe[\xb5~u^5Mz.\xfap\x17X\x98}H\xac\'+*\x85\xbbR\xd9:\xe6!K\xe2Y\xdb\xa6f\x04V\xd9P.\xefHv\xe3\n\x7f\xcd_\x7f\xbcY\x07\xcc\x1a\xbc\x85\x04[\x06\xd6\xc1\xc1&amp;}H\xe3\xf3_\x16\xb3{\xce\xa4a\x1bMA%\x97\xcc\xe2h\xec\x80*\x0cy\\\x8b\xd8\xde\xd5a\xc3\xb6\x97V\x8axU4&gt;\x8c\xad\xc9\xc0*a\x84\x0b\xb3Kz\xd1\x14.\xd7w\x11\xe5\x14R\xbe\xbe\xf4\xe4\x19\xba\xd7p+;\x93&gt;\xcf9\xeb\xd6f#\x1b\x9dh\x18P\xab,\x9a\xd1j\x1f\x07\xddt\xf0\xeefu\x15\xf2\xd0$\xda\x10j\x1d\x1c\x1c,o\xde|\xfe[\xdd\xab\xd5\xc6m\x1fvlj.\xa0\xcc\xbb\xc5\xf6,\xf2\xbc0d,p\x1c\xcfa\xff\x9a]L\x1b\xadF\x11\x8f\xa1\xad@\x03\x9c0\x7fQ,0\x92v\xb7\x80l\xda\xa6\x9e\xd3ED(\xfe\x93\'\xaem\xd8\x95\xf6\xdb\x13\x96\xa49\xeb\x06\xb5\xf1\xa8\xac(\xbb\xaap\x96\x82\x0b{\xcfi?L\x92\xe7_nH\x9dU\xec\x81\xf7\xa1\x9b\x80:\xb8\xf9\xfct\xd1q\xea\xfbm\xd7\xd0\x15E-\x08*S\x9e\x9eD\x81\x17\x84\x8c\x07\x91\xe3\x05&lt;q\xd8\xded\xab\xdd\xaa\xf82b\x15\xcd\x8a\xac .\x9f\x82\xbd\xac\xe8.Rt\x17\xf9mT\xb7w)O\xd5\x95\xef\x97|\xdb\x1e\r\xc7\xa9\x93\xa4\x9c\xe1\x05\xa2\xfd\x91\x8d\x1b\xa8*\xb0.%$\x85b\xd9\xf6\x19\x0bs\x0e{A\xad\xe5\r\xec\\so-\x1f\xdc\\=\xfd\xad\xe7\xd4\x8f\xa7\xbab(\xe8]\xba\x1df\x8c\xb6\xb3\x17\xc5p\x17\xcbY\xe48Q\x98\xa7\xb9\x93\xf5\xc6G\xd3\x86\xaf\xeaX\'\xd0t\xe8&lt;T\x12q\xa5H\x86/ra\x9bJ\x8c/0\xd6\xd2\xf7\x8f*\x95\xd1p?\xf5\xf2.\xe7H\x82\xd0\xf1\xc6#\x9bzyW\xf4!\xdd\xcd*c\x06y,\x1f\xfc\xe6\xa7k\x91\x11\xeb\xeb_\xa9~\x19daT;\x9e\x92\x1b\t\xabC\x9b\x82yW=\xdcC\x11\t\x8b{N\x14\xc5\x8c\xe7y7\xce\xc2\x93\xb3\x06\xba\x15H\xd8\x0e\x10\xacru\xa1\xac4u\xda\xf7T\x15X\xe4.\xfc\xd1\x1b+\x8d\xca\xf4b\xdcg\x1eK\xbb\x9c1\xce\xa3 \x9c\xb5-\x00k\xe7\x97\x12\xc95\xc7\xb2\xa73\x8f%\xe1\x8f\x1f?,\x8bO\x1f\xd1\xc7\x916\xafo\xc6\x03\'p\xb2\xf1\x0ef\x04\x06\xa8\xae\x15:\x14\x98&amp;\xa9\x95\xa1\x13C\x96\'\x94\x13N\x0c\x0f\xe0\n\xea\xb36\x02\x92\xcaH\xd9\x0f\xae\x05\xa5\xe9We\x81E\x9b\x8b\xbeM\xc1\xa5-=\x19NN\xc2\x88%A\x90\']\xf4[Xc\xfc\xf8\xd4\xc6[\xa2\xc5F\\(\xa2E\xc7\x8d\xbd\x8c\xa7\x83\xf7\x9f&gt;P*\x88OI]\x7f\xfaw\xe8\xb1(\xdeo[\xa4\x14\n\xafuJ\xb8\xc0EXD\xc5\xa1\x91\x17e\x11\xec\x95\xa6\xdd$\t\xf7\x1b\x96-\x8b=\x13\x06C\xb4.(\xbe[\x95e\x85\xc4R\xa8Q\xc5\xae\xa1\x1f\xa5Q$,\xe9\xe5)\x0f\x80\x97%\xc9\x9b\xa1\xed"p\xa52\x0cO\xee"\xb96\xae\x95\x05\x00\x00\x07SIDAT$\xab5\xec{&lt;\x19\xbc\xffxM\xbe\x07\xd6\xf5O?:!\xcb\xd8dd\x19\xb6%\xd94\xfb\x05\x16\xb8\xb4\xd37P\x0b\xf9\x80\x17\x8d\x9d\xc8\x89`\x81&lt;OX8i\xf9\xea\xfc\xd24\xd7\x94\x0b\x0b\x06z\xd7\xd5\x0c\x05\x1d\x86\xacTUak\xfb,\xacy\xf09\xf7\x02`\xc5,\x89\xb2\xb4\xd7;\xf2e\xd9WD\x1b\xe2\xcb\\3\xc5n\x9dq\xa4\xaa\xe0B4\\\xdf|\xfe\xd6\x0b\x03/\xbd\x18Y\xb6\x05c\xd1\x8eT2\x01\x85\xb67\xf5\xd3~\xe6y\x01\xeb\xa6\xdd0t\xa2,sB\x8e&gt;\xe7\xfc\xaa%\x8b\xcc\xdd\xc5\xe4\x93]\xa8\xa5b$c\xbc\x90RT\xc9\xa6\xf0By\x98f\xf0e\xce\xe20M\x19\xc4z\xec\xf5S~Q1]\x81%\x9d\xe3Q\xa4\x17\xb8l\xe2\xf2Xw\xf0\xfe\xe7\xeb\x83\xeb\x0f\x9f~y\n\xad\x9c\xbda\x8b2\xe4\x1cT\x1a6\xa4\xb9V\xb2\xe9\x9f\xf6\xd1\x89\x01\xe3\x88\x1c\x86*\xd6\xe0\xfa$M\xba\xc0\xc2\xe4\xc5p!\n\xd4\xd1\x04\x96\xd6\xa9\xea\xe4\x01D\x04\xe9p\xae\x97T\xe9\xb4\x87\'\xa4I\xe0\x85i\x12\xc2\xf0\x8f\xc3^\x80\x94\xc7q\x8e&lt;,\x92K\x123HA\xa1*\x93\xd0\xe1\xddW\xaf\x7f\xbe\xbe\xf9\xe9\xbd\x13p\'\x9e\xed\xdc\xb10\xa9\x94]tnG\xf6KB\xac\x12\x16\x88\xc37\x91\xe7\x04A\x98C\xa1\xd8qj5\'H\xd0T\xc9Y\x05\x8d&amp;c\xfe \xb0\xd5N\xa1t\x8bU\x96\xcaec&gt;\x82\xb7eW\xbfs\xdaw\xe0(\x16\xa3\xf6a\xcc\x83,b\xac?l\xb9nU)\x9f\xcf\xadu\xeb|\xbc\x11\xdbj\\\xb1\x0cu|\xfd\xe5K/\xe2,J\'S:b\x92\xdfu\x81ES\x18#Q\x06\xd6\x1e\xf2\n\xa6\xcf\x13\x8e\xf7\xec\xd5\xea\x91\xc7\x81\x95^T4\x8c\xc4B\x95\xceXjG\xd3\x16\xb0\x84u\xaa\x86\xf8_\xff(\x8c\xa4&amp;N;\x8a5=qhB\x00+\xf1\xc2&lt;{\x1c\xc3\x95\rd1V\xd3\xf2\\\xad\xaf\ri)xx\xe3"\xad\xb1\xc1\xab\xe7O_\r\x02g\xef-&amp;\x1d\x95P\xac\xd9@\x82K\x08\xab*\xb02L\x1d\xbc$\xc20\x08\xe2\xa8^\x8b\xc24\xef\xf6\x8el\xf48aaU\xd7\xf0\x0e\x80\xa5u\xb6\x05\x16\xf9\xd7\xd8\xd5]\x1f\xba5\xc6\x00\t\xf1\xc4\x90\x05I\xb2XC\x98\x0f}\xbd@\x8f\xbc,+\xe7\xe7\xc2\xf5\xe2\xbac)\xe4\xaf\xa3&lt;C\xba\rP\xc0\xf1\xa1m[\xb6RF\xdc\x18\xc2\xeeTD\xdc\xa9Z\x95K\xc6-V\x90p\x16x,\x8ck\xf5Z\x90\xe4\xbc\xf7\xd6Fj\xc1\x86\xb8h\xc3\xf1\x17\xb0\xc5l\xeb\x06\xa4*K\x974\xbe|W\x974\xcd\x9f\xc0\x00\x01\x86=\xbe%\xf1\xc3(\x89{C:a\xeb\x845\xe7)Kh\x0f\xc9\x1e\x8d,\xa5i\xdb\x8d\x8b\x1ca\xc4\xbd\xdeY\x1b\x1dh\x95\xed2\x0e#\xbaZ\x92K\xa5ju\x8e\xa5UecG`91\x06\x07&lt;\xc6\xb8W\xaf#^Xohc\x81*\xe0\xbc\x87\xe4\xc5)P\x87\xb7\xd4\xedy\xea\xa1\x1cM\xc5@\xe2\xc3\xa7\xf6\x05\x0bBL/\x901V_tx\xd0\x1f\xba\xbe\xef\xab\xd4^\xe4\xa8K\xec\x10j\x13\xdb\xcd\xe1\x118\x94J\xfb\n\xb1\x18\x04\'\xc3\x16~\x82\xb3,\x9a\x9ezi\x8e\xd5\xe9\x94\n\xe8\xff\xaafLO\x90\xed\x84\x05\xdfF\x0eFHT\xcf\xc2$\xeco\xd9X\x8ci\x17\xd4J\x1d\xcd-6\x16\n\x1d\xa4;hn\xb1t\x99\xce\x14\xaa=\xec9\x8c\xb65/\xe6\xd1\xe2c\x18mo\xcb\x95\r:\x8c\xc1\xee_\xb1T\xa4\xfc\xb0\xff\x9f\x1a\xac^\xb7Q \x0c:1\x02|\x01/\xff+h,S\x04\xad\x10\xd2\xd1\xe5*^\xc0\x85-\xf1\x0cQ:KtW\xb8\x017\xf6\x1b\xb8pIc\x1a\x8aH1\x92-\xeb\xcak/\xf5\xbd\xc6\xd57\x1f8(\xb1\x9bH\x99\x9dovf&gt;\x0e;=n\xf7\x10\x8b\xc1\x9a\xca\x82\xaat\x9a"\xb4\x81\xe7\xce\xd6+\xfdC\xac\x18\x93\xfc\xec\x13,\xd8\x15\x0b\x84\xf0\xa2\x88g\x19\x9d\xf9\xa2~\xeb\xab z\xf4Tu\xf3?#\xac\xef\x04K\x96W\x15\x0c\x90\\^\x82\xea4\xb0\xcd9`\xf9\x9c\xcdf\xc24\x8czM\xc93\x91\x06/\x85K\x10,\xd8CY\xf0\xa6*Q\xbc\xfe\xf2\xe2\xb0\xb04\x89\xa4\x16\xb7\xb9\x8d\x08\x81a=\xdcaQ\xa4\xa0/\xe5\xef\xbd\xb6L\xcc\x00\xb0\x1c\xc8\n\xaa\xe7~\xdd"Y\xd4\xfeOpi\xe32\x19\xd1{\x18\x10\xa4\xe8\xc7\xa6\xd4]\xca\x9e\t\xe6\xfa\x98\x9f\x05\x0c\x0fw\xc5\xf0^2\xdc\x16^\xafmE\xa7K\x7f\x93\xfa\xa8\xc6({X\xeb\x9a\x19\xef\'\x03\x1eW\x7f\xc6\x98\x1d9\xc6\xeas\x7f\xb1\xd1e\xc6\xc0C\xba\xc2/\xc1z\x90\x97\x04\x0b\x16\x01Xh\\d;!\x13\x99#N\x952\xa5uy\xac\xa0\x06\xba\x8b&amp;\x1b=P\x07E\x9a\xeaet\xd0uu\xf0Y\xf9q\xf7\x0eX\x98\xa1\x13f/)\x82\xd1\x04[\xaa4&lt;w\xb6\xa4\xd7\x01V\x14\xa1\x04\xb0\xe0\xbc\x8eQ\xc0\xf4\xc7\x89\xb5\xfa\x88N-\xb9\xc2\xc0\x16`a\x82\xf8\x91\x15\xc02\xa99@\xb4\xdc\xf3\xd3\x14=5\tR\x91uG\xfbUUq\x06\xf4}\xf4\xe1Z\x10,D\x8e;\xc9\xf7aw\xb4\xb0~\xa9\xc0\xa8HX\xe6=\x88\xcba\xc1v\xe6\x1bEh\xd6\x17Hy2$\n.\x88\x85\xdb!/o\x18\xe2\xbf\xb0@n&amp;M\x1bk\x80\x0b\xd3\xcf\xff$\xa2k\x95\xf1\x80i\x80\xd5k\x0b\xc7\xd85Cs@\xe7r\xfc4\x0bX\x10\x1a\xf8&gt;\xe76\xad]c\xaa\xd6O\xab\xabo\x8e\xb0\xed \xa9]\xeds\x13\x15\x1f\x9aM\x9d\x19\xcb\xf3dq\x00\xd1\x1cI2\xdbf&lt;*\x18\xc1\x9aXT\xea\x1eo\xf8\xb4\xac\x9f\xb2./-).\xeb\x04\xb0\x92\xfa\x12k\x13\xca"-o\x0c\xc6\xcf\x95\xda\x03"o\'H\xbd\xcb\xbf\xca\xcbE\xe3y\x88\x9c^\xf6&amp;&lt;\x9e\xf3 \xe4&gt;`\xd1v\x84\xd6@/\x05\xf3.uFS\x08\x1c\xfb\xe9\xae1\nc\xbf\xa0\x9e\x8a\xe5P\xb2\x17W\xb2;\x9f9\xdb\xcc\xc4\x94\xa0J\xb0\xf5\xbb\x87\x85\xcf\xe5\x1d\x16\xaa\xcb\xfa\x14m"\xd0\xd5\xec,\r6\xa6\x1d\xf7\x88x\xc0r\t\x07\x89\xe5\xebQh\x8a\xab\x03|T\xc0\xdb\x1dj\xa7Yj2\xdf3\x9cY\x87ED\x81\r\xd0\x9a\xa8\x97\xa1i\x8e\xa6\xdf\x148\x19$\x82@\xd8\xac-*\x88\xb8o\xf6\xe2\x17s\x0cd\xcflk"\xb4\xde\x00k\r\xe7\xa6\x06\xdf\xa7\x8au\x83\xdb\x81-\rC\x8c\nt9\xce\xaep,+\xae\xceh9\x8cw\xad;P\xa5|A\xea\x05\xad\xac\xae\tY\x03\xf0\x10\xac4C\xfb\x12\x86\x91n.\xae\xbb\x04[\xb4Q\xc7\r\xee\xffh\x8a\xb6\xa5\xea\x8bC\xc4P\x12\x0f\xb1\x8a\x82\x0fi\xcf\xe7\x9f\x85`&amp;\xc8\x9a\xf1\x08U\xde3\xbb\x16\xda"X\xbf\t\x97e\x81\xf3\x9e\xad\xb2.\nH\x9e\xfc6\xb6\xe2\xb2C\x99z3\xbcz\x1d\x8f{gWzU\r\xb0\xa0\x96\xf8#\x82\xbdQ\xe6\x90\x7f\x11m\x9e\x1f$\x81\xf3\x11?\xe1\xc0\xe3\xf9\xf3\xdc\xad\xea4\x10#(\xc0\xb6\xf5\xea\x8cf\x9c\xb0\xd3QG\x07\x83_&lt;\xcf\xd7\x1b\xc18{\xd9\x8a\xb0\xe0\x01\xc4\xdf\xb5h\xc9\xb7/X\x9av\x1f"\xb4Ul\x12\xaa\xfbfW!\xb1qv\xe3\xed\xcd+\xca\xf8;\xbd1\xff\xae\x0cT\xf5\x9c\xb9H\xaf\xb2\xa0\xe01\t\x97C*\x13\x01\x17H\xb9\xeb\xd3\xdc\x96\xb4\xf1\xf3\x8f\xb9\xfe\xcb\x10\xa6\xf8\x0f&gt;-\xee8\x8f\xee\xbe\x88\x00\x00\x00\x00IEND\xaeB`\x82'</t>
        </is>
      </c>
      <c r="M412" s="3" t="n">
        <v>45492.67762731481</v>
      </c>
    </row>
    <row r="413">
      <c r="A413" t="n">
        <v>1020259</v>
      </c>
      <c r="B413" t="n">
        <v>7314</v>
      </c>
      <c r="C413" t="inlineStr">
        <is>
          <t>Gabriel Barros</t>
        </is>
      </c>
      <c r="D413" t="inlineStr">
        <is>
          <t>G. Barros</t>
        </is>
      </c>
      <c r="E413" t="inlineStr">
        <is>
          <t>PE</t>
        </is>
      </c>
      <c r="F413" t="inlineStr">
        <is>
          <t>ATA</t>
        </is>
      </c>
      <c r="G413" t="inlineStr">
        <is>
          <t>PE/PD/CA</t>
        </is>
      </c>
      <c r="H413" t="n">
        <v>182</v>
      </c>
      <c r="I413" t="n">
        <v>18</v>
      </c>
      <c r="J413" s="2" t="n">
        <v>37188</v>
      </c>
      <c r="K413" t="inlineStr">
        <is>
          <t>Left</t>
        </is>
      </c>
      <c r="L41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34b5eb18-ead3-425e-9986-8aa8848e94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M\xado\x00\x00\x00\tpHYs\x00\x00\x0e\xc4\x00\x00\x0e\xc4\x01\x95+\x0e\x1b\x00\x00\x03\x00PLTE\xff\xff\xff\x12\x18 \x13\x1c%!&amp;,\x1d\x1f&amp;\x16\x1b!\x18\x1d$\x1f")\xfe\xfe\xfe\x16\x19\x1d%)/%$*\x11\x15\x1b\x19!&amp;~W8\xd0\x97_\x9dm@\xa5uK" %\xa9|U\x1c\x1a!\x9bpG\xbe\x8aZ\xa4xQ\xb5\x84[\xa1qF\x9fsK\x9aj;\xfc\xfb\xfb\x86[7\x81^=\xa9yL\xba\x84V\x1e%&amp;-)+\xae|N\x97mJ\xb2\x7fN \x17\x11\x8feE\xcd\x94\\\xfa\xf7\xf7\xb7\x89^\x19#+\xb5\x83S\xc5\x93f\x93iH\xcf\x9bd\xaa\x83^\xb1\x84]\xcb\x98_\xb0\x81X3.0\x88_=\xa7yYpT:\xd4\x98]\x0c\x19"\xc7\x8f`\xbc\x8b`\x8cd@\xa4\x7f[\x11#\'=77\x96lC\x1c\x1c\x19!\x1d\x1e\xc3\x8b\\\xa5tF\xa4pA\xc1\x8db\x08\x18\x19\x97sQ\x8ea:\x9ftR\xf5\xf3\xf3\xbf\x90[tO0P8%\x1a\x13\x1f\xcd\x9eoxY?\x93gB\x87eD\xca\x97i\x11\x1f\x1b\xbf\x93c+/4xS4 !03#\x1b\x9bnR\x91oL\xaf|W* \x17\xcc\x94c\x9dy\\\xd5\x9el\xbb\x88ZW?)\xaa\x82V\x13\x12\x12\xfa\x1f\x15548\x9fyTE=&lt;)$!,\x19\x0f}^DmI*kK7a=!*\x1e(\x97e;;1-\x8chK\xa3~P\xc5\x95\\\xa5lI\xaauE\xb6\x88W\x18\x16\x17&lt;*\x1f[6\x1c\xae\x8ac!\x15#A.\x1f\xec\x1c\x1b\x8d]BJDD\xe8\xe4\xe4iA%]H6L.\x16\xed\xeb\xec\xad\x88X}Q.\x86jS\x8fm^\xf5\xee\xea\\@/\xe0\xcc\xc1QMM4*#\x86T1=$\x11I3"cE.\xc6\x93S\x81dK&lt;\x14\x14\xa0gF\x90lR\x86T&lt;\xda\xd6\xd6\x07\x1f \xbe\x8bP\xb6\x8ed\x94`D\xb1\x88n\xec\xda\xd2\xb7\x7fR$\x15\x1e\x1d-)E6-Q?4YSU\xcb\xb3\xa6\x87\x0e\x19\xe1\xde\xdeytv\xb9\x96i\x91uX]\x18\x19\xa5h@\x9afKdQAr\x13\x1a\xbe\x81`\xa1\x7fk\x19% \xa9pQ\x9cbA\xac\x80e\xc4\x95t\xb9\x92^d\\^\xd5\x9cc\xd5\x19\x17\x99\r\x1f??CxK\'\xd1\xa3w\xafzGvQA\xf3\xe4\xdefN0\xae\x90p\x84\\H/\x17\x1c\xa8\xa3\xa5mef\xd0\xcc\xcdI\x11\x13\xd2\xbf\xb7\xb2\x8a{\x12\x07\x04\x1c\x0e\x06\xa2\x86v\x9c\x98\x9a\xc8\xc3\xc4\x98td\xb5\xb0\xb1\xeb) *\x0f\x05\xbb\x89k\xc4\xa7\x9br[J\xac\x93\x87\x90\x8a\x8bQ\t\x07\xea\xd1\xc8\x17"6\xb5\x85d\x92\\5\xc0\xba\xbb\x96{I\x82i\\\xf4\'(\x87\x81\x82\xca64\xdd.&amp;\xb00-\x95\x7fh\x82%!\xe2\xc1\xb5M\x1b\x1b\xa7\n\x1d\xc1yYd\x0c\x08\x98--zeS\xe0\xa3}n-\x1f\xdd\xad\x9c\xd0\x8ap\xb5\x9d\x90\xb6sX\xce\x9d\x88\xbd\x0b\x17\xe3:8\xb1lK\xbe\x97\x80\x83pg\x92xt\xae[a\xfd\xa5D\x0b\x00\x00 \x00IDATx\xda\xc4\xd7\xdfOZi\x1a\x07\xf0^\x921Q\x0b\n\x96A!G\xa0h\x14T\x8e\xd2\x80\xcdQZ\x1b~(\x81JlC)\x8a\xd4\xf0\xa3\x8a\x15\xaaSiC\x16\x07\\\xdd\x1aP\x1cRK\xaa\xdd\x99(\r\x8c\xb1M\x9a4\x06\x93Ym\xb4\x03^\xec\xaak2\xb5^t\x8d\xf1\xc2\xcbn\xb2\x9b\xbd\xa8\x93}\xde\x83\xdd\x7f`\xc1&gt;\xe4(pL\xfc\xe4{\x9e\xf79\xef9w\xee\xff.\n\xabB\xad\x1e\x1d\x89G7\x0f\x0ev6G\xd4\x15\xacs_\xb9(\x884\x02\x9e\xddTj{\xff(\x91H\xec\xa7v7\xe3 \xa3|E\x14\xabb\x14H\xa9\xfdD,\x18\x8b\x91\x07T2\x91\xda\x89\x8e~5\x18\x85\xa5\x8eo\xa6\x8e\x12\xe9\x18\x81\x85\x88`2\x16\xf4\xfd\x02\x15\x04]\xfa(\x05\xb0\xaf\xe2\xa2\xa8G\x0e\xf6\xd3\xc9\x98\x8f\xc0\xe4r\x8c\xf0\x05\x83&gt;;\x01\xaf_\xec\x04a\x0f\xa6\x8fv\xa3\xa3g\x1f\x18\x852\xba\xb9\x9dD\x12G\xf3p3\x15G\xac\xa0\xcf\xe7\xb3\xfb\xd0\x0f(\x04\x8b\xab\xcf\xd8E\xa9\x18\xd9M\x04\t\x17\x81\xcb{z\x8a\xbe\xb9A\xd8\xed \x84B\xbf\xed\x84\x0bw\x11v_r\x7fg\xf4L\x17%tU*\r\x0c\x1cC\xaa\x1bV\xab\x9585AT\x80\xc2]8a\xb5\xdac\x89\xd4Y\x06\xc6Ron\xa7\xc9p\x1c==\xcd\x98\xd5z\x03\xc7q\x0c^V\xc2\x07mOXq\xb2\x00\x1b\xdb&gt;\xbb\xc0(\xea\xe8v\xd2\x07(\x17.\x1f\x96\x03\x07\xc3n`y\xd4\xa2"9\x15Ck\x11B\x84\x8f\xd4&lt;*|\xf6%v\xe3g\xb4$+\xe2\xa9\xa4\x1dw8\\.\x13?\xa3\xc2\xf3\x80A\xcd\xc3\xac\x04\xa8\xac7\x90\xa9H.\x97\x83\x93\x9a\x17\xdb\x8e\x9e\x89\x8b5\x92JB\xa7\xff\x95\x1f\n\xf1M!\x97\x8b\xbc`\x98\x03\x18rj\x1e\x8c\x07\xd2\x89c\xa0\xc4\xb1\xa2"*\xee;\xda&lt;\x83\x06\xa3\xa8\x0f\xd2\xf8p\x0f\x1f\xc2\n\x19\\\xf3\xf3.t1\x81\xe2p8\xc0\x13\x82\x03\xbeA_@oY\xbf\x81\x181\xdfQ\xee\xf3\xa2\xb0\xe2\xfb.&gt;\xc44\xbf\xb0\xa0\x81\x83\xacy\xd0\x81\x92,\x83!\x84\xde\xbb0\x07\xca\x0c\xb7\xe6Q\xef\xf9\xb6\xe3\xac\x9c\xcf\xf6\xddd\xc8d\xf0\xcc/\xf8\xfd\x13\x13\xfeWP~\xbf\xdfG\xda\xbc\x1e\x97\xc7\x13\xf2\xb8P\x86\x80\x84\xe1E\xa0)B\xc5\x82\xa9\x11Vn\xa7\xe8N*\xbd\xe0\xf5\x865\x0b~\xa7D"\xd1\xf5F"\x91\xde\xbd=\x12\x07\xf1i\xc2atx=P!H\rF\xab\x15\xc7\xeea\xc9\xdd\x1c\xbaX\xeah*\x11\x9b\x07\x95e\xda\xf9\xb6\xb7\xdd\xed6*\xba\xa0\x16g\xc6#\xbd:\t*\xb0:\xd7-\x9a\xc0\xd4\xd4\x94\xc7\xeb\t\xcd\xdb\t\x0c\xad\x00kz7g\xf3\x8b\xbc\r\xba\x1c!o\xc0\xb2.)k\xe7\xda\x18*Z\xcd\xc7\xd9\xd9G\x8fj.\xdb\x14\n\xa3\xd1\xa8 \xcb\xd8\x9e\xdf\xd7\x1f\x08x\xbd\x1e\x83\x07\xdd\x93\xd0\xa4%\x12;9Z\x8e\x94\xd1\x9d#\x9f\xcb\xc17\x84\x1f\xf6\xe57r\x994q\x15\xaf\x8a^\xad\xd7\xeb\xab;:f+kkk+g\xc9_\xb5\xe2\xfbM\xca\xb6~\x8bE\xe3\xf5\xcc\xfbbA\x02+\xc2\xef\xd9\xf7\xa3\x159a\xa9w\x12.\x93!d\xf2N\xb4\x9551\x19l^\x15\x87C\x97v\x8aD"=\xa2\xb5\xb6\xb6vTWw\xb4\xd2\xe9\xad\xad\x0f\xd8\x17\xb8e\x12\xc9z\xd8\xe3\x99\x87\xf6\xc2\xefQ\xe5X,5\x92\x8b\xb8(\xf1#"\xe40\x84\x0c\xde\xf5\xc6&amp;&amp;\x9b]\xce\xe3U=\xfbAP\x00\x05\xb2\xba\xc1A\xe9\xe0`]\x1dz[W7\xf8\xac\xea\x8e\xcd\xd8\xae\x9b\xd6x\r\xbf\xc2\x8a\xb4\x0e77[\x13;\xb9\x98^\xac\x9dd3\xff\xa7\xbb\xa1y\x7foS\xf1y6{\x8d\xf7\xe33\xc4\x12@\x15\x90\x18\x12%\xca\x18\x07\x1f\xdc\xb9o3F\xde\xfa\xbd\x9e_\r.\x9c:,\x97\xdb\xb7s\x10\x17\xe5\xf1\xb6\x8f\xcf\xe7Oi\x9c\xef\xe6\n[\xbe[\x03\x15\x87~E* U\x05\x9d\x99\xcc@\x84^\x10\xd7 \xfd\xc1\x83;\x0c\xa6\xf0\x9dS3u\xd7\xe0\x80\xbd\xe20\x96&lt;\xc8~\xd7SF\x8e`\xb8\xdf\rL?\x9d{\xb2\x04\xac\xf2\x1f9\x9c+Rigg\x86\x85\\\xa8\xeaNk\xf0\x87\xd6g\x0f\xca\xd9\xaa\x97\x7f@.\x93|\x18v@\xf6\xfd\xec\x0f{V\xf4\xc4\xf07\xfe\x94Ew\xf1\xe5\x93\x16`e\xc2\x92"\xd5\xa0\xa0N \xe8,@\xaf/(T\xad\xddU\xe2\xdb*n\xeft\xf8.\x9f\x0f\xac\x1eG,\xfb\xddE\xd9L\x1b\xf8\xa6\xb0\xd3}\xeb%\x99\xd6\xa9\n$\x82LA^\xf0\xf6KZuR\xe4*)\xb9\xad\x9a\xe9\x9d\xf0\xdc%Y\xc3\xd6\xd4(%\xeb\x1d\x8fX\x1a\x89\xf1\xd6\x13`\xad\xf1NU"\x11y\xed\xc8\x0b\x89p\x19\x13\x99\x1a\xb0\xbaKj\x1b\x14n\x89\xc6\xc0o\x86\xe6\xea\xc1\x8e\xb2}\x0b\xa2T\x1c$\r\xa6\x90E"df\xc2\x02U\'\xa8\xcc\xe6\x95\x15`]:=2%\x12\xad@\xf7w\x0e\xd2\xe9\xdd\xb5\r*\xb7n\xc2c2\xc9\xe5\xcd\xcdx"\x9e;\xd6\xd0\x10b\x91*\xb3\x19\xb1V.\x91\xb5\x92q\x89\nD\xf0\x95\xd9\x0c.\xe9\x15Y\tM\x01\xe3+l0\xc9\x1d\x0e9\x96\x88f\x9d\xb5\x03,\xafEgT\x81\xea\xbb5\xce\x95\xceS\x16\x8a\x8bD\x91\x95\x91\xad\x98\xc1\xa5\xd5W_\x03\x16\xf3\xe2\xcdi\r\xc4\x95\x13\xd6\xb9\x8a\x9d\xb4\xc7\xe0\xb5\x94\x01k\x08X\xcf \xac\x7f]\x02\xd4?\xd1E\xbctZ\x02r\xe8\x17\x90aiE\x19\x16C\x98?=\x01q\x85\x1cr&lt;\x99u\x16k\xf3\xd0\xeb\t\xaf\x97q\x99\xe8\x1a\xf28\xd2N3\xd9[++\xd0\xf4\x82S\xd5\xa5\xcc\xa2\x84\x9eG\xf7\xc9j)\xb0\xc44n\x99s"\xec\t\x19\xe4r&lt;\x1d\xcf&gt;\xeb$\xec\xd5\xac\x975]@\x17\x91\x07\xa3\xb4S*%o\xd40\x16\n\xfe\x97\x96@\xf0\x03\x9acuu\xd5P\xd7\xe80"h\\h\xae\x80\xc7c09\x88D\xf6Y\xd1\x13\xcd\x17\xd6U`\xd1\xafAIa[\x83\xe6B\x1d\xb8P\xeb\x17\xc0`\x1d\x14@\x8a\xd2+\xe84\xb0\xaa\xc4b\x95\xb0]\x02[\x1c\xd3O\x0e{\xd6\x07\x04\xb0~_\x08k\xd6K\x0b[\xa0\xd8&lt;\x8e\x0c\xfd[\xd9\xb5\xea\xeaN\xb4q\x80\xbc\x80\x05\xe3\x0b-\x04\xb8|\xd7\xe82\xf8\x83+\xc0\xe2\x89iLcd\xdak0\xf0\x1d\xbe\x1c\xb0\xe2\xbfOh,m\xca\xc2\x96\xa5\x96\xab\xe5U%\x95\x952\x84\xd2\xeb\xb5Z\xadH\x94\xe9u\xb4\x87\xd0\x9bO\xd7\xa0L\xd6M\xa7s`\xa7H\xbbo\x9by\xab\x99\x82\x8b\xe8\xdb\xcf:\x8b\x12\xdfrN\xac\xe7_o\x01\xd6y\x9a\x18\xaa\xf6\xe3o\xcb\xcb\xcbZ\xed*r\x15\x9cnl\xf4"\xf3*\xb0`\xc3*\x93Uvw\x03\x8bWN\xb3uE&amp;`c\x1f\xf2mg\xff\xe63\xf2\xe1\xadSR\xd6t\xca\x82\xad\xf1\xec\xf2\xf2\xea\xaav\x15J\xab5\xa3\r\x97Hd\x86w\xe4g\xed\xf2\xea2$F\xe7\xf0\xd6\xd6\x80e\x9b\x91h\xc2.Wl7\xeb;\x1b\xca\xc8\x87wou\x8d\xd7\xbf]Zja2h4FC\r\nk\xf5?\xc8\xb5\x8a\x86\xbaH\xf4\xc5\xa4]F\xf5s\x87\x8c^\xb5\xd6r\x95\xcd`*\x16#~\xcd\xbc=\xbd\x99\xed\xed&lt;\x85d\x955*\x07\x96\x96\x86\x98L\xe6\xf5\xfa\xd2\xfa\x8bB\xae\xear\r\xc4\xd6\xa1\'\xb7\x80\x08\xd4Q\xcb\x00\xf4\x1d\x9b\xaa\xa1\x81v\xbb\x84\x03\xac\x166\xa3X\xd15\xee\xb4,\x04\x8f\xb2\xbf\xdf\xa2\x8c\xfe\xdb\xfd\xb4\xbe\x1eXCC\xc5\xd7\xeb\xc7\xda\xfa\xfa\xbe\xef\xef\xff\xbe\xedf~}\x13\xf3N\x07\xea|h3=\xadtl\xac\xad\rN\xb6\xc1\x19%\x93V~\xf5\xc2y&amp;W\xa8\x98\xd1M\xf8\x93\xd9o\xads\xac\xc7\xef_&gt;-\xad\x9f{2\xf4\xe4\x8drr2\xbf\xec\x9d\xcei\t\x04\x02\x0f\xfb\xfb\xf2\xeb\x85\x95\xd5$K\xbb\xcc\xfcK_\xdf\xc3@`*\x80N\xf552\x18M\x85\xc5\xc5\\\xa1q&amp;\xe2|u\x92\x8bM\xf3\xe3\xf7\xb7\x10\xeb\xcd\x9b\x81\xc9\xb1\xc9\xb9\x86\xe7\xcf_\xffi\\2m\xb1LO\xf7\xb55fX\xcb\xcb\x1d\x88e\x81\xe7}M \xdc\xbf\xden\xabQ\x95*\x9b\x8a\xb9F\xeeLD\xf2\xe9C4\x07\x8f\x18j\xc4*\x9d{3\xf0\x8fI%\xb3\xe6\xf9\xe7\xcf\x1b[[[\xc7\xe3\x91\x88\xee\xe6\xcd\xc6\x12`\xa1\xa9\xf0Q\x91\x7fS\xa7\xdb\xdb\xfb\x045\xbe\xf8z\xe3\xb9\xad\xb4T\xc9\xe5r\x8d3\xee\xde\x93\xdd\xd1\\\xb0^\xdc\x9a\x1c+\x9d\x1b\x18(U\x9e\x9f\xfd\xed\xd1\xc6\x06\xb0\x8e\x8f\x17\xa1\x8cn\x85XV\xad\x87g\xd7\x8f56\xa3{|\xfc\xf0\xf0\xf0\xe4\xf8\xf8\xf5\xd6\xc6\xe7\x9fk\x14J\xe5u\xa1P\xe8vG\xb6r\xf2\xb8\xff\xf8\x85\nX\xca\x81\x81\x81o\xd9\x95\x8f._~\xfdz\xeb\xf8\xd3\xf8\xa7\xc8\xf8\xe2\xa2B\xc1\x16\xc3\xbdFV)n\xb0)f\xc6\x0f!*\xe4\xda\xda\xdax\xfe\xa8\x86\xdb\x98a\x8d\x7f\x88\xb2r\xf1\x9c\xf8\xe2\xd6\xd8\xd8\xa4\xf2Ma!\xfb\x8f\xf7\xe1\xd1\xb4W\xa7\x93\xf8\xfd\xfe\xf5iI\xc4-,dWq\xba+\xc5\x8c\xe2vw\xafdo\xefU\xec\xd5\xabO\x87\x7f?\xee\xea\xea\xba\xac*\xe6r\x85\\\xa1{\xf1}.\x9e^+\xfe\xfcY8\xf6_^\xcd\xf7%\xb1m\x8d\xe3o{%n6\xea\xd6\xf2\x07\xec\xc4\x9bX\xb4\x11\rJA\xb0\xc4\x9cQ&amp;\x8d\x90\xb1}\xafG}!L%\xa2\xb7d\x8c\x881o?L\xb0\x91\xb9u\xe0T\n3\xc8a\x86&amp;\xb6\xa4\xcd+\xcf\xe8\x99^\x15\x04\x03\xd7\x12D\xb9\xbd\xba\x04\xc1\x99[\x19\xd4\x19\xee\xb3\xe4\x9c\xff`wWT[\x0b\xfc\xf0&lt;k=\xcf\xf7\xbb\xd6\x82h\x15\x84X$\xc23h\xa6\x03^\xdb\xc6\xc6\x8b\x8d\xd7q\xdb@(\x14\x84\xee\xadR\xe1&lt;\x9dD\x92\xb6y\x97\xde\xbd}\xfe\xf2\xed\xd2\xc0\xd8\x94\xa3\xcf\x82\x0bD\x08,\xe4f\x1f\xab\xa3\xebI&amp;\xa7\x17\x97\xdaX\xd2e\x1fP\xc5\xbd\x03\xde\x97\x0b\xff\xda\xf0\xbe\x8e\xa7\x8f\x1c\xcd\xce\xe1\xcf$\x89\x19\xc4\x1cI n[z\xf7\xf2\xc5\xcb\x85\xd7\xb0J\xad\x1a34\x04(\\\n\xc0\xfa\xb9\xab\x83U\xb0\xae\x9eJ\xfd\xbaa_\x01\xac\x9dM\x0c\xf7\x89F\x9d\xd1\x8d\x81\x0f\xe76\xdb\xf3\xd7\xfb\xeb\xb6\xf4\xd4Q\xb3\x13&lt;\x1a\x89\xd9\xc5\x1cN \xee\xdd_z\xfbW\xb4\x89i\x8bNs\xbaqP6\x06\xbb\xc2a\xae\x1dW\x12\t\x16O\x1a;z*\x97\xdfnh\x03\x07\xb0\x82\xb3\xb4/lHY\x03\xf1\x81\xb5\xf3\xd7\x1b/\x16\xd6\xd7\xd7\xcbG\x8b\xcdNP\x862\x92;\xca\xb1\xc6\xbc\xdeu\x88\xd6\xc2\xd2oo\xd2Q\xa7\xd8\xa2&amp;\xd4"\xbb]\xa1S|\xa8\xe5r\xc7\xc9L\x82\xad\x06\xd4\x85\xa8\x18YXW*5\x0b\xb3$\xfa\x18\x85dzl\xed\xe2|\xc9f[\xf7\xae\xcf\x94\x7fl\x06G\xc8\xac\x8c\x14\x8e\x8a\x9d\xb1\xa8\xcd\xe6\xf5\xc2\x04{\xb3:`U\xd8\x05\x94\x92\x12\xd9\xfb\x14\x1a\x8d$T,\xee&gt;\x9c\xd5\xd9*\x13=\xf5\xbb\x9bAfh\x9b\xb7Rjn\xce\x92\x11%.\xb0XBoV\xd7\xd6\xce\xd3\x10,\xa0\xfa\x11%Q%\x93\x0f\x07G\xc5\xd6@\x14\x98~\x1d\x18X\xfd\x10\xea\xb3\xf0\x04\xc4\x10\x81A\x125\x1a;O\x80ki\xedY\xa5\x8b\xa5nxy\xd8\xba\xca*\xb7\xc3\xa9\x15\xc0\x92\xaa\x94\xe0\xb2\xb4n\xf7\xd6\xda\xea\xd4L\x1a\xa0\x16wv\xd0\xd4\x92yT\xc3\x9d\x88\x0bZxzfJ2\xe9\xf7\xe34&amp;mcA\xb4t"_\xc4db\x0e\xee2=,\xe50Wm1\xa4\xd4\xc7\x13\xa7P\x12\xe5*pY\xda\xa2\xde\xb5\x15:\x9a\xe2 \xa8\x9d\x02w\x98\xcc\x82D\x96r\xa1\xdaB"ACH4P\x1b\x08\x02\xca\x99G\x85\xf1\xfa\x14\xba\xbe\xb0\x12t\x06\xd3:\xac\xb3\x83\xd5\x93\xc9U\xaf\x18l\x94g@X\xf7Y\xb9&lt;\xeb!hZkq\xb9\xb6\\\x1fw&gt;n\x16\n\x9b\xdcad\xd1\xf8\xf2ang\'\x17\xca\xc1\xa2F\xa73`\xb4J&amp;3\xf2\xf9*)\xaf[\xa1\x9b\xd4o\x0f\x99\xc6[\xad\xc3$[Xg\rF\xc6\x15\xf3P\xb4\xf6\xee\xb3\xb2\xac\xcch\x94\xa9q\x01\x0c\\0{0\x07zudNe\xfc\xdb\xf8\xa0\xec\xf3\x08\x97+\xc4\xe0O\x16\x9e\x10\x93\xb6\xf7\xc0\x8c\x10D!`\x99\xc3a\x8c\x1eg\xae\xeeX\x8b\xd6Y\x91!\x83\xa3&gt;\xdfh\xaa\x80\xb0\xe0\xa3\x80KN\xd2jZ\xa9"\xb3\xd9\xb9\xbd\x9199\x1f,\xcf\xb8Q&gt;7\x02\xf9T\xabiZJ\x92$`\x19\xe1\x9f\xdbX\x0e\xb3Y\xb7\xc2en\x18\xd6\xe6V\xe6L\xcb\xcc\x06y\xef\xb7\xedm,\xfe\xe0_~\xfa\tb \x93\x11\xca\t\xbe\x8c\x8f\xb0\x10\xd5\xb7o?\xa0p\x81x\xa7iZM\xca\xe5\x88\n\xac\xb7\x11\n\x07\x8a\x96_\x17+m2\xadk\xb6Vb%\xa7\x175\x83r\x13\xb1\xb3\xb2X8\x00,0\xcd|&gt;\xb2\xd5\xe0\xe7e\xa4t\x18#\x8d\x00\xf5\rqeI\xc8\xe9\xde\\\xd6\x08&amp;\xd1\x13\xf1L\xf4\x1a\x11\x16\xc6\xb5w[\xaaT*\x96j1\xd7\x95\x0e\xb6\xb4\x83[\x94\n\xca\x86\xe8\xc5\xd2\xe2\xce\x01\xda\xc8EYDF\xbfwH\x85\xa0\x08\xcf\xe0\xb7?\xb0L\x1e\x159\x12\x84\xe2*3\x9a\x9e\x0e=\x9d\xe8\x1d\xfc\x13\xcb\x7fx\xf8\xb1Tj\xdd\\&amp;X*\xa7\x80\xc5+5e&amp;j\xc7\xaa\xd9\xc1\x00\x0b}\r"OO\x90B\xae\x90T\x9aL\xb4\t\xcc\xd8\x0f\xbf\xf4\x0e\x11J(SAq\xb33\x0b\xdc0\xfe&gt;a\x02\xb3\x08X&lt;}\xa3\xaa\x15\xff\x17\x16\xe2\x13\xb6NU\x8e\x8b\xc1Tj\xae\xd7d\xe1,\x8e\n!\x89\x83m\xa8\xf1^\x8f\x10\xd6\x9dTM\xa9E+\xa3R\xd3\xb3_z1P\xee8\x85\xc3\x92\x15\xcf\xc9\x06\xc7\xdb:\xfa)?\x02\xd2\xc2`\xe9\xafV\x8b\x80\xc5\xd6B\x04\xac\xe4n\xa1\x99\xda\x935\xba9\x9aQ!\xda\xdaBX\xcf\xc6M4\x97+\xc2)J`O\x95\xc4\x06\xbc\xb1\xed\x1b-\x95V\xec~\x9f\xdf.\x16\x0b\xe5C`\xd2\xc6\'\x9e&gt;\xf5DH\x91\x81\'\x98?\xbc\xd3\x97b\xac\xcdx\xd4\x13\x1f\x0e\xf6\x9a\x85\xcd\x82\xd8\x8a\xb0T\x90C\xe3 \x04B\x89\x8b\x80\xaa\xd1\xdf-^\xd1\xf5u\xa3\xa1\xd08\x9d\x1a\xb3^\xef\x9f\xd4\xf1\xa4m\xdb1\xa1TB\xaf\xe2\x01\x16uxh\x8e\xa5\x0eY\x9bZh)2\xf7{{\xcd\xd4\xca\xb4\x04aAu0\xc2"D\xfb\xa2\x02\x9c\xea\xf7+8N\xc7\xa4\xd9\xacp(&amp;\'%\x1c\x89\xc3\xec\xd6\xfb\xcd"Lm\x1a\x7f\xd6;\x14\x89D\x96\xc3\x08K\xa0\xf5\xebVX\xeb\x88\xed,\xd6\xefZ\xf7\xf7\xb3\x9b\x1a\xabD\xcc\xfd,\x87&gt;\xc7\x07?A\xa8\x05\x16\xf8,\x97\xc39\x1d\x88\x01\xd8dH\xc2q\x82\x9fv:\xd0\x91,\x8e\xe3\x04\xb8!\xc0ZncA\xeb\x12+xU\xf6r\xd8\xd6\x107\xf7WLU+\x91\x88A\xef\xa9T2&gt;\x9f\xa0\x91\x1a\xb6\x98\xfb8\xb1h|#\x1a\x88M[\x9d\xd6X\x14\x1cu\xc0:\x15\xda2\xeb}8=\xd4k\xf2\x00\x95/\x0cP\x86\xe0N\xb7E[\xbdd\xd1\x94\x81&lt;\xbd\xbe\xb9a\xaaz\x87Sb\x00a%\xff,\xf3H1\x1a\xef\xd6MJ\x9c3mo\x1f\x8d\xc5b\xe9X \x1a\x00\x8f\x9fN\x83\x8c\x9e\x9c\xa7\xa4t\xafI\xad\x86`\xfd\x9b\'*\x1c\xb4\x98*A\xb0\x99C4\xeb+\x97\xd7w\x0f_&gt;\x8c9\x0c\xc3 \xda\xe7\xe4r\xa1\x08\xc7\xbb5V$\xad\x06\xca\xe5\xb1#4\xca\xe5\xf2L\x19^\xa5\xe3 \xe2\xfd\x14\x8e\xd1\x04\xadnG\x0b+\xb4\xae\xae\x18\xe6\xf0\xb2\xc2\xea\x9eMGW\xa2R\xbf\xcc\xd5V\'\rR\xc0\x92\x92R(\r~\x853\x10(\x83H\xfd\x9a\xcf\x7fE\x03\x9e\xbe\xee\xc2\xe3j\x1aR)\xe9\xa7\x84\x07\x0c\x01I\x84\xb95\xbbw\x05\xe3\xe6:\xc3\xf6\x11YW\xd7\x93\xc4\xab\xe4m~\x12\x87\x1e\x0c\xde\x8b+\xc0\xbb\x9d\xd1\xe8\xd8\xda\xda\x05\x18\xd5\xb5?\xc7\xd7&lt;z\xbe(\xc77\x02f\n\x9be\x08\x02aq\x01\xeb\xe6\xe6\xe6\xba\x9ex\x04\xbb\x0f!K\xde\x9a\x01K%\x97\ny\x02\x8b&amp;\x10\x0f\xac\xae\x9e\x9f\x97\xcf/.\x10\xcb\xdaW\xf8\xfe\x1d\x1e\xe0\xf5R&lt;.\xd1\x1f\xcc2\xb4J\tI\x14\xd2\xd5\xbb\xeb\xeb\xcbz\xe2qn\x0b\xf6\xbc\xca\xb9\x05\xb4*\xa2\x92ry\xa2&gt;\x98X3o\xca\xfb\xe7\x17\xdfO\xbf\xd7nk\xb5\xda\xed\xed)\xfa\xfd\xfd\xfc\xdd\xfe\xbe7\xee\xb4 ,b{9\x1c\xa6\xee.\xeb\xf5z\xe5\x91\xa8@L\x1c\xe7\xfdt\xc4\x03X\\p\xd6\xd3cc3K\x17\xb5\xb3\xdcq\xee\xb8\x9e\x04\x0f\x989\xaeg\x92\xc9\xdc\xf7\x85\xe7K\xe7\x03\x0e\xff\xc1\x01\x03\x86i9\xec\x83\xda\xde\xd3\xd3\xf5h\xd7Y:\x9e\x1c\x9fZh\x02\xba\xdc\xb0\x88\xa7\x93\x8c\x8d\xa5\x17\x96j\xc7I`\xa9W*\x99L"Q\xaf\x00\xd6\xf1\xe9\xbb\x85\xfd\xd5\x0f\xfa~\xba\xc5\x98L\x08\xeb\x01\xa6zG\xc7\xe3]\x96\xeaI\x9e\xb80\xa8\xf2*\x12\x17\x98\xcd\xe6\xa9\xf5\x7f\xee\xe72\xf5L%\x03&gt;\x1e\xfd\xc8T\x92\xb9\xdc\xed\xef\xfb\xe7\xbf\xad\xfe\xe7\xcbv\x83fLJ\xa5\x1a\xa7\xee*\x8f{Q\xaa\xe7\xe7[?\x06Z\x9d \x94\x94\x0f\xb7\x84\x9c\xe9\xa9\x93\x1cD\x0b\x91\xd5\x93I(!\xa7y\xb0\x8fG[n\xf3\xf2\xfb\xf7\xf3\xbe\xfe\xf9\xf9y\x1f\xd4\xf6\xc4\xe3^+\xebzuV\xc4\xa4\xb4\x9a\x00a@\xf9\x04\xe6&gt;\x07\x98\xeb\xfc\xc9\xc9i\xed\x0c\x8d\x87\x13\xa8\x0f\xa1\xa3\xc5&gt;\x8b&gt;\x0cX\xcbm,\xbd\x16\xac\xe1\xe3b\xc1\x9c\xff"\xc0\xfe\xc0R\xe3\x16\xbf{\xeb\xa8&lt;\x05\x155\x7fR;\x01\xba&lt;p\xb9&gt;\xba,Z\xca\xa7\xfc\xb4\xbd\xec\x03\xaa~\xbf\xf6!\xf3\xc8\xd7\x88;`r\xf91\xbc\x8dEP&gt;m\x7fQ\xbfut\xb4\xbav\x8a\x90`\xec\x9e\xecja\xd04\xa1\xfc\xf4I\xb9\xbc\x8c\x82e\xd1&gt;\xf6\xd4B\x07e\xb7nPY0\xb9\x08\x02\xdd\x89\xa2\x8aZ\xb7kk\r"\x05M\'_\x04\xacb\x91\xa2hb\x08Q\xa1\x1c\xea\xfd\xae\xff\x03V\xc7?ry\x0b\xe2BGd\x14\xba\xadU,\x02Y\xb1\x98\xcf\xbb].\x17&lt;\x14\x1b\rX\x10\xa6\x89O\x11\x9f\xaf\xbf\xbf\x1f\xde-^\'\x1e\xfd"eO\xb2f\xeeFgQ8\xae\xa6 \x97\re\xa3\xd1\xa8\xee\xee\xea\xdd[\xa1\xc5\xff\xf1r\xee!m\xa5i\x18\xffCm4\xa7\x1e\x92h\x88\x89\xe68\xc6\xb4\x87)%D4\xc9\x1fM:*\x99\xad\x89h\xc9\t\x19C\x13\x8b\xac)Z\x8d16\x92\xa9\xa3[\xa2v\xb4n\xad\xad\x8a\x97\x14\xaa\x83\xd2\xa9u\x95\x8c\xd4\x0b\x08\xb6\xe08Z/\xad\xbd\xe1\xb4\xa3\xd0\xb5P\xd8m-\x16\xbatwX\xb6\xb3\xef{\x12\xf7\x06\xb3\xbb3S\xf3\x81\x17\xe2%?\x9f\xf7\xf9\x9e\xef\xfd\xe2w\xce\xbc\xcf\xa6\x9ezz\x00\xb6?\x9f|\x02S\x02\xb0tFy`\xea\xda\xaeca\x15Gh\xb9\x11_\x7f\x88K;p\xe8W\x10Kq\x85i:\x9b\x99\xcc\xcb\xcb\xb3\xfaiQ\x1a\x88u\x08\x06~\xc1\xa16\xca\x15\x81\xa7+\xbb\x7f\x1c\x166\xb3\x0fiZ.\x91\xb0\x0e;\x80\xbd3\xb8\x0cz\x1c\xec\x01+\x1b\xb5j\xa0\x02,6\xd7\xe2\xd4"\x9b\x82\t\xf4\xbf\xdc\xfd\xd3\xc3\xd1I+7\xcc\x94Va\x03\xc1\xe2\xd2a&gt;B\x0b\xfd\xeb\x04\x87Q{\xab\x12\xff+%W\xa7\xa5\x17\xc2\xc3\xa7\x13 ?\xd4F\x9b\x82\xf6\xf5\xf5_\x08\xc7\xa1\xe6\xa5{&amp;+\xa5e\xe46#\xba+=\xfd\xe0\x07\x1f$\x80\x87h\xf2\x1cICb)\xe3\x90\xf6tZ\x9aR\xad\xb6\xc9\xe9\xb0a]\xff\xce\x94G\x92R\x95\xc2&amp;r\xa4\xa5\xa5\xa7\xee;x:\x01\xa6\x9c\x0e\xb6;\x10cJ\xc0J\xbbr\xa5\x19\xb1\xc0X&gt;U\x98\xb0\xa2\x1b\xde:+`\x9bCB!\xd5\x80\x15\x97z\xf0\xf4i\xa5\xb2\xae\x9f\x1dSuJ\x9d\xae\xeewW\x9a\x95HE\xfb\xa4d\xb8\xd4jx\xdcR\xd1\xd8Xa\xa5(\xadM\xadt\xc49\x1c\xcd\x0e\x1d\x8bU75U\x17\xc2\x02\xf5Ja\x93M\x91\xa4/p\',XM\xd7F\xac\xc8\x95\x97\x07^*\xd59`T+\x95SSX\xc5\xa2\x1b\xf0\xbeT\xd9_\xc7R\x01\x14I\x85\x0b\xeb\xfc\xb5\x11\x92\xc4W\xb9+\x80+\x07\xb8t\xd5\xa5:]QN\xaf\xc7\xe3\xe9\xf5\xf4\xc2\x87\x1c\x9dR\x97c7\xc3&amp;\x1b\xb6\xfet\xf8\xd4\xa2(\x96\xab1\x8f4\xdbK\x81\xca&gt;\xd2\xdb\xe54\xcdj\xd83\xe1&amp;\x8d\xc9l\xcfA(\xa4\xf2(l\xe1\xc1\xcaE\xb5\xc05\x15\xb5\xb5\xe80\x0f\x9e\xad\xeerj\\\xae\xb3\xad\xc5\xc5\xad.\xcd\\g\xa7\xc6i\xc6\xd7\xe6\xad@\x95#\x0f+\x16M\x93\x8d\xb5\x10\xa0y\xce\x96\x16\xa7\xe6\xc9W\xa1+\x0c\xf0z\x83\xfc\xfc\xe29\xcd\xdc\x9cF\xe3\xf4\xd8{\xed\x1e\xfb7\xe1\xc1ZyHR*Z\xe1\xb36\xe2r\xe3\x9a}r\xf6j\xfd\xc9\x8fde\x02\x01A\xc82N\x9d\xc2\x7f%v\x02\x96\xd3\xc3\x9eR7\x87\r\x8b\xf2\x03\x96\xc2GV\x80`\xc5\xc5\xf9\x1dgN\x9d\xba\x98]SS\x13\x9f\x9d\x95]v\xfcxy{~\xeb\x1c8\xac\x17Z\x9d0b\xfd\x91\xa2T&gt;\xe0\xa2\xa9\x8a\xc6\xca\xe2\x8e\xf6\xf2\xf2\xe3\xc7\x8f\xe3\x81\xd7\xac\xac\x13\'\xf6\xaf\xae\xae\xb5\xe7\xcfY\x83T\x01\x85\xd9\x1c\x9e8\xfdp\xe5\x06\x05k\x0fM\xd3f\x15\x99\xe7r\xb5\x9e)_\x85q\xf7\xee]\x00\x83\xf7@\xd51g\x02\xb7\xcb\x81*@\xabT\xfd\x17r\xc3\x83EZ\xa5&gt;X\x84U\x10\x14\x90\n\xad\xedk\x08\x15\x1a\xacV&amp;3\x88)\xb7y{\x10k\xeae8.?JZy\x98\x97\'\xa5\xe5\nZEB~iL\x9a\xe2\xf6\xb5\x1d\xb0\xd5\xd5\xf23\xc5.\x13E\xd1\n:`\x9b\x98\x080*\x95\xfa\xda\xf9\xa4p\x04\xc4oY,\xb9B+\x05,\xabi\xd6U\xdc\xde\xde^\xbe\x86\xa3\xfdL~\xa7\x06\xa8\xf0\x14\x15PM\x04\x14*\xa9\xed/_\xec&gt;Vt\xd3\xdb\xf9\x8a[\xd0?(\x14\x8cJ\n\xab\x9e\t\x86\xcb\xe5\xea,\xceg\xd3\x14r\x9e\xa2\xccZh\xac\xd5j\xc0\xa2URE\xff\xca\xee\xef1`"Za5T1 W\x08\xcb9\xdf\xd5\xdb\xdb\xd2\xd2\xd5\x02oN\'P\xa9\xb4\xb4"\xa7TYX\x08X\x14\xe9\xb3\xdd\xdbm\xd3G\xe7&gt;\xb87\x0b\xdd\x96T\xab\x10J\xe4Z\xe99\\\xf8\x9c\xce\xf9\xde\x91\xa2\xa2\x87E7\x8a\xba\x9c\x14\xb6\x88Z\x06\xd6peZ\xa1\x11\xdb\x08\x8at\xbd\xdd\xd5\x8b\xb5\x80\xea\xc2\xbb\xd9FX\xa2\xa5Z\xd8e\x083\xb5(\x17\xe8E\xce{r\x8a\xb0\x8b\xc0^F*\x85\x96\x1a\xa8\xb0\x13T\xc0\x92M\xb9\xb6\x9e\xac\xec\xa6\xeb\x93\xce\xaf\xdcx\xb3U[\x11\xc42J\x84\x8cA*\x85\x94\x80\x0eF\xd5\x0bX\x1e\n\xbaV)\xfaJ\x87T\x0eu\x8e\xc7\x0c\xd0\x9dk\x1d\xf7.\xec\x16WttR\xd3\xca\x0f\xafG\x97?\xaf\xc0\xe7\xce\x94\xa0\\\x06\x15\x0eJJ\xfa}r\xa3\\\x05\xdb\x8c\xd0IF\x9d\x0e\xf6cF9`\x91\x9a\xe2\xb5\xee\xd9;/\xbfN\xda\x85\x17\xde\xa2\xa3?l\xba\xfc8\xf0\xfa\xc5\xc6r-b\x192\x85\x12\x89\x98\xc7\x18\xb48\xa0g\x07G\xc1\x0c\x00\\\xa1P(\x81&amp;\xacZ41\x01\xd62\xfb\xad\x98\xb7\xa3\xaf\xff\xfc\xa7/\x9a\xde7\x18^\x08\xbfy\xff\xdd\xec\xd8\xd0\xd0\xc6V%\x8b\xc5\x00\x16_(d\x18F\xab\xa5\x19\xd5\xb9[\xb7n\xe1\xf9.\x06q\x8d\xa5j]\x1c\xa4\x96\x176\x19&gt;\xbf\xe6\xec\x99\xb5\x8d\xa1?\xfcp\xe7\xf1\xe5\xa6\xdc\xa4\xf7\tu\xfe\xf2\xa3\xf5\xc5\xb6\xab[A,\x98\x88A\xb5\xf8P\xc6L\x06VG\xc6w\t\xb1.\xc1\xe3L\xa6\xc4(R\xeb\x82X\x81&gt;\xbf\xdfo\x9d\xeb\x00\xacW\xaf_\xf7\xbd\xfbn\xf3r\xc3\xfb"\x83\xea=Z\x9f\xae\xcf(;\xb6&lt;64\xb3\xbdQ\t\x8e\x07,\xa0\xe2#\x17\xc3\xd0\x0c\xec\xbc.\x81VR\x83\x81\x01\x15Eqj]\xb5\xc8\xeb\x85%\xd1\x07X\xa6 \xd6\xcc\x8b7\xad_\xfd\xed\xf9\xfdM\xd0\xec\x17\xb7\x14h\xa9\xcd\xf5\xe9\xab\x9f]$\xc6\xf7/\x8f\xcd\x0cmo4Z1\x99P-\x91\x08\xe5\x82\xc10\x06\x83\xf4\xf7\x06C\x15\x1aK\x82\x077\x9e\t\x85==\x81&gt;\xc4r\xba\xf2\xd76f^\xcd\x0c\x8dnu|t\xb3mq\xfd\xf6\xe6/\xab&amp;\xebsP\xea\xa4l\xc1-\x1bd\xb1f\xb6\xb7\xdf\xf8\xcf\xf9iP\x05d\x11\x95\x1a\x85B\x9eX,N\xac\xc2\xb3\x8c&lt;\x1e\x1f\x07\x8be\xb7\xdbi\xba\x0f\xac5\xffd\xaev\x03\xd4z54\xb6u\xaclp\xb0\xe4d\xfd\xe2\xfa\xa3\xa5\x86\x9f{\xc0\x0c\xefB\xb1t{\xb8\xad e|`\xc1\xed\x0ea\x8d\x01\x96\xdf\xafe\xbd\rO\x0f\xe1\xc5C.1\xd2\x01Rrr2\x8b&amp;\x94\xdb\x15L_\x1fp9\x9fh\x00\x0b\xd5\nbq\xf1\xb2\xf0\xb6\xe1\xdb\x0f\xae\xe7\xfe\x8c\x99\t\x93\xafa\xe9\xfeb[F\x96\xc5b9:\xe0v\x0bX\xacWC\x88\xa5\x82zef\nE\xa5PF\x88\x89\x8f\x91+\x08%\nR\x01\xa6009\x89\\f\xa7\x86U\x0b\x8a\xb8\x8cX)\x027t\xfdX\xcc\xcd\x9f|\x93\x8d\xe8\xe8\xdc\xeb8\xf92\xb2\xb3\xb3,\xe3Q\x885\x9eU\xbe\x83\xe5\xf3\xa9\x0cU\x89\xac\\F&gt;`\xf1x=\xa8\xd5\x8eR|\xbdX\xecE\xc7\xf7LNN\xd2\xe6.S\xed\xc6\xf6\xcc\x0eVJ\xa4@\x10\x1f\xb3\x87[\x80w@\xb8\xbfy=\xf7\'(\x96\x04\x96z&gt;}S&amp;\xc8\x16\x08b,\x96q\xc4*\xcbZ\xc0"\x0em\x8fZ}Z\x83!11\x11#B$\xe2\x8by`*\x9e\x18\xb5\xe2\xb3\xb2y\xf5^\xfd_\xbdA\xb0\x1e\x85\xa7\x85\xaa\x0cau\x07\xb1\xdc\x82\xc8=)\x11\xb22YI\xdb\xe2\xf3\xdbK\xff\xe7]6\xc0\xe7K\xf7\x87\xbf\xbc\x99!\x13\xe0\xcd\x00N\x1c\xb1\xc4F\xfe\xc6\r\x88\x0b\x18\x10\x80\xd5hVh\xab\x00K\x0c\xeb\x0f\xa4\x04`%&amp;\xa2\xc1\xf4z\xf1\xce\'\xfcO\xbd^\xb1\x18\xa8z\x84v\xbb\xf6\xcd68~fl\xb4\xbbL\x16\xc4\xe2\xc4Z\xc6\tY\x19QPR?\r`\r\xff30\x82y&gt;\xdcV"#\x08\xf6\xbe\x05\xd9\x80\x95\x02XnA\xca@\xf7\xe8\xd8\xd0\x18\xac&gt;f\xbb6\x13$\x12\xeb\xc5!\xac*\xa4\x04\xa2\xc4*\x96K\xcf\xe7{\xf5\x12\x08\x0b\x08\t\xb1P\xce\x00\xd6\xf7\xdf\xcf\x8cm-\x94\xc9\xb8\x11\x80\x15\xc9I\xb1D\xa5\x10\x02N\x04\xd4\xf2\xe6\x97`\xff\xff\x0e\x16\x84Z\xac/\xc9 \x08.B\t\xe2\xb3j,\x96\xa8(\x81\xdbM\xa4d/l\x8d\x8en,w\x7f&gt;\x9f\x93)\x04,P\x07\x8d\x8ej\xb1\xf9\x00LU\xacZPO\xbe\xe4\x19\x0c!|\xee\xf5N\xbe\x18\x9b\xd9\xc1*\xe0\xc2\xaf\x8a\x8f\x1c\x8c\x1d\'\xca\xb29\xc0\x15\x11\xc1-\x01\xb0\xa5\x1f\xbf\x93K(:\xf1\x8e\x0e\x04\x07\xb4\xe2\x80\xb1N\xd4dEY\x8e\xec\x15\xc8\xdc\xc4x\xcc@\xf7\xf2r74\xec\xce\x91g\xcf\xc4&lt;\xf1?\xb1\xb0\x8c\xa1\x01\xd3R\x0f.\xab\xaeF\xacg\x12~\xf2\xc4D\xcf\x8b\xa1W!,n\x01\x97p\x13Gc\xb9\x83\x11\x80\x15\x11\xb9\x87\x03\x8f\x14\x14\xdcl\x1b\xfe\x91;\xb9\xb0\xf7\xcay4&lt;]_\x02?\xc9\xe1\xe0\x1b\'2&gt;f\xef\xc0@LL\xd4\x9eH\x82H\x89\xb5\xd4d-,\x94\x97\xaf\x96\x9f\xed-\xad\xaeNM\xd6c\xb5\x82\xd6\xfa\x17,\xbd^\x9f\x9c\x9c\x1a\xc4\x82\xef*L/D\xb5 MG\xb7d\x04\x97\xcb%\x08wd\xec\xe1\xc3\xb1\xf8\x87GpC\x03J\xf9\xfc\xd1\xe5\xdc\xff\x04\xc3\x94\x02\xa86P\n\x7f\x10\xa5\nb\xd5\xb0XQ{\x04D\xac\x05T\xab\xd9?\x00\xdb\xe6\xfc\xae\xa2\xe6f\xc7\xbeT6\x11 \x1f\xb0x\xff\x10K\xaf\xff495\x95\xadb\xb5#=!\xe1\xa9\xda\x0f\xde\x82\x1c\xde\xfaL\xc6\x1d\xe4\x82g\xdd\x9c\xd8\xc3\xe3\x80\xe5\x06,\x16,\x82\xf5\xd8\xf4:\x9b\xb0\xffV\xbe\x86\x07\xe8\xf3\x02\x16\x8a\x1bt;\x87\x03b\x1d\x1d\x188\x1a\x03\xe6\x8a\x17D\x1d\xc1\xb17&amp;\xe6\xc4\xea\xb1\xb9\x91\xbafG\xf3\xc1}\xf8\xf4\xfa\x8fy\xbc\xa0\xe1\xf1\x18%\x0f\xb5\xc2\x83\x81\xa9PGG\xda\x81C\xdf~\xabs\xb5wol\x8f\x8dn]$0\xe3\t\xb7\xfb\xefe\x9coh\x1b\xf7\x19\xc7u\xffw\xe7;\x06\xe2\xd0\xf2\xae\xbe\x05\xdf2\x9f\rN\x02\xf3\xce\xc6\x82sR;/\x84\x85\xc9,!/\x13\xc1\x99\x9d6\xf2:\xb3ND\xca\xa4h\x1b\xa1\xa5P\x08il1\xb0\xfd"\xb6;\x18\xb2\xc1i\x0c\xab27\x90\x17\xc6\xd0\xbc\xe8\x1f\xaa\x99\xb0\xe2\xb0\xd5\x93\x9c\x10&lt;\x8f\xbc\x8aa\xb0\xef\xf3\xbb\x93\x1a\xb6\'\xc6\x92eI\xf7\xd1\xf7\xf9&gt;\xdf\xdfOD&gt;\xc5\x81Z"\x1dAhb\xa1\x92\x0f\xee\xff\xf3\xef\xf0\xfewZR\xbd\xf3%\xa2\xf32~\x03*\x06\xa5\x84\xf1(1\xc0\xe2P\x92\xa8\x0e\xfb\xa5\xe6?\xcb\x8c\xcc\xf5\x14\xde}\xb7\xab\xab\xebg\x8c\x0b`P\xe9u\\\xbeNT\x0f\x8f\x1f\xef88\xb8s\xfa4Q=)\xac^\xca\xfc\xb5\\~T\xde\x9e\xb1\x1cGh\xa3|\xf0\xb1\x8a\xa2H`\x01\x14\xbe.\xd3\xb9o~\xff\xc3Wb\x8a\x94J2I\xfd\x16\x8ax\x88(\xe9\xaa\xb9\x14\xd7u\xd7\xe58\xd3T\xddy\x92\x8b\x8b\xdb\xf6\xb5\xde\xd5\xc2b\x0eX]w:\x8e_%\xa0\xb3A1\xa1::\xee\x1c\x1c|4\xd1\xd9\x99\xe8\x1e\xda\xd9Z\xfd\xd0\xf3&lt;\xac\xaaE\xd3\x88:\x88\xc0\xa2)Gq%LX\x01\x98\xc6\x8e\x9cL^F\xc0\xfe\xedK,I!\xb6\xf4A)K\x00\x96HH\x02Z\xdeF\x8f\x10%U5\x8b\xc0\x9a\x9fw9\xb3X\x94\x88K\x8f\x17\x97\xec\xf1Ks=\x8b\xfd\xb9\xf6\xf6c\xed\xe8\xe4kW\xaf\xbe\xc6\xfe\x9d=KHD\xdb~p\xe6L\x7f\xe7b\xa5{g\xe7\xf3o\xde\xdc\x18\x1b\xc3\xc3\x88&amp;*\xe3y\xe2\x12\xae8\xca\xcc\x8c\xd8\xe2ji\x060\x8a\xb1\xd0;\x7f\xfa\xf4\x8b\xfbI\xcd\xa2\x12\x04\x04\x83\xd2\x96jKi\x8a(\xa3\xe2\xaai\xc6uw~\x1e4KE\x93w]7\x1e/\x16\x97\xd2\xd7\xdf:WX\x9cho\x9f\xf0\xff|\xad\xa3\xe3!\xf9\x9fN0\xd0\xd5\x95\xcb\xd1\xcdg\x12\xd5B\xa1\xf0\xe4\xc9O\xe7\xd6o\x8e\r\xcf\xbb&lt;\x9e\xae\x89\xc5\xcd\xbf\x82E\\-\x93A\xb1$\xc5X\xe8\xab\xaf\xbe\xb8/\x18\x06f\x02\x0b\x95\xa6\xb0"0\x86%\x99\xa6\xc9q&gt;V\xb1X\xe4\xd0\xcd8\xb8\x96\xd2\xe3#\xa3o\x9c\xec\x9f\x88\xf4\xd3G=\x17r\xb9\x1c\xfdi\x1d}\xd6\xb4+\x07\xa4\x89H\xac?Q)\x0c\xfc\xe3\xdc\x85\xdf\xfe\xf2V\xda\x1b\x9b\x8f\xee\xee:\xbc\xc3G]N}\x05K\t\xb0\x94\x96Z\x14\xaf\xc9\x07\xbf\xfbc\x882\x01\xb7Y\xa2E7)V\x98\xb8R\xa9\x94#\xcb\xa2!#\x1axP\x05X\x12\xcf\x13V&lt;\x0e\xb9n\x9f\xffug?Q\xc5P\xd9X\x84\x9c\x06\xba\\n"R\x8dU\x13\x95Je\xe0\xc2t\xef/~s+c{\x16dr]\x9e\xe7]L2l\x81\x17\x8a\xdc\x02V\xc0\xc5\x8e\xac\xb0K\xca\x02\xc4Xh\x99\x15\x06\x04\xa6\x12\xac\x8d\r\xcbR\x9c]\xbf\x1c\x0e\x9b\x87ht\x9e\xca\xd5\xa1\x1c\xe9\xc7a\x028up|\xa4\xf7\xdc\xe9c\xfdtV\x8aD"6;\xbb\xb0\x00\xd9"\xf4\x1f\x89U*P\x15V\xe7zo\xac\x8c\x0fz\x9e,\x03\xc8\x95$I\x9f\xd4uU\xc4\xbe\x06\x01-#\n\x05\x9f\x86\x9a\xe8K\xa6Y4vI\xe1\x01\xc3\x02\x0by=\x05.\x94\xe10.z&amp;x\x95=%\x15f\x11%I\xe8\xa4\xab{\xe9k\xb7\xcf\xbfq\xac3\x12\x1bJ\x90\\\xb31\x86\x15\x19ja\x15\x06\xfe\xf0\x18Tv\x1e\x0c\x10\x99\x83\xee\x12\xa0h\x8a\x08\x0b\xe5\x9b]i\x16Q\t\x96\x062$U\xc8!.`A-\xb4\x8e\xb0X\x17\x1d\x99\xe3\xf0\x9aTX\xc1\xe4X\xa1w\xc0\x92\xa51B\xcc\xdb\x99\x0f\xde\xbap\xf2$E@,\x12\xcbf\x81\xc6\xb8@\x85\xab\xd5\xc4\xe2\x9fW\xa7o\\O\xdb\x93:aqP\x07_\xaa*\x8b*\xb8T\xc6\x15\xcc\xa0\xe2\xdb+0XR0\xd0H!\x04KimM\xaa\x94\xa3\x08H\xe1mZ\xfa\xb6\xb7\x91\xa4&amp;\x06\x87&amp;\x9a\xe3\x9bX\xb2DX\xfa\xe4g\xb7FF\x07z\x16\x13$V6\xc1.\xc8\xfd\x91Xd\x017T\x0b\x17\xe7n\xd0\x99\r\x08\x80\xe7I**\x99\x85\x0e\x95\xccb\x13"a\x00\x00\x04\xd2IDAT~\xf8_\xb9\x04,\xe1\x06q\x85\xb0z\xb2\xb3R\xb5)B\x8a\x9a\x97\x9a\xd9.?\xc2\x06f\xed9ry\xa9(\x16\x97\x96\x8a\x00\xe2y\xc2*R\x17\xa9%\xc0\xca \xbc.V*\xfd\xa4U\xa2\xc2\xb8\xd0Lr\xd9\xc2l$\x07\xaa\xeb\x19\xdbfP\x86\xe1CI\xa4\x99O\xc5\xd4\x0bTjz\x8b\xb8\x10R\x9aeh\x84\xf5}\x92\nK\xb3\xe3\xf8X\xe5\xaf\xef&gt;;\xdc?|\xf6/p\x11\xd6\xa0\xe9\xbfb\xd37\x17~@\x7f\xf3y\xdb\x1e\x7f\xff\xbd\xadJb\xa8/Kj%\x12\xd9\xec\xec,\xc3\x9a\x8d\xe5\xbe7\xcd\xa8\x06U\x95\x03V\x8b\n\xae\xd0}*Q\x94\xc5\xa00\x80-\xc5,\x03\xee\xc2\x12\x15\nkI\x92\x8aQ\x81\xcb\x99\xc1\x16\xf4p\xbf^\xaf\x03l\r\\x\x8f\x81\xdd\xfc&lt;\xa6\x9b\x97M\x92K\x95\xe0\r\xd9\xcc\xe7\'\xed\xf1\xf5\xd5\xad\n}\xc8\x9bAe}\xa9\x16\xb2\xdd\x89\x9f\xff\xe0\x12:\xe8\r\x86U\x9dr\x81\x0c\xcf\xb4Re\xdfV2cR\xfe\x1fK0\xb0\xcbG\x85\xb4\x99\x94\x0fe\x19\xb8\x9b\x89\x8d\xf1\xb3\xfdz\xa3V\xab\x1d\xd5\xf7\x9f\xad=*\xa7\x91\x86c,#\xa2$X\xdc\xf4\x88L\xe6\x11\x14y\xfb\xda\xfa\xea"\xe4\xea\xeb\xee\xee\xf3\xb5z\xb8\xb0PM$z\xce\xdf\x1e\xb7m\xcf\x14\xa1+\xa8\xf0]\xe2$\x95#\xcf3\xad\x98X\x0cM\x11\xc5V+\x19\x96e\xc8\x88v-DV\x17\xa0\x93E\x8bg\xb8\xfc\xfc\x05\xa4:\xaa\x95\xf6\xf6j\r\x08\xf6b\xed\xd6\xb7X.\xc7\x1a\xe9\xb1\x91wuN\xf6\xec\xeb\xa3\x03\x8bCtj\x88S\xa7N\xb0\x16\xc6\xaa\xd5\xc5\x9e\xb7\xdf\x87T\x88+I\xe7\x1c\xc7 \xb1\x18\x98\xac\xebL6\xe2\xf2\xab\xd5\xc7fI\x16\xc0\x10\x14!6\x7f\xd1e\'\xbaa]\xd9.\xc3U\xf5z\xa3\xb1Y\xda\xab\xd5\x1a\r\x02[+g\x00\xb6&lt;\x8c\xf5\x82et\xd8\xcc{\x84\x854\x83\xc32\x1f\xf4^\xdc\xe9\xee\xa3s/\x9c .\x8c\xe0\xd6\xbd\x7f\xaf\xa4m\x8f\xf9\xb1Y\xc4\x044]\xa7\x89l:Mjr\x19A\xce\x8b$\x16\xb8\x1c\x81\xb0H+D\xea\xc6\xe0vy\xed\x13H\xd5\xd8\xdc,\x95\xf6J\xa5\x12\x91\xd5\x0f\xef~]\xcex\x1bc\xb4|p"%\xa2\xaa\x06X\xbc\x8a\xf8\x1a\x19\xfd\xd1\xceO\xfe\xf2c\xa6U6[\xadl=}\xfc\xabA/L\xc7\xe6\x19\x18^\x0c\xc7\xd2Tf\x16S\x03 \xff;q\xc92\xcb\tA\x10\x15\r\xf1`)\x86\xa3\x91Z\xbb\xce2i\x95![5\x88\nb\xf9X\x00\xdb\xc4\xfb\xe8r&amp;\xaf\xf3Q\xda\x8d\x18\xe0\xca#\x8c\xd8\xf1x\t\xb6\x07\xd7\xc0\xc7\xdf%\xaa\x13\xd9l\x05T\xeb7=\x95V\xd3\x96T\x86\xc1\xe2\x98,FzI4\x88\xfep\xfa\\\x84\xc5VDf-\x83\x96\x19Rk\xd7\xc1fq\xe3\xca8\xa3j\xd4|\xaa=\x82\x9a\x9a\xaaM\x95\x1a/\xf1v\xd8\x9e\x84BQ\xc8\x8a\x1d=\xc9\x85\xa3E\x01\x06\xb9\xb0U\x9d\x1e\xe8\xcb\xce\x9e8u\xaa\x1bT\xabD\xe58\x18\xdb\xa0{\x9c\xa1i\xe0"W\x11\x16\xf3=\xa5\x16\x0b\xfe\xc0c\x06\\E\x9dTD\xcbW\x0bX\xc2.Qm\xa4\xd9\x086\xb5\x82X50Q\x9561\x91e;\x8fQ\x07?7&lt;F\x89\xc8\xb1\x83b\xcf\xea\xd9vzd\xf4t\xac\xbb;Q\xf9x\xeb\xde{\x1f\xa6\xedA\xc5iy\n\xcb\xb3\xa4\x08\x0e4\xd6qw@\x19\x86\xa4\x02\x04\x0f\x95\x9bX\x98=\x91\x92A\x14D\xd1\x92[jA\xae\xe8\xc6`\xe6\xd1]P\x1dm\xbe\xdcl0\xaaRij*\xc0".\xac#\xae\x8b6r\xc3\xcc\\&gt;\x16FS4\xf3\xe0z\xbb\x07[\x86\xad\xad\xa7d\xf6|\xd8p]\x07j1[\xab\x1c\xc9\xa2`\x06\xe9Up\x8aA\x0b\x8f`4\xadE]4\xb0\n(\xd8wb\xe7)X\xb2\x8c\x88p\x1cj\xa2\x00\xb5\xd2\xe5\xbb\x87\x8c\xea\xe5f\x8dQ\xedMM\xb5\xb8\x90`\xcf3y\xda%aHXNsM\xb9\xc8*\xde\x95\x91\xe9{[[\x9f\xffg}\x85\x92\x1d;G\xde\t\xc6\r\x0c\xaa\xae\xcb\x9a\xef4\xc3I\x8ap\x97(\xb0-\xa6o{\x83\xa8p\x13\xc2JV5`\x19\x01\x96\x96r\x0c/\xb3FT\r\x9fj\xef[\xad\x08\xcb\xe7\xb2\xf3@Yv\x840mLT\xce\x0f#\xcaKY\xf62+\x8f\x9f&gt;\xfd\xe6\xc6M{\tK\x95I\xef\x02\xa8&lt;\x8c\x9d\x8a!\xe1$\x83^\x86\xcbc+\xa5\xd0\xc6Fl\xce"\x05+\xb44T\x83\xde]\x8b\xba`\x11\xa7l8\xa1\x19tQ\xb0\xec\xf2\x8b\xfd\xa3\xa3\x1aZ\x18\x88E&lt;{-\xaeF\xbd\xfe\xa2l\x8f\x8dI\xcb\nKT\xc6E2 +y\x83W\xed\xf4\xca\xfa\xfa\x9bW\x00U4\x07\xf1&gt;N\xf5\xef\xc3\xd4\xa2\xa5]\xd6\x04t\x9f\xc7N\xbd\x8d~#2\xd3\x83\x99A\x00K2\x14\xda3\xe3\xc7\x00\xeb\xbf\xf2lK\'}7B\xde\x00\x00\x00\x00IEND\xaeB`\x82'</t>
        </is>
      </c>
      <c r="M413" s="3" t="n">
        <v>45492.67650462963</v>
      </c>
    </row>
    <row r="414">
      <c r="A414" t="n">
        <v>1020610</v>
      </c>
      <c r="B414" t="n">
        <v>1966</v>
      </c>
      <c r="C414" t="inlineStr">
        <is>
          <t>Matheus Dias</t>
        </is>
      </c>
      <c r="D414" t="inlineStr">
        <is>
          <t>Matheus Dias</t>
        </is>
      </c>
      <c r="E414" t="inlineStr">
        <is>
          <t>MC</t>
        </is>
      </c>
      <c r="F414" t="inlineStr">
        <is>
          <t>MC</t>
        </is>
      </c>
      <c r="G414" t="inlineStr">
        <is>
          <t>MC</t>
        </is>
      </c>
      <c r="H414" t="n">
        <v>187</v>
      </c>
      <c r="I414" t="n">
        <v>41</v>
      </c>
      <c r="J414" s="2" t="n">
        <v>37384</v>
      </c>
      <c r="K414" t="inlineStr">
        <is>
          <t>Right</t>
        </is>
      </c>
      <c r="L41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6150baa-0f4d-425e-ad33-c8cc1c6241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ce\xf6\xb2\x00\x00\x02\xfdPLTE\xff\xff\xff\xe0\x12\n\x90P4\x12\x0e\x0c\x0f\x0c\n\r\n\x08\n\x08\x07\xfe\xfe\xfe\xfd\xfd\xfc\xfe\xff\xff\x89I0\x8dM2\x97T6\x85E,\x88H-\x94S7\x16\x0c\t\xff\xff\xfe\x9aW8\x14\x10\x0e\xe3\x17\r\xcf\xcf\xd8\x85H/~A(\x07\x06\x05\x18\x13\x11\xe6\x18\x0f\x81C*\xd1\xd5\xe5\xe3\x12\x0b\xca\xcb\xd7\x8cK/\x81E.p8$\x9f[;\x98U:\x8fS8j&gt;-\x80I0\x1b\x0f\x0bm7"\x89M4|F1t9$\x95R4|C-w&lt;&amp;\x90H)\xcf\xd1\xe0~D+\x88D*d8\'s=\'\xd2\xd0\xdc\xff\xfe\xfe\xd5\xd6\xe5{&gt;&amp;\xd2\xd3\xe3 \x1c\x1b\x1b\x17\x15\xcf\xcd\xdb]6\'\x9fdGwD/~K5\xa0`@\xfc\xf9\xf9\x83L4yB*j9\'\x9cV&lt;\x9eX&gt;\xd4\xd8\xe7i4\x1fsA,\x9aZ&lt;\x8cE\'\x88B%oA-\x8cO6.\x18\x11\x90O0c3 \xdd\x12\n\xfe\xfe\xffo&lt;)\xa0[A\xcf\xd5\xe1\xcb\xd0\xd9\\1!\xea \x17\xca\xc9\xd3O-!\xa3eFqD1\xce\xd2\xdc\x89T=\x93P1\xcd\xcf\xd5\x8cG..*)}N;\x85B&amp;\xa4^CwI5w@)p6 \xeb\x1b\x12\x84P:\x9a_B\xe3\x1a\x13\x94W;\xe8\x16\x0f\xef\x1f\x17\xf5\xf2\xf1\x83@$B#\x18V3&amp;#\x15\x10\x94N5\x7f=$&amp;"!\xa9eG\xa6b@\xacjK\xd4\xce\xd7F+!\xc6\xc3\xc8J$\x17uM&lt;lG91 \x1az;"\xf9\xf6\xf5\xca\xcd\xdb\xd4\xd5\xe0\x83@*\x98cL\xf4\xec\xeb\xe7\xb0\xb4\x95K+$\x0f\t\xdb\x1f\x1a\xa5hL\x90K0\xfd\xff\xff; \x17\x98N.\xe0D?\xe2tt\xda}\x7f\xa7`F\xe1\xc2\xcaW-\x1f\x92\\D\x9fU5\xe5\' \xddNL\xb7\xb2\xb3^@4\xce\xcb\xd0\xdb\xce\xd8\xdd\xa3\xa7\xff\xfe\xff\xdd\xbb\xc1\xe7\xa7\xaa\xd6\xd1\xdd\xda\xc6\xd0\xdfgh\xdf:6\xd3\xce\xd4\xdc\xaf\xb7\xf6!\x1a|:,8\x19\x0f\xd6rr\xd6\x16\x10\x9cwi\xe0*$\xe9\xe6\xe5\xdc2,853\xd664\xe71+\xde\x9a\x9e\xd6ZY\xee&amp; \xe6\xb8\xc0\x87?1HDB\xe0\x92\x95U%\x18\x8c\x83\x82\x9cQ2w6\x1f\x9bmY\x8d`M\xe3\xcd\xd5\xe2\xdf\xdd\xd6HG\xd9\x8b\x8d\x9f\x85~\x8fqf\xd5*\':( \xb4\xa7\xa7\xe1WT\xe8\x8d\x8e\xad\x96\x8f\xa4IF}wt\xa6\x80p\xda\xd6\xde\xd8\xc3\xc5VON\xd5ce\x99&gt;;\xd1B@zSC\xf7\xe1\xe0\xab\x8d\x85s)$a)\x1a\xc0\xb9\xbd\x90gV\xb8\xa0\x98\x96\x91\x91h$\x12\xc8\xb2\xabU;0\xdc\xcd\xd0\xdf\xd1\xe0\xe5\x82\x82d^^p/\x1b\xea\x9b\x9a\xe4_\\\xc6YVmji\xa1\x9f\x9e\xaebIoVM\x84ZI\xcb\x1e\x1a\xa8Y;\xd2\x93\x98\xd0\xbc\xbe\xc883\x7ff\\\xc9{{\xf3\xc7\xc6\xf4\xd5\xd4\x92C8C96\xb8JHM,\xdaX\x00\x00 \x00IDATx\xda\xbc\x99OH\x1b\xfb\x16\xc7\xa53\x89\x93\xd6jt\xa0qpa\xd3\x9aj\xcd\xbd-&amp;R\xc2\x0c\x89\x9aj/\xd6\xaay\xd2\x16\x021\xf8pLcP\x84\x98\x84\xa4\xf4\xc5\x7f\x11\xaaT|M\x17E/\xc4\xc2\xddu\xe1&amp;d\x19\xd0\xde\xe2\xcan\xa4\xb8\xe8\xa6 t\xe1F\xa1\xfb\xc2\xfb\x9e\xdf/\xf6\xdd\xb7}w\xf4\x18\x93I"\x99O\xbf\xe7\x9c\xef9\x93VU\xfd_Q]\x8d\xdbYH\xf1\xe2j|\xb5\x18_\xdd+\xc6\xfd\xfc\x95\x9f\xefU]hT\xff\x05JZ-\xec\x1c\x9d\xee \x0eN\x0bEI\xf2\xfb%\t\\\x8f/\x16\xeb\xf1\xff2I\xc5\xf7G\xe5\x1f\xe5r\xa9\xa4\xab\x19\xfd\xc7\xc1\xa7B\xa10W\\f\xefZ\xf0sAd8O}=\xee!\nT\xf1\xc7\xdf\x1d\x1c\x962\x00\xca\xa8\x9a\xa6\xa9\xaa\xae\x97J\xa5\xf2\xf1\xce\\\\b\x99\xac\xba8,\x16\xcb\xa8\xa7\xf8\xea\xbb\xd3C\x150\x9a\xa2i\nB\xa6GM\x85n\xe5\xd3=\x7f\xa5\xc2\xaa\xaa/\x06K\xa2\xe4\xbd;\xd89\xda9)g\x18\x8a,\x8a\x82,\x0b\x82(*\x8a \xeb\xa5\x0c\xd0\x8e\xe7\xb8^\x17\x83\xc5\xe5\x92\xf6N\x909\x15\xfa\x08\x82\x0c"\x93\tH"~e\x84\xaa*\x82\xa0\xea\x87s\xcbg`\xe7\x8d\xc4\xa1^\xfb\x8b\x07\x19\x94\x92lb,\xb2,\xd2\x011\x892#\x15\x05E\xd52\xc7\x05$R\xba\x00\xa78+\xac\xf8\x91\x8e\xe4\xc9\x82\tB\xc9\x003\x89\x82 p6zAdxZ\xa6t\xf0\xb3\xc0\xce\x13\xeb\xf1\x99-\xbc/\xab\x9a@Ab\x99L&amp;^Zf\x93\x99\xc9\'p&lt;E\xd0\xf4\x93BqY\xba ,)~\n;\xa8\x9c^l4s.A47\x9a\xcd"\xd0\x80\x0b)\x15*\xb0L\xe9\xe4\xeb\xeays=f\x06\xea_.\x945\x95*\x88xLfQ\xe4T&amp;\x93\xd9\x0c\xc1D\xd6\x062+2-#h\xa5\x839f\xaep\xbbs)\xab*\xcb\x1fd\xdc\xf1wGeM\x81R\x80h4Ur\x082\x13/{\x93H\x8d\xc0\x9f\x08\xe8IY\xcb\x1c\x9e\x16\x99^\xf5\xe7S\xec\x16f\xa3_\x8f\x7f\xa8\xd4{\xd0\xa6\x91\'\xd0Lhx0\x9b\x18\x10=\x9aX\x13\xc0;\x14\xd8EF\xdf\x89\x9fO"\x7f\x0e\xc1\xe5\xc2\xa1\xaa\xca\\\x17\x94\x11\x10\xa0\x0e\x05\x8e9%\xa5R\x14*\\\xc8-\xb9\xbe~D\xb3\xa8\xdeP,\x0b\x05\x87z\x1d/\x943\xb0\xab\xca\xf9Q\xe2\x14bE\xa0\xc6\xc6F\x06\x85j#\xe98:&lt;\x04\x03\xb3T\xa0\x86\xac:\',\x7f\xa1\xacg\x14\x91\xd34\xf20\x9b+T\xe6\xca1\x7f\xaf\xf22\xeeQaz\xa6&lt;\xe7\x87Z\xf5\x86R\xbd~m\xe1\xcb\xddgd\x10T\\\':u#?23\x02t\x00\xd7\x90\xd3\xe2\x80\xa1\n\xd8,2\xea\xf1\x9e\xb1EOD\xafi\xe0J\xfe\xbd\x03\x95&amp;\x0e#b\xa7\xaeHD\x19\xb3Z\x911\xba\xfb+\x16\xef\np)r\xa9 U\xdf3\x18\x8bW\xfb\xd7\x13\x1d\xe6N\'\xae\xa4\x0f\x16\xcft\x02Tk\xab\x15\xbft\x7f\xd6\x0b\x154\xb2X\xaa~\xd6\x8d\xac\x1e\x8c\xc3\xb2\xb0\x1e,\xab\xd4\x84\\ .\x96\xc8]\x0bD\xa9V\x06\x05,\xab\xd5\xc4\x86w\xa5\xbe\xd8_\x89\xb2\xa0\x1e~\xa6\x0f2\x0c\x8b\xf6\x06\x0b\r\x9c\xb2\x8e\xa5\xa12cLL\nn\xa0V\xc2"\xb1dk%\x98x?\x1b\x95\xc1c&gt;"\x8b\xb4F[\x8c\xf4,\x7f\xa1D\x96\x8d\x95E\xe45uFe\x15@E\xf9\xb3\n\x02\x87\x12*\x98\xa2\xa9\xe2b\xcc\\\xb5\xcc\x01\xf3\xd4\xc7\x16\x03\xbdT\xfa|\x8c\xa5\x0f\x13\x87\xf5[\xc5\xa8hV\x13\x07r\xb7\x96\xe2\xc1\xcb\x8b\xbdDUF\xc3\xdc\xc4\x86\x14\\\xb5\x84u\x15S\xd5H\xb5\xe2GX\x84e\x1a3\xb0L\x99-X8\xf7\xdaZ \x9fH\xcc#6\x82\x1b\xc1$E(\x91\xc8oo\x07\xd6\xd6\xd6\xc0\xc7\x97\x0c\xd6"&amp;\x8cn.W\xb5qX\x96\xbdcP\t\xb0F\xfc\xdb\x05l,\x02\xf4\xd9N\xcc\x07\xdd}\x9d\x9d\x9d\x93\x93\xbd\xbd\xbd\x1d\xb6\xc9\xc9\x8e\x8e^&lt;}\xf8p\xc8\x1d\xdc\x98\xcf\x07\xd6Z)\xa3\xacu\xd1\xb4\x82\xc2\xaa\xcbH,\xe9\xfd\xa1\xae\xb1\xbd\x00\xbd/\xe3l\xa9\xed\xf9\rw\xdf\x13\xa73\xe7\x99\xa5\x88D\\\x91Hd62\x9b\x9e\xb55E"\x9e\xc9\xce\'no(\x01\xd9\xac4\x89X\xd7*\x99\x93\xa2\x81X\x7f`\xc7\x9a+\xeb*[\x8eE\x13r\x17H\x84F\xfa\xedN\xe7\x1d\x8f\'\x97\x06N\xc4\xe5r\r\xba(\x06\xf9\x93H\x93\xcd\xe3lk\xeb\x0f\x86\x12\x00\xe3C\\T\x8d\x9d\x8cp\x07\xf4!F\xa1\xc8J\xaa5\x90MzG\xfac1\xe7\x87\x9c\xed\xe5\xcb\xc8 \xc5#\x8a\xbbw\x1f\xb1\'\xaeZ\xd7\xd5\xa6t\xce\x19\x8b\xf5!\x9b\x89@+\xd9\x89(c\xc1!\xb9\x0cl\xc4\xe5S]\x15h\xd3\x03U&gt;\x04\xa8\xfe\xb6\xb6X\xec\x83\xe7\xe5K\x08488\x0b.\xdc\xee\x9eqA\xb9\xab\x90\xcb\x0e\xbd\xfaG\x82\xa1|\xca\xca\xf6\x1cU/\x7f\x95\x8c\xac\xad\xf8\x81\x9e\xc1\xd2\t\xfbn\xcd\x93T\xfd1{[\xcc\x99k\xbaZ[[\xeb\xa2\xaa"\xcd\x18\x96k\x90\nm\x90\xb2\xd8i\x07U\xff\xc8H0\x99]j\xa5\x01\xa4\xa8\xa5S\xac]\x86a\xbd.\x1e\xeb*a\t\xad\x81\x90\xd7\xed\x86X\xf6\x18\xca\xfd\xea\xe5\xcb\xe3\xe3\xb5L\xb0A\xca\xe1+\x92\x0bX\xd4\x036\xcf\x9dX\x1b\xe4\x02\xd6F(\xb4d\xc5\xfc\x915\x0cF\xc3\x8a\x1e\x9f\xb3w\x98\xd1h\xe1\xb4\xa6\xf2I\xb7\xbb\xaf\xaf\xcf\x1e\xfb\xe0\xcc\xbdt\x8d\x8f\x8f\xbb\x08\x82K\xf5\xea\x15\xcf"\xeb\xcdY[.\x16\x8b1,\xefF2\x9b\xb2\xd2\xa2\xaa\x96\xe7\x0c\xbbj\xc4\xa7|.\x13\x15\xc4bX\x10\xa1-\x96\xf3\xa4_\xa2\xb6]\xe9\\n\x96k\xc5\xb1\x1e\x01,\x12I\xa7\xd36[\xeeC,F\xc5\x15D\x1a\x03\xe4`\x90\xeb\xc8o\x14\x16\xd6\x87\xf7%\x05\x1b\xbb(\xa7\x02\t\xe4\xb0\xad\xaf\xad\xcd\xee\xf4\xd8\xa8\xe0\xa1U\xa4\xd2\x86&lt;\x88\xcb\x15\x81}\xd9&lt;\x1e\'\xaa\x9e\xb0\xbc\xde\xd0R+]l\xab\xfaI\xdc\xa8/K,R\xf5\xbb\x92\x00\xb5\x04%\xb0\x94\xf5"\x87\x10\x0bXM6\x1b\xab\xf5\n\xd4\x19\x19=\x05-\xc4\xba\xe3t\xf2,\x06\xbd\xe8F\xbal\xd4K\'\xab\x86\xa9%U\x7f-)t\xad\x90Z\xda\x0fy\x19U,v\xc7cK\xa7QU\xac\xd4_\xe1\x86\x83W\x14\x9c\xcd\xd5DX\xf6\x18\xefEor?\xc0\xaef\xf5\x83e\xa3\xd4\xbaW-\x1d\xd1\xe8\x11\x94\xd4R6\x04\xb1\xecv\xe6\xf0\xe94IE,o\xde\xbcy\xc5ntPAs\xcd\xe6r9R\x0bX#^x\x84\xa6P\x12O\r3\xae{\xd2*\xb6eT,\xc4\xca&amp;\xdd}m\xf6N\xe7\x1dT|z\xd6\xc5\x14z\xc3c\x17\xb7\xdd\xdd\n\x18\xf4\x8a\xa0\x19\x90E\xc8\xe5v\x8f\x00\x0b\xd7&amp;\x82\xfac\xce8\xdf\x92\xf6\x8eu]\x06\xd6~\x16\xae\xd5g\xef\xc4,L\xdb\xd2\x18~\xe3\xff\xfegMC\xc3\xef\xbb\xbb\xbf#v\xd9\xc3.\xb1\x01\xab\xb9v\x96\xb8\x98\xa5\xba\xdd\xc1\xd0\xbe\xaa\xc92\xed\\\xc6a}&gt;\xa4\xabC9\xb5\x1fJz\xddO:\'\x81e\xc3\xba\xe0j\xbeT3\xf0\xb4\xa7\xe7\xe9\r\x8a\xdfn&lt;x\xc0\x1f\x7f{P\xf3K\xdd\xa5\xe6\xabpz\x94W\x7f?|\x0eY\xc4f\xa4d\xca{\x92d\x18V\xf1\x04X\xe8C`a\x9b\x99\x04\x96\xcd6\x1b\xb9\xda|if\xda\xb7\xbe\xbe\xfe\xfc\xed\xb3\xb3xN1\xea\xeb\x99\x9e\x9e\x19\xbev\xbd\x03&amp;q\xc7\xde\x06,7\xb2\xa8\xc8\x8a~\xbcj\xe0\xf0\x89\xef`$\n\xca\x12U\xd6\x13\xac}\xbd6D\xc7\xfd\xb1\xb1\xcd\x95\x95?\xc1\xb5\xfe\xf6\xed\xf3\xf5\x17\xeb=\xa3\xcf_\xbcx\x81\xa7&gt;\xdf\xca\xca\xe6\xd8\xd4\xfd[\xbf\xe2/=\x9d}}\x0e\xc7V\x92\xb02\'\xcb\x06\x8ejt\xa2*\x10\x96\xd7\xe1\x00Vo{\xd7\x13o\xd2\xeb\xddZ\\\xf8\xf2\xe5\xcb\xf7\x8f++&gt;\x1f\xa8\xd6\x9f\x8e\x12\xdc:1}\xfc\xf8\xfd\xcb\x97h\xd8\xe1\x1dy\xd2\xd5\xf5\x10X\x8eo\x0ck\xc7o\xe4f3\x87\xe1\x03\xac\xd0\x96\xc3\x01\xaa\xae\xa8{~i)\x10Xb\xb1\x9f]\\\x98\xda\xf4\xad\xbf]\x1f}6\xfa|t\xd4\xb7\xf2\xfd\xcb\xc2\xe2\xe2\xb7d2\x9b\xcf\x07\x02yo\xb8khhh\x91a\xe9\x9f\x0c]l\x8a\xc7*\xccp)\xb9\xb58\xf4\xb0\xb7=\x1aLl\xe7q%A\xcb:\xb6\xfaV\xa881\xbd\x0e"\x14\x97ozs"\x99\x0f\xe0\x1aHQRk\x14\x81\x90#\x1a\x1eZ\xdc"\xac\xd2\xa9\xdfP\xacC\\Vh\xfb\xdf\xb6\xc2\xe1p4\x1a\x9c\xdfpD\xa7\xa6&amp;\xa2\x0e\x08\x02\xd9\xb6\x13\xde\x89M\xdf\xa8\xefY\xcf\xb3\xa7\xd3\x9bcC\t~\x89\x9d\n\xe4\xb3\xa1\xd0|~;\xe1X\x08s,6\xa9\xab\x8c\xb2S\xc2\x92a[\xdf\x16\x015\xe1\x08\x86\'\xc6Zf\xa6\x81\x80\xba\x8e.:\xbc\xee!`!z\x9e\x0e\xcc\x8cM8B\xd9D"\x8by\x10\x9d\x18\xc3\xfb\x0eob~qaqk\x9fj\xcb8,\x0b\xdbNUY&amp;,Pu?\xec\x9e\xbaM\xde0=p\xb3\xa1\xa1\xa6ex\n1\xb6\xe9[y\xda30033\xd6\x1d\x0e\xb7wuu\xdf\x1f\xbe\xf4KMC\xdd\xed[\xedQGhk\xa1\xa2\x96\x81\xdb)]b\x9c\xea\x9a\x92\xda\xdfZ\x8cvOLM\r\x0f7\x8f\xff\xa3\x06\xd6\xd4\xd2RWS\xd7r\xe5\xf6p\xcb\xcc\xc0\xb4\xaf\xe7\xc6\xcd\x9b\xc0\xba\x7f\xeb\xd6\xb5k\xd7n\xb7 \xeafZn_\xbb~\xbd=\xecXX\x00\x96\xa2\x1e\xbec_\x8f\xe0#\xff\xa8\xff\x9b\xdf&lt;[\xe8K\xef\x7f\x1d\x02+\x0bG\x98\x98\xc2\xe9\xae4_\xbe\xd6M\xd9\xf3:\x86z\x9bjk\x9b\xaf\xd4\xdd\xbc9p\xa3\xa1\xa6\xaen\xf8\xf6\xf5\x0e\xc4\xaf\x0f\xc3a\x87#\xbc\xd0\xdd\xde\xd1\xd4q\xab;\x1aeX\xfa\xce\xea\x7f\xff_\xf6\xde\xdf\xe3b_\xbb\xc5?\x95\xb5\xff\xd0j~\xa1i\xa4k\x18\x07o\xb4c\x8cM\x0b\x13\x8a\x17\xea\x193G\xc7\x8cA#!\xf4\x10\x1c\xaa\xce\xa0M4\x91(\x08E\x12\xacQK \x90d\xab-e\x8f\xba\t\x0c\xa5\x01\xd3^\x84\xd0\x8b\\\xf4\xda@\t\xe7\xce\xc5Sw[h\xc9B\xffl\x96\x12\xba\xd2\x90\xa4\xb0^\xb5%\x94\xc0I\x0f\xe7\xf9\xc6\xa4W\xe7N\xfb\x91\xfe\xc1\x8b\xf8\xe3y\x9f\xef\xfd\xdeg\xe6#X\xd0\xca\xa2WQ|td\xf1&gt;\x8c\x8d\xc4X\x8bD}\xbad\xb9\xbf\xbf\x1f\x07b?9q\x9cY7\xe2\xce\x8f?a\x13nc&lt;s\xf3\x9c \x10\xac\x8b\x97~\xfe\xe7\x15\xcd\xaaFy\x12A\x1eF\xb4)\x17&amp;\x9b\xe5\xdf1\xdb\x9cai\x9d\x91\xc2\xfd\xaf_/_\xbft\xeb_\x7f\\+\xac\xbbic\xb2&lt;0\xf0\xe0\xe1\xc3\x07\xae\x05d~w\xa4V8\xdc\xbeu\xe9\xe2?nn#}\xfb=\x82\x90*\x1en_\xbc\xf4\xc7\xef\xcb\xe4\x851Q\xecQ\xbbX\xe4\xd5\xc5\xdd\x83\xe7\xaf\xaf_&gt;\xc5\xb2\xd8\xb2\xb5\xcd\xc3\xd7\x7f\xdd\xba\x8c\x89\xe0\xf5\xa7\xf5Z\x80\xa6\\\xa3\xae\xd1\x07\x0f\x9f&lt;\x18Cju\xf8k\x85\x8dc\xf2D\xfa\xf2\xf5O\x87\x9b\x9b\xebA\xc1\xdb\xc2\xfa\xfan\xef\xcb&lt;\xc1\xd2h\x1e\xa9\xdb|\xd2\x05,\xcdo\xbb\x18{\xc7\xcf\xb0hka\xf1\xf0\xf8x\xfb\xe6\xdfW6\x8eK\xf1x\x84\xd7aNM&gt;\x01\xd6\x0cb\x85#\xb2&gt;R:\xfe4~\xfe\xfc\xcd\x9f\x8fK\x8b\x9b\xb5(\xe7\x15\x8a\x87?\x9d_\xb9?\xe2\xcf\xec-w\x06\x0bT[/L\xf6\xc0\xfa\xa2\x82\x85-F\xbb\xfd#\xeb\xeb\x00\xdd,\x8c\x8cD"\x01\xbb\xa97\xbf06\x00o=\x18\x03\x96\xddJ\xa6\xf7\x8d\x1f\xc7\xc7\xb77\x0e\xaf]\x8bG\xa2&lt;+\x14\x7f\xd8\x1c_\x8c\x9b\x97\xea\xa9\x0f\xa4\x88\x9a\xa1v\xb1\xe0\xac\x0f\x9f\x93\xae%\xc7`|\xa44;\x15\xb6X(\x13\xc7q\x02v\x1a\x99\x9f\xad\x01\xab}\x18T\x04\xeb\xc9=\x14\xb1^7[1\xcc`R\x1e\xf9!\x8e\xb3=\x14\n\x12\xac\xf8\xe2\xb5\x88]v\xe5\x9b{\xc0Z\xed\x08\xd6\x17\xef\tb\xaa!\xbaQ\x9c\x9d\xb2XTFD|\xcaf\xc3\xdc2\x0c\x88\x1b\xcd:\x86z\x8c\xcf(\xe2\xbd\xd1\x05|t#\x80\x08r\xc3\xec\xf6xx\x9e\xf7\xf9\xb2Y`\xa5\x06\xe3fG^\xe7Z\xa8?&amp;\xd9\xa7#X\x07\xa6\x13\x971\x99\xe4\xfb\x8aSSJ\xd72\x1a\xb5aK\x98\xa2ur\x1e\x93\xf1\x8cK\xc9b\n\xd6\x0c\x82\x18"\xcf\xd20\x96\x93\xa6\r\x06\x93\xd3\xe7\xf3\x01\xab/\x90\xedu\xe9 \xd7\xd43\x8dz\x92\x14\xb2\xbd\xa7\x95\nV\xd251\x9d4$\x08\x96*l\xb3\x85Uz,\x95\xd1\xe5\x92\xe5\x99d9\x99,\xa3A\xdc{\xf2d`l\xc1 \xcb\x06\x83!\xdf+\xebth\xb3\xc6n\x8av\xfa\x88Z!\x7f\xb6[\xdf\x9d\x97ezGC\xde?\x9ck\xb3m\x11,\xae\x9a\x9c\xe87\x9a\x80ei-=#\x8aL\x0e&lt; \xca\xa9\x94\x7f\xef\x91\xbe5:\xb3 \xcb:JK\xb9\x90?\x92e\xa0k)\x93\x13\xfd4\x95\xf0g\xc3\x8c1\x9f\xaf\xca\x07J\xa7\xef\x04V\xaa\x9a\x9c\xce%}\xa1\x14)\xe2\xdc\x1c\xc3\x88\x92$\x899eu\xe9\t\xd6(\xba\xe9\x91\xc2%\x1bt\xddZ|\x8e\x0fs\xfd\x0c\x833\x81eg\x81\x15\xe5\xc3s\xda\xde|\xb5\xb2w\xa5\x13\xef\r\x88\xe5\xb9j\x99\xc9-\x05\xfa\x08\xd6\x9c~.\x86\x95\x8eI\xa2\xb2\xf0\xc5e L?&lt;::\xfa\x1b\xe1\xea5\x00K\xcft\xe5\xf0\x17\xe8\x19\x95\xcdK\x86\xb3H\xd3\x14V\xc9\xf9*\xaf`Mv\xc0[\x1fR\xf9\x1c3P\xdf\xf7\xefNM\xcd\xcd\xe9\x99\xab\xb1\xb5\xb5\xb54\xd8$\xfc0\xfa\x1c\x8c\xa5Pa\x89e\xdd)\x16\x80E)\x96N_\xb5\xd8\x10FR\x89\xc6~]\xa7\xd5\xe5\xe5\xd4\xce\xd9\xe1\xd3.\xd6\xb3_\xf3\x8c~\xb4^\x0f\xee\x92"\xea\x99\x0bbl-\r0\x90I"\xc3\xf4\x0f\x8c\x95\xa5\xf4\xc7;\x1f\xb1$\xbdM\x96\xbb\x8d9\xbd(\xa1\xd0\x84\\O\xd4R\xb0\x9aK.W\xbd\xa94\x88\xf6\xb1z\xd4\xea\xe57U\xc68\x96\x9f\xe1P\xc4p\x18X\x8c\x18K+z\xa1\x90\x0c\x93\x1b\xc8\x89\xb1\xd8\xc7;wn\x7f\\\x9b\xb3h\x93\xaen\xad*G\xecwU\xba*20\xbd\xd7\x8b"Z\xf7\x9b\xcd%\xb9n= \xfdA=4\xd9\xb6Zj\xf5\x81\xad\xbc0\xb6\xd0-\x10,\x8b^\xcf(\xe5Y\x8b\x89\xf8j\x91\xe9\xcf=L\xafI\xd2\x11\xb4Jw\x85\xc30;E\xc1\xf3\x8ct5\x16#\xce\xd3\xd24\xc12\xef\xef\xef7\xf3\xe6\xf7[\xe4\xecQ\x0f\xb5\xab\x16\x19\x03\x9f\xfe\x9a\xaf/\xe5\r^a\x16U\xd4\x93*J\xb0WZ:\xdd\x8f\x92\xd6n\xcd\x86\xd3\x1f\x8fD\x9b\xbfa\xa5r\x14\xa9"#\x11\xeb}\xc3J\x04\x80\xb5_\xf1\x1c \xc0\xae\xaev\x00\x0b\x9b\xe6\xee\x9b|\xb3\xd9\x0cp\n\x96J\xd5\xc5\\\x90b\xa7\xe6\x12\xb1\xe3N\x1a\x9b++\xd7\xc2\xa2\x18\xae\xad\xacl6\xa8\xa4+\xa9\xd5\xa3\xae\xf0\x17\xc1\xa2\x08V\xa8A\xd4\xe2\xdf?\xc3`CF\xc1\x9e6\x1b\xc4\xb9G\x98\xe5\x0fT\xae\xde|#\xa0`i\'\xf4]\xa7\xe6"\x8aA\xaej\xb3V\xd8\xac\xf5\x96\xb5\x9e\xc2\xf8f! \x93G9\x10\x0bj\x12*-\x8e\xcf\xd9b\xbc\xb6\xdft\xf0\xdc\x1e\x99\x03W\xd5=\x9a\xb6\xdfw\x92\x81\xeb\xd9/h\xed\x9cO\xc0VT\xa9T\xfa\xfe.1\r\xa65x\x1c\x1d\xa2\xec\x92\x91#h\xcc\xcb\xbe`_\xd4\xecX\xd2Q\xc6\x1c\xe9\r\x10K\xa5\xc2\xa9\xee\xc5\x18\x18i\x98h\x9a\xff\xfc\xf4l\x98o\x97\n3\xb3Z3\xff\x92\xa3\xd9Y\x9b\x07\x11#\x8c*\x02K\x92\x00\xa6`\x89\xfa\xa4,Sad\x1c\x9e\xe7x\x87\xdda\xa0T\xb9\x0bR\xab\xa7i\xb5:\x9a\xf5"cd2\x027\x1cx\xbe|\x06\xd5\xe6\xd9\xd3\xc2\xd2&lt;}\xefp\xb2\xcel\x91\xcc\x81*\xc2u\x81\x94\xf1\xf6\xed4\x8c\xcdXl&amp;\x13\xb4\xa0\xbc&amp;\xde\xe1\xf0\x99@\xd5\xd5Ev\x03\xa8(\xca`b9\xa1\x98H\x84"\xe6f\xe6\x8b"\xd6$9\x11\xdbT\x0b}kH\x03w\xa58\xe70\x87\xf4\xea%r\xa9\xa6\xa7E\x89XK\xec\x12E\xbd\xcd\xc4\xfbx\x1eh\x9c\xcfmvgM8\xbe\xfb/\x9c\x1a\x8b2\xb0,\xe7\xc9\x84\xccn\xab5\xfa\x06\x81\xacso\xf6W\xa1\xd7\xdd\x97\xbb\x02=[,f\x04\x8c5\xaa\x89\x89\x89~\xc8\x95\x8e1\xb9\x9c\xca\xc6\xf2Y\x87\x0f`&lt;\x97\x8d\xe2\xcb\xb3\x18!Thn\x8aX\xdd\x88\x89B"\x93pgC\xa1\xcf;W4\x9d\x0b\xfb\xad+#[\xef&gt;O\x11,\x0eXZ\xa3v\x1a\xbbQB\x8a\xb6\xd14\x82\xa1\xf9Fk\x91\'\xa5Vw\xd6i"\xb1\x1aa\x16\xf9\xda\x89\xb8\x9f(eXof\xf77\xe5\x0ec\xa7.\xb3(r\x81k\xef\x97\xdd\x12\xd4\xf2*X*\xa2\x06&amp;BLyn\x0c\xefvG\xa5R\xaf\x0f\xf3\x15{ `v\xbb}&gt;\xa7\xd7\xa6\x0c\xb04J\x98H\x94\xfa\xb8\xd9\xcf{J\x18\x1b\xea\xd03\x88\x1e\xd2!\xd4\x8f4\x9a\xe5\xff\xec\xbc\xdc%\xe6\nch\xd6\x12-X\xf8\x06\x9e\xc9r&amp;\xbeR\xadV\xa9\xaa\\\xa9d\xedf\xb3;\xe8\t\xfa8/\xa0\xb1=\x81U*\xbex\xb7\xb73O\x92X\xa7\xd4\xea9\xa7n\xdd\xd2$y\xf8\xc3qQ`m6\x1b\x05\xb9\xc2,ftP\xb99\x8e\xaf\x9c-\x87\x9d&lt;\\\x05\x96\'\x18\x0c\xa2\x979\x9dY"\xd6\xf1\xb3y\xe5\xaeg\x07\xb1z\x86\xbea\xf5l\xbd(\n\x82\xd7\xeb\xa5\xbb\x8da\xda\xe7\x13\xbc\x1e7\xcf\x05\xa1O\xd4n\xb7W*\xf8\x8f\x15\xc1\xd1\xed\tz2\x9eP\xc8C;\x110\x82\xa1D\xe9\xdf\xa7J\xa9;w\x0f\x02\\=\xe4\xb7M\xc2d\xf3\xcf[X,Ma\xff\xb1S^\xc8b\x8eD"\x8d\xc6\x9f\xad\xd5h\xd4j\xeb\xf1A \t\x99D\x90u\xf2A\xe0%J/\xc9\x01=9\xd9\xc9\xcb,\xc0\x1aR\xb7.\x00i\xae\xec\x01\x0b\x8ebi\x1aG\xca\xeclbp0^\xab\x9d1\xed\x93?\xb5\x9ar]c0\x91\tE\x9d\xbc\xc7\x93\x08\x85J\xa5\x83S\xa9\x86\x86:\xe5x\x05\x0c\x1b\xb2\x87\x98\xec\xca\x01&lt;\xcf\x9aX\xd6@\x87\xc38S\xfc\xb5\xc5\xc5B\xa3R}\xfbmU\xffl\x14\xeeon\x16\xe2}\x19\x8f\x87%\x0e\x83\xb5&gt;}ha\x9d\xfb\x1e\x97&lt;\xcf)\xb9?\xa3\xa8\x85\xc64%x2\xd1x\xadP\xb3V\xdf\xbez\xf5\xdfW\xad\xf5\xb6\x12X/\x14j\xf1\xc1&gt;\x8f\x87\x13\x08V0\xb1\xf1b\xfe;^\x05\'\x85|\xf6\x9e\x9c?D/\xef\x14\x8b\xbd\x1f\x0c\xba\xed\x95\xea\xc9\xdbWgT\'U\xbb\x7fp\xb0\xcf\xef\x0fz\xb2\x9c\x10\x0c\x85\xf0\xb3\xb1\xa7\xfe\x8e7u\xc9u\xd8\xad\x17)\x82\xc5:\xe1,\x16\xa7\xa0\xc1\xa0\xd3U\xab\'9\xc2EjxrR\xad8p^\xfb\xb2&lt;\xef\xe38\xe2\xac\x10j\xd8\xd2\xea;] \x9e\x1cRo=\x06\x16\xa9\xa2\x97,[XK\xe9t\x06\x19d\xd5*\xda|\x05\xed\x14PK\xc3\x06\x10\xf3\xd9\xacb\xf8D\xe9\xf9\xdd\xce5\xf7\xff\xef\xad\xad\xc7\xc5\x14\xc7\xb1Ne7\x92\xf3\xc5\xd6M\xebz\x1d7\x02h\x0c\x05\xec\xc9@\x80\xbc.\x86\x84h\xef\xc1 z\x16\xd6\xa7\x1d\x8d\xe6;^\xb5\xee\x01\xd6]`\t\x1c\xd1\xcb\xcb\x12\xb5\xc26\x8a\\\x86\xc8\xdb\x03h^\x11\xbf\xd91&lt;lp:\x9dD,\x1f\xb0&lt;\xa1\xbe\xff\xd1r\xfe1M\x9fy\x1c7\xcd\x16\xda~\xf9\xb6\xa3\x866K\x13\xda\nU(\xb4\xb1\xb6t\x98\x83`\xb05Y\xb9\x14\xca\xfa\xbdX\xd6\xa0f\xffX5\x10I\xe1\xfe\x12\xd0\x85ah$@h\x03\x06\x94T\x1a`,\xc28R\xe9\xb8#\\F\x14\xe4\x80\xc5\x8b#X\x12\x9d\x99\x8b\x06\xba\x0b\x1a\xe1\x90\xdcr\x9f\xcf\xf3\xb4\x8a\xb9\x99\\\x88\xfd\xd8\xa0\x89J^\xbe??\x9e\xcf\xf3&lt;\x9fG\xb5\xfa\xee_\xf8\xef\xaf\x8a\xfe\x0e\x16t\xf5\xcd\xff&lt;}\xe4\x08\xe4\x98\x06\xa0\xf6\x93eH\xc80\xd8U\xe5\xe9t\x99*\x1d\x1e\xd4\xb0J\xa5^\x86P6\xc0\xaa\x00\xac\xd9\xea\xc4b9\x10K\xa3\x81\xfa\r` \x17\xf8Q\x08\xc6\xf02J\xa4r\x19\x04U\xdeeV\xc4JY\xa5\xde\xec6r\x1cg5Z\x81J\r%\xde\x94H,\xa8\xa7\xcd\xb3\x1aR\xb9\xad\x9c\xe6\xa8\x06\x0c\xc0\x98\x12\xbc\xad\x10*/\xcb!\xa6\x802K\n\xdd\xb5\x95\xc33Lp\xa1\x81`%d*\xfdm,=\xa6\xbd\x9a\xa3M\x82V\xca\x88aS\x84\xfd\x9e\x90\x05\xad\x10+\xeb\xa8\xd6j\xb1\x18\x10\xc9P`\xb0\xa9\x7f(J(\xd6\x1e\x82\xa5\x87\x85\xae\x02#Y]a3p\xd6\xfdx\xbb\x93\x850%B\x11l[\x85"\xc4\xe2\x0c\x055\x05\x86\x020\x83\xd5\x96x\xac\xa4\xe6\x15\xad\\\xa9\x81\x043\xa0\x1a]\x16\xce,\xc5l\xccbx\x0c\xf4\xa2\x10\xfe\x7f\x85\r\x98\xc6j)\xa8q\xb9\n\x10\xcd\xc2\xd9~*J\xb4\x13\x93\xd0\x89Je\xa1\x15\xb0\x0c\x86\x1a\x17\xac2V\rT}\xa8\xab@\xa7\x84vG\xaa,\xe4\xe0w\xea&lt;\xedu55\x04\x0b\x9dh2%\x10+\x05\xd5*\xd4\x93\x9a\xc4Y@\x8c\xba\x1a\x10D]QQ\x08\xfd1\xb8\xce\xac\x87U\xd2b\xe8r\xb9\xea\xda\xbf,\xf5\xd4\xd48\xcb,\x9c1\xe1X8{\xb0r\x1a\xb0\xf4r\xad\xd9h\xc0\xd9\xd7:\x8f\xcbU\xe34X\xb5z\xa5\xd6h\x84.\x15\xa0&lt;\x1e\x80\xaa-\xf5t9\x9d\xb8\xddP\xff\x04\xdb0Gb\x9dX\xbd\x02Nd\xc9\x8a\xc7\x19j&lt;\xe4z\xbf\xdd\x83sJ*\x95\xc5PVV\xd0\xe0i/\xfd\xb2\xb6\xb6\xf6\xcaM\x97\xb3\xec\xd3LNEc\xcb\x94\x920.\x01\x0e\x82\xafh\xb4dgO\xb8\x1a\xae\x1c\xf8Cmm)\xb9+wu\xa1\xf3\x00\xb4\xb4\xf6\xe3\x03\x1f\x1f\xb8RWP\x96\t\xea\xa9\xe2!\x9fp,\xc8E\xc0\x02\xa7Yj\xdaq\xb0\xfa\x00\x92\xc5,6l}\x00\xc42d\xaa\xc0\xab*\x8e\x94\xd3\x04\xa9E\xde\xda\xa5P\xac&lt;\x19bI\xa5Z\xa3\xc1U\x8a\\{\xf7\xee%O\x0b\xe8\xf47\xce\xa5\x97\xb6783\xcfd\x1b\xb3ag\x0bX|\xc2\x85\xd7\xd3\xef\x19\xee\xf5\xa3`\xc0\x92\xc9\xf4,Tu\xa9\xd2\x0cn\xc4\xb1\xe5\x8f&gt;\xa0\xef\xa0\xe2c\xfcW\xda\xeb\xba\x9c\x9f\x02\x96\x8e`\xcdV\xf3\xe3\x87G\xefY\xb3\xf8\x83\xe58\x96\x9c\x95\naI6se]\xae\xba\x9bD\xb2\x0f?\xf8\xe8C\x9c\xdf\x07\x8fz \xda33\xb3\xb3u\x80\xa5R\xd9\xfe}\x1f\xda@\x07}\xae\x95\xf2\xfe\x9d\x08\x9f\xc6_\xeej\xb5z\x19\xf4/J\xa9\x88e\xf5f\x0e\x16?\xbc\xf0,%s+\xa5\xa57q\x80\xbe\x0bR\x10\x02\xcbh\xd4e\x9f9\xa3\xe2\xd6\xef=\xbe\xcd\'1\xf0\x1e\xb0n\xe0\x0f\xf2\xbd\xde\xbcVn\xbcv\xef\x81\x06\xb4\xd2CW%\x15\x8aDr\x99\xdb\x9d\xe7v[\r\xce.\xb2;\x84J\x05\x06PgT\xd9:\xb7\xd1\x88\xa3\x94*\xee\xd2\xfa\xaf\x0f\xd1\x8f\xa6$\x13l\x81\xa1\xc7u\xa4\x08Rv\xb97\xbb\x81\xe6\xd8\xf9\x84:\x89\xdf\xd8\xfb\xeb\x8f\x17c&gt;\x84\xfd\xabP\xc4B\'\x8am\x9f\xd6m\xccD\x818\xa3\ngeU\x00\xa5s\xbbu\x18\xf1\xa0\xd6\xa5\'\xcf\xae\x81\\\xfc\x94\xf8\x1bp\x1ah\xbblE\xe1/\xd2\xf7{q\xbd\x1ao\xcf\xff\x08Xr\x19\xf4UR\xec\xacD"\x88{leJJ\xa4fh\x02\xa1\xb9\x00\x16\xf0\x9d\xdbl\xce\x83v\x15\'&lt;\x81U]w}\xbe\xb7:\xf6\x00\x9c~v}A\xf6\xe6\x999\x9f~\xe5\x17\xdd\xae\xbfw}\xbd\x02C\x0bG\xbf\x15\nr9,T\xf0\x18\x9e\xb8J,d\xe5\xe0V\xa9\\.\xa3\x16\xe3\xca\x06\xb5\xd4\x05uS\xf5\xb7\x8b\xc8\xddE\x9b\xa3\x8d\xcf7\xed\xfe\xe4\x06\xf4\xc6C\x96\xb6\xd7p\xd5\xb7{\x1f\xffg\xfdR\x058\x91b\xb52x\x06\xa9\xe0\xe1\x89xzq:O\xa8\x00,\x16\r7\x19\x08\xa6\xc3\xd1@\xc4\xf2\xac?\xdc\x18j&amp;\xff8\xba\x8f\xc5\xef\xbb\xab\xf0\x17\xec\x89\x7f\x13\x07yY\x1a\tl\xcc\xff\xed\x1f\xeb\xd7+\xcc\x04\x0bo|y&lt;h\xfa\x84&lt;b\xe9\xc7\x92\xf1\xfc\x16\xb2S\x04\x11\x87\xa6\x97\xe5\xc9\xc8(%`5&lt;\x99\x7f\xb8\xb2\xf5*62\xd2\xd6\xe6@\x13\xec\xde\x89\x8e\xb8X\x91\xad\x97\xfd\xcf\xae\xb8\x1e\xa8\x0b\x01\x0b\xb6\xd2\x87DD\'F\x01tb\xa2W\xba\x98Q\x90xC6V\xce*\t\x19\xb8\xd1\xc8\x19\\u\xff\xaa\xff\xf9\xb7\xa8\xb7\xb9\x88\xbf#\x89\x04\xbbs"\xfa\x11G&lt;\x80+\xe2\x1f\xee\xec}Vjx\xa0\xb6"\x16R\xe1\x81 p1v\x1e\xcfN\x0e\x96\xc5&lt;\x85H\x8a\xcd&lt;\xb2AN\xb0r\x9c\x02\xd7\x01\x96\xa5\xcb\xf3\xb8~\xe3\xe5\xe6f4\xd8\xfc:Zw\xf7&gt;\n\xd2P@C\x9d\xdf\xb8\x1d\xf4-\x0c]\xb8p\xcfc{\xae6C\xd8\x10,\x1aUh9\xf6VE\xeb){\xeb\x17"\x92\x03\x14\x0c\xe3L\x9e\x87q\x9f\xad\xb28=S\xf5\xf5C\xd1\x17/6\x87_U\xf3c\x11\xfb\x7f`\t\xf6\x08\xe2]\xc2\x1b\'\x9a(Uduy,\xe4\xef\xcf?1\xd5`{n1\xeb\xe5x\x1c\x02\x00\x8c\x18\xbd\xc7;\x05\x06\\\xb0\xb5F\xc7\n17cd\x88\x05N\xcc6f\x96!\xd6\xfd\xad\x17-\x9b\xd1\xe8x\x84\x84\x18Vj\xc1\x1e\xba~\xbf\xbbe!\x96"x\xfd\x8b7\xf5a\xdb\xb79r~9\x90{\xfc\xc4\x94\xcb6\xcdi\xf5,5\xc4\x12\xe7\x80\x9d"_Z\t\x16\xa3` \xdc\x14\x0c\xc5be;\xb1\xea_\xceU\x86\x83[\x18b\xf4\xbf\xd70\xc1r\x86\x97\xa8\x02\xc7\xbb\xca\x18\xaaE\xa8\x10\x08\xfe\xe8\x8d\x1b\xd0~\x0b\xb0,Ll\rwt\x97\x87\xef\xa7\xa6^\x98\xea\xb2M\xdb4J\xcc5\xa0\xc2\x9b\nq2\x10\xf1\x00.9\xe7\xcf\xad\n\xe4a0\x0b\xe0\xe7,F\x885\x0c}\x98\xadS\x955&lt;\x06\xac\x9f\x97+7\xfd\xab\x93\xd1\xdf\x96\x82\x91\xa2\xd8=z\x92\xe9\x86\xc0\x04H$7\xf7\x08\xfeG-\xd4\x94jd"\x1f\xa2U\xe3\xf6\xf8\xd6\xf8\xe2\xe0w\xa3\xbe\xaf\xf3S\xbf\x9erZ\xa7O\x9bY\xf6\x0b\xa1\x94F&lt;`%S\xc5\x00\xec\x94\xdd\xdej\x07S\xb4\xda\x11N\xc8\xd2"a\x84\xa2\x9aY\xe6\x9a\xff\xbc\xbe~\xe3N\xe5\xc8\x8b\xcd\x81E?\x80y#E\xaf\xff\xa7\x14\xc1\xbbV$|v\x9bD&lt;\xd7\xd6FR\x8f\xa4`\xd1v\xc0\xef\xf3\x857\xbb\xcf\xcfM\xe6\xe6\xa7\xa6N\x194\xd3\xe7\xdcd\xe7\x8c\xf3\x80\x8c8\x19\xb0@\xafdb\xe8I@\xc3H\xb3\xdb\xb1V\xe0\x05#\x14U\xa8\xaa\\\xd9\x93k\x88\xd5S92\xd2\xd2\x12\xf2M\xceD\xa3K\xab\xdb\x8d$!\xf9\xf4\x92\xe4w\x17J\x01I=&gt;]\x91\xe9&lt;Zc$0\xec\xf3-\xdc\x1a\x19)/\x0f\x05\x11k\xd6\xa6&lt;9mE\xf7)\x08\x16\x0f\xa8$\xe9\xc9\xe982/\x91\xfc\x9d\x90\x01\x1bP\xf1\xf0\x10G$\xc7\x95H\x8f\x8a9\xd7\xeb\xd3&gt;\xaf\xdfX\xa8l\t-,\xcf\x8d\xde\xf1\x8f\xcf\x84\x97\xc3\x8b\xaf\x9a\xe3\x05\x16\x13\xb3\x8d\x1f[+\x05;C\x9e\x14*\x07\x04U\x1b\x82\x15E\x82\xc3\xc3\xbe\xb5\xc1\xb1\xc1\xb9\xca\xf3\xe5\xcb\xde\xdc\x13\xf9i\xb3\x85\xa2s\xd3\x85JXvZ\x19a\x0c+]\x92.\x01,\xc9&gt;\x89\x04\xb0\xe0\x83j\xf1h\xc1\x97\xcb/C\xda*\x952\xb7s*\r\xb1z*[\x86;\x03K\xa1\x96\xb9\x9e\xa7\x81\xc9\xa5;w\xfc\xde\x08\x1d~#\x95\x1b\xcf\xd9\xdfz\xb4KB\xdd\xb1\xa3\x85\x89xgf\xfck\x83s\xcb\xfe\x80\x7f\x94b\xe5\xa6\xcdj\x14\xd2\xe9\x07Z\x05x\x8a\xc7S@\x1d\x15\x8b\xd3\xc1{\x92\x18\x17R\x11\xac\x1c\xb2*\xd15\xe8\xd0!\xa9\x94u_\xbf\x96\n\\}=g[|\xbf\xf4\xf7\xbd\x0c\xcf\xb5\xccu\xf8\x83\x01\x7ftsi|\xbb\x91\xaeq\x00\x85\xb7K\x18L;\xcf\x90\xf91\x83@\x8fx\xc7\'\x9f\x82Rw\x86\x03\x9d\xfd/G\xbf9\xbf&lt;\x01X\xf9\xb3G\x14\xa2\xab\x8f4\xd03`\xc1\xb2+\x80\x0b\xd4"\\\x08&amp;\xa1\xf1eG\xb9\xb0\xb9\xc0\x038\xf6\x8f\x8a\xac,\xa9\xf1\xee\x85|\xc0\x1a\xea8;\x12\xf2\x8d\xf7\xdd\x1f\x9a\t\x8fu\xcfu\x0c,\x06\'\x87\xa3a_\x90T2\xaaY[\x92\xe0-\xac8UQu\xa43\xb0\xe8[\xa0P}\xc1\xc5\xb5n\xc0\xf26\x9d8\x98\xbfr\x9aaJ\x1e=\xdf\xcf\xd0\xe9-4\x82\x83D\x92c\x88\x05R\xd1l\xc4z\xcfB7\xc6\xd8\x01\xeb\xe8\xc5\xf9\xdc\xaf\xd2\xd2z\x03\xa1\xb3\x9f}\xd6\x12\x1a\x18\xef\xeb\x07\xb0Pw\xf7X\xf8\xe9\xea\xaa\x7f):\xb0J\xa3\x8c\x16\x00\x82E|\x19o\xac@\xa8N\xef\xea\xd3\xb5\x8e\xb1\xc1\x05\x7f\xa0obr\xa0c\xb4\xa5\xf2\x9b\xf3\x1d\xde\xa6\xa6\x83\xb9?\x9c.)\xe1]\xfd\xfe\\I\x06\xa4 \x05KN\xa7.\xa4\x9a\xe5\xd04D,,\xf7LV\x898\'##\xe3\xdc\xb7\xbd\x07\x8f\x1fO\xeb\xf7\xbf8;2W~\xb6&lt;\xb44\xd9\xd7\xbb19\xb0&lt;Z\xde\r\x92\x11\xb2\xe1`$\xde\xf4\xa4\xe0\xf5\xba\t\x87pL&amp;\\h\x8a\x9a\xb7\xbd\x8b\xbe\xb5\x8e\xc1\xb1\x8e\x81\xc9\xa1\t\xef\xcc\xc2\xad\xef\xbaGG\x00k0\xd8t\xb8\xe9\x93\xf9KY\x19b\xde\xf7\x8f\xceUI\x8a\x8b\xd3\x93\xc5\xf4*\x1d\xacx\xdf&gt;\xe4B\xb1\x08\x18\x8e\xe9AF\xf0p\xaa\xb9\xaa*\xe3\xf9\xb5\xdc\x83\xf9_\xa5u.TVn&gt;]\x0b\xb5\x94\x97\x8f\x85g\xbc\x9d}\x01\x7f84\xda}\x0b\xc9\x16}\xd1-/\xa9\xb1\x0e\xdc\xc9\xc4\xaa\x02\xd9&gt;D\xbc\x93\xbe\x85\x8e\xb1\xb1\x0e\x10jb"\xe8\xeb\xb9\xd5\xdd=\xd8\xe3\x0b\x83\x13\xc7V\x9b\x0e\x1f\xfe\xe4\xe1\xc5,P\xe9\xe4\xb7\x8f\xaa\xaa\x8a\xffT,I\xc6~\x86F\xfc\xbe}\xc7\xa8X\xf8\x81jJ\xa0@\xcf\xaa\xe2\xabUU\'g{\x0f\xfe\xb7\x8d\xf3\tM$M\xc3\xb8\xeeia\x16\x16\x1a\xebR\xa8\x07w\x8es\xa8K!\x05\x85\xe0\x1e\x96\x80\xc7@[\x18\xa4\x1a/}\x10+\xba\xc7\x98"\xa7U\x1c\xc1\xb0\x90\xb8"\xda\xa8h\x195`\x14IL\x84\\\xa2\x98\x18\xf2\x07\xda\x10\x02\r\xc9\xc0\x10\x85\xce\xc2\xee\xf6fw\xba\xf7\xb2\xcf\xfb\x95\xdd\xd3\xec\xceK\x9bTkR\xf5\xf3y\x9e\xf7\xfd&gt;\xa1\xabE9\xc1Uz\xd1\xf3\xec(\xd7\xbf\xdd\xefj\x81n1\xdb\xba\xb9\xa9\xf6\xdb\xe3^\xb7\xdb%\xb2\xd3\xf6\xc7\xea\x97\x8d\x8f\xc5\x9c\x9d\xbf\xff\xfe\xd3\xfb\x9db\xa3\xd1(\xee\x9c\xd6\x06\x83\xf4\xd5S\x03\xef\xa3\xb8]\xc9\x8dj[\xb1\xdd\xeeU\xd2\xee^\xda\xf8\xe9\x1b\xea\xbc\xd4\xdb\x87\xbc\xd7\xeb\xf3\xfd\xe6\xb7\xf4/\xc0M\x03]\x7f\xa0N\xfcna\xe37\x98\\\xbf\xfa\x16\x9aF"\xbe\xd5\xfc\xe4^\x10DU\xc9\xddf\xb4\xc3jI\xd6\xeb\x956\xec\xd3\n[\xed~5\x97k=\xb7\x8b\xbdL\x06d\xf3\xe3\xe7\xf4\x7f\xfeh\xceN\x8b\xb9\xf5\x846\x8d\xadb\xfb\xb4\xd2\xaaV+\xc8\xd6\xc1\xd1A\xe3\xe9\xb4U/\x1bb\xee\xf6h\xb70\x07\x96=\xd1\xf9\xd6\xb7\xea\xf3\xf9N\xde&gt;D\xbc^\x9aT\xab\xabf\xe6\xe9\xfe\x1e\xb3\x11\xbf\xa3h\x91TP\x14T\xa8\xe1\x0f\xba\x80\x92+=\xed\xbc\xdfDC\x96\x9a\xf5V\xb6\xd8\r\x04\n\x07\x97\xf3V\xae~Cd\xa4\xc2\xd6\xd3\xbc\x9f#\xc1~\xfdg\xfa\xff\x1409\xffzKH\x83t\r=\xb8uP8h\x1c"\xf1e\x1d\xeb\xb3^\xcfvw\x8f\xb6\r\xbb\xdb\xed\xbf\xceG\xd8\xa5N\xde\x9ex&lt;^\x1f\x01a\xc4\xfb\\\x88\x9a\xcf\xe5[,AP\x8b\x06\xda\xeaj$Bw\x1c\x0c\xcf6DQP\x85\xeam&amp;\x03\xb1@UZ\t\x01\xec\xf9\xb6Q\x88\x05\xc8\xbe\xd6M=\xd7\xeagoq]\x84\x9a5%\xd4\xfa\xd3\xa7\xecG2n`"\x1d\x1d\x15\xc0\xd4\xaf\x96E\x95k\x86\x9c\x9c\xfe\xf8|\xb0\x1b;\xac\x13\xd6\xc50\xe2\x8d\xd0\xd5:\xe0\n\xc2G\x97\xcb\xb7\xfa\x82\xee\x85\x02\x15\xe8\xcc\xd1\x85\xb1ej\xe5\xf1l\x06S\x93{QTUE&lt;\xee\xf2\xe7\xcf\xcd\x92\xb3\xb4\xb2\x02\xb4\x90h\xe4(W\x81X\xa0W\xdc9N\xd7\xf5z\xb5r\xba3\xee\x16z\x97\xb4&amp;Y\xbe\xaf||\x1e|J_\xed\x14\x19R\xef\xeep^\xcb\x95\x8d$N\x15\nqN\xae\xa9\xb7\x1a\xb1X\xb1*$\xed\xfe\x8dI\x04Y\xce\x7fU\x00\x00\x06\x9eIDAT4^Op\xb3\xf36\xe5\xf1D\xc8J\x1fY\x88\x07c\\,\x8b\xab&gt;z\xc9\x1b\xdc\xdcLM\xd0\x85\x82\xa0\xaa\xb9C^\x1bWe\xe7\n\xa8`\xe4J\x88\x13\rsz\xc5\x88l\xfb\xfd \xd7,\xd1\x9c\xdd\xef\xf6\x8a\xf3O\x96\xe7\xd3Z\x1a\xe3\tH\x88\x13\x81\x83\xc90t\xf8\xc7\x858Y\xc6\xafW\x8b\x81\xdd\xfd\x8a\xa8\n\xfe\xe6Y\xde\x13\x8c\x07\x83\x9b\xeb\xc4\x050O\x84z\xd0\xc5F\x04\xa8|$\x175\x00$\xf5\xc6\x19\xd5\x8fD%\xa8\xfa\xbc\xcbg\xb2e\x86eV)$\x8bb9\xd7\xdf\x19\xf7\x88\xec\xa0\xd8\xee#g\xcd\x9b\xfe\xce\xddy\xafh\xa9\xd4\xe6\x97$\x13\x02Gq\x9aN\xa7IU\x81Fz\x93\x03\x15\x87\x14\x1co\x05v{\xc7\xba\x9cH\x84\xde&lt;\xe4=\xd0j}}=\x88\xdc\xa7\x82H\x98\x97\x80\xcc\xaf\xe4\xa5\x8b\x06\xfeK\x18\x1d\xa4\x1b\x91:?\xea*\xa8D#=\xd6\xb4F\xed\xd1\x90M$S3\xbco\xa3\x0c\xc90\xb3\x0b\x81\x00\xc8\xb00\xd5\xeb\xd4\x0f=\xcb6\t\x85\x91\xf6\xdc\xbai\x1a\x86\xaa\x8a"\xa7*\x8a\xc2!X!]\xcf\x1d\x1f6\xbaZ4V\xd8~\x14\x13\t\xe7\xc6\xc5C&gt;\xe5!\xacu\x0f\xf9\x88k\xaf\xc5\xe3^/=\xbc\xde\xd7\xaf\xbd.f&amp;\xf9\x0c\xa8a\xe7\x9e#\xad\x04\xf1q\x9e\x89:\n\x18Uu]/Q\xba\x16f&amp;d]\xd4\x19Y\xa3p\x14\x03\x07F\x125\xc0\xa9\xe5\x00\xd6\xb5\xfb\x83\xd1l\xea\x17\x0c\x114\x1c\'\xca\nr\xa5(\x980;\xe7\x19&gt;\xea\xe0c\x85\xa7:\x9d_)]L\xf2\x11\x84\x06&lt;^\xf4cjs\x9d\xee\xb0\x8bS\xfd\x85\x0e\xbc\xac\x82^\xbc\x9c\x1f\x9e\xfdK\x15L\xac\xeaX\x8b:\xac{\x1f\xf6\x0f\x8f\xab\x8f:\xf7\xd9J\x80)\x1c6r0\xb3u\x8aN\x04Y\xa1q9\xaf\xdd\xd4-\x98\x04`r\xfb\xfd~U\x16)O4\x14d`\x89\xe5Z{\x7f\xcff\xe3\xa3QG\x982\x8f&gt;\x179\xf9\xbe\xf3\xca\xe7\xa3\xcbz}\xa9\x0e\xe3Z__\x0b\x06\xe3t\xb3\x1d\x10\xc1\x87\xd7\\\xae\x97\xab\xc3\xeb\x92\xe8\x17\x05\t\xc3\xc1\xe8\x9fG\x1d\x0e\x87uyy\xef\xc3\xddvzdpN\x93,\x14\n\x01-\xc4\t\x92{6J\x9f\xde\x8eA\x86\xa1\xf1te\xc9\x95\x93(\xc6#\xc2@\x1c \xe9\xf0r\x94n\xff\x1bJ\xd9lQ\xaa\xd8VUE\xe8%L\xa0\x8d\xb3W&gt;\xd8\x14\xf7\xbaV\xf3\x9dN*H\x8e\x02h\xf1m-\x0e\xc9`\xe5\xab\x87\x8b\xa6 %%\xe8\xa5*\xe5\xed=\x93\n\\\xd8\xcd\xb7\xd3#\xec(\x98XN\xc2b\x9a\xe1\x87\xa7\xa3\xf41\x86F!\x10;\xb0\x18\x06\x16\x86P\x13I\xe28\x95\x13uNQT\xd5\x00\xd4~F\xe3\xa1\x15\xb8\xc2\xe1hx\xeb\x06\xe7\x17$)\xe9\xf7\xaf\xbc\xcb\xfb\xcc\x8c\xbfX=\xe9 j\xc8\xda\x1a\xcb\x1bq\x05\xe3\xff\xc4\xf3\xc3\xb3{Q\xa2\xc2{Q\xd5\xf2\x0ea-/jo\xef.[ES:eYV\x9cf!3P\xc5H\x8a\x8f\x83c\x1a\xf9\x16\x91\x0b)!E\x14up\x81H\xc6\xdb+\xe7j\xdb\xfb\x19\x1bIe\x8b\xda4pE\xf9\xcb\xba$\xf9\xfdv;\xd6 I\xbf\xa6E\x91\xc0^`!B\xf0I\xa5\xb5\xf5\xe0\xda\xda\xdf\xc8D\xd7\xef\xf2\x9d\x8b\x90_\xb2\xdb\x05\xbb\xa4R\x8d\x08\xcbjBY\xad8\xf8pw\x8ay-\xa3\xb9\x81$;\x13\t\xea1\x1dSI4fS\xe3\xa6\x92\xb5\xa0\xeb\xe0\x9a \xd0@\xe0`^y\xc4v\xdb\x1a\xa4\xd2l&lt;\xcfk\x9a\x06\xb9\xf8\xa7\x91\x1d\\\xc0Zr\'\xdd"\x82\xef\t\xd2\xbdl\xb4\x10\xa5&lt;q\xca\x94\x19\xfc\xb87\x02\xa8\x92\xea\x97$\xbb$\xf8\x05dV(\x0f\xc6\xcb\x9f\xb1\xac8`\x19\x1b\xf7se\xceI\\\xe4&amp;\x05_Q \x1f\x16u\x7f2Y\xb6`:A/\x14c-\x8f\xd2\xf3\xe29\xec\x8b\xe2O8\x8c=[ \x1c\x0e\xc7b\xd8\x08N\x19\x15\xe4Zr\xbb\x93\xf7gX\xadS)Z\xf5h\x81\\ \x11U\xaa\xf3\xc3\x06\x9c\x06\x95\x1dH\x92_\x12\x8c\xc1a\x86w\x90JV+\xd3\n\x86\xf2\x00;&lt;\x1e`\xd5U\xc8AV2\xf35!\xcb0\xd3B33\x14jr\xaahL\xcb\xd8\x8e\xee\x7f\xd8\x83}\x0b\x91\x02T\xb1plw\xb7p\x99\x9e\x11T\xd2o_Zr/-Io:\xc3T&gt;\xef\x890\xae\x14qy\xe3\xaf_\xa6:\xd7\x1bX\xa5\x18\xbfDXvi\x96\xbe\xcc\xa0\x99\xad\x8bZ(\xb6\xcc\x14\xcb\xa6\x1fuUI0\x04%\xc1,M\xd0\xdf8\x0b\xb2F\xb6\x8aR2\xf7\x1es?c\xa3\xe2\xd9#\xac\x81\x89\xb8b\xe0:*\xa6g\x14x7\xb0\xa8\xdc\xce7\xef&amp;\xc3Wt\x07\xe0\xc9;6Yq\xf0\xf6b\x03\'J&amp;%\xa2\x92H3iV+"\x0c\x8e/X\x9fE\xb3Z\x1d\x00\xdb\xbf\x85\x97\x12MD\'a)\t\xa2\x81u\xc0B\x0b\x1a\x06\x84:\\0i\xec\x0b\xcfrE.\x02+@\\\x97\xb5\x99\x1b\xfb\x087\x83\xc2\xc3.\xdf_O~\x1a\xd2\xdd\xc2\x9d\xce\xc30ur\xf6\xa6$\x00\xc7M4L*4n\xee\xf8\x0e\xe7s\xd8\xbe\xc2!\xc5\x16\x11\xb3Z\xf7\xce\xf1YvP\xc6~\x8c\x93\x01FT\xc4e\x81b\xeat48\x1d\x9f\xef\xd94\xcd\xc4!\xadx\x8c\xd10\xcf3#!\xd9.\xe9\x05.w2\xc9\xb8\xa6n\xca\xfe\x92\xf3\xcd\xf5\xe4a\x98\xff\xc7\xa43\xb9\xbe\xe7\xc0\xbc0\xd0\x9fdX\xb3j\xfb\xdcFg\xfaZ-\xeb\xe7~4\xf9\x18\x19F\xac\x8a\x94\xa3\xef\xccu\xcf"&amp;\xa7\xb3A\xf6.\xa31\x14\xdb\xcfE||\x18\\Df\xfa\xb8u5\x9a\xfa\xed\x84\xb5\xd0\xcc\xbdd\x17V`\xe6\xdf\'\x17\x1b\x02\xb5\x03\x05\x9d\xa8\x98\x83\xb3Q\x7f\x9c\xa1\xc1\x17\x85cT\xd6_(\x96\xb3\x0c}\x18\x1a\x95U\xa5\x89\xa0q\x18\xb1\x96\xe44w5f\xf3\x80\x81\xd8\xf8\xaf\xb0\xa2\xd4\x8d\xe1\x18\xc3"\xc1\x8e\x1a\xdb\x83\xd9\xcf&amp;.\x91:\xb0U\xdc\xb8w\xd2\x11f\x1a\x12e\'#\xfdv\t#y\xbb\xa7Ey\x9b\x83\xf2\xeeXp9\xfe\x8f\x8a\x9e\xd6\x963\xf8\xfcX\xcb\xc9T!\xc4\xde2\xea_f4\xccK\xd39\xdb\x17,&amp;\x16\xc0\xc2\xac\x08\x0bz\xa1!k\xb3%3_nb\x83t45q\x00H\x92\xc9/1\xfb\xdc\xeer\x1a#\x99-\\6+\xb2\xb5\xc0\xfa\x1f*\x87\xd5|\x16\xe8Q\r\x9f\xb8[\xd8&gt;\xb1n\xb4\xe0\x97qY^cJ}\xc6\xe2\x17T_\x0b\x06/cL\xb0\xf4\x8c\xf9GP\xc0\xa2\xd9\xcf\x18\x99tl0`\x1c\x0e\xf0\xd1\x89-^Q\x07N\xe7\xe0\x1d\xbfl\xe2\x97\xa7m\x0e+~.3\xee\xd7\x13\xac\xfe\x0b\xfckc\xe7\xda\x00\r\xf2\x00\x00\x00\x00IEND\xaeB`\x82'</t>
        </is>
      </c>
      <c r="M414" s="3" t="n">
        <v>45492.67708333334</v>
      </c>
    </row>
    <row r="415">
      <c r="A415" t="n">
        <v>1021721</v>
      </c>
      <c r="B415" t="n">
        <v>1974</v>
      </c>
      <c r="C415" t="inlineStr">
        <is>
          <t>Paulo Henrique</t>
        </is>
      </c>
      <c r="D415" t="inlineStr">
        <is>
          <t>P. Henrique</t>
        </is>
      </c>
      <c r="E415" t="inlineStr">
        <is>
          <t>LD</t>
        </is>
      </c>
      <c r="F415" t="inlineStr">
        <is>
          <t>LAT</t>
        </is>
      </c>
      <c r="G415" t="inlineStr">
        <is>
          <t>LD</t>
        </is>
      </c>
      <c r="H415" t="n">
        <v>175</v>
      </c>
      <c r="I415" t="n">
        <v>96</v>
      </c>
      <c r="J415" s="2" t="n">
        <v>35270</v>
      </c>
      <c r="K415" t="inlineStr">
        <is>
          <t>Right</t>
        </is>
      </c>
      <c r="L415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80c8ef1-79b7-48c3-9662-5a6c9c151f9a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1\xc5\x94\x00\x00\x00\x03\x00PLTE\xff\xff\xff\x13\x16\x1d\x16\x19 \x0e\x11\x16\xf4\xf5\xf8\xf3\xf3\xf7\xf8\xf8\xfb\xf5\xf6\xf9\xf7\xf8\xf9\xf1\xf2\xf6\xf9\xf9\xfb\xff\xfe\xfe\xed\xee\xf2\xf0\xf1\xf5\x11\x14\x1a\x05\x04\x03\x01\x01\x01\x19\x1c#\xe9\xeb\xf0\x0c\x0e\x13\xe1\xe4\xea\xbe~j\xef\xf0\xf4\xde\xe1\xe7\xc6\x88u\xb6xf\xe7\xe9\xef\xee\xef\xf3\xeb\xed\xf1\xb5tb\xafo]\xadlZ\xb3r_\x1c\x10\x0e\xba{i\xbd\x81o\x1c (\t\x0b\x0e\xe4\xe6\xec\xc1\x85s\x9eeV\xb9xf\xabn]\x15\x0c\x0b.\x1a\x142\x1f\x1d\x06\x07\n\xb1ub\x0b\x07\x06&gt;)&amp;\xaesa\xb1wf\xaaiV8$!\x11\n\t %,\x9baQ\xdb\x9f\x8c[:3\xa3hY\x9e`N&amp;\x18\x17\x8cUD\xcb\x8cx%\x14\x0e\xb6{j\x80SI\xd5\x97\x82 \x14\x13\x92\\M\xa6l[\xcc\x91~\xfd\xfd\xfd\xcc\x8ar\xc8\x8cz\x80K=\x96bW\x9a]KzH8\xb9\x7fm\xbb\x85w\x96^OD%\x1b\xd4\x99\x87\xcf\x8fwN0(\x87RGoF;\x82OB\xadxj\xd9\xdc\xe3\xc1\x81n\xbezg\x9ch\\\xb2oZ\xb8ub*08\xd6\xd9\xe0\xa2bQ\xe6\xe8\xecrJB\xd1\x94\x80%*1\x85WL\x92XI\xc4\x85myNDF/-\xa4reV60\xd1\xd5\xdc\xa9na\xa8iY\x87P?\xa7fR\xa3gU\xb1{l\xa9tg\xa4cMF+$\xde\xa3\x91\x99V@\xb4}q\xc5\x7fi\x97ZG\x8bZL\xd9\x9b\x87c8*O41hD@\xcb\xcf\xd6s:)\x9e[F\xce\x96\x85\xa2n`\xe0\xa9\x98vA1\xd1\x91{gA9j;,`3#Z=;~XRkJE\xdd\xdf\xe3c&lt;4Uag\x7fE3aA&lt;\xc3\x89x\xd4\x9c\x8c\x90[T6\x1d\x1419AZ."wRK\xca\x84l=!\x18\x8cO&lt;W4*L(\x1e\xc7\x84q\xb9\x81s\xfa\xfb\xfb\x86K8i5%\xbe\xc0\xc4\x87]VS- \x93UB\x8eaU=EI\xd8\xa2\x94\xb6\x8a\x80\xcd\xc9\xca\xbaqZ\x8ef]\xabfR\xa4]I\x95ib\xe4\xaf\x9e\xafjV\xc3|d\xf6\xf1\xef\xaazq\xe9\xe4\xe2\x8bUP\x9dlb\xbfw`\xbd\x89|\xd7k\x85\xba{c|?*\xb3\xb7\xb9\xdd\xda\xdb\xe8\xb7\xa8\x9a\xa6\xac\xc2\xc9\xcf\xa2\xa1\xa0lA2\xdf\xcb\xc5\xd4{\x92\xc6\x8f\x81u{}\xbd\x93\x88\xb5jS\x92O9\xd1\xbe\xb9\x9dsh\xc6\xb5\xb2\'" \xbc\x9d\x98\x81\x8e\x94\xd5\xd3\xd3\xae\x81v\xae\xaa\xa8z\x83\x86\x89F/N:76\x12\x06TRO\xa7\xb1\xb7fkj\x8c\x8b\x89FPU\xc2\xab\xa4\x8d\x98\x9f\xa7\x8d\x92xCD\xe8\xd8\xd3\xcbWr\x9e|r\xc3nw\xaf\x93\x8921-\x8d{x\xaeaK=:8\xa5\x86\x85\xb1om\xc6t\x81\x8aFLjv{\x96\x98\x95C\x19\r\x92qmydh\xb5Oe\xa4jo\xa3[e\xde\x8a\xa1gUW\xdc\x99\xafs5=[\x1e\x12\x9dJ@_\xcb\xb9u\x00\x00 \x00IDATx\xda\xc4\x98[L\x9ai\x1e\xc6\xad\xdd\x0b\xa7v\xe6\xc3N\xd8hf\x05?I\x83\x95\x8f\n\n,\xb6\x808\xa2x\xa8\x82\xe0i\xd2\x8e&amp;\xb6tj\xed\xa6\x15-\x15\xa5R\x03\xaeX\xf0\xd0R\x1dB\x05\x0fE\x0b\x9e\x8a\x9a\x1a\xdb\x8e\xd1\xf6B\x13u\x8d1\xf1\xd0\xc6\xe8^lbb\xc6\x9b5\xb37\xbd\xd9\xff\xfb\xd99l\xb2\x97`\x1f\x13\x92&amp;M\xfc\xf9&lt;\xff\xff\xf3\xbe/!!\x81P\xf8\xa9/\xcf|s\xe6\xcc\xe9/\xbe\xc8$\xff\x19\x1e\xf2\xb9\x15\xf6j}\xec\xed\xe6\xe1\xd6\xd2\xd2\xce\xce\xd2\xd6\xd6\xe1\xe0\xfa\xd5?}n\xa6gW\xc7\x0ew\xfey\xb0v\xe2,\x86a\x14\n||}}xgw\xb0#\xecs\x1a\xb5&gt;\xbf3\x1cA\xf9\x1f\x01\x1c\xe5\xec\xfe\xf6\xee\xdb\xab\x9f\x0bjlw;\x14\xa3\xfc\x7f\x9d\xbd\xbe3\xff\xee\xd4q#ef\x02\xd4\xf0\xc9?\x98t$\n\xf6;g\xc4\xf6|G\xe61c\xfdy\x1e\xa0\xb0\xdf\x918\x02\x0e\x87#@\x1f\x1c\x12\x8fT\xe8\xe3\xc1\xe3\x9c\xb1\xf0gcK\x7f\xfd\x83S\xc0\xc2\x92\xe1b\\\x86\xb3X\xb8\x80\x83\xfd\x06\xc6\xd9\xdfzu|\x86}9\xb8}\xf6(\xae\xa3\xe8X8.#\x88J\xbeX&amp;\x13\x132\\\xf0\xabe\xf0?N&gt;\x1e&lt;\xa6\xba\xc8\xec8&lt;8\xff\t\x88L\x8e%\x03\x1c&gt;\xb7\x92+f\xf3\xb9|\xb6\x18\xc7\xc15\x01G\x80\x8c\xa3\x9c\xdf?&lt;},\tv,E\x1c\x01At\xf0\xfbe\x04\x9b\xcfg\xb3+\x9f\xb4?\xa9|\xf0\xb7\xd6\x07\\\xd0=.\x9f\x90\x11|\x02|\xc3(k\x87\xc1\xef\x8a\xf0\x90\x8e\xa5\x13h\x9a\xc0$\\\x0c8\xf7z\x1e=|\xd8\xde\xfe\xa4\xf1\xa9\x7fr\xd2?\xf4|\xa8\xad\xad\xedi[[\xfb\x85\xc2\xc2B\x15\x01\xc6aX\xc4\xd2\xbbg\xc1N\xf0\xd5\xd6W@\x05\xa3-%\xf8=\x17.,\xe4H$\xf7\x87\xfc\xab\x93\x00\xb5::\xba\x01\x9a\x9e^}39TT\x92g5\xf6\xb8\x1c\x84\x00\xa3|\xbd\xd3\x11\x12\xdcS\xf2\xf4.x\x85\t\xc4\x84KUh\xcc\xcb\xab2\x98s\r\xa2\x8b\xb7\xa6\xa77F\x7f\x15\x80\xdd\xba\xf5}\xfe\r\x89\xc7n\x1a\xb0\xf5J\x81+\xf4\xf0\x9b\xa0r\x9d\xda\xdc\x87\xc5\x93:T^\xa7\xd1bw\xfb\x0cfQ\xb9H\xcbK\xaa\xdb\x18]^^\x1e]\x1e\x1d\x9d\x19\x1d\xed\xaf\xfb\xee\xee\xedjQ\xae\xcfc\x9f\x9b\x1b\xe8E~\xad\xcd\x07u\x1f\xc7\x861\x0e\xee\xe8u\x0e\x98Ls\xefWV\xf4f\xb3\xf6\x8eV\xcbKLU\xce\xcc,/\xcf\x80F\x95\xca\re]MR\x86\xb6\\\xbf\xf2\xfe\xbd}n\xc0\xe9\x00\xae\x83\xc1 \xbau\xfa\xdfg1\xa9\xcak\x1b0\xcd\xd9\xdf\xbf\x07\xaa\t\x1d\x0f4^\x1a\x1d\x15u.\x96\xc1d*\x95\xca\xfe~E\xbfR\x91D\xe3i\'VVV\xdc\x9e9\x93\x8d\xe0`\xe7w\xae\x06-\xc6\xb0\xcd\xeb@\xe5DTs$\x95Y\xa7\x1d\x7f\t*--}\xf1\xe2\xc5O\x97A\x0cjl,\x95J=\x17M{9n\xd6\xeb\xc1\xb19\x93\x17\x87\x187\x83V\xf7\xef\xb61\xc1\'*;Jpbb\xe2\xe7\xf1\x7f\x80\x00\t\xa9\xbe\x1e\x80\xa8W\xae\xa0\xcf\xd8s\xd11\xe3\x13f\xb3~\xc5&gt;g\x83\x18\xb1\xed`m\xe3\xb3\xf9P\n\x81\xa8 B\xb7\xcf\x8c\x98~&amp;\x99\x00j\xaa~jj\xaa\xfeH\xd4zp\r\xc0\xcaJ\xb5\xba\t\xb3\xcfc1y\xa5\x1c,\xf4\xf0Y\xd0\xccb\xf5\x92f\xd9=\x06\x91\xf6\xe5K\x12\t\x195U\xdf\rX\xf5\xdd\xdd\xdd}\xdd}\xf5\xf5}}\x91\x91\x91\xcc\xcb\xe7`\xbetf\xbd\xc7n1:X\x1cl\xf8]P\xec\n\xdb=\x81I\xbd\x805\xe7q\xfb\x84\x17\xe3\xa3\xa3\x8f\xb2C&lt;\x88\x08)++\xab\x8f\x84\xca\xce\xce\xee\x8c\x8d\xa1\x8fk\'\xf4n\xbb\xdd\xaa\x92\xb2\xb0\xd0\xf9 \xbc&lt;\xc2C\xd6\x87)\x02\x02m!\xea\xab\xb8\x8c\xc4\xa8\xd8+W\xa6\x90~#\xca\xca*(HI\x89\x8c$\xb1:\x99\x8ch\x1a\x1d\xf6\x11\xd9\xe5u@\xab\xc2t\x05\x1e+\xfc\xf0+\x0cw\x01\x96\x05\xcc\xca\x15f$&amp;\xa5\xc6\xce\xce\x92\x01\x92T\xdd\xc0\x04P@\xc5$\xc5P(\xa2\x12h\xf4#,\x1b\x1c\x8f\xd8\xda|\xc0S\x0c\x0fy\xf5\x98"@\x9de\xb2x\xaan\xe4\n\xab\xe3\xe3\xe3i\xa5e\xb3\xb3\xd4\x8a\n\xe4TA\xd6\x11\x16\xb2\x89\xc9\x04\xab\x18\xb1QI\x80\xc5\x9b0\xafx\xecF\x95\x0b\xae\x13;a\x81\xcf\xf0\xed&gt;\xc6"H\xac\x1cI~\xbe0\xae\xba\xbc\x9cWZv\xe52322+\x05\x88\x10UA\x8a\x1c)[\x9e\rf\xa5&amp;\xc4\xc4\xc4\xd0\xe8:\xd8E\x8f\xd5\xabr\xe0\xc1\x18\xfa\xb0\xdd\x93\x02t\xec\xd8,y9\xe9q\xc2\xdc\\Q9\x8f\x1eM\xbd\xdc\t\xc3\x9d-oAf\x01\\\x8b\\\xd3\x04\\M\x88+6*\x86F\x83\x14\xcdz\xb7\xc7b\xebuI9\x11\x81N\x11\xaeY\x8f9,\xa9\x0bNCK^\x910N\x98o(\xa7\xc7DQ+"S\x00D\xa3\xd1\xa4@\x8e\x9f\xb0\xd4M 9d\tU\x1fM\xa3\x01\x96\xcf\x9dg\x04\xbbX\x9c\xa5\xcc@c\r\xeesp\x82\x9c\xf8\xbct\xc8\x10f+\x8az\xb9\xa2/+\xa5%-M\xa3i!\xb1\x00\xac%M\xdd\x80~\x9a4`\x18\xaaz\x1aO\xa4\xd7\xfbr\xacNd\xd7\xce\xe9\xc0\xda\x15\x1e\xb2\x19\xc1\x92\x12\xe8\xe4\xb1\xe6\xa4\x17\xc5A?\xa42\x98\x91\xb0x)\x05i\x9a\x16\x94\xe1QA\xb444$7$\'\'w\xa9\x9b\xe4\x9d\x0c\x06\xf5\\\x0c]g\xf0\x99\xab E\x15\xc1\x1a^\x0f(V8\x8c\x16\x0b]\xb3l\x03\x80UR\x84Z\x8b\xc1\xec\x94Cz\x1ap+\xad\x05\x8d{A\x0bx\x85\x90\x92G\x92G\x10V6Z\xc7\xb2\x188\xb1\xcd&gt;2E|\xffm\x80\xb1\xfe\xb2#\xc0\tG/`\xd9,U\xe9\xd5\xf1I\xa9\x0ce\xa7\x1c\x86(\rRk \xc94\r\xe0Tms\xed\x08\xa8\xab\xabkq\x06.95\xb7\xef\xd0a\xe8\xcd\x86\xaa\x85\x1eH1\xc0\xcd\x95\x19\xd2\xb1\rf9z\x8dV\x18.I\xbe0#!\xb5_\xd9\xb9\x08;\xa7Vw5\xa45\xd4&amp;\xa7\x81Q\xb5\xc9\xb5\xb5\xcd\xcd#\x00\x067\xd5\x8d\xd5\xc9\xe9\x8d\xc9\xc6\x0byB\xad\xce\xa0\xf7\xe5Y\x9d*)\xbe\x15\xd0\xe6\xca\x0cY?\x00,W\xaf\xcdh\xb3\xe6Hn@\xc7\xd7\xd4\xf5+g\x16\x17\x17\x81K\x9d\xd6U[\x0b\xd9\xc1G-\xe9\xd4\xe8\xf4\xe4\xf3\xa7\xed\xadO\xdaV\xf7\x9er\xd9\x85\x12\x98z\xd2.\x82\x15\xd8\x99\xcf\x0c\x19;\xc0I,\x9b\xd1R\xbcp\xed\xdb!\xbf\xdf\xff\xdc\xbf\xba\x01d\x88K=\x82\xb0\x90j\xbb\x16\x95\xd3\xfe\xa7\xad\x95\xfc\xb5\xb55\xee\xc7_\xf6\xda\xf9D\xa1\x01b\xd4[l^\x17\xfe\xf1U0\xb0\xbcF\x9b\xb1\x87\xcb\xe6W&gt;\xa8\xac\xe4\xf2\xb9\x1f\xda\x9fON\x03\x18\xccW2\x1a\xac\xe4\xae.\xf5\xe2w\x93\xfe\xb6V1.c\x9d&lt;\x19\xb1\xdf\xfa\xcb\xde\x13&gt;a\x14\xe9\xccf7\x0c\xbdt{=\xc0X\xfb\x08\xcb\t\xf5#\xc6\xc52\x19\x0e\x8fyx\xcd\x8b\xb9\x17\xda\xfd5\xb0\x91ijR\rjy\xff\xf7?4\x16\x8a\xd1\xd7\x10\xb8L\xcc\xael\xdb\xf3\xb7\xb2\x89b\x9d\xce\xbcb\x82\xe1:\x18\x0c,\xd6\xe0\xbe\x0cj\xcbh\xed\x95\xa2\x17\xbe\x80s\x9e\xfc\xf2\x83\xc3\x12s\x1f\r\xa5".\x92\xacK\xd3\x99t\xa9\x18v\xce\x01\xcf\xc8\x87\xd7\xda&amp;WW\xf7\xf6\x9e?t\xf5J\xb4:=\x9c\xd7D`\x1b\x02\x0e\xea5\x99\xd4\xe1\xb5\x1a\x1d\x02\x96LL\xb0\xd92\xf4\xf5\x07z[;\no\xfe]\x11\x89\x1aL\r\x1d*g&amp;\nKJrrJ\xee\xe7g\xa42;\x17a#\x95\xd3\x00Z\xa2\xd3\xe9=V\x15\xc1\x9e\x0f&lt;\x96\xcafu\x12\xec{\x0fZ\x1b\xdbo^+.~d4:\x9d^gOq\xfamF\xb6\\\xae\x81\xb9WGR\x13\xaa\xcb\xab\xef\xa0KO4\x9c\xe2MM\xd0^uIq7\x0c"\x84\xe5\n\x02\x16.\x85\x0cU\x8e{\x0f\xdb\xfcon\xddEW)x8\x1b|\x92\xaa*\x890\x81\t\x87sWs\xb3\xbab\x16\xae2t:\xaf\x1a\xee\x17\xb4\x84\x9a:e\xa7R\xa9\xa8I\xcc\xa8.\xd7\x19&lt;V\x07\xc1\x0f\n\x96\xd1\xe5\xea\xb9y\x0bjA\xa9P\xcc\x96\x01\x00O\'\x02\xb6\xdc\x8cT\xb9\xba@\xdd\xdc\x9cV1\x0b\xcf\n\x91\x01\x9aM\x94\x9b\x9bq\xf7b~\\\x82B\x91\x94\x90@+\x17\x19\xdc\x03\x0e\x82\xbb\x19h,\xa9\xd4e\xb3\xa9z\x8dEw\xeb\x94\xca\x9a\xdbq\xa2\xf2\xea\x8b\x17\xf3} \xb7D\x94\xd8\xd9\x94\xd22\x92\xdc\xd2]F\xf7\xad\xb8\xab^_z}\xf3Qa\xe3\xb7%UU\x9e\\^|Bj\x14O\x07\r\xe1 *7\x03\xbd\x89\x80e\xb4\xf5,\xe4\x95\xc4%\xdeN/\xb9\x7f\xbf$\xe7\x07\xff\xea\x9bKUv\x8b\xc5\xee\xd3\xc6\xca\x0b\n4\x05\xdd\xf51w\xdcvI\xd1\xbf\x1a?\xb4\xaea\x07k\x84\xd7j\xb2\xb8E\x89\nE\xbcV\x84\xdc\xfa0\x18\xe8:\x95\xe2.\xa3\xb5\x18\xfe~a~\xb1q\xe1Q!W\xcc\x86:}\xfdc\xbae\xc0\xe26\xd3\xe1\xee,\xcf\x9a\xfa\xe9\xe5\x9d\x1b\xa6&lt;\xa7\xab\xfd?\x1fpL\x8c\x1fTJU&amp;\xbb\x8f\xce`$hE&gt;+!\xfd\x18\xe0:}\xb7\x8d\xb0\x16\x8a\xd2%\xff\xa5\xd5\\\x7f\xd2\xca\xd38\xbe\xc9\xbe\xd9\x8d\xd9l\xb2\xc9I\x8e/\x94\x8b\xd9\x05-\x84Q\xd1\xa0\xc09ZD\xca]\xbcA\x03B\xc2H\x84Z#\x97\n\xe2\xdd\xe0\x05\xc4\xda\x12\xbc\x05-J\xabQ\x9bN\xf1Z/\xd5hj\xb2\x92\xcdZ\xdbmff\xad\x9bL\x1a5\xcd\xa4\xceL\x9a\xb4M7\x9b\xba\xfb\x1c\xdb\xfd\x0f\xce\x9c\x17\xc0;&gt;yn\xbf\xef\xf79?\xcc\xd1&gt;9{\xa7(\xf7\x1f\x7f\xfe\xedO\xff\xfa\xd0\x19\xd2\xf9\x83\xbe)\xaf\x93\xaeG%\xfa\xcd}\xb7\x93\xe7\x8bLFF\x96\xea\x8e\x8e\xeex\x06n\xb1h\x93;s\\\xbdm\x9b\xeb\xf6\x02\xd6\x87\xaf\xc9\xad\xad?\xbc!\xb0\xb4\xadUb\xac\xfd\xdd(M\xf8\x93\xf0R\xee\xa5\xcc\x7f~\xff&gt;\x18\tNO\x87\xe7\xdc)z\x147-\x9c-\x9a\x05\xf2\xe9\xb0\x95)\x96\xfb\xfd\x95\x95\x95\xba\xe0l\x7f\xd8\xbb\x82\xd8\x10#\x81\xc5\xfa\x81\\\xc3\x0f\xea\x94E+\xddSa\n\x8d.rt\xe9+\xcf\x7f^\x8e\x1e\x1d\xd5\xbdy\xb6!\x97\xcb\xfd\xbe\xa99w*\x82JP\xa3\xd7\xdb%\xc0\xfc&gt;\x87\xd9n\xb7\xd77\\\xbdZo\x86\x89\xe56\x02\x16\xd5\xed\xf5A#\xae\x9e&amp;\x12\xabI\xe4a=|I`90\xcc?{g\xb4\xb4\xfd\xe4\xa4\xaf=\xe8`\xda\xb9\x02\xab\x1c\x9c\xa3\xd7\xcd\xdd\xb6\xe1\x12\x9b\xdb\xeb\xf5*\xe7\xfc\xbep\x8b=%\rd`\x96\xd3i\xa4\x9a\x10\x9b\x8c\xb1\xcd\xed\xf2\x8dV\xbc~Q\x92\x9c\xfdb\x9dD\xf7\xfa\x81\xe6\xd9\x93;\x1c\xaa &lt;~\xf9\xc6\x86Xi^I\xa5\xd8\xcd\xd6\xb0?\x1c\x15\xb8\xb9\x88\x1e\x97HMN\xefS\xef\xa2`n*\xdae\xa6dq\xb2(\\\x8a1\x1d\xd1\xa32\x14\xb2\xe8/\xed\x8fr\r\x86\x85\xc5W\xe4m,\xef\xfdP4\xa9\x92;\xa6\xc2\x8eJ\xb9\x1c\x13\xf3\xed\xdc\x95\x85\x85\x05\xae\xdd\xdc\x12=\x8c\n\xb8\xceT\xc4\x86[\xf0\xe6\xb8\xf7\xe9\xe2\xe2\x02\x85bO\xa5\xa6\xa4\xd3\x11\x84X(!`F\x88\xe2\xf2\xcfF\x8d\xcd\xcd\x86\xc5\xc3,RTW\xd2\xbdo_=_\xff&gt;g\x16r\xe8pX5V\xab\xd2\x0c\x03~aa\x85\x9a\xeat\xbb\x17\xbd]\\\xae\x93\x8a\xc4\x02e\x16\xdb\xa3\xfd\xb3\xb3\xb3\xfdx\xba\x81\xb0\x90\x17\x0f\xe14\xf4\xb6\x0b\xac\xe0\xc2\xa6\xad\\\xba\xf9_\xea))\x81:X\xc2Z\xe7\xc7\xee\xcc\xaa\xb09\x0c\xd30\xf9\x19\xa9Tj\x8a\xc9d\x02\xb7E\xa1RW\x9c\\\xa7\xdb\x99\x82\xa0\x962\x91\xb4\xf9Q|\x7f?\xbeI\xac\xb8\x02\x16\xd1g\xb9#\xb3\xe9aB\x18\xdd\xe1p|S\xb4,\x1d\xdf\xdf&lt;M"\xa3\xac\x96v\xe6\x94Q_iD\x85Y\xadbf=\'\x99n@\x88}\x9f\x89j2 t*XA7\xc5\xa4\x97\x95\r\x97\x95\x8f\x7f\xde\n\xc6P\x14\xb7\\\xb8\xb3\xc6\xc6F\x11\x8e\xda\xf4\x8055\x15on\xeb\x1d\x1f\x8f\xc7\x13d\xecQ\x13\xfe\xfe9\xb3K\x19\xecW9\xc4&lt;f}\xa1\x1aA\x90\x18\x1aCLq\x93A\x1fc\xd0S(n\xc8!j\x19&amp;\x0e\xc5\xe6\xe6q0\xb1\x01I\x00\x0fX\x08\x7f\xd6\xbb\xdc\xdbXV\x8e\x12\xd1\x8aF\x8d\x8f\xa4\xa2fi|\x9f\x0c\xac+\x07\xfe\x1d\'\xd4\xb6*\x08X\xcc\x9el\xc6\x10\x84\x02\x8f\x19\xa8\xc4\xbe\x06\xc5\xd1d\x8a\xd3I\xa1\xa3\x92\xee&lt;P6RbYY\x0e\xa9\x03\xafMX\xb4\xde\xe5]\xe0\x12\x95\x13\x83+:\xe5\x8e?\n\x00\xd6\x19\x19XI\x07\xd1C7\xa7D \x87cZ\xcc\xafW\x83;\x94\x01\x95\xc9dh\x8e\xe1\x12=\xc5lvq9i\xb2\x8b\x9c\xb5\x05b\x8f\x0c&amp;C\xcc\x02f\x03\x9c#A\xb5\xbb\xbb\xdc\xd8f\x91\xdaR\xccQ\xdf\xf4\x94)`\x93\xee\xef\x93\x93D\xeba\x17E\xdd\x15\x86i\xaaqe\x97\x80\x95Fc\xc4F9\x86[\xcab\xca\xa8\xd2e\xcfR\xcb@\xce_\xb8\xd8\x80\xd4fH1\x9ap\xc8\xe8\xe7`\x01V^\x1b\x84+E\xe0\xf0\x9f\x9f\x1f\xc6\xcacg\xf1\x04\x19s~]\xb1\xe3\x05\xd1K`)]\xd9[\xdd\xc3\xc3\xd0\xf7R)\x91$\\\xe9s\xf03\xb2\xd5C\xdd\x0f\x00cy\xb7\x17|Y@\x8aP\xcf\xf6c\xc3\xbd\x8d_\xa8z\x01\xb6\xdc\xc6i\xc1z\xc2\xe7;qK\xf3\xa2\xfe\x94\x8c\x01\xbf\xba\xe6\xf3\x9a\xcd\xd1\xfev\x95\x0e\xb0J\xfe\x06\t\x02G!\x82.\x13\x99\xa7}\x1a\x8e\xba\xa4\xa4d\xebA\xefp\xde\xee\xee\xf004_`&lt;\xdd\xb8\xb8\x12+\xeb]^^&amp;\xa8\x88\xda*\xb7Q1\xdd\x96\xeb|\xe7,`8\x1b^%e[\xf3\xe3t4\x9b\x179\x9a\xbd\x88\xd6\xdd!\x08\x17\xfc=t~\x1bu:\x126\xd3K\x9a\x1e?\xbe\xbaU\xd6\ry\xeb\xfen~\xe6\x06\x1eC\x0c+]+\xb1\x07\xcb\x17\xc1\xba(y)Bq\xc8\xb7\x92}\xbe\xa7\xb1\xcd\xf8\x01\x19:"\xe9\xde+\xdfTV\xf8]A\xa9\x16S\xba\xb2\n\x192\x00x\x001\xc8\xc3\xc3\xe7&gt;9\x8fS5\x98\x939\xf8\x98\xd8Gt\xcf\xd7\x16\xd0f5tT\xa6w{\x8d\x92\xde/TyP\xf1\xdb.\xb9\x8a\x81\x1c\xfa\x0e\r&amp;\xd9))\x12")\x81Y\xf9\xd3G\xb4\xd1=\xc0*\xceV3\xa0\x90\x88q\xd4\x96&lt;\xeds\xc81l6\xf7\xab\x82\xd1POS\xd3\xd6\xf5\xbeH\xa44\xa2\xd4K\xbae)\xde\xae\xf4\xeee\x02\x8a\xe8\x03\x14\xa1\nT:\x9b\t\xb0\xe2\xe9\x0fVIR\x0fk\x9a\x96\xf3\xa3\x82wA\xacEP\xccIN\x93\x0c\x13Xy\x81\xd4(\x86\xc1\x11\x19\x9c\x8c\x84B\xa1\xcb\n\xc5c\xc5\xc8\x88X\xc3K\x81\x19\xd6=d\xf7.\xa0\x8dD\xa8\xda\x88&gt;\xdc\xa6*\xfd\xad\xe8\xc2\x8e\xef\xa9\t!e&lt;\x105\xffB3\xf5\xee\xe8\xe8]\xbb\xc3\xaat\x81\x8f\x81,B\x0e\xdbb\xa6\xe4\x0c\x1e\x8f\xa7\xa8&lt;\t\xd5u\xe4Wk\xabgf\xc6:\xc7fF\x8aK \xa1Cj\xbb\xdb\x00\x1e-O\x04\'#\x8eP\x8d\xca`\xd8\xb8\xb8\x03TC\xa7$\x89\x9a+\x07\x1a?\x81\x15\x91c-fb?)!6G\x01z\x1aC\xfd\x0b_\xb1\xd1\xe7a\x0b\x8b\xd87\xab\xc7\x06_f\xb2s*\xfaj\x1a\xbe[[k\xba\xdbD\xa5[\xa0-.6\xab\xdbT\x8a\xb5\xdd\xb7\xbfi\xb4\xe1t\xc8!9\xb5\xf5\x9b\xd3ga\xc0:\x9a\xf5G[\x04\xfc\xac\xec\xc2!IY\x9e\x88\x9e\xd5\xd4\xd4t\xa3g\xa3\x8fuq\x89\x85\xddQ\xc7\x16\n\x8b\x849\x9e\x8a\xea\xfb\xe0\xbb\x01,M\x92G\x8c,)\x9c\x88\x14\x81\xae}Q\x8a\xdbbHZ\x82\xa4\xf7\x9d\x90\xc5\x1f\xb1~\xe0*\rN\xb5\x08\x98\x19\x9cd\xb5LT\x862\xab\xae_\xbf\xbe4\x90\xcf\xce-*\x02\xbf!\xcca\xd1\x84,b\xf7\xc5\xf6\xdc\x1a\x9b!V\x02w%mm\x96r)\x88-\xaa\xd3\xba\xa7e\x88p81\xc9)\xf8/\x8aK\x83\xf9|\xfd\x93Ay\x8b\x92\xc7\xcf\x80!a\x91p6\xee\xcf\xcf\x0c\xdc\xaa`A\xa0 \\\xb4"\xa10\x17~f\xd6f\xb2\xe0\xe3f\xc7\xe0\xc0\xfcU\x86\x848\x8cl\xcd\xdb\xa9.,(\xd7\xa3 _I\x9a\x0e\xff\xcf"O`\xb6\xceN\xa8\xe6\x94&lt;fq\x06\'M\xc2\x10_\x1b\x1b\xbcy\xb3C\xf8\x15\xc4\x89pg\x04\xd6\x1fs\x8b\xd8\xb5\x99P`\x9e\x1cv\xce\xe0|Ca\x1a\x9c:6\xdb\xf6\xb6Q o\xd7\xd1\xd3,"\xd9\xc1\xefHs\x8aD/Z[\\\xf5\x13\x930Py O\x8b\x0be\xea\xea[7s\xd8\xac\xa2K4H\x1c\x9b\x05U\xc5f\xb3\xd8\xa5\x9e\xc1\xb1\xb1\x81\xce\xc1N\xe0\xca\xec\xbc\xdfS\x88\xe3\x04\x16\xd5%\xd6\x864`\xbc-\xcb\xa4\xb9\x9e\x0b\xaeDO\x0b\x8f9Q\xba\xa7\xb3\x8a\xc5\xc0\x95-\xab\xef\x1b\xac\x05&amp;!;\xb3#?t\xad\xe6\xf2em\xf5\xb5\xca\x11\x85\xe2\xfa\xda\xda\xda\xeb\xa5\xa5N\x0fpjk\x8aQ\xc0B\xb63xb\xad6\x1b\xc7\xd1\xdeur_\x17\xac\xbe\xe2\xf3y!\xb0d\x95X\xab\x86\xc9,\x1eR\xe4W\x08\x01\xaa\xaez`fc\x84___\xff\x0b&lt;\xf0\xf5\xef\xc7\x1f?6\xac=\x9b\xe9d_\x12\xf6\xd5T\x81L\x04\xacbq+`\xc9\xbaw\xc9\xbed\x96\xb4\xfew\xa6F[:\xa1\xd2\xe9*A9\xf3\xd3\xee\xd7e\x16\xd1r\x06g\x96\x14#ouo\x89gccc\xfe\xe3\xc8\xd2\xd2\xc9\xc9\xdb\xb7#\x8a\x9a\x8a\x82\x82\xba1\xc0b\xa8\x0b\xb3x\xad:\xed\xfb\x83\xc4\xe9*\xe9/\xab\xaf$\xd6\xc4\x98\xc7\xb3\xa7\x02\x89*\x16\xf3\x0b\x01+\x87\x96S]\xa3\xfb\xf4\xe9Sh\xe6\xf5\xfb\xe3\xe3\xe3\x9f_&lt;\x7f\xf8\xea\xe0\xe0\xe7\xe3\xf7\'\x9f&gt;\xb5\x8f\xd2X\xb5c\r(\x9a\xc6\xc9\xe2\x8b+\xb5\xf9\x7f\xbd\xf7\xab\xdc\xdd\xbd\x97\xf8\xa6\xa7\xc2\x13\niu\xadbqUvU\xc8\x93Y\xc0\x9ah\x8fDN\x8e\x8f\x9f\x7f\xfb\xf0\xc9\xed\'On\xff\xe9\xf7\xeb_\xff\xe5\xc9\xed\x87\xc7\x03\x91I\x16\xab\xa2b\xec\x06\x83\xa1\xce`jZ\xaf\xed\r&gt;\xff\x95\xee\xb2\\YO\xbc\xa9\x9d\xa8\xc8\xd7\xb6\xb6\x8a{\xae6\\\xeb\xf8\x1f\xed\xe6\x1f\xd2\xd6z\xc6\xf1\xfe\xe14M+\x17$\xadh\xd3\x1fi\xa8\xcd4Y=\xa6\t\xe1\xa4\x11=D\x91\x1ac"\x1c\x93X\xce\xc0&amp;p\xe4\xe4\x1cck\xb2@0\xf4$\x94\xc3\xc88\x89\x81H.\x0b%\x12\x87\xd92Z:d\xd4\x1a*\xb4\xa0\xbd\xf6\x0ez\xef-\xed\x05\xe9(\xa5\xbd\xaeEP\xcb\xb6\xab\xb6\xc2\xf6\xbc\xf1n\xfb{m\xcfK\x92?D\xc8\x87\xef\xf3\xbc\xcf\xfb}N\xde\x87$\xc3\xd3\xd3\xff\x98^\xbfu+^?Y\xef\xf5*\x9a\xea\x0e\xdf\x9d\x1c\x1a\x9d|\xfad\xf7\xdd\xbb\xdfp\x1cOx\nj\xbd&amp;JG\x99D\xf2\x81dwl\x0e\xcd\xaeN\xe7I\xd8w%!D\x118\x97"\x08\x08\xd7\xab\xd9\xef\x97\xef\xdf\x9f\xbduk\x16\xde\xdf//o&lt;YY\xdb\xde\xde\x1dL\x90\\\x92\x8d\x08%\xd8\xa5\xb4\x0f_\x97\xec\xea\x0f8\x9c\x0fa2\x0cz1%\xc1\x16\xc5I\x91\xc8R\xbb\xdb\xdb+\xbb\xefR\xe2\x87\x1f\x7f\xfc\x00\xef\x0c\xf7n\r\xd6\xf6\xf6\x98\x8dp\xa5}\x94\x80\n\x07A$\xf0\x8d;\xd2\xa95\xf3\x82\xcc\x87\x07\x00\x0c\xb8X\x1f\x97q\xd1\xb6\xdd\xed\n\xc6\xbfvww6 \xedw\xb6\xd7\x16\x17\x17\xd7\xdel\x06(\xcaV\xf4\xd9\xa2..\xcd\x94\x984\xf7\xaaJ\xc2\xfbn\xf7\xfda\x92\xcc\x93\xf94C\xb1&gt;&gt;\x93\xcb.\xd86\xb7\xb6\x16W\x16\xd7\xd6\x16W\xf6\xf6\xf6V\x16W\xde\xbf_Y\xdcz\x13a\xa9\x90\xa7\xe4\xb3\xd9\x12$N\x94\\d\xfe\xadL:\xb5\x0e&lt;x&gt;@\xe2\\\x18\xcf\xe3t)\x11\xe6\xe8,\xbd@\xbdY\x81\xb5\x88D\x82\xb5\xf2~o\xef\xfd\xcaV$\x12b=\xa1RT\xa0\\iW\xce\xc7\xe9\xf2O$\x0c\xe2\x01\xd9\xdf1\x8c\x0cc\x1c\x873D\x82\x8b\xd1%\x1a\xc2\xb8\xb9\x85\xb8\xfeK\xb5\xb7\x02b\xcdG"\xac\x10\x12\x84\xa8\x8ff\\iR\xfbPB\xac\xca\xb3J\xb0-\xe10\xc9\xb9|i&lt;\x93\xa4Jt\xd6F\xfd\x8f\x0bB\x08Z\x15"\xcf\x82\x05GY\xf0\x04\x05\x1a\xedB\xce0p\xe5/\x92b=\x15\xc1\x7f\x823\xc6].&lt;\xcc\xe5\xcaT\x94\xa0\x8b\xe5\xcd7hmU&gt;\xb6\n\xf3\xdf\xccG\x1c\xf7\n%6\xe4a\xa3%:Ab\xd6\xfc\x84\x94Xp\x041_Z\xb5Z-\x86\'|a\x03\x9e\xa4X\xc4E\x97\xb2Y\xe7Bee\x8b\xc9d\xb1$\x80Xl\xb1x\x9b-\x97h\x06\xc4\xd2\xd9\xfb$\xc5:\xf4U\xf4\xb7\xe0\x1b\xb4 W\x8c\xc7\xf8d\x89\xf5\x98\xbb`\xfb\xef\xffH\xec\x07\x1d\xfd\xf0W[ \x12)C\x1b\x94\x03(\x17\xce\xf9u\xd7\xfe\xd0wSR\xac[\xd1_k\x8d\x16\xad!\xcc\xe1x\x18K%\xcb\x9e\x90\x19\x8e\x16\xd2R\xf9\xd1\xd3hTY\x0c1*Rpx\x92\xa9L*\x96I\xc7|8n\x08\x83\xd7\xbe\xa9\x94\x12\xeb1\xdd\x9bo1\xaa\xc0\x16\xf3&lt;\xc9\xf3b\x92\r\x85\x04*\xfbzZ\xdb\xd1\x81\xfa\x9f\x1b\x03\xaelhj\xca\x11J\xe2~P\x10\xf7\xe5p\x0e{821\xf1\xec\xae\x94\xb9\xf5x\xb0\xd7&gt;`4Z;\x0c\x18\x06\x01\xc3bE6\x18\x0c\xea\x03\x0b\xaf\xd3\x89t&gt;\x9f&amp;\x16\xa8M\xc7#G\x84M\xf2\x18\x84\x14Oex.\xd1\xde\xd77\xc1J\x8b\xe5\xee\xb5\xa7u*U\x87Vk\xd5\xf1\x18\x96)\x96)\xb6P\x88\x04\xa0\xcf\xb7-dwvv6\x1f=\xba\x87\xaeg\x88\x98\xc5j\xe0p\x92K\x10]\x97/O\xb0?HX z\xbeu\xdb\xed.\xdc\x00\x11\xb3\xb6Xt:L,\xce\x11\xc5\xdbs\xe59\x82^(&amp;\xe7\xe6w\xca\xf3\xf7",P\xe5Dh\x87t\x1c\xc7\xb9\x88.\xd3\xf8\xe5\tAB\xac\x033\xdf\xba{{\xed.p\xa6VHo\xabJ\xe7O\xe5\x92)\\L\xf9b\x90\xdd\xb9\xe2\xdcm_r\xeev2\x19\x8b\x01\x96\xb1U\x07\x1d6\x9d\xd5\x98O\x9e\xef\xa3~8 ]\xc6W\xb0\xdcL\x02\xe7,\xad_\xb4Bs\xa8\xe33\x19\xde\xcf\x89\xb1\x18\xce\xf1\x00\x93\x13\xf1d2\x95Z\x15S\xd0A\xaa\x0c\xe1D4\xea\x1co&gt;q\xfe\x82\xe6+\xe9\xb0\x0e\xcc\xbc\xec\x85\xc5\xb82\x89\xb0\xb5\x15M\xf7\xb4\xe8`\xc3\xf1\xb1T&amp;&amp;\xfa\x11]J\xf4s1\x91\xc7VE\x03\x8a\xa1\x8f\x86&gt;\xa9\xfb\xd4\x89\xab\xd7\x9d\x8f{$T\xeb\x89\xdd\x0ej\xf9b\x99\x0c\xa9B\xf7F\xce@\xad0\xf0\xa9\x18\x9fJ\x89\xa2\x18\x13s\xb9L*\xe5\xc7\xfc&lt;f=\xd3\xe2\x87\x08\xdal\x9a\x13\xc7\x01\xab\xeb\xa5d\xf3\x18\xe0 \x00\xcb\xedf\x18W"\x93\t\xab\xd0(\x8f\x11\x9a|,\x15\xc38\x80\x8a\xf1\xab\xc9\xdbbJ\xc40\xbf\xae\xe5\x17F\x0cQQ\x14\xc2:\x7f}\xe4\xa5\\:\xac\xaa\xb7H-\x02\xe4Jd\xf0\xb0\xf5\x0b4-\xa2\xb2\x1a21\x9e\x0f\xfbE\xbfnU\xe4\r\x98\x0e\x02\xfb\xdd\x99VC\x8a@XB\xa0\r\xb0\xfa&amp;\x9eTI\x87u\xe7\',\x06\x0e\x16\x1c\xe7u\xadhTKe\xc1x8\x14\xfd\xab\x06-:\x18\xa1\xceB\xc92\x1ab\xd0Z\x94(A\x08\xe8\xcfA\xcaO\xbc\xbd#)V\xaf\xbb\x97!rL*\x83s\xe0\rZ\xf6\xe3\xa8\xf3[t&lt;o\x01\xcf\x03L\xbc\xdfr\xc6\xa8\xcb\x10\x80\x85\x1e\x81\x05\xf4\xa0\xd6\xe5\x89\x9bRbm\xd8{\xaf\xb8\xdd\xf0\x8d\xb9\x18T\t8\xae\xb5Ft_\xca\x8a\x9eG\xe8\xb4Z\x1d\x84\xd0\xf0\x9dE\xa52\xe0&gt;0&lt;6\x81\rx\xf4\xfa\x86S\x80\xf5Lj\xac+\x83\x834\x91\x83\xf4\xc2q\x9c#\xa1\xb0\xee\xcf\x92\xa1GJ\x16+\xbar\xa6\xd2\x81\xef\xf1\x11Y\xa0\x12X\xc0\x82 \xfejb^\xb2\xd9\xbb\n\xd6\xef\x80\n\xb0\xd0U\xa9\x04\x9e\x87\xcez\xe0FG\x0b\x9a\xb13\xee\xdf\x81\x83\x12\x1b\xc6\x13.\x82(\xda\xa82\xc40\xa4o@\xd7\xe6\xfb\xbeyZ+\x97\x0c\xebo\xe8\xceA{\xfb \x01\\&gt;\xe0\xe2\x00k\xe0F\xc5\xd5\x18[\x8cFcK\xc7\r2\x0f\xd6\x95\x81\x08\x96)\x01|\xb3\x07bx\xf2\xcfW\xaf\x97\x96\'\x955=\xd2`\xddEX##\xd1h\x14\xd2\xcb\x07\x0b\t6=0\xf0\xa5\x16\xc8\xc0U\xdc\x80\xde6\x9dp1\xf0\x0f\xa0\x15\x05f,\xa4\xefl8\xfe\xcb\x93W/\xb8\x9f/7*\x8fI1\xddy\xa8\xea\xc1:\xc2\xea\x82\x15\x8d\xd2\x0c\x83\xb8\xd2\xe9\xf45r\x00\xd6\xf4\xef\xf3`\xb8\xd2ih\xee\xa1\x88\x02\x95 x`\xa1\x8c?u\xf2O\x17\xda\xf9?\xfe\xb5\xa9NyT\xf6\x99\x8dD\xcf\x8cR1\xb4\xde\x8b\xd4\xeaBd \x18\x03\xf5\xde\x95H\xb8\xae\xe5\xaf=\xb4\xdb\xed\x8c{\x90\x18\xa4\xa3P\xac\xca6p\xd3!O\x10YD\xfd\xb9\xe3\xc7\x01\xab\xcb\x87=\x9f\xad\xabU*\x95U=\x9f\xcd\xe3\xf4\xc8\x14C\xf5\xf5\x8aa\xc0\x1a\xa9\xa8U\xd1\x0b*\x13\xb0\xbd~\r\xaeb\xc4\xd9\xe5\xd4P\x02\x05H\x14\x84\xcf\x86\x94\x8a\x04\x83\x9d\xfd\x10C\xc0:\x7f\xd9I\xbbV\xbf^\xaa\x95\x1d\xacS\x1e\xaeS~\x96`\x1e\xaa\x1d\x8a\x8f\x0e\xd7+\x9a\xe2\xff\xac`9aE\xe9h\x174\xa7\x0b\x0b\x04\xb1\xe0\xd4h4\xe6\xee@w \xe4\x81,g\x05\xaa\x0c\x0e?\xe4\x89D"\xea\xc2\xe9\x86\x86\xe3\xa7N\x9e\x1f7-\x0c2\xe2\x8b\xc3\xb2jy\xd5Qe]\xe3\xb1O\xcf\xfe\x19\xe5\xe8\xd2pScS\x93\xe2~\x12\x05\xd1\xa91\x99L@f\x03\xa7\x8c\x16\x1c|\xfa\xb6@\x9b^\x1f\x0cF@#\x08\x1f4\xae\x01O0R\xe8W\xab\x8f\x1c9\rXcfM6\xda\xe5{qTV]]-\x97\xd7\x1c\xf3*?\x95K\xee\x1d\x8a\xc7\x1b\x1b\xbd\nE\xfdr\xaewp\xc4iB\xe2\xc0+\x10\x1046\xb0.6*\xd4\xd9\xa9\xef\xec\xef/\x14\x1c\x8e d\x14\x94\x05H\xac\x02\x9a\xab\xb9\xa4&gt;\xf2s\xa8\x10cc\x1a\x9b\xd3\x94]\x06,\xb9\x1c\xc0d\xb5\xde\xa3\x9f\x92`3\xb5\xca\xe1\xd1\xe1\xf80\xd2J1\xfc"\xe7\x06\xb1L\xe6\xee\xee@s3\xc8\xa3\xef\xfe\t+R8\xeb8\xeb\x98r\xdcs \xc5\xa00\x80j\xea\xa9\x8b\x15\xac\xd3\xfbX&amp;\x8d\xd9\xf6JQS#\x97\xcbd\xf2\xea\x9f\x1d\xf6\x1e\xfc\xe8\x9c\x92)\'GG\x97\xe05\xd4T\xc1Zg\x06\xa1&gt;\x00V\xa0\xad\xa1\xb3\xa1\xa1A\xdf\xad\xb1\x99 \x96\x94G\x8d\xa6{\xa6\x1c\x8eB$\x88\xf6 H\xd6\x7f\xf6\xe2E$\x17\xc2\x1a\x83 \x82\xbc\xa6\x8d\xe1\xaa*\x08\xa3LV]u\xd4\xeb\x95\x7fd\x99\xf2\x8e\xc6G\xe3\xf1\xf8p|\xa9\xbe\tq!\xac\xc1\xf6}\xacNu\x7f\x7f\xa7&gt;`\xd6\x98\xcd\x94F#\x04\xd1\xd0\xe4\xd9)\x07PyX\xb6B55\x85\xc6\xb6.\xa19\x11\x94[\x1a\xf3\xd8\xf8\xc6h\r,\x19\xc8Uu\xac\xd6[\xfbQJ\xd5\r\xc5\x97\xe2\xa3K\xf1\xc9\xfa\xf8,\xc2R4\r\xaf\xbb\xe0@\x1cA\xbfF\xb5uB:\xab;\xdb\xba\xcdf$\x84\xa6[\x7fD\xad&gt;\xab\xee\x0f"\xa1&lt;\x90\xfc\xfdS\x17/\xa2\xc1\xadKh\xde\xa7\xb9\x19\xf0\xc7N\x8cm\x0cW\xefcUW\xd5\x1eT6\x1e\xfc\x7f\x8dtO\x8dw\x12J\x02h5\x1bW\xfc\x07K1\xf4u\x02\xb0\xda\x9d\xe3\xe6\xee\xe6s\r\xa7\x81K\x8f\xbe\x0f\xb8L\xa6q\x08+\xc8\xd7\xa6\xef\xff7%\xe7\xf3\xdaFz\xc6qi43\xd2(3Z\xf4j&lt;c\xcd\x8c~ \xcbcK\x87\x08d\x83L\xed\x8b.\xaeI\tN.\x8b;\t\x96d\x15\xb1\x85E1\xd1\xeee\xd9\x93\xfe\x80V\x08\xf6\xa0\xeb\x06|\x111I\x8aas\xd8C\x8c\\\x16lp\x8c\x15bJ\xbdu\xbc\x85%\x14z\x08l\xaf\xdb\xef\xf3\x8e\x94\xb6\xb4\xb4\xdb\x07GJ,\xdb\xfa\xe8\xfb&lt;\xcf\xf7y\x86\xe8u\x95\xecjn\xf6\xd6\xad\x9f\xdf\xf2\xb1@\xf5`}q\xb5\x98\xda}\xab\x87\xa7X\x86\xa4X\xbae\xfc?\x89\xdc\x90\x9a\xbd\x86\xd7n4\xf5^w\xaf\xed\xea\xdd\xbd\x9e\x0e*\xdd\xfb\xd3\xcf\xb6(\x8b0\xa9\xf5r\xb2\x00\xac\\\x99\xb0V\x17\xe1\x17\x8b\xbb\xc5\x12\xa8\xd0\x90\xd5\xea\xe6\xbd\xd9Y\xa2\x9a]\x98C\x0e3\xbb\xf0\xb4\xd5b\xb6\xb0zn\x87yDd\xc9\x96$\xc5f:\xfb\xc9\x8am\x18\xa6\xd7\xf0\x00\xd1k\xa2\x9c\xba\xa8\xf6\xf6^\x03P\xbai\xfe\xfe\x0fT\\\xc8\xe2*\x1d\x04\x9cA\x97\x15\xca\xab\x9d\xf5\xd5N\x87\xac\xacC\xc7\xf0\x80\xb5\xb99\xb7@XTY\xb0\x87\xf4\xee.\xd4Z/%\x0b\x1f\x9fq\xad\xf0!k\xb6$\x86%\xcd`\x16\xb3\x7f\n\xd8\x86\xad7\x1a\x983\xccr\xe1U\x96n\xe2\xce\xec\xb6\xf1\x19\xdd\xd4\xf7\xfe\xf8g*.8\xd7j:U\x85Zh\xb3\xf5\xce:bu\xb5\xb3\xd8A\xc9\x95\x90\xc9jn\xee\x1e\x1d\x9c$\xb1\xe8p.\xa80\x01\x92\xb9\xe4\xe3W&lt;\x83\xa0\n\xdb\xb6(\x86EQ\x04X\xd3R\xffW*\xa3*4q\x01\xe0\xd8\xaa\xca\x9aM\xc7a\xaa\xc3\x98\xd9\xe0Xf\xfb\xf8W&gt;\xd6Jg7\x9d\xa4#\xc13\xc9\xe2\xfaz\xb1X$2\xdc\x03\xab\n\xe7\xb8\xc7\xcfs\xde\x82X\xb0x&lt;\xfa\x00Q\x9d\xfb\xe4\x8d\xe1\x17\x16\x06\x90\xaa\xf9X\xa2\xa2i\x00\xfboCr#\xc2z\x90\x89\xe9=]U4\xdbp\\\xd7\xb1\x1d\xd5\xc0l5]\x13T\xa6\xf7\xfa\xb7[\x1fn}xwe\xad\xd3A\xd1\xd3{%\x93e0\x15\xfd(\x97\xcb%\xb8Y*wo\xd6\x8f\x19\xcc\xc3t\x91s\x956\xe7\x1e\xef\xcbS,IU\x0c\x91\x87\xa4(\x12\x9a\x12`\xffq\x1a\xdd\x88:f\xc33-\x95\xe9\x9e\xaej\x8a\xa2)\xb6\xab[6\xe42l\xdc\xbaDev\xff\xf6\x8b\x0f\xe9\x7f\x14Wv W\xca\xe7J\xef\xae\xef\x16\x8bib*\x95\xcbK%\xf4\xe8\xcc\xaf\xe9\xa0)\xba0Eo\xeb\'\xdeRr\xaez\xa2\xfbm\x08.\xc5Vm\xd1P X\xd8\xd7Le\x96%n\xfc\xfbe\xbc\x83:7\x9b\xc8\x1cta\x06\xa4U\xa8\x83!\x97\xca\x98j\x03\xcc5{^O\x7f\xfd\x1b\xf4\xe2G\xb7W\xd6\xdes\xe5JE\xd4t\x9a\x98J\x08`\xe1\x93\xf7\xe8`\xeeB\xaeFXD\xbc\xb4\xb4\xb9\xf0\xd9\xb92)-\x8cjU\x95$U\xe2M\x19\xa1\xde\x14\x15\x075#\xfe\xcbI\xc1\x1b\x8f\x14\xddk\xf4\\GU\x9d&amp;\xea\xca\xd04\x83\xb0\x98\x0eP[ul\tMc\x81\xbb\xa1{\xdfmm\xa1\x17o\xaf\xad\xed\x80\x85\xb8\n\xdc.\x81\xb5D\\K\xc8a\xe1\xfe\xcc\x0c?\x91^H%S\xe9t\xb6\x8c\x070\x14\xbe\xda\x9b\xb8\x03&lt;\x9e\x19\x92h\xd8\x90\n#2J\\\xbeb\xcd\xa6\x12}/\xd9\x06d\xf1&lt;\x9d\xa9\xaa\nQ\x9a\x8e\x01K\x81Z\x8a\x82\xfa\xd7-Ua\xb0z]S\x81\xd5\xf6\xacW\x7f\xd9\xc2nC\xa79;&gt;W\xb2\x90*\x95\xa8\xd8\x97(\x8b\x80K\xd5\n\xfc$:\x1dDO\xa5\xb2%&lt;\x8c\x14.|\xfc\x9d5\xa5\x925\x15 \x1a\x17\x0bXTq\xfc!\xd1F*\r\xbf\xc86"\xa8!\xcf\x84T\xb6m\x00\xd0Q$\x90C+`!\xa1\x96\xd5\x1d\xf5\x87W\xd7\xbab\x01\xabm\xb2\xfd\'[\x1f}~\xfbs\x9f+\x9b*\x14\n\xa9r\xb9\x98I\x97\xcaiJb\x19(\xb5Z\xa1\x90\xcb\xe5\xa0T:\x9bJRl.,\xfd\xb0O\xe9\xf2s\x88\xa2\nK\x129\x98\xec/:Q?\x95a\t}o)\x00\xdbP\x18\xd2\x03C\xa0\xcc)\xb6\xee\xda\xc0\x02\x12\xf4\xd2TWg\x8dQ?\x1f\x0b\x86\xae\x8e$U\x07VCggO \x16q\xadu\xd2\xe9T\xaaP\xf3\xcb:=\x89l6K\xef\xe0%\xac,a\xe1/\xd5\xcd\x85\xb9\x97\xafE&lt;7o\xc3hX\xbe!\xc3\x1f\xf8?y\xb1\x91\xc3F\xb8f\xa2\xa1\xa2-\x95\x80FT.)\x85z\x92,\xd32\x142\x07\xc3\xa6\xfe\xb3\xcc\x17\xefZ\xb1`&lt;\x1e\xaa\x8f\xe0/\x98\x91m\xcf\xb5\xce^\xde]\x01\x18\xf4\xa2wT#\x80\x95\xa6\x834\x99\xcc\xf2r&amp;\x9d\xd9\xde\xceB\xae\x1a-\xf1\xa9d\x8eF\xfa\xc2\x17\x9f\xbee\x8f \x0b\xdfM#\x8d\xcb#G\x16\xc3\x13(\x9e&gt;\xd1o\x06\xd8\x1fvc\x00\x00\x07\x9aIDAT\x12\xccp\x1c+\xe0\xb8\x9eg\xa1\xd3H-I\xd3M\xaa0\x84\x83\xf27\xf4\xbd\xf10\x16\n\xe6+q!\xfe\xceT\x0c\xcb\x03W\xaf\xd9&lt;\xfd~\x85N\xcc\xdc\xde\xd9\xc9@\x1b\xd4\xcf\x14iw\x197\x99\x83\xedm`\x81\x8a\xca\x9f\x16\x8b\x85\xd9_~\x7f\x18\x05\x10\x85\x1c\xb5\xaf\x07W\xe3\xae\x18\x9d M\x1a\x81\x92\xc9S\x89\xdaW\x03z\xa3g\xa9\x86\x81\xceS$\xc91{\x0c\x0e\xc2\x8b\x9f\xb5/\x8f\x87\xf1X,&amp;\xe4\xf3\xf1x|p\xa9\x18\xaa\xcb\xb9\\\xf6\xea\xed\xe2\xda\xce\x1a\xba\xf1af\x9b\xb8p9\xcf\xc3\x97\xeb\x00j!u\xbc\xa8h\xcdX\x98]\xfa\xdd&gt;\x95\xfa\x04\xab\xddoUZ\xfdQC\x9aVT\xc4\'\x9e`A:-\xe0\x99\xcc\xb65^\xe2\xa2\x81\xd2\x07\x16s\x98\xd9\xbd\x1c\xf7\x07\xc2|(\x18\x0c\n\x80\x8a\x0b\xc2\xb7\r\x89sa\xdfq\xed\xc37/W\xd6\x88\x0b*\xa1\xbe\xb2\xdb\x07\xcbO\x11\x07\x07\x07H\xe16\x7f\x0b6\x9c#\xc9\xb7\x8c\x85/\xaaO^\xdb\x91\xe9\x93G\x8d\xd1 \x1f\xcfW\x06\xfd\xf1\xe5Q\xcf\x08\xfb\x89\x95\xe5\x89\xa7Q\x99\x85\xc5\x00\x15;\x99\x14Bq=\x13\xf6i\x1e\x8d.\xfaW\x83J0\x16J\x84\x82\x02\xa8 W&gt;\xde\x1a\xd9\x1aq50\xc9]\xc3\xda\xff\xeb\xdd\xb5\x9d\x9d\x1d\x88CY\x04\xd7\xb3\x1f\x9f=]&gt;\xd8\x86|0\xae\xfb\xf7a\x1cIH6GK\xd9\x0f\xaf\x19\xad\x7f\xb2/V\xb7\x9f\xcf\xe7+\x15\xfc\x19\x0c\xfb\xc7\xa3\xb6HP@\xa1\xb6\x9cF\x80\xa8(\x83\xd0\x8by\x1e\xeb\xbd\xb8\xe8\x0f\xeb\xf9X\x0c*\xe1F\x10\x82\xc8a\x1eb\xc5\x83hF4g\x93o=\x96J\x82-\xee\xec&lt;\\Ng\x93\x85Z-\x0b\xac\x1f\x9f\xd2\xaf\xf7 \xad@E\x95\xc5\xb1\xaa\x9f\xbe\xddWdq\x8a\x15u\xc6\x83z\xbd\x95\x17\x90\x07&lt;A\xbe~u\xf1\xa2\xa7E"\xbeh\xd3\x08`\xce\x10\x95\xad\x1a\xaa\xd9h\x8f\xfa\x83\x8a@4\x02\xa0\xa8\x05\x05\xca!t\x9bO$\x82\xef&lt;(J\xd3\tC\xc8r\x14\xb6\x7f\xfer\xf1\xe1r&amp;\x9b\xcc\x11\xd7\xd3g\xcf8V\xb6\xc6\xc5J\xd5\xe8\xd7\xa2\xe4\xe6&gt;y|\xd6\x93a\x07\xe2\x84*\xfcbXi\xe5\x83!\xca\x04\xcfC\xbc2\xbc82\xc2\x91Iyqo\x93\x03\x1a\x19\xba\x06\xaf`\x96\xde=n\xc5B\x02\xa4\x81V\xb1P(Dd\xf4\xa2\x12\xf37o\x82\xab26%ln\x04f\xeaM\xcc\x0f\xf6\xea\xfc\xab\x07\x99L\x16\x13\x08\x86@H\xa9\x1a\xf7x`qC\xad~\xf9\xf8\xcd\xa1\xf4\x88\x17\xb2\x9fB\x19)\x14\xa8:\xd0I\x15\x8aV\xa5\xde\xbf41\xb9\x95\xf0\xa4\xe2\x89+\x00\x972\x00\x85\xeekv\xc7-@A \xa8\x1b#\xacP\x02\xdf\x1eJ\xcc\x83\x8a\xb0B\xf5k\x93\x16\x11\x8c\x08\xac\xf6\xf8\x0e\xe4\xfd\xf0\xec\xedgK\xb43\xcc\x00\x05\xb6@84\x121z\x92\xd5;\'g\x87\xaa\x8cr\x92\xfd\x8bi\xdc\x99\xc7T\xb3\xc4\xd4\xaa#\x97\xf8\x18\x1cw\x99\xa6Z\x0c\x8e\xc4\x1c\x82\xe3I\xd4`\x9a\x96I\x97\x13\xa3~%\x08U\x05J!\x17\x0b&lt;\x80!&amp;\xc2\x9aO\x04\x85\xfa\x98s)Xt\xf8+\xc1\xe6\xab5_\x9d\x9d?\xbe\xb3Y\xe0"\x91L9\xdcB\xa7;\'o\xf6\x9fk\xb2&lt;\x99/\x14\x91hs\\\xc7S\x10\xd2`0\x1c\x0eZ\xad\xd6p\xdcf.m\xbe\x08\xbcX\xe6h\x98\xde\x8f\x02j\xd35\xf7\xc6\xfdo\x8f\xfb\x95\x10\xb2\r"\x8e\xe5C!n~\xf0\x81\xcf\x05\xaa`\xa8r\xd1\x90\xe0%\x1aF\x00\xa6\x17^\xa0\x86\x01*9\x87\xa7o\xceON\xbe\xbe\xf3%6f\x00}}rr~\x06\xa6\x08\xe94\x11\x8a_\xb4\xea\xd7\x83\nD\x1a\x0c\x07\x83A}P\'\x97\x18\xb5=lr\xa6\x8e\xdd\x1c\xfb\x94\xa1\xe1G*\xa2\x1c\xb0\xcc\xa3\xeb+\x81\x12E&amp;\x05}\x83TO\xa1\xa9J\x04\xc5\xc1\x121!\x06\xca\xfc\xbb.\xcc\x84\x8fL\x0c(\xb2]\x8c,\xda\xe5\xd4\xe7\x87\xdf\x9c\x9e\x9e!NO\xbf9|\xae\x86\xa3\x13\x8d"\xd3\xbe\x8fD\xcd\xeb!\xc94\xa0\xf4U\x84`e\xd8\xbf&gt;\xc2\xea\xe92\x9a\xc3d\x9c\xb4\xdf\xc0\xe5\x15-\x80Q\\\t\x05C\xf3\xf4\xc4TN\xc0\x8a\xf9J\x11\xd44\x81\xf3\xf8&lt;\xba\x11\xb7\xf9\xfe\x9eJ\x8b.\xed&gt;S2\x92\x8c\x8a\x1a\xb2\xc8a\x1f\x81L(2\xc1\xf2C\x96\xbd1\xe5\r\x86\x15\xa7g\x12\x86\x17/pA\xe5\xd2%\xd0$\xe4\x88(\xca\xd1\x08\x08\x03\x17\x03H\x14\x8cA\xacD(1e\xba\xf9\xcf1\x9f\xe0\xfdH\xd9\x859\xe7\xf3W#\x93/\xaf\\4\x8cu\x0eF\xa0\xa2(\xfec\xc4\xbd\xa7\x99\xde\x8bG\xef\xeay\xde\x85\xd4H\xc1\xfa\xf1\x9e\xab"k\xc6\xfb!\x8d/\x95\x08\x11\xb3\xda\n@\xccPB\x10\xd0\xb2\xe4\x07\xb1IE\xf9d(x\xfe#\xf8\xf8A\x8b\xc6\xa9\xa7\xf3B\xfd\xa2k(\x7f\xaf\xc2\xeaq\x13\x87\xc2\xa0\x7f\xde38Z?\t\x83\x8c\x14\\\x92\\\xc1W\xd83\xa42B\xa2\xe4\x10\x9c`\xe5\x8ez%\x1aN\x81d\xaa\xb4\x14i\x1cY&gt;\x02\'\xd8\x99y\xf6j\x17)\t\t\xc1\x1e\x8f\xe7\x9b\x99\x0f\xe5\x02\x91e\x99\xcf\xf9\x82\x0fv5\xa3\x83\xcf\xe7\xff!K\xf6]\x83S\xd1\xa1\x17\x15\x94\xde\x0f\xbb2/2\xdc=+b\xf90\x99\x14\x8bM\xf0=X\x10\x11mM\x82\xfa\x17\xd5\x9bG\xc4\xf4\x89\xfc$\x10Y\x88&lt;B\xce\xae\x95\x0b\x1e\x19!1\'\x8a)\xc5\x00k&gt;\x9b\xfb\xe2\xa2}5I\xef_\xd7\n\x17u\xa8\x0f\x07\xaa\xab\xe9~\xed\xb1\xbb\xfc`\x9d\'UTg\xa6\xf1~\xd5^\x13D\x989W\xc1o#e \xad\x8a\x1c\t\x13\x91l\xe9c&gt;\xb05\x9fp{\x80\xac\x01,\x93\xc0&amp;\xd24\x08#*\xc2\x923z\x1fMfk\xa6G\xc5\x80f\x14V\xe7\xe7\x85N\x80\xb93\xf8\xbf\xcc7\xa9\x9c\xcd\xa5\xe4\xb7\xd4\xd8@1\x00\xae"OI\xc8A\x94\xb9\x8b$Gz\xe2HDyU\x80\xac\x90\x7f\xaf\x9b\xe1\xf4^@\x9d\x98!\xab\x9a=N\x93\xe1}\x1c\x9b\x00k\xd4\xac&lt;\xb6\xdfp(J\x1d\xf1\n\xb6`U`\xd8\xda\x8d\x96\x86\xcd\xc8\x11\xfcY\xbfK\x06\x81#,\xc6^$\xf5\xf8\x12\xa3\x1c\xc4+@\xe2\xa5.*\x89\xca\xe3\xd6=\xad\xfb\xcf\xee\x98\xa7ZA)(\xea\x8aDQ\xf8S\x8fJ\xb2\xd5\xfd\xd1\xd4\x15\xc3\x996\x8a\xa2U\xf7\xed\x07k&amp;\xf3.\xe7\xe7\t\xd0\x12V\x9bW\xdc\xd4\x8cW\x85\x03\xd8,\x90\x9d\xeb\xbc:\xd7B\xe1\x03\x8a\xa4\xb0%\xbb)\xfbC\xe8\x99\x02\x8dt\xb6i0\x11g\xc3e\xb7\x9f%VT\x8d\xb0\x84\xcb\xcc^~\'\xc5\xea\xd4&gt;\x99\xfdN\x06\x8d\x0b\r\x0f\xbc\x96\x8f5\x1d}\x0f\x86\xf8i8\x1a\xde\xc6\xa6\xa4\x0e\x96\xc3\xb7B\xa4\x81#\t\x94\x10M4\xf6\xfe\xbetK\x1f7\xb1\xbaD\xe4\x96q&lt;zZ&lt;\xa2\n\xfd\x08l\xebk\xf3\xb8\x1ds\x03\x01\x19?\x03\x86\xa9\xfc\x13\xab\xe0\xee2&lt;\xfb\xf3A\xd3\xab\x82\x1b\xc1\xf4\xda\xfbn\x058\xa5zy\t\x87\x005\xc6\x16\n\x0b\x9bzK\x05\xba\x80\x95\x05\x01MN\x80\x88\xf7\x8a3H\xa68\x872|\xe7&amp;\xfb@\x99X\xeag8N\xe6\x96j97\xc3\xed\x8eU\x8d9\x0b\x9a,V\xe0\xe3\x1d\xed\xf6\n/\x87\x17\xd4\xb5\xbe\x98\xca_\xa7\\[\x02\xf5Cu\xa52\x14Ch\x12\'w.\xe2\xda\x88-\xa7\xc3\x93\xafP^\xfa&amp;\x15\xf9\xc4\x96s9\xa1\x8a\x9d\xe7L\x03\x11E\x13,\xceV\xdd7\x9fC\xdbu\xb7[\xd7\xb5\xc3\xe3IH\x84\xc3\xf1[\xb0S\xe1Yu~\x10\xd5(!\x8b\xe8\xb3\x7f\xc7\x18\x17#oN\xa5y\xbb\xf9\x03\xaf\x96\xd3h;\x0c\n\x96\x00\x00\x00\x00IEND\xaeB`\x82'</t>
        </is>
      </c>
      <c r="M415" s="3" t="n">
        <v>45492.67872685185</v>
      </c>
    </row>
    <row r="416">
      <c r="A416" t="n">
        <v>1035995</v>
      </c>
      <c r="B416" t="n">
        <v>1958</v>
      </c>
      <c r="C416" t="inlineStr">
        <is>
          <t>Luiz Henrique</t>
        </is>
      </c>
      <c r="D416" t="inlineStr">
        <is>
          <t>L. Henrique</t>
        </is>
      </c>
      <c r="E416" t="inlineStr">
        <is>
          <t>PD</t>
        </is>
      </c>
      <c r="F416" t="inlineStr">
        <is>
          <t>ATA</t>
        </is>
      </c>
      <c r="G416" t="inlineStr">
        <is>
          <t>PD</t>
        </is>
      </c>
      <c r="H416" t="n">
        <v>182</v>
      </c>
      <c r="I416" t="n">
        <v>7</v>
      </c>
      <c r="J416" s="2" t="n">
        <v>36892</v>
      </c>
      <c r="K416" t="inlineStr">
        <is>
          <t>Left</t>
        </is>
      </c>
      <c r="L4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0d81ac9-f58c-4b13-a099-941c0ce8c7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b6\x08\x1d\x00\x00\x00\tpHYs\x00\x00\x0e\xc4\x00\x00\x0e\xc4\x01\x95+\x0e\x1b\x00\x00\x03\x00PLTE\xff\xff\xff\xfb\xf9\xf4\xfb\xfb\xf6=97\xff\xfa\xf7\xfc\xfb\xf7\xfe\xff\xfa\xff\xfe\xfe\xfe\xfe\xf9\xfc\xfa\xf5\xff\xfd\xf7?;8&lt;75\xff\xfe\xfd\xfe\xfd\xfb\x17\x17\x14@&lt;9\xfd\xfd\xf9\xff\xfb\xf7/-)\x1a\x1b\x19\xfe\xfc\xf9h&gt;-\xf6\xf2\xec-*(*(%\xfc\xf9\xf3G1%EA?zH4963l@-\xfb\xf8\xf1\x1e\x1e\x1bvG3\xfe\xfb\xf6pB/\xfe\xfa\xf4\'%"\xf7\xf4\xee\x96bK7310/,\xfd\xfd\xf7B&gt;&lt;\xfd\xfd\xfdT6(P5\'""\x1f\xf9\xf5\xef\xfd\xfb\xf7\xfc\xfb\xfa\x92P040-\xf1\xee\xe9\x98]Cc7&amp;\xfa\xf7\xf3\xf5\xf1\xea\x87XE\x8b]J\x84L5\x7fN:c&lt;+\x89R9_&lt;-\xff\xff\xfdE?&lt;J. 52/[8)\xf9\xf6\xf0D*\x1e_7&amp;}K6&lt;$\x19rE3\x9caH[&lt;-=-"\xb3lJH7)\xfd\xfd\xfaO2#mC2]2!yK8J3&amp;tK:M7)\x84UB\x8bZE\x96S3L:-\xadmQ\xfa\xfa\xf8\xf5\xf4\xf2\xa5fJ\xfb\xf6\xef\x81H/\xaciJ\xa2_@\xef\xec\xe6\x90]GU2#uD/\x1d\x19\x15q@+mG7hC4R9+\x8cN1\x98Y&lt;\xa4bE\xa0\\&lt;i@0qN?\xf1\xf0\xeff;*\x9d_CP=0yO=\x83S?l=)\x9ffMy?&amp;`@2e@0\xeb\xe9\xe8uP@S@3B."oJ;\x91S7\xe9\xe6\xe13-(W9+zD.\x88T&gt;\xed\xe9\xe3\x90J)\xb4qRX6%\x99fP\xfd\xf9\xf6\x93ZA\x8dT;\x87O6\x92cO\xf8\xf7\xf6\x84P:\xfa\xf4\xec:41xSDD&lt;:O)\x1a\xd4\xd1\xd01$\x1d\x90W=\xa4mVHDBzXJ\xbe\x82f8(\x1eXG:&amp;\x1a\x12fG9]J?\xacfE\x92`I\xa5iO\x9dW7\xbdtS\xe3\xe2\xe2a][\xdf\xdd\xdb\xafsX\xb3z_~R?\xc3\x8br\xa4\xa3\xa1qnm\x9aU4\x88F&amp;\xd8\xd6\xd5TQO\x9cjT\xc7\x93zD3&amp;-\x1e\x17X,\x1d)"\x1cr:#\xce\xcc\xcbYA5\x80}|@5.\xa9a@\xbaxY\x8f\x8d\x8cgdc\xc4\xc2\xc0\xac\xab\xa9\xa6Y4MJH\xd3\x7f^\xe7\xe2\xdbi8$\x81^R\x98\x95\x93\xbe\xbb\xb9\x7fUD\x82[I\xdd\xd8\xd5\xda\x87i\x9eO(\x7fB&amp;\xc8zZ\x9f\x9d\x9bjWN\xca\xc6\xc4\xa8t\\[XVC"\x15\xb7\x80g\x8a\x87\x86zus\xc5\x85i\x89\x82~\xd7\xc1\xb8\xb7b&gt;\xb8\xb6\xb5\xb4\xaf\xad\xdb\xcf\xc9\xb0_&lt;\xbfjF\xa0\x93\x90`PF\xac|f\xb2\xa4\xa1\x93zq\xa2\x8a\x83\xcd\x9a\x81\xc8pN\xe7\x90x\xab\x9d\x99\x8cl^\xe3\x9d\x85\xe6\xd8\xd0\xc3\xa9\xa0qb[\xd3\xb3\x9f\xf0\xbf\xa8\xd0\xa4\x89\xe5\xa9\x92\xb8\x9a\x896\xf9\xb0a\x00\x00 \x00IDATx\xda\xcc\xd8[LZy\x1e\x07\xf0&amp;}\xe0a\x9bu\x12\xc9\t\x84\xe2\t\x84\x105\x0b\x9cDMIP\x8e$\x96\x88"H@.\xa2X\xa2D@A;(EPP\xd1\xad\x1a/\xf1Fj\xa6\xea(j[\x8d\xf7\xb6\xe3\xb5\xa8\xb5\xad\xed\x9a\xd4m\xfb\xd0\xd8\xe9lk;\x99&gt;t\xdd\xdd&amp;\xedC\'\x93\xdd\xdfA\xf7a\xdf\xe7\xe8\xfe\x0ex@\x1f\xf8\xe4\xfb\xfb\xfd\xff\xe7\xe0\x993\xbfGQ\xfe\xa7\xce\xfc_\x14!\xe1\xf1x\xc7\xa7\xa3\x17\xa7N\xa3\xf0\xe0\xb8T?\xbdt\xfd\xfa\xe6\xf5\xa5\xa5\xa5\xe9\xfa\xea\xa4(\xeetQ&lt;J\xff\xec\xb3Gwv\x96\x97ww\x97\x7fZ^\xde\xb9s\x7f\xff\x97\xcdK\x94S\x84\xc1g\x17U?~\xf4\xd37q\x17\x13\xe2\xe2\x12\x12\xce\xc6\x9dKIIH\xbcxv\xf9\xfd\x93\xd9\xa2\xd3rQx\x97\xa6?\xdc\xd9=\x7f\x91K\xa3\xd3i\xb4XZ,\x9dK\x87S"-\xf1\xda\xb9\x99\xdb\xd3E\xbc\xd3P\xf1\xaa\xaf\xef\xcf\x9c\xa3\xd1R\xe8\xdcD.\x8b\x85\xd11*\x8bEea@K\xa4\xd3\xb9)w\x9e\xd5\x9f\x86k\xf6\xaf\xcb\x17c\xe1\xf3Y,.\x86Q1.\x17c\xc1\x81Q\xa9T\x16\x9d\x0bo\xb9q\x07\x9b\xfdgN\xb8\x93\xfd\x9b\x07\x7f\xb8J\xa7c\x18\xa4\x03,\x16\x15\x9eDX,P\x11\x85\x81\x8c\xb6{\xbb\x9ar\xa2\xb0?\xef/\'\xa6\\\xa4\x11 \x16\xe1\x89\x89\x01O\xb4\x08\x13\xfc\x04.\x8dN;\xfbh6\xe9\xc461\n\xaf\xfe\xd1\xf9X.-\x85\x86\xb1\x8e511\xd1\x07\xbc ~C \x89\xbc0z\xdc\xcc\x87j\xde\xc9\x8c\x18%\xa9\xfa\xf6\xf7\x89\x89\xd0%\xd6\x11(\xfa\xb4G\xcf1T\x165\x86z\x9c\x1d\x08\xb9\x10X\xfd\x89\xeca\xb0/&lt;9\x1fK\x87^\x81\x84e\xb7G\xc6\xed\xe3\xe3\x91\xc8\xfax\xc4n\'DD\xd9\x81\x08@"3,\xe5\xfet\xd2\t\xb8xE\xcf\xbe\xe7F\x83b\xd91\xd6\xf8\xa02\x9c\x9d\x9d\tG8\xbc\xbe&gt;n\x87\x02.q\x1cO\x1a\x86\xd1\xeeO\x93\xcf\xa2Pfg\x88I\x874"\xe1\xb5p\xb6Z\xda\xa9\xee\x94\xc9dV\xab\x00h\xd9D\r\x8e\xff\xb7\x9f\xd1\x05\x80%\xbe\xad\xa7\x90\xae\xea\x7f\x14\xcb%:\x88]U2\x04V\t\xcaf\xcb\xd9\xcc,&amp;\x07u\x01M*\xcb\xcb\xcb\xb3f\x0e\x8e\xdb\x81E4\x99H\x15K\xb8}\x89\xf4&amp;n\x9e\'\xb6)VD\xa9Sw\xe2\xa8\x9c\x99%\x0e\xa5\xa7\xf7\xf6\x86Bb\xad\x1c\xe5\xd88e&gt;\xdf\xd3\xbc\xef\xb2\x07Y1\xd1\x95`\'Z\x19\xf7\xb8\x88dU\xf5\x01dE\xc5\xc2\x0c\xbe\x0c\x95k\xf5z\xad\xd8\xebmkKOo\xf3\x8a\xc5Z6\x93m\x93s|e&gt;ag\xe6\xba\xfdx\xfe\x89}c\x87\xe46R~&lt;\x8f\xb1\xec\xebA\xbe\x94\xe8\x9eV[\xb3\x90\x9f\x9fo\xecik\x8b\xb2\x98Z\xb6\\\xce\xe1\xa0\x08\xea\xee\xd4)\x07ai\x1e\xb1b\xe8\x8f\xc9\xdd\xbc\xfa\xdf\xd21\xd6 \x1f\xe1h\xd8l\xb6V+^\x10\x89\x8c\xc6R#\xa8\x80%\xd6\x02K\xc3\xe1\x94\xa1(\x8eK\xa4\xba\xf0\xba\xfd80\xd6\xfdjR\xe3\x9a\x9e\xc1\xb0A\x8fC.\xd7\xa0\x1aPyE\xa9\xa5\xa5\xc6\xd2R`\x85\xc4\xe2,\xa0j4\x90\x15\x8a\xe02\xa9T!P\x1e\xbb\xa8\xd4\xb8\xc7d^\x84\x92~I\xe0F\xd6&amp;\xca\xe5r\x04g{\x01\xd5\xd7\xd5\x15\xdf\xd7\x17o\x14\xa5\xe6\x83J\x0e\xa5q!.\x17\x82\xe0\xb8B\xe1w\x06\xa3\x93\x0f.\xec-\x85\xbc6R\xea\x0f\xb84\xe5VS\xb9\x9c\x83jjBm\xb7\xba^\x0f\x0f\xaft\xad\xc4\xdf*\x05\x96\x96\t\xe3\xc6q\xb9\\(\xaa\xd1\xb8\x02\x12\xa9\xa2\xc5i\x08G\x8e\xba\xb8C\xe2\x96\xca\xdb\xfcS\xec`\xd0\xef\x08\xa0(\xca\xd1\x8a\x815\xbc\xb2\xd2\xd5\xd7\x05,\xa3W\x9c\x05\xa3eC\x11\xa2\xc0\xe6\x08H\x14Np)\xd7\x89\xab\x91}w\x9a\xb4.\xf2.\xed\xd3\xae*3$\xd0$\x1f\x8a\xca\xb3\xbc\xa2[\x10\x15\xb8\x08V\x9b7\x8b\tq\xc12\xc4q&lt;\x00\xaa\x80\x9f`y&lt;A\x180\xbb=\xe1\tiqQ\xa6w\x94J\x81Z\x81\xa0\x04\x8b\xc3\x14\xe7\x13\xb3\xd5\x05\xac\x9c\x0b\xdd\xc66`A\x1f\t\x97$\x10 \xc2RH\xf9NO#\xe1\xb2c\xf4\xb7d\xdd\xe0PxKckA\x81B\xe2F\x10\x9f\x0f\x91k\xc5"c\xd4\xd5\xb7R\x9b\x93sa(\x94\x05\x1b*\xd1F\x89\xc4/\x81\x02\x16\x91\x96G\x17\x1e\x8cD"\x07d\xdd\x10\xf2\x8a&gt;x\xd6\x18j\x05\xeeF\x84B\x99[_#\xce\x17\xa5\xa6\xc2R\x8c_\xa95\x9b\xcdW\x86zCY\xd1.\x06\xfc\x12\x85T\x01\xae\x16\xbe\x13\xca\x10\x0c\x03k\x86\xac\xfb\x08^\xf5{\x95\xca\xd0)\xc1\x11\xb7\xacS\x86\xea\x1bj\xf2SE}]9\x93\xc3\x93\x93\xa6\x0eS\x89\xa5r\xa8\'\x8diC]\x0e\x87\x1f\x92R(\x8eX\x06\xc3\x9ar\x90N;\xff\x8c$VR\xf5W\xc6V\x8b\x15w\xb9e2i@\xa3\x17\x8b\xbdm\xdd\xb59\xe6\xb9\xb9\xb9\xf9\xd1\xd1\xd1\x8e\x9b\x16\xcb\xe5\x0b=\xe9L4\xe0\xf0\xfb\x81\xc4\x87\x07\xa8\x9c\xba\xa0Ry5\xe5,I3O\xa1\xd4\x7f54\xaa\xad8"\x93\xc1\xf4h\xb2\x9a+\x9b\x9b\xaf\x98\xcd\xa67\xa3\xa3\xef\x16\x17\xdf=\xcc5\x99\xcc\xe6I\xd3\x05&amp;\x07\xd2\x92\xb6\xf0\x05Q\x95\xc1\xa0[\x03\xd6\xb5\xb3\xfbI\xa4\xb0x\xbc\x1f_5\x1a\xac2\\(\x93\xe18\xda\xdaly\xf0\xad\xd9d\x82\xa4VW\x17?\xfd\xb6::gz8Wk6]\xe9\t\xb1Q\x9c`\t\xf8\x02\xa7A\xa7\xd3\xad\x05\x83\xdb\xdb\xdb\xef\xabI\x89\x8b\xc7\xfbpC\xe1w\xb8p\xa1\x1bq\xa0\xc5\x95\x97\x81\xb4\x08\xcd{\x07\xaa\xd5\xdf\x8eX\x0fM\x93\x93\x93\xe6\x0b\xbd\xc5\x1cD(%PDX:\x15cMU\xb8}\x87\x9c\x99\xe7%}\xder\xe8\x9b\x107\x82\xbb4(\'d\xec\xeaZ\x19^y=\xbf\xb8\xb8\xfaiu\xf5\xd3\xe2\xc3\xdc\x9b%\x1d\xb9\xb9\xa6\x8e\x92\xc9\xda\xee\xe6\xde\xd62\xbc\x13z\xa8\x13\xe8\x18\x8c5\x06C\xb5\xbd3K\x12\xeb\xe3V\x93\xbe\xdc\xa5)w8\\B\xbc\xbc\xaa\xaa\xe9E\xfe\xc2\xad\xd7\xf3o\x16?\x81kq\xb4\xa3\xe4rI\xeeM\xcb\x95\xee\xa1\xd2\xee\xee\xa1PH\xebR\x00\x8b\x01\xb5\xa6\xd2\x15n\xcf\x90\xc7\x02JSU\xd5\x04.\xb3\x96?o\x9a\xa8\x1ax\xae\x15\xd5N\x9a\x86\x17W\x17\x89\x99\x07V\x87\xa59\x9d\xc9\xd6\xca\xcb\xcb\x1dr6G\xe2\x148\x05\x0c\x9d\n\xf6\x15O\xe1\xcc\x12I\xac\xfd\x89\xaa\x86\x86\x81\x91\xf2N7\xca\x81\x16\x1a\xd9\xf2\x05o\xb7\xb9\xb2\xf2\x8ai~~\xf4\xdd\xc3\x8e\x12KI\xeeTE\xb1\rq\xe1\n\xa7\xce \x802\xb48\x01\xa5*4x&lt;3\xd7\xc9\x9a\xad\x89\x86\x86\xaa\x91\x06w\x9e--mhx~\xae\xabTT\x9ac\x99*\x98\xb2\x94\xc0n\xfa\xe0\xc1\xb7S\x16K\xf2\x0fueB&lt;\xd0\xa2\x0e2\x82\xca\xcc\xa0N\xe0i,,T\x15\x16z&lt;\xaf\xc8b}\x9c\x18\x18\x18x\xa1\xb7\xb5\xbe\xack\xed\x8d?|s8ll\x1bj.(h/\xb0\x94\x98nZ\xfe2u79\xf9\x07\xf8\x1b\xc7%iQ\xab\xa5Ru&amp;|\xb35\x8c5\x12\xac\xc6FrX\x14^\xd1\xbf\x08\xd6\x00\xdbV\xb6Q\xd7\xca\xf4\xc6\xd7\x96\x8a\x16\xd8ZqZE{\xfbT\xc9\x9c\xd9r7\xb9\x1dP\x1bu\xc5L\rRfcj\xe1\x0e\xd6\xfa\xb7\xec\xe0\xd6\r\x8f\n.\xd8\xe4\xa4\xc5\xebO\xaa?\x98\x18\x18\x19\x90\xa3\xbe\x8d\x8d\xba\x8d2o_\xdfB\xb9K(\xe5\xa4U$\xb7\xdf5\xcd\xcfu\xf7\x16\xd7ml&lt;\xddx\x99\x16JK\x0b\x85\xb2\x98r\xb8vZ32\x9c7\xc6 +O\xe1\xdfI`\xfdq\xf6\xe3?&gt;\xbf\x9a\x18\x01\x96\x0fXO\x9fj\x9a\xaa\xb622\x19j\xb5\xa4\xb5\xa2\xa0\xbd\xa2\xfb\xcd\xe1\x90\xd8\xe6\x13\xfa8i\x95Cp\xf9\xee\x86\xbb/\xb9Kh\xb5\xaa\xd5\xfc\xb1\xb1F`\xa9\xc8`%\xfd\xac\x9d\x18\xf3CZ\r\x1c\x9fO(\xb3\xaa\x83\x83\xf6k\t\xb1\xf6p\xc6=\xb4\xb7 \xf9e\xf1\xe1\xeb\x10\x13u\xbb}\xad\xa1\x1e\xe3\xde\xdes\xf8n&amp;w\x13\xff\x99P\xab\xd5[cc[\x9e\xc2\xc2W$l\x10E?\xf7\xd6H\xa5\xfe\x91\xbd&amp;\x04\x91\xdd\xcb\xc8\x1eg|i\xc4b\xc3W\xff\xf9E\x88\xe4W&amp;\xd7\x15\x0f\x0f\xf7\xda\x84yB_k\x9aH\xef\x87\xb5\x17\xcc\xe0+\xf8\xea\x0c(u\xe3\x8d1\xe8\xa1\xea+\t\xdbi\xd1\xaf\xed=z\xa9\x7fo\xaf\x1c\x87\x10\xf8\x99\xd9\x9d\x87_\xc2\xeb\xe37\xfe}\xd8\xb7PSQ\xf1\xb2w\xd8\xd4c\xcb\xbb\'C\xb3R\x07\xa4/^\xed~\x1f\x1b\x19\x1f\xcc\x0ef\x12,\xe7V#,F\xe5A\xfd\xef\xce\xa2T\xaf&amp;7\x8b\xe4\x81\xbd=\x8d\xd0\x1d\xc0\xa5\x01}MMj\xaa\x03\xd7k\xdc5\xcf\x1d\xb6\xd6\xba!\xd3\xe5\xe4b\xe1wy\x88\xb6&lt;s\xe4\xd7\xcf\xff\xe1\xd5\xdc\x7f\xd2\xdc\xef8\xbe4Y\xc8\x92%\xcb~a\xc9!\x84\x84&lt;YM\x16\xe1\x87c\n\x1b\x17!!\x94{\xf1p{\x00\xb56H\x85&lt;\xdc\n\x14\x05\x04\x0e\x15\x1a\x1f\xb5t^\x13\xc2N\x1bZE-fS\x9b\xe8bO\x993\xb3\xc9B\x14r\xb0\x8295\x90Y\xcd\x94\xda\xd6\xda\x9b\xbd\xeeK\xfb/\xc0\x1eB\x9e__\xf9\xbc?\xdf\xef\xf3~\x7f?\xdf_\xff\xe3\x87\xfb=]\x13\x13\xf7\xcf\xf1x\x1c\xcb\x95\xca\x1eq\xfb\xaf58\x11\xef\x9f]\x98Z\xa2\xc1\xd98\x96\x8a%\xb82\x08\x88\x17\x1d#9\xb0\x05\x98\xdd\xc1\x80\xd7g\xbd\xd0j\x1f\xd0\x11R)\x17\xd6\xc0\xa6/\xbd&gt;\xe4\x14\x8bl\xbfp\x02T\xac\xc8!\x03\x15\xbb\x9az~\xf8\xd7\x93\xcb\xd5\xae\xd6[{~k\xa7#\x97\x8d6\xba\x08(\xca@\x19}Z\xba\xc6-w\x98\x820\xc1\xeb\x1b\xd0\xb7^HZQ\x88\x9aJ)B\x1b\xf3L\x0f\xdd\xa3\x84\xbc|.\x19\xd7\x03\xaa\x05\x9ak\xf2\x8a\xea\xf6m\xdc\xf3\xef\xab\xbe\x10\x17\xd3k[C\x1b\xd9 \xb6\x11\xd1\x85m\x83\x14J\xdd\xb4V\xc3\xd4x\x88\xd0\xb2o\xa0\xd9&gt;\xa5o\xd0\xf9\x8c\x80+\xc6uk\x99\x90H \x10\xe0\xb1\xdc^\x15NE"\x91+X\xb8s*\xce\xe3*W\x0b\xd3\xf6yqj\xe6@\x17\xcd\x9a\\.\xe3\xb0\x8d"\x16O\xd7]\x9f\xee\xf0\xf4\r\r3|\x8b\x03\xf9\xfc\xeaT\xf3b&amp;\x03y\xa9\n&gt;\x96\x99\x83!/\x012\x12\xf8\x91^2\x99\xdb\xfb\x15\x0bG\x8aU\x1d\xeb\xcc\xd3\x85\xd5t~9\x945\x11\x8c\x8cA\xb1X\x0cb\x98\xb8\xbb{\xfb\xe9l\xa7\xae\x00\xb0\xd2R\xe9\xc2\xe22\xd5\xe5\xf5z\x11"\xe8;\x8f\x082\xa2(Dp\xb0#\x15\xac\xc3\xc3.\x95\x85\x10\xab\xb6\x88\x98\x8b\xdb\x80*\xbf\x98\xcb\xc2DFX\x0f\xb2\xce\xf6\xf66H;wKbk\x01\xd4*\xbdW\x96\xda\x17}^\x175C\xa5\xa2\xc3\xe1\x1bL"s\xaco\x985Ft\x04\xd8\xbdd\xcb\xe4\xa4%\xe2\xd6\xa4^W\x1f\xeb\x01\xc0\xca\xd3\xb3n\x9d\xae!)\xdd\xd9)U"\xd8\xadR7\xcbW\x18\x18\xc8\xef\x95\xcb\xc7\xe5d\x01\xc2*\x14\x99\x8c\x0bbu\x0e\xb2\x86\xbe\xfc\x04"y#\x97\xac\x1e\x9f\xb4\x04\xea\xe8\xfc\xecz\x95\x83u\xff\xf6\xadtzo*\x9b\x8d\x1a\x0b\xd6\xa4\xb4\xe2F\x01\xd5\xdc\xdc\xcd&gt;\xdd@\xbe\x82\xb5\xb5\xb6V\x1e\xf0\xb9\x14\x19\xaf\xb71 \x1a\x1b\xa4\\\xbadO\xda\xc2,&amp;\x11\x98\x1c\xf5\xe4\xa1\x85\xadQ\xf2\x9d\xd5\xfe*\xf6/\xcd\xa6\xd3\xc7\xd2l\xdc\x8d\xea\x06\xd23\xf7\x80u\xdf\x01\xc5\x9a\xbb9\x94\xdc+\x1f\xa4\xf7\x8e77\xd7\x8e\x0f\x16\x11\x84\xa1C\xa8.\xb9\x92\xc1\xd2K\xa5S\xabv\n0\xf4l\x92j|\x92W\xa4R\xf9\xce\xfd*c]\xbd\xde\xba0Pn\xcf\xc6\x95\xf8/X/\xee\x96\xe6@\x98\xbe3\x18.\xaf\xadm\x95\x8f\xdf|x\x03\xdez\xabmJo\xf5Fz\xbd\x0c\x96mu\n\xc4\r\xca\x98\x91\xca%7\x8dO\x16\x8b\xb1T\xaa\xfaX\x1d\x94\xb0/\xaf\xcf\xc6\xe7\x95\xbe\xc5\xbct\xe7\xde\xdd\xb9\xd9V\xb1\xf8f\xddBy\xe6\xc1\xd6\xda\x17\xac\xcd\x99\xb4\x9d2d\x0b#\x06\x8eA04\xd4\t\xb0V)c\x10\x9f\\\xe9-Y1\x16K\x99\xffY],L\xbfv\xe8Nx\xd1\x07\xec\x16\x8c\x14\x1aV\xaf\x95n\xcdv\xdf`uo\xcfuZ#Bt\xea\xb8|||\xbc\x97n0\xc6&amp;\x8a\x08\x92\xe2p\xf8x\x16eJ*m\xef\x1c\x83\xb82U\xd3x\x82\xafH\xc5\x14\xe6G\xd5\xcd\xfb`\xdf\xd2\x89\xdb\xf3\x99`&lt;\xa8D|\x8b\xcd\x97\xee,i!b\x1d\x88\xd5\x17\xd0\xa2\x10]H&amp;\x0f\xf6\x0e\xd2:~\xf1\xfe\xc4\x04(K\x05a\xd8\xb6*m_\r\xa3.\x83L\xa5\x1e7\x8bPj\xcc\x95\xa82\x16\xf8\xf8XoH\xed\x8ch\xd4\rC\x88O78\xad\xc4*\x97n\xcdL\xe9\xed\xcd\xe82\xc0\xec\x1c\x06\xbd\x1e\x8b\xc9"2a1\xa6PP\xa9\n/\xc3\xa6\xb7\xdbX\x90\x02`\xb5\x8c\x9ba|\n`UYD\xa0\xe2\xddv\xe9\xc2\x8d\x8d\xa0\xdb\x84\xf5z\x8dL\x91\x9c\xb6\xb4\xdd*=H\'\x9b+\x06\xbe\xae\xf4\xda\x94Q\x18\x0c\x86X\x8ccP\xf0\xa9\x04"\x1e\xc9\xa0\x836\xe0\x0c\r\x06\x92\xbae&lt;\xd1\xa8(\xc6\xd8\xf1\x87\xd5v\\\xf5\xbb\xedz\xdb\x85\x91 \xechty\x11\x08\xa2\x8f\xf4\xdd\x18\x0c7/4X}(b\xd4&gt;\xdd\xbe\x1ef\x10\x14\n\x03G\x06\xb0\\\x10^7F\xa4B}\xf8\xc6\x88Lfii\x19\xef\x05\xd2\xb2\r\xcf\xab&gt;\xf9\xc1\\,\x81\xd0Ew*!\xaa\x0b\x8b\xc5\xe6\xe6!&amp;\x8b\xa1+T\xf2\xd72\xca\xe8.\xcd\xea\x1b\xac\x02\x02\xf0\xf8\x1c\xd0Z\xd4\x0c\x02\x0c\x99\x88\x1f Dd\x1c\x95\xa5\xa5\x0b,D\x85\x99\xcb{5Z\x033\xdfzM\x1c\x8d\xbb\t|*\xb6Q\x0e;`M\x1f\xea\xf3\xf9\n\xbeB\x81q\xe3\xfaR\xb8\xe0\xf3\x19\xe5\xc0o\x01\x1dA\xc37\x06\x08"8`\xe0G\x80iV\x03\xac\x88\xc2\xe5\x88\xfd\xfc\xb0\xfag\xcd\x98\xf3\xfb\'\'\'Y\x81\xa8\x91\x8fu\xc0fX\xe3a\xa2\xc0;44\'\xed\x9d\xdd\xdb\xdd\x05\x90\x1d\x8d \xd7z\t\x19\xb0\x0ec\n&gt;\x1f\x0b\x9bH\xa0x&lt;\x8e\xba\xe9\xca$\x9bJ\xc5\x9a\x9f\xd4d\x1c\x85\xc1\xd4\xaf\xbfFQ\x02\xd5a\x82\xe1\xf9y\xb7\x92\x15N\xa6\xed\xe9\x83\xf6\x07;\xf7\xee\xb5&amp;\xf3\xe9K\x14\xd6\xb0\x80\x89\x87\\\n`R#\x11\x93\x89\x0b\xa8\x8a&lt;u\xcb\n\x99-\x92\xcb\x9f_\xad\xc9\x19\x04\xa6\xbe\xfe\xcc\x91\x80\x88`\x03&amp;\xd8\xed\xa1\xe7`\x11^\xa7\xd3Y\xc3\x94\xd6\xb9Riv\xf5@?\xc8\x10\x08\x10\x82#\xe0\xa2*\xb8\\\t\xdb\x1c\xf2\xcbT&lt;!\xaf\xa9\xe9\xf0\x9d_\xee\xc8&gt;\xaa\xd9\xc1|\xdb\tS\x80z\xb1\xa6\xa0\x87F\x8fGW\x84\xe7\x02,\xcf\xc8\xa0M|IokXD\x11\xc8\x9b\xc9\xa4\x80\x84\x1c\x19\xaf\x87\x1c\x82M\xfe\x9e\x1f\x85\xc2\x9e\x96\x96\xc7\x7fyvt\xf4\xef\xb6Z\r}0\xe7w\xddx\x1d\x825\xb9i\xda\x8dh&lt;\x8b\x9bx\xbe\xbb\xfb\xe8\xe4\xe4\xf3\xd3\xd2\xacX\xdb\xc7\x12\xe46\xa2\xd9P\x80s\xff\xbe\x90G\x8a\xe6\xcc\x92\x1f{\x84B\x8ez\xf2\xd9h\xdb\xe5\xcb\xa3\xb5\x1b(~\xbb\x9fc\xea\x8c\x04\x87[\xd3A\xcbEG\xe6\xf9\x9f\xcf\x8c\xfe\xf1\xec\xd9\xfe\xf5\xfe\xb7\xbb\xfb\xfb\xbb\'\xe0\xbf\xff\xdf\xcf\xff\xf9\xfdo\xc8\xfeD&lt;\x9aP\xe3z\x84&lt;N\xcb\xcf\x8f\xea\xeb\xbf\xad\xaf\xe1\x98\x13\xf30;\xa6C\x11\x87)J\xd7\xce\xbb7F\xac\xdd\xef\xaf\xb6\x9d\xfa\xc3\xa9S\xdf}\xf7\xe7_\xfe\xf6\xd4\xe9_}s\xfa\xf4\xdf\xf6\x8f\xc8\xb1@\xc2\x19\x0cI8=\xe7x\x1cr\xd7\xbb\x87\xf5\xb5\xbd\xc5X\xbf\xfe\x9c)\xc0\x1b\t\xf2y:]C\xa3M\x0f\r\xe8\xef\xbe\xdf_\x7f{\xe6\xfc\xf9\xb6\xb3\xdf\x9c\xfd\xd3\xd9\xdf\xad\xbf\xfd\xe9\xc8\xb3\x8c\x04\x12A\xa7\x99\xf4\x15k\xe5\xf1\xf75\xbe5\x829s\xa4d\n\x88\x90\x1c\xae\x0c\xa1h\x1d}\xf8\x86\xbd\xad\x9d\x9d\x99\x8f\xbbo\xd7/^\x04J~\x9c\xbbfG3T\x89$\xe1LH\xc8*\xa0\xa1\xcc2\xfe\xec|\x8d/\x8d`F_\x85\x98\x02#$7\x057\x00\x96F\xcb\xb2\xae\xaem\x02\xc3\xbc\xf5\xe2\xd3\x87\xf7\x1f\xef]\xdb\xdb;H"|n\xaf$\x91\xf0[T8\xd0\xf0\xa4\x95\xc3\x9fj~\xc5f\xf4Y\x88\xc9$\x1aE\xa6Ptd\x84\xee\xd1LS\xf4\xe5\xcdO\x1f&gt;\xbd\x04\xcf\xe6\x1ax\xb6\xda\xc7\x02\\n\xaf?\xe1\x97\xa8*I_f\xb9\xf2\xee\xef\xf55\xaf\xd6\xb3\xa0\xdb\xad\xc4\xe3\xe1P\x90&gt;\xa2\x05\xe5\xba\xd0\xdez\xeb\xd3\x87\x0fo^\xbe\xfcJ&amp;\x1d\x82\x02lC\xaf\xdf/\xb1\xa8T8\xd0Y\x96\xae\xc7m\x98\xdaW+\x1au\xc2D%\x1cr\xe6\xe8Z\xad\x96\xa9\xdd.=\xd8y\xf1fsk\xab"\xe6V\xfb\x10J0\xb3I\x12\x7f/Y\x05\xb0\x00\x95\xe5\xca\x93zL\xed{\xcb\x19w\xc2J\x18\x0e\x85\x829:\x8d\xa6\xf1\xd4\xcd\xcd\xde\xb9#\x05\x969\xbd\'\x95\xeau\xa8\x11\xcb&amp;Y\xfc~\x12\x0e\xa7\xc2\xe1d\xe4\xae\xae\xc9\'\xb5\xbf\xe3&lt;\xfa*\x11\x8f\x03\x1d\x83Ng0G\xa3\xd1\xb4\x9a&gt;m]\x07S\x87\xa2F\xe0pP\x14!\x04\xb8$\x92D"!\xe3\x9a\x00\x98\xda\xa2^\xa9`\xd5\x98\xea\x17m\xaf\xccQ\xc0\x05;ag08\x0f\xb8*\xebq^)"\x04\xb0\xdeL\xc5 \xf2\r\x91\xde\xca0X\x05\xb0Tj\xb5\xbakr\xe5\xff\x82\x15\x08\x05A{9C@\xc5y\x0f\xd8\xbd\xa6\xa7;\xfe\xc7\xbb\xd9\xc6\xa4\xb9\x9eq&lt;\x8f-\x87=\xd9\xcaf\x1c\xd0&gt;\x96\x8a\xa0\xc2\\|\x01,\x14\x94\xb7\xd6\x8aZ\xc0\xa32\x11-\xb6\xd8\n\xd5\x8a\xef\n8\x02\xe2\x0bRl\x15\x04\xe9\xe9R\xb4\x1d\xd6F\xfb\xa1\xd5n\'\x9d\xc5\x98Z\x93\xa6\xcd\xc2\xd6V\xbf\xf4\xec\x9c\xec,Kv\x96\x9ce;M\xb6/K\x96]7.\xfb\xb2\xb7sv\x8aw\x10\xe3\'\x7f\xf9\xff\xaf\xfbz\xb9s\xdf\xa5\xb2v\x9d\xd5=4$\x97\x0f\x9d\xa8\x82\xd6\xc1\xe5\xf2\x19\xf4\xb5\xb5\xfaZ#\xb4\xcb\x8b\xa3\x9f\x93S}\x95\x92&lt;\xf8\xb9u||\x00\xc0\x00k\xc0!\x1b.\xb5p\x9dN\xa7\xc5/kP\xcbi\xb4\xac\x9c\xcb9\xfdJ%\xecB\x83\x01\xb0\x0cF\xe3\xd6\xa2\xdd\xfe\xe7\x82\xd4c}\x01X\x08\xcc\xe3\x19\xef\xf48\x9a\x9a-\x9a\x95\x96\x07\x0bNQp&gt;\xd2 \x93UW\xb3\xb2\xdcne!\x08U[k0\x18\xd1\t\xf3\xe2\x1fS\x8e\x05}\xa0\xbbs\x1c,\\\x1a\xb8\xe1Y\x1aX\x1b^\x9eq:\x17VWWW\x9c\\.7\x18\xf4\xcb\xa00\xb9}\x06d\x9f}\xd4n\x1f5f\xd6.~\x96z\xb5F\xfeD\xeb\x1c\xf7@\x19\xb6zn/Y\xd7\x9a\xb8\x0bN\xcd\xca\xea\xc3\x87\x0fVL\xa6\x8b\xbd\xbdA\x19\x0b&amp;\x8b"c\xadq\xd4\x8e\x94\x8a\xd7\x00\xd6\xef\xf6\x03K\xd79\xde\xe8p4Z]KKnGSxA#\xd2&lt;x\xfc\xf6\xc7\xd7\xde\xbfv\xed\xfd\x8b\xa2\x08C\xdd\xe9\xeaBX\xa3\xf6x\r\xac\xb8\x11Jb\xca\xb1\xbc\x80\x85\xc6\x8b\xb5\xc6N\xa5\x0b\nc\xd9\x8cse\xe1\xd7\x8f\x1f#\xac\x96\x16gP\xc6h\xb0j\rq01^\x13CT\xfa\xda?\xfc*\xf5\xb1\x95\xf8K?\xc2ZkZk\x1cpA\x9b\xe0\t/\xac&gt;|\xfb\xd7\xb7\xab`\xa1\xcd\xa6\x11U74*\xbb2\xe3\xb5I\xa8\xb1\xb11\xc0\xfa\xe8I\xca\x13D\xc1\xfd_Z;\x1b\xd6\xa0\x03\x1cv\xdc\x18P\xd6k\x97\x1ce\xc0\xf5\xb7\xb7\xab\xbdm\xb6\xb66\x1b\xb7\xc9a\xf5\xe9k\x00*)Uf&lt;\xae7\xec\x03\x16y\xf76\x84\x96\xac\x14\xa5v\xd8\x8a\xbeL\x83\xd6\xd59lq:m}}}=\xf3\x8aH\x83\xaeB_\x13\x9d\x8c\x9d\xa9Abeff\xd6\xea\xf7\x07k|\xdc1\xbcWr\x1c\x9e%C,\x16/\xa2\xb1\xda\xaf\\(9+\x85\xba\xa8\x96_*\x8fm\xdcAR\x8d\xc5\xf7\xb0\x0c\x1f\xddL9\xd6\xa1]\xa8;\x0e\xd40\x97579&lt;7\\c\xd1hM\x91\\\xae\x83B\xdd\xfe\x8b\x1f\xd2\xb4z\x80\xda\x8c\xc6PX!(\xa8\xd6\xc6}\xc0\x02\xb5\x06&lt;(\xb4\xca\x90^;\xb7\x07\xbaj\xa2\x1b\xd1\xb1r\x9f5\'\x8bV\xa5,\x1c\x8bvt\xdc\x89\xc6b\xb1\xca\xca\xcaL=\xba0R\xbbOX\xe3\xa8\x12\x02\x17"{\xedqC$\xc5b0:wu\xe9\xc7b\x1b\x1b\x1d\xdf\xcd\x03\xb1\xce\x00U\x12j\xff\xb0\x92W\xef\xa0\xd1*\xe3.s\x9b\xd7X\xba\xe9B\xe5\xd2\xdd\xed\xe8\xe6\xc6\xc6fv\xc7\xe6\xe6f\x14aV\xd6\xd7\xd7\x03\x17|\x92\xb1u(\xe5X;\r\xc3\xc3M\xb0,P\x03\xb9\x16E5d\xf5N\xcf\xed\x01},\x16\x8dA\x9cAf\x18\x1b\xab,\xaf\xaf/*DWY\xf4\xe5\x06c\xea\xb1\xc8\x05\xbf\xdf\x81\x1e\xab\t\xb5Y \xd6\x8c\xc5\x1f\xa9nhh\xdc\t\xefX}0Q\xe8\xc7\xf6\x9c\x03\xaaBX]@V\xdfeL}\x96/\xf0~\xf1\x1a9X\x8a\xb0fff\x96\x83\x8aj\xd9pSx\xbd\xac\xd1\xadT*\xa1].\xaa\x07\x14\xf8\x99\xae\xf0\xf9\n\x93\xb7\xf0\x8c\x8b\xcfFR\xda\x9e\x92\x0b\x06_\xdeE3~ss\x19x\xb8\xbe&gt;3\x13T\xc8\xaa\x9b,\xe1\xf5\x99\xd7\xfd\xfd:]\xbfR\xdbU\x88\xd0\n+`\x15&amp;W\x97}\xeb\xd4\xcb\x14\x1e\xd6\x90)\x82\x82\x9b\xb7\x16\xc3@e\xb1,/s\xb93\xeb\xeb+\xa2\xf9\x08\xa4\xfc2\x90\x0b\x86!\x9d\xd5\xea\xaa\xd0\x02N}\xa1\x16~#\xb9|\xd3\x06\xfb\xe2v\xcan\x9c\x9e$S0&amp;.xqz+\x0c\x14@\xb5\x0cb\xadC\xaf%\x9a\xf7#\xac\xe5R\x07\x83\xa5\x93\xcb\xe5UU\x80\xe5\xf3A?\xaf\xd4\xba\xb4\xbe\x8a\x8a.\xe3\xd6\xa9[\xa9yZ@.\xe0\xb3y\x1c\x1c\x13\xbc\xc9\xd8\n\xef\x94\x81X\xa0\x95saa\x01j\xa1\xc6\xe2o.\x85D\xb6\xa6V\xeb\x00\nV\xc5\xf4\xb4\xd2\xdd\xafs\xbb]\xae\xe4\xe5\xe1\xc5S\xf9o\xe8\xef\xfen\'\x992\xc7\xe11%b&gt;)\xed\xd3&lt;{\xb8,\x89\xb5\xcc\x05\xaa\x8f?\x86&amp;\xdeb)]kh`\xa8i\xe8\xe6\xbe\\~\xa2\xea\x07\xd3U\xfd:\x80\x04,\xa5\xd2\xd7\xb5\xb5\xb8\x9d\xfd\x9b\x84\xf9\x1d\x1f\xda\x90\x0fQyfzk\xab\x84\xcf\'\t\x9e\x1d\x8e\xef\x84\x9b\x91Xa\xcd\xfa\x02Z+\xf3A.\x0cd\xac\x9c\xac\xa1\xa1$\xd8\t\xd0\x8b\xa6f\xb1X\xc0\x95\xdc\x9b\xda\xc5\xed\x8eOv\x13Ss\xefN0\x98\xd2)|\x8e\x90\x13 Z\xe9T&gt;~\xee\xe5\xe1\xc9\x810\xa2\xe2r5\x1a\xe4b\x8bI\xa3\xd1,7G\x18,5zP@\xa3\r\r\x9d\x90\xd3.3\xd0\xd9\x1c\x8c\x8er%\x84\xd9bM\xc77\x9f{\x13^\xefy2\xc4\xe8;\xd0\xe9\x10\x85*\x00*^\x00\'\x98\x1cj:&amp;xq\xfc\xc8h\x18\xe5Q\xc4\xe5t\xae\xc0\\\xb1b\x82)\xd1\x1f\x01yrt:]NV\x16\x8d\xd6^\xed\xf7\xcb\xaaY\x08\x13\xbd\xc7\xd8\x8avd\xbc\x98J$v\x13\x1c\xc1\xd7}rM.\xa0\x08\xf8|6A\xf0\x84\x1c&gt;\x86\xe52U\xd4o\xa4\t^\x1d\xcb\xdb\xde\x99\xe1.\xef\xa9\x05X\xbd\xbd+-Nn\xb3?\x02\xf2\xb0r\x92K\xadf\xf8\xe7\xd1\xdf\xea~\xc0\x82\xfdh\xdf,\xce{c\x06\xb5\xee\'\x84\x83s_\xe3\x14\x95\x0c2\xb1\x03lB\xcc\xcceJx\x07\xf9\x18\x9e\xcb$\xa8\xef\xa5\t\x1e\xfd&lt;\xef\xf8\x120!\xc5\xc0=\x8d\xc9\xd4kj1\x994\xc1Y\x85\x82q\xe5\n\x8b\xc1@\xef\x0b\xa4\x8a\xd9\x08z\xc5\x82\xd4r\xb9\\\xf1\xec#\xc5\x9f\x9a\xa7\xa6@0\xb3y\xf7\xe6\xe0\xff\xf7*\x10\xc2\x89z\x90\x1d\xc01\xb1X\x85a\x1c:\x93\x1d \xd8\x04\x13\xa3\xbe\x97.\x18|\x9a7\xb9]\x86,\xe4rm\x88\xab\xb7\xd7dj\x81\x00\x0bNLD\xa4!\xa9TZ\xcdbU\x87\x14\xb3~\x19\x03a\xb9\x95Z\x9f/\x96\x9d\x91\xc42O%\xa6\xe8S\x8fn\xde\x1f\xf9\xca\xbb\x12\xd2&amp;\x15\x84\xc2\t\x82`\xaaT\x18\xa1\xe2\xa8\x88\x00\xac\\&amp;\x93z2\xfd\xdc\xdcg\x93\x19\x93w\xd1\x00-\x02&amp;\x04f\xb3\x01X\x9bH\xd47\x11\t\x85\xa4\x17.\\hg\x84f\xa1\xa7\x07O\xc1\xc4~\xb9\xf6R\xd1F\xf6\xe1\xe2\x97f\xb3\xd0,\x99J\x08q\x8e\xf7\xfe#\xef\xf9\xaf\xb2+\xc9`^\x1d\xfb 0a\x04Z\x18\x81\xa9x\xcc\x00\x16\xc0\x03x\xab\x8az\x92\x92vn\xf7g\x19\xf9\xdbMN\x91F\x84\x96McCr\xb5\xf5ML\xdc\x9b\x90vwK\x81\x8b!\xed\x9e\x9fW$C\r\x998}\xa9\xb2#/#\xef\'\x12\xb3\x84~]\xe2\xf5J\x98\x92\x04\xe8&amp;\xfc\xd2\xe9\x02\x99\x97N\xc2\x01\n\'0\x8c\xc8\x054\xb1J\xcc$\x10\x16\x8e3U$\n\xe5\xfb\xa4\xc1g\xf9\xc7NoY@%\xa0\n\x06\x81\xcc\x86f\xfc\xbe\x9e\xb3%\xa1\x92\x92n$\x97T\xf1O,\xdaP\xc5\xa5\xa2\xe8\xb7\xf3\x8f\xe4\xbf\x92\x08%\xd7\xaf#.\x1e\x9b\xee\xf5\n%\x12\xfa\xf9\xb9/\x13c\x90\xa0\xf88\x04\x14F\xa0o\x02\x0f \xb9\xc0\xc6\\\x1c,\xc4ILf\x00\xb0\xea\x04O\x8e\xe6\x7f\xef\x83F\x93S\xd4\x03\\=\xf3AQ\x8f\xad\xb7\xed\xde\xbd\xb3%%\x8a\x92\x92\x10@I\xa5\xa1\xd9Y\xe4a;`\xd1\x94\xd3\xe5w\x8aO\xe7\x1d}"\x11"\xaaV\xe0\xc20\xb17\x01\\B\xa1d\xae\xe0\x7f1A\x98\x1f\x04Q0\xd8t\xa0\x15@\x89\x11\x16\xa8\x06T  )\x97)\xa6R\xea\xd2\xebF\x9e~p\xec\xc0hp\x05\x82jO\xae`\x0f`\x01Uww\xf7\xd5\x0bI,iH!E\xcf\x90`\xe8\x00\xac3\x1d\xf9\xc7\x8b?\xb9/\x01\xb1Z[\t\x95\xd0;\x82\x93\x80\x0b\xa8\xe8\x12!\x1d\xa7\x90\xff\x8b{\x82\x00\xcef\xe3\xc9\x80\xfaGda8\xf2\x92 \x02|L\x0c\xfb\x10m\x01~\x1d,\xc1\xf3[\x07\x8e\xfeh\xc9i\xb2\x01W\x10b,(j\xebCX%\xddW\xaf\x02ZH\xa1\x08E\x10V\xfbe\x94Z\xe5\x97\xeel\x9e&gt;\\\xfc[a\xd2C:\x0f\xc7\x84^\t)\xed\xbc\xd7K\x07\x1fyt\x89\xea?\xa4\x0b\x946a\xab\x01\x0fN\x88\xb1\xbdXG\xa2\xb1\xb1=&gt;\x1cK\x8a\x08d\x98\xa0\x8eRW\'|z\xe0\xc0)\xa3\xe3b\xaf\x06\xc2\x1e\xa8\xe6{\xfa\x00\xeb\xec\x04\x90\xc1gb\x022\x98\x026\xe2^n\xcd\x1a*\xbf\x93\x9f\x9f\xf7\xadWt\x08\xf8\xd6\xeb\x12\x89\xf8 !\xf4rH$\x15\x04Y+\x9d~]\xc5\x13c\xd4\x7f\xd7\xe9\xc3?\xe6\xf3\xc1\'\x00\xc1\x93\xa6\xe1I&gt;\xf8B0X\xd2I\x12\t\xf2&lt;!N\xa3\xa6\xa7\xd7Q\x9e\xdf\xfa\xce\xd1\xa3\xf6\xe0\xc56p\xd1\xd63?;\xdbs\xef\xc3\xb3H\xae\x0f\xef\x95 \xae\x90\xc2\x1f\x912\xd4\xa8Z\xb3r\xaa\xceL\xe6\x1f\xce\xfe\xe9\x08G\x88&lt;\x94Hx\x04\xb3\xd5&lt;%\xc6\xd21\xef\x14\x07\xc4\xa2\xf3x\x1c\x1e&amp;\xf8W0fn.B@0\xd8\xdf\xb98\xbb\x978\xf6;\x8c\xbb3N\xd8a&amp;\xdb\x19\x97av\xb7\x9e9S\xb6\xbb\xc3\xbc\xa4\xcd\xfc\xd6\xdd0\x0b)\x9e\xb3]\xa6=\x10X,-\x94\x1aw\xb3Y\x17\x0e$\xe8\n\x92sqh\xed\x8bZ\xba\xd9\xb25l]$\x15\xa1\x17\x95\xfav\xa3&amp;^\x15\xab1\xd1c.\x12\x9a\x80A\x84\x9c\x06\x12\xda\x7f\xa2\xcfoL\t\x9c\xf1\rE\xf4\xe3\xf3&lt;\xdf\xe7\xfb\x1b\xc5\r\xb0\xf0\xe4%H\xf0\xc6\xf7\xda\xf8\xe0\xd0\xd0\xe4\xc6\x14GH\x88\x00*r\xa9\xf2z_XZ\xf8\xa4\xb1&lt;\xda\x00\xd8\xe2\xdc\xe0\xf46\xa0\xee\xde\x1d\x18\xa6o\xa7\xc7\xc6`#\xcd\x16m\xfc\xcf\x7f\xfa\xa3l4\x9e}\xe7\xab\x94\xaa\x8aq\xd4\x89\xee6\xeb!\xd9\xf6ff|\xcf\xc8\x07\xde\xaa\x1e\xf7\xcd\xf0\'\xdaI\xaaS"`{\x9f-\x1d\xb5\x0eD\xcf\xe3\x90\xf2\xce\xda\xdb\xbd\xad\xddr\x88\t\x91K\x97\xe0bdc\xbd\xb8t\xbc\xffym\xb9\xd1\xb8\x83\xd3\xe9\xe0\x18\xdc\xbb\xfb\x00\\\x03\x10mz`zq\xf0\xea\xcd\x8f&gt;\xfa\x0c\xd9\xff\xc1\xc7?\xd9\xb7\xac\xcb[u\x03T\xfa\xbc:\xaf\x82+\x95p\x9bj\x9b\xfa\xd8\xf4\x18\x1fFV\xab\x00s\xbf\xf1\x98\x16p\xd0;\x0f{"P\n\xd9\x0e\xd10\x8589\x93\xe9L\xee\xbe\xda;s\xb2;\xbbe\x86\xe7\xc9\xa5\x8bC\xe8\xae\xcc\xd1\xbex\xdc\xff\xdb?\xff\x1d\x85\xd5\xb8\xf6\xa7s\xac\xe0\xa2\x1e\x8e\xd3\xff\x8b\xa2khpn\xf0\xa3\x1f\xefg\xad\xf4\xd2}^\xad\xeax\x82e\xf9\xba\xaa\'RF]\xcd\xd8\xc4k\xceT\x88\xae\xaa\xaa\xe1\xfb\x90\xcd\xc8\\\xfc\xf4\x03\x16\x8f\xef\x97L&amp;SI\xea#O\x10!=\xe4q\\\xb93\xb9v\xba\xf9\xe6\xc9q1\xcb\xb2\xe6\xf1i\x99\t\xc1G%\xf2i$\x9c\x99\xda\x9b\x95\x96\xb4\x1f^\x19\x01\xd6\x8d+sc\xd4=\xca\x04\x1b\xb7\'\xb0\xbd\xc7\xe7\xee]\xbd7\x8dR\xfd\xee\xf5b\xd1*\x1eu\xdcjUO\xe8\xba\x9b\xf7\xd5f\xceM$R\xb9\xbaasL\xa8&gt;\xe3\xf3\xd4H\x9a0\xda\x18\xfc\x87\xa9\x84,\xc9\xe0\xea\xeb\xebC~&lt;\xaf\x12*W\xa6^\x1c\x1e\xbdY_\xd2b\x96 \n\x05\xa9\x0b,.DlF\x89\\\x8c\x84\xcb\x99\xfb;1\xa7\x7f\xf6\x8f8&lt;\x8c6\x1aW\xa6\x87\xe9,\xc2\xc1\xed\x89\x89\xd1\xdaH\xad1\x0e\xb1\xeeM_Y\xbc\xf7O\xb1h\xa5\xf7\xa6\x0c\x1d\x05\x93J\x01\xac&gt;5\x99\xcb\xf9\x89\x94\x9ek\xfa\x0c\x06\xa99\xe3%q\x1a\xc8\x1b\xae\xef\xab\xf9z\xdd%\x91\xf7\x8a\x85x\x02&amp;\x08\xd5n\xf7\xf2L\x88\xa9L=|\xbe\xb9w&amp;\x15\xa3\xf1\xae#I\x8e\xc6.,\x88;\x87\xc0\xe2\x14\x8eD"\x17\xc22Sy\x97\x8d\xf6\xb3\x7f\xf9\xb8U\xaa\x95Fn\x8c\x03k\x02\xd3\xb8\xf2\xd5W\x01\xd6\x9d\xc5\xabW\x17\xc7\xc7\xefL\xdf*h\xda\xe5\xf5\r\xdfK\xe1\xd2\xab\xbe\xc7\xbf\xfbz\xf3E\xce0t^\xcf\xd5}\x9e!z\xb3\xe9\xf3)\xd7\x80\x91\x86j\xcc\xd7\xebyO\xbe\x18(\xc6s\x1c\xb8\x08\xc7\xc1M\xae\xb2q\xb8\xf9\xf5\x99\x14\x8dE-\xd1\x11\x04H%\x88RaA\xdb\x81Z&lt;L\xe4\xe4\xc8\x85!\x99cr\xafc\xa6`\xfd\xf5\x0f\'\xab\xad\xd6\xc8\x9d\xe1\xd1\xe5Q\x90M&lt;zT\x1a\x19i\xd5\xc6\xe7\x06\xe7\xb0\x92&amp;~V\x10\xd9\xf8\xd2a\x08_\x1eZU\xe7\xab^{3\x9d\xdey\xb6\x9b\xc3Nssu\x8f\x10\xe4\xab\xe9a\xdf\xba\xc1\xa5\xe6p\xce0\xd0cP\x8c\x02Q,\x06W\xe6\xe1V\xbf\x16+\x9a&amp;+\x88\xac\xd0\xd5\xf0\xda\x11\x85\xfeB\xf7\xf8\xb0l\xf3\xbc\xa2p\xd8\xd7\x11\x99\x913kO\xd2]\xcd\xfa\xf6\xb5\x83\x83\x83Vcx{\x19\xb2\x95\xfe\xdb\xa2\xefQ\xac\xb9\xc5\xf1;\xa3W\xbf\x90\xba\xb3\xe6f%\x88n21?\xef\xfa\xdc\xf3\xfex:\xbe\xb4w8\xd3\xe6\xfc\\N\xc7\xb7\r\xa1-\x08f\xdf\xa7W\x0e\x87\xb2zNWP\xb0\x84\x8aE\xb18\xc2\x95\xdf:\x96(J\xa0a5Q\xd0\x02,t\xfa\x82\xb9s\x9a\xe1\xa0\xaa"+D\x8e\xc8\xb2\x9d)\xef.\xc5\xbbf\xfc\xfb_\x1e\xb4\x0ej\xc3\x03\x13\xb5\xd6\xea\xea\t\xfd\x17\xc5V\xeb\xc6\xf8\xe0\xbd\xb9\xf1\xed\x9b\xd7\x85\x05-\xfdx\x92\xa4l\x9b#\x10\x0b\\\xd8\\\x16}0\x17\xf6\xc9\xe6\x1a\x17\xca\xe5]\x8e\xb1C\xcd)\x0f]\x1e\n\xa1+T5\x003\x08\xa1X\xb6m+\xb2\xadP\xac~Mb\x05A\xc3\xb3\xc8\x8a\x82\xc3J\x8e\xc8\x16$j"\x03p\x9e\x84\x89,\x13\xc5\xe6\xb8\xce[\'n\x16\xa3\xbf\xac!_+\x03\xc3\xcb\xad\x93\xa7O_\xfe\x1bb\x8dLlO\xdf\x1c\x1b\xb8y]t\xc4\xd8\xde\x14I\xda6\x01\x15\xba\xc9\xf73\xbb;\xd1l\xb6\x98\x8d\xc6\xac\xb3\xc7\xa79\xaf\xe2\xf1\x9c\r\x1fu\xcc\x84\x07+1\x93y\xd8XW\x13=D\x0e_\xb8\x00\x01 V\xa8|\xe4h\x92\xc6\n\x1a\xd4bY\x91\x95\x80\xa5\t\x05\xc1\xa4\xbd\x05\xb58N\t\x87Q\x13\n^:\x9bbL3go\xd5J\x8dG\x03\x0fVJ\'\xf4\xef\xfb\xab\xa5\xd2Hc{\xfa\xde\xd8\xcd\xefuY6\xbb\xb5\x96\x81\x15\xb6\x9dLU]U\xad\xfa\x18\xe1h1\x9a\xb5L3\x1a\x8b9{o7*\x0cL\xf2\xea\xb9\x90|Mr\xd7\x00\x00\x08\xfdIDAT\xd7v\x83\x84a(\x9by\xbf\x9e\xebAX"Cp\x88\x81\x8f\xe5MAs\x80CMd%`\x89\x92$:(\x88\x9d\xdd\x0cG\x18\xe8\xa9(a\xa8\x15V\x14%\xd2yeYbq\xf6\xd6\x8d\xe5\xc6\xf8\x83\xb1\xc6\xea\xd3\x97/OJ\xc0\x1a\x19\xdd\x1e\x1f\xfc\xfd\xac\xa8\xc5A\xc5\x10\xbb\x0f\xa5\x98\x00\x95Qu\xb9\x87;\xa6\x86q*\x9a\xd9\xac\xa6Y\xe6\xfa\xe6\xfd\xc9r\xb9\xecO\xe5\xf8\xb6W\xf5\rz\xe1\xe8\xa3\x1a\xcd\x9e\xc8Pf(SF\xee{\t\xd3\xd9d\x91q\xe8$J"&lt;\xa0X\xf0\x11\x91?\xdb\xa5\xd8\x14\x0bL\xe7X\x99L\xe5\x99\x15c\x8b\xd1\xdb7J\xcbc\x0fVj\xab\'\'\xa5e\xfa\x87\x9f\xe5\xffL\x7fai\xdd\xf8\x93\x8d\x0cc#!\xb8\xab\xd3Q\x01n\xc2g6v\xb2"\x1ds\xcb\xc2\xa8/\x89\xe9\xd8\xf1\xeb\xd3\x99N\xd9\xaf\x1b\x1en\xaeh\xa9\xaa~\xa2&gt;c\xf8=C\x04\xf6\xa0%\xda\x04X\xafX\xd1a\x85\x05\x8aE\xf9\xa8\x89\x14K\\\xbf\x8f\x9f;0\x11\xcf\xe7\x17)g&amp;\x9f\x15\xe3\x9a6{\xbb\xd6\x9ax00\xb1\xdc*=ZF\xf2W\x0f~q\x1d2F\xb76\xca\x0c\xcd\x95\x02,\x9ca\xdcjJ\xe77\xce\xa2B6\x16\xb7\x8a\xc0*:\x0e[L\xa7\x0b[G\x0f+\x95\x9c\xc1\xa7|l!\x9c)|t\xad\xda\x83%@\x92`j\xf7\xb6y\x0fXPh\xa1+\xd0\x84\x05X\x12Z&gt;\xc0\x025\xd2\x87\xea"\xe1\xf7`\\yr\x13\\\xdd\xd9_\xd5J\xc3\x0f\xee\xae\x8c\x8e\x8e\x96\x00u\xf2\xaf}\x91\xcd\xce\xbeY+\x97\x15:LJ2\x85-\xed\xfa\xd5\x84\xce\xaf\x9d\xa5\x05\x8d&gt;.O4\x1a\xcd:\x05V+F\xa1\xf8\xfa\xe3\r\xbf\xae2\xbc\x9bW!\x97\xab\xf3\xf9\\\x8f\xd2&amp;Ir\x8e\xc5t\x9e\x99Z\xa0\x16\xb0D\x81V\x85T\x80Z\x8e\xb6\xfe\x10\xd9\x02\x12\x038\x8e\xfa\x88\xf1\x95m\xe8u\xa4]\xee\x16c\x94\xeb\xee\xf0\xca\xe8r\xeb`\xf5\xe0\xd7\xfbbw6\xfbl\n\x87F\x99\xb31!4\xf0\xd8\xc68j\x91\xb5\xb386l,\r\xaahLt$\x01+\xd3\xd4\xb2\xd2[\xd4\x98\x1a\xe2\x01\x85#\x99\xaf\'\xf2\xc0\xea\xebm\xb7\t:\x95g*\x8f5\xc8\x83e\xc3JZ`%\x8b\x85\x08\xac.UK\xa6\\\x8a\x02\xcb9\x19X\xb2L_W\x8e\xfa\xd3V4~\xbb\x86\x9e\x1f\xad\xb5Z\xab#\xbf\xdb7\x85\xe8\xd2\xd1\xa4l\xdbaL\xacM\x7fc\xa0\xfb\x06\xa6\x0c7Ok\xeb\xf1\xae&amp;Z\xe98\xc52\xe9\x1a\xc9\x16\x8b\xa2\xd8\xff\x1c\xfb\xd17t\x1f\r\x91\xcb\x1b~\xca\xed\xe9m\xf7*\xa4\xad\x10&gt;\x89#\xf6c\x13\xc6\x05X\xa2\xb0\x80\xf8\x0b\x1f\xb0\xc22\xcd\x16Q\xb8s\x1f\t*\x85\xb6~\xe7\xb9s\xd9\x8a\xfd\xe3\x93/1\x84\xa5\xd6j\xedoQ\xd6\x8c\x9e\x1dv\x86`_\x18v\xe3\xd3i\x87\xbb\xfe{\xact\x16\x15\x14&lt;zX4\xab\xa1\x1aM\xd4\x85\x06,\x9cOB\xban\xd0;"p%(V_/|$I\x8e\x9b|mJ\xff\xc7\x92h\xea\x05\xc1\x11\x02\xac\x87\x199\xa8\x10\x8e\x9aHm\x0c\x07XX\x92\x9d\xe7;\xdf\x8a\xc7\xbe\xf3\xf3k\x88\xd5\xea\x95\xdf\x14\x85lq\xebE&amp;\x93\x91\xe5\x08U\x0b7y89`\xb7\xb8.\xcd\x16\xb0LG\xb0._\x8e!\xf4\xa6\xa8\x898ch\xda\xf1)\xc3)I\xfa\x8b\x18p\xd5s(\x13`\xb5\x95^d\xeb\\-Mr\x84\xc2\x02\xed\xf7\x85\x00K*HB\x7f\xbf\x06\xb5\x02\xac\x10e\xa2p$\x1c\xa4\x19\tS\xca\xbb\xffk\xc2\nZ\x1aW\xa3h\x93\x180$\xf8\x92\xa9\xc5\xa4\xaf\x84Ji$i\x846\xe1\x13\xd2m\x08\xddw\xf96\t.\xfc\x07]OW\n\xef1\x90M\x99R\\\xe4\x0fT7-\xd4\xa5t\xa0U\xba\xa9\xf06"\x822\xa0?\xe3\x9d\xfbu\x1eL\xf8\x90\x8a\x05O\xce=\xf7\xdcs\xbfW\xfc\x13\xe7\xcf\xbf\xbe}\xfb\xfbG2\xbe\xf2\xb7\x97r\xd8\xdf7\x8c\n\xc1B\xccU\xb0\xdb\xd5\xeb\xe7\x9dz=\xb8\xbcq\x92D\xf5]\xe7\xd8\x82I0W\xc3\x88\xf3\xdc\xe4\xee\xdeP\xe8\x05\x94F\xb3\xd3=\x83\xcf\x9f\x94\xbe\x00Ve\x8f\xb4%\x8b\xa3\x95\xad\xea\xead"\xe9\xb1:\x89%\xb5F\x15$\xb6\xd6`+\x10q\x02N\x00\xcdG\xc3\x90\x8d\nZ\xad"\x8en\xe7\x8eue]}\xfd\xfaCs\xad\x9b\x8fA\x8a\xa1\xd1\x02,\xc0n\x04\xd8\xe9h}\xc2b\x00\xc9\x0f\xd7\x16\xf3\xb4\x89V&amp;\xba\xf0h\xaa\xa42\xe6\xbd.D \xcawW\x1f\'\x14#J\x8d&lt;o|!X9\xd8\xda\x92)Lb\x90\xa4\xaa\\\xef~\rl\xc5l}\xdbG\xed\xc9#\x02\xae(\x1c\x1aWp|\x8c\xc7p4\xfdiY\x9ey\xc54\x87\xbd-\xd2\x90\xfeFU\xaeTr\x18|\x13\x11\x90(\x8bPD\xc0J\xbc1\x86\xacu\xe8x\x0c\xb0\xf4\xb14\xf6\xcc\xf5T\xac\xe2\x05h\x97\xc0\xb7zG\x17\xdd\x12\xa5\x8e=\x82\x85\xead[I\x02[\xc0TSiN\x03\x96O\xb0\xdc\xf9m\x1f\x83\xba\xc2\x85E\xcd\x88\xd3"\xe9\x83\xae\x80\x12\xd1p\x950U\xd7\xcc\xcdl\x18\x862\xa0\x1a(2\xcfYU\xa1A+(6\xd0^To\\\x12,\xa6\xfa:;&gt;6\x13\xc6\\\xdbe\x123\xdf\x87r\x95\xd6\x1c&lt;@\xdf\xc3d,!\x98\xee\xd8\xfa\x1f\x96\x1e\x83\xad\x1a\xf1\x04X\xe4[\x85O\xb0d8\x1bW\x15\xc1\x02\x16X+\x95\t\xa9\xc5\xe8g\xd7K|Ss\xdf\xaf\xb3T\xdeo\xa1g\r\x18\x16b/\x11\x00\xc20\xf1\x04\x8a\x08\n`1H]\x8dm\xeb\xd8A\xf5\x12f3\x0c\xcf\xe5@\x8c\xf8\xf6\x05X\'\xbd\x0e\x87\xc5\xe9\xc2\xab\xe3\x81\xe4\xfd\x82\xa0\x80-\x9f\x90\xa9&gt;b \x12\xc4|j\x80\xad=\x99\xaf\x19\xbb"\x06\nQ\x97\x8d\xfa\xe1\xe8\xf6\xf1\xceE\xb1\x8b\xd5%:P$P\xfb\x98\x1crUi\x90\\\x1a\n\xc1\xc2\x08A\x119,8\x83\xaf\xa3\x19\xcb^\x99%c;\xb1\xcbo\x03Y\xf8u\xd7P\xed\x9d|\xa7N\x0c0\xe1I\xf2\x01\xcd\xc4\x99\xeao0lH\xec\xc0\x14\x17\xfa\xa4\x86R\xc6\xc9\xfc\x96L\xcb\xe0\x9dH\xb0\xf8K\xc8rKX\xdc\x0f\xa6\x8f7P\xa1\xa4\xaf\x9f\x06\xa7a\x1f\x9d\x80gD7\x04\x80\xa549\xac\xfc7X|\x1cJ\x85N\xcdHYB\x02c[A\xc9\xf9\xe6E\x97}\xe7\xc8\xf5Q)\xc0\xf6\xba\xb7\xa7\xec`=\xebq\x01\x86\xa8|1\x116\x99pGM\xde\xa7\xa8\x1b\xb4\xa5\xa0\x13w\n\x13\xa9!\x15\xe5i\xfd6\xf7%?fw\xdb\x7f\x0fN\xd1\xae\x06D\x18&gt;&lt;\x0e\xe9\x1eJi\x10\xa6\xdf\xd8\x12\x86k\x87ypx\xb7V\xb8m\x8c \x8f%\x9amJ3\x81"2\xa7+B\x18\xac_\xdc\xef`\xe5\x04\xcb@\xde\x02I0+\x1f\xee\x85\x0fqm\x12\xf3\xaeL\x96\x97`(\x0f*\xfc\x10,\xb0\x8b\xa52\x17\x9e\n[\xf37\xdaf\xf9\x92\xf5\x8d\xfe\x01l#\xed\x0fg\xc5\xf2,\x87/(\xd0;\xf6)|\xc4\x81t\x04\xe1bN\xb0x\xaa\xd1\xcd\xb6e\x92w\xd9\x96\xff\x04\x7f\xa8\x06\\\xf0Q\xa7\xd3\x8d\x16\xaf\xa5\x9c6D\xd4\xb1R1\xc2t\x86\x0eD\xf7Q\x0fN\xc8\x1d\x00\x0b\xda\x9a\x8c\x7f\x0e)(V\xc8\xb1\xb8\xd1sm\xe1\x17\xe1c\x83\x00\x14\xcf\x9f\x86ix`\xc0\x14\xfaa\xb8xg\xe66\xe2\x97&gt;\x8a\x00w\xc0OQ\xdc\xdd\x03Egs\xe7\x8a\xd2C\x19\xa9\xc6m\xb7-$/W+\xd7^\xd2\x88\xeek\xe9\x9e!\xea\x9dw\xd3O\xb3\xa4\xf0\xcd\x04\xb6M\x03\xee\x19\xf1\x0f\\i~Av\xeaS)\xa1\x1bu\xbc:KI\xca\xd0\x96L[\'r\xbd\x18\x08X\xe1\x84\xcf\xc2\xf5\xed\xcd\xc3 E\x98\xec\x1b\xe1i\x9a=\xbc\x9ae\xf79\xa3\x8a4d\xa5\xc9\xdd\x81_nT\x95\xbap\xb6\xb4\x18\x92&lt;\x82 \xa6\\\xf9\xd8\xa2f\xb4\xcb\xc5K\xd4\xe3\xfe \x084\x17\xbb\xd9\xf2\xf0\x17,E\xe4sw\x0bT\x08Y\x12U0V\xe3\x1a)\x0c]9\xd</t>
        </is>
      </c>
      <c r="M416" s="3" t="n">
        <v>45492.67861111111</v>
      </c>
    </row>
    <row r="417">
      <c r="A417" t="n">
        <v>1035996</v>
      </c>
      <c r="B417" t="n">
        <v>1961</v>
      </c>
      <c r="C417" t="inlineStr">
        <is>
          <t>André</t>
        </is>
      </c>
      <c r="D417" t="inlineStr">
        <is>
          <t>André</t>
        </is>
      </c>
      <c r="E417" t="inlineStr">
        <is>
          <t>VOL</t>
        </is>
      </c>
      <c r="F417" t="inlineStr">
        <is>
          <t>VOL</t>
        </is>
      </c>
      <c r="G417" t="inlineStr">
        <is>
          <t>VOL/MC</t>
        </is>
      </c>
      <c r="H417" t="n">
        <v>176</v>
      </c>
      <c r="I417" t="n">
        <v>7</v>
      </c>
      <c r="J417" s="2" t="n">
        <v>37087</v>
      </c>
      <c r="K417" t="inlineStr">
        <is>
          <t>Right</t>
        </is>
      </c>
      <c r="L41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53dbdd5-95ad-4b07-a427-d85d5f1cf9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\x82\x0c\xf0\x00\x00\x00\tpHYs\x00\x00\x0e\xc4\x00\x00\x0e\xc4\x01\x95+\x0e\x1b\x00\x00\x03\x00PLTE\xff\xff\xff400\xb0\x83i\xf1\xf1\xf8\x9au[\x9dx^834\xff\xfe\xfe0,-,)+\xb8\x8dt\xc6\x9e\x86\xab|c\xcc\xa7\x93\x97qVw*7\xbd\x95\x80\xc1\x99\x80\x9bsW\xfc\xfc\xfb\xc9\xa2\x8c\x90mX\xcf\xac\x9a\xac\x80f\x94q[{/9z"4\xb9\x92}\xa0}b\xc2\x92\x820ONu\x1e1\x99wa\xa3\x80h\xbc\x8cx\xb7\x8ap\xec\xec\xf2\xc4\x9c\x84\xa3y_\x803&lt;\xf4\xf5\xf9\xc0\x96|\xc6\xa0\x8a\xa6}b\xce\xa2\x8f=75\xc5\x9b\x82\x93mS\x95hQ\x8fiS/TR\xe5\xe3\xe7\x8fq^($$\xc9\xa5\x902XV\xa1vZ\xc4\x96\x87\xbd\x93zGAA\xe9\xe8\xeb\x97&gt;F\xbb\x90v\x9er_\xb8\x85p\xcc\x9c\x8d;8:\xbf\x8e|\x83aM\x9d{e\xb4\x87l\xb9\x88t\x9akS\xbd\x98\x86\x94t_\xd7\xb5\xa8\xa9v^\'CD\xb9\x89x*JJ\xb3\x91\x80\xd3\xb4\xa5\xb3\x89s\xfa\xf8\xf8\x869@?;&gt;\xd3\xae\x9dz[L*FF\xb8\x8ey\xbd\x8e\x7fF=;\x81l`rYOG75\x91=DnRH\xa1oX\x97lY\xd1\xa8\x96\xb2\x8dz\xc8\xa7\x98r$4\x8dgObNH\xf1\xf0\xf2/(\'\xb1}f\xd4\xb2\xa1\xc1\x9c\x88\x8ch_\x8c9AWHF\xb1\x86n\xb1\x81p\xa6qY\x8bkX\xdd\xdc\xe0\xc2\xa0\x925^\\\xc7\x99\x8e\xcd\xa1\x96N&gt;:MEGcQP\x7f+9@:8\xaa\x84q\x94BI\xf6\xf4\xf3\x89dN\xb1\x87w\xc1\xa2\x98\x86gT\xf1\xec\xeb\xe5\xe6\xf0\xd8\xb7\xaf\x861=7,*\xa1kS\x82^U\xa0|q\x9cEL&gt;1.UB&gt;\xa8|njVT,OI{bY\xb9\x97\x87XQR^HB|QFzfe\xbd\x9d\x8f\xa8yg\x9f~i\x97sg\xa3\x85w\x8c`RvZW\xd0\xa5\x9c\xd1\xaa\xa4\xb7\x80kU81\x82WK\x85c[!A?\x8b[HjJD\xce\xaf\xa2AXX\x92cN\x9f\x88\x81\xc4\x8f}\x97kb\xcf\xca\xce\xc8\x95\x84\x92[[&lt;gcp_Z\xa0xi.JIhG&lt;\xb0ps\xc0\x88v\x8apgxrt\x95vn6UQ]A9\xd5\xd5\xd7\xbe\x8c\x90\xdf\xd2\xcd\xbe\xba\xb9b\\]\xdb\xc9\xc5\xb5\x8a~\x85#;6FI\xed\xe5\xe2\x8f|x\xb8\x81\x89\xafv_kgh\xb7x~\xc9\xb6\xb0\xac\x9e\xa0\xbf\xa3\xa6\xdc\xc1\xb6\xac\x80~"FG(:&lt;\xdb\xd2\xde\x99\x82|\xb6\x93\x84\xcf\xbd\xbf\x93\x8d\x8f\xa2\x92\x91\xb2\x8f\x97\xc2\xc3\xc8\xa6Yc\x87tqJ.&amp;\xa1dcOca\x99dvu1?\xa8\x8d\x80\xe6\xd8\xd3wJ&gt;\xb3\xaf\xb4\xe8\xde\xde\x84DM\x9e\xa8\xad\x88\x98\x9c\x88\x81\x85\x8f^kw6#Zst\xabjn\xc1\xae\xa3\xaf\x97\x8a\xa3NQp\x86\x84\xb2\xbf\xc4\xa2nk\x9e\x98\x9b\x98/=}C-\xb9vb\xa0s\x7f\x84N6\xafeRi/&gt;ERJ\x86\xcd6K\x00\x00 \x00IDATx\xda\xc4\x99oH\xda\xfb\x1e\xc7\xe7a\xc7?\xdd\x11rD\x08Bh\x1e\xd83\x99\x92\xc1\x9cqs\xba\xcd\x19!Q\x84\xa8\x19\x16]\xa6\xc6\xc2\x99ESQ\x9ak\x0fj\x92\x8a\xd9\xb5\x1d\x9d\xdc8\xc1Fqz`\x8c\xab\xb1\xeeUz\x10\xc9)\xf6\xa0]w\xa3GAp\xe8\xc9\xdd\x93=\xbd\xef\xcf\xf7\xe7v\xee\xf3\xfbk\xe7\xc3\xcf\x9f\xf6\x07~\xaf\xbd?\xef\xef\xfb\xf3\xfd\xb6+W\xfe\xbf\x12\xc9\x06\xe7:\xa7;;ww\xb7\xb6N\xaa\xe7\xe7\xd5\xea\xc9\xd6ngw\xe7\xf3A\x99H$\xba\xf2\x07\x95H6\xb7{\xde\xb8h\\T\xea\x95J\xbdV\xcbf\xb3\xb5z\x1d_\x7f\xaevzA\xf6G \x89d2\xef\xeey%\x1b\xa6\xd2\xe3r\xea\xa9\x9c\xfa0\xee\xd9\x8b\xc3-Hv\xe5\x1bk\x06\xa8\xb9\xe9j\xa3\x1e\x1eBE\x87\x86\x8c\xaah4:\xe4\x8c:\x9dQ=\x07\xe8\xaf7\xce\xa7\xe7d\xdfT2\x91\xac{\xebs=;d\x8cF\t\xc8\xa8\x12\n\x85*\x15\xee\x80\x8b\xea\x9d\xcd\xca\xd6\x0fw\xbbe\xdfN/\xd9\xdcV\xa3\xc6\x84" \x81\xd0h4\n\x85\xb8\xc0F/\xa7\xf3w\xb0\xc6\x96\xf7\x1b\t\x06\xa9\xaa\x15(e\xc4%\x10\x8b\x05\xac\xf0.\x14\x08\x8c`\x14\x92j\x90.\x1a\xa5W\xb8r\xde\xf9-V%\xad&gt;\x92\n\x12\xa9\x04\x02I\x97D \xee\xea\x92\x88\xc5\x12\t\x91\x01\r/\xb1\x0f\xb0B\x8eN\xe5o\xec\x0e^\xba\xc5d\x83\xd3\x87\x15\xf4\x8f\x9a\x06\x89\x80\x83\xab\x0bL\xb8@$$\xe1\x16\x00%!0\xceq\xfaz\xf5\xf9e;L6\xfd9KT\xec\x99\xb8sX]\x0cK\xccT"\xad@\x86Z\x1004U4\xdb\x98\x96]j\x07\xd1\xc0\xac~\xc8\xc8\xc9\x0271**\x01{\xeb\x12\xd3\x0f\x88\x8e\xf1\x11(~I\xa8\xd2W\xaa\xdeK\xd3K$\xf3\xc2\xebz\x86E\xcfe\x02\x91L\xe8\xa2\x98\x08\xf1Mv\x13\x8bY3}&gt;\xcee\xb4\x0cj\xd5\xb9K\xf2\x17\xcc^\xad#,\x11\x0bx:t\x818\x02\xc2\x12P\x17\x99tTp~\xd3jL*b\x13\x0bT\xd1\xca\x96w\xf0r\xb8\x06\xb7\xeaz\xd2\nX\xa4\x89\x90\x83`j\x91\xbb\x04\xec\x8ddd\xad\x15\xb3\xdf\x01\x96\x0fx\xaa\xa8\xberr)z\x89D\xdd\r\x8c;#\xe5\x15\xbc\xc5\x05\x95\xe4Ku\x11\x12S\x89uV@\xe9\xc52\x027$?\x8d\xa5Z\xd5{\t\xc6\x97\xc9N\xeazJ\x06z\x14\x96\xa0\x98\xeb \xf9J"n\x1a_\xcc\x92L\xe2cX\xb4$\xc8f\x94\xaa\x14\xad\xce\xda\t\xffm\x14\xc9:/\xc2FJ+8\xd8HO\xfc"\x15\xe1\x89\x9b\x8aQ\xb8J((\xe0w&amp;`W\x97\x8f\xe1\t\xd0\xc7\xe8E\xa7\x8c\xffU\xf8\x1b\r\x1c\x1a~\xd4\xc6/T\x00\x91\x88\x7fo\xa5D\xec\xeb"\x19\x19S\xb3\x16T\xaa%\xc1\x02\xe9\x17&gt;\xe7[.\xd1\xdcy\x8d\xd6 \xa32R\x9e\xb2\xc1#\xe0X0\x7fH1\x9f\x8f\x19\xdc\xd7\xe5\xe3&gt;-0,\xdf\x127 q\xaft\xf2\x9c^\xb2\xe9J\x93j(\xea\xa4=\x9f\n\xee22:1{\xa8~\x08\xb1\xbe\xa4Z\x1a\t\x85FFF\xb0\xefZ\xc2\x17\x0b&gt;\xba\xe1\xdb\xdc\x02\x88\xfa\xcf\xf9\xdd\xb3\x8a\xbc\xe7\xd9\xa6VCN\x7f\xbaTL\xfb\xa3N\x7f$\x0b&gt;\xa7\xde\xef\xf1{"\x91\x88\x7fd$\xb9\xe2q\xbbl\xae\xa2+\x1d\xf1\'\xfd\xfe\xa4s\xc4\x19\n9\x015\x12\xc5\xbf\x02\xae\xe7Y.\xd9\xf4\x85\xbe\t\xa5\x0f{\x8a\xf9\x9d|&amp;]\x1c.\xe7J\xe9H$]\xca\r\xe7\xf3\x93\x93E\x8f\xc7\xe3z\x11\x1c\x1b\x1bkk\x0bf2\xc5L\xc6\xe5\xf1\xac\xac\xe0\x15\n%\x9d*\xc1\x026\x89\xd9*\xaf\xa6\x97meY\x03i\xab\xee\x8fd\xb6c\x89|&gt;\x95@\xed\xec\x94wv\x12\xb1X*\x05\xb0\xc9\xf5_n\xf4P\xdd\xe8iC\xc9\x83\xf3wm.\x9b\xcd\xe6v{\x88\x8b\x86c\xc3\xcb\xa7Zs\xbf\xe99\xac\xb0\xdf\x9f^\xcf\xc7\xec\xf1X\x1c\xb57\xbe\xb7\xb7\xd7n\xb7Z\xad\x81@*\x15\x08\\\xbbv\xado\n5z\xab\xa7gt\x8cJ\xae\x91\xb7\xb5i\x83w=\xa1\xa8\x90B\xa2&gt;\xcd#\x96\xa8\xfb\x82s\x96\x1eR\xe5S\x03V;P\xccV\xa5\xdd\xe1p(\xad\x84e\xb5\x1a\xd6&amp;&amp;\x0e\x0e\xfa\xfa\xa6FY=@\xa9\xd57\xc7~\xb8\xfa\xfd\xf7\xf7:\xe4n\xac\x11\xc2\xaa\xed\xf2\xe9\xf8\xe9:m\x91\x8dC~O&amp;\x11\x8b\x0f\x0c\xd8ACETf\xb3\x99&gt;\x9a\xd7\x18\x14\xa4Z\xfcJ\xa5V\x03\x0b\\W\xdblI\x1aD*2\x97\x88\xbfq\xb8[\xc3y\x02REJ;\xe3\xe3\x03P\xcbaRR9\x14\n\x07\xa3s\x10\x16\xf5o\x11\x17\xea\x01\xc7\xa5\xb9\xd9z\x15`m\xf2\x17\xee\x10\xa5\x84\xca\xf9\xd9\xcb#V\x15\xf10\x14\x8ed#\xe5\x02\xa8\x06\x06\xccf\xa5\xc3aR(t\npqtJ\xc3D\xdf\x14#\x1b%\xacE\xb5\x1aX\x1bju\xebX+\xdc?\xef\xf2\xe3$\x84\x99]\xe9\xe6q\xf3pN\xbb?`\xa5w\xe2\xe3\x03\xd6\x81\x80\xc1l\x05\x14\xb0t\xb3:\x9d\xc2\x01,\x85\xc9\xba6A\xf6\x9a\x9a\xe2\xd0X\x0f\xd5\x1a\xf5\xcd\xd6V\xb9\\\x1e\xb4\xad\x84(\xe3\x9c\xfcy\x1eG\xe8\xcft\x9c\xf7g#\xb9\x04\xf5\xf0\xf1c\x83Ui2\x99\x14\xba\xd9\xd9\'\xb3\xb3:\x05&gt;)LJ\xc3\x9a\x01\xbe?\xe8\xfb\x1f.\r\xb9~\xac\rX\xf3\xeed\xc8\xe9\x0c\xeb\xeb\xbb\xfc%\x17\xb0\xc2\xd9Z6\x9c.\x17\xe2\xf1\x81\xc0c3\xf9\x8a\xa8\xee\xdcy\xf2\xe4\x89\xce\xa4\xb4\x02Ri6\xac\xad\x11V\x1f9\x7ftj\x91\xcc\xb5\x01w\xb5\x8eA.t\x91\xfd}\xa2\xc6#\xd6`\x03T\xa5t\xbaT.\xd8\xad\x03\x06\xb3\xd2\n,t\xf0O\xb3\xb3w\x9e\xcc*Lf*%\x17\x11\x07\x07S\\v\x8d~Y\x8cD\x15\x0c\xba0\x8c\xc2\xfepmK\xc6[\x13\xbd\x17\xd9l\xa9\x94\xcb\xe5v\xfa\xa5\x94\x9e`0\x99\x98\xb5t\xd4C4\xb0\xa9\xd6\xc4\xc1\x04K\x89\xc5\xc5\xaf\xd9\xa5Qk\x1ej\xc0\x95\xf1Sy\xd2\'\x83|b\xd5\x88*Wh\x97J\xedveK\x0bq\x10\x8cb\x96&lt;o2\xd3WJ\xd6\xc6\tr\xd7b3$H\xad\x87\x0f5\x1a\xb9V\x9b\x89\xb0\x89\x9e\xae\xf2\x89U\xabA\xad\xd2p\x01T--\xb8\x94-J\xa5\x01\xddT0\xc7\x9b\rf\xae\x0c\xf7\r\x13\xd7\xfa\xfa\xa6\xbeRmll&lt;}\xf84HX.\xec2"\xe9\x1a\xbfXL\xacr\xc1"m1\xb7\xfch`\x9e\x07\x8c\xd2\xe4@\'M\x04h\xc0\x8d\xad\xc5kdy\x96]\x1c\xd6\xab\xa7M,\xd2*\x9d&gt;\x9f\xe3\x0f\xabQ\xab\x13\xd5&gt;\xb0\xec-J\xf3\x8f\xe4-\x80\xfd\x1d#H\t,Z\x97f Q\xdd\x9f\x00\x15\xd3\xeb\x01\xcb\x88\x8d\xa7O\xe7\x83A\xadv\x1e\xbb\xb0t\xa9T:\xf4\xf2\x88U\xcf\x9d\xe6\xca\xc7\x853\x0b,\x0fk\xa1\x85&amp;\xe6.\xce\xfa\x08.\xa4)\xb8\x94\xe8\xe3\x04\x93k\xb19\x1a\xd5\x1a\xcdC\x86\xa5\r\x0e\x97\\\xc0\xfa\xc8#\xd6\xc7\\\xee\xf4t\xff\xd3\xaa\xe5\x119\x1e\xfb\x07\xb3R*u\xd0\xec\xd1\xd1r$\xd7[\xa9\x93\xb4\x1c\xef\x7f7\x81\r\x0e"\xe2\xd6\xad[\xa3?\xdc\xd4\xdc\xd4\x04\xe5h\xa2\xb67?\\\xca\x0c\x97&gt;&gt;\xe7\x11\x0bP\xa7\xc7\xcb3\x8f,\xd2?\xdf\xbe\xad\xbc\xedpH\x15\xd2\xb8\x83\xf2\x81\x96"\x0b\t\n~D\x85\xd2j\x08\x04\x02\xdf\xbdL\xbd\xbc\xf1\xf2\xe5\x8d\x1b=W)\xe4\xdb\x80\xa5\xed\xd0f\x86\x87\x877\x9f\x8b\xf8\xc4:\xdd?[~d\xb1H)!\xa4\xf8`\xb1|X}\x86\x9a\x99\xd5\xb1\xb1\xe8\x80\xfb\xa5:\x05l6\x10\xa0\xc2\x865u}\xfb\xfa\xf5\xeb\xdb\x1d\xbdm\xbd\xbd\xbd\x90\xabw\x98\xb0\xba\xf9\xc3:\xdc?\xdd\xdf?\xb3pTV\xc7\xa3U\x8beu\xe6\xd9\xd1\xd1\xd1\xdf\x8e\x9e\xcd(hc\xe3\xa0y\xad\x9b\x95B-\x8e\nX\x89\xc4\xbd{\x1d\x1dx\xf52,mo\x99O,\x0c\x9f\xa3\xfd\xfd\xfd\xe3~F%m\x97Z\x96\xdf\'\ngg\x9f\xfe\r0(\xf6\x0f\xc7\x1em\xb8(*t\xd8}\r\xd0\x06:\xb1\x9d\x9f\\\xc7!\xc3\xe5v\xbb^h;\x00\xa6\x05\x18a}|\xce\x1fV\xf5\x18X\x1f\x08\xca\xd2\xee\xf8P(\x17i\xa9\xe7X\x9d\x1e\xbf\x7f\xff&gt;\xee\xd8\xb3\xee\xc1j\x0eG&lt;\x95\xea\x99\\/\xba&lt;I:/\x8e8\xf1\nylZp\x91\xbf\x18\x16\x8f\xdb\xc0cT\x7f;\x84\x92\xb6\x8f\x971\xb4\xd3\xe9\x08\xfd\xffER\xef\x0c\xad\xa43\x93\xf9X \x00\xb9 [\xaaG\xe3\xf2\xac$Gpt]@\xe18\x9bL\xfa\x93np5\xb1&gt;yy\xc3\xba\xf2\xaf\xcd\xe3\xcd\xcd\xf1vpIAE"\x95\xd2tv\rg\xfd\xfe\x08\x8e\x87\xeb\xf9\xfcv\xcc\xea\xc09h[c\xf3@\xa7%F\xe4\xc7i\x16}tE&lt;\x19R\xab\x97\xb0\x0e\xf9\xc3\x12mm\xa2\xfa\t\xab\xbdP&gt;&gt;#\xc8\xcd\xfd\x9dr\xc6U,\x163E:\xc9\xaeOn\xc7\xf7\x08+h{\x9d\x0c\xa1\xde\xb9]\xf3\xda\xde\x8e\x8e\x8e\xfcNy\xd8UD&lt;h\x99\xb9\x0e\xe7\xf8\xc3\xfa\xe7\xc7MR\xcb\xde\xdenOl&gt;;\xa2`X]\xee\x8f\xc7z\x82A:\xb5\xae\x97\'\x19V&lt;\x96\xca\xaf\xdb^\xaf\xac\xbc}\xfb\xda}W\xce\x1de\xb1:\n\xe5\x8c\x96\xb9\x1ej\xfd\x87G\xac\xe9O\x9b\x9bg\xd4\xc4\xdb\xe3\xb1g\xbf\xbey\xf3\x97\x99\xd5\x0f\xf1D\xbe\xed\xd5\xcf?\xdf\xd5\x8c\x8d\xfd\x92\xdf\xdeI\x14\xf6\xf6\xe2\xa9\xfc/\xf36\xf7[*\xb7\xdb\x86\x1f\xbeR_\xbd\xf7S\xa1\xf0\x936\xd8\xdb\xd1\xcb\x12\x82\xb7\x1d\x04\xb8:?\x91Zv\xb2\xd6\x877\xbf\x82\xaa=\xd6\x01\x99^\xb8_\xbf{\xf7\xf6\xaf\x1bc=\xb1\xfe\xfe\xe5\x99\xe5\xf8\xcb\x1e\xf9\xfc\x7fi5\xfb\x97\xb6\xd2,\x8e/\xc1L\xc0$K\xad\xf1\x1a\x88\x01\xb5\x18hri\x13h\xc5\xf8C\x93\x8b\xa6\xc6&amp;\x94\xbc0\t\x96\x1a\xcc\xbdJ\xc5D1\xa9\x84$\x15BL+\xd2\x89\xf8B\xad\xa9I\x8d1/\xc4\x92Fn\x99\x92\xa6\x15i\xa9\x82\xac}\xd9\xf8\xc3\xb8\xc3\xc0\xb8?\xac\xd9\xb2;\xc8\x94\x85\x0ev\x14\xf6&lt;qw\xff\x81\xb8\x8fz5\n\xf1\xc3\xf7\x9c\xfb=\xe7&lt;\xcf5\xe7\xd6\x13\x89\x95\xa5\xd9\x95y\xf8[OOR\x06`\x11\xd5%$\x17$\xd7\xcb\xbf\x18OI*\xf0\x99\xf1\x8fO\x7fX,a\t\xee\x82V\x83\xbd\xfc\xf6\x91\xd5\xa1\xeey\x00H\xec%\x8aQ2,p\xf55\xcb\rZ\xab\xcc\x9cK\xec\xed\x01\x95e``\xe0\xbee\xbag%\xd7\xce\xaf\x8fD\xea\xaf!\xf3zysm\x03\x1d\x01\x95\xbfoS]\r\xef\xe3\xff\xbc\x08X\xc8 \\X__\xa7/j\x1e\x1aZ\x1a\xb5\xdc\x87\xff\xec-q)\x1c\xbcf\x9e\\\xb9m\x95\x86\x80j\xbd\xe7\xd5\xbb;\xdf^\xbe\xfc\xcd\xdba/hf\xae\x81\xcc\xaf\x8f\xa0\xec\x1aY{Sm\x1c\xff\xf4\xc9_\x1e\x17\xcb\xbf\xbf\xb1\xef\xaf6~X\\,a\x89\xfb\xb0\xe6N\x1f\x19\xbc\x14\x9c}\xf5\xea\xce\xdbo\x07\x06\x1e\xce\xae\'rQ\x92s\x01\x17\xd3J\xdbmu\tk\xf6\xb7W\xef\xde]\x1ex\xf8\xcf\x1f\x87\xf7\x12\xeb93d\x96\xaa^\x85\xb0.}\xde/\xdc\xd5\xe9\xf4\xe5\x99\xaa\xb1p\xde\xe6\xec\xdb\xd8\xb8\x0bX\xc8N\xc5\\\xee\xa0`f\xb5&amp;\xb4\xf2\xcb\xdf\x7f\xbc\xf3\xf6\x9b\xcb\xf7G\x1f\xad\xe4B2R[E\x10t&gt;\xae\xb5&amp;\xf7\xf6\xf6\x12\x8f&gt;\xbe\xb2L]\xbe\xff\xee\x1f\xbf\xcd\x82\x98\xb9\x15\xf3\x08Tk\x88\xe2\xa5\x91\x9a:\x1fS\xaa\x908\n\xe5\x0c@\xac-\x8c-Tn\xdb\x0c\x81\xc0\xe4"\xb2-6\xaf\xa9\xd5!"\x93\xc5\xe4\xef\x7f\xfe\xf8\x10\xedB\xce.\xe5B\xcfD\x8a\xb0\x1c\xc7\x89l|\xfb\xf6-P+\xb1\xf4\xc3/\xc3SSS\xa3?\xa7 \xb7P\xe2\xb7\xdf\x1bA\x91\x04\xac\x8a\x16\xa9Ta\xb5\x0e\x96!\x17\xab\xfaM\xa3\x12\xc7\xb3\xf9\xec\xf9.\x14CA\x15[|\xa1\xd5Q\x1bV\x80)&lt;\x7f\xfaht:1o.\xe6\x82\xcf\x14"\x06\x0c\xb2DVi\xd3\x929\xc0\xea\x19ZC@=\xc9\xe4\xd8X\xbb\xd9\xdcn\xbeW\xc3\xe7\x03\xd6\xb5\x1a\xbeH\xa2P\xa7\x0f\x8fj\xb7\xca\xc02\x16\x8e\xffe\xa3q\x1e\xcem\n\x04\x04]g\xaa\xd8\xec\x0b\xad\xad\xadP\x18\x03\x81\xc0\xce\xe4Z0\x14\n\x15\x8bI\xa9\x96\xd3\x88S\x80\x95\xb7i\x15f\x08\xdbJph\x08&lt;-\xd9&gt;\x06\xa3+\x1f&gt;F\xf8\'\x1d\x0e\xbf\xae\xa1A\xa2&gt;&lt;8\xb8]\x1e\xd6\xd7\xe3\xaf\xb4\xc9d\xb7s{Q\xc675]h*-9j\x03w\x16W\x83@UL*\x9cJ\xda\xe3\x89\x01V\x9c\xa3\x90\xf5\xac\'\xd6W\x92\xd14\xac\xa8\xac\x86D\x05HU\xcf\xafWEP\xe3\x05T\xb5-\x80e-\x17+N\xdb5z;v\x06\xb0\xaa\x9a\xaa\xaax&lt;\x1e\xbb\xaaJ\x0e-\xcen\xef\xccj\x14\xe4\n*\x9cmY\xc2s\xa2VX\xc4\x1f\x0bA\xed\t\x85\x92\xe9h4\x93\x81\xd1\x95\x7f\r|K\xa5R\xd5\xd5\x01`]\xc3Y+\xc2\xda\x1e/\x13+O\xe08e\xc2\x06{\xe1&gt;\x147\xf1p\x9c\'\x16\xb3o8\x03NgX!\x8d&amp;\xa3\xab\xce\xc6\xac\x90\x86\x18\xe2(\xb7\xc2"EM{\x12`\xe1\xab\x18\n\xa5o\x91dEE\x05S\x05\xc1;\xc1\xaak\x11I\x8e\x0e\x0e\r\xe5\x94\xc6\xea\xfd\xaf\xc74N\x10\'X\x9d\xe2f\x80\xc2q\xdc\xc3\x93\xdf\xe8p\x86\xc3\x7fU|\t\x07n\x08\xb3Bv\x89\xcaM\xe7m\xa8:\xcb\xc6\xda\xd3 \x14\n\xa2\xd4*\x92H$"&amp;S\x04]=D\xb1\xfebF"\xe8M\x1f\x1c\xf5U\x97Sx\xc6\xe9\xe3,e\xd7P\xe7\xc5\'X\\`\xc4\xb9\x14\x97\x90\xb7\xa1\xed\xe5\xebhKP\x98\xa5\t\n\xec\x01\x19\x97\xcdJ*\x14d\x14\xf1X\x15V\xd2\xaa\xd5\xda\x18\x0c\x0eG$b\x82\\\r\r\xf5\xf5\xe9\xc3\xb4\xa4R}\x90\xd9(\xc7\xe6Y\xd5\x85\xafq\xfb\x84)\xfe]\x97\xb8W\xd79\x08\x89%&amp;\xb8\x14E\xe1\xf2\xd2\xd0\n\xdd;\x9d\xcd\xd2\x10\xc2\x12\x15RKJ\x92d&amp;\x9aQ[\xb5\x1cN\xf86\\JX\xcc\x16fI.\xd5\xad\xc3\xa3\x8c\xc4z\xa8\x1b/\xa7,\xb2X[\xf9\xb8\xc6Do\x7f7\xd8\xac\x13\xcc\r\xf2\xd8\x10C\n\xc3 \xbd\xd1\x84\xe8&amp;\x08\xb7\x9c\xa6i\xe2\x04\xcb\rwb\x98DrI\xa5\xa4\x82c\x8b;\x9d6\x9b\x8da\xd3\x8aP\x18\x91\\\x91\x86\xba\xa3\xc3#\xa95S(o\xc3\x99e4e5D~;n\xc7vu\x80\x05\x0e\xc6\x85\x18\xe2\x1e\xb4\r\x08\x0b`PX\x81\n~\xe5\xa6\xdb\x946\x05\xc2"!|\xb68\xda\xc7q\\5\x18\x18\xb5\x80%BP\x11\x9f\x0f\xd2=m\xed\xdd*\xaf\x87\x80\xc6\x147AMi\x9b\xb0\xef\xa2 \xe28\x17R\x1e\x97\x03Q,V\xba\xc4b\x04\rp\x84\'\x06\x8cY\xa5\x13U\x002\x9a\x01,Du\xbd\xa3\xa3\xab\xd2\xe1`H$\ru\r\xaaH\x83\xcf\x91&gt;8H\xb7&lt;)\xb3\x83\x80\xaah\xa7\xf2\xdb_\x85\x05\xfd\xdc.Jy.\x85\xec\xc2\xb4\xbc\xbc\x8c\x88b\xf0\x8d\x00{\x10\xca\tx\xe1!\x84\x8dJFX!\x8b&amp;Ci+\xa8u\xae\xa3\xa3\xf2Jk\xa3\xa1\xd2\xe0\xab\x05\x7f\x88D \x8eG\x80%\xd9(\xf7\xbc\x93\xe5/\x98\xf2\xc7\xdbm\x1a\xfd\xc2n\xa7\x0b\x92\xdd\x04\x9fz\xcd\x84F\x03D\x08\xce\x9d\xcfg\x85B\xb7\x07~\xd6\xc4\xdc\xd9\x0e\xb032\x9a,\x163\xb7mh\xcb\xab\xb1\x11\x8a\x95\xa0\xcb\xe0\xf3\xa1;\xd1\xd7p\xf1 q\xa8\x0e\xec\x97{\x96\xc12nP\xd9\xe3\xe38W\xbf\xa0\x83\x1e\x10\x83:d\x07*\xb44\'T\xf1&lt;\x0c\xf9\x9ee\x8df\xa2\xa0!\x84\xd7\xbb6}\xe0\x10\xc5\\H\xaa\xb59KXgZ\x05\x02]\xaf\xc1\x87\x92\xab\xe2\xe8\xf00S;W\xf6d\xcdb\xedS8\x14F\xa5\xd8\xa5\xebl\xc6\xa0&lt;j`\x01S\t\x0bQu\xdc\x90{b\xcb\x13\x05\x00]v\x0b\x1b7u\x81\x99\xe7\x8aP\xae\x98T\x87\x9dN\x88"RK \xe8\xed\xf5E\xa0\xa7O\x1f]dJZ&gt;\xfb\xcbn\x9aY\xe3&amp;\x93\x89w!\xeet\xe9\xe6\xfa0\x0cQM\xa0\x18B\x14Q2); \x82\xcb%\xf5&amp;\x96c`\xb2\x01\'4\x173P\xc1\x8f\xd2\xd60\xc3\xa9\xac\xac\xbcr\x05\x069\x88"`\xa92\xe9\x96\x96\xb4z\xa3\xfc\xf3(\x96\x7f\x82\xa64v\xbc\xa9yw\xce\x051\xfc\x8fR\x1a\xbd\xc6\x04Tmy!\xd8\xd72\x10\xa1\xe4\xf2\xc8\xaf;g\x9e\x87g\x10\x16\x94\xc54\xdc\x8e\x8es\xe7*++\xbbP\x0c#P\xb0\xd5\xd2\x16u\xba&lt;/\xfd\xaf\xd1\xef\xd3P\x7f(\x8a;\xb7\xeb\xea\xc3\x9e\xe8\x11\x13\xb4\x14v\x138\x03\xda\x01\xf7x\xdc\xee\xd73\xd1\xd4N_\xcc-4\x84\xa3+\xb9$\x19\x85\xfe!\x9dLg\xac\x1c\xc6U\x07,\x83\xc1\x01\xa9\xa5\x8a03\x19\xb5\xa8\xb6p\x1a\'\x06,\xbf\x86\x80j\x83\xe3\x9d\xbb\x0b%\xac\x82\x1d\xb3C\x8e\x99p:\x9fGT\x1e\xf7\xeb\x9dg\xa1\xd4\xe4\x9c\xebL \\\xb3\x92H\xac\xf7\x84\xda\xa3\xd1(p\xa9\xb5\xb5\xe0\xa5\x12I-\xa2\x02\xac?\x02\x96V\xf0\xe94\xce\xd1A.\x13\x85C\xdd\x1b\x04\xac\'\x90\\\x13v\xc8|\xccD\x11\xc2|\x16\xb9(`m\xae\xbd\\\x9b\xdc\xd9\x84\xfe\xab\x08=\xe0|Op\xa4F&amp;\x93EQ\x03\xc1\xe1\x00\x16jk\x1aJ1\xb4j\xaf6\x8f\x9f\n\x16k\xab`\x02\x0f\xa5\x06\xe7\x00\xab\x14D\x13TE\x10\x90\x9d\xa5\x91\xcd\xbb\xe5\x9bk\xa9\xa5\xa5\xa1\xc7\x8fW\x87\x92\xb9D\xc2\x02r\x95N\xf8IiF\xdd\xc2\xa9\x05\xb9D"\x11\xb8)\x04\xd1\xca\xb9*\xde?\xa5S\x1f\xe3~A\x03I?\xd8Y\n"Jv\x0c\x16\xd4A\xb6\'\x86\xc5&lt;\xee\x1b\x93\x0ff\xe7\xfb\x1f\xa4R0\xffw\xaf\',S0L\x9b\xef\xf1+\x10\x99U\x04X\x88\x8a\tb\xfd\xed\xc3\x07}a\xeb\x946!`\xa8\xde/Lh\n\x13\x0b\x0b\xcd\x18\xc8\xa5\xd7#,\x8a\xcbc{0\x8fkasg\xf2A\xff\xb4w~)\x18L\xa1m\x89y\xcb\xd4\x94\xc5;\x8f\x9e\x89\xe0\xf3/\x92"\x10\xab\x0e\xfa-&amp;t5\x0b\xe3F\xa3\xf1\x14\x1f\xd0\xa8\xf6\x8f\x8fW\x8f?9Q\xeb\tFA\xc2c\xd0\xa7\x9a\\\x9b\x93\x93\x8f\x87\x80\xca\xe2]\t\xa6\x82\xe6`0\xd8}\xc2e\xb1x\xa7\xfb\xbbG\xf82\x05\xa8U\xc7D}\x8dJu\xd7\xcf:\xd5gPK\xef\xe6\xffP\xc2BbA\x05\x82t\xc3\\\x93\x90S\xdd\xb3\xa3 V\x7fjhu5\x85.C\xa9\x9ei\xaf\x17\xd0\x00\xae\xff\xde\x18\xc9pH\x98\xd0\xcd\xa3&amp;\xf0\xb3\xf1\xf4\x1f\\\x84y\x03\xb0\x10\x17r\x07=\xc6\xa5\xfa\x16\xbb\x87\xa7\x87\xfbG\x97\x96\x96\x1e\xfd\xbe\xf3\xa7\xf7\xef_\xfc\xfa\xe5\x85\xd39\xf3\xe51\xa0\xcd{\xd1\xcc=\xdd3&amp;aH*\xce\xfe\x0f\xeb\x0f\xa7\x8eU\xbd\x81\xd4\xb2\xeb\x91\x95\x02\x18\xd5\xac\xbb9l\xf1\x8e~\xff\xf3\xd3\x9f~z\r\x0b\xb8\xde\xbf\x80\xf5kxff\xe6\xf9\xe3\x9b\xb3^\xd0k=$\xaa\x15U\x9c\x85\x18\xc2\x8d\xf8\xe1\xff\x82\xf5\xc6\xf5oZ\xce.\xa6\xc94\x8b\xe3\x06\xde\x8a\xe1mk[\xa8-iM\xcaJ\xf9(\xb1\x9d\x06\xd2\xb8]\xa47tC\xbbsQ&gt;2\r+\x85FK\nJ+\x98\xda\xcc2d\xf8,\xd9%E\x8bi\xd3\x81Rd\x8c\x90\xd4\x8c\xa9i\xb6q\x83\x04\xc5`\x02n\x04\x87D\xcb\xc0\xe8\x18\x95\x00\xc96\x01.\xf0\xc2d\xb3\xe7&lt;\x85\xec^:\xb3\xbe\x87\xd6\xe8\x8d\xf9\xe5\x7f\xce\xf3\x7f\xce\xf3\xbe\xe7\xc1\x8db\xc1\xaa\xfc\xaa\xb5\xea\xc4\x85\xc4\xf4\r_\xdb\xc8\xcb\xf5\xe7\xb7n\xb9SL;\xff\xd8y\x83\x11\x8d\xc6\xe3CC3~k\xd0w;\xc2"9\xc4\xd2\xca\x9d\xcfb\x02k\xab\x9f`U!\xd6\x9f\xbe\xe2\xd8\xa6\xeb\xebg\xf6\xfao5\x8d&gt;ZA\x99\xf6\x01(\x96\x8a\x9b1\xa73\\\x8aS?\xb3f\xa9\x94\xc5\xa5\xc0O\xf5\xb2\xf19Ff)q)\x1eb\xc1\xf1?\x10H\xd8\xe2\xa5+\x89\'++\xfb\x18\xc9X\xecMlrrr\xca\t\x8br\xd2\x1a\x99\xbd}\xbf\xc2S!\xeb\x92R\\,-\xbd\xec\xfd\x02\x13\xa3\xba\xd0K\x10\x9b\'\xc5\xd5\xda\n\xdee\xa8VG"\x11kr\xe6\xee\xfa\xda\xf2\xf2\xf2\xda\xcb\xb5\xbb\x8b\x8b\x8b\x1f&gt;,.\xb6\r^\x1c\xfce\xf6;\x8f\x87jo\xcf\xa5\xce\xe3\xb1\x07l\xab\x85\x89\x81\xd8\x8c\x1a(."W\x15\xd4&lt;X*G^\x1d\x8az#\xbe\xce\x07\x0f67\x1f\xdf\xfbysmss\xf9\xa7\xb5\xe5\xc5\x91\x91\x86\xeb\xbf\xccZ\'{\xedji5\xaa\x05bI\xf5\xfa\xa5\x1eF\xe6t\xb3\x16\x9a\xa0\xb5i%X\xe0\xa7\x174rI]\xdd\x95\xfdX2\x19K\xbe}\xfb\xf1cr\xe2\xf5\xdb\xa47\x99\xf4no\x7f\xf7\x9d\xd7\xa5V\xab\xd4*Q{.q-\xa9^66_\xc3\x04\x15dq\xc9\xddO&lt;\xa2\x15\xb7\x1fN\xb6\x9c/\xa7\x15\x7f&amp;\xa6\xf0*\x15;;\xaf\xde@\x85\xc5\x9c\xd1\xb8\x9e\x12pU\\Q1\xeb&lt;\xacC\xa8{\xd9\xfb-\x86\x86\xadk\xe6\xfb\xddM$\x8d`[\x178\xb4\x9c\x9f\xcd9q\xe2\xeb\xa7\xcf\x9eB\xa0A\xec\x10K\xdd\x8f\xc6\xa2\xf1\xae\\)K\xc0\xd5\x81;\xc0:D*c\x7f\x0bC\xb3\xe9\x19[MD.\xb2\x01]\xd0\xd0J\xc4\xaa\xaajz\xf4\x14\xed\xf4\xd1\xb3g\xc4P\xf7\xa3NB\x95\x9bO\xe9X\xf9\\X\x86,\x9c,\x1b\x9bgj\x96?ca\x17\xb0\x08\x17,D\x0e\xadT\x02\x16\xfc\xe3\xfb\xafS&amp;O\xd2\tf\xba\x9f\xdb%e\x91\x07\x0f,\x1d`\xe1\x03.1\xb5\xb7\xc0\xd8\xc5\x87\x85\xfeQ\xc0\x82&lt;\xb6\x82\\\x1c\x8d\x82\xce\xe6p8w\xaa\xee\xdc\xfa\x0bh\x059$\x1e\xbf?\x0cgU\xd8o\xb0\x9b\x81rOq\x89a\xe7a\x8a\xea\xc8@\x7f\x00\xe5\xc2\xb2G\x83\xe0h4\x9al\x056aMM\xeeGp\xea\x19\xde\xdf\x0f\x01T\x97\x9e\xe2\nX$w\\1\x97+\x16\x1b\xc5\xc6\xbd\x05\xc6\xa8\x8e\xb4\xec\x9aF\t\x17\xb4\x12\x1cl\x05A1\xb9\xc3\xe1v\xbbGG\x13+C3\xe1\xe9\xf0\x10t`\xa5B\xb5\x8a\xcb\x92\xb2(\x19%V\xe1\x08*%\xd6/1wK$\xa3g\xd7\x94\x18\x05O\xc5\xe0\xa0Gp8r\xbe\x92\xc7\x93\xd8\x86f\xa6\xeb\xf1\x959\xb4\xce^\xaf\xb9\xa2WM\x01\x15%\xd3Sb\x1c\x83\x10\x1b\xc7\xe7\x98\x13\xebH\xcf\x1d\x93\tN\xb1\xee&amp;\xb7F\xd3D\xb04rZYT\xd77\x1cvN@_\xea\x0bZ-f\xaf\xe7f\xaf\x9a+\x95R\x14\xbe\xe9IQ\xa1i1w\xd5\xa7f\xc9\x94H$\x02\x90H\x94\x8c`\xe1\xf3\xf0\xdf\xf5]\tE\xa7\xbc\x96`0b\x9d\xbc)\xd4\xe9(\x9d\x14S\x88\xef-\x10\xcb(3\xee\r0\x88\x95\xf5W\t\xcf\x900\x01\x17T\x93\x1b\x13\x89`\xf4I\x1c4\x88G\x9df\xab\xd5\xac\xd6\x85B\xa1\xe2\\l\xb2\x00\xea\x00\xcbh\xc46\x9e9\xac\x1f\x01\x0b\xb8\xb0\xc0H\xed\x03\x15|\xe8\x93\'\r\x86\'\xc3CS\xde\x9bp\xa4\xb8\x92\x16\nAG\n\xa9\xc3Q\x91R\xc8\xa1\xb0T\xccD\x1b\xff\xdf\x9a\xff\x91\xc738\x1cX`\xa3@\xd6\xdf\xa4\x01*\xe0r\x18~o\xe8\x8bG\xbd^\xa7.\x94&amp;\x12\x81Z`\xebB\x97\xc7U\xea\x02.\x97Kh\\b\xf2\xbaV\xc6\xbcA\xc2s8\x0c\xc8\x05`\xfd\xeeQ\xc0\xca\xd6h\x14\x86\'}\xc3Q\xb3y\xd2\x19\x17A\x0e1\x85b\xa1\xd7\xecq\xb9\x00\xcc\xe3\x12\n\x8d\xab\x8c^\xba\x9b\x03,0\xaa\x80\xc9f2\xed\x05F\xf7\xde\x07`U:\x12\x86\x80\xa9+\xea\xb5X@\xadx&lt;\x8e\xcb\xcf(\xf6X- \x95\xcb\xe3\xf1\xa8\x85\xc2\xb19&amp;\xb12\xe6\x1c\x12\x1e\xdf\xa1\x00\xbd\x80\xcb\xb4gz9\xf3&gt;\x100\x8d\x0f\x8d\x9blN\x8b\xd5\xe2\x0c\x87\xc3b\x90\xc7\x03\x1fK\xb3\xd5\x8fTvP\xcb5\xbe\xc1\xe8U\xc09\x07\x0f\xb0\x1c\x98\xc7\xf7\xf83\xe3\xf7O\x8f\x8fO\xd7O\x85g\x9c\xc01\x15\x863\xb6\xc5b\x99\xb0\xe0\xa0M\xb3\xd9\x83a\x87$\x8eo1\x8f\xc5\xe7\xcb\x15\x90G\x93\xc96T\xdf\xd9\xd6\xe9\x9f\xf6\xdf\xb8\xe1\xf7Ot\x06\x83\x16\xa7\xd3omnn\xb6\xe2\xf1\xbf\x03\xb0**\xb0\xbe\x84BfN\x17\xffS[\x84\n\x9aRG a\xb2\x85-\xcdmmm\x9dp\xdc\xef\xec\x84\xbf\xf8\x9a\'n\x80J&gt;_\xc7\xe9\x8b\x83\x1dA\x0b@\x81Xj\xa8-F\xdd\x94\xa8\xc5\'\xaf_\x15P_\x01\xd3\x8c\x7f\x02\xc1\xbei\xfb\xc37&gt;\xdf\xb9s\x1dm\x9dA\xbc\xe7s\x1d\x07\x92f\x81\n\xb8\xecj\x17dq\xb4\xe5\xc8\x11\x86\xb1\x94r\x1a\xb1\x08\xd7\xd0\xd8\x90\xd3\xd2\xd9\xe6\xfb\xb6\xe1\xdc\xb7G\x8f6t\xf8:\x1aN\x0f\x1e\x1b\xbc\xde\xe0\xeb\x88\x98+\xcc\x15\x15\xbd\xbdd\xa4y\xb7\x87I\xb126\x1c(\x16M\xd3\n\xe4"N\x91[\xeatN\xf8\x8e\x0e\x1e\xbbx\xec4\x19\xdc\xbax\x11\xa8\x82A+\x11\xab\xb7\xd7\xc5(VF\x16\x06\xa8Er\x98\xe2"\x92\xd9\xfa\xba\xba\x9c\x9d\xe7\x8e\x0e\xa6\xe6\xdb\xc8\x88\x9b/\xd8\x9c\xc2\x02\xb1\xb0\xb4\xc4\xcc\x1c\x11\xb3j\xd2\xd3\xf3\xf2\xcaJ^,\xf1Hm)\x954\x8d\xaf&lt;\x15`\xf0\xb06mz\x7f[GCG\xc3\xf5\x06\x1c\x08\xf4\xf9\xa0\x91\x80M\x9b`A\xc1\xc3y\xd1\xb8\xca\xc8\xb3\x9aB\xfc\x95\x0f??^^7I\xf8\xa4\xe4\x81\x0b\xb0pG\x04.\x89\xa4/l\r\x82@\x11k$\x18\x9c\x8dX\xcd\x18)\xb1\xec*\xa0\x82-\xb1\xe7\xb3_\xad\x06\xaa\xf4{\xcb\xcbk\xffZ\x9c\x19\xea\x93\xc0\x89\x95\xc6\xe2\x02\x8f\xc8\xc6}\x1a\xb0\x0c&lt;\xc9\xd8\x94\x1f\x9b\xd2\n|HC\x80\x08S\xaf\xdd\x0e\'k\xa1J(\xde\x9b[h\xe9\xf9|\xb7\xd1\xf1\xe9dVaa\xcb\xe6\xc8\xc8H}8&gt;f\xc3$*\x14).Zq\xc8%\xa9\x1e\x93\xc9\xf4b\xa1\xfa\x10\xc8n\xc7/\x86J\x85Xck\xcb\xbb\xabsW\xcb&gt;\xcf\xb5\\`j\xa9\xa9),L\xff\xd0f)\x85Mx\xd8\x86nJ+\x80\x8a\x06\x9f\x80\xf3\x18\xb6\xf3\xd9\n\xe0j\x17\x85\xf2\xcf\xab\xd4\x80\x83*\xa9\xd5@\xd4\x0b?j\x82U*\x9by\xbdxwm\xf9qI\xcfg(\xb2\x8c\x9a\x85\xd5{-\x85\x80\xf5\xdc\x9c\x1f*\xce\x0f!\x16\xaeC,y\x12xN$e_\x97\x99&amp;*\xd6\x9dW\x13\x9e\x03*\x14L\xa5\x82\xa3\x8fP,\xd3O\x8f&lt;x\xbd\xb8\xfc\xb0\xec\xff\xbf^]\xb3\xf5|}\xb5\xac\x10c\xb5\xf8\x12\xfb\xcbbvW\xdd\x81\xc9+\x95\xc4T\xa1\xbe\x90+[\xce\x93d\xb6\x8b\xf2u\x82\xf3*\x95\xbd\x02\x14R\xdb\x0f*\x8b\xab"\x07E\x19K_\xff\xf7\x91\x07k\x0f\xcb~;\x17\x19\xde\xcb\xeaYX\xfd\xb8\xbd\x9eG\xa8\n7\xaa/\xb1\xd9_\xb2E\x07X@\xc5\xc7\xbd\x11\n,\x9bt\xf3|^fuZq\xbeN\'\xe0\xaaP!\xbb\xfd\x07\xfb\x0fx#J\xa5B*\x8a%c\xc9\xcc\xcd\x9d?=,)\x1bh\xa9\xc9\xfa\xadP=[\xab\xebo\xb7kk\x9f\x1e`\x95\x04\xd8\x18\xa1\xba\x03\xdb\x02\xb1\x94\xfc"\xbe\x1c4\x83\x93\xb5B\xce\xe7\x95\x9fjOc\x17\x17\xe7\x9f\x010\x95\xea\x8b/\xf0\x83\x7f\x83\xe0\x82X\x14K*\xbc\x7f\xfb5`\x95!\xd8\xaf|k\x90b\xdaX]OF\xfe\xfd\xae\xa0\xb6\xf6cI\n+\xef\x0e\x9b\xc8U-\xc1\xf6\x81V\x92\xe0\x17\x01\x18\x8d=3\xcd\xd7"\x96\x88\xcd\x06,\x01\xb7\x12X*+U\x95(\x15\x06%\xc3Go\x94yv\xf1*`\r\x94]\x9d\xfbu\xbf!\x02\x98j\x16\x96Vb\xdb\xef\xde\x15\\\xae\xcd)\xa8M\xbe\x80zO\x87\xcf|;\xfb\x9f\xc0\xd5.A\xb9h%\x8dI,*\xd2\x02\x17`e\xcb\x8b\xca3O\x9dJK\x83\xb2?C\xb8*+\xe1\x0f\xc0#P\xf8(\t\xb0\x04\xbd\xf7_"VYI\xc9\xf3\xf5\xf9O\xf7W,\xa8\x8d\xe7\xfb\x90\xbb\xcb\x8d\xddg\xcf\xd6\x1e/\xa8\xdd\xbe\x87L\xf0=\xc8bZfy\x11_\x99\x92\x8b_\xa4-/\xd7\x16\x11\xb9\xe4Z\xe0jo\xc7\xf9\x10\xd4\x0b\xe2\x8c\xa0\xb2\x92\x0bh\\\x01\x95R\x8b\x12\xd8\xcdk\x07X\xeb\xdb\xb1G\xf3\x03\x9f\xe6a \xd4|\xff\x9b\xee\xc6\xc6\xeen\x80jl\xac\xcd\x01\xb9\x96\x08Taz\xde\x92\x08\xd3\x98\xf6\xc7Lm\x912U]\xca"-\x06\x9fp\xf1\xb5u\x99\xa7\xaa\x91\x0b\xca\x0b\x03\xc8*\xe1\xcb\x15\x90\xe7H$\xec\xf5\x8f\xaf\x96@\x94]\xbd[P\xb0\x1d[\xf9$\xb0\x8c\x81[;\xaf\xba\x1b\xbb\xaf]\xeb&gt;\x0bX\x97k\xff\x96s&lt;\'g=\x8f\xc8\x95\x9e\xfe\xc2\xc6\xbetI\x04X\xe5\x989\x00#Y\xc4&lt;\x82\xebg\x83\\u\x99\xd5\xd5`\xaa\xe4\xa5\xe6!\x18b\x1dB\xb1(\xfb\xdd\x87)\xac{I(\xdb\x82\x9cOQ,k\xe3\xe9\xf6\xf65"\xd55\x80k\xbc\\[P\x90\x93s\xfccY:\xd1+=o\x17*\'\r_\xd4\x97k\xd1\x1a\x94\x88\xa4-\xd7\x12HZ\xce\xd3b\x12A-\xf2R\xf3\xcc\x19\xfc\x12\xaeC,(\xb1\xd2\xc7%\xa9X\x8d\xe1\xff\r\xb9\x88\xad\xfc\xa7n\xf3\x0fm\xe3&gt;\xc3\xb8\xb0\xec\x05\x14\x13\xe5\x87\x99f%\x9c\x06\xbe\xd4\xb1=\x16&amp;\x8d\\\xb1e3\x86#6\xb0\xb8\x12\xbb\xec\xcc\xb2\xaa\x7f\x18\xad\xa2\xa4"\x03\xe1\xb1L$[\xd2\xa8\x82M\x94\x89\x05\xb6?J\tc\xfa\xe3(\x13u9\x02A\xc8\xa1\xc5nL\xeb\x85H^Mm\x8f*\xea\xa8--(\xc425\x04\xec=\xcf{r\x9cn\xddkGr\xc0\x89&gt;\xf7\xbc\xcf\xfb|\xbfw\'\xdd\x03\x19\xdf\x91\xff\x7f\xaf\xd6.&lt;X\xb9\xf7\x88T\xd2\xc1\xf8\x84`u?\t8[\xb5\xf4\x02,}\xf1\x9cp\xf5\xf1]\x82\xb4VO\x0f\xffB\xf3\xbbzB\xa16\xdb[\x84\x12\xc1\xa0\x95\xfd\x91\\^\x7f;t\xfaqQ\xa0\x82\x81{\x1b\xbd\xa8\x89\x89+8\xfew\xef\xdf\xfc\x176c\x07\xbev\x8f\x10+.\xe7\x13\xc1;\x8f\xd8\xbe\xe1\xcc\xb0\xf4\x102\xbb\xdd\x0f\x96Zj9S\x8b\xbf \x96\xcb\xe5\x82F\x90\xaa\x85\x05H\x16\x1d\x0f\xaaN\xc1y\xee\xb9\x01\x11\xeb\x10\xc5\xea\xe8h]\x17&lt;\xbb\x0c\xbf\x03*\x98\xb8\x8fC\xe6X\xd9\x95\xf9l\xf6\xce\xd7\\89pl\\\xc5A\x14\xb7j\x9fnf2`\xe2\x9fx\x1aX\xee\xee\x16\x96-\xd7\'\xa4\x9a\x94\x8f\xdc\x81\xc5\xc6\n\xf5\xb8\\P\xcc\xa6\x92|\x00\xd5\x80\xd0\xd9\x1d\xe45\xf9\x13\xbc2\xf8\xad?\'\x82\x9c\xc3`0\xff7J\x15\xe1\xb1\x93m\xe3J\xe6\xd6\x1b\xffsft\xe0\x983\x98X\xad5\x1b\xa6\xf2\xebM\xa1\xba\x12\x11gQ,`\xa9{X\xa9\xc5\xcb\xa4\x02\x16\x0b\x8a\x11&amp;\x14\n\xa1\x91#\xae\x96X\x9d\x14j\x00I\xb2\xe7,\xde\x0e&amp;W{\xfb[\xf9`\xab\x16\xd9\xc3\t\xb1\xc9D&lt;&gt;\x81)[[\xbb\xf6_\\\x07N%\xb6j\xcdJ\xc12\x0c\xe3\x0f\x99a8\x0bv\xc7/\xf7v\xd3\xf1\xc0J\xeda\xa9K\x8f\xcf\r\x0e\x92\xea\x9c\x80\r~\x15+D*\xd4@\xa7\x87\xbd&lt;jg\x96\xdc\xc0\xe0\xc3\xd9E[*l\xbdW&amp;P\xf2\n\xd0\x0cze6\xd72Wf?|f(\x0f\x8c\'\xc0dj\x8a\x85\xd2o\\\x81\xb2\xc3\xb4\xfbDZ\xe6\x90X\x81}\xb9\x96\xa7\x06%\x07.\xa2\x99t\x15\x1e~\x10j\x0b\xf1\'q&lt;x:\xe5{\x8cX\x92\xf0\x1dl \xa8\xbe}M\xa8pB\xa0\x06Vx\xd8\xa0\xean9l\x13X\x91\xcc\xc2\xfe\xfb#\x8e\xa9\xab\xcd\x19MQt]\xb7\x0c\xcb\xb8\x14\x19&amp;\x17\xc4Mv\xdb=t?\\J\xed\xcb\x95\xb86y\xf8\xf8$\xb1d"\xc1\x82\xa2^.\xc1\xe2$\xdadc\xcf?\xff#\x04)\xd5\x92\x1e\x9e8\xfb8\xa1\xeeU`%2!\xff\xbb\xa8\x05\xcbg67\xa9\xc7\xad\xa7\xef\x81K\xd4\x1a\xd3\x1a\xb0\x08f\x84sC\x1b\xdb\xa8x:\t,7\xa9\xa2Q`\x05\xf6\xb9V\xdf\x9a:&gt;9\x850o%\x85\xabGb!d\xd3\x85hz\xe9\xe4\xd8\x18\xd5\x12\xcf\xdb\xd6\xfa\xbc\xf8\x94\n\xf9\xc0\xe4al\xc5eI!Vd\x1b\x9e^\xbb\xd9jd\xd3T\xfc\x8anX\xc0*\x95r-\xact\x12%LQ\xc1J%\x90]\xecdj\xb5~\xe3\xb5\xa7\\\x94\x0bC\xf5\x96Y\x00\x00\x05\x94IDAT\xa6\x02\xcc\xabm-&amp;b\xd1YT\xcb\x8e\xd2\xa3\xa2V\xc7\xef\xf3\xb1\x18\x91bx\xc2\x8a\xd8K\xa5\xe2\x11\x16\xd2H\xb0\x86\x19L\x9b\x0b\x1f\xc4\xb8\xe5a\xf7t]\x9aX\n\xe7\xca?\xad\xa6\xb7\xb7\xe7\x92^o\xd2\x1d%\x96\xadV*_KP\xaab\xbd\xa1\x85\x87^\xbbz|j\xea*?\xb8O,\xecg\x80\xf5*\x04\xa3\xb3D,\x8f\xbd\xbf\x01X\xfbQ\xfb6\xd4\xe9\xef/\xaa\xc4\x8a\xc5\x9c\xce\x18\x17j\xda\nT\xb0X\x84\x89\x04\xacx\x84\xb9\x94\xc9\xac\xfd\x12\x11\xe6\xd0K\xf0\x94\xc1\x1e\x86s\xb9p\xf9\xa5j2=7\xe7\xf5\xf9\xbcQ[\xabh\x14\x93\x98Zm\xd4Tg\xb1\xd6\x98\x99\x9e\xd6\x8c\xa1\xbf^\x9d\x9a\x9c\x9a\xe24\x8e\x8c0\xdd!\x13\xd6J\n\x85\'x\xab-d\xa7j\xc7Q\xbe\xfd\xa1\x03\x1b\x87\xd7\xff\x1et\xc6\xf0\x85\x82X\xc1\xc0\x02c\x8b\x99\x85\xb9\x8f\x90\x0e\x01\x91\x19\xde\xde\x16\xc1\xd6f\xef8t\xbd0?\xaf(\x96\x11F\x19?|i\xa7w\x0eb\xf9|Q_\xf4Y,\xd3\xac}\xd1\xd0\x14\xbf6=\xed7\x86~wyj\x92\xf15\x89m\xcd\x91\xbe\x11v\xaf\xd3\xe6j\xb3}\x06.\xac&gt;\x02\xd5\xd1~\xfa\xb7?\xf94 T\xfcJ$\x82\xea\xfa}\t\x88\xb8\xac%H\xb0td\xf8\xd6\xf2\xf2\xcd\xd9\x8f\x1f\x01\x0e\xeb\xde\x9a\xa3\x14\x9e7M\xb3EE\xac4:\x08\xb1|\xd1=\xb9l\xac\xf2\xbc\xa9\xf9u\x9d\\\x1a\xb9\x8e\xa3FXX\x82\xe8.O\xa7\xed,@\x8d0\xfa\xf9\xb6\\\x0eaG\xfb\xf7F_~\xaf\x96r\xb6\xb6G\x89Z&gt;\x06,v\x8fA\x94\xeeM\xc3\xc8\xe0\xbb\xb5\x8e\xadS`\xfd\x83\xc5\x8f3X^\x1c\x05\xd3\xac\x98V\xd8\xa6\x9a\x7f\xf1/\xd54[\x08.\x94P\xf9ZX\xe5\xb2\xa2)h7\xb9,r\x1d&gt;|\x98\x0b#j\x84\xc3\xd8)\xbe\xf2\xb4\xd9\xe1\xdf\xd360 \xf1\xdeqz\xf4\xe5\xdd\xe9F\x9d\xde&lt;\xf5\x1bg\xe0\xcb\xdb\xf0\xfe\x87\x0bv:\xa6{\x93\xe94\xc8\xe2\xf1\xf4g\xf9\xa0\xca&amp;\xab\x81\xe5\xfb\xefN8\x1a\r\xc4{\xb8\x04*\x04\xc4\xfc\xd0NR\x9c\xc5\x1e\x92\xca\xf7,V\xd9\xfa\n\xd7\xa4\xac\xd6Gd\x1f\x81\xae!\xac\x00\xd53";\xd7&gt;\x9c3zNH\x07G_\xd9\xc5\xbf\x98\xa9\x17)V\xa2^i\x16c\xb1\xe0,\xfd\x94&amp;\x12g\x1e\x11\xd6\xbbq\xbb^[-\x060\xab\xa9\xc0\xf2\xac\xa3\x02\xaaRI\xb4\n[\xf3\xbf"\x96\x8f\xb6\x92F\xe2\'\xaf\x97X[f\xd8\x08\xdbz\xe9\xc2\xa5\x0c\x8dv\xca\xf6F\xce\x7f\x06\x05\x0bz\xf5\x0c~\xb7\xbf\xab\x0bX\x04\x1d8\xd1~\xe8\xf4\xe8\x8d\x82\xa6\x91\xab\xb9\xa5\x92\xcal&amp;\x88\x05&amp;\xe1b\x0c\xb9\x19a\xd5\xdd\x82Yi\xd4\xb7\xe0&lt;\xc4\xad\xc3\xcc"\xafJac~\xde(\x9b7^\xa9\x02\x1eLv\xf1\xd9\xe7}\x90\x00V!L\xf7abup\xc1`\x9a\xb2;\xeaq\r\xca\xd5\x88\x93\xa4h\xf3\x8c\x8dy.\x0e\x9e\xec\xea\x92\x8fj`\xb1\xc4Y\xe3\xd1\x9f\xffl\xd7\xef\xf7\x03kff\xa6Q\xcb\x83\xaa\x00,5\xb0 R\xa5\x93\xdd\xc4\xe2r\xd2]\x1d\xcaZY\xa50\xd3\xac\xe5!\x99#\x0b\xa8\x12\xda\x872\xff\xfd\xe5\xdb;\xcc,V\x92\xe3H*\x1b\xcb\x0cK\x9b\xc3\x86\x05\xae\xac\x0c\xe4\xeeyP\xf4\x9f\xe9\xea?(\xea\xb4u\x8ey\\G\xba\xce\x80\xea;\x07!\xe0\xa0\xeb\xe2\x89\xd7o\x14\xfc\xc4"\x15\xc1\xcc\x82Vh`\rJ&lt;I\xcb\xde\xd4\x16\xaa7M\xb5\x86\x0c\xc3\xb2\n\x9a\xbf\x00\xc9\x8a\x8e\\.W*\tU\xa5\x9e\xcf?\xa4\xe3I$:y\xa3&gt;\x1bK%\x16e\xd2E0=+\x8d\xdc=?u\xa4\xbf\x8bw\x85\xa1\x8e\xeb\xa2`\xf5\xf3\x9a\x17\xba\x08\xaesg\xdf3\xfd\xca\x9eV(\xaeq\x05\xa8\xa5\xa6\x8a\x0f\xbbe\x17 X\xbd\xb2\x07\xee\xbe\xa4[YK\xd1\xfcJ\xb6Pi\x12+\x97\xb3@\xd5\xa8\x15\x03KO\xaap\xbc\x8d\xc4G\x99\xc8\'\xeb\xb6\xb7t\xbc\x02\x17NE\xc9\xb6\xb8\xcc?\xbd\xc0+\\rN=\xc2Y\xec\x91s3`\x9d&lt;\xd2w\xf9|\xa5\xf0,\xd5\xb4\x02gb\xa1k\x06R\xa9\xe5\rR!\x82l\xb9\xdc\xfc~\xd30\xd0F\xcd\x8fN\x16\x14\xc1\x82X\x95\xe6VJu\xae?\x04\xd6\x1cy\x92I\x9b\xca\xe7M.\xac\x8b\xb7\x90Y,=W\xe6\x9a \xc1:\xad\xbd\xff\xce\x99o\xca\xfd}\xc8\x15\xf2xB}\x07\xc5[\xfd\x07\x8f\xdf\xadH\xff\n-*\x98\x11GC=\xea\xc0\xbaWu\xb7\xca\x86\xa2ro\x1a\xe1l6[\x00\x13\xb8\x1c\xb92\xf2\xb4\xd2\xfc\xa2\x18&lt;5&gt;~\xe7\xed\xea\xdc~l\xd9?\xb8\x81\xa5n)\x82E\xc7c\xe1,\xcf+|IrU\xfe\xf9G\xb9\xbb\xdf\x0f\xb9P\x83H\x07\xf4\xf1\xc7\xff\xf8\xc8\x94\x83\xf0\xcb\x10\x12\xca\xe2J\x82R\xea\xa9T`\x0f\x8b&lt;\x0c\x08&lt;{w\xac0^\x01Z\x81_q\x00\xaaQ_M\xa4\x9c\xa0\xba\xfe\xc6\x86\xa8\xb5\xc7%O\xee\x85\xeb\xaa\xcaI\x945\x1d\xe62\xca\xe4\xd2\xec\x97\xd4\xb4\xca\xddO.\xa0\x91\xe0\xc2\xdef\xa4\xef\xe4\xc1\xae\x0b\xef|\x84\x15A\x98\xf8+\x98\x0e\x8bv\xb6\x14\x8b\xb3L\xac\x95\x1d\xa1\x92m\x8a\xbdY\x89z\xab\xbbY\xbb\xd0\x8a\xac\xc3\x80\xd3\x19b\xa7\xc6\xaf/\xe5\x977\xdc-\xac\x96VTk\xf6\xba\x9a\x82Za\xe6\x88\x8e&lt;\xd5\x11`\xdf\x80^\x04\xa3`\x85\xf7\xef&gt;\x16.\x9e\xf8\x9f\xec\xbf\xf0\xf9mS\xd3l&amp;\x8d\xe8H\xebr\x98T\xd9p\x0e\x93\\O\xa9\xc1\x95\x1df\x8f`1L\x93\xcc\xc9\xea\xa5\xec~\xfd\x07K\x99\xb9\x13\xe2\xfd\xa7\xf8\x00\x00\x00\x00IEND\xaeB`\x82'</t>
        </is>
      </c>
      <c r="M417" s="3" t="n">
        <v>45492.67861111111</v>
      </c>
    </row>
    <row r="418">
      <c r="A418" t="n">
        <v>1046439</v>
      </c>
      <c r="B418" t="n">
        <v>1980</v>
      </c>
      <c r="C418" t="inlineStr">
        <is>
          <t>Marcelinho</t>
        </is>
      </c>
      <c r="D418" t="inlineStr">
        <is>
          <t>Marcelinho</t>
        </is>
      </c>
      <c r="E418" t="inlineStr">
        <is>
          <t>PE</t>
        </is>
      </c>
      <c r="F418" t="inlineStr">
        <is>
          <t>ATA</t>
        </is>
      </c>
      <c r="G418" t="inlineStr">
        <is>
          <t>PE</t>
        </is>
      </c>
      <c r="H418" t="n">
        <v>164</v>
      </c>
      <c r="I418" t="n">
        <v>11</v>
      </c>
      <c r="J418" s="2" t="n">
        <v>37600</v>
      </c>
      <c r="K418" t="inlineStr">
        <is>
          <t>Right</t>
        </is>
      </c>
      <c r="L41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9700a1ef-e14a-4621-9215-9c4e0601c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H\xe6\x00\x00\x03\x00PLTE\xff\xff\xff\xd1\xa0\x9b\xfc\xfb\xfb\x17\x12\x16\xd0\x9d\x97\t\x08\x0c\x02\xa5\x8f\xfe\xfe\xfe\x0f\r\x11\x02\xab\x93\xb6{l\x06\x9ds\xcb\x9a\x96\xd8\xe2\xf8"\x07\x06\xd0\xa5\x9b\xcb\xa0\x9a\xd2\xa7\xa1\xa3_W;\'&amp;\x08\xb1\x99\xc6\x96\x93\xd3\x9f\x91\xaag^\xd5\xac\xa5\x04\x8at\x04\x99\x82\x9f[R\x05\xa2\x89\xc4\x91\x83\x17\x03\x03\x06\xa3w\xcd\x9a\x8b\xc0\x8d}\xd0\x97\x92]94\xb0vg\xc3\x86\x86\t\x02\x03\xd9\xb2\xb3\x02\x83n\xafnd\x1b\x98t\xb1{\x82\xc4\x91\x8f\x06\xab~\x04\x9d\x86\xb2\x87\x83\xc2\x9c\x9a\xde\xe7\xfa\x10\xb7\xa1\xc8\x95\x89\xb3\x82wR2-\x0b\xbb\x95\x06\x97n\xcb\x91\x83\xca\x9b\xa3\xdb\xb3\xbb\xcd\x90\x8flKD\xa1vp\xcf\xe0\xf5\x03\x8fy\x05\x8fh\x0e\xa9\x8e\xbd\x89\x92\xd1\x97\x9c\x0b\xaa\x95\x04\x94~\xc5\x89\x8c\xc8\x9e\x93\xd3\xa0\xa4\xb2tt\xc9\xa4\xa0\xb1v{\xa3{\x83\xc0\x8f\x89\xd9\xae\xac&amp;\x15\x17\xcc\xd8\xf9\xba\x87y2\x0b\x0b\x1f\x1b\x1f\x17\xa2z\xb6qh\x99pi3\x1c\x1c\x97gX\xf5\xf8\xf8\x8e`T\x03xe\x8b[`G+\'\xbc\x93\x90\x01r_\x05\xa9\x89\xbc\x81q\xda\xa9\xa5\x02~idB;\xa9~w\xb9\x80\x8a\xc0\x99\x90\xa0g^\xd5\xa2\x96\x01[K\xdf\xaf\xb4\xe4\xed\xfb\xf6\xf2\xf2\xa8sc\xd5\xa1\x9d\xa6qy\xc5\x86z\xd2\xa6\xac\x80ZV_@G\xbd\x80\x80\x08\xb3\x8e\x1e\xb4\x9e\xbbxr\x02sO\xc1\x92\x96\n\xb1\x84\xb3\x8a\x8exSM\x90hb\xdb\xa1\xa4nOU\xc9\xa2\xacF\x1f\x1f\x07}Y\xd3\xb0\xae\x01kY\xab\x83\x7f\xd8\xa5\xab\xb8\x91\x89\xce\xaa\xa7}ae\x01dS\xb5\x93\x99\xaenn*"(\x1a\xab\x92zNC\xa2o_n&lt;;(\xa1\x7f\xab}n\xc3\xd1\xf6\xca\x91\x97\x96VN\xdb\xbc\xbf\xd5\xab\xb3rCG{LT\xbb\x8e\x80)\xb9\xaa\xc1\x94\xa0\xd5\xa9\x9d\x01NA@\x13\x12`KQ\xba\x87\x85\x98el\xd7\x9c\x99\x9cls\x19\x8bk\x03\x9f}\x8fps\x8ado\xc0\x7fwV$$\x87WMb*2\xe1\xb6\xbd\x05\x86^\x89LF\x98v}\xa5jk\xcd\xa7\xb5QFK\xb6\xb3\xbb]\xbb\xb2!\xb8\x8dA&gt;D?\xbb\xb6 \xad\x83\xaa\x85\x8fN8;\xe0\xf2\xf0\x80=B\xbf\x9d\xa9\xa2\xa1\xa2\xac\xda\xd9\xd2\xb2\xbc1\xa9\x8f\xb5\xc6\xeeC03\xef\xe1\xe1\xe2\xc6\xc8417z\xca\xc5\x03\x96xtst\x93\xd2\xd0v\xbb\xbc\x86ji\x95\xc6\xc9\xde\xa9\xb0\xce\xce\xd4\x98\\`\xcb\xe6\xe6\x18\x9c\x8a\x83\x80}s/7N\xb3\xa2rY`\x8f\x85\x8a\xf2\xec\xec\x0b\x87e\xe7\xe7\xe83\xb6\x96\xc1\xc1\xca\x12\xc7\x9e\xbdg\x82\x91\x94\x92\xd8\xd7\xdb\xe9\xd6\xd6\xa0\x91\x88\x93BM__b\xe1\xe1\xe1\xc9{\x80\xb9\xde\xe2\xb3\x9e\xa8\x02eAG\xa5\x97QZU\x1f\x90\x7f\xb4`w?\x7fcd\x8ev\x81%$q\xa5\x8fJ\x9d\x80X\x0c\x0c\x9bHa\x8e53\x07Q2\xca\x82\x9d\xa7NM,\x96\x89"fIs\x1c\x1a\xa9Vl\xd2\x180,\x00\x00 \x00IDATx\xda\xcc\x99\xe1K"\xfb\x1a\xc7W\xc7PbX\xda\x86\xc1\x0b\xcb\xc6^[\xcf"\t\n%\x1c\xb7|\xa3 \xb9\x8e+7\xa9\x8e\x87\x14vi]\xdft\xb2L\x10\xb1\xae+\x07\xcf\xb9\x92C\x1b\x97\xa2\x82`\xc7V\xd0\xb6\x17kWAHX9 \x08B\xe0\x81@#\x02}a\x87\x0b\xfd\x03\xfb\xe6&gt;\xcf\x8c\xed\xb9\x7f\xc0\xd4\x9eo\x8dM(\xcd\x87\xef\xf7y\x9e\xdfo\xa6{\xf7D\x90\x1c\x0fA\xf7\xfe:\x92\xcb\xa5\xd2\x85\xabF\xe3j\xc1-\x95\xfe\x15\xd0\xe4\xf7\x80\xc8}\xd1(V\xda\xf5\xeb\xebz\xbbR\xbcl\\|s6\xb0i\xe1\xa2Q9\xeb\x96X\x17\xa1P\xb8\xd8Z\xa9\xd0m\x15;\xe7H\xf6\xcd\xa8\xa4\xee\xf3N\xb1\xd5\xad\x11\x8a\xbe\xbe&gt;\xfe\x00\x11\xaeR\xb7}y\xe5\xfeF\\r)d\xd7\xee\x96\\\nA}=,E\x1f\x92\xd5\x8bW\x0b\xd2o\x90\xa4\xdc\xdd\x00&amp;\x96\xe0\x81\xbe\xe3\x89\x040\x01\x0e\xc0*\x9d;\x07\x93\xcb\x17.\xeb|x&lt;\x15\xa8\x87\xd4\xd7\xc3\xeaS\xb8j\xddJ\xc7}\xa7\xb5\x0f\x01\x16\xbb\xe0\x14\xe4E\xf0\xfe\x00\x19X\xf6\x7fY\xf6a\x94\xb5z\xf1\xe2\xee\x0c\x93K\xddW\x95k\x96\x00$&lt;n`\x80\x8c 0\xcf\x1b\xcb\xc0\xb1R\xeb\xf2\xfc\x8e\xc0\xd0\xaa\xb3\x92\x0b\x99\xc0\x92^\x8e\x82\xe0\x0c&lt;\xc3\x1f\n\x05\xef\xa5\x8b\xed\x82aw\xd1\x94ri\xa7}\x8d\xa5\x0eW\xfd\x93H\xc1\x97=\xf1\xb5\x1d\x05\x11.\x17Qjw\xdc\xb7o\x98\xdc\xddi\xe1P \x84\xecz\x01B\x96&lt;\x16_g\xfc{DO\n\xe2.*\xac\xd7\x81\xe0\x03?\x1az\xe3\x81p\x02\xd6wC\x8a^\xa5\xf15\xe7\xecQ\xb9\\l\xa1\xdd\xb8\xe5 \xdd|\x07~\xadv\xbe\x0f\x87\xee;gg\xef\xe3+EQ\xb3NA\xb3\xfc\t|\xc8\xc5\xb2\xd0\x92\x9d\xdb\xf4K.\xbf\xaa\xc3\xea\x07\x0e\xe0\x8b\xd3IQND\xf2\x18\x86Q\x9b\xbb\x1b\x1b\x1b\x9bpb0x\xe2q\x8f\xc7\x13G6\xac/W\xaduu\x8bv\xc9\xdd\xc5k\x9e\xc8\x85\xc6x\xe6Ww\xe7\x8777&gt;\x1dmo?\xfc\x01\x0e\xd4\xf6\xf6\xf6\xd1\xa7O\x1b\x9b\xbc\x86\r\x9eY\'\xc6\r\x85\x7f%\xbd\xbd\xb5\xb9sVs\x81K\xb3\x94asw\xf7\xc8\xaf\xf4\x0f\xfa\x95\xbc\xfc\xcaw\x83\x83\x83\xfe\xc1\x877l\x9fxml\x1a\xa8Y\x82\x9f`\x95\x0b\xe9\xad\r\xac6\xec`\x10j\xf7\xc7w?=\xe9\xef\x9f\x9e\xd6\x08R*5\x88\xa6\x044\xa4B\xae\xed\xed/x\xfais\x98\xc2\xc2g\x0b\xc5\x85[)/X\x07\x8b\x05\x96u"\x14 \x85_\x86\xc3\xd3\xc0\x85_\xc8\xf5\x0eM\x1b\xe4\xd53\x0c^\xf1\xf4h\x9e\xc2\xd8Y,\xfb[\x89\xb0Q\xaf\xb9X\xcf\xfc\xd1\xbb\xe9p8|\xb8tx\x18\x06\xbf\x9e\xc0\xb7\x06\x9147XB\x90\xe8\x95\x10\xf0\xf6&amp;\x05-\t1\x9e\xdf\x8a[\x17m(,\xcf\xc4\x0fO\xfa_\xbe|y\xb8\x04:\xe4\xed\xea\x9f\xd6&lt;\x11\xa2\x04$\xa4\xc2c\x1b\x7f\x00+|B\xf9p\x17\xb8`\x1d\xba\x94\xdfFe]^\xb3.j\xc2\x0fP\x87\x08\xf5\xc7\xd2\x1f\x87B\x8c\xd3\xbd\x1a\x03\xb708\xc1\xb2/\x0fy*HZ\xa3\xdc\x9e\xa7f]D\xadu!~uI/Z5\x96-\xcf\xf5\x0bF\tB.\r\xf8\xf5D\x00S\x0e\xdeP\xa1\x04*\xfc\x88\xf2\xc7a\x8au\xba\n\x95\x05\xd1\xb1\xdc\x97\x05\xb6V^M\x1d.\xfd\xfd\xfb\x9e\xc6\xd5j\x9ek\xba_h\xca\x9e[~&gt;K\xa5&amp;e\x0b\x1f\x1e\x86\xa0\x02\xa7\xfb\x7f:\xc2A\xe1\xea6\xc4\x1e\x12\xf2\xf3v\x8d\xad\xad\xac\x85\x97\x1e\x01\xcf\xf7\xe3\xe3*\xcb\xa4\xc52\xae&gt;D,\x1b\xb4\x00T\x98R(.,\xad/\x83\x1a[\xc8\xe7S\xa7C!h\x8c\xf0\xcb\xe3\t\x0f\x057F\x95\x05\xd1\'i\xb7V+\xc7LK\xd6q\x90J&amp;\x99\xfceggYB\xf3~\xf5\x87\xe1\xe2\x7fb\xa1e\xca\x94\xdd\x97\xf6\x99\xb5Zk\x08\x82\x0c\x8d\x05\r\x14\x0bC\xe2J\xe4\x14a\xd9\xa9U\xb9\xb5\xb1G\xe3\xe3\xa3\xe3*\x95dqry\xe7\xe9\xce\xb2q\x0b.k\xb3\x85\xf88\xf9\x14{X\x83\xc7\xf6\x11\x9f\xcf\x1c\x89X\xd5!x7\xbd\x06U\xcf\xba\xae\xc5Nq\xa1R\xa8\x95b3\xe9Q\x15x\xa5\xb2X\x00\xeb\xe9\xb3g\xcf\x00L\x1b\n\x8d\x85\x1c\xea\x90\x80\xe5\xbf\xc1\xf2\xa7\x80\xcb\x1c\xd9\xd2\xaa\xd5V\xad6m\x8a\x95)\x8a-\x15\xdd\xe2\x96\xd6U\xbdT+4MiZ\xa5R\xc9&gt;\x80Y\x90\xe1\xce\xceo\xbc_\xea\xb4Z\xad\xee\xc5\xa8&lt;\xf6\xfb\xf9~\xf4\xa3]\xe6}\xbd\x16\xa0h\x9a\xd6\xcdM\x94\xabTI\xdc\xe2\x82\xa1\xd5-\x95\xb8\xd3\xd7\x0e(\xab\x0f2\xa0\x9a|\xb1\xbc\xbc&lt;99i\xdc\x82\xebZ\x11\x8b\xb7Ks\x9c:&gt;\xc6\xaa\xff}\xf08\x15\x18\x81\x10\xb5\x0e-M\x92\xa4\xd9\x14\\)Wat\x89\x8bU)\x94\n\xb1\xac\x0e.!\x93Y\x16\x17\xff\xf9\x00\x91$\x16\x0b\x84\xe4\x80\xa4\xac@\xd5o\xd3hR \x8d\xb0:*\x8f\x8f\xedi\x94\x95&amp;\x07\xc8H"9\x01\\\xe2\xd6\xbc\xdc\xdd\x06\xb3\x92\xf9\xb4\x16\xa8d\xb2\xc5\xc5I\t`Y\xc8\xad-\xab\x15J\x07\x1a.=f\x0b\xdbR\x82nv\x15)(\xaf1{H\xad%\x07\x06h]68Q.\xd7;\xa2b-\x9c\x81Y\xb9\x84\x97&amp;%\x12\xc8pQ\x02\xb2\x90\x16\xd5\x16\xe6\xe7\xb0\x9a\x1d\xe9\x11\xbb\xad\'\xe0\xe2\xe1R)\xfe\xd7\x90\x15,\x1e\xa0\xcd\xcc)\xd8U\x17\xb5\x15\xe5\x17\xf5R\xa1\x99\x8dB\x84\x12tKb\x81(!B\x0b`Y\xad&gt;\xb3\xda\x17\xba\xc1\xb2#\x97p\xe0\xf9\xbfm!\xad\x16\xec\xa2\xe9h6\x18+4/\xc5\xdc\xdd\xc8\x1b\xddR!\xc98\xb0\xb2T2\xe8D\x99E\xf6\x01c\x84\x14\xcd\xf0\xe5\x0b\x85B\xf6\xaf\xe2\xb1l\xb6\x91\x911@\x1b\x03\xacH\x84\xa4I/\x93\x8c\xadt\x8bn1S\xbc\xec\x16\xb8S\x1db\x91@\x06)..\xfe\x02\x9a4\x1a\xb7\xcc \x9fO\xa0\x02\xcfF\xec\xf6\x80-\x10H\x05\xecv4\xd0&gt;\xf6\x0f\x07L\x88\x08\xad\xd7\xebNc+"\xaf\xd6\xc5\xebB3\x1f\xd5\x8e\xaaT\x8fe&lt;\xd6\x83\xc9\xe5e\x18Z&lt;V$\x02\\v\x9b}D\x90=\x10\xc8\x042\x99L \x100\x05\xec:]\xda\x81\x83\x8b\xd4\xff\x9a\x8d\xad\x94Zb\xee\x05\xe5\xff-\x14\x92P\xf0\x8fU\x8fiR\x05e\x0f\x8d\xb8\xfc\x9fe\xe3\xbeq\x1f\xbc\xda\xdf\xdf7\xfb\xc0%\x9f\x0f\xa9\x00*s\x90\x13tp\x90\t$\x04.r\xe0\xcd\xeb W&gt;\xbb\x10\xd3\xad\nf\xa8\x85\x11\x0fK"t#\x84\xf7\xd9\xf8\xf6\xf3\xe7\xf5u\xf0)\xba/p1\x88\x05P\x07\xb9d\x8c[\x11\xc4\xc5\x92Y\xc6\x1b\xf1b3B\x8a"c\xc14\xc5YJ\x92\xf4\xf8\xe8(9`4\xae\xaf\x9f\xa0\x98|\x9eaN\xd6\x01k\xdd7\x12@\xab2\xc0\xb4R\x86\xdd\x02\xde\xb8\xc1MRu%\x96;\xd1G\x1cZR2\xe0\xcd\xc7\np\xa3!\xe2\xfe\xa1\xc25\xf3\xbf\xd22rt\\K\x0f\x18\xa3L&gt;\x9b\xcb\xd5\x93M\xae\xc05\x93\xb9&lt;\x80\xadG\x19\xa8\xa5@fno\xa2\x0c;w\xfe\tN\x1fA8\xd9j\x99K2Q\x87\x03\xb0\xde$\x92\\\xf7R\\\xac$\xe3%%\xb2\xd1G\xf4s=\x93C\xa0B\xa9T\x83-\x14U\x85f8Y7GO0\xbf\xb9=\xb0\xca\xa9\xf8NP\x9f\x82\xe0\rk\xe6\x13i\xc0\xa2!EN\xcc=\x84\xbb\xcd\x9d&amp;\xde\xc8\x16e\xa3Z\xfd&gt;\x93\xe4\xb8\x12\xc5\xb2\x10\x14&gt;\xa1qR+`G\x14\xb0\x0e~\x9f\xdb\xc3\xdbh\xe7\xd0\xd0\x10\x8f5D\xdc\xc7 \xd1/\x9dV"\x81\x89\x1a\xe3\xc4\xdcC,\xb4\xb8l\xc2+[$\xb5^\xf8\xd3\x85\x02\xecQ\xe0F\x96\x18B\x11\xb3\xe5X\x16\xb8\x18\x08pw\xd3\x10\x9fu\xdeG\r\r\xe17&gt;\xc5\xc1\xf2b\xa2\x80Ez\xf3M\xaeu.\xe2F\xfe\x8c\xcb\xeah\x99\x8c\x86Q\xcda\x7fa\xab\x95=\xb3S\xa8\xf8\xf0\xde\x01`%\x0e\x82\xbb\x9b\xc3\x86\x8f\xf1\xa9)\x81\x0b\x8e\xa9\xb8ax\x05\xa9N\x18HQ\xe6\xcd\'\xb9\x96\x88\xadxu\x16\x13\xb0t\xb9\x18\x149\xb4_&gt;\x9f\x99[\x1d\xfe\xf8\x1e\xf4qw.\x10\x8dxu\xa6\xb5\xe0\xea\xde\xea||\x8a\xf7\nu\x7f\xca3\xbf7\x97\xcbe\x19\x86\xd1\xc1\n\xf1\x869\xe5\xc4\x9c\x10\x9d\xb3&amp;\xcc\x07\xc0\xca7\x9b\xc9\xec\xc9\xfe\xe7\xfdu]fn\xd7\x00\xceL\xbd\x8fo\xae\xe9"\xcf\x9f\xeb\xa3#\xc73&amp;S0\xceCAa\xe1\xa3\xaf\xb8g~\x8d\xc9g2L\x02\x96y\xf2M"\xc7\x9d\x89\xb7\xe3\x927\xeaMtK\x12\xc9\xe04\xf8\xfc\xf6\xad&gt;\xca\x04\xe7=|ZS\xef\r\xc1\x84\xfe_?\xff&lt;\xe0\x18\x1b\xf3FO==\xaa!\xa0\xaaV\r\xe5\xf9\x99\x84\xe9\xc0\x04K\x04\xad\xd2&amp;\xb21\x11\xb1\xee5\xce\x9a\xa7\tZ"\xf12\x0c\xccN\xa3\xd1\x0b\x83\x8b\xa3\x9cX?`\xd7\xc7=\xc6\xf8\xb7\xa7O\x1fhCj\xbd7\xeb\xe9\xf5!\xfe\x0fA\xe1\xac\xae\xcc\xaf\x9a\x02k\x19\x1d`\x8d:\x12\xd9\xa6\xa8n\x01\xd6k\xc0\x8aD\x81\n\xf6\x02\x99l\xb2\xe0\xc2\xe9\x04\xe5\xf3\xfe}|/j|\xf1\xe2\xc5\x83q\xf5#h\xb6*Z\x85\x0fx\xf9\x19AP\x13\xc1\x19\xd3\xccL\x02\xf66\x88\x95l\x89\xf7XP\xde9K\x82[\xb2\x81\xe7z\xa3&gt;\x12\xd1\xad\xad\xc5\xaa\x840\x990\xc4\x8f\xc1\xa8\xf1\xd5\xabW\x92\xd1\xa5%kz\xcd\xd3\x1bZ\xfc&lt;\x85\xb2\xa7&amp;\xd6\x10\x8b\x1e G\x1d\xff\xa3\xdd|C\x12[\xf38~k\x05\xe1"\x8eg\x06\'!\x1c\xea4\xae\x0c\n\x05:\xa0\x9e\xed\x8d\x82Y\xea\x89\x82)6\x9c\x81\x91\xd1\xeb"]\xcb)\x10\xa99)q\xcf6\xd4%|a\xfe\x19\x1a\xda4\xa8\xec\x84\xe9\xfa\xca\xc5\x86\xb8\xa3\xef\x06\x136&amp;Y\xa2\x1dG\x90\xde\x04A#\x134\xfb{\x8e\xc3\xee\xbe\xd7\xfb\xd0\x144/\xfc\xf0\xfd\xfd\x9e\xe7\xf9~\x7f\xe7dc\xb1\xb8-\xc3:}\x8d\xd4\xc2\x96\x96\x86`\xcb\x8d\xbd\x8a\xf8\xc7\x7fE\xcf\x06\xa0\xab\xa1\xe5#\xfdf\x1e\x180\x8edwwv3\xd63\xce\x7f\x00r=h\xcc\x9b\xef\x8d\x8f\'Va\'\xf4\x02\x96\xd0l\xfb\x00X\xad\x1b\xdb\xe4\x01\xab_\xceb\xf5=\xfbel&gt;\xe1\x9f\xf9\xf8\xf7\xf7\xef\x9f\xfaa1\xd1)\xb3\x10\x8f\xbb\xe28$\xebY\x89\xcc\x82\xb8\x90JO\x9f&gt;\x86S+\xf2\xe2E\x04\xca\xd8\xfb\x93\x80G \xb5&gt;\xff\x8b\xdb"\xb9\xb8\xdc\xf2\xe7\xffa\xc97S\xab\x81\xe8\xce\xc1\xce\xc7\x19&amp;\xe1\xdf\xd8`^\x9a =\xc6\xe3q\\5\xbd\x0b\xb9^fA{\x91\xcf\xdfx\x8cf\xe2\x96X\xcc\xf2r/\x96R\x9a\x07xh\'~\xf8\xfc\xa9R)7\x0f\xc6m/W*\xc7\x08\x0b\x8a(Z\x1a\x12\x08\xf5\xc6\x14\xb8;0\x0b\x11\x06\xa8\xfc\x01\x8b\xcd\x0cT\x94KG@\x88\x85 d\x9cGrA\xcf\xf9\x13=\x91\xd2\x94\xac?V\x8a\xad(\xcd\xc2\x81.\x85m\xfb\xc3\xc1\x9c\x17\x93\x16\x9a\xb6\xce\xed\xf9}\x83nn\x1b\xb0\xcc\x80%\xc2\xdaP\xb8\xdf\xdc\xb4\xcb\x1c\xc9\x93D"\xc1\xc0\x07K@,\x8aB\\(\x9eI$+\xab\xfe\xef\'\x9a?01fS\xdaR)\xc8?\xbc.\\l\xdb\xde\x9ep\xe8\xf5\x1d\x9eB\x93I\x83[\xc1=\x12\x9d~\xe5\xd5\xeb13\xe7\x8eH$2@\x0c\x83\xf0\xee\xddL\xad\xe5"QKlJ\xa6oPQ\x06\x16K\xaf\x97K\x8c\x96\x00\xba\x96@\xad\xd5\xbd\t\xc7\xcf?\x0f*{!\xf8\xf2\x14b\xdb\xd8\xd8\xa3i"uR\x9f\xce7\xd7\xf8\xed\xf4Mu\xd0@\x116\x84%\xc0H+|\xba\x01\x83\xab\xe6Y\xaf\x11\xd9Q\xbbV\xae\x8b\xbb\\\xd6\x06\x16\x9a\xce\x10\x84\\k7\x96"L\x82\t\xac&amp;\x93\x9d\x0e\x87\xe3\xa1\x92\x1dD ,\xe54\xd1\xa6\xad^\xdd\xad4\xd3^\xdc\x1f\xca\x92\x9bK]\xb1\xe8\x12\xf6\x8f\xc9\x01\xcbj5P4\x1a\x8a\xa8\x85\xe6M-DDyP\xe7r\xbd\x85S\x8b\x82\xd4\xa8\x9f\x9d\x95\x07\x83`\xad\x81\xcb\x91\x0c0L \xb9\xd6\xd9\xf1\xe8\xd1C\xe5\x1b4\x87 \xc46[\xb7\xea\xbe\x956\xd6\xab\xa1\xa6\xb0\xb8\xf9\xda7\xa2\xe8tZ]?Ao\xb9\xe0\xe3\xadp\x9e\x93n\x03\x8fm#\xbd&gt;\xa83P\x18\xa2Bj\xe9g\xed\xde\xf5\xa0\xae\xadO+[qt\x02\xd7I \xb7\xd6\xf1\xe3\xf3\xe7#\xe0\x99\xb16\x8eJ\xf9F\xa1"\x9cN\xa2Z\xc7\x9a2\xa9\x80\x05b\xed\xef\x93\xd8\x9dMs\x9b\xd5*\xb2\xd2\xa4\x14\xa8\xa0^\xb5ZM\x0fX\x06\x03\xdd\xa0\xa2Y\xb5\xbc\xea`\x90\xa3\xd6\x0e:\xd0s\x9f\\.\x97L\xde\xf5L\x8b\xf5\xf2\xa1\xa5%\x8cC\x8c\x88\xbbT*\xa73X\xbd"\x9a3\xa9\xf9\xda9`\x15\x9c$&amp;\x14\xb6\x01\x15IJ\xa5a \xc0Qw\x13\x04`\xd1$\xc9R\xd1\xb4Z?+\xf3\xfa\x80\x8b\xb7\xe9\xd8K&amp;\xf7\xd8\xa7Qkw=\x129\xcf\xb0(u\x03V\xb7\x18\xc7q\xa4\xd6\x95d\xb2I\xb5\xce\xe3\x80\xb5\xef\x14\tx.\xa8\x16\xe9\xd4h4E*\x0e\x81\x91@\xa3\x11(\x19\xc6R\x15\x8ba\x03`i\x01K\x1f\xb4\xef\x9d\xa0\x02\x82X\xd0[\x9e]\xc2\x10\xd6H\xdd.\\!\x16\xe3\x7fq\xb1X\xd3\xe5f\xb6"\xb7L\xd4X,\xa9\x88\x03\xeda\xa5\x8bNMh\xdfIS:\\\xd7\x18\xd8\xccJx\x08\nhCi\xed\xa0Q\xebK\xfb\x82zY\x0eLk\x829\x01\xaeR\xc7\xa0$\xe8\xd6h\xdc\x06\x0eNH~|\xe4QQE\xa4V3X\xdc\x1f&amp;\xe9\x1a\xea\xad"g\xd6C\x00\x96\x15&gt;\x7f\x7f_CC\x7f\xeb\x0c\xba\xa0\xc4\xd3\xd1\x99\x92\xd3@\xb5\x0f"\xfad)\xc7\xd4\xb2\xcf\xa7Vk\xa3\x1b\xa3\xc8N\x03\xd8ZJ\xa6UkBR\x8c\x83+\x88\xdd\xe4U\xfd\xc6CA\xcb\xe3\xcd\xf5V{\xa1\x06;1\xbe\xdbQ\xcf\xcd\n`\':\x9d\xc0\xe5,\xb2\xe3\x1a\x9dde-\x97[\xd3\xd3\xf0\xcb\xb0\xdb\xad\xd6\xa6\xf6\x92\x96)\xa0p\xab-\x1b\xa3\xac\x9fN\x9c$\x1d\xc6\xf5tHStq\xa0\xdbwO\xaeo\xafnp\xa2z\xb3\xdf\xa4\xeb\xaaH\xf44U\xbb\xa9_]\r\xf2\xda@,\xc0\x02\xbd\x9c\xc5\xb0[\xad_\xa9\x9e0\xb9\x12`\x85\xd5\xda\xb99\xad\xcc\x12\x08D-\x96\x98Q\xeb}9\xcag\xb96\x12\x81\xb5\xa9\xf5\xa3\x90\x86t\xe1*\x95J\x92\xbc\xbe\xbe\xad\xd7\x82w=\x95\xe6Nyn&gt;NP\x04\xa2\xcam\xf2\x04"\x92U\x0b\xca\xa8\t\xab\xf5\x83k\'\t\xa6$\x0b\x1a\xd42K$\x12\x8dmE\x99\x9e\x99\x9eD"P\x8a\xf5\x8c\xf2\xbfs1\xc9\x946}\x14\xa6] \x96J\xb1v}}}\xf5\x84x\xd2\xd6\xec]=\xe9\xc4\xa9Z\xf5\xea\xb6\xbe\xa2FX\xa4\xf4\xbfX\xb3\x1d\xb9\xc4u\xc4\x18\x84V*1~d\x17\x02\t\x94\x856\x18K\xd4\xcfFE\xc4\x95\xc8\xc5\x96}n\x03\x06j\x89Ur\x16\xab\x83\xd0\x17\x9a\xb56\xed\x05\x8a\xaa\xd5ooK\xea\xb0\x00\xeeD\x90\x8b\xa5\xd2\xf8\xbcF\x10+a\xf1\x1a\xa0\xabd\x96($j\xb0_\xe3\xa3\xe3\x8f#;\xd9\x9d\xc7\xa3\xfcF\xfe\x18\xf5\x07b\xcb\x87\xea6W\xdb}Pk6\xc7\xaa\xa5\xa3\xf3\xcd\x1b\x1b\x1a\x8ax{et\x93\x02\x1ef\x05\xb5\xd8]\x17V\xdbSI&amp;\x110\xa9}\xeet:}x\x915\xc5"\x8f\xc1\x8fB\x86&gt;\xc8\x9a\x16\xc6\xd9\xb8\xcfg\xb5\xcbz\x85\x10\xa9\xbbT\xe2\xe9\x8e\xfa\xed\xf5m\xb5f(4=\x1f\xe1N\x86h\xcaS\xaf\x0f\xe28:\xb9 x\xa1\xf6\n\xbb\xbd\xb2R\x0e\xc4\x82\xf3\xc0wx\xe8\xbb\x00\xac\xed(\xe4\xfa\xf9\xf9\xe8\xcb\x9d\x03\xd3\xf6\xcc0\xeb\x9c\xd9\x00b\x9a\x93\xcb\x07\xee\x03\xd6\xf3\x8e\'\x83\x8eNO\xd0\x9do&gt;\xfd\xb4W\xc2\xb4\xae6\xa8\xc7k\x04Op\x07\xb0\xa4$\t\xdbP\x8bj\x181\x1d"\xac\x8bC\x88\xd9\xd9~\xa8\xa4\xc5\xf2\xca\x02\xe9\xfe\xe0\xe0\xe3=\xfe\xf7\xbc\xef\x8fl\xf5\x9a\xcd\x8a.\x85J5]\xc3\xad\xc2]\xbd.\xd4\x82\xa9\rw\xb2\x00W\xb3\x8evRq\x0e\x07\x83\xa6\'E$\xed[\xd7N\x95\x02\x811\x94\xb0\x0fA\xad\xb4O\xed\xb5\xcbd&amp;4&lt;5M\x99L\x07;\xff`\xe5BX\x81W6e\xb7B\x01;\x91\x88\x17i\xb9$\x18n\x81X`\xe6\xf3\x1a\xc0"\xf7\xf7\xadm\x02\x0c\x9a\x1e\x13\xd1"\xb5wN\xe6\xd8{\x95\x05\x9d@._:\xad\xfej?\xbf\xbc&lt;\x1f\xbc\\\xb94\xca\xb2s\xcb\xd9\xd7\xef\x87\x1brAs\x01\x96\x18a\xa9\\N+\xaekAg5\x1e\xf8T\xa44-\x85\x1b\xc8%\xb8\x83\xec&lt;&amp;\xc2\x04\xdeg\xe6\xfe\x98i\x19a\xa5\xc3i\xdf\xba\xfd\xfc\xdb\x97j\x15\xbe\xe0[\t\xfe\xe30\xfb\xfa^c\x9c4\x9a\x98\xb0\x8d\xb0X]]\x14i\x8dS\xa1\x16\xcd\xc0\xa1\x8c\xce"\\9N\xab\x00\xb9y\x0c\x96@(\x10\xda\x80\n\x8a\x18\x0e7\xa4\xfaR\xcd\x9d\xb0+\x92\xcbE\x01,\xbb0\xcc\xe7\x0f\x0f\xf3\xfd\xcc\x84\xf2M\x03+NYIZ\x93oU|m\xcf\x87\xa4@\xe5\xb4B\xc8 1\x16\x8b\x87y\x7f\x99\xbbX^\x1eZt\x07\xed\x97\xb0\xbe}\xc9\x81\x99a\xd0B?O\xa2;\xe8\x90\x18\x1e\x1d\x7f\xb1\xe7\x18\xe9f\xb1\xa6\t\xc0\x92VZ7\x83h\xaf\x844N\'\x19W\x80\x9bg\x8b\x08]\xe6\x9d\x03\xb1\x96\xfb\xfa\xec\xdf\xbe\xc0\x8aZ\xb6v"3\xafwv\x16\x98\x85\x08\xc3\xc0a\xef\x1fo\x0c\x04#\xa9\x87\x80\xd5\rX?zpk\x0b"\xe2\xff\xf9\x9b?W\x00\x8b\x9aV\x0e\x00\x13\xaa\xe3\x1d\x0ca-\x7f\xb6\x8d\x95\xc0\xec\xe5\xb6L[\x17g\x99\xd3\xd3\xccY\xe6\xdf\xdb\xefNw\xfe9\xc3Gs\x13\x845\xdc\xe3\x80\x86\x07,\x85\xb8\xa3S\xe2\x0e\x95[\xfa\xe4\xae\\\x90\xba\x83\xc6gK\x08\xeb-p\x89D}\xcf\x96\xe7\xfaW!\xee/\x9c\x1e\x00\xce\xf1\xa7\xe3L\xe6\xf8\xb7\xe3\xb3\x8b\xcc\xd9\xbb\xcc\xe9\xaf\x7f|\xf0\x87\xf1{O\xa1\x8e\xfe\tew\xf7\x88X\xa1\x1a\xe8\xfb\xab0\x94o\xedkI\xdcr\xa5\xb0xT),!\xb1DV\xf87\xd4\xd7\x87\xb06\xee\x9d\x9ee&gt;}:&gt;&gt;\xfe-s\x86\xd6E&amp;sq\xf1\xeeo~f!:?\x0fN\xc2?1"F\xbd\xa5X\xcc\x97\xf3\x93-~Y\n\xbd\x1a_\x9el\xcf/\x8a\x1a\x8b$\x97\x80\xab\xb7?f\x89f\x8f\xd2GGp/\xa2\xd3\xfe\xe2p\xddn\xff\xaa\xd5fc\xb1)\xd3\xd6\xd6\xd8\x9fFG\x99\x94\x19\xd5\xb0\xab+4\xf9{\xbc\xe1\xcc\xfe\xa9EY\x83z\xeb-:\xeb\x17\x97\x86\x86\xbcZ\xafZ\xab\xfd\xca\xae\xf3\xc6\x823\xf5\xab\xcf\xb7\xfeu}}\xced\xb3\xbd\xf4o\xac*\xcd\n$\xd6@\xe1w{\x9b\x12N\xb0FsA0[\xfc\x0f-\xf7\x1f\xd3t~\xc6\x01|\xb0\x1e\x84J\xd2\x1aJ\xa5M\x1b[\xca\x8eZ\x846\xb4\x1d\x94A\xe0\x98\xac\xa6\x8aIs\x1d\xf2\xab%\x1c\x94R\x13\x8a\xfcP&amp;\x02\x01A,\xc7"\xf4lv\xa2\x95&amp;\'B\x9c!\xc7\x94\x1bl\x0c\xe6Y\xc2qz\xfe\xd8\t\x17\xb2\xe3\xc8~\xe8r1w:\xcd\xf9\xc7\x963\xdb\xfb\xf9|\xabs\xd9r\xd99\xfbI\xfc\xf1\x87\x91\x97\xcf\xf3|\x9e\xef\xf3\xa9\x9f/}\x03\x03&amp;\xd3\xce\x91\x91\xe6c\xc7rr\xa6\x9fcM\xff\xf9\xe3\xd0t\x8f\xaeC\xab\xed\xef2\xaaJ\xcf\xeaY\xc5\x0b\xeeD\xf0\xd2\xe2\x1d\x14}0\xcc\xea\xc3\xa9\xbfy\x04SN\xce\xf2\xf2\xbb\xa6\xbf\xff\xf1\xaf\xacU\xfcc\x17\x86d\xb0\xda;::\xb4]\xb5\xc3y\x019\xb1\xe4\x9b?\x88\xdc\x15O\x14\x97e\xb3@\x80\xbd\xd8\x97\nW\xea\xc8Hj\xceI\xac\xe5\x90\xa9\x8e\xeb\xf3\xbf\xfd\xcb\xed\xb4Q\xaa4\x9d\xa3\xd0\xab\xed\x1a\x9et\x16\x07\x94T\xf2I\x11d\xc5~\x1a"\x162I\xd1\x02\x8b.\xda\x80\x15\x9a\x1eM\x1b\xa3\x01U\x85C\x06\x1d\xca\xe8\xd3L\x87\xb7\xbft\xb2\xde\x10\xb0Z#\xcej8i\xb1 Z,^}\x98\xbdrr\xe8Gh\xa4\xa7\x90X\xad\xad\xad\xa7\xc0\xea\x18\xb5`\x9b\xb6;\xbc\x86\x92R\xbf\x01\xaa\x80\xbcX?\x10Y\x96\xce"\x14\x08X\xc0\x18+\x95Vh\xfar\xc7\xfe\xca\xd3\xddPu\xe31\x94V\xa8\xd3\x99t:W\xb1\xd6\xef\x07K\xa9\x0c\x04\x8a\xb7G\x96\x15\xd2\xe9\x84\x9c\x8b\xb1hXE6{F\xb5\xe3\x95\xdd\xe1h\xdd\xde\xafu\x00\xafKt\x9c5\x18\xf8aV\x84\xa3\x15r\xb8\xc2.\x8e\x95\x93\xda\x97\xd4\xd7\x8c\xd9t\x1c3\xf3i\x1a\x9b\xd1I\xb5\xed\x16\x13\xb9\x8a\x03\x06&gt;\x9f\xb1\x02\xfa\xcd\x1fDG2\x89.\xb8\xccB\xa1Y\x88\xe3\xc6\x9ec{RS\xa9Q\x98\xda\xcf\xee\x1a\x1f\x1b\x1b\xa3\xdb\x0f\xbb\xd2\xb4\x85:\x0b\x9a\xadE\x98Xl\xe5\xf3IeUF\x9a\x95\xe8\xf0:\\f,\xc1\xe6=I;\x99\xaby`\xa7\xe9g\x85uX\xdc\xc5\xbbQS\xcf@\xf3\xc0\xc0\x80\xc5\xec\xb2"X\xd8\x8a\xc4\xba\x13Q\x96\xd9\xe5\xe5\\B\x1a\xa0\x7f\x87\x1e\x91JW\xccLtu\xa4\xee\xc0\x81\xba\xc2Q\x93\t\xd3}_3\x9eN\xe6D\xab\x01*\x83\xa1Z\xa9\x88$\xeb;\r\'y\x89^\xad\xd7\xcb\xa2E\x8flV\xf5\x18\x9c{\xda\xe9v\xc6.v\xf3\xce\x84\xf9~\x04\x0f\'\x8b\xd0\x85\xaa\n\x18\xfc\xfc\xealq0\xb2\xac(\x9e+\xa0\xd5z]fa\x90\xba*\xb5-\xacPOa\x1d]\x19\xd9\xbf\x7f\x7fZ]{\xcft\x08\xac$$\xb1\x98T~~\x93\xde\x1da\x16/J\xa1\x0f\xf4\xf7\xc3EM\x82\xb1\xd0\xe5C\x97;\xd2v\x8f\x8f\xdd\x1e\xbb4vi\x1cO\x9fP(\xd4g\x11\x9a\xf5r\xa8&lt;\xfc\xea&amp;\x85;\xb8\x1ca\x16O!\xb7:\xc9%d\xcd\x8b\xb1\xa6G\x7f\x833k%\xd6\xe9\xc9\xca1\xed\xe5\xe9P\xdf\x80\xd0\xec"\x95/\xa5\x1a\xa5\x15Q\x16J&gt;&gt;\xca\xedV\xc8\r~\x03\\f\x8be`\xa0\x0f\x91\x99\xbe\xfc\xd3\xdd\xe3?\x7f\xf3tw\xf7\xa9\xb7\xd0P\xf3:tx("\x83H\xa0\xc7\x03V\xb6\xd8\xed\x8el\xb4\xe2\x1b\x83A\x01\xb9\x9c(0\x9d\x8e`=\xf4\x11\x04]q\xe9nU\x19\x8d\xaaS\x9d]\xbb;\xf0\xa0\x0eX\xfdy\x1e\xa8\xf8\xd5\x17\x88u\xb2,\xa2It\x07\x83A\x16/$\x12\xadU\xa7\xc3\xb9\x0c\xaa\xf3t=j~)\xc1nT\xd1\x7fO;\xfb\xfb\x9dy%\xa5\xf4\xceFu\x93RO\xac\x86\xc8%1\x9aXI\xc1\xa0X\xa14\xf8\xf3\xf2\xfa\xb5\x1d\x1dw\xef\xde\xdd\xfd\xfb\x8bP\xb5\xb6\xce\'\xec\xc5qg\xbe\xb5\xbb\xe5fIIIWyX\xd5\x94\xad\x00\xeb\xdd\x86\x08Fk\x99Xo\x04\xddb=\xb9J\xf2.^&lt;\x7f\xfe\xe6M\xba45?\xbf\xb4t\xfc\xf8\xf1\x84\x84\xa5\xf9\xd6\xdc\xce\x96\x96\x96\xce\xf2zO\n\xb1p\xa4\x16\xbb\xc5\xa9\r\x91{3*\x9aX\xc17X\x1a\xe1*\xe9\xbay\x13\xc9{\xe7\x9d\xf7~\xb5\xf4\xe1\xd2\x87\tX\xf4\xd3\x92*\xb7sxx\xb2\xd4\x97\xc2\xe7W\x83E\xc1r\xef\xf94r\xefv\x96-\xe3\x0b\x10\x0bi\x94[)^]-\xdd\xb5\x14\xa8\x84\xa5\x84g\xcb\xae\xca}\xaa\xe2X&lt;\xb7[,\xf8\xf8\xf3\xcf\x1ab#T[\x1c+)(\x10(\x98\x0b\x01k\xc9\xad5.\xd9\xb1\x9e\xaaP\xf4\xc3\x93TX\xf4\x8e\x0b\xb1P\xf1b\xb1\xf6\xcd\xfb\x1f\xbd\xffYd\xdeAj8)\x16\x8b\x1bY\xb4\xc4(/&lt;\x85)`\x9d\xb5*\xa3=\xc1\xfe\xafX\x01\xc5\xca\x9dE\x8b&gt;\xae\xc1\x9fv\xce\xbf\xf2\xdd\'\xb7\x16"q\x84\x8d\xfe\xfc\x97f\xb1\x98Z\x84@\xe0\x16+\xf4J6\x1f\xf8K\xca\x01#\xd5^,\xbbj\x18\x91\xf2Q\xb5s\xac&amp;\xa5\x9cXV\xd5\xab\xaf\xfem\xf1\xfa\xc2\xcbg\x95\xad\xdcz\xdfL\xe5K\xd3)\xbe\x92B/\xa7\x15\xb0:)b\xf6\xb0*\xb7\x9c3!\x7f|\xfa\xe5B\x93\x92X\xd9\xe5\t\xaf\xbc\xae\xd9x\xd9\xae\xd8\xd8\xb2\x95\x1bk_1V\x14\xb9\xa8\x8e\x15\n\x9a\x08q\x98p\x96\xb4\xd4\xd2\xbd\xc0\xbd\xc6\xdaI\x9f\x9f\xfe#\xb8\xda\x8a\xd1\x94c\xc9\xd1\xb8\xc4\xd9\xd5o\x1fy}}v\xed\xcaB\xd9K\xfc\x16\r\xb1e\x0bWff7\xber1V\xa3 \x8a\'\xe6\xc1f\xc6OB\xb3\xd9\xa1u"^\xc6#{\x8f\x18s\xcb=~\xfa\xa0M\xa9d\xc1\x82\xab)\x9bX\x8a&amp;\xfe\xf0\xf1Cs\xb3kW\xaf\xac,\xbc\xa4On\xa2\x91\xbf\xb5\x8dY\xc6\x12\x9fkl\x8cj\xe4\t\x05\x94K\xa2\xc1\xe5\xf2:\xb1#U\xd8\x8e\xa8,\x0fN;\xc8\xad\xd2\x1af]hb\xac\xec\xa6z\xfb\x93\xb9Y\xfc%k7\xae,\xfc\xbf\x0fn\xfc\xbb\xca\x16\xee]\x9f\xf9Zcc\xacdb\xf1\xe8\xe2&lt;R\xe9\x16\x08\xc3\xac~\xd4}.=\xa9\x87)Zr\x8e\xc5\xb2H\xe1\xe2X)\xaa\'ss\xb3ss\'N&lt;\xbe\xb1R\xc6}\xdb\x8d\x17\xde}e+\xd7g\xce\x0cI%\x9b\xd2\x89\xe5M\xa6{&gt;&lt;\x1e\xcf\xcc\xe3*\x0c*b\xd1\x95\xc5\xe1Z\xc6\xf2\xf9)ZJ\xa5\x15Yd\xfb1\xcc\xca\xe6\xd7&gt;\xb1!\\p\xadO\xac\xddZy\xf1\xef\xce\x10\x8d\x8a\xba\xfa\xeb6\xd1\x0e\x99\xba`\xeba\xb0\x1e\x05\x10\xads\xbcdz\x87%\x8a\\B!\xa9\x1c^*z\xc6\xcaE\xc9\x1b\x88\x85\x92\x07*%\xe5\xc7)\xd5\xcfX\xbd\xe9\xe9s\xb4&amp;\xaa\xf2\x87Pd\x0b/$c\x81j\xdb!\xc2\x92Vd\xd98\x96\x02\xac\xe4\xef]:\xf0\x03\xba8/\x88\xc2\x89\x91S\xe5\x95\xb4\xb0$\xe6N\x96RqA\xc5\x82E\x8bO\x8dK!\xcf\xe6\xbf71\xb7u\xab\rKS\xa5\xce\x90\xae.\xce\\_Y\xf8\x96\xb7\x80b\xc3\xa8\xb8\x988\x91(3\x7f}S\xfa\xc1\xd9\xef\x13\x0bIL&gt;[\xbf+\x1c.\xb8(\x85N\xd6\xec\x8dv{\x98\x85\xf5\x13~\ns\xe1`-\x0fG\xeb\xbe\xc6\xb6)+\x8bX\xeb\xea\x8ck\xd7\xa4\xd2U\x16\xb2\xd8o\xd1\xa4\x16\xee]]\x1b\xda\x11\x17G\xac\xcc\xcc\xfc\x82\xad\xe9\x87\x0f\xce\xce\x86\xa3\xa5/\xfeQr2\x15}\x14\xd5;\xc7\xaa\xecd;1\xb7\x135o\xb0\xe2\x98O\xa6m4\xdapm^\x91\xed\xbfo\xb3e\x15\x14\x90\xabW-\x93H\xf2\x8b\x8a\xa4\x19,d\xff\xdb\xbe\x8c^X\xb9~ccU\x16\x17\'\x8a\x8b\x91\xc5effj\nl\x8c\xf5\xd8\x8b)\xe5\\2-z\xfd\x81\x16+x\'=\xb2\x8dG0\x9c\x82\x85\xe2\xe2s\xa4\x14\xcfs,\xbd\xf3\xa1mS\xc1T\x81\x06\xd1\xeaU\xbf&amp;Q\xabI&amp;\x95\x0eQ\xc3\xf8\xe6\x90\xa1\xfd\xc6re\xfe\x9a4#\x06\xb1\x8a\x93\x81\xf5\x07Dk\x93\xed0\\\x8f\xef\xea\x93\xc5n\xc6J\xfe!\xc1\x84\xc4r\x84Y\xf6#vc-\xb1\xe0\xf1l\xa3A\x9e\xcd\xf2,\x89p]|h+\x98\x9a\xa2hiz%C\x92\x9a\x9a\x8a\x1a\x8aXQ\x11\xab\xb2o\x80\xa1\xa0\xa8G\x9d\x11\xc5\xc8\xa4RR\xc5\xc82d(-DK\x03\xd6\xe1\xd9\xc5G\x8e\xe4sn\xde\xd3\x95\x1c\x1f/\xe4Xyl\xc0\xb1s,\xe2x.y\xb6l\xdb\x06\\\n?\xcc2\x7f\xa4\xb1M\xf5\xf6Neil\x13\xbdEC\x12uMUU\x15\xc1\xf2\xaf\xe5\x17\xad\xae\xdd\xba\xf7\xdf\x9b?\x15\x14\xf5\xa8\xb6\x1d1\xd0P\xacbb228V&gt;\xc7:8\xf7\xf8\xae\xd0M\xef \xf1\xdc\xcfX\xc2D\x87\xb7\x9f\x06B\xecD\xb0\x86\xcb\xeb}\x1e\x8f\xaf\x1ek\x8bg\x8b\x87\xb1\xf4\n\x85\xd8\xec}\xa8\xc9z\xc6\x1a\x1aZW\xab\xab\x8e\x1e=Z\xa1F\xc0\xf2\x91\xce\xd5/Y.c\xffs\xe7q=*\x86[\xa4\x92I\x89\'\xca\x14I\xa8"\xe0:&lt;\xf7\xc8%\x88\x8abe\x05V||"\\:\x9d\x83\xaby\xcc]*D\x0bsM)\x16\\\xf0m\xf10\x16\x82\xf5\xc9\xc3\x82\x82\xdeCST\\\x13\xebm\xab55\xea\x8a\xa3\x83\x83GY\xc0\x08&amp;\xd1,\xce\xfc[\x91\xc5\xc6r}\xf3\x8cHD\x16\x19\xa7B\x06e\x14-\x94|\xdb\x83\t\x8d\x06E\x0f\xd6\x89?\x99\x05\xec%\xb2(\xa0\xb0\xcc\xf1f3X\x08W%\xd2\xa8"V\xbd\xaf\xbe\x1c\x93 \xa2\xe5\xdb\xe2\xa3\xf3\xab\x92X\xde\x87\xbd\x88\x15X\xeb\x1aM\xef\xc4\x86\xa6B\x8d,\xc25\x88\x80I\x8a\xa4E\xd7$\xd8\x02\'\x9e+2*\xa8\xab3g2\x81"\xcaSU\x1c\xfd\x16\xb2\x18Q\xdbP\x11\xb1l\xe9XH#\x9a\xfb3V"-lE.\x8b\xc4\xc2\x14_Z&gt;9\xf96\x06T\x8a\x17M\xa9\xc42\x7f\xf2\xe4\x10V\xef\xd4:\xfe\xaa\x8a\x07\x8b\x92\x1a\xb0*\xe0\xda\xb7o\x90eR*\xcd\xcf\xc7\xe6|\x80\xc7Rxb\xe1L\xa28**N\xc5XTbE\xb4\x8f\x8bdRI\x98\xb55\xdd\xf6\xc8\xb5y35\x06!\x0f\xa8\xed\xdb]\xdb\xa9\xcb\xf7;9\x96\xb16w\xb8\xbc|r\xf8\x1748\x13\xcc\xe7Ka\x1d\xa2\xff\xfe\x17\x87\xbe`\xac,\xcd\xc4\xc4\xc6\xa2\x1a,V\xf4p\xed\x1bD&amp;\xd1]\xa5\xc8%`_\xa2C\xddC\xee\xc8$b\x8e\x18.T\xac\xb2d\xd2|\x96\xfd\xc1\x8a|\x99\xec\xeb\x7fVa~\xa1i\xe5Y\x1c\xf7I\x08wd&amp;\xe0&lt;\xe8:80/\xc1ml\xae[\xf4\xc5^\xbd\xa0,#\x1b\xf0!\x84a\xcc4B&amp;\xb4\x94\xfb\xb0\x90E\t!\xa5\x10R\xdai\x96\xbb3\xe2[\x85\xb2]\xc6\xbb\x0f\x0b\xd9\x86\xc1\xac]\n\x11\xf3\xa2\xd5\xbd\xd0\x18\x9cE$\x04d\xc0\x89\x95\x88y(\x18v\xbe\xe7\xfcn:\xdd\xe3\x9f\xa6z\xd5\xcf\xfd\x9es\xbe\xe7\xf7\xbbC`\x81\xcb\xeb\xf5\x16\x8f\x13\xd3\xd3\x1fa\x1aB\xabk\xf3\xf3\xb8?d\xb5\xb0\x84\x80Z\x90\x8b\x83\xb0\xee|Aj\xd1\x88\xfc\xf4\xf6\xab\xcb\xb3\xb3\xb7g\xc0\x82XE\xbdP\x9dI\xa5R\xb0\x88\xd4Jj\xfb\xeeSK0\xbf\xdf]\xa7"\xb3Uj\x85@\xe0\x1d\x93U\xeb\x0c\xe7\'\xa6\xed\xe5\x14t\xdeN\xb9Z\xa5\x01\xc9\xb5\xe0\xf5\x86B\xd1\xf3\xde\xa3i1\xa5?\xf8x\x1eP\xf3\xd7ik\x7f\x8f\xb00\x14?\xfb:\x8c\xfd\xd8?\xbf\xfc\xe27T\xf7\xd8j\xd0\x82\xe2\xf7\xbd\xcb\xb7\x08`u|\xb9\\\xae\xd0\x8d\xb3T)8\xc4J\xea1qA\xb0\x99\x88\xdb\x03\xb0z\xc4\xf6\xbeP\xe0\x99\x12\xae\xe0\x86\x96\xc4\xb4BF\x8c?\x97\x97\x875\xb3\xcaXR\x14\xed4\xda\x99\xfe0\xc1\\s\xd7\x9e&lt;{v\xfd\xfa*\xef\x187\xd9!\xd0\x8c\xdf\xfd\xe5\x1f\x9cC@}\x0b\xcb\x7f\xf2\xc9\xef\x1e\xfe\xf4\x1eU\xbbT\xd6g\xd0\x88\xf4#\xd4\x89)\xca\xe3]\xab\xf4\xd1dn[\x8c\x99\xa6\xb8\x948\x90:\x17t\xdd&amp;\xa1\x969R+(\xcdV\xe3\xa8\x9d[\xf0\xf9\xa4\x10|z\xeb\xfc8\x81\xf80\xf1Q\xe2\x83k\xf3\xcf\xae\xdf`*\x16\x8b|\x1er!\x85\x84\xf5\xa5\x10\xeb\x93\xdb\xb7\x8e/\xdf\x9e\x9d\xad\xefF\xa3\xbe\\u`6\n\xf1\x19QLu\xfe)\xc6\xbaK\x84\x02\xccfA\xd9\xad\x7fP\xe1`\xa2\xe6\xe0#\x9fR\xf0i\xb4j\xb2\t\xac"&amp;-u\xf9y/\x91\x98\xa6k\xdcs\x1f\xcf?\xbb\xb1z\x93\xa8\xd6x\xbb\xf8\xd5Wb\xf7\xcaX\xe0Be=\xb9=\xd7;_\xdf\xc2\x8c\x96$\tX\xa5~\xa5\x1a\xaf\xbb[:\x05\'s\x1b?\x85\x1b*\x1f\x1a\xa0\'m\xbf\xaa\x84\xd4\xc5iLq\xcb\n b\xa2\x07\x0ew5\xb5\xfe\x00X\xc5\x0ec]\xfe\xb4\x93\xa0K\xdc\t8)\xb0\x16\x17\xefYX\x88\xaf1\xac\x99\xea[\xbc\xba\xc8T;\xa3"\x88\xbc^\xc9\xe7\x03\x96\xf9\xb2\xa1\xabz\x16\xd1\xcd\xea\x18n\xaa\xdfE\xe5%~\tI\x9aq\xd9h\x8d0\x05c\x07\x12\xb2\x8d\xd9\xb9\xb2,\x84\x82\xcb\xbd\x93\x17\xc7\xa7LYiV_\xe4|\x1d\xe4p}\xfd\xec\xf2\xd5\xdc#\xc1%\x06\xcf\xbd{k\xc2\xb5\x00\xb5&amp;\xa4Z\xbcIAW\xe7n\x1f\xfb\xbc\xa0\x92\x88\xca\x97k\x1ei\r \x81\xab[\xc8fc\xaa\xaa\xc6\xa9|\x1f[R\x90\xef#\x89Ng\xb6\\n\x91\x87p}\xbb\xac\xba\x12f\xc7.|\x17\xb7\x89\xa9\xc8\x956V\xe1E\x12\x0b\\\xff\xfa\xef#\xba\xc6\x9d\x98\xc3\xee\x02c\x9a.\x1c\x85\xc1\x14\xde\xdc\\[z\x8d\x00\xd5\xea\x8d\x07\x0f\x1e\x80\xea\xd6\xf3s(\x85\x08\xf9r\xbea\xbb\xafi\x8d\x02k\x85g,\xc7\xdd\x91\x15\xab\x8a\x97\xc9+H4[\xa0Pn6\x0e\xcd\x89+\x12\xc1\x1dk\xc4\xe49\x04\x00\x00\x04\xd1IDAT\x0c\xd8\x02\x1c\x04\xffs\x11\xe9\n\x7f\x02\xaf\x94\x0e\x15Y\xa9\x91\\\x16\xd6\xdb7\xa7\x07\x07?\xff\x8c$\xf2\xeeb\x93"\x1c\x0e\xdf_[\xfa\xdb\xde\xde\xde\x9d;\x8b\xa4\xd3\xc3[t\xbd\xb07*2\xd5\x02Y\xc3\xc0\xd4^:H\xad@6\x18D\xbfy\xa8\x9a\xe97f"\x94\xce\xf8\n\x81\xd9j\x8d|RI6t\xb7\x1fm\x81\x1e\xc0\x04\xa0V\xa0E\x10\xa1!\x80\xd6q\r\x9b\xf9\xa4C\xab\xb4\xab\xc8"Q\x11\xd7\x96\xef\xe2b&lt;&gt;\xed\xf5z7\x97\x80t?\xfc\'`\xad-}\xff\xc7?\xff\xef\xf5\x9d=\xba\xb6zknn\xe7\xe0\xe0t\xe4c*\xc9\xb7\x00\xac\xd2\x91\xe6P\x1a\xba=\xad\xaa\xe94F\n\xfa\x1e\xed\x07\xc3RcN\xa44\x06\xcc\xe5\xa7\xb6\xa4\x03\xa1\xd4t\xbf\xdd\x93N[v\x1a\xb3\x0bF\x1e\x06\x11Rm80\x93yEv\x90\\E`=&amp;\xae\xb3N4\x14*\x16\xcfG\xa3W\xdf\xdc\x0fS\xfc5|\x7f\xe9\xfb?\xfc\xf6\xf3\xd7\xaf\xf7VW{\xbd\xd3\xd3\xf1x&lt;\xc0\x99\xc0\xed@\x85\x14\xe6^\x0cLYv\xc8\x95\xae\xdf\x90\x8cP\xdd\x80\x0e\xc8\x91\xdbC\xdb\x05d\xd4\t,\xbf\xdb\x95\xb2\xc9\xa0Bvt\xac\x8fU\xee\xc8\x18\xde\xb2\xa7i\xe5@AC\xca\x15]I\x8d\x0f\xf3I\x96\x8b\x8a\x9e\x98\xf8\x815\nb\x17h\xe7o~\xf8\x01bm~\xf3\xfc\xdf;;\x0f\x9e\xff\xfdx4\xba\xb8\xa8\xbex\x81%\x87WZ \xad|!XV\xae\x8azw\xc8\x9aRj\xd5\xebRH2\x0c\x0f\xb4\x88Q\xdbM\xc5\x10\xe4\x06\x94$`\xc9\xa4V\x0b\xefM\xc5\xe8F\x03[\x85\x9f\xa8*\xeei\xc30\xeau$\xbf\x99\x07VR&gt;j\xe2\xdc\x8b\x9cET\xd8\xd9\x96\xe0\x8a\n\xd5\xde\xbc\xf9\xf1?\xa0:8\x18_\\\xe4x\x11\xb4\xb1\x81\xd9N\xc6\x00\xb9BQ\xac\x1cr\xed\x8a&amp;\xcb\x9a&amp;\x9b\x93\xb8A\xb0F:\x93!&amp;d\xcaC"\xc4\xdd\x9c\'\x9bL\xa14\'\x84\x05\xbdT@\xabz\xb5\xdb\xed\xeew\xb1\xfb\xc5\xd7n\xa4\x8d\xc8\xcc\xd0L&amp;I.4#aq\xec\xee\xae\xaf[T\xd1\x10nQh6:\x1e\x8f!\x12&amp;:\x01m\xd0\xb3\x14\x821HR\xb1\xd3)\x16}\xd5\xdaK\rT\x9a\\\x19\x0c\x19;\x83\xc0\x13W\x99\xdfO\xe2q\xc6\x08\xcb!\'\x9b\x93Xl\x8aj\x10\x85\x88\xca\xdb\xd7\xf7\xf7\xb3\xfb\xd8\x96\xeb:&gt;\xe3\xa9\xbb\x06\x87I\x8a\xbc\xac\x98\xed\xc9\xb0X\x9c\xe9t\x00\xd3\xc1\xfa\xf7\xbd`\x0b\xcf\xd1"\x83\x96e\x0c\xc6bA._\xa8\xb3\xb5U,\xe6\xc8\x1c4\x02\xab\x0cZ\xe0\x01V0\x98\t\x02\x0c\xde\x89\xe2\x99rr\x04\xb2\xac\x96Ci\xb6\xf0\x1a\x94\x9c\xcadT\xd5\x19\xc0\xb1\'Y\xfa@\x10\xa8\x1bF|X\xca\xa3\x04\x81\xa5hJ\xc5l6K\xedAu2\xa4\xe9H,\xe2\x01,\x94\xb54\xcbK\x9fY\x0bl\x03b-,\xe4\xaa\xd5\xc9dxq1(U4\xed%\x81ab\xe8\xf8v\x8e\x93\x13\xfe\xa5\xc0\xbb(\x14\nB-\xc2\x9aJ\x03+C\xf4\xce\x00\x7f\xc2\x99q\xe2N\xf5\xe5n5\x15:\xceAitp\xeb\x1e\xf5\xcd&amp;\x96:\xbbQ\xe9*\xae\xb06\x04\x96E6\x9b\x1b\x94\x9a\xa6\xd90M\xb3\xd2?Rd\xae,\xc2jg\t\xe8\x84\x98p\x0ff2\x01l\x18\x80DP\xe5\xb2\xa5VI\x05S\x9a\xd5"Q\xd3\x19\xc0\xa3\xca\xec(4\xc2\x8a\x13\x96F`\x8aCQ\x14A\xa6(\x95\xd2\xb0\xfe\xffX!\xa8EcF\xf8\x94a\xa4\xd5R\x9f\x0f\x17g\x03\x05d\xc1\xd5/\x9f\\\x85\xd0,@P\xa0\xb2\xb04\x81\xe5\xf1\xcc\x1a~\x94\x1d\xf4B\xfdQ\xca\x031\xa7\xcaX\x1e\xf4GI\xa8\xa5\xa0\xbe\x08MP)J-\xeb\xf1\x18\x86E\xc5X!\xef\xac\x97\xfe\xa4\x06\xaec\xff\xab\xd7\x8e\xc4Y8\xf8s\x8a\xc25\x9at4\xbaj\x06j\x058\x8b\x02\x0b\x01\xe7g*`\x11W\xbe\xecw\x1b^\x03`\xe9\x0cwk\x1a\x16\x01\x83\xf0\x90K\x18\x86\xdb_\xea;\x04\x14\xfa\x91\x9c"\xa9\x08,\xddC\xe0z\xda\xb0\xb8\x80\xc5\xeb\xc4\x08V\x98&lt;-Z5\x88+\xce#\x99\xcf\x1f^E\xbe9\xc4\xfb\x186\\.\x01\x9aB\xce\xab\xba\xb2\xb0\x00\xd6/\xfb\xe3H\x07\xb8(\x93vzb\xdfjy&lt;-\xc8\xe1v\xb7+|\x9e\xf9w\x91\xe4SodUP\xc5b8\xd8\x90(\x9fQ\xc2r\xd1^\x94\xa00Y\x80%\xb4}\x1f\xea0\x7f\xd8\xa4\xcd\x17&amp;\x8e=F\xe5\x1c\x08\x8a\x06\xb4\xb4\xb2\xb0\x90i\x0f6\xdc\xe4\xb9\x9eY\xae\xb1\xd9tF\x8f\xa90\x13w\x9c|&gt;Rm\x08\x83@\xe0;\xc9\xc1\xc4\xcc\xca\xc6\xa8\x02\xed S\xd3p\x1do4*\x85\xea4H#nUmaz\xa1Y\xaeRh}\x9a\xc5\xce\x97Zl\x9bX\xd48\x9dA\'\xd4\x8aA-\xe7\x15W\xe9\x17s&amp;P\xe9u\xef\xcd\xc7\x00\x00\x00\x00IEND\xaeB`\x82'</t>
        </is>
      </c>
      <c r="M418" s="3" t="n">
        <v>45492.67887731481</v>
      </c>
    </row>
    <row r="419">
      <c r="A419" t="n">
        <v>1046440</v>
      </c>
      <c r="B419" t="n">
        <v>7314</v>
      </c>
      <c r="C419" t="inlineStr">
        <is>
          <t>Roni</t>
        </is>
      </c>
      <c r="D419" t="inlineStr">
        <is>
          <t>Roni</t>
        </is>
      </c>
      <c r="E419" t="inlineStr">
        <is>
          <t>VOL</t>
        </is>
      </c>
      <c r="F419" t="inlineStr">
        <is>
          <t>VOL</t>
        </is>
      </c>
      <c r="G419" t="inlineStr">
        <is>
          <t>VOL/MC</t>
        </is>
      </c>
      <c r="H419" t="n">
        <v>174</v>
      </c>
      <c r="I419" t="n">
        <v>17</v>
      </c>
      <c r="J419" s="2" t="n">
        <v>36264</v>
      </c>
      <c r="K419" t="inlineStr">
        <is>
          <t>Right</t>
        </is>
      </c>
      <c r="L41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362c460-2862-4f8a-bd13-27530b3942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E\xbf\x00\x00\x00\x00&gt;tEXtComment\x00xr:d:DAEewil2SDw:3687,j:1904319450120277878,t:24032419\xd6]\xa1\xc0\x00\x00\x00\tpHYs\x00\x00\x0e\xc4\x00\x00\x0e\xc4\x01\x95+\x0e\x1b\x00\x00\x03\x00PLTE\xff\xff\xff\x19\x19\x1c-/-\xc0\x97d++,\xc8\x9fl)()\x1d\x1f!%%&amp;*+(\xcc\xa4q\xca\xa2o\xc5\x9ci,#\x19&amp;\x1f\x15!#  "$\xbd\x95c\xc2\x99g\x16\x1f"5*\x1f \x1d\x1d\x1e\x1b\x1211-()#\xda\xa7s241\xb4\x8d[\xb0\x83^0\'\x1e\xc2\x90a90\'C:0\x1d\x15\n\xe6\xb7\x85\xc9\x9dw\x19#\'\xfa\xf9\xf9%\'+\x12\x0c\x06\xad\x8aZ\xbb\x8e[\xfd\xfc\xfc\xc1\x93o&gt;5,\xe6\xba\x8a\xbb\x92_\xc3\x9fx\xb6\x92c\xe3\xb6\x82\xda\xae\x83\xba\x8bl&amp; \x1d\xa0{O\xc5\x98o\xd5\xa4p$\x1a\x0f\xbf\x92i\xa8\x86V\xe4\xb5z\xa7~T\x1e!\x1a\xa9\x86`\xce\xa8t\xe9\xb8}\xc6\x93h\xcd\x9em\xd3\xa0i\xb9\x92j\xb3\x89_\xba\x8ed\xc7\x9cr774\x91iA\x0e\x1e\x1e\xea\xe4\xe20,\'\xdf\xb1\x80\xd3\xa8v\x8ac:\xbf\x9ar\xca\xa8\x80\xf6\xf4\xf35&amp;\x15\x9drL?1#\xb6\x88U\xbb\x88]\x8afA\xa6wR\xb2\x89g*!)\xaf\x7fV\xc9\x99i\xaf\x85RK=2\xc4\x98w\xbb\x97o\x98kH!0,bO7\x9f\x83c90\x1d\xcb\x9f}\x85\\6\xdf\xabt\xdf\xb1\x89\xe2\xdd\xdb\xaf\x90b\xfaC2\xb2\x90l\x15#\x1b\x9b{]\x99tG\x92pD\xec\xbe\x8d\xcd\x99c\xbc\x9c\x82\xb7\x87d\x1d(%\xd6\xa9}\x7fY0\xe2\xb1w\x9csT\xd1\xa4x\xd7\xb2~F@7\xdf\xb8\x8biI/F8\'RA1yR)\x10\x16\x13\xdc\xa9}\xa2\x82U2\x1a\x1e\xf1\xef\xedmU&lt;\xc5\x98c\xd3\xady\xac|]\xaa\x7fJ.\x1c\x11\x1f\x1f,J0\x19\x96zN\x8eiO\x81c9LD&gt;\\E.P;$\xf8:+!\x15\x1azV;\xc2\x8cV\xdd\xb9\x81\x91sP\xc7\xab\x8e\xbf\xa1\x8b\xdc\xafv\xf8@&lt;\xd4\xb5\x8azbC\x81eLA!\x18\'\x1c$\xb9\xb1\xb0\xc5\xa4{\xcf\x99n\xd0\xcb\xca\xc1\x92wsS1\xa3z[Q!\x1c\xa8\x82i\x85mN\xd1\x9dt\xec\xbb\x83X6\x1el&amp;\x1erhf`ND\xdd\xd3\xce&gt;\x15\x11\xd9\xc8\xba\xa6\x8al\xb2\x97~\xb3tN\xca\x94]q\\FTJD\xeeK:\xae\x8fvK\x14\n\'*\x19\xd2\xa2\x84\xd7\xa9\x8b\xa5\x9a\x98&gt;&lt;&lt;b&gt;"\x99\x1e\x19\xcf\xae\x83rI$\xba\x8dv\x95rZ^\x15\x0f\xe7\xcb\xb9\xb9\x7fW\x92|f\xc9\xb0\xa1\xe4\xb7\x93\xaf\xa8\xa5\xa4sA\xd4\xb6\x97\x80[G0\x10\x08\t*\x19\xb2\x16\x14\xdfPA\xd0K=\xe9\xbf\x99]UT\x89r[\x89\x17\x11\xf2\xdc\xc9\xcb\xbd\xaeo`\\\x92_7\xcb\xa0\x8a\x84/&amp;\xda\xbb\xa5\x90zX\x85yw\x96:/\xdc\xa3m\xe5&gt;0\xc4\xbf\xbf\x7fqm\x90\x86\x86\x9a\x84rv\x12\x0f\xb3{j\xc0\xa7\x9a\xab\'(\xbfH4\xb6OD\xbb\xa1e\xa6E3\xc1\xa7m\x9b\x91\x8f\xe7]M\xf8\xe9\xd8\xc5\x84`\xf7MH\xa0`S\xc5^U\xfa\x15Nu\x00\x00 \x00IDATx\xda\xdc\x97\xddO\x1b\xd9\x19\xc6\xa3ns\x11\xc8L\x144\x1dp\xb6\x93\x19\x1b!#4\xde\xc4\xae\x83\x87\xb0\x01B\xccG\xc4\x98\x00\xdeQ\t*\x9au\xe5\xcc.\x06Y\xee\x12V\x0e\x1f\x06O\x02\xc5Me\x99\xc4\xb6\x82\x00\xa1\xd8\x88\xd4b\x03\x0b\x02VY\x15+\xf2\xc6\xa9\xb2\xcb\x05\x05\x85\xde$\x91\x8a\xaa\x14E@\xa4\xdeq\xd7\xf7\x8c\xc9n\xff\x81!\xab&gt;\x06s\xf0\r?\x9e\xf79\xcf9s\xe4\xc8\xff\xb1\n\xda\xdb\x9b~^Du\x89\x9d\x9d\x9d\xe9\xfd\xf4t\xa2\xeeg\xc3TT\x97H\xef..nm-\xadl\xed\xeeO\x83v\x12\xef\xdf\xb7\x82\xf6\xf4\xee\x92\xdf\xcf\xc8rT\x8e\xc8\xb2\xc8\xb2\xbe\xa5\xc5\xbd\xe9\xe5\xf6\xe1\xf7K\xb5\xb7$\n\x92$\xf8\xfd\x08\xcbO\x049\x8c\xa0\x99\xe4\xd6vz\xb9\xbd\xae\xa9\xe8\xfd@\r/o\'\xfd\x82\x1d#\x10\x98,\xfa\x05A`E\x9f\x8faY\x9aM.\xeem,\xd7\r\x17\x1c:T\xd3\xf2\xfe\xa2\x1c\x9a\x92\x08B\xa2\x05?@I\x02#&amp;AKaQdh\x9a~\x9a\xdc\xdeX&gt;d\xae\xa2\xe5\xf4n$\xf4\r\xa2\xa2Y\xc6/\xc2\x04\xed\x84\xe0\x87\x95(\x87E\x96\xa00\x1c\xc3\xcc\xb9\x8b;\x05\x87:\xca\xc4\xde\x92\x1c\xb5\xdb\xfd~\x18\x18\xc3\x88\xa2\xe8\'$\x01\x0c\xf3\xc3ZF^1,\xc6\xe1f\xfee:qx\x86\x15!*\xd9/I\x12\xcd\xd3,\xab`\t\x02a\x0fb\x82(\x8b\x0c\xa4\x8b\x052x\xfb\xc5\xa9\xf0V:q8\x8d\xd1\x94\x98\xde^\x92}\x8c\x94J\xa5hd\x16\x83\xd2$\x12A\x9c\xe30\x9aQ\x04\x9f\xa3\xf0\x9f\xfa%/\xc8\xaf\xfe~\x18}1&lt;\xbd\xbd%\xfbE&amp;E\x92\xa9Z\x86\xa9\xad\x857\x86\xa5y\x9c\xc3p\x0e\xe7Y\xc6\xc7\xd0\x04\xcf\x84\xc3\x8c@\xd3|\xae\x10\xfa\xdb\xe6\x7fT?\x00\x8a\x867\x96\xa0\x0c\xfc,\x85\x93\x14\x13\xf6\xb1&lt;\x9f\xcb\xe7\xe5\xe5\x99I\x12B\x8eQ4\xe3\xf3\xd18\xc9\x87\x93\x80\x05\xbb\x94e\xa2\x0b\x0b\x9b\xea\xfb\x95\x08S4\xcc\x0c\xd3\xe2\xb4/\x99\x04,*\x85\x93\xa4\x99\xa2p\x1c\xa0Pg\x11\xb8\x96\xa3\x80\xce\x876dJ\x12\x10\xd7\xb4\xca\\\xc3\x1b\x04N\x87}\x12\x14\x00\x01\x83\xf2\xb18\xc9q\x9cb\x14\x85\xa8\x08\x8a\xa0 c8\xac\x19Y\x14\xa8TJ\xf2G\x1f&gt;\xdc\x9cV7\xf7\xd3&gt;\x1cg\xc3,\xc9\xe18\xc5\x8a"\r8\xd0\\`\x12\x01\xa2\xd0\x17KSA\x8e\x0bR\x82\xb8\xb4$\xd2\xb0-$\xe1\xe17\x0f\xe3\xffT\xb5(6H\xbd\x96f)\xadV\xcba\x88\x02\xa0@\x82\x84V03\xb0P\x14\xb0 X)0a\x981\x9d\xba\x90\xc2\xec\xc2\xd4\xc3\x815U\x0b,\xad\xd5\x93\x04\x81\x93Z\x04\xa6\x8c\n\x04\x87\x8d\x02H\xa0\xc92\x84\x92|Q\x0c\xfb|\xb5\xfc\x05\xc0\xc2\x82S\xd1\x85\x81\xb4\x8acl\xdf\xd5\xebI\x8c\xd3#i\x81\x8aV\xcc\x82\xb9A=\x80[0Y\n,\x038\x9f\xa2\xa7\xb9\'N\xe4\xf1\x846(L\t[*\xda\xb5\x11\xc6\xc1\xa6\x0c\x95\x96\xd4\x92f\x1e\xa5\x1c\xc3`\x1b\x12\x18\x07\xfe\xc1\x02C[\x92a|0\xc4pm\xde\x89c\xb94\xf6\xc7 N$\xf7U\xdb\x8dEi\x16\xcb@\xe9\xf5\xb7\xd0\x1b\xc9\xf3P`8\xda\x86\x18\x0c\x96\xc4\xcdf8\xa2QW\xc0\xa9\xe4\x83\x9dz\xea\x18\x9f{\x8a\x87\xf3\x91\xf7\xa9gW\xd3&gt;\x8d\xeb\x7f\xd2-\x00\x01\xcbp\x88\x15\\\x19\x14\xa7\x80/\x0f\x83"\x83v\xc51\t\xcd\x92\xa9=E\x99\xcdyy\xfc\xd3\xb4Zv%\x16q\xad\xfe\'\xb7\xb4?&amp;\x0c\xddc0\xa5\xbcPO(\x888\x9a)\xc5\x86\x93&gt;\x1e#/\xa4x\x9e\xdeS\xeb\x0c\xda\xa6\xc8w\xd1\xd2\x83M\x1c\xfce\x0e\'\x04\xc9\x1e\xb4K\x92]\x11\xdcU\te\x11\xe4\x94\xddJ0,\x9cL\xb7.\x1c\xe3\xe9\xc5vu._\xc3[03\xc5#\xbd\x16\x83\xa0\xdb\xedp\xc9\n\t\xa1P4\x1aq\xbeS \xf3#\x12\x8d\x86B\xf6 \xaa\x114\xd4\x0bf\x8aMn\xa82\xc5\xa2\rFKf\x8edL\x82\xc7\n\xf4`\xe1\x0c\x04\x02\xa3\xb1\xf8\xb8\xc7sM\xd1#x)\xf2\x8c\xcf\xcd\xc5f\x06\xa2S\xf0\x7f\xa0\xa8\x91\xd0q\xeaL\xb1\x00\x92\x85\x9a\x00J]\x92\xc0\x9f@,&gt;7\xee\xb9V\xd6\xe1\xb6:\x1a\xf2\x1b@g\x14=x\xf0\xa0\xf1\xc1\x19\x87\xb5\xa3l\xc8\xb3:\x1a\xfa\x87\xd2%\xda{\xb4\xb0\xad\x0e\xd6\x16\xa7Ee\x80\xee\xc7\xd1\x81\xbb_x\x00\xa8\xc1\xd1\x90U__\x9ee\xa9\xef\xcd\xea\x05\xd5\x83\x94\x1f\xbd\x95\xad\x1f\x9c&lt;k\xb5\xce\xc6\xe5 $P\xab\xe7\x08b\xb7]\r\xaa\xe5$\xdc\xf3\x10\x95\xe8\\\x99;\xd7am\xa8\xa9)\xce\x06\x02\x8bF\xd3\xd6\xd6\xa6\xd1h,\x16\xb4\xd4dd\xa9\xcc\xc99^bu\xb8W\x9dv\xb8dp\xf7\x82\x82*XMi\x1f\x04\x8b\xb2K\xd1\xc0\xf8#\xeb\xf1\xec\xac\xf2\xf2\xac,D\x050\x08\x0b\xf1\xbc9`\x1a\xd4x5\xbdG\x8f\x1e\xff\xe0dN\x83\xdb3\x13B\xd1\xe7hu\xb0\xf6\x99{$n\xb7\x87fF\xcef[.!UZ\xd0\xd0\xc0\xa27m\x19e\x98\xda\x06\x07\xbd\x83^oo\xf6\xd1\xe39\x7f\xca\xc99yn&amp;\x84\xc6\x0f\r\xa1\xc6\x10w\x92\xbf"1{(\xd2\xdc\x91]o\xb9d\xb9TY\tX\xdeI$ \xeaFj\xebVV6\x9b\xcbd2y\xcb\x81\xab\xb5\xf5x\xce\xd9\x91\x01\x89\xe3\xcc\xac*XE\x05\x8bf\x0e\x93B3\x9e\x9a\xf2,\xc5\xabK\x16\x8d\xcdh4\xdal\xa5\xa5\xa5\x15\x15\xa5\x07\xea.5\xeat:\x97\xcbe\xba]\x9e\r\xe8\xd9G\xb3:\x9a\xa3v\x1cS\x07\xeb\xc8\xf0"\x06\x95\x1e\x8d\x95\xe5g\xb5^\xbf\x0e\\@\x05\x00Fc\xa9\xb1\x02\xa8\xba+J3/\xc02\x18\x0c:\x97\xad\xef\xb6\x05\xa9\xbc\xdc1\x12\x80\xe7\rvK\x95!&amp;\x928&amp;\xc8\xce9w~%\xc2\x82\xa0\xdb\x8c\x00\x05\x02\xaf\xfeW\xf3\xf3\x9d\x9d\x9d\xeb\x06\xa3mrR\xd9\x93\xf55e\xf1\x88\xc82\xea`\xed\xbc4c\xfeH`\x1c\xb0*/)T`\x16\xd8\xa2\xd3\xcd#U\xa0\xd7\x8fT\x9d\x9d\x06\x1d\xe2B\xfb\xa0\xbe\xa6e&lt;\xe0\x14\xd5\xc1*J\xbc\xc4(\xbf36b\xad\xc9`M\x82Y\x06\x85\xa0s\xbeS\x01;\x90\x0e\xb8\x0c\x8056\x86\xb6\xc1\xa4\xc6R\xdc\xd2\x13\x0b\xc8*a\r\xef\x12\x84\x1c\x88\x0f9\xb2[Q\xb0P\xde3T\xf3\xf3\xef\xa0\x94\xc4C\xb8 \xf4\x86~\xe3X\xe9Xwiw\x9b\xc6\xd2Z\xd5\xb3\xb9\xe2\x14U\xc1:R\xb0\xc7Jr`n\xa8\xe4\xa8\x82\x85\xdc\x02,\x94n\x1dL\x0e2\x7f \x84\x05\xdb\xd3\xd476f\x9bD\xad\x01X_\xdd\x89;\xe5E\x95\xb0\x18\x01\x8e\x9d!kk+\xecCM\xdb\xa4\xcd\xd6o0\xf4+\xe9R\xb6\xe2\xe4d\xb7R\x11c\x90*\xe8\xad\xdb\xc0\x05\x1f!\xac\xea2\xcf\x9d\x80\xbc\xab\x0e\xd6\xbe\xe8GX\xd5\x88\nf88h2\xb9\\\xfd\xfd\x06T\x12\xba\x8a\xcc\xfc\x10\x95\xd18\x06T.\xd3\xfd\xfe1\x9b\r\xa8,59\xd6\xd9\xd5\x95\x88JX\xe90$\x1e\xb0.*\xa5U_\xef\xf5\x9aLc\xae\x8c]\xba\n\x1d\xeaT\x98%`\xc1`\xfbA\xf7\xef\x9b\xfa\x06m\x83pj\x177\xb8\xafm:\xd5\xc1*J\'!\xf1\xe3\xef\xb0,\n\x96\t\r\x12\xb8\xe6Q\x83AST\x18\x95\xc4\xbdX\x07\xb3\x9e=k\xec\xf5z\x075\x9a\xca\x1c\x87\xe3Q&lt;\xb0\xa6\x0e\xd6\xc6\x92\xbc27r\x1ea\xbd\x81\xf6Fv\xf5\xf5\x8d)nU\xe8*\xa0Zu\x06D\x07\xad\xf1\xa2s\xdd\xf5dbb\xa2\xb1\xf1\xb3\xfc\xca\xbfXZK\xacn\xf7\xf8\x8a:X\x05\n\xd6\xb9\xc2\xd3\x08\x0b]\xae\xeao\xf7\xf5\x99\x14,\xe4\x94\x02d\xd0)\'\xcf\x0b\xa4\xd7\xcf\'\xba\x1c\xd6\x92\xe2\xaf\xbf.&gt;y\xd6\xed\xf6\xc4\xdf\xaa\xe5V$6&gt;T\xa5`Y\xe0\x0c\xee\xf5\x9aP\xe2\x0f\x86\xa8;p\x0b~\xed\x04\xa8\xe7O&amp;\xba\x1e\xcfzz\xae~Ys\xb1\xa4\xe4l\x87\xdb3\xf7\xb6N5\xac\x7f\x0fU\x95\\\xfc+\\\x1fZ[kzM\xfd\xeb\x8a/\xeb\x99\xc3F\xa7\x1c\xd1\xf0\xbd\xde\xff\xec\xd3\xd9\xd5x,\x16\xdf\xfc\xfc\xf3\xcbW\x7f\xf7\xa5\xd5ZV\xa6\x1eV\x00\xb9U\xf8\xd1\xe9\xd3\xd7/VW\xb58\x1a\'&amp;\x9e?\x7f\xfd\xfa\xf5:R\'\xf2\x0c\x90\xa02\xee7:&lt;\xb1\x81\x85Pta`t\xf4\xfb\x9b7\xae|\xd2\xe2p?R\x0fk\xc5\x19\x1f\x19*\xfc\xf0\xa3\xea\xdf~\xdcs\xe7\xce\xea\xda\xda\xda\xab\xb5\xb7\x8f\xbf\xed\xfa\xd7\x93\'.\x17\\e\x00\xcbe\xf2\xe6\xbb{F#!xz\x84g\xa3\xd5\x9e\xe6\xe6\x1b\xa3WzZT\xc4\x9a^q\xce\x8d\x0c\x9d\xff\xb0\xfa\xd7\x9f\\\x19\x1d\x1d\x1d\x80GTP$\xb6:\xfbC\xfew&amp;\x97\r.\xa5.Soq\xd5\x173\x0b\xa1P\xc4\x19[{\xf4mW\xd7\x0f\xbf\xf9\xf3\xef\x9b/\x7f\xd5\xf2\xf8\x9a\x8aX\xf1\x91\xf3\x85\x85\x1f_\xbeqsf4\x16@\\S\xf6\xd0\xc2LsO\xcb\xa7Pb\xc0\x05^U\x8d\xdc\x9d\x19p\x06\xe2\xaf\xd6\x1ewu\x9d\xe9:\xf3\xddg\xee\x9e\xcb=\xb3h\'\xaa\x83\xb5\x13\x87kMY\xe1\xb9+7\xbf\xbfy\xf7\xce\xf8\xf8\xab\xb9X\xc0\x19\x89Df\xee^\xbeZ\x9d\xed\xedCX\xbd\xc5e\x7fh\x86\xac\xcf\xfd\x97V\xf3{McM\xe3\xf8B\xc9\x8d\xc9\x8d\xb9+\x0es#\x81\x98\x81\xe8\xe9\xa0A\xcf0E\xeb\x8cHh\xf4t\xc5q\x86Qt\xa8hm\x10\x13T\x0c#\x1c!$4\xa9Bb\xe9B\xdc\xc4BS\xa8k\xc4\x88\x17\xa9\xb1\t\x08\'\x8b\x9c(\xa6\x964\xbdYBKB\n\xbd\xabw\xcb\xe9\xc5&gt;\x93\xd2\xfd\x0b2\x8fF%\t\xf8\xe1y\xde\x1f\xdf\xef\xfb&gt;P\xde\xfd`,\x18uj\xfdZN_!\xf7\xbf\xbc\xec\xcar55\xf1\xafw+/7M\xa6\xf9\x85E\x87&gt;\xaa}],\x16\x9b\xfb\xe70\xdf&lt;\xf3.\x82\x1a\x99\xb9/E\xdaH\xe9=\x1b+\x87\xdb\xdb\xdb\xe7\xe7\xe7\xbb\xf9\xbc\xc8i\xb5\x01\x8e$\xc9uOw0-\xc7\xe1\xc8\xd8\x7f\x0fa&amp;.\xcf\x87\xed\x94S\x0b\xd30\xd1l\xb6\x82_v\xb7\x9fy\xe6L\x93\x80\xf5\xcb?\x7f\x89\xa4i\xd3\x1c\x8c\xba\x87\x87+P\xe1\x95\xdd\xbc\xe7\x99\x87\x8c:\x9d:\tk\xb3\xda\x97\x83k\xe2\xdf+/\xd7\x97\xf5ss\x88\xf6\xb5\x13\xa6|\xf0\x1d\xe4cw{#\xb3\xe3 \xe8\x91\xbb\xd7.(M\xeb\x1d\xc7\xf5\xfa\xc3\xc3\xe7\x7f_[\xab\xd7\xeb\xed\x9d\xb0~&lt;`\x0b\xcc\xce\xae?\x9bw\x01\x97\x0c\x97\x88\xef2\x1b\xeb&amp;\xbd~\xdc\n\x1e&gt;\xb6\x99\xdf=\x84u\xa0\x9d\xc9\xb4\xdb\x0b.^\xa9x\x01\xbb\xf4\xfda\nq-\xb4\xdb\x87\xe7\x0f?~\\\xcb\xbcl\xd7\xdb\xc7\x0e=e\xd5\xe9t\xf3\x8b\xf3&lt;\x9f\xd8\xbby\xac\xc1.`\x8d\x9b\xc6u\x01\x1d\xb9\xf9,\xf3\x1cV\xcc7\xaf\x9e\xafd\xea\xed0A)\x87\x9e\xfe\xfa\xeb\xfd\x17C*\x8apd\xda+\xdb+\xffX\xcb\x9c\xe5\xafW\xd39\x13P\xcd\xce=\xd3\xeb\\\xe2\x8d_KML\xb7\xa0\\\xf3&amp;\x95\x0e\xb6\x12\xcfq\x1b\nT_{U_9\xdb\xa9\xb7\xed\x9cU\xb9:\xf5\x02\xec\x84W\x83\xb0\xf0\xc7\xcc\xd9\xf6\xd9\xf6f\xacR\x11\xf5z\x82\x18W*u*\xbd\xdd\xa4\xbb\x08\xb7n:]c\x8dw?\xb0\x940\xd9\xc2\xf0\xcd\x99\xb3\xb3\x8d\xcc\n\xbc\xb4\x8f\x05\xce:\xf9\x13\xcb\xa7\xb7/\x1e\xef\x9c\xe57cU\x8e\xe3(\n2\xa5\xbc599i\x9a\x1b\xb7\x02\xd6M\xab\x88\x07\xfdX&gt;\xbc0\x9fSM*)\x97\xddc\x17c-P\x08\xdd|\xfel#\xecB\x92\x9aU\x90\xf7\x8fn\xc75\xbeS\xc1\x11\x0e\x87=y\xb1\x82 \x08E\xd3\xf4\xe8\xc8\xe8\xa4F\xa9"t\xd8\xc5E\xf1\xa6\x0f*\x1f\x0c\xba\x15\x97}.\xe7\xd3\xd0\x14\x82\x90\x08\x87\x97\xcb\x9doUQ\x14\x04\x81E\x18\xcdA\xfc\xeb\xa3G_\xe3\x85\x82\xdb\xc7\xf3\xacK\x10\t`2\xda\xd23i\xc5\xd0(\xaaQNRf\x83 ~\xbe\xf1\x83\xa4b^d\xe7Ns&gt;7C\x1b\x8dF:\x89s\xdc\xb7l\x96\x15Y\x96w3\xe8\xc1\xff\xb1\n\x05\xd4l\xa4xH\x15C\x9b-\xa9\xd4\xcc\x8c\xc5\xbb\xaa\xd1\xa0\x8c\xb9\xc6V\x1b7\x8e5\xc8\xbb\xd8S\tK\x83\x1a\x86\x15\xc3\x06\x03\x8d\'\x93\x08\xc23(\xaa)\x1c\xac\x1e\xc4\xef\xfd\xc4*\xac\xa2\x1a\x86F\xcd\xdeR\xe96x\x8c\x94\xc5\xe2E\x19\x86A\xd5\xd9\xc4\x8d\x0b\xd4\xb1\xcf\xa2\xc0\xe6\x00\xab\xa0A\xbd\x8a\x99\x19E\xdal0\x1a\xcd(\x8az\xe3\xf1\x03)\xee}}\xf4\xf5\xa0P\x80\xbc\xc5\xe3\xab^K\xa9T\xab\x95jS \xaf-\x16\x0b`\x9d\x9c\x94\xf1\x9b\xbf\x1e\x1e\xdb\xab\xbax\x1fp\xb95\xab\x16\xc5\xd4\x8b\x99\x17\x16\x8b\xf9:J\xd2iW\\\xaa\xe2\xd7{\x07\x85\x93\xc2\xc1\x8fS&amp;0\x92\x80t;=5\xe5\x85\xffd\xd0\x93\x13\xac\xd3\xb8\xf1\xcdg\xe2\xc9 HR\x80U@WG\x86\xc1\xf5\xa4\xa4d@\x94\xbc\xa5\xa9))_?\xb0\xdcn\xa8"$\xd4\x02X\x10GwR3CCPE3\xc3g;{2l\x89\x8d\x16\xc7\x11\xa7\xbe\xc2\xaawd\x18\xe4U*\x95N-\xa5\xd25\xf8F\xaf\xf9;\x14\x0f\xfc\xd0\xed{qT\xe3v\xfb`\x0c\xa25\x18W\x91H\xe4\xe8\xceS\xc5\xb0\xc2\x82\xa2\x0c\xcb\xca\x82\xf5\xb8\xc8QD\xce\x8d\xaez\x87\x14\x80\xb5\x04\x8f;K%\x86\x7f{\x02\x03\x87A\xe3S\x8f$\x0b]\x82\xe1\xc6\x9c.\x84O\x99\xf8\xd4}\x10\xf9G\x91?\x01k\x08eN\xd8lQ\x96\xb3\xe6&gt;G\x02\x16P\x81\x17\x033\x16\x89,\xa5J\'\xc2\x85\xf0\x96\xf9\xfe\x1d5\xd7\x96"\x11\x98v5\x83\xc1\x80\xf1\x17\x8b\x8b\x17o\xcd\xa9\x08X\xa3\xdf\xffT\xdc\xbd\xce\xd6\t\xd7\x97E\x9f6Z\x15\xc0\xf2Z\x14\xd7T\xef\xdfG\xd2\x18\xe3\n/\x08\x8c4\xe7Ji\x00]J\xd70X6\x92\xc9\xac\xfd\xf8\xf8\x827\x87"\x80\xf5T\xa1\xb8;$U\xba\xdc\x90\xe5\xc2z\xafY!\x08\x95\xd7\xf2\x83\xea?\xef\xef`\xbc\x10^\xb8\xe0\x8dfx\x18\xfd\xb5\xb4\xda\x8f\xe1\x08+\x08"\x87W\x1c\xc0E`G\x00?3&lt;&lt;\x0c\x03\xb0\xa6\xbe\x94\xc5V\xffmz a\x8dH%LE~\x7f\x7f\xc7\xc6\x0bP+\x96N\xb2.6\x9bE\xae\xb3\x94e\x05\xbb\x80\xe0x\xb6\x12&gt;^\xb4s\xa1P(\xa5\x18\x1a\x19\xb9\xa51\xab\xfd[\xf2\\t\x8e5\xf6\t\x82\x1a\xb5I\xb7N\x7f\xa4\xd2\x06\xc4\x05\xa69\x8b\x850\x84\xfd\x19\xd2nT\xe1\xca~\x1cA\xf4\x8e\x85\xb0\x08\x1f\r#\xa3\xb7F\x95\x8c\xb1\\\xee\xcbt\xff\xdahe\t\xc4h\xb0\r\xa7C\xe9\x90!\xc9\xda\xc3\x02\x92\xc4\xd4jL\xca\x92K\x10 iH\x166q\x1c\xef\xe0\x1c\t\xaa?\\\xf1\xabi\xa5RyKIc\xe5r\xe3\x89\\X1\x82\xa2\x9d6\x83\xcd\xa6\x0e\x19\x11\xc1\xc1"V\x0c+\x87\xfc8\x9eD@6\x10&lt;\x92D\x08\xce\nB\xcb\xca\x91\xb3\xcb\x9e\x1d\x07b`PP[\x930\x13\xb6\xa6e\xba\xdb\xdfk\x06\t\xca\x18\xc00X\x04l\x88\xcb\xee\xc2\xadX\xc8\xef\x97\xb0@\xed\x80\x94@\xa4\xb0j\x03\xfe@ \n&amp;L\xf4lx\x10\xba\xa0\xd1\xa9T\x80\xd5\x90\xabqdz\x10\xd4#V\x9056\x9b\x91\xd6\x83\xfa\xc3\xacN\xc0\xba\x0c\x95\xcb\x01\x9a\xe2y*I\xd3\xf0\x9b\xdf\xb4\xbf\x819$\x83$\x19\x0b/\xba\x98\x82J\xa5\x9a\xc4\xf1\xe2\xb4\\\xfd\x8b\x0f\x1aA\x91\x04\xb5\x85\x190\x1a\xb1/T\xac8\x17\xf0\x97\x13\x97\x97\x97G!\x8c\x06(c \xe0\xd4j\x9d\xe0\x8c\xa2\xd1\xfdj\xb0"\x86\x17\x05\xb7F3\xae\xba\x85\xb4\x1a\xf2u\xd9\xec\xb5$,\x1a\xc3\xac4\x11vT8\x92\x8bv:e\xc0\xba\xd4Z)\x04T+\xf8g\x8e\x14\xc5M\x8fg3\x06\x9e-\xef\xb0\xf3\x80\xe5V)I\xf9\x92\x05U\xecGI\xa3\x15\xc4\xb0\x91v\x1d\x0bb%\xcbAR\xa4\x88UD\xc1%\xcdE!\x9f\x07$\xcfNF\x8a\x1d\xbb\x8b\x05A\xa6\xf1\x8d\xeb\xb8\xbe\x8c-IO\x1a\x1d\xd2\x1a\xa0\x92\x98\xc1\xeaj\x83\x88\xafT\xba`16\xb6\xbb\xf9n\xde#VD\xb1Z\xedvc\xd5D5\x7fV\x7f\xf3fm\x03\\\x86\xb9\x84\xfar*k\xf4\xb3\x8cX\x13\x8f\x13\xbc5\xcaQ\xb4\xc1@\x1c\x0bvOx#\xd3\xce\xec\x9c\x81\tjU\xab\x89\xcb\xc4\xe5\x87\xabbq\xebCo\xabX\xad\x7f|\xd3\xce\xe3\x98\xb1T\xd2\xe4r\xb3\xd1VC\xce\xbe\xb2\xe9-\x9e\x0bp&lt;\x85\xa9\xad\x1e!\x1fn\xbf\x82\x94\x04\x9b\x1f\xae\xa4\xc3\xca\xde\xa7^\xef\x13\xfc\xc0\xeb\xd5U\xb1\xfd*\xd3\xe5\xcaX-\x85\xfaN%,Y\x1b\x9c\x1f4\xa2Ht\x1cVM\xb5:\x0bE\xdbX\xfbX\x0f\xf6\xaf\x1a\x9fz\x9f\xf6z\x9f\xfe\xfaKzJ\xd1\xbbj\xed\xeclF\x9d\x01\xacV\x83d\x8d\xcf\x92\xadi9\xdb\x9b\xc7\x1e7\xc9\xa8\x8agyL\x8dg\xb9Nl\xa7\x9e\xd9\xef\xf7z\x00#!]\xbf\xf5\x1a\x90\xb9fw{s\xd6\xa9u\x1aj\x06wny\x9c$\x9b\xf2\xf6xN\'\xf6\xa3:\x9ee\x93jC\x12\xd7vbg+\xe7MH\xd7\xe7F\xa3\xb1\xd7\x83\xb7\xde\xd5V"Ql\xc6\xf212\xf0\xfa\xb5\xcdV3\xfbr9\x13\x19\x1c\xc8\xdbs\xfd\xa4\xbf\xcfQnH\x97A\x9d\xc4C\xdar0\xbf\xdd\xddo6[\xc5A\xbf?\x18\x14\x8b\x83D\x13F\x7f\xa5\x1b\xe3\x02\xda\xd7Z\x9b\xcd\x86\xe6|\xcb\xa6\xe5X_^\xac\xb1\xbd}\x12a\x18\x825\xaa\xe9\xa4?\x14JTaq\xe8\xc6\xf6\x9b\x89b1\x91Ht:\x9d\xc4e\xa7R\xf9\x86w\x9cN\xdb\x10\xec\x9d\x0c`-\xaf\xcb\x8d5\xf1$\x11cy\x8a`)\x83\x11\x07,m\xb9Z\x89\xc1J\x05\x0b}\xb9s\x1dG\xef\xff\xc0\xf1r\x19\x0f8\xa5.\x1c\xda\xed\xf3\xe9\xd7\xe7\xbf\xc8\x8c\x05FCt\xb1&lt;O \xd2\xde\xa8\xf6\xfb\x03\xa0b:\x9d\xcb\xa3\xcb\xf2\xb7\xff\xf1r\xfe!m\xdfi\x1c\xbf\xfc0~5\xb9\xe6\x87M\r~\xd5u\xa4\xca7\xc9H\x02\xe6\x9baH-J4F\x0b\x896g\xd3F\xb3\xc4\\\x17\x99\xa16\xa1U\xc2\xc6qC\x89\xe2l7\x1b\x0bvt\x83\x15k\xb5\x9d\xb7\xd2\xb4\xbaM\xae\xe0\x9c6\xddN\xfa\x87\x07^\xff\xf0\xe4\xda\x93)\xd8^&lt;\x99Z(\xbd{\x9eO\xdc\x8d\x83\xdb\xddmk|H4j\xf0\xf3\xe2\xfd\xbc?\xcf\xe7\xf9|\x7fd\xbd\x0f\x1e_O\x7f\xf9\xe5\xf4t\xc0\xab\x81\x04*\xc1\x80\x8dfs(\x1c\xfb\xe6/i\xc6*\xfa\xf4c\xa7\x93m\xf4\x98\x98R\rp)\xbd\xd7\x94\xdeiDA\xac\xbe\xbe\xf5\x92k\x01\xf8)\xe0U*\xadF\xe5\rh\\Y\xa0\x8a]J7\x96\xba\xe7d\xc8fcM\xac\xd9b\x84F\xd5\x8a\xed\x16r\\\xfb\xba\xa4d}}\xbd\x1d\xb1\xa6\xa7\x95\x1a\x8d\xd2\xa8\xb1\xde\xd04:\xd9p8\x16I\xbbZ\xbf\xa8\xff\xbc\xd9\xe5\n\xb3xh\x17\xdaA\x18&gt;\xa0\x9c\x06*\rPA\xc7\xdc^RR\xea\xd5yuJ\x9d\xd2hT*!\x87\xcep\xbf+\xb6\x0bXgl.\xbb-\xc4\xb2\x9e*\xa3\xd5XZ\nX\x81i\xd8\x89A\xdf\xdc\x87\xfb\x9f\x12\x8bW\xa7\x83FP\t\x8d\xb5\xb7\xbd\xf1X8\xd4\x1f\xde\x15\xacf\x97\xdd\x1e\x0e\xb1f\xa6Ti\x85N\x95\x8c\xaf\xd1\x10\xac\xfc\xe3\x16\x8b\xa3\xae\x0e/\x0f\xb4Z\x03\xb8\ri\xb6\xb1\xd1]\xc1\xfa\x10\x92\x98\xe2\xd2C\xf3lq(\xad\xe0o\xdc\xb9\xb6\xc3\xa6\xc7\xe2\xf3\xe9\xee\xdd\xab\x83p\xe8\xae\xc2\xbe\xcci\x0b\x99\x98\xfe\xdd\xc1\xb2\xd9\xec\x84\xcbdq\xf8,&gt;\xa8\xe5J&lt;Y\x0e&gt;\xd38\xbc\x0eG\xddG\x1f\xa5\xb0t\'\xfb\x9c0;\x98]\xc2\n\x85\xc3\xae\x96\x16\xbb-L\xb8\x1cV\x9d\x03\x04z+\x10\x00\x9b+\xd1V),\xdce\x84m\xf6\xb0)\xb8;X\x1f\x84\xc2\xce\xb0\x9dp\x85\xca|\xa9\xebM!o\x01%\x86W\x17\x98&amp;XW\x81\xea\x12\xcc\r\x96\xd9-,\'L\xc3\x90\xcd\xdebw\xd9\xfa\x83\xc0u\xf5\xaa\xae\xee\xde[`1\x08\x8770\xfd\xc6\x1bP\xe7\xbd\x8e\xe0\xa5X\xcc\xe5d*!\x89\xaeS\xbb\x82\x15\x85\x15\x05\xb0\xecv\x17{\xd2\xe7\xc3\xebr\x01\x0b\xbd\xa5\xd1\xec`\x05\xae\x9d\xec\x8f]\x8f\x85\xcb,\x88\x15&gt;\xf1\xe9.x+t\xd6\xe3A\xaeH$f\x8b\x06}x\xc5p \x00\x95\x0b\x02\xb9`%Rj\x8e\x03\xd5u\x17[\xa9\xd7\xd3\xa0\xd6.`\x9d\xc1\xa3\xf3\x1e\xd3Y\xc2\x15\xb1E\x8f\x13\x7f\x91\x82\xda\x0e%\xde\x8b\x9a\x95\xe4\x1f\x03\xaaX?\x03;j\x8f)z)\xfdX=\xbeG\x88E3f\xf0W\xe7\xf5\x88\x8b-\x83=\xb4\xa5\x84\x9c&lt;\xc8o\xd7h\xf0\xdb\xb1\xe6\x96\xce\xceX\xd8\xa4\xafB\xac\xfe\xf4c\x15\x8dG\x1f\xfdq\xd2\xd3@kiO\xc8\x06\x83\xc3\xe8lYY\x19\x9ew\xc2g{e~\x9f\xd9i#T\xd1`U\x95\x8aV\x99\xfa\xc3e\xe9\xb6|\xcf\x871\xc4\xa2i\xa9\x946\x81^\x11\x04\xb3]r:CN3\xc6\xc7f3K\xce\x91\xd9BQF_U\xa5\xd5\x02V(\xddXE\xa3\xe7\xef\xda&amp;\'\x1b@-\x1ep\xb1a\xe0\xfa\xaa3\x12A\x9b\xb9\xc2!\xd8i7\x03j\xa4\xc5\x05k\x00\x13\x84V\xb1P\xab\xf2\xb0\xd1`z\xbb\xd3\xa2\xf1\xf3c\xef\xd9&amp;\xef#\x96\x94WE\x9b\xd9\x94`_E"\x9d\x11\xbb\r\x82\xcc\x03X\x99\x10K_Z^^\xa8RyBl\xd9\x99\xda\x1eu\x1a\xa9\xfe\x10\x9f\xba\xd9\x0cX\xb4V\xcb\x93\x95J+Mf\xd6\x19\x02\xc90\x97\x10@\x04E\x16\xca-\x8bT\x80\xd5T\x0eXg\x9do\x9e\xff\xdb\xdf\xd3\xb6\x81-\x1a__\x9e\x9bjIaIy2\x99L\xaagL&amp;\xc6\x04\x8d1\x06 A_a2E\x01*\x88\xef@,\x90\x8bf\xafO\x8d]\x9cI\x0f\x97Z=\xbe\xbe\x95H\xc6[&amp;\x01K\x05\x83\xf2d"\xe0\xa2++\x193\xa8\x13\x8d\x9a \x18\x861\x91\xefA=\xbe\xa3\x9cdQe\xbe8\xb4\xb0p{&amp;\x1dG\x9a\xd5\xa3\xf3\xbf[M,%;\x1f\x01\xd6Q\x15QK$\xe3I\xb1\x8c\x83@Q$\xc1+\x0b\x98\x1d*\xc4\x92\x19\x11\xabA\x95\xef\xba\xbb\xf0\xf2P\x1a\xee\x82\xad\x1f\x9dy|;\xbe\xbc\x94X\xdarN\xde\xbf\x7f4E\x95\x91\xe2\xaaD\x89\x90\xc4b\xb1\xd0\x0c\x06\x8dTR\xd9wX\x95o^\x1c[X\x88?\x7f\xc1G\xe6\xebG\xe7\x1fV\x1f\x1e\x9aK&amp;\x12\t\x10k\x12\xc4"T\xc2\x1d.\x1aah\x1a\xd5\xa2\x19\x9a\xbc\x92\x92$\x1b\xcb\x0b\xf1L^\xe3\xb1\xf3\xbf\x9dX\x88\xaf\xae\xbf\xc8s\xd5=\xe3\xc3\xb7f\xddr\xc3\x91\xb9\xa5\x8d\x07\x89-\x92\xc3\xc2r\xa0\xb2f#\x97T*\xd5j\x11\xcc\x83\xc14\xd0xd\x19\xa06E\x10\xe5\xbc\xc2B\xc4\x02\xb9&amp;\x92\x89o\xff\xfa\xc2\xe4\xaao\x1d~&lt;@q\xf8\xb3\xd5\x80\xf5\xe0Ab\x15\xb1\nKe"\x10+\x9bp\xf1xHF{&lt;g\xcd\x9e\xb3\xb0,\xd1*p\x1e\xfc]\x94\x81w\xaf\x14\xbe\xff~C\xa3\xb9\xef\xfc\xcd\xa9db\xe3\x1f/\xe6\xa2\xa4\xa2\x9e\xd6\xe1\x95\x81_\x1a:\xfc~&gt;$\xf1{\xac\xc2r\x18\xf4F6\xe1\xc2D\xf2xZ\xba\x81\xc8\xd5\x003O\xa5\x95\x01\xd2vF\x86\xd5\xc8\xc3$64\xe67\xc7\x11k\xeb\xf9\xe7\xad?\xb7\xae\xaa\xeb{F\xe7!}\x05\x05\x86\xb6\x03~n\xc1\x04b=H\xa0\xe3\x0b\xa5\xe5\x98CrKTJ0\x1e,~*\x9an@*\xad\x8a\'\x12\x92\xb0\x1ae\xa0#b=\x07\xac\x07\x1b\x89\xf8\xcd\x873?\x07L]T_\xbb\xf6dq\xd6m\x90\xef97(/\xe6r\x15\xdd\xc4[K\x93\xcf\x8e\x82\xb7x\x90#\xbc\xfd\x08\xb8\xb2\xd1`0\xf1\xd0c\x08\x05\xc1\xcb\x80_\xa3\x96F\xacl\xb4\xc7\xdc\xf8&lt;N\xb4\x9e\x1b{\xef\xb5[3\xad\xf5?\xf1#\x19\xd4=\xa33\xb7\x06r)9Gn\xe8\xee\xee\xe6\xf8\xfd~A\xf7Xrc#\xb1\xf4-`\x91\x91\xb3\x0f\xbd\xf3\xce\xa1C(\x17$r\xc7c\xc8\x04\xb5#\x03u|\xf5\xc6\xc8\xc8\x88\xc6\x12\x0c\x06\x99\xc6g[I"u|l\xef\x17\n\xee\xe2\x93\xe1Z\xb5\xfa\'B\xe5)\xe4\x18\x92\x1d\xac\xac\xc3c\xf1\xd5Dbi\xf5\xfeQ45b\x91@\xacmR+d@\x06_`\x8e\x021\xfca\xe4_X\r\xcf\xb6\x96\x12\x80\xb547\xf6\xba\xa2\x83\xcb\x17\x0c\xac\x0c\xff\xd8\xdb(\xd5\xb5kOo\xdd\xc9U((1P\x89)C\xb7\x01\xb1\xfc\xee\xa1\xf8r2\x99\x8c;\xcb*i\x95\xb6\x17\'"bm\x0b\xd1\xdc\xc0\x96AT\xc3\xc0;\xcc\x00\xb7bd\xa4I&amp;\rB\xa1\xadz\xb6\x8cX\x1b\xc9\xb9\xa1_\xe5v\xf8;\xe4\x83\xee\x81\xc7\xc3\xadE?\xa6 \xac=y8P\x9d+\xa0\xc4b\xb1\x1c\x9e\x06\xf9`\n\x0b\xb2\x18\x9f\x9b\x9b\x9a\xb8x\x82\x815\xb1\x17\nD\xea\x067!"\x81Z\x19\xa2\x14\x99\x88`moo\x8b\x9a\x9av\xb0\x8eN.%6\xc0\x01\xc9\xa9\xa1\x97\xb8m\x1d~\xae`p\xf0\xca\x9d\x95\xff\x17\x0c\xb27\xffd1W\xc0\x15\x08\xf8\x021\x06%\x91s\xf6\x1dlC,\xeaJ\xf7\x04\xc4\xc2\x85SAP\x8bG\xb0\xd0\xd6B\xc2\x85&lt;\x18\x90H\xe4\x12noC=mj\xea\x95\x06aU\xea[M"\xd6\xd2\xdc\xd4\xd0a\x05\xfc3&gt;\x9f\xef\x96\xefS,&gt;Y\xfb\xdf`8\xf7\xd0\xe7\x06\x03_ \xa1H\x88%\x94\x84\xd3\xd5\xd5V\x83X\x92+\x83\x83\xdd\x0b\xe7\xce\xbd\xf7g\xd2\xb5\xa0\x85\x90j\x87+e-\x1e\xfa^\x86uv{ss\xb3\xf7to\xaf\x94\xd1[\xca\xec\xf1\xb9\xe5\xd5\xad\xe5\xf8\xd4\xd0^EG\x87\xbfXB\xf1\xf3\xf2\x14\xe2}\xaf,&gt;\x1d\xed\xf9\xef\x05\xa1vt\xf8\xe9b\xf5a\x81 7/O\x92\x95\x95\x99)\x10 \x16\x85X]\x1d\x1d\xc5\xc5\xeffr\xf6\x19\xf6\x19\xf6\x1c\xf9\xfd\x89\xa0\x1e\x97&lt;\x14%E%\x14\x8av\xaa=&gt;e\xc2C;X\xc0\xc5c\xf4\xc1\xf3w\xa7\xa6\xe2\xf1\xe5\xf8\xd8\x04\x88%\xe9\xa0$\x94\x80\xcf\xf7\xe7\xe5}Q\xb0w\xff\xc3\xf9\x1f\xfe,\x1e5\x08\x05L\xd5\xb3\xd5\\JL\xf1\xf9\x1cH#\x05X\x99b\x82U\xd3%\xc9\x04\xac\x9c\x9c\xb6\xae\xb6\x83\x07_\xde\xff\t`\x91\x19\x97QQ!\xac\x10\xa6\x8a\xbd,\xc5\x05\x15\x0c\xb126\xbf\xc3\xd2\x07O\\\x1eZ\x98\x18\x83\x18\xea.P\x08(\xaa\xb8X \x10pA\x7fnu\xeeK\xaf\xdd^\x19\xfe\x010u\xed\xf0\xca\x9d\xd9\xdc\\.F.U\x9c\x97\t\xd6\xa2\xb2\x04\x94\\\x9eJb\x17\x87\xe3\xe6\x17\xe7\xe4tt\xb5\xb5\xb5u\x15\x80\\&gt;\xd9&amp;\x0f\xd7E\xe0\xca\x16\xde\x10ZI\x12wJ\x17\xc8(\x14mnJ\xa5\xbd\xa7\x01k;x\xea\xd7\xe7\xceu\xa7\xc2\xa0\xe0\xf3\x8b)\x10\x8b\xcb\x07\xe3\xfb\xf3\xb8Y\xb9\xaf\xec\xffO`P\xce\xebkg\x16g\xb9|D\x82\x07\xbc\x15C!\xc8\xa2\xc4\x1c\xb98\xb3\x0b\xb08\x9cA\xb7\xdb}\xe0@\xcd\x9fjjr\x0e\xeey\xfb\xf2\xc9:\x9d\xc5(\x14\xf5\xf6\x8a*\xb2_\xcd\x16\x12\xaf\xa7\xac\x85\xfd\x0c0B\xbd\x05\xa9N\xc3L\xbc\xfa\xd9\xe5\xb7\xf7\x18\x04n\xb7\\n\x10\xa3T\x14\xe5\xe6\x83\x04Y\xe8W?\x8cW=;\xb0\xb82\xdf\xfao\x85\xbf~|mm|\xedq5\xcc\r\xe4B8\xf2\x8a\x0fs\x91\x0f\x85K\x9c\tj\xe5p\xc0\xecn\xf7\xbb\x07rj\x00K.?r\xe1\x1b\x87\xce\xe7\xc3Z\x00\x89l\x92ii\xc8)\xc9 \xba\x8b`\xc1\x8b\xc2\xde\xa6\x8al\x9d\xee\xb3O.\xbc~P\x8c\xce\xe4p2%\xc5\x10W\xdc\x02\x14\x80\xeb\xe7f\x91\xf4\xe4\xe5\xed\xff\r(\xf6\xfd\xb5.\xb5\xb5\xa3+\x8b\x8b\x0f\xffY\xc5\x19\x856q\xc7q&lt;\tY\xeen#\xb9?&amp;\x97\x84@\xd0\xb1pO\x82(\x87\x14\xe4\x90\xed\xc5P\xa2,\x84&gt;\x1d\xc3\x07k\x07\x83\x92\xa7r \x8b\xc1"\x84\x12h^\x9c\r\x94\xb4\xcd\xe8-{){P)\x06jl\x1f\xc2\xf2 \x94IQ\x12\xec\x83P\x9cd[\x1f\xac\x14\xc2\x8a\xfb\xfe~wa\xfa\xab&amp;*6~\xee\xfb\xfb\xfe\xbe\xbf\xff!\t\xb4"\x18\x94\x12\xa2",\x1d\xde\xa2.j\xc0\x82Xu\xc7\xb2D\x06zMF\xfd\xda\xc4\xcc\xc2\xcd\xb9\xfc\xb9oi\x02\xbf#i\x80E\xed\xe3\xcdHX\x9fA\xb9\xaf\xe9\xfd\x1a\xbds7\x17\xee\xcf\xec\x98\xc5(]QQ\xc2\x08\x06\x83\x8e#\x87\x88*u\x83\x1b\x94H\x00\xec\xec\x93\xd7\x7f&gt;\x1f\x7f\n\xc2?\xff&lt;\xcc&amp;\x124{)R\nT:\xe5\x82\x12\x0c(\xb2\xc0\x14R\xcc\xc7\xef\xde\xad\xd7\x19\xab\x96\xc9\xd8\x99(\xb0\xe2\x13w~n7\xf2\xe7h\xef|\xe3\x1dnNyZ1\x15P\xbf\xbex\xe5\xab\xef{s\xbb\x0bS\xe1H\xbc8I\x15\x8d\x02\x8b.V\x0e)A\x16*\x90\n\xa4\xb8\x12\xd93gn\xbf\xfa\xf3/\xf7\xbf\x8e\xbb\xddT2\x9b\n\xa5\xb2)\xfeK\x01R\x0b02\xac\x85p\x10\xa0\xc2O?\xd4\xf2\xd75\xc7\x92\x85\xcdX\x92\x16\x8f\xcc\xef\xcf5\xf2\xad/\xbc\xa0\xff\x9c\xf4\x19C\xb91v\xe5\xe2\x95|o\xee\xcd\xf4\x0c\xa80\xcb\x93\x93\x90\xda\xb6q\xcd\x8eA\xf1\x10$\xff\x12W*\x95\xcdf\x81\x95Me\xcf\xde{\xf8\x9ccLQ T0\x90M\x05\x03\x1e\x17\xc0H/\xa6SM\xbf\x84\'\xbf[\x12G\xac\x90p\xcdR\xfc\xcb\xf0\xa3\xdd\x95F\x8b\x97"\x1fa\xdcC\xd7\xa9S\x9f}\xeem\xef\x1f\xbfj\xb5\xda\xfb\xf3\xe9\x1dC\xa3\xef\x8e\x82\t\xa5\xcb\xd8eIt\x03\xff\x10\xd8r\x01j \x90\x98\xae\xdb\xbd\xfd\xea\xef_\x00\x16\xd0U\x05\x81\x1b\x08\x05&lt;\xb9\x08\x0c}\xd4C\xdc@\xbc\x9c\x90\xd9\xaapF\x14\x89/;\xb2\x80\xf1!\xd7\xc4\xd4\xd6\xd3\x95|\xeb\xf2\xe5\xea5pTA\x82&gt;\xd2\x19\xecZ\xb5Z\xbd\x06\xce|/\xffx\xeb\xce\x8e9\xbe$U\xb5I,\xc3\xa8\xd7\xd5\xa4\xdb\xc1@\x0e\xe5\xf6\x92\xb1\x88\xec\xde\x93\x87\xcf}6\x8d\x9c\x1cR\xb5P\xca\xb3&lt;\xda\xe7\x16\xae\xaa^\xc7\x0b2\x15aMf\xe8E\x1d\x19X\xe0\x8a\x84\xe7\xf7\x9f\xb6\xf2\xf9*Ui\xb9\x04\x14Z\x91\x97\xe9-\\\xa5j5_m\xb5w\xa7g\xe2\xa6\rG\xd5j\x96e\x18\x066\xac\x89\x900\x0c\x13.\xa1\x99\x0f\xe6\xc6\xc59\x01\xac\x14=\xbd\x82ZAJ\x02\x19K\x90\xa3W\xc9\xa5\xd3\xeb(J\xe4\xcd\xc5\x8a\xa1i\x9f`9\xc0\xb2t\xe2\x12Z&lt;6\xfd\xa6\x9d\xef\x11C\x95\xdeM\x060\x08U"\xaaR\xaf\xda\xeb\xb5\x7f\xbb3\x11W\xa5h&amp;S\xd3u\x0b\xdf\x99TM\xd3\x8c\x03+i\x9a\xb6\xdb\xc7\x1c}\xc6\x12\x061A\xbf\x80^gA\xd6M%|zP\xa7uN\xd3\xa1\x0ba\xe5\xd2\x85\xcd\xedg\x0f\xb0U\xdf\x1f\xbf=x\xb6\xb1\xb9\xe885\x1em\x18\xb6f9\x88i\xc7\xb1j\x98\xc8\x0c\xf6c\xec\xd1.qUW/]Z-]\xe8]\xa0\xbaz\x15\x9c\xa5f\xb3\xf5x\xfat\x18\xfa\xd8"#I\xd8\x14~lX%n&amp;\xcd\xb8\xa2\x00\x0f\xc2%\x95\x1c:\x83\xee\xe4\x02\xf8\x82z\tW\xb0n\xb7\xeb\xd3\xf5\x1b:\xb0\xb0\x9fuY\x84r\xb1\xcd\xed\x8d\x83\xe3\xa3\xa3A\xbf\xdf\x1f\x1c\x01l\xb3RA,\x14y\xb6-\xbadCsj5\xe2\x12\x92i\x9c\x01W\xab\xb7|iu\xf5\xd2\xf9\xf2\x0f\x8cu\xa1\xbc\x0c\xa8f\xfe\xe6O1\xea\x9a\x10\x02\xb6\x12\x12yT\x96MUI\xaaj\xdc\xe4R]\xaf\xd0&lt;&amp;\x00\xe6y\x9f\xa8\x08\xabv\x03}\xb4`0$Jl\x1d\xc7\xe2\xa3~\x87kH`\xd8\xf9\x15\xcb,r\xa0:\x8efb#F3D\x15\xcd\x08\xd5\x0c\xcf,\xec\xce5!\xd7\xad[\xe7\xcb\xe5\x1f\xae\xf2\x9bN\xcb\xcd\xe6\xde\xdco\xf7\x0b\xa4\x95*$\xc9\xc3"\xd3\xd3\xa1\x12\xd3\x9d\xa4\xc71\x16\xb9\x9f\x13\x95\xb2\x13\x13\xd9\x05\x99O\xcf`\x17\x10\x95n\xdb\xaa\xb1\xb8q\xf0~\xd0_;\x99\xe5\xeat\xfa\x83\xe3\x83g\xeb\x85\x08\x8e\r\xe4\x7f\xadX|\xf9\xf2e1*j\xec.\xd5\x8cO\x14\xa6o6\x9ap\xfcjiyy\xb9\xbc\\.\xffQ\xde\xdbk`\x02c\x110H\x9f\x14f\x11\xa3\x8d|\x96\xe5d\x92\xbb\xe861\xc0P.\x97\x9b\x15&gt;\xe1\x97\x98\x1d\x00\x00\x02\xa2IDAT]XT\xe40{\x87\xa8F\'k\xa8Y\x0f\x8c\x05\xdb^\xa4O\xcd\xa88u?Q\x81Kr\x08\x8b\xb8"\xd8B\x8f\xf3\xcd&amp;&amp;q\x99\xaa\x0c\xa8\xbd\xc6\xeet,mi\x1f\x13A+z"\xd5p$\xd10a\x14\x8d\xec\xe9\x8f\xb0\xa8\xb2\x08\x8b\xacOg*\x1dZ%w\n\xa0\xea3\xd5\x98ki\x88N\x1e?\xd8~\xf1b\xb1\x00\xb3\xfb\'],D?ae\x98\xab0\xfd\xb8\xd1l\x96\x99\xaaIT\xed\xfd\xebi\x07\x93"\x98D\xf2\xf0d\xb0\x91\xd14\x81C\x1c\x875m\xa1P\x92\xb1\xfe/,=%1\xc6B\xce%\xc3D5\xea\xcc\xce\x8e\xa1\x96\xb8:\x1d\x16\x0cG\xf8\x8a%\\\xb5\x90=~P\xd9\x98F\xd3\x88L\xc4\x16\x0e\x1b{{MP\x95\x9a\x90\xaa\xbd5\x15\xb6,\tcAn\xf7\xd8\\\xa1\\&gt;\x99\x97E\x88\x17\t\xa95\x8eK\xaf\x128K3\x96L\xbe\n\xe3f\x0b\x1d\x9c]"\xae\xceZ\xc7\xe5\xc2o\x97:\xfd\xfe\xd1\x01\xeew6+\x8e\xca\xde25\xec\x1fR\x0b\xa3o\x02\xac\xf0\xe8p\x05\x825{\xbdf\xe3\xe9\xfe\xfcT\xce\xf0\xeb5\xc6\x12*\xfb\xcb?n\xa5\x9f8\x05\r\x01K\xa5(\x1e\x96{lqOy\x89lB\xf1\xc9!+$\xdb\x19\xdb\xa8l\xbc\xfd0\xea\x00jvHc\xb8F|K\x8c6\x1c\x0e\x07Gt\x0c\xafT\xe0\xf9b\xd1.\xbaT\x93\xc4\xe5\xf7\x1b\x91H\x8c\xb9\xb0\xb8\xdb\x87[X\xcc\x86\xccT\x80\x96&gt;6\xbd\x10\x94\x12\x02M\x14\xde\xfd\x8b\xc2g\xba [,\xe4\x11\x060\x9a\t\x1f\xc9\x19E\x0f\x177\xde\x0e\xfa\'\'4~\xc8\xac\xe1\xd0u\x18d\x83b\xb3\xc4\xf5\xee`\xfb\xc5b8B\t1\x89\x8c`o\xd1#&lt;l\xb8\\+\xed\xdd\xad\xf9\x990\xa7\x95\x9d!*!\xc6M\x14nI\xf4C\xc7\x17mW\xdc\\)t\xb0\xc3\xf6\xc3\xb3\x02(:\xc0P`$|B\x18\xaad\xdb\xc6:\xf9\n\x9e\xea\x8cF\x08\xd3\xd1\xc9p\xed\x04vG\xac\x8eF\x9d!;\x7f\xf0;\x1aY\x88\x98\xb6\r\xb1\x8an\x13\xa9\x8d0\x8bQ?\xfd\xe4\xef\xc3\xdd\xd7\xf3S\xe1p\x9a\xd3\xca&amp;\xe3y0\x1e\x15\x9et~\x08\n\x81\xdd"D (\x13O\x90\\\xee\n\xc5\x07+\xfah,\x1f\xba\x1fW\xedd\xe5\xc11fpvi\xad?\xfa\xf0\xef\xaf\xef\x8f\x07\xfd\xe1`0x\x8f\xfa\xd0\x1f\x0c\xc9\xfa\xc3\xce\xd1;p-F\x0cD$SEk\x19^Br\xc8\xd1\x8c\xf4\xbdG\xd7\xcf\xa6\r\x9c\xa4\xe8^\x1c^U\x19Fv%\xf2\xb0x\x07\xe1\x8f$:\xcf\xe3\x98*\xbb)Ax.\x14\xb6$\xdfL\xfc\x074\xcd|\xb5\xbfrk\xa8\x00\x00\x00\x00IEND\xaeB`\x82'</t>
        </is>
      </c>
      <c r="M419" s="3" t="n">
        <v>45492.67888888889</v>
      </c>
    </row>
    <row r="420">
      <c r="A420" t="n">
        <v>1046501</v>
      </c>
      <c r="B420" t="n">
        <v>2020</v>
      </c>
      <c r="C420" t="inlineStr">
        <is>
          <t>Moisés</t>
        </is>
      </c>
      <c r="D420" t="inlineStr">
        <is>
          <t>Moisés</t>
        </is>
      </c>
      <c r="E420" t="inlineStr">
        <is>
          <t>PE</t>
        </is>
      </c>
      <c r="F420" t="inlineStr">
        <is>
          <t>ATA</t>
        </is>
      </c>
      <c r="G420" t="inlineStr">
        <is>
          <t>PE/CA</t>
        </is>
      </c>
      <c r="H420" t="n">
        <v>177</v>
      </c>
      <c r="I420" t="n">
        <v>21</v>
      </c>
      <c r="J420" s="2" t="n">
        <v>35309</v>
      </c>
      <c r="K420" t="inlineStr">
        <is>
          <t>Right</t>
        </is>
      </c>
      <c r="L42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9&lt;/Attrib:Created&gt;\n        &lt;Attrib:ExtId&gt;350bdd07-2451-4300-9e4f-c730d67e51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1\x92\x1bK\x00\x00\x00&gt;tEXtComment\x00xr:d:DAEewil2SDw:3578,j:5993584417882848921,t:24021921=Dn\x0b\x00\x00\x00\tpHYs\x00\x00\x0e\xc4\x00\x00\x0e\xc4\x01\x95+\x0e\x1b\x00\x00\x03\x00PLTE\xff\xff\xff\xe4\x05%\xf9\xf8\xfb\x88N6\xdc\x02!\xe0\x03#\x02E\xcd\xfe\xfe\xfe\xfc\xfc\xfd\xfa\xfa\xfc\xbd}\\\xd9\x01\x1e\r\t\x07w@*\xd4\x96s\x84I1\xcd\x8fm\xd5\x02\x1d~E.\xd6\x9ax\xf6\xf6\xf9\xd0\x92p\x98]C8&amp;\x1f\x8cS:\x98bK\x91]H\x14\x0e\x0b\xa0aD\xb8oP2 \x1a\xe9\t\'\x93X=\xc1\x82_\xbdsS[9+%\x17\x12T6+\xcf\x01\x18\x1d\x11\r\xa5kQ\xd2\x01\x1aI,!\xa3q[\x93R8\xaclM\xbfwWB\'\x1c\x7fO&lt;vN&gt;gE9\xc6\x87d\x02B\xc7K5.p;%\xb4vU\xd7\x9e}\xaaoU\xdc\xa0|\xc4\x01\x13\xca\x01\x16\xbc\x80d\xa5eH&gt;+%b?0\xb4jJ\xb1rQ\xb0xa.\x19\x11oG6\xca\x8chD1+\xc7\x8bn\x03J\xd3\xc0\x84hP0#\x8fM4\x9dhQ\xcd\x84e\xe3\xa7\x8c\xda\xa2\x82\x02?\xc0(\x1c\x19\xb9yX\x8dWC\x86VBk?,zH4\x9dY=\x88^N\xaeeG\xcf\x94xP=6b7%\xa0eK\xc6\x85jk7![B9\xc9\x80a\xadqZlK?\xf3\xf3\xf8\xc3zZ\xe0\x9f\x84\xeb\xec\xf2\xa8v`\xd1\x89i\xc7\x8fvoSJ|UH\xf0\xf0\xf4\xe8\xe7\xed\xa1]?\xc6|^\xbd\x01\x10\xa9{i\x98V;\xde\xa7\x83\xb8z^Y1\x1f\xb4~f\x03=\xb9\xd9\x06$\x07\x04\x03\xa8iI\xee\x12,\x02M\xda\x029\xb1\xdc\x99~\x18\x18\x15;\x1f\x14\xc0\x8cs\xb9\x83kb/\x19\xa7`C\xd5\x8ep\xe6\xb6\x9d\xe6\xe4\xe6\x8feU\xbb\x86q\xd3\x98\x84\xd0\xcf\xce\xe6\xaf\x96\x80d\\\xde\xdc\xe3\xdd\xaa\x95\xf4\xeb\xec\xeb\xda\xd9cLE\xb1mQ\xf8\xf4\xf2\xb8sZ\x07:\xa7\x9alY\xc2\x9a\x8b\xeedw\xd7\xa0\x8d\xf1\x1a/\xe0\xe2\xecu\\S\xe6\xcf\xd1\xb2\x03\r\xd7\x93x\xc1wi\x043\x9dN%\x14\xd9\xd9\xdb\xc3\xc9\xe0\x90pg\x03-\x8f\xd1\x87y\xc8\x95\x80__Z\xa1\x01\x08\xc5\xc0\xc0\xf0\xe7\xdc\xdb\xc2\xbe\xe8\xbd\xab\xd5\xdb\xec\xbc\x8e\x80\xaaaW\xb0\x85t\xd1&amp;B\x05\'\x81\xa8\xa8\xa9\xdf\x141\xc9|t\x1cN\xb5\xb6pd\xdfgz\x9c\xb0\xe0\xb7\xb5\xb7\xc9\xa8\x9d\xee\xc9\xbf\xd4\xd1\xde\xcc\x16*\xe1,D&gt;D=\xf5\xf0\xe5\x9dSO\xb0\xbc\xdc#("\xa4\x9b\x9e\xdd\x9c\xab\xe9\xaf\xbe\x99\xa9\xcd\x8e\x02\x06\x83\x87\x82\xed\xa0\xb0\x93\x8b\x84\xd6\xb3\xa5\x83\x9f\xdc\xb2e\\\x98\x9a\x99xws/e\xd5\xe3?W\xf0v\x89\xbfdd\xadK\x82\xd2F[\xa4\x84}\xce\\n\xee\x8c\x9e/5/klg\x8b8"Hl\xbd6U\x98\xd2x\x8f\xd9\x88\x98KQK\xd3\xba\xd0\xe4\xbe\xcc\xed\xe3\xc8\xb99m\xcb\x94\xa5\x16T\xd2\xb9$V\x83A9g\x8e\xdf\x1f4\x83\xb5e\x95\xbf\xa5\xc6\xc9\xb5\xd2\xad4=\xa8\x86\xb3Fw\xdag~\xa9f\x85\xc7\x80\x92\xbc\xa4\x0c\x1f\xc4\x81\xaa\x0f*lRk\x9au\x0fE\xf0a\xca\x0c\x00\x00 \x00IDATx\xda\xdc\x98\xdbOZk\x1a\xc6w\xca\xc5B\xb2\xd8\xaba\xbb\x11X`,\xda@\x94\x93m\x84\xb2\x13\xb0\x08\x8c\x84S\x1bD\xa0\x0b\x11\x0b\x0e\xdd\x05m!R0\xd1\x0b\xf1\xc0APK"!\xdb\x9841\xc1\x98HL\x8cc\xe2\x9d\xd3\x0b.\xe8\x8di\x13\xbd\xdb\x89^\xf9o\xcc\xfb-\xf7$\xf3\x07\xcc\xd2\xc9\xbcY\x07\xd4\x0b~y\xde\xe7{\xbe\xf7\xf3\xa7\x9f\xfeO\x0b\xc3\xee\xae\xff\xac\xff\x01(\xba\xd8\x9d\x9f7\xf6K\xa5\x8f\x9fK\xbf\x97\xf6?\x7f`?0\x14\x1b\xeb\xdc\xb8\xbc\xb8&lt;\xbbj^\xb7\xaf[\xad\xdb\xebV\xb3\xd9j\xdd\x9c}\xc4\x1e\x94\xea\xc3\xd1\xc55\x89\x939\xfa^@\x85\xe3x;w\xfd\xbd\xf3\xe1\x04\xc3\xf6\xcf\x9am\x1c\xa7Qr9@[\xb8\x03\xcb\xe1\xb9f\xe9\xa1\xf4\xc2\xd8G\xad\x1cN\xb3\xe0\xa0U\x8e$I\x1a\x10j\x01o]\x9e}\xfe\xfb\x83\x80\xb1KMr\x01\x97\x91\x80A\x92\xb2\\\x0e\xbd\xf0\x9c\'\xe7\xf1\xe4\xc8\x1c\xf4\xf1\xe6\xac\xf3\x01\xb8\xd8\x9f\xafr \x8b\xc7\x03\x0f\x92\xbcS\x89$\x01\x0b]m\x0f\x1067\xee\x1f\x0b\xdbh\xe6h#\x91\x88\x06=d\xf0\xf2\xc0\x03~\x83\xc4#s\xad\xb3G\xd8\xbdS\xb5\xfeZx\xa4\x0c\xc7\xfb&lt;\x96n\xf5pww\x17T\xb7\x87\xee+,\x81\xdcE\x89\xfd\x00\xbeBP\xb2&gt;\xcb\xb2\xc5\xd2\x1f\xf2\xd1\xe5\x87\xf2\xf9z\xfb\x97e\x88\xab\xdd\xbc(\xdd\xab\\X\xc7y\x1bV \xd9\xb7\xdch4\xb2kZ\x1e\x8f\x80\x8b \x14\x01\x85\xc2)`\x11\xdc^\xb5E\x06\xbe\xbf)A\xde\xde\x1f\xd6\xa3\xd2\r\x18\xa8O\x9d\r\x85\xa6\xb4Z."b\x11\xce\xb4B\x91N+\x9cN\x85\x93 x\xbel\xb7\x8c\x04\xbd\xce6\xf6\xefm\x8fd\x1f\xb5\x01\xca\x01\xad\xd3r\xa1x\x84\x13\x88\xf2\xf9d\x00\n\xe0\x14N\x16\xa8\xe7s\xf4\x81\xff[\x17\xe7\xec\xce\x8e{\xca\x86[\xd9r6\x0bTSZ\x1a\n\x14\n$\x93\xc9@\xdeh\x14#6\x90\x8c\x06\xeb\x82`kmt|\xfc\xfd\x1e\xe4\xc2\xd8\x1f\xaf\xba\xa1\x7f\x08\x8b\xcbc\xb1\x9cH\xaa\x80\x18\xa8\x92\x94R\x99\xa7\x05s\xdeqq\x1d\xe0\xfd\xe6\xf9\xc6\xc6\x87{\xe0*]u\xf5\x03\x15@q\t\x96\x13\x1a\x18\xc8\xe7)\x13E\xe5\xa9\x9aD"\xa1\xf2\xf9|\x00&lt;\xa6\x00.?7\xeb\xc1\xa1\x8fW\xfbl\xc6\xb5\xdaov9\xc0\xeb!-M\xe5T$\xf3&amp;\tEI\xa5\x80$\x91\xd6\xa5\x12\x13\xa0QT\x12\x81\x81^\xbd\x90\xf9\xd7\xd7L\xefC\x18\xb6qk\xc9\x82\xaf\x90\xab\x08\xe4)\xd0\t\x94\xa2$*\xa9T\x15\x8bI\xa5\xd2\x98J%\x95HM\x14\xac\x00\'\x01\\}()\x18\x9e\'\xd8\x1b-Y\x03\xa8\xb4\x90\x0b\xd0\xbet\x92\x92HL&amp;\tp\xd0TOTP\xd2X\x8cF3\x81d,\x1e7\x0b\xd3\xc5\xed&gt;\xc6l\x07oI\x94V(\xacx`u\xe8\x9fJ\xaaR\xc5RRI\x0c\x15\xe0\xa5R\xb1\x18\xdc)\x15\xf0R\x01\x05\xe8\xd5O\x92\xd7\x17\x1f\x18\xc5\xba\xc0!\x19\xd6\xb4\xa8\x83\x90\x9fI\x13\x88$\x95\xa4\xdc\x7fU$\x16\x8bD\xdc\xf1H&lt;\xeeNA?\xa1\x91i\xe8\xa3\xb6\x1b\xcf\xdd28M`\xec\xf36\xb4pm\n\xa4\x82\xb4\n\x80\xd9\x91\xc3\xa1i\xee\xb8;^\x80\xdb\x1dAX\xe8#|\x8a\xd1\x06\x03\xbdB2&lt;w\xf9\x889\xac\xd2-\x88\xb5\x16\xa2\xb7\x1bg\x1ar\x8a2\x01\x16\xf8(\x12\xff[\xfcW7\xe8\x14\x01\x1c\x9a\ni\xa7Bk\x12\xb8\xb8\xfd8\x0e\xeebH/\xec\xd1%i\x01\xad\xa6\xb4wk\x10\xd4\xa2L\xb4\xdfU \x12\xf2S$\xa6J\xb9is!\xb5R*\xf8+\x95\x0f8\xb9S}\x0b\xed\xf3\x0e\xa6\xb0J-\x1c\xfc\x8e\xb0 \xc5\xd3\x81@\x9eB\x05\\\xb0\x08S\xc8\xf8\xc8\xf2R\xb4\x16%\x12\xf8AEG\x19\x95W\xf0\xb4\x0e\x1c\xbfd(\xba0\xec(\x07b\xa1\x99\x01\x16!P\x05\xf2&amp;\x94YH.\x93\x14\x1c\x1e\x8b\xc1\xdaC\xfa\xa9P\xb6\xaa\xa0\x85\xd0\xe1Z\xcd\x98&amp;\xb8&gt;\xcbB\x8b\xa1\xd9\x0bc\x7f\'\x1b\xffN\xac\x00\xda\x9a\xe9\x1e*\xc1\\\xf0\xf5\xa8qq)R\xcbdJ\xa5P&lt;\xd0bA\x8f\x95 \x17\xb8\xab}\x841\xd5\xc3\xbe,\xdar\xc0\xf0\x8a\xe4\x1d\xd5\x88ddd\x8c\x030\x11\xb4\x14\x0b\xe0(7x\xab\xb0WpC\x0bQ\xee\x03]\x8dJ\xb2\xb8\xa1&gt;\xfc\x82\x99\x89\x10;o/\x87\xb4~\x1e\nRd\xac\xbcR\'\x1d\xe3\x8cq\x9e?AJ\x15~.\x14\n@\xb6\xb4T\x88\xc7\xf7\xf6\n\x91\xc8\x13\xf0\xbcj\x0c\xc8`1\xb2\xb8j\xbc\xc9\xc8\x18\x81u\\\xca\x1ah\xc0\xa2#+\x1dP*k#\xb51\x0e\xe7y\xf8y\xcc]Xz\xf7\xdbRa/\xbe\xf4\xee\xdd\xabWK{K\xaf+A[\x18\x12B\xa5\xaa\xebt0\xec(xY\x19t\x91\x01.\xac\xf3J\x96\xf5\xd1\xbb\x0e\x01\xc3\xb1\xd8\xa84\x1au\x1c\xce\x13{\x98c{]-\x1eo.\xed!\xa6W\x9b\x9b\xd5\xeane\xb7\x92\x08s8c\xf5\xbanDY[\x84\xbdq\xcaB^2\x11\x11\x90\xa5\x16\xf0;\x0f\x05\xbc\x00\xb8\xd2\x02\x811\xaa\xd7\xeb\x0c\x86\xd5\xe0n\xf1\xeb\xd7\xe2\xd2\xd2\xab\xcdbq\xf3\xf8\xb8\xba\xbb{xxX^\x9d\x8f\n\x85r\xa5R\xb9\x08\x13\xab\x93\xd7 o\x18\x19R\xf7\xaf\x97C\xf4\xae\xc3#XP\xfe\x97V\x91\xc8+\x12\x0e\xcc\x97\x13\xbb\xc5\xe3\xaf\xc5\x9f\x7f\x01\xaab\xf1\xc7\x8f\x7f\xee\xec\x9c\x9c\x9c\x9c\x9e\x9e\xce\xbd\xb1j\xbc|\xe3\xa2Q,V\x10Y\xd9-\x03\x11\x01\xa9\xe5q\xf8\xc7\tt\xf4\x82\xe9\xce\x17r\xf4&gt;\x9b~68;\xbb&gt;7w\xbaS=\xfeZ\x8d\xff\xb2y\\,Vww\xfe&lt;\xd8\xfa\xf2e\xeb\xe0\xe0`kvv\xda:\xce\xe7\x1b\x8d\xc6\x00K\xdb\xdd\xdeg"L\xcf&lt;\xbd\xeb.\x16bBPj\xc7\xcb\xb7\x13CCC\x13C\x13\xdb[s;?\x8e_\x87_\x00V\xb5\xbasr\xb0\xb5=1&lt;:4\xf1v{{\xfb\xed\xb3A\xaf\xa0G,N:y\xfd\xb9\x8d\xff\xbe\xe71\xec\x9b\xc7:\xee\x85\x01\x9d\xab\re\xd5\xdd\xea\xfe\xa7C\xa3\xa3\xc3]\xc3\xc3\xa3\xc0\x05z%2\x89\xea\xf1&amp;\x88ur\x02r\xcd\x00\xd2\xcc\x97\xad\xad\xad\xd9\xe9\xf1qVO \xa9\xe09\xc8s&amp;\xb0.\xbb\xac\xe3"\x01\x81\xa8\xb2\xfdO\xb7gff\xa0Q[\xf0\x9a\x9e]?=\xa9\xac\xca\xed\x95\xe2\xe6\x9d\xdd\x0f\xcb\xa7\';t\xed\xee\xcc\xbd\xa1\xb9\x14,\x87\xec\x8c\t\xac\x8b.\xab\x88\xdf#\x80\xf3r\xd6:\xbb\xfe~~\xa5\\^YY\x1dp\xb9\x84.\xf9\xfcJ"\xaa\xb4U\xaa\xd5W\xd5O(\xb2\x0c\x06[\xa2\xb2\x0bIqX\xd9M\x0cx5\xac@\xc0\xd9\xdb\xf7\x8d\x19\xacA\xa1\xab\x87\xe5\xf7e5\xae\x01\xf3\xfc\xaa\xddnG\x8fLT&gt;)7\xdb\x0cb\xe3Xxo\xe9\xdd\xa7O/\x1e\xdb\x80\x8bc\xb0\xdb\x12\x89\x95\x84\r\xca\xec\xd5\xf0\xc5\x02\x9f\xe5\x92\x11\xac\xd1q\xa1P\xe4\xd5\x84\xac\xc2h\xc6\x90\x89\xeau\xf6p"x\x18\x0c\x1a\xe4|\xf1\xd8"KAI\xdd\x85\xc2\xbb\xdf\x82\x8fmv\x8en\x8c\x13\xb6U\x0e\xed\x19\x83\xcd\x1e\x0e\xbe\xd7\x08\x00k\xf9\x82\t\xac\xab\xa1Yh\x98H3(4\x1b\x0c#B\xb99\x93\xc9\x18\xec\xe5\x95D\xd0.&amp;`\xd7s\xe6M0\xfd\x15\xf6\x1e\xffj\xd7-\x8a\x8d\xb5\xba=\x91\xb0\x1b2\x9cp0X\x16\n\xc4=\xbe\xe5+F\xb0\x9e\x0e\x8a\x84"\x91H(\xcf&lt;\xe1Lz\xbd"\x97\xde\\&gt;9)\xaf\xae\xac\xc8\xb9\xe8\xcc\x01\x13\x85\x14&amp;\x88\xe7\xc1h \xcd\x9f\x94\xcb\xa3\xe5\xb29\xaa\xcf\xd8\x82\x95C3_\xcc\xe7\xaao\x18i\xe2\x04D\x90@\xf4\xc7\x80&gt;\xc3\x91\x0b\xfc\xfe\xf17o\xdel\xad\x1f\x0c\xbc7G{\xb4p\x18r\xe6%\xf5\x18L\r\x1c\xbb\xc2\x99\x16\x8ck\xac\x83\x07\xa7\xef\'\xf9\xfap\xb0R)O\n\xf9~u\x93\x89\x94\xff6a\x1d\x17x\x85\x03z\xfd\x98\xae\x87\xab\xf5\xbdT\x8fv_O4\x0f\x06\xfd\x02\xee\x1a:\r\x05$\x92:\'\xa5\xab-\xf2\xbd\xfe\xe9\xed\xe1a\xcfD\xff3\xafW\x98I\xfcRY\x91\xbb\x84\x80\xc5f"\xe5\x87\xac\x02\x91\xd0\x05X:9\xe1\x0b\xa9\x87\xd4oG\xaf\x9f}?[\x87\xe1~mM;\xc5MJS\xaaz\xa4\xae\xac\xcb\xbd\xe3\x07\x07\x8e~\x8bzx\xe6\xa9O \x07s\x05\xcdr\xa1\x86\x19\xac\xf3Q+2TT/\x97\xf7h\x1b\x16\xf5\x97\xe9F#\xabY\xffC\xa4\xe1N\x81ZS\x04\x95rGju\x8eR\xafw\xc1\x1e\xae\xf1\x85B[\x7fZ\xd5!~=\xf8"h\xd0O\n\xfa\x9b\x1d\xcc`\x89D|\x97^&gt;\xd9Ch\x1b\r.\x0b\xbe\xdbe\x9e\x1b\x10\xf9CkP\\\xc2\xe4.D\xf2TMi\x9ct\tA\xd5\xf7s\xa7sz\xbe_\xdb#7\x04\x83\xe1\xa8\xbc\xc7\xc1\x08\xd6\x11\x8d%tM\xf2\xd1?m\xb5\x84b2\xaa\x8fF]^DE\x9f\x1dM\xa9=7\x95\xaf\xd7\xeb\xff\xf0\xc2\xc8#4\x97W\xca\xf3\xd1I\xa1\xbc^3$l:=\xff_\xb4\x9aMk"k\x1a\x86\x87\xae\x85A:QL[~\xb4-\x1a\x15\xa5J\x8dU\xc1$\x0e\xf8\xd1Q\x13\xd1\x18C\xa2\xb1m\x8d\xd5~\x10)\x13g:h\x1ba\xb2\x08\x89\xa7\rF\x04\xf3%\x86\xc09(}h\xec\xc5I\x13\xb3\x11a\xd2\x9bi8\xbb\x0e\x99Y\x0c\xcc\xe2\xf8\x07\xf2\x17\xe6\xa9\x9c\xbfPy\x11\x057^&lt;\xcfS\xf7{\xdf\xaf\xef\xfa\x134\xf1/\x9c_\x139\xbfT\x81JP\x85\x02E\x15&lt;D/3Xt\xfe\xe0\xe8;`z\x07\x13/{\xd5\xacP\xdc&amp;7\xb9A\xa5$R\x89\x04w\x96\xcb\xa5A\n0AS=E\x03\xba\xfe\xc7S\xb8\xd3\xbf\xffa\xf2\xa3A\x94\xa1\x8a\xef\xee\xc6e\x8cmF\x83`s\xa6\x19*p\xac\x1f_m\';E\x8a\xfbj\x9b\xef\x85V\xebRV/\x05;\x94\xb5\xd8,z)\xc0Z{\n9\x1d\xf9\xdb\x8f\xa0_\x82\xa2\xa8\x18\xb0\xcef\x8a\xab33g21\x02Ng\x9ai\xe1\x83\xde\xb6]I\x82Dt\xa8f\x93\xa2\xb8\xc5\x99\x14T\xc9JQ\x80\xd6\x84(\xb2j\x90\x85\x7fp\xd8&gt;\xa6\xe7\xbcxq\xfe\xbb\x14\xb0\x14b\xb1B\x8c\x9eq\xbd\xdc\xd59\xdb\xfb7\x85\xc2"o\xf4q\xb2\xf4\xcd=Xm\xaa\xd9\xe1\x1a\'\xb8\x1b\\\xae\x97\xf20P\x14\x83u67\xb3\x8b"\xbf\x8f\x9c\x1f?c\xb3b\x9c\x93\xff}\xfe\xf13\x83%F\x14\x80eX\xe5*\xb93s\x90L\xdf\xbf\xd13m\x14(tT\x1d\x1c}=C5\x8b\x1e~rc;\xa9\xe4\x0b\xdb\xb3m\xd8\xb8\xa1\x81\x90\xde\x00+rq\x93\xbf8f\x11\xeb\xfc"\xfc\xd3\xda\x9a\xd4\x8f\x8a\xc5\x88\x98\xa7xo\x9b0n\x18!\xe3\xbf}\r\x91Y\xc0\x9b\x1eU\xa4\xca\x9e\xc3o\'\xdf\xea\r\xe0\xead\xb2\x1b\xd9lv\x89\xdf\x9e]\xdek\x8f\xf1\x8b\x06\x9b\x01\xe6\x1015\xcf^\x9f\xdd\x8e\xb0X,\'#\x0b` @\x1bx\xe2\xc2\xfb\xb7\xc6\xed\xe4\x04s\x86d4\x14\x04&lt;\x9e@\x91r\x1emB*\xfb\xda\xa8\xd7/\xfb\xcdL&amp;\x9b\x85x\r\x19;\x93\xd9\xcb.\x19!R\xcad\n\xb1\xa4\xbb\xd4y\xbb\xf9\x1b\x875\xcd\xbaZ\\\xb4\xc6\xa5~\\\xa2@\x10\x18\xae\x8fo\'\x92\xc9W\xaf\x997\x9b^\x80,\xc6\x8f\x8e\xe8\xf2\x01\xc4\x9fC\x08\xae\xf5z\xa5V\x07\xa66\xc3TY\x0eT\x92\xdb\x1bg2f(\xfdm~m\x83\xfa\x855\xacgwC\xbd\xd5\xe9o\xd1P-\x04\xd1\x17&gt;2\xd5z&lt;\x069\x93\x01V|\xf3 \x87\xa5K\xb5\xc3\xaf\x8d\xcf\x1a\x15^?\xac\xd5\x03\xd9\n\xd4+\x13\xc8\xec\x01\x1a\xd8\nC\x01\xba\xaf\x8b\n\x1b\xb5\xa5+\xb6\xc25\xe7\xfcb\xf8\xc6R\xa6\x01\x0b\xa8\xc42\xd9\xeb\tc\x12\x86\x87\x9fM\xae\xda\x14b$U\xd3\xb9\xfe\xf1\xdcQ\xae5n\xccZ\xedO\xdd\xc3Z\x869\x88`\x0e$2\xb0\xc6*\xc9\r\xee\x1c3\x04\xedh\xa0\x91=&lt;g\x0b\xeb\xb84\xb4\xbdI\xe1U\xa7D\xcc\xa4\xbe\xddW\xc6\xedl\x85\x9f\xcd\xce/m\x1b\x14\x88\xc0Rs~z\xae]\x97\x96\xae\xf3Ul\xf2\xa1\x1fh\xb7\x03u\xa8\x13\x83\x15\x08|\xd8\xdb\xe3+\x95M\x9b\xd8\xe4\xaf\x08\xdb\xf5l\xe3_\xacM\xfc\xc7\xa1\x8c\x87\xfa#yi0\xa8@e\xbb\x06\xe3\xbcP(\x9c\x9f_\xcaf\x956D\x10\xaf\xd5$;\xee`\xc8\tQ\x8c\x1et\xf7\xfa\xddZ\xa6^\x0f\xfc\x89\x05\x9f\x7f\x15RSE\x838\x8cG\x93\xdb\x87\xdd\xda\t;\xd2\xc5\xe1\xdc-\x0e\x0b\xbc\xb8$r\xe3\x87\xbd.n\x93\xcd\x01Ue~j)+\xdc\x1bS\x16xHo \t\xbb#\xf8A\xe3K\x95\x90\xfa\x07\x9d~\xb7\xfd\'W\xe0qe\xc6!\n\x9d\xa1\xe1Vc\xdcx\xd9\xad\\\xb1#\xf5\x9c\x91\xa3\xe1P\x8fZ\x82\xa1&lt;\r\x16".\xdb\xe5\n\xf9\xf3\xfc\xf9\xa9\xa9l\xa5=\xc6\x85\x8dq\xed\xd3\xbekR\x15)_\xe7 n\xefc\xe1`g)\xdbf\xea\xc401}\x8cnZ\r\xa8[\xda8lw\xb3\x95;\x96\xb0\x9e9\x87\xc3B\xca\x82\x9a\xf0&lt;8\xa9x\\\xc7\xe5\x8fMM)\xb9J\xfeX[\xb9[@\xd6]Z\xed\xcb\x97.\x8c Tr\xad\xc8\xa5\xdew\xc4\xcf\x9a\xc9G\xae\xc7z-/G=\xde9tMr\xf9\xf5kwi\xe9\x8e-A\xbd\x1e\x0ew!\xa5\x9aZ78\x98f]&lt;\xe5\x11*g\xb8\xabJ\xa1Pi\xd3\x8f\xee\xec3X\xcf\xb5r\xb3y\xc1\xa5\x15\xc9\xedv\x87;,\xfe8\xc7\xff\xc0\xe8\x03\xd4ky\x9c\xc1\x92\x12\xa5\xcb\xc3o\x97\xdbI\xb6\xaa\xc5\xb9\x1b.\xdalq\x9d\xa9\x95\xa7u\x90\xee\x83\x88\xd73c\x98\xe3N\xcd\xcf\x14x\xd3;\x93.\xc0\xd2\xbe\xd4\x8ab\xa7v\xb9H\xa4\x16\xd91\x8d\xca\x1dFdJ\x10\xad=(V`yVh\x9d\x91\x10G\x97\x81\xc3\xc6\xc4\xd27\x96l\x04\xe7D\xbf\xa8\xd7+\xe2\xa1\xc8\xcd\x8d\x9f\xc6q\xa9\xa9D\xad\x02Vq\x17y\xb7\xf3i_\xad\x06,\xb5V-\x8f%V\xb4\xf2\x05\xb9K.\xb7\x93\x0e\x15a\n\xad\x8e\xcd\x8e\xcf./\x7fX\x9e\xf5xSA\xf2\xa8\x01]5R\'\xac\xe9\x16\xbd(\xe0\x89Q\xa9;\x7f\x83\xd3\xb8\xc5\xef?\xf0\x16\xe7\xc0\x06\x8f~r\xb9\\j\xadK\xee\x02(\x0cj\x84i\x1c\xa4C3\xa9\xd5\x02\x18A8B\xa9\xf1\xf1\xf6\xf8\xec,`Q\x16\x93\xe3K\xa3\xd6\xedv\xbe\xb0\xe5!F\xce\xaf\x0b\xa3\x02\xc1th\xadzS\xca\xe3:\xdci-\x16\x81J\x801P0\xec\xfb.\xcc\xe4O\xf5l=\xd0\x86\xcd\xeb|n\x12@\'5\x1a\x95\x83\xa0\xa3mat\x19\xb0\xac~\x13Y\xea\x14\x8d\xdd\xce-[7o8\xcfn\xe32\x0b\x8a \x1a\x02\xd2\x0cN\xd34\x93\xca\xe2\xc8\x8e\xdc\xa5V\xc3X\x89|\x04\xde\x19\xdc\xdfw\xba\xfd~\xbf\xdb\xad\x1dlaf\xb9K$\x9ath\xdcN\xcf\xfc\xd8\xf8\xf8x\xd4\xea\'\xdc\xe5\xa8\xb5v\xe9\xbdb\xcdp\x8d\\\x89-%Y\x01\xd9![y\x1c\xda\x08O\xa3$\x8e\xae\xbb\\+j\xb5zE\xee\x88\x1cu\x06\x9dA\xef\xbe\x03\x0b\xc8\xfa\xd7\xad-L.\xb2\xcb\xcd\x98OJy\x85\xe3Q\xa1\xd7)q\xa4k\x97\xd1\xcb\xee&amp;{&gt;\x90sbBR\x05=o}=\x02L8\xad\x83\x98\x157\xed\xab\xe5+\xf2\x95\x15;Y-\r\xee\x07\x83\x01\xb4\xb0\xf3H\xd6\xe9\x1c\xd0\x84Y\xbe\xb0`_\xc0\xdc\xce)\xca\x13\xf5X\xf1\x10`e6\xa3\xd4\x1d{v~\xe4&lt;\x8fX\n&lt;\xc1\xda:\xd1\xc2[\xb8\xce\x0fq\x11U\xa9\xd5\xcc\xbd(s\x0ew\xa6z\xbd\xde}\xef{\xef\xfe\xfe\xf1\xd5\xbb\x1f\x1c\xe5\xb7\xec\x0b1\xf3\xc2\x829b\xf5z\x0e\xca\xa5\x16\xe1#k\x8dM\xca{\xc2\x9e\x99\x07\xe5JY\x16G\x915\x9f\x9b\x08\x85\xaa\x12)d\xa0\xa0\x0f\xda\xb4`\x8fEhg\xaf\xf7\xfd\xe1!\xf8\xfdq1x\xdf\xfd=\x9cn\x11\x89\xd3-s\xcc\x9c\xc6\xadV\'MGH_\x1a\xb0\x9c\x17\xe7lf\x9f\xe3\x0b\x8b~Q\x17\xf6\xa9T\x04a\n\x86B\x12)\x81\xc1L\xc7\x12UH\xfb\x0f\xa3\x0f\x0f\xc0\xf3_f\xf5\xbb}\x98\xfe\xef\xc1\x90\x89 \xc9\x9f\x13\xb1X,\xe2w\xe2\x91\xaa\xdb\x81\xe56/k\xe5+6#\x19\x87sR\x83h\x1f\xf6\xf9@\x98\xdc\x84;\x1c\x92\x82\n\x88\x12d5O\x9b\xd6\xd7\xa7\x1f\x82= z|\x0e\xbb\xdd&gt;\x83e\x92J\xfd\xb9t"f\x8e\x91D5G\xe4\x1c\x1a\xec\xf3\xe5e\xadv\xccjP\xe4&lt;\xbb:J\xe9\xc2\x98\xc6\xe7S\xad\x99\x1ckD\x88\x10\x89\x12\x91H\xbe\xdc2\x8d\x86\x11\t\x88\x03\x03\xd4\xed2?\xdd\x1f\xa4\xee\x9d\xe5R\n\x8fl%\xecf\x15ID\x08\x10Y\xcd\xe7F\xa3\xf1\x8d\xe5c\x08\xce\x8b\xab\xdb\xdb\x1f\x93*\x87\xcf\xe7 v\xd6\t7)\xb7\x9fFp\'\x0e\xf6&gt;(\xd1\xa5\x9cx\x8b)J\xae\x95\xbf\xfe\xb2y\xb0i-\x97\x8f\x9cx5\xb7\x950k\xd2i\x06K5\xb9u\xfb\xf5\x97\'8\xb3\x19\x19\xf95\xa6q`\x98C\xe5\xf3\xb9\xddn\x9f&amp;\x96\xa3q\x89\xd4d2\x85\xddD:\x91\x881\x8ap\x9a&amp;s\xd5\x96\x1f\xa7K\xe5\x83\xa3|zk\x8bL\xc37\x80E\xda\x7f\x1c\x9f?\xc9\x1f\x9d\x9c\xf3\xff`\x80\xe4\xd0\xf84*\xc2\xad1c\x11\xd8\xb5\xc3\xe1\xb0\xdb\xad\xf2a\xf0T\xae\x88VV\xcc\x0b"3Y\x8dD\xe8r9\x9f\xcfo\xa5\xc9D:G\x92d\xda\xed\xb0\xff\xf3\xc9\xee\t\xfe\xdb\x0c;\x9dJ3\x89a\xf0.\x02\xdf\x17&amp;`\xfe\xc3n\xc7$s\xb3S.z\xbc\xe3\xb9\xa0\xc9Er\x90\x1bi&lt;\x92&gt;M\xa7O\xb7H\xf2\xff\xbc\x9c\xdfkZ[\x16\xc7\x87\xfa`*5J~\xf8\xab\'\xa29\x1e\x14Mr\x8ef\xceX\x0b\xfeh\x8eF\xd1\x9b\x87k&lt;Z\'\xde\xd8SO\x82\x12M\n\x0e\xf6\x94\t\x94\xaa)D\x11\xc3\\S\xb0\x0f:\x0f\xcd\x8fK\x8a\x17R:7P\x98\x94\x0c\x03%C\x1f2?\xfa0\xb4\x03\xa5\xed\xcc\x1d\x98\x97a(\xf4\xf6\xe12k\x9b\xf9\x03:w\xe2l\xda\xbc\x94\xc2\x87\xefZ\xfb\xbb\xd7:{\xed@\x14\x89D\xcf\xe6Y\xc45\x0er\x9e0\x87\xccE3Aj\t\x9b\xc7\xeaC\xbb\x92\xf5\x99\xa1\xd2\x02\xef\xa4\xdd@\xe6&amp;r\x95\x9cE\xd8\x13\x9aq\x9e\xb3\xf14\xc7\xd9r6\xdc\xfc\xb7\x9eM{\x8a\xb7\x13f\x9c\xf4\xc0f7\x13DQ\t?}\x14x\x98I\xed\xc3\t:\xcbs\xd9,\xba5\xa3\xf9\\3\x9e\xc9T\xcbyK\x16\x98\xfc\x04\xcd\xf16\x8f\xf9u\xcffv\xc5\xeb\xbf%q\xdc\xe6\t\x91$a\xd6jQ\x11\n\xa7\x10\xd48j\xab\xcd\x9a\xb3\xf29\x9en\xf0\x1c\x8d\xae&gt;3\xf9L3\x9f\x8f\xe3\x9c\x8d\xa3\xddf\xdc\x86\xd3\'=\x9b\xf3\x14\xdf{\x08X\xf8M\x1c\xb0\x8a\x06%\xe1\xf1@\xff\xe5(H\x9c\x8c\xc5\xd2\x8c\xe7*\xe0S\xd9x.gi6\x1f\xe73\x16!\xbf\xd7\xe48\xc8*\x9a\xb3\xd9\xdc\xfe\x83\xdea\xf5\x1d\xf8\xcd$\xecE\xd2Lh\xb5p@\xfa|\xec\xcc\xbc\xc399=\x17\x98\xa94\xe3\xf1\x1c\xcf\xd7+\xf1\xc7\x8f,\x95f\x13\xf6\xe2^\x95\xc7sV(\x07m\x84\xd6\xbf\xdd\xbb\xa9\xd8\xbe\xf5\x87d1\x04.A\x84\xbcZ&lt;\xa2\x89z\xa8\x88\xc9.\x91\x0f\xcb\x9d\x19\xd8x\xcd\xb8\x95\xe7+\x95\xfc^\xa9\x12\xafX2U!\x9f\x833\x14\'l\xbc?\xfc\xb0\x87C\x9e}\xcb/\x8a]w\x00\xd3\x0e\xf9\xd4j\xea\x8b(\xe5\xb0\x17&amp;\xa7\x03\xcc\x8c\x86\xe5+q\xbe\xeb\xa6\xf9&lt;\x18|\xa5R\x15\xe29\x0f\x04\x11\xb7\x11J\xc3I\x0f\x87)\xc5\xe7\x8f\xc1\x1ep\x9b\xcf\x06g\xb6\xc7GE\xa8(5?e\xb7;\x0b&amp;\x16\\3\x17\xe7=`\x9d|.\x1e\xaf\x00_\xbe\x1a\x87\xf3\x08\x0f\xe1!\xf0\xb3NO\x87\xae;6\xd2\x1c\xf2\xc0\xf9C\x86\xe0d\xd4\xb0\x94\x1a\xfc\x01V\xdc\x87\xd3\\}\xb7^og\xdbY\x1b\xc1\xd5\xc1C+\x968\x1bgm8N{\xb5\x89\xde\xceR\xfer\x97 \xc9\x10$1\xfc\xf5D)\x1f\x18W\x04~B\xf7Es\xedW\xbb\xbb\xbb\xed,\xdf\x06\xbbjpm\x9eoB\x8a\xb1\x04a\xa3\xc3\xeelo\xb1\xbe|L\x15\x8bp&amp;zP~\xdd$ \xa0 \x1dI\xc2^\xf3g\xdb V\x1d\xc4j\xb79\x82\xf6g\xb3\x1co\xad\xc4\xad$Mh\xbd\xd1\xca\x97=\xc5\xfa\xfa\x91\x1a/\x92\xa4\x19*\x1c8\x83\xc0,\xcc\xe6\xa2\xdb\r\x86\xe1\x87\x18\xb6\xb3\x80\x05\x91l\x83\xa7\xfa\x13\xa8\x08\x84,T\xd2J\x03\x1e\xc9|\xdd[\xac=\x87\x8f\xf4\x92!\x90H\tXpB\xc3ihN@\xfd\xe0O \x9d\x1a\rP\xac\xce5\x124\xcd\xa1\x0e\x83\x86\x7f\xf0\x86\xd4\xe3LO\xb1\xfa~\xf1\x88a=\xda\xa29D\x16\xd1\xb7\x06h\x06\xc3^%\xcd%\x1aP\xb5\xa3\xe1\x95F\xbd\xddnC\xfc\xbam\x8f\xdb\xed\x87\x8a\xc2\x8dk\x16Gz\x8b%\x06\xacy6J\x80{\x15\xbdP-h\xdda\xa8g\xfc\t.\x0bU;4\x14t\xb6\x9d\xc8f\xb3\xed\x86\x1b\xe4\xf2\x87\ra\x83W\xe9SO\xe97S=\xc6\xdacL\n\x11\x0bY\xae4h\xb5\x06\xa5;\x0c\x92)\x13\t\x141h\xcf\x00\xadQo\x9c\xaa\xa5\xd4\x1a\x8c\x88\x8a\xb1\xcf.\x8e8z\x9b\xf2\xf7\xee\x0b\xf3\n\x95\x9a\x8a\x86\xb4\xd0\xe8#2\x03\xca/?\x8df\x90 \xbf\xfc\xfeF\x96\x03H\xb7[\x89\xbe-\xb9\t^\x93\xd4\xff?\xb0@-\x9d\x02*?\x82\xf4\x1a\x8cF\x03\xe8\xa1\x0cCc\xaf\r\xbb\x13~\xe0\xf37@8\x9a\xa6\x95a\xa31L\xf8X5\x13HN.\x8e\x98z\x8a\xf5\xa3sO\x05\xc0\x1aShbh\x88\x0b}\x064\x86\r\x860\xac;Z%\xca3%\x12\xca\xed\x86\xf8\x86\x95\x04\xa5I9\x0b\xc9\xe9\xeb\x8b\xa3\xa6/{\xfa\xac\xa6\xefi\xd9\x84\xeeoT\x11\xd4\xf1|\xe15^DO\xc8`\xdd\x81\xec7\x02\x9fV{\x07A\x1a!\xedp\xab\xc6\xe4t\x06\x93\x92\xd1\x89Q\xac3\xd4\xcbC\xf1|W-t\xd7\xa9B\x17\xe5\xb8\xb7\xfb\x10\xf0\xc2\x05\xe3E@B1\r\x1b.\x82\x82w\x0c\xe1\x90\x95\x8d\xa8\x99`09)\x19]\x1c\xc5\x8ew\x8eVzSD\xa0\x07\xc1}\xbf\x87\x94\x1f\x03,\x91H\x14\x89h(\xbc\xfbA\xb7\xfb\xdc\xee\xf4\xa1\xe2E\xe3\x05\xd8\t\xa8\xca\x8f\xa8\xd5)g209)\x99\x9d\xd8\xbcZ\xff\xd3\xf1\xe1\xd1J\x0f\xeay\xf1\xb9{\xeb\xdb\xb5\xfbU\x87\x0e\xb0T2t\xb3\xa8\xd1P&gt;\x1c7\x17\r\xe1S2XF\x88\xa3\xdbCifL.\x97\xc3\x19\x84|\xd7\xeb%\x13#7\xb2\x0f\x1f\xbe8\xd8\xd98\xebbP|n\xbds|rr\xf2\xaa\xec\x80 \xeat\xb2\x01\x994\x16\x81\xe2\xcf\xe7\x8bB+D"o\x85\x08j\xdd4\xe7\xb1\xc6gL\xa9\x94cs6\x19L:\xa7\xa7\xf5\x13\x13#\x18\x0f~\xfb\xfa`\xe7h\xf9\x8c}\xb4s\xd2F3\x88\xf9*\x03Q\x14\xa9D2\xd1\x80T\xa4QC\xc9E\xc5\xa0\xc6\xc1\xf1(\xe0\x11P\x05B\r\x98a\x18\xc1\xe1\xd8t\xca\x87\x03\xc1d\xf2\xfa\xc4\xe8&amp;f\x83\x1d\x9ax}\xbc\xb3\x7f\xa6ObW\x0eO\x1a4:\xf5\xea],\x88\xa2N\'\x92JYM$\xc2\xb2\x94\x8f\xd5hXXVk&lt;\xde\xb44\xf3e\xa1,\xcc\xcc\x9b\x9c\xa8\xc8/\xe8\xafKF\xaf`\x1e\xe8l\xdd\xdc\x8b\xce~\xeb\xec\xf2K\xbc\xdc9n\xfb\x95n:\x91@X\x98N\x87FGT\xd2k1\xc0\xa1"P\xa3\xced\x18K\x13\xba\x9fL\x06\x882\x19F`L&amp;S00,O\xea\xf5\x8b\x13##X\x14\x0e\xf50\xdd&gt;l\xb5\xd2g\xe6`\xe7j\x9d\xe3\x06\x94\x0cp(\xb7\xcb\x80\xa5\x00,\x0cSI\x7fB\x81I\xb0\x11V\xd3&lt;\xfdD\x03*U\xab\xa5r\xb5\x14\x14\x98\x94\xa9\x10\x08\xc8\x93\xd3\x93\xb3\x13\x13\xf6+\x98,J\xc2fh\x1c\xb4VZCg\xd5\x1e\xae\xd7j\xc7\x1c\xba\xafP\xfa\xb9\x0c`a\x8a\xabWWWu\xb2\x18\xa5QCn\xb1\xecL&amp;\x9f\x7f\x0c@%X\xd5r\xb9\xec,@\xca\x83;\x04\xa6\xe5\x93\x13#\x13\xb3\xe3\x98\xe83\x99\xd9h\xf0\x1f\xb7\xd2g&amp;\xd7P\xadvt\x90\x00\x070z\x8bd%3?\x8f\xdd\xc0\xb0U\x17\xa6\x1b\x90R\x91\x18\xd8=U\xb1X\xf2\xa5\xbd\xd2\xd2\xde^\xb5Ze\x04g\xc11\x9f*8\x83\xc3\xb0\xe4\xc9\x91Y\xc9\x14&amp;\x1a\xbb\xaa\xda2j\x01kec\xb9\xef\x0c\xc0\xc4\xe2\xf5\xda\xf6\xc6\x01z\x03\tXE\xcab\x9awa\xae\xd5U\x97\x0b\x13\xc5\xa41\xc0\x02;\xb7X\xcah\xcc\xb4\x04\x7f\x04\x86)\xd8\x1d\xa6T!\x18\x1c\xee\x1f\xec\xef\x97K\xf4]\xac\xbbw\xa5^\xe5A+\x9d\xde\xff\xd7\x11R\xec\x7f{|*\xee;_\xabml\x1c\x18~~\xd1\xbb\xb5\xb5U\x8c\xce\x80Z\xae\xd5\xf1\xd5\xd5\xd5q\x9dL*\x8d\xa1\xee\x87\xd5\x00\x16\x8a`\xa9\xccXR\xe8\xee%%\x80\x97\xca\xe5\xfd\x805\xa9\x9f\x9d\xc2&gt;\x1b\xbb{EV\x0c\x1d\xae,\xa7[\xffx\xf7\xec\xbb\xe7\xfb\xe7\x7f8\x18\xfaU\x0f\xf7\xb6kG\xeb\xad\x03\xad\xd1\xbb\xb5\xb6\xb6\xb5\xb5\xc6*\xd0\x90\xd4\xf8\xf8\xd4\x94\x1dS!\xb9\xa41\x16\xcd}\xa2\xc4Z*1\x19\xc1\x9929\xd0\x98T@~\xaa\xd6t\x17\xebg\xd8OeEOgeay\xe5\xdb\x97\xdf&gt;\x7f\xf2\xe4\xcd\x1fvZC?\x04\r\xfe\xcb\xd0N\xe7i\xa7\xb6\xbd\xb2rh.\x02\x15`\xdd\x94\x8at\xa0\x16\xf4\xd2\xb3\xf6U\xb5*6\x10\x8b\xa1\x8f\xba3\x0e\xa1T-\xcd-\t\x82\x00\xee\xc0\xa4\x18g`x\x18iu\x8a\xe5\x1a\xbb\xea\xba+-fki\xc0\xdax\xf9n\xff\xcd\xed\xdb\xb7o\xbd\xf9\xb8\x93\xee\xfb/\xc1\xc4\xe2\xf3\xe9\x9d\x0f\x1f\xf2\xf7!\x86\xe9t\'\x8b\xdf\\\xbb\x86\xa6\x00\xa3\x03"\xd0kjvVbw\xd8\xe7E\x03\x03"\x8dNmr0Bpinnn\xa9\x04.\xc18\x9d\x02\xe4\xfb\xe0\xa5\xc1\xe1.\x96}\xd3\xa5\xc3V\xef^+\xeen//@\x14\xff\xf2r\xe3\xf9\x93\xdb\xb7&gt;\xbfu\xeb\xc9\x9b\x8f\xfb\x0b\x9f\xbe\x03\x90P\xfb\xcf\xbf\xff\xe7\xf7\xf7\xdf?EX\xcbG\xc7\xc7\xf5S\xackR\x19\xc8\x85\xb0$v\xa7C!\x92\xa9\x14\nS\x8a\x11\x00d\x0eq\x05J\xa5` \x10\x0c\xf4\xf7_\xba|\x19\xf4\x9a\xeeb\x8da\x9b7\xd6\xb6^\xad/\x0c-\xa4\xd3\xef~\xf5\xf7\x1d\x84\x05\x0b\xc8\xbe{\x96\xfe40q_\xdf\xf2\xb3\x0fo\xbf\xf9\xe6\xed\xe1\x9f\xdfwjG\xad\xe5\x85\xd6ag\x17\x8d\xdb]CX*\x05\xa8%\xd1\xeb\xf5\x93\x12\x97N\x84\xb4*\x08A`\t\xcc\r\x02\xd7\x12\xa0\xc9\xe5\xc3\x97\x06\x07/_\x06\xb9\xa6\xff\xa3\xd6\xc8\x8d\xb5\x9b\x87\xe9\x85\xa1\xe5t\xfa\xaf\xbf\xf9\x1dD\xf1\xd6\x8f\xd1\x02\xb2\'o~\xfd\t\x9e!\x16\x9f\xdb\x7f\xfe\xf6\xc1\x83\xaf\xbez\xf0\xb1\xf3\xfe\x8f\xff\xe6\xdb\xfcB\xdaJ\xd30\xeeI\xcf\xc9\xa8\x87FO\x13\xa5\x03B\xf4\xe60\x87\x9d\\\x0c\t\x93\xd8s\xc6\x8b\\\x042\x0cL\x82\xb0;\x8bl\xb70\x04\\\xca$\xc3\x99\xa6\x90C\xfe\\\xcc\x0eL`[\x1c\xc3Jp\xaa\x9b\x80\xa3HqL\xb7\xbb.iG\xd76\xc1\x15\xa2R\xea\x85\xb6X{\xd1V\xb4T\xb0\xd0\x8e\xd3\n\xd3}\xde\xefD\xa7;\xbb;\xaf5\t$~\xf9\x9d\xe7y\xde\xf7\xfb\xa0\xc9\x85\x0b\xe3\xa3QG\xff?\xefao\x06\x18\xb0\x8e\x9d\xec\xec\xf07\x03\xcb\xed\xee\xf2\xb6\x9fl?\xdd\xed=\x7f\x9e\xa8\x80\xe5\xc3O_\x1f\x85\x1dLP\xab\xb5\x95ub\x0f.\xe4\xdc7\x7f\x19\x8f8\x1cp\xb1Vy\xd4\xff"\x13\xb6Z=V\x13-\xf1`n\xf4\x97\xc1\xd0{\xa3/\x1fN\x8e\xe5\xf3\x93\x93\x0f\'\x9e\x1c\\5\xb1"\xf3\xa7O\xb6\x9c8~\xfc\xcc\x17\xef\x1e?q\xac\xb3\xa7\x8e\xe5nNv\xb6\'\xfd\x18\x9d\xbfo\xc5\xec\xec\xeb\x83Fv\xbb\xad\xb5\rH(\xbb\r\xf34\xd0\xd5\xecMv$]-\xdf\xdc\x8b9\x08+\xbaT\xd9\xec_\xbe\x9e\xb0\x9aU\x07[\xfe\xa5\xe9\xffFc\xff2Ae\x12\x99\xc9\xb1\x1f\xc6\xaf\x15\x9f\xdc\xbc\xc9\xb0J\xdd\x9d\xe6\x07\x14\x19V\x87\xcb\x0b\x17\t\xcb\xdf\xde~\xda\xdf\xfb\x9e;\x00\x85lv\xdf)\xc2\xb23,\xfag\xb31\xac^\xbf\xcb\x9f&lt;\xf3\xebo\xfb\x1d\xc4\x15Y\xaal\xc4\x16\xebX\x9e\xbad\x00[\x8c\xfe\x1f0\x9a\x08?N\x8e\xa1w\xc3\x9e\x04&lt;\x1c\xd8,&gt;\x19\x07\x16\x96\x1b\xffCg\xe7\xb9\xb7[\x08\xab\x85&gt;\x96\xe4g\\\x10\xa2\xa7\xbd\xc7\xdb\xdc\xeb\x0e\xd0\x7fJ\xfbB!\xb8\xe8C\xff1\xb5|\xb66\x86\xd5\xd5\xdb\xeb\xf5~\xf4\x05\xfa\xd0a!\xac\x9d\xcaLv\x82\xb0\x82\xd6\xc3\xf2X\xc3\x89\xcc\x8b\t\xc7\xff\x00\x83\x7f\x7f\xfd\xe1\xe9$\x94\x02\x95\x15X\xcb\x03w\x815&gt;@X\xb1\xbfw\x9e\xeb\xf8\xe8\xd8\t\xfa"\xe0\xb1\xceO\x93.\xe2\x82\x91\xcd\xae\xd3\x1d\xae.w\x80P\xc0\xe2\x03\x17\x02E\x0f\x99\x85\xa0\x02;^\xd9\xdb\xf2\xbby\xf2\x90\xb8\n339\xb4\xe2\x11\x12)\x86;\x84\xff\x05\r\xff\x9fC\xd5\xfd\xcbP\x1a\xad\x19\x86\xa5o\r\x8c\x0f\x0c\xa0\x81"\xf3\xed\x9d\xc9\xe4\xa7\x1f\xd0W\xee0!\x80\xe5wy\x9bQ^W\x8f\xab\xb7\xcb\x8dhA\xa2x\x88\xc1\xd8\xc0g\'\x07\xdb\x90xb\xefr\xf7\xbe\xfb\xc9\x05\x88e!\x17w\x18\x16\x99\x18\xb42"\xd3L\xd6\x95\xab\xff\t\x86\xe99\xf1\xe3? U&amp;\x9f\t\x07\xd3\x9e0\xc3\xda\x04\xd6\xc0\xc0h,bq\x14~\xd5\xe9\xf2\xbb:&gt;\xa0ok\xb5c\xfb\xf1{a$\xb6\xe1f?6"\xc6\x05\xac\x10M*;e\xcc\x8c{+\xcd\x07w\xc0\xed\x0ex\xcf`hY\xa8\x1c\x8e%\x83ay^w\xf1\xa8+\xd7VG\x1b_\x1b\n\x03/\x9f\x12U&gt;\x9f\xf1\x80*\x03\x13\xf3\x8b\xa3\x9b\xea#PecQ\x87\xa3\xffj\xfb\x9f\xfdI\x17\x06\x15\xb0N\'\x93P\xcb\xef\xa7\xe1\x85\xdcP\xcc`\xa2\xcf\x87\xb9N\xc3\xdd\xe6\x8b\xe3Q\x00T\x10\x11\xcd\x80\xfb\xf6w\x10x\x93\xca\xb1%m\xf4\x93\x89\xc1\xe0\x7fc\xa1\xd6\xe6~\xa2Z\xc6\xf4\x84\x81\xf9\xb1\x8c5\r*Oz\xcc\xc4\xba\x96\xcdfc1\x92\xbf\xf4\x96\xab\xe7\x98\xdf\xdb\xd3\xd9r\x92\x0e6.\x98G*!:\xcd\xf4\xa9\xa9\xb6&gt;\x1fa\x01.\xe4\xf3\xc5Cv[\x00\x81C\xe2l\xb45\xda\xdc\xbf\xb9\x97uX\x9a\x18WdV\x9c\x8d\xcc]\xbf\xbe\xfb\x1a\xd4\x91\x99dk\xf8p*\x8c\x92T\xe8\xc0|&gt;\x11L\xa7\xad\x99p:\x88\x94-\xc6\xae\xa9\x9bD\x15\xeb\x87\xfe\xb1\xab\xae\xb70\xae0@\x11-d\xcb\xe5J\xd2\xac\x0f\xd0\x00h\x86\x87\xf6\x10\x8auc&lt;\x1e7\xe7{\x1b\r\x08:F\xb4u\xff\xb6\x94\xdb)\xc4\x86@\xe6\xc8U\x8dZd\x15\x9b\xce\xea\xde\xdan\xd0\xd4\xc9\xa4\n\x9ae5\xa5\x8a,B\xaa\xc9|"\x91\x19;\xa2\nO\xe6\xf3\xcb\xb1G\xda\xc6\x00Q!\xf3\x16G\xe9\xe3n\x98E\x03\x14\x07\x1b\xaf\x17.\xba\xbc\xe7Yr\x9a\xbd\xf0\x10Z\x81\x0bJQA6X\x87\xb8\xb5\x050\xc6&gt;\x9f/\xe5\xb2[\x95\xca\xf3\xbb[;\xd9\xe8\xadr\xb50\xfa \xff\xaf\xd9\xfbK\xdb\x13s\xab\xfbk\xa6lAF\x95\xa6\x1bF\x85\xa9\x00\x033D\x95\x87\x83\xc1L"\x1d\xf4$0\xe7\x97\xfbk\xdaL\x81\xb0\xa2\x94\xd6\xc1\xe1\x8f\xdf\x83g\xddH\x16\x80\x9a\xbd~\xaf\xcb\xcf\xb0\x02\xe4\x17\x8b\x96/\x14\xaf\x8bE\xce\xa1!\xf1\xc8\xfe\xfep!\xe2\x18\xdcYO9\x15]\xab&lt;\xff\xdb\x8c1;8q\xfd\xa9*\x8aF\xb9\xba1[\xdb^\x9c\xdb[c*\x11\x14q\xd1\'\xce\x99T?QY\xc3\xd4\x88\x9e\xb5\x07\xf9\xfc\xcb\xfe\xa5Je\xa7?\x96\x1d(\xd4\xb6\xae\xdd\xad\x95J\xa5\xdb\x97\xdf\xefn\xef@\xa80\x89z1\xbd\xbd\xc8z\x00v\x11V\x88\xd5\xd9\xb3&amp;\x16M\xaex\xfc\xc3\x0fC\x9f\xdf\x1e\xb48\xa2\x85\xafGFR\x8a\xc6\t\xfa\xd4\xca\xc1\xb5\x9b/\xf2\xafdIT4M\xe1\xcb\xd5u\xa0\xd5\xc9\xccjhdR1\xaapf\x8c\xb4\x02Upw\x7f\xee\xd9\xf7\xf9\xc4\x83\xd1\xc2\x8c\xbcUz\xf2\xdd\xf3\x8a\xa1\xa8E}\xb3\x14\x8bfK\xc3o\xbe\xdd\xd3DpRL\x00\x00\x06\xa1IDAT\x0b\xd5\xa8\xbc\xe6\xc4je~\xc1\xc1\x90\xa9V\x08\x9bt\x1b\xee/~y1~\xb6\xe4@\x9eb\xb3\xceT\xca\xd0\x15\x81\xe3\x15U/~\x92\x7fz K\x92\xac\xaa\xb2\xc4\x0b\xbchTgk\xcfV\xd7\xd2(\x92\xab\x81\x1a\x90b\x15Fc\xe6\x13i\n\xdf\xee\xfe\xea\xb3\xda\xe6\xcc\xca\xd3\xfc\xc3\xef\x87\x9fk\x95\x8a:5\xa5\xf2\xbc$\xa9\xeaF)\x8b\xe3e\xe1\xde\x9b\xdd\xd0(\xc0v\xbb\xae\x00\x9d\xd8\xdb\xdaL\x13\x99\x83\xa4\xd6)_\x9c\xbe\x0b\xfbe|\xf8\x02QEke\xa7\x93Su0\x18\x92\x82\xa5^\xbd\xd2D\xc3PuM\x11yQAIF\xf5\x91\tFj\x99R\xe1&lt;\xe6\xf1d2i\xb8\xbb\xb6\xb7\xb8s\xa7*\xc9r\xf1\xe0\xe0\xa085%\xf2\xbcR\x9c\xd2%Q:\xe2rD\xbf\xfd\xec|\xab\r\xcd\x86\xed\xae\x8b\xed\xd1m\xe6Fm\xaa\x85@\xc1\xbf\x8b\xa0\xba\xf2\xd5p\x81\xc6B$\xb7\xceq\x1c\x92e\xf0\x92"\xcb\nV\x13\x05\x81\x93t\x1db\xf1\xa2\x8cRD\x81;\x02k\x98\x9c$\x03Ae\rg\x80\xb9?7Q\xfb\xba\x8c?\xd5d\x85\x974ue\x8a\x17Dm\x8a\xb0pM\xb2\xaen,!\xff\x0eGv\xfe\x8f\xf6\xb8\xcfF\x9f&gt;\r\xb0\xb9\x84\xf9\xd0\xc7\xe4\xf2\x9d\xf2\x9d"\xc9\xd8\x17t/R\xd8\x815x\xa7,\x08\x92\xaa\xcb\xbc\xa8\xa9*)\xc4\x83\x8a\xd7tU\xc2CI\xc3\xbbI&lt;\xe7t:\xab[\x13{\xbb\xe9t\x03;\xc3\x90X\xe1\x84\x15P\xdb\xf7\xd7\xcb\xbc"\xd3\x15\x91\xb8\xeaJ\x11\x7f\x05\x13\x8b\x08\x02X\xb1\xe6L-K\\\xb1\xdb\x97}\xb4\xbf\xb4R\xd6\xed8\xf9a\x98\xfe\xe9\x92\xcfgv#\x0c\x04V\xfc\x12Q\xd1&gt;x\xab,p" D\x04\x0bT\xa4\x10\x12\xa5\xe8\xba\x86\xcb\x95\xb0\xae\xcc\xd4\xe3\x9c\x9cs\xbd6\xb7\x9fn0\xa9(Z\xd6\xb5\xd5\x9b\xf7\xab\x9c @\x16IQxN\xe0\xa5\xe2\x8a&amp;\x8a\xb2\x0e\xb5\x08\x0bTX\x9a\xb8 A\xa4t\xd9\x8e\x83K\xdf\xe5K\xb7\xaf\x94n\x14\n\xb9\\n:GU(\x14n\xdc\xb8q\x05\xf5\xd5!U\x01\x16\nH\xba"\xf0@\x00\t\ndX\x0c\x17/\x88\x0c\x8b\x07\x15\x15_\x9e\xdd\xdek\xa8\x1f\xf4\x11\xf4\xbd\x89\xda:\x87W\xf3"]\x81\x08I9ie\n\x17\xa6\x15\xa7\x8a:\xc5\x01\x8d\xa3\xab\xc4\x15\x8b\x12Wax\xfeJ!78\x88\xc9\xdd\xd4\x882o\xcc[\xcb\xd0\xd0\xe0t\x89Q5Y(XxsU\x15\x05J\xa8d@)\x98(\x91\x87\x06\xf3\x90l\x15\x04\xde\x80b\x82(\xce\xd4\x1a\x18U\xd8\x13\\\x9b\xdb\x99M\xa5\x04\xb2\x9a]\x89\x90J99}E\x87\x95j\xb1\xc8\xb0D\xc2B\xc9\xe5\x1a\xdb#\x9b\x06\xa3\x00bu\x08uX&amp;\x1b\x9d\xadX\xb0\x9c\x98\n4\x0b\x08\x877\x88\x8b\xdd\xa3\x0fq\xd5\x86HX\xc4\xc9\xd3\x8d \x1ab\xa5\xa1N\xb57\xb15\xc3\x8d8E\xf4\x03\x9e\xc6\x0b0eR\xc2\xd4\x8aF\xd1\x02\x96F\x12\xd2\xf4\xd3 \x97X\xbd\xc5\x0e\x03MM\xf4{\xa8\xd4\x1b?\xe3\xb2D\xea\xaf\xb9Uvr"\xb04\x91\x96\x16\x0c\x039",\x025\x08\x0fOI\x8c\xc8\xbc\x81/\x84\x85T\xcdmohRjD\x900\xee\xf0\x83J\x8d\xa4\x9c\xe8C\x99\xe7e\x15\xf3Ad\xac\x18\x1b\x14{\x85\xab.E\xd9!\xc5b9\xe4X\x98\x9e\x1eZ\x98^h\x1aZ\x182\xa9\x9ah\x17\xc5\xf3M\xb9u\xa7S\xa0\\+le\x03XL-\xf2\xb0\x8e\xa5\x81\x18\x8dhb!\xdb|\x03I\xb5?q\xbf\xa2j\xce\x91\x94(Kh\x06\x04Apb\xa7\x80XE\x85\x12_,*\x0c\x15\xa9\xc3\x95\x00M\x14\xd6s\xcc\x1f\xfc\xd4!\x1e?^Xx&lt;\xbd\x00\xb2\xe9!\xd3A\xca:\xb0\x06g\xcb\x1cu\x0f\xfd\x15\xadAT,\\\x98\x82\xaa\x82\x07\x86\xc2V\xe4\xd9;\xb3\xf7\x11\xc5\x86\xb0gwo{\xb6\xa2\xab\xfc\xc8\x08\xa7\xc8\xbc\x93aq\x84%\xaf\xac\xe8\xd4\x7fzQ\xc1\xf5\n&amp;\x18\x92\'Jh\xd3;\x83\x0e\x16\xac\xba\\\xc0\x9a^\xc0\xef\xf4B\xe3P\x93I\xc5\xceV\x96\xa6[eZ\x90\x86\x8e\xc1\xde\xd5\xa02\xa3E\xdeaI`I4\xc6R\x98[\x84\x85W7XwWw6$\xbd(\x01D\x90e\xea?&lt;\xc7\xa5FF\x9c\xfa\n\xc6\x03\xa4\xd6\xa5T\x8a\x83\xbe\\\x19\xd3\x87c\xeeKBu)\x827F\xb0\xccl5&gt;\x9e\xb6\x0c\xfd\xbb\xe8*fq\x14\x08\xa3\x19\x89\xb0\x92JHo\x17\xd8\xff\x90\xbf#X\x19H)\xf8\x1f\x96\x1c\xa4\x91\x84\xa4\xb2\n\x01\x0b\xc1\xc2\xc0\x9a\xb0\x178o\x11\xaeYw\x96\xa4\xf2\xc8\xaeY\x0b\xcdY\xdcY\xdc\xfbF\x8f\xfbD\x07t\x98y\xf3\xbe\xf7\xbd\x19?\x9e\x90\xc7\xf9\x93\xd4f\x90`\x89*$\xb6`:\x18\xc0j\xe9"T\x03\x0bfM\x92"X\xf7\x04\x0bj&amp;Ndb\xad\xf7\xb9\x8b\x0fL]O\x19\xe8\xe9\x8f\x06\xf4\x01\xb0\x80jam -\x92c\x1f\xa8\x06\xaa\xc5\xfc\xba\xca\x85\xb5P\xf6\xd9\xcb\x8a\x8a\x91`\t`\x90\xd4|\xfb\xb1\xa5\x1b\xb0t\xbd\xe5J\x9a\x9f\x03\xb1\x12r\x1c\xe6s\x9e\xe7\x1c\x8fb?\x10\xc6\xda\xda\x82\n\xeb&amp;\xdd\x90\x9ciz[\xb3z?\xe2\x83\xacN7#\xa2\x07\x82\xb7E\x82\x89,{\xfc\x0ci\xdd\x8f\x06\x0c\xab\xe8C\x0f\xac\xd8\xb9\x9c\xf9y\xc1\x04]r8\xeb\xeaP!a\xb7-\x9d=\xf1\xd24\xa5.\x85\xef\x07&amp;\xf2\xdf\x87t\x82\xbcI\xdeq\xa8|\x88\xb32\xdf\x03\xd6\x18\xda\'\x03UUj\x00+kr\xad\x85\xb5z\xd1\xc6\xf0K(k\xc1TU\xb3\x19\xedL\xe0s\xa1\xad\x9f7\xd3\x82\x97\xdc\xb75\xb9(\x9b&amp;/\xbe\x1f9\xbfy\xb5E\xb0\xfarp\x9ew\xf6\xa0\xe8\xe6\xb0+L\x11\xa6\xd1\xa1\x92f\x8e\x86\x1c\x82\x12\xec\xc3~\xd9\xc4[\x98\xafr7K\x9d\x8c[\xe3_\xbc\xc4\xe8\xfb\x02\x04\x16AP\xf8\xf6\xa12j\x1c4lf\xf5N\xb2\x86\xadx-*O\x95\xb5\x0e\xd3\x82L\xeb\xcf\xd72\xf2&lt;\xefr\xf2\xcb(r\x97\x0f\xf5\xd1\xfc\xedM*nA\xf6b\xbf\x7f\xfc\xe7\xa6\x92\x8e0q\xd3O\xe0\xd04\x86\x8a(RJ!\xc9\x98\x04$\xe7\xd7$\xa5XI\xd2\x97\xd4q\xc2\xa2\xa8"\xcfX\xd6\xb5\x8bI\xa2\xa6to\xd9[u\xe4~~z\xb3\x82^\xe8\xa4\xce\xe9\x95\x9em\x84?\xbf%q\x92\x9c\xd3\xf0\xf5\x1a\x19\xdenw4&amp;\xd5rrmn\x92\xe7\r])\xcaD/\\\x8es\x9e\xfd\xb7O\xfa\xcf\x12\x8c)0wa\x1a\xca\x9d\x98\x9f P\xdf\xd5c\x8cq\x93\x15,#&gt;#\xaeYU\x1d\xf5\x89\xa7c\x0eW7&lt;\x1cL.\x13\xbd\xba,\x8d[\x98\xfe\x05\xcf\xc1&gt;~!\x12\xfa\xce\x00\x00\x00\x00IEND\xaeB`\x82'</t>
        </is>
      </c>
      <c r="M420" s="3" t="n">
        <v>45492.67896990741</v>
      </c>
    </row>
    <row r="421">
      <c r="A421" t="n">
        <v>1046696</v>
      </c>
      <c r="B421" t="n">
        <v>22032</v>
      </c>
      <c r="C421" t="inlineStr">
        <is>
          <t>Kleiton</t>
        </is>
      </c>
      <c r="D421" t="inlineStr">
        <is>
          <t>Kleiton</t>
        </is>
      </c>
      <c r="E421" t="inlineStr">
        <is>
          <t>CA</t>
        </is>
      </c>
      <c r="F421" t="inlineStr">
        <is>
          <t>ATA</t>
        </is>
      </c>
      <c r="G421" t="inlineStr">
        <is>
          <t>CA</t>
        </is>
      </c>
      <c r="H421" t="n">
        <v>180</v>
      </c>
      <c r="I421" t="n">
        <v>75</v>
      </c>
      <c r="J421" s="2" t="n">
        <v>36272</v>
      </c>
      <c r="K421" t="inlineStr">
        <is>
          <t>Right</t>
        </is>
      </c>
      <c r="L42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bdc9906-97e4-4c60-8989-3f918d167e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cC\xe4\x98\x00\x00\x03\x00PLTE\xff\xff\xff\x0f\t\x02\x15\n\x03\x08\x06\x04\x04\x03\x01\x03\x06\x03\x13\t\x02\x17\x0c\x04\x01\x01\x00\xfe\xfe\xfe\x1a\x0e\x06\x0b\n\x07\x0f\x0f\r\x13\x0c\x04\x08\r\t\x05\t\x06\x15\x12\x0f\x0f\x06\x01\x0e\x0c\t\x19\x16\x13\x0b\x04\x00\x1e\x1c\x19x\xab\x8b\xec\xc5\xab\xeb\xbe\x9f\xe3\xab\x87u\xa8\x87 \x12\n\xe7\xb2\x8f\xe8\xb8\x99n\xcb\xa0&amp;\x1f\x19g\x92v\xe2\xaf\x8d1\x1c\x11\xd0\x82Z\xed\xb7\x94\xdb\x96o\xf9\xf8\xf8\xed\xb1\x8d\xef\xf2\xf2\xe1\xa6\x81\xea\xc1\xa5\xdd\xab\x8a\xdb\x92h{\xae\x8d\xdb\xa6\x85\xed\xbb\x9a\xc6\x8ag\xeb\xa8\x81\xe8\xb5\x93\xe8\xa5\x7f\xd3\x8dfN+\x19\xe4\xa0y\x99^@\xdd\x8eaq\xa2\x83\xdf\xa1|\xed\xac\x86\xe8\xad\x8a(&amp;"\xe2\xb3\x94u\xc7\x9e\xcf\x88b+|_\xcf\x98v\xd6\x88_\xdb\x9dx\xacqP\xe4\x9ct\xd5\x9d{:$\x18C$\x14\xcc\x90n\xd4\x93n(\x17\x0el\x9b|\x8dZ&gt;\xd8\xa2\x80\xaexY\xf4\xf6\xf6\xd6\x83UI\x90qs\xcf\xa4\x1e\x0b\x03\xdc\x89Z\xa4a@\xc8\x7fX\xee\xc1\xa2:w];\xa3\x7f\xea\xa0xg\xca\x9f\xec\xc9\xb2\xbb\x8fs\xb7vT=\x7fc\xbd\x86d\xd6\xdc\xe7}\xb1\x90/-)\xbe\x7f\\1\x14\x08\xc5\x91q~L2?\x89j\xde\x9bs\xdc\xb0\x92E\xb4\x8d\xc7sJj\xc4\x9b?\xb9\x92\xa3w]q@)2\' D/#\xea\xed\xed\xe3\xbb\x9f\xde\x84SB\xac\x87M\x98z\xfc\xfc\xfb\\1\x1d\xbcrM\xc1yUh&gt;(\xe1\xe3\xe20\x9f|i6\x1f+M&lt;\xdc\xb6\x9c(\x0f\x05\x8aeNE\xbe\x95\xe6\x91e\x85\xba\x98\xc5\x84_\x98pWR3"\xa1kM2\xab\x87\xb4}]\\9&amp;\xe3\x96m\xcd{P\xe9\x9ap\x95hMuH1]C4\xb0\xb1\xb0\xd0\xa1\x82_\x88nZ\xa2\x7fzS&gt;.aKhM&gt;\xd7\xa9\x8b\x81\xb5\x93\xad\x84k:/(6\xb5\x8f\xb4\x84f?:5I\x88jW\x9b}&lt;\x18\x0cP;/\xb4lI\xed\xcf\xba\xb5\xca\xce?\x90s\xc8\x9b}\x86S7\x8dL0652N\xba\x92\xe4\x89Y2\x86h0\x94s\xaaiH":,\xdf\xbf\xaa4rX\x7fB*\x8d\xc0\x9em_Q\xaeeA\xbdkE}\\J}hYW\xbf\x97\x8ao\\^\xc7\x9d\x97V7GE@\x10\x1c\x14\xc6\xd2\xdb\x9f~h\xd6\xd6\xd5\xe4\xc6\xb3O\xc6\x9cggeLPKM"\x12Z[XxwtDfQ\xec~\x8b\xd7{P\\\x90r\x8exf\xc8_^\xe5\x94\x9b\xc8\xc8\xc8\xa3\x8fv\xc9\xe3\xd7\x9d\xa3\xa4\xc5\xaa\x92\\QG\xedt\x7f[\xa8\x88\xf8\xf0\xeb\xbe\xbf\xbe\xd4\xeb\xe2\x9a\xd1\xb8\\$\x19\x94\xc5\xa9Y|d\x9427\xd9ke\xb3QO\xe9\x82u\xa3\xbf\xbe\xef\xe3\xda\x1b) \x8c\x91\x93\x80\xa0\x83d\x98~\xee\xd5\xc5\x8a\x86\x80\xa2S;|\xbb\x95\x82\xc5\xa8\xb7\xdc\xd0\xbb\x9b\x86\xaa\xd2\xc3{\x91w\xc6\xb4\xa4\xeaju\xeb\x94\x85\x90\xa3\x85\xdd\xcb\xbe\xa8\xaa\x8es\x1f"k\x84\x86\x0c\x91"\n\x00\x00 \x00IDATx\xda\xcc\x98\xd1K\x1b[\x1e\xc7\x9b\x9e\x89f\x9c\xf1\xe6t\xc6y\x10\xf72$!b6!\x0f\xbb\xb1\x0e\x81\x11!\xd1*\x11\xd3\x06\x1a}\xf4eZJD\xa8\x13\x15\xacU\xc4\x8a\xec\xb5\xaczm\xf2\x10"\x84\r\x18_\xda H\x91\x1b].\x06\xd6\xa2U\xe8KA\xfa\xe0?\xe0C\xf7?\xd8\xefI\xdc^}\x1f\xdb{4D\xe2\xc3|\xf8~\xbf\xbf\xef9\'w\xeeX\xb1\xf8?\xd6\x9d?\xcb\x02\xcb\xfc\xe7\x8b\xcf\xd9\xf3\xec\xc5\xe7\xf9G\x7f\x0e2\x9e\x9f&lt;\xfa\x9c=\xd1\xa9AE,\xa3z9\xdf\xfe\xc3\xc9\xa0S\xf6TW\x14*\x12*H\xa2L9"\xe8\xc7\x17\x93\x1d?\x8e\x0cO\x9e\x99?/K\x82$\x88\xf8\x11\x04"9eQ\xa2\x92],\x17\x8f\xbff;~\x04\x19\xcf\xb7\xcfg\xcf\x0c\xa7(\n\x9c p2\xb1\xdb9\x87\xc3a\x17D\x99\xe38\xc2\t\xf2\xc9\xc5\xccw\x07\xe3\x1feO\x0cJ\xea:\x11\xc9!R\xcea\x07\x16gw\xfc\x04L\xc2\x11\x07G\xcf\x8e\x1e\xf1\xdf9\xe7\xc7"\xc1\xb3\xa1Sm9\xa0\x8f\x03"9jK"\xc4\tF;\xa7\x9cd1\x00\xdf\r\xaa\xe3\xe8D\x90$\x81\x93\x88D8N\xb0\x13\xd0A,\xb8\xe8dXN\xe7OL8F*\x94\x8f?\xcf|\x1f\xaa\x8elU\x81}\x1c\x98\x88 \xe1M\x96\x15\x89)\xc6q\x12\xc7\xd8j^:\xe0$\xde8\xa7\x9e\xfd\x1ez\xf1P\nu\xa0H\x02\x11u\x19y\xe7\xa8\x00?\x19\rsS\x12\x81#\x10\x07|$\x02#\xb4\x13\xe3\xf6\xb9\xf8\x99\x0b\x03\xb3G\x04*QL\x9b\x02\xc1\x90p\xa0\xb1\xe9\xe3D;^\x10\x912\xa5(\x11k\xca9\xc4\x93I\xfe\xb6\xa9\xce)\xb1\x8b\xc8\x93\x80\x06%"aU \xa1\xdf\x15\x162N\x97D\xc0\x08\xb2\xae\xc8N\x02D\x87PSQ8\xbb\xe5\x0e\x9b\xc92Y0\x80x\xb6,H:\xec\x13DJ\x15\xb6\xf1\x10\xce.\x11YQ\x0c\x99\xb2V\xa5\xcc\xc2\xba\\\x0err\xd1q{\\\xfc\xfc\x99LX\xd2\x15]\x81\x8b,F\x84HT\x15\xa8Rk\n\x18*\xea\xf8\x9fNE*\xeb\xe0t\xd4\xba\xccQ\x13\xec\xd6*\x8c\xef8\xab?\\\x90\x14E\x04\x16\x84"L\x1fP\xb0\xcf\x119\xa2(\xb2\xae\x97\x15\xc8HA}%\x16[\xf4\xfc\x96|\x04\x15|\xc2\xd3a\x18U\n&amp;m\xa6\xa2\x82P\x892\\#\x98K\x01`\x8aa\xe8\x14h\n\x11)Dt\xd6|\xac\xd1\xe9\xb7\xd3_|\xfb\x19\xeb\x01"a\x81E/\xca\xf0I\x12%\xc9\xa6\x94%\x85\xca\x02E\xdae\x03\x7f\x01\x9b\x912,\xc9\xf9M0\xbbr\xc1\xdf\x86V\x97\xac\x0c\xc0%3{$Y\x97\x8b\xba\xaaP\x14E\xb3\n\xebD"J\n\x83\x81j\x9c$\x8b\xb2\x82\xdc\x89\x92,}\xb3\x91+\x1f\xf1\xd6S\x1d\xb32 \xac\x15l\xa8Q\x14;E\xacU\x196\xa2\x0eT*\xa0\xf8%\x8c$\xd5\r\x18\x88\xb9\xc4\x14\xc0a\xa7\xfdZ\xbe\xac\xe7\xe2\xcf\xeb\x0eB\x15\x98H\x15E\x05\x91R4MXf\xa8\xe5\xb2\x8aC R\xaeH\xbaQ\xc5\xc9\x82\xe2h\x88\n\xc1\xf9\xc2\xfe\x07\x95\xc3~2o-\x17?YDgs\xac@!\nR\xae\xaa\xa6L\x0b\x85\xa2i\x986\x95\xd6\xb5#TV\xe4"\x8aKgB*\x08\x18|\xbc&amp;\x16\xd6\xa9\xa5\xf5U\x8b{mI\xacI\xd1\x95r\xa1j\x16\x8a\xbai\x16\xd3\xaaLU\x14\x97\x8c\x01\x94\x0c\xc4\r\x8c\x90\n\xa2bh\x89\xd3\xc1]\x07\x13,\xdd\x1eg\xb2P\t[\x1d\xa00pTlV\r\xc4\xab\\U\xbf\xa8\xa5/\xa6i\x16TYm\x96U0\xa1\xcbDC`\x81g\x15g\xb7\xd7N\x11\xd7V\xd1\xca\xedq\xb2\xcc6\x1c\x01\xb3/4\xb7\r\x0e\xb6\xb5\xa9m\xaa\xa9\x16\r\x15\xef\xe9b\xba\xa0\xc2S\x15\x85Q,2;\xb1\xf5H\xb4v\x8e\x108D\xfe\x86\\?Y(\x17\x9f\x95\x05Q\x12lMP\xaa\xa9?\x93N\xa7K\xfd\xe9\x92Z\x82HM\xee\xfe\xd2o\xfd\xfd\x05,\xe4\rt\xb0Qn\x84\xcb\x92\xc4\nB\x14nR9\x1c\x97\x16b]\x8aD\x96\xa5f\nE\xdc\xab\x99\xfe\x12\xc82\x99t\xbe`\xaa\xee/\xf9|\xa6TJ\x97\n\x85\xb6\xb6\xc1R!\x9dq\x0f\xaalJmT\xaa\xf5\x04w3\\\xdci\xbbu\xd7\x89S\xe4JT\x9a\rSm\xeb_\xcd\xa4K\xa5\xd2Jn(\x97O\xafd\x0e2\x07\xb9\xb9\x7fgV\xf1i\xc1\x84\x90\x9d\xf97\xee\xa7\xa6\xdb]\x80\xd3M\xecD\xc8\xdd\x94\xcb^\xb4l\x16\xf9yC@\t\xc9\x12\xca\xaa\x94\xcf\x972\xb9\x95|\xfe\xed\xbf\x96\x0erC\x0f\x97\xde\xe4\x008\xb7\xb7\xb1\xf4v5\xed\xee_\xe9\\\x99x6\xb7\xb2\xd5\xefv?\x1et7\xdck\xc1\xa1\xfa&amp;\x97h\xd9\x16\xc4g\xb1\xaf\x94\x91+\x95\xba\xf3\x07\xb9\\\xe7\xc6F.\xb7\xf4|\xe3uWo\xef\xc3\xde\xa1\xb7\xaf_\xe7\xde\xbd~\xd2\xdb\xf5l\xaesk\xa0\xf3\xc5\xc2\xb3\xae\xaeg/\x06\xb6\x9e\x0e&lt;Eq\x887\xf5\xe2\xec\x97\xd6a)\xaa\xcc\xa6\xcel\xeb_\xfa\xe5\xe1\x06\x10z\x87\xbb\xba\xb6c\xa3\xbb/{\xf7\x9f\x0c\xf7\xfe\xb3\xeb\xf0\xc9\xee\xcbQ\xcf\xcb\xd9\x11|^\x19\x1e\xae\x0c\xbf[\x98\xfb8\xe0v71\xac\x96\x16\xee6\xc25\xf3UW\xd5\x82\xa1\x0f\x16\xd2\xa5\x8d\'\xbd\xdb/=\x81\x91\x91PO(\x1a\xf2\xa6z\xd6\xb5\xd9\xd9\xc0\xc8\xcb\x91\x11\x8f\xa6}\xfa\xb4\xbe&gt;\xbe&gt;&gt;^\xa9T\x0e\xdf\xbd\x9dx1\xf0\xaa\xd1FZ\xb0\xea\x17\x90\xabpY\xd5\\3_\xd5\xaaQEyfJo\x86fG\xd6\x93Z2\x11\xf0\x06\xbc\xb1h&lt;\x9c\n\x04\x92\x89d\xc0\xa3\x05\xd6\xb4\xe4\xf4\xa7q,p\xed\xefW\x0e\xf7\xf6\x16:\xb7\x06\xef\xb6\xb4\xdc\xbbw\xef\xba\\\xc7V\x1d\xbb:N\xf5\xb2a\x14\x0b\x85/\xf9\xdc\xa8\'\xa1-kZ \x95\x8aF\xe3A\x7f0\xea\r\x04\xb4\x80\xa6%5\xaf\xa6M\xd7\xb9\x18\xd6\xf0\xf0\xe1\xbb\x85\x17\x03\xee\xb6\xbb\xcd\xb6+\xac+\xb4S\x8b\xae\xd9\xfc|U)\x16\x8db5\x9d\xcfm\xf4$&gt;MO\xefhZ\xca\xe7\x1b\xf3o\x067\x83\xc1h\xd4\xebM\x01-\xe0\xd5\x12\xc9\x04l\xdc\x1f\x1f\x9f\x9d\xad\x00k\xa2\x13X\x8d6\x86\xd5\xf2-\xf7\\\xd5\xaaC}\x07\x0c,\x16\xab\xd5\x95\xdc\xd2h$\x01\xaa\xa4\x16\xf0\xfa\xfc\xae\xee\xc5\xf7\xef\x17\xc76\xfd\x9b\xf1x&lt;\x16L\xc5\xc1\x16\xf1x\x12\x10kvv\x1fX{L\xad\xc6\x06[\xcdEv\xeb\xae}\x1bpf\x95\x89\x93U\xe3\xa4Z\xfcR\xc8,m\x8c$\x81\xc5\xa8RA\xbfkj\xea\xc3\x87\x0f\x8bcc~\xb0E\x83\xe10\x0c\x05\x96\x07\xd9\x82\\\xdb\x87\x87\x08\x17\xb0\x1a\x9b\xaf\xcb\xc5\x11\xcb6\xc5\xf63\xd5(\x9b\xd5tn\xe9u\x0f\xb0\x92\xd3\x0c\xcb\xe5\x1acjA\xaeE`\xc5\xa3\x0f\xa2\xf8\xf5F&lt;\t\xcf\xfa\xfa,\xa8*\xc3]\xcfjXw\xebr\xb5\\}\x1f ZuB\xe5\xdbY\xe4Q\x0e\xbf?\x7f\x18I$\x98\x87k\x88\x96\x8b\xc9\xd5\xbd\xe8\x8f\xc7\xfd\xc1`\xca\xeb\x8d\xfa\x83\xf1h,\x12I\xac\xc3\xc4\xedmd~o\xe1\x85\xfbU\x13\xc3\xc2OM/`\xc9\xf3\xd6a\xc9\x8aj\xa63\xb9\xa1\x7f\x84X\xb4v\x96\xfbZ\x81\xe5r-v/N-n\xc6\xa3\xd1X\xd4\x9b\xf2\x07\xfd\xe1T,\x12\x82\x89\x95\xd9J\x85aM,l\xf5#\xf3\xa0\xc2\xef\x15V\xd9\xb2\x03\x17\x7f\xa9R\xb3T\xca\x1c\x0c\x85\x90\xf8\x1dm\x19Z\xb5\xfaZ\xfdc\xc0\x82\x7f\x0fB\xa1P\x0cj\x05\xe3\xa9\xe9X"\x94\x18\x87V\x8c\n\r\xb1\xf0q\xebi#,\xb45\xfc\x1f\xcbqb\xdd\xed\xfa\\W\x8b\xe9\x83\xdcFWOr:\xb9\xb3\xbc\xdc\xe7\xf3\xf9}~?*bll3\x16\x8b\xf4DB\x81@\n\x99O$&gt;%\xd0\x10\xfb\x8c\xeb\xbf\xef\xf6\x805\xe0~\xdc\xf0\r\xab\xbe\xf7X\xa6\xd6\x91\xae\x94\xd2\xf9_\x9e?\xf4\xa0\xdfw\x96\xd7\xee\xfbZ[\x83&gt;\x7fp\x13\xe5\xf0\xe0A\xcc\xd3\x13\x89x5\xef\xfdp4\x89\xbc#Z\xdb\xd8}XALL|\x1c\xd8z|\x17T\r6[\x0b\xbbmp\xdcW\xcb\xc4\xc2\xb5\xc7L\x03\xeb?\xa3\x9ed2\xa9-\xf7\xdd\x87\x89\xc1p0\xfc \xeeC\x99\xc6&lt;\x9eH$\x82\xe1\x8cz5\x16x\xa6\xd6\xf0.3\x11\x99\xc7,B\xa9\x06p\xd5+\x82\x9c[x:\xfd\x8ah\xfdv0\xb4\x1baTk}\xf7\xff\x8e\xc8\xb7\xe2\x15DW\xc5\xd0V\xa1\x08\xaa\xd4\x1b\x0e\xa7\xb4D"\xe1a\xe1\xda\x1e\xeeB\xcd/,\xcc\xbdjj\xb05\xd4\xd4\xaa\x9dp\x14+o\x8a\x97&amp;\x06\xf1\xcd\xd0\xb6\x96D\xb4\xd6\xfa\xfa\xc0\xd4\xea\xfb\x8b\xcb\xd5\xdd\xea\x8f\x07\xa3\x01/c\xf3\xa6|qo\x00\\\x1epU\xb6w\x19\xd7\xde\xc4\xc7\xa7WX\xf7\xeaX\xc7\x16~\xf1\xcc_(\xee\x95\xd5\xd5\xb7#\xda\x0e*~\xed\xd7\x9a\\\xad?w\xffmjjl*8\x16\x0e\xa3#R\xa9\xb0\xcb\xe5OEC!t\xc4~et{w\x975\xd7\x00S\x0b\xab\xa1\x8eE,\xbd\'\x1e\xa9\x85\xd2j\xd7\x13\x1c]\xa6\x93\xcb\xbf\xc2E\xa8\xd5\xfd\xf3\xd4_?\xbc\x7f\xff\x01\x1d\xe1\xc2\x04`\xf3Y|\xdf\xdd\x1d\xf6\xc6b\xa1\x9e\xff\xb1j~/\x89\xadk\x1c\xdfyf\x94\x84.\x16\x04k\x89.\x86t\x95\'\x8b\xfcm\x91nYhY\xfe\xc0D0\x15DE8\xa9L\x04\xda\x1c\x83L\x07\xc9\x90~Piu\x84(\x1c\xda\xe0N07ADL?\x18\xe6@\xc8\x10\x03C\xb0\x87\xd3@\x17]v\xd3\xe9b`.\xe6\xc0y\xde\xd5\xe9\xfc\x05\xeb\xad\xfb&gt;|\x9f\xef\xfb&lt;\xdf\xe7me\xe6\xc2\xe1\xa3\xe1\xa3\xfe\x83\xacV\x8c\xb0\xb8\x18c\xf9\x17/\x7feu\xdb\xff\xfb\x1f\xd3\xef\xb4+\x12h\xa5\x8cZj\x91A`L\xa5R\xc7\xb5f\xedg\xb3)K\x19\xe1\x08\xa0\xebO\xa6\x04Cv\xbb\xc9\xb68\x11v\x85\x01+\x9eM[=\x8cZ\x90#\xd0\xba\xf1i\x96\xd5\xad\xfa\xb3py-\\\x84L33S(\x05:\x0c\x805\x7f\xfc\x13\x90\x9a\xcd`\xb3\x992\x02P\xcf\xe0`\xb7\xc0\xd81d\xb7\xd9b\x8a\xc8\xea^"\xb1q\xbe\xf6f\xd9\xea`\xb00\xe6*\xbed\xf7)\xbc\xf5\xcfW\xa3\xc9a7\xa3V\xa1\xa4\xee\x1e2\x95o\x8e\xd1i\x1e7\x9b\xb8,Ev\xf4\x18\x07\x87\x06\xc7::\xfaFl\x91\xbd\xca\xe5\x87\xf3\x9d\xad\xe5\xdfGa+\x13\n9Ojq\x01\x8b\xdd\x1a\xb6\xc2\xa68\xbav\x842\xcd\xb8{=0\xa8\xd8\x0b}\xbd\xbe\xbe\xbe\xfc\xfa\xf5k\xa5&gt;??\x9fB\xd9f\x90\x89\xabc\xa6\xc8\xd2\xc2\xce\xd6\xb7\xe9\xdf\xa6_\xf1y|!\xc4\x1a\xee\xff\xaa\xd8\xce\xee=\xfc\xa5\xf5\xafo\xdf~\x16\xaf\x1d\x15gf\xdc_\xcc:\xfb\xde\xf5\x87\x0f\xd7\xd7\x9f/.\xde_\\\\V*\xf5P\xbd\xbc;\xdf3d\xa7Mc\xe5\xbd\xd5\xa5\xed\xad7\xbf\xbd\xfb\xdb\xf4\xbbi\xf1\xe8\x9bQ!X\x1dFO\x0b\xc6`\xfd\xf6\xe9-\x8bM\xfeF\x92y/^\xf6\x16g\xc6\xdd\xee\xd7\xb1\xc4\xf9\xc2\xc2\xf5\xf9\x87\x8b\x9d-8;\xe7\x95\xef\x95P\xa8\xbc\x0b\xd5S\xc4"{K\xce\xed\xdf\xdf8\xde\xc1"\xbb\xb9\x04\xe6\xday\x03\\/\xb0g\xb5\xfe\x82\xb19\x12\xed\x87\x87gZm\x7f\xd1\rM^\xb1\xb4p\xf9\x1d\n7Y.\xd7C\x95\x85\x8d\x85\x85D"\xb1\x17\xab\x9bL\xb1\x88\xa2\xb2\xb4\xb0\xb96\x1a\x8dj7W"\n\xc5\x84\xcb\xb9\xb9\xec\xe0\xb7\xb5\xb7?c\xb5c\xec\xb9k\xf6\xde\\R\x17\xce\x00\x0b&amp;b\xe7J\x02\x94\xe9\x81\x04\xdf\x87\xf4Y\x9c\x88\xac\xc2\xa5s\xed\xc5\x98\xdbWIl/W\x81j#\x14\xb3A\x97X9\xc8Y\x1d\xbc\xb6\xb6g\xb5\xda1\x8e\x90\xb5\xe7\xd3\xd6\xfb\xd2\xbaRi\xd9\xecw\x8f\x9b\x07:\x15\xe5\xben\x18\xd0}c##\xf0\x97\x173a8\xab\xae\xd5\xfan=\x14qmlk\xa3\xf9|\xb6R\xb7\x99\x00\xd9\x05;?\xc4\xc0g\xcb\xb7\xbc\xc08\x18\xf7O\x16\xb1J\x96\x80\xc1\xb9\xe2\x1e\x18\xef\xd5\x8c\xf4\r\xc2\xea\xdak_\x8c\xb8\xd0\xc6\xef=::\n/\xc6\xca\x93\xc7\x93\xa6\x88+n\xcd\xe7=\xcb\x95\xd5\x95\x8d\xc4\xe5\x86s;\x8b\x02\x04`q\x9f\xc8\xday|\x0e\xf6/\x16\xb1\xd4z\x81&gt;1\xec\x86\x1d\x15\xed\x11\xbd\xf4\x9c\xd7\x15\xfa\xf1=\xb1\xe4L\xa6s\x8d\xc7\xd3\x89\xb1\x14\xfe\xd0\xec\xf6y\xd3\xd1\xbc\xc7\x93\xdd&lt;\xbf\xbc\xf9\xcf\xbf\xdfo\xed,\x8f:\xf8&lt;\xd81\xb8\x1c\x0e\xc3\xc5\xe7\xf3\xb0\xcf\xaca\xddRz\xaaf\xd8\xcb\xc0R\xffz\xb0g\xa8\x93\xfe\xe8\n-\xed\xc0\xe5w\x88\x97\xb3\x8d\x86wn\xb1[\x16|\xa8\rNy\xa1\x84\x9c\xfcyhe\xe1z\xba\xe5\xc5\x0b\xac\x8d\xcf\xe1qQ\xd8\xe2\xb4=aqx\x18{\xa1\xf9\x96*\x11\xb5\x8e=\xdf\xf8\x80\xa5W \x18\xec&lt;\r\xc7\x97w&gt;{Z^\xf2\xa2\x1f\xe2\xe9\x93}{O\x87L\x86\x07\xd7\xcf\x1aWQ\x0fG\x9b&lt;\xa9\xfc\xfc\xf9)\xcf\xf3x\x1cB\xac\x1dCX\\\xc0\x82\xe9\xc3\x17:x\xec\xad\x18\xb7R%\x8e\x93.\x89y=`P\x19\x04\x9a\xd3\xe4N\xe8\xfb\x8fo\xd1\xe8\xd5v\xc8{r\xd2\xe8\xec\x11\x11\xa4,U(~\x04,\xcf\xf6pD\x11\xbb\xf9\xb1\xad\xd5n]\\\xec\xf0Q\x90\x7f6\x17\x97\xc3\xe3\xb3\x96\x03[\xef\xd5\x84\\Z\n\xbb\x07J\x01=E\xe9-\xaf\xe9\x88+4\xff\xf3\xeb\xf9\xd2\xf7XfN2.I\x89T\x06RW(&gt;^\x81\xb7\xcec6S9T\xa9T\x12\x0b\xa8m\xf18|\xee3W;\x06`\xacM\xeb{\x91_*\r\xf8\x00K\xa9\xa4(\x91Tm\x19\xb2\xc5n*\x95\xbd\xd5\xf0\xfe\x19\x9c2iP\xab\r\xeb\x87S\x8f\xb9j4\x9f\xac\xc7hZc\xb3\xc1\xbd\xcci\xa3|\x9eC,\x16"\xcb\xa3\xdc\xdc\x0e\x9d\x8b-\xcf\xb7&gt;\x90\x04%\'\x14\x08KG\xc9))\xa5SC \x1d1\xd1sg\xa7\xfb\xa7\x19\x9bQ\xad\x0e\x08\xd6\x0b\xe3S\xde\x9c\xb6ZM\x87L6\xda\x07\xeb~?$\xe6|^l\xb5ZGa\xcf\xe0&gt;a\xb5s\xd9z\xd3\x9d\xc5\tJ\x8a\xd7h\xf7\x80E/\xa5\xe0\xc8)\x95\x00\xb04\xbe\xa9p\xc6G\xdb\x8cH+R7\xfee\xea\xf1$}uu\xb7Q7\xd9ltf\xdf\x8b6\xb2d6\x99\xcdZ\xc5\x0e\x1e\xb3\xfc \xacWoY\x1a&gt;2\\\x0fX\x12w\xa1\xa4\x04.)E\x102\xbf\xa8\xa3ol\x17-\x89#)\x95R\xad\x14\x19u\x85/\xc5GX\xef\xefr\xc9\xe1\xba\xc9n\xb7\xd30\x14\xc3\xd0q\x9d\xf1\xe4\x1a\xd3\xeb\xd1\x9a\x01X|\x96\xc6O\x97\xca\xaf\xd7\xcbS&gt;\xc0\n(\xa5R\xca\xef\xc7\xe1\x04!\xfd\xcd\x8f\x8d\xf4\xc8dR\xb5^i\x10\xac\x0f\x1c\x16\x1b\xb9x&lt;}\x97k\x84ce\x93\x86\xa6a4e\xc2\xc3+\xce\xcd5\xab\x90\x0f]\xb5\r\xc9\xc5\xc5Xz\x01\xbf\xd5\xcb\xf5\x01\xa9\xd1\'\x01,P\xcb\x1f\x0c\x02\x15\xe4\xd2\xe3\xc9\xbe\xbeI&lt;(7(\x03%\x9de\xdd\x0cj%\x93\x07\xc9\xbbt\xdc\x9b\xb1\x99\x80k\xd1\xe7\xf3e2\x90\xe8A-&gt;\xe7\t\x0b\xe3pY\xba\x8a\xb7R\xa9\xbf\x10\x10!\xac\x12T3\x18\xac\xc1\xcf\xb1Lv&lt;9\x9f\x02\xcdDju\xc1b)\x1c\xce|\x99:=I\xa7s\xe9\xab\\\x7f\xc6\xa7@\x0b\x10-\xa1}\x99\xfd\xfe\x8351\xc2\xe2 ,\xa8%[jI\x95\xf2\xc2!\xb5(Y\x07oQ\x08\xea\xa1V\xc3S\xa4\x91\xc4\x9bA\x99L\rb\x15\x18\xaa3o\xe3\xaaj\xd5^\xa5\xfb3\xb0\xffO\xd1\xb01\x9a%\x99#\xe8^\xe8Q\x90\xc1\x02\xb1X\xf2Vk\x17\xa5\xd7+\x0fK\x13\x92\xde\x80R/\xf7\xd7\xe0&lt; w\xe10p\x828\xa94\x04\n\x87\x08\x0b\xb8\x1awQq\xd5\x8a\xb0\xcc\xb0\\K|\xf0;\xe7\x8dg\xd7\x1c\xcf\xde\xc2\xb8\xac\x05\xc1.J)\xc7\x03\x0c\x96\x9e\x92\xe3x\xad\x86\xea\x88\xcbH\x02\xb8p\x95A\tb\x15\x0e\xe1@\x87\xc8A\x9b\xcf?\xa9\x05;?\xf2\xd6~\x7f&lt;g\x05\xb1P\x92\x80\x1arX\xeb[]r\x8a\xa8\x05\xe5\nZ\x03}K\xee\x07\x89`0\xe32\x18\x838\xd0\x19\x02\xeaR\xa1dY/\xa0Gy\x06\xcb\x13uf2f\xb7YR\x9c\xf2e\xc2\x1f\x9d\x07i1\x1faq\xb9PC\x1e\xf7\x1b[\xef\xf2A\x7f\x10$\x8a\xd1f\x8b\x12."T\x8f\x0c\xe2)\x11I\x12AY0(\n(\xd5\xa4\x11n#\xb4\xf9\xe2\xe9I\x15r \xe7\xca\x85\x9e\xbc\xcc\xc5bf\xee\xa8\xe1\x8ck\x85|F\xac6\x18\x89\x1c\xce\'\xb6f\xe2\x83\x14\xf7\xfb)\xd3\xa2\xaf\xd3\xa0\x94B\xe5d\x04^\xc3e2B\x96\xaa\xe1\xa0\x96A\xf5p\x7f\xdf\x14\x05\nf\x9f\x17\xc5\xd3&lt;\xe6\xc9Mh4f\xb3dnn\x0e\xb5\x87*\xff\xa9\x86\xe8\x9d\x0b\xe3\xb0\xf6\x1f2h\\\x14\xc2\x92h\xba\xa1\x8aPF\x19\t\xed\x94H\x91$\xb0\x05\xd4\xa8\x98\xf7\x0f\xa4\xa5\x93\x0e;\x93Z\xa1\'\x8fa\x9e\xb8\x02\xe4\x02c\x1d}t&amp;\x19g!\xcb\xb7\xa0\x7f\xff\xf0Y\x0b\xf3\xb3~\xd4O\x05a\t\xad3\x18\xa0\x8c\x04\xc1\\A\x19IR\x84J\xad\x92\x1b\x8d$I\n\xcc6WV\xab\xd5V\xc5yN;7\xba\xa2\xb0K$\xe0wg&lt;\xed\xe0\xfd_-\xc8\x84\xffd\xefK\x88[\xbd\x1f&amp;N\xc4Lw\xaa\xf5j\x8a\x02O1\x96\'E\x04\xa1"\x88\x0e{\xac\xbc\xdbc\x8a$\xd2\x8e\xbc\xf6\x1c"\x96\x07\xac\xad]\xa55\xbe\xccp\xff\xe6\xa6\x96\xb9\x86\x80\xd5\x82\xf2 \x8f\xc5\xc7\x91\xd9\x07\xe8\x0b*\x17`\xe9t:\x98\x8a2\xa2\x89\x13*\xb9HJ\x82\xc1\xfa\x86\xd7F\xb7*\xa1\xc4v:\xca\xc3x\xa3\xa8u\xc2\x8c\xf1\xc4\'l\x8b\xe1\xfe\x83xr\x14\x82\xe0\x93Xm&lt;&gt;\xff\x1b\x9b\x9f\x8d\xb4\xde\xe3\xc4\xc3\x0fZ\xd3\xabS\xaa\xa50\x8bD"\xf0\x97\xdc \'\x82A\xfa\xa4\n\xe7n#wW\xe5\xa0\xe0\x829\x1cLP\xa8\x0e+\x00\x0b\xc6t\x1e\xe6\x0e\xd3\x1eZ~\xfd\xe3\xdd\'v?\xb2A\xdf\xe7\xdfFz5:\x83\x9e\xc9\x10\x04\x98\x9d\x90\x93x\xf0\xe1\xd8\xd5x\x9c\xa8\xdf\xec\xc6\x1aW\x1e\x0c\x99\xc7\xf3D\xe7\xd9t\xd9\xc2\xce\xec\x9a\xd5\x83\xb0\x18\xc7\xff\xa3\xabk\x96\xf5O\x92~\xe9\xaa\xd3\xbd\x16\xa5^\xaf\xfb/-g\x1b\xd2V\x9a\xc5\xf1&amp;j\xd2$\xde\xe8hm\x931\x191\x1a\xad\x1a\x93\x9b\xb7\x9bN\x8c1D\xf3\x1e4\x85\xca\x18\xc86\x124F"\x94\xa8\xed\x07\xb5)C\r\xab1D\xd7\xe8d\x11_\x86,\xb4\xb3\xa0\xd3/\xcbR\x0b\x16g\n-t\xdb\xa5\x0b\xda\xe9\xcc\xb8\x9dV\xa7\xea\x96\x19\xb6\xddaf\xab\x0ce\xcfs\xafmY\xf6\xd3\xec\xf4&gt;\x91\xe87\x7f\xfc\xcf\xb9\xe79\xff\xe7\xe5*\x15\x02\xafH\xe0UTChO\x9f&gt;-\xb7\xf5\xfc\x98\xee\xa9\x91/\xa6\xc6\xd0\x8e\x055X\xcc;\t\xbc\xfd\xaaV\x82J)\xa9\x16Vt\x81\x96Sx\x03_\x055\x13je\x9dZ\xad\x802\xa6\xf0V\x0b\xbc\xc7\x04\xf0\xab\xfa\xa2\xff\xe6b\xba\xa5&amp;\x1dJA\xab \xe9\xea\x1a\xee\xba\xe4p\\\x1al\xb6$\xa2Z7\x97{\x90\xf1\xd8\x15zN\x9fr~\x1eui\x08hP+\xa1\x9f\x07\xc1\x8eU{\x05`l\xc5s\xf1\xc8\x82?\xe0\x94\x97\x9a#\xe0i\xfb\xa7R\xba\x0f,\tOB\x97\x82\xccr\x14S\xc5\x01\xd5\xf8\xbb\xf4\x1c\xba\xe6&lt;\r\xca4V_]\x1d\xea\x9c\xbd\x80\xe5=V\x0e\xb6\xd1\x1f\x8fE\x16\xccA\\h\x94\'\x9b\xfb\xc1\xe6D\x9b\xdb\x83\xc1\x00t\xa5K\xcd\xbd\xd0-\xa3\x08Bv\xb1\x18\xcfh:\xe1Y\xe1\xd7\xb8\xacjR.\x058\r\x81\xd7\xabh\xb1\xf9\xe3\xa9\x15K\x9b\xecoez\x03!\xfb \xeap\xbb%\xe3\xcd)\x8f\xc5\xd2&lt;333F\xcd\x86\xe8\xc3`\xd0u\xb2\xb9b\xce$\x05,%\x8abyee\x9d\xf1b\xda\x9f\x88\xc4"\x81\x89}\xd5\xfe\xee\xe4\xfe\xee\xee\xf6\xd0\xd2\xb8\xdd.\xb9&lt;\x1b\x05\xeb:&gt;&gt;f/&amp;\xa1\xd0`\xe5\xdf\xa2\t\x8b\xf3O\\j\xf5)\t5\x04QY\xe73~\xe5_X\x8dE&lt;Mr\xf1\xfa\xfa\xfe\xfa\xfa\xf6\xf6\xda\xf6\xda\'W\x07\xa7\xed\xc5\x12{\x7f4j\x97\xd8\xa9\x8e\x06\xb8X,\xac\x93\xae\xf3\xd6\x9c\x93!S8\xacT"\xffSW\xa9\x0e\xf9o\xae\xaed\xe4\xb6\xf5\xfd}\x10jwomg-\xb8\xb6\xf3iotL\xe2.\x06/\xed\xe6\xb2\x0fb\x88\x8a\x16\xe3.m\xd7\x0c*\xfcx\x18*\x17\xa4W]e\x95y!\x1e\x8fe\xd2\xaa\xdd\xbdm4v\xd7\x9e\xef\xec\xec\xe8\xaen\xa2}s\x90\xcb\x8d\x9e&gt;6\xfb\x95Z\x18\xe3;\xda\xce4\x0f\xbc\xc0\xa1B\x80[\xad\xf3U\xc9\xfd\x91\x9b\x96\xa4k\x7f{m\xe7\xc9\xf3\x1dPj\xe7\xe5\xcb\x97\x9b\x9bP\xb4\x86\x81\x87\x0bs#\x13\xcd\xccl\x8cI\xb5\x80\xd87\xb4\x1d\x01\xe7&lt;\r\xe1a0\xab\xbeJ\xb5\xde\x96\x8cx&gt;\xd7\x9d\x07\xa8\';k\xe8\xfb\xc9\xcb\x97\xe8\xeb\xd20\xf4zG\xdeq\xcc\xcc\xba\xd12 \x15C\xc0\xaa\xbfp\x88\xb6Q\xf1#\xee"\xd4Jk\xa5Ro\xcbDF\x87\xae~\xfa|g{\xe3\x1e\x8c\xbd\xbd\x8d\x8d\x8d{\x1b{kOz\x87[\xd9\xd0\x9f&amp;\xa6$\xd4#\x88\x06\x03\xa31\xb5\xd0\xfc\x93\x0cH\xd5J\xa2NI8-x\x93F\xba\xbb\x0b0\xeb\xeb\xeb\x00\x06\xdf\xeb\x1b\xdb;O6a\xea\xd1v\',$\xd6Aq`0\x18_\xd2x\xbd\x80\xf3\xb3\xc7\xe3\xb4\xaaa\x06R\x1aBMj\xc2\xfa\xdb}\xc4\xf5\xe2\xcf\xeb$\xd6=\x10k\xf3NWk\xb1Cgi\x1e\'\xb1`.\xc40hjh\xabZTry2\x01\x99\x95 &amp;\x95\xca&amp;\xbdRM\xf8|\xbb\xbb\xf7\xc8(n\x00\xd5\x06PuA#\xc3r,-\xf5j\xdd\xd4\xbcC\xad\xe6\xfe\x85\xd6\xfbQg#\x9e \x1e\x96\x86\xa5&gt;\x9fZ\xad\x86iH\x19\x9e@\x81\xdc\xdb\xd8#\x13\xeb\xcep+\xb4\xec\xad\xda\xa9\xeeA\x87\x9d\xcb\xc4\xd8\x07K\xdf\x18\xadwj8\x0fS\x91`\xc6d\xd2h\x08\xa0B\xb3c\x1d\xa1w\x99\xd6\xa0n\xa1\xa7q\xf3R+\x93\x05\x8d`\xd7\xe0\xe0\xb8\xd6\xde\xc7\xc6^/}w\x9e\xa5\x17+\x19\x1f\x1d\x1d5\x99p\rD\x92\xf0A]U\x87\xcdxF7\xb5y\xe7\x12\xf8ix\x08[\x8bQ\xca\x8f9$\xc5\x90T\xd8\x81X4\xc7\xf0P\x859\xe1ik3iF5MUz+\xcc\xdb\xd6\x132\x99)\x98Xj\x9e\x19\x1f\xfc0\xda;8\xa8\x1d\x1b\xd7j\x1dZ\xb7\x9b\x8baPK\x99\x0c(\xf0Y\xbc\xdb\xf4\xde#\xabh\xc1c\x96\xb6 (fn\xb2\xe9\'`\xc8dR\r\xd8TK\xa2;\xd1\xfe\'\x8b\xaey\xa9\x1b\xdc\xa2\xc3.A;c\x18\x93\x0c\xe3\x91,\xec\x19\xbd\xd7\xa2\x06\xe6\xa4\x91X{[ \xe8t5\xd9d\x13V\x84u\xa2\xb1\xac\xcc4\xda\xde\xdefB\xcbF\xba\xee\xde\xe8\xb4\x1d\xba.4\xe1\x00\x17H\x06\x19\xff%\xbdX\x9csR\x17\xf42\xc1\xd1\x80S\xdf$\x85\xfc\xb2"\xc5&amp;\xf4\xfa\xb0F*\x93\x9eh\xfc\x1dZt\x88\x8e\xd9%\x126\x8b\x92\x0b\xc3\x18G0\xec&gt;\xcdX\x7f\x94\xe9\x03\xb1D2\x99\xc4]\xe0e}&gt;\xdf\xe4\xe4\xa4\xcf\xaa\x12\x19\x0cz\x99Tz\xa2\xec\xfc\x90\xae{J\xeb\xe8ws\x91Xh\x80VlZ\x8b)\xb9z\xa3\xd1\xeb=1\x8b\xc7\x93\xc4\xcdV\xab\xd57\xe9\xf3\xd5\x19\x0cbp\xfe-N\x14\xcf\xd1O&gt;\xefF\x07;\xdd,R)D\x05mD\xd1\x05z\xa98O5\x84\xd0\x95JE&lt;\x9eL\xa8\x89\x98\x00,%\xc2:\'\xae2\xe3e\x8d\'4\xce\xc8\xd4\x14\xea\x9b\xd9(\x800C\x17 *f\xfdY\x9a\xb1\x1ej\xac\x06\xa13\x96\x8aG"\x01\x97\x95\xb0"?k\x10\x89.\xca\x856&lt;hj4%\xbb?\xecE\xdd)\x93\x89\xe5\x03\x16\x8f\x81!\x83q\x85\xe6\x0b\x8a\x9c\x87&amp;\xa9R\xa4\xc7Sq\x00\x0b\xb9\x08"\xec\x03(\x95\xf8b\x8f\xd9\xe6\xc2\x9dC\xed\xba\xa9\xe8X?\xb9F\x93\x8fa\x05\x05\xf0 \xa2v\xeb\x0f\xc7i\xce\xad\x87\xa6\xb0\xba\xd2\xd8\x12H\xc5\xe2\xab7\xfd!\xb3+\xac\x14\xcak\x84i\x9b\xd3\xe9r\xb6%\x9b\x97\xa2c}nH).\x17+\xe0QT\x80u\xe38\xfdj\x11\x86r\xa3&lt;\x13[\x8d\xaf\\_\xf0g\x02\xfa*[\xbae\xd1\x8c\xe3N\'\x9eBy\x851\n\xb1|tG\x84\x87\xbd\xf2\xf9\x9d\xb7\x06h\x9d\x13+^\x94\xc9\x08C\xa5\xa04\x9d\x89\xaf\xae^\x9b]\x88\xc4\xf1\xa6\x90\x7f\x11\xdc~2\x93\x89M\xf7\xdb\xfb\xb8\x85\x8c\x82|nn\x01\xef5\x15\x93\xc5+\xba}\x81\xc6\xdb\x9c\xdf\xdc\xb8\x0cX`\xf6\xabk\xcc\x99\xd5k\xd7;\xbf\xbe\xbe\xe2_X\xb8\x19Y\x89g"\xf1\xd8l\x7fII\x11\xa8\xc4\xcb\xcf\xe7\x150((.\xc2\xca:\x9c\xddI[E\x1dx\xd4\xc9\x1f+C\xbb\x8a*\x05p\x05\xe2+_\x97\xd4\x7f|m6vmvvzev\xfarII.\x8fW\xc8C7\x95\n\x18\x07Z\x91&amp;1\xeb\xf0\xe1\x9c+4\xe9\xc5y\xf0~^\x81\x0e\xb0\x94\x95\xe5\xe5\xe2s=\xd0\xd0\xc4/\xe7\x17\x96\xd4\xf7}\\T\xd2\xd7\xd7WT\x88\xae\xf5\xe4\xf3\xb2r\xb2\xe0\x11\xa4\x88\x90Zh\xfb"\xfbp6\xff.-y\xcf\xb90\xf2\xfb\xach{\x99\xcc\nf_\xa1P\tz\xcc\xa1P\xe4r_Ia\x01\xbau\x8a\xde)\x00T\x859\xd9\xd9\xf0\x04\xb2\xd1\xb2\x16\xb98IY\xea\xac\xac&lt;~\xee3\x1a\xcc\x0f\xe7\xf8\xd6\xfc\xb7\xf6!\x0b\xa8\xa5\x16\x01V\xb9J\xdcc3\x9bC\xf1\xe9\xbe\xa2+\xb9\xbc\xfc,\xf8\xcfEY999(\xd5\xb9h\x1cP\xa1S#\x8c#\xd9&lt;&gt;\xbf\xf0\xa3\xb7\x7f+\xb7\xe2\xa7\xe5\x91ouC\xed\x80%D;\xd6\n\x85\x08\xb8l\xb6t(\xd6\xdfWRT\x82\xeew\xd6C\xa9*\xc0\xb8\xd4@^\xec\r\xd6\x91\x1c&gt;\x9f_\xff\x96\x9d5\x87s\xf2\x1f\xcb\xcb\xcb\xff\x1ejko\x84 \x1a*\xd1&gt;\xba\xa8\xd4X\xda\x02\\\x8b\xfe\x19Iq1\x97[\\\xccFU\x14\xb2\x8a\xa4"-\xe2\x7fc\xf1\xebo\xbdE\xbd8\x9c\x81\x07[\x1d\x80\xf5\xfdy\x84ET\t\r \x96\xa2\xdc \x14\x8a\xe7l-\xb6Es$J6\xa3\xd4xM\xc5z\x1dE\xc6;$V.\xff\xc6\xfd\xb7VW9\xc7\x1fo\x8dt\xcco-/\xcf\x07\xcb\xcek\xa4D\x95\xc1\xa0\x12P\\\xa5\x17\x8d-ft\xd0\xadY\xdbJ\xba\tr\xde\xa1B\xc8\xfa\x1f,\x00+\xba}\xeb\xed\xbc\xea\xa3\xe2\xc1\x0f\xef/\x8ft,o\xc1\'\xd0\x88\xb0\xd4B\x91\xa8\\\xe0\x15(T\xc2\xaa\x1a\xe3\xb9\x9et(\x10\x08X\xa6\xc0\x8d\x91b\xb1\x0f\xaa\x02:\x1f\xc5\xa66\x12_c\xf1\xf9yEw\xefW\xfcj\xb0\x81G\x8f\xffu\xe6\xdd\x91\xf9\x8e\x91-\x90k\xa1\xb1M##\x08\xa1H\xa5R\x08\xbc\x90^\xc0\xd5c4\xce\xa5\xd3\xa1PR7\xde\x05\xde\x15\x1d\xef\xa1\xb4\xa2\xd4"\xff\x06\xac\xbc\x03,~\x0e\xbf\xf0\xf6\xfd_\xa5\x18\xe7\xe4\x83\xc7\r\rg&gt;{\xb7\xa3\xe3\xe8\x08\xe4\xd6\xf2\x17\x1a\x13\xf4\xcaz\xb5A\xa4P\x18\xbd^\x81\xb8\xb4\xaaFXS3\'o\xb1\x99\x9dN\xcf\x94\xa3\xf5M\x9a\x1fPQ\xc2\xbd\xc1\xca\xcb\xc9\xcb\x03\xc5&gt;:\xfb\xff\xbd\xe9\x86sh\xe0\xecO?444\xbcw\xe6\xb3\xa3\xb5\xb5G\xe7\x11\xd6\xf7\x1a\x8d4\xdc\x04\xc9%R\t\x04\xd5\x90_\xaa\xd2\xd2Rt9\n\xa8p\x1c\xb7tk\x87\xb9\xd4\xa2$\x19B\xe6\x01\x16X\xed\xecWT\x08\x0b~r;\xffz\xff\x17\xbf\xb7\x88\x03y\xfe\xe01\x82j8u\xea\xbd\xdf\x1c\xed\xe8\xa8\xad\x1d\x811\x1f\xd0H\xf5z\xa2J\r\x9d\x9f\xa0\xfa\x98X,V\x89D\xc6R\xb9\\\x8e\x0e0\xe2\x01\xe0\xeaj\xe5\xa2\x1bG\xe0Z\xd1Z \xf9L\xb2\xdf`\xe5\xbd\xc2\x82Qx\xe3\xbb_\x92\xfe\xc0T\xf1\xe8\x15\x13\x8c\x86S\x7f\x9f\xaf\xad\xad\xed\x00\xac\xe5/\xa4a\xc0R\x83\\\xffi\xe4\xfeC\xda\xcc\xef8\x80{?\xa4\\\xe7%\x1c\xe3\x9e\xea\xd3\x9a\xc5c\'ZI\'\xa1\xa5&lt;\xc7\x16\x17\x99\xf4\xca\xdd\xa3\x86t\xf4\x96\x87\\\x9a\xea9\x9b\xf6!\xb92%\xa1\xac\r\x96\x06u\xc6\xfb\xa3\x1d\xa6\xb8F,q\xb0\xc4\xb2\x10\xcf\x93\x05\x96\x1f\xccdde\x13\x12\x98Z\x11Z\xea?\xc1\x1a\x8a\xb5zPJ\xf7\xfe|\x9fx\xb6w\xdb\xb8\x8fI\x14)\xf4\xd5\xf7\xe7\xf3|\x9e\xc7\xf6I\x7f\xfc\x93jT\xdd\xa1ZC\xbf\xa1\x8e\xee\xf6lE`gG\xce\x1d{\x8f\x02{\xa7|\x13\xd9\xfe\xf2\xbfp\xbe\xa3\xdeU1\x16+\xb5\xfa\x07\xef\xde]\xbe\xf2=eo5\xdc\xdfz\xd8R.bYO\xad\x0e\xea\xba\x19kp\xe3#\xb0\x1a\x1b1\\\xb5@\xd5\xeak\rMu\x86\x0b\x17.4!.\xb0F\xdb\xda/\x1e\xfb\xe3\xc7\x07\xf7\xd1\r\xf2/\xb3\xde\xd8c\xbd\xb9\xcbB\xa9\xd4\xaa\x9f\xfd\xe3{\x8c\x19L\x94\x93\x13#\xd5rJ\xc3\xc2B\x13\xc1\xe28\x0e=\x0c\x0e.\xfe\x82X5\n\xab\xba\x96\x82j\x82\xea\x16\xcd|\xef\xd9\xd1\x91v\xfc\xf0z\xec\xe4\xaf\x7f\xc9\xf6\x83\xc2Bx\xafU\xaa\xf6\xd2R\xed\xb1XfU\x9f\xfd?\x19\x9b\'6\xe4NM\x8bF\x03S\x99eM\'9\x0e\xc3\x15\xa4\xda8\xd1H*\xac\x88Z*\xb0\xd0\xc0[\x1dct\xd6n\x1e\x1d\xb9~\xe7\xdc\xb9s\x17/^\xc6\x88\xed{}_\xf9\xe4\xb8\xef\xf5\x97\xc2\x02\xab\xf2\xd5R\xe3\xe2\x02\xb2\xff\xd1\xcd\xfa\xfb09\x9d\xacwP\xb5h\xf6XV\x1e\xc3\xc5q\xc1\xee\xa0.\xb8H\xac\x1a\xf6\xe3\x0e\x06\xde`04\xd1\r\xbb\xd3\xadt\xf3\xf0\xc8\xf5\xf6\xf6;\xc7G:;\xe9\xaea\xcc\xfe.\xeb5\xf5Ka}\x87\xa5\x8cY\xd5g\xff\xfc/2\xdaPN*"\xb1R\xd2\xc2\xd3\x9aL\xaf\x0e\xf2\x1c\xa7\xc3\xf6\xe2\xb8\x8diz+MM\x1dv\x84^Oo^ij\xc2\xe9\xa7\x17\x8b~\xb4m\xe4\xfa\xc8HgO\xcf\xd0PO[;\\\x07\xcb\xac\xb7\xdfP\xbd\xc4R\x7f\x97\xa5V\xcd\xaf\xaf\xaf\xcf\xce\xfe\xed_\xff~\xe5\x7f\x961-\xd1\x90+*\xe7.Kc\xd5X\xad\xa74N\'XA\xb4\x91\xa3=\xc1q\xcf\x8e\xc0\x84\xd3O\x1d=hma\xb0\xc6Z[\x9b\xcf\xf6\x8cv\xe2c\xb4g\xa8\xb9y\xa8\xe7\xcb;\x97\xe0b\xb0}\xb4J\xabv\xb7C\xa5Z\xfdm\xd4\xfc\xfa\xec\xc0\xc0\xc0\xf8\xdd\x05\xd4\x0eK\xec-\xe5\xac\xf7\xa0\xe5\x14Rrj\xac\xecAe\xc5\xc3\xaaqB\x96N&amp;\x93\xdb\xdd\xdd&lt;O\x81\xe9x\xae\xfb)L\x8a\xa8\x86\x9eMGn\x8dMO\xdbz\x99\xab\xf3\xdap\'\xfdd\xd6\xd3v\xfc\xc6\xa5\x93\xef\xd1[\xd1\xf7\xbf\x8d\xd9\xd9e\xa9+\xdfT}\x8b5\x0f\xd3\xf8\xc2\x82%\x14\xcaO\xe1C\x1c,.]\xc1\xe55vT\x8b\xd29\'\xd3\x00\xe6TT\xd6t:\x99NF\xa3\xee\xe4Rx\x93\xe39\x81\xe7\x18m\x0c\x83\x85\xfe\xd5\x90\x8b\xdeJ\xd31]He\xb3\xb7\xcf\x8e\x8e\x0e\xff\xe1\xda\xe7\xc3\xc3\xcd\x8cu\xe72\xfd\r\xc9\xc1\xfd\xd4\xc2\xaa\xaa\xbd\x81\xafz\x05\xa5Z\x1f\x18\x1fg\xa6\x9b\xa8)\xd4\xcd\xa9|I\xbb\\\xc1\x16\',\xd0\xe0\xe5\x9b\xa4\xac\xe9\\\xd2\xedv\'\x93\x1aMR\xde\xae\x7f\x886r\x9c\xa0\xa3}\xff\xac\x0e\r&lt;Dq\xd5\xd1\xb9\xbac:\x15\xcf\xa6\xb2\xa9\xe1\xdb\xa9\xdf\x0f_\xbb\x96MM(\xac\x8b\x97~w\xf2\xc3\x8f\x0f\xfep\x1e(r)\xddS\xa9^\xe9\xdf,\x92\xb2\xd8CSd\xbaySy\xf5\x98\xed\x0b\x15l\xa84dB\xc3\xacV\x16RT\x86\xc8/I3\x11\xc9\x1dM\xe6\xdc\xce\xfa+A\xd6F,{$\xb6XG\xe3\x8e2\x1c\xc2\x89\xa7#[\xc8\xf6\xda\n\x89\x95\xc2\xca_o\xdbl\x89D\xa1\x95\xb1n\\\xfe\xe2\xd2\xb1\x0f\x7f4\xb0&gt;?_5\xafLV\xe5\xab\x03OQ)\xa8\xd5U&amp;BV\x9e\xa9)s\xc82W\xc1\x8e\xbfd\x1a\x18J\x08 \xc9+I\x92\xdb-I\xde\x99\x19\xe3\x9c1\xe6u\xb9\x1e4\x98\xb679\x01"\x1d\xa7\xe3\xf9\x8di\x83\x9eH\xc0\xd5\xd54\x9e\xc8\xa6R\xbd\xbd\xd9\x95\x95\xf8J|\xc26\x91\x88\xa7Z\x9b\xcf\xb4\x9dn\xbf\x81\xfd\xf5\xc5o\x16\xee\xce\xce\x12lW\xa5.o\x04&lt;\xab\r\xa2\xf0\x94\x00\x00\x04\x98IDAT(+K\xc8\xa3\xa0X\x0f\xcd\x1e\x8f\xc7l\xb6[,\x15\x18\x9ft:\x9d\xcb\x91\x08\x16&amp;\xf2B4\xe3\xf5\xfa!3\x1a\x01\xdbj0\xf5\r\x0e\xf2\xcap\xe1\xb9s\xc1@y\xe9\xf5\xb5\xb8\x12\xfc\xc0\x16\x8f\'\x12\x89x&lt;\x1b\xc7\x17\xd9\xc5\xf8\x04\xa5u\xba\x1d\x9b\xf5\xe2\xe5x`a``v}\xfd]\xc8TU\x7f^WU*\xe7i\x95j~~\x96\x0e@\x8c\x96\xc5\xe1Y\xbdI2"y\xcc\x8e\x10\xb1r\xb9tN\x96\xdd~\xbf\xdb\x8f\xce\x81\xc6L\xb1\x18\\\x92\xdb\x15\x8d\xcaRDZ25\xd4om\x06\x05A\xe0q\xd2F7\xb3\xb4\xe2\xa1\xaa\xae\xc6\xe8w\x14VR\x13\xb6xb\xdaV(\xd8n-\xa6\xa6O\x1c\xedi\xfb\xf2\xf4q\xec\xd6\xb8vma\xe1\xee\xc0\xec\xc0]z}\xf1h`\xbe\\\xb4\xa6\xca*\xaa9\xd0((\xb8\xc0\n\xd9\xed\x15\x0f\xb6\xb6\xa22\x8a\xbd\xc8,(/\xb1\xe0r\'i\xd8\x92\xb2\xbb\xaf\x01\x85\xb8D\x81\xe7iwq\x81\xb1~\\m\xe1\xe2\xa6Z\xff\xd3\x9a#\xb6\x84\xadw"n\x1b\x1b+,\xde\xbb\xf7x\xb1\xe3\xfd\x9f\x7fr\x86\\\xc7\xef\xec\x04\xd6\xd6\x00[X\x0b\x04\xd6\x16^\x14\x1f\xbd@t\xe5\xfa\xc64g\xc1x\xd9-ss\x96H\xc4\xe3\x89D\x1c\x0e\xe4UQ_\x7f?\xear\xb9|\xc8\x85\xa2\xf1\xb2\xa2fF\xd0O\xec,_.\xf7\xc4\xd4\xd0\xd0\xc7\xe2\x12\x05!\x18$X\x82n\xb2\xa9\xfe\xd5\x81\x03\x87\xf55\x1dh`*ak\xba\xb0Xx\xfc\xf8\xf1SC\xe3\xf9\xa3\x9f\xfc\xf6L[[\xdb\xf5\x826\xb0F0\xad(\x88\x81|f\xf9Q\xd12&gt;\x0eN\xd9\x04\x89=De\'\xd5\x9ce\xceb\xf4H\xe4\n9*\xeaM\xc4\x9at\xc9.t,J$7\xf9\xdc\xde\x99\x98\x11\x89I\xb2\xec{Po"\xd8\xe6 \xc7\x0b\x82\x8e\xb9\xb4\xb6\xc3\xe5{\x88\xab\x0f5\xd9R\x89\xc4\x98\xc1\xd0\xdf\x7f\xf5\xe9\xd3\xab\x87k\x1b\xcf\x7f44t\xe6Lg\xdb\xf0\x8e6\xa0\r\x04\x02"\xe6Q\x9b/f^\x14\x8b%K\xb9k(\xbb\xc3\x1c2{B4\xe1\x0cE\xb1\x99\xc3\xc5U)b\xf6PZ&gt;\x97\xcf%\xcb.\xd9\'G%I\x8e&amp;\x93\xd1I\x9a0\xe3\xf88\xe6=6#m\x9bP}\xa6\x07\x9b\x98z\x81\xeb\x0evc{\xad={~\xef\xeb\xaf&gt;\xfd\xd3\xa7\x87q46\x8du\xd4a\xd0\x0e\xb0[,\xf5\x1f\x9c\xff\xe8\xe8\xd0h\xe7\xe7L\x85\x12\xf1\xa7\x11\xf3B\xd7\xf2rx{\x10\xed\xc2\x87\xdd\xe10\xd3xcE\x01\x05\x16=\xecv|+\xd3\x95\t?Y\x95\x88\x95CZ\x93d\xf3\xa1d\x97O\x9e\xf4\xfb\xfd^v\x14\x1a\xed\xb1\x88\xd4\xd5\xd0\x80\xb8L\xf77\x07u"\x96\x17X\x9cN\xab\xa3z\xf6\xfc\xeb\xaf\xfa\x0f\xd5\xe0\x92B_Kw\x01\xd1}7\x86\x13\xd3\x8b\x8b;;;\xf0\x04\xc0\x12\xb5:A\xd4\xe6\xf3\x99\xccr8\x1c.\x96\xcc\x8e\x08M\xf7\xaa\xc73\xe5\t9,F\xa3\xc5h\xc1+T$5g\xbaP\x9905\x11,\xb8&amp;i\xc0\\.\xd9\xaf\x94\xc4*\x12\x99\x99y\xd8\x87B\x13M\x0fY\\&lt;\x85\x85\xdf\n\xd7:\xb4\\7\x10\xdb-\\\xe9\xe8\xe9*\xba\xff\xea\xbd\xe7\xcf6DD\x84\x19\x17\x02\x81&lt;X&lt;\'\x96\xf2\x81\xbft\x15IU\xe4\xa7\xc0\xa1\x93\x0c\x05e\x9f#\x94\xd1n\x8f\xc5\x90_\x88\xbe\x13\xeeb\x85\xb4\x96r&gt;\x17C\xf9|9\xe8\x98\x89V\x85L+\x15\xb3v\x1f\xa4&gt;&lt;LK\x98.L=\xcf\xae$\xb4tDr\xb4\xfaya\x83l\xf7H$0R\xb9y\x08\xab\x84_\xae-\xe5\xb5\xa5\xbfg\x88\x15\x0es\xabS\x1e\xda\xe4\xe6H\xcc\xc8\n\x14G\xccAeGh\xf6\xcc\xcb,\xcaj\x12,\xd7\xa4\x9fX\xeeI\xa6\xf2\xd3A\xe9\x7f\xc2\x06\x1e4\xec\x88\xcd \xc6D@L`\x11IQ\xa16\x04-Hd\x02G\xf9$\x10\xae$\xf2b^\x1b\xc8\x17\xbb\xc2\xe1\x0ccA\xe5\x99\xc2\xd1\x86\x80bx1\xc6\x90\x92\x19&amp;;C:\xf6X[9\x9a)e\xb4\xc0\x82\x90\xe6?\xcab\xf3z\xdd[`).\xd3\xd6f\xb7\x00\x17O.|\xc2\xda\xc7\x83^\x04N\'\x02@\x93$\x8a\nK\x14(\xac\x12\xfb\x94\x17\xaed\xc2]\x19T\xb8\xdbc\x8eD\xcc\xc4b\x0f\x9a\xa7\x10\xbe2\x96+\xb2\xcb2\x81\x85\xf2\xd1\xccSZ\xd8\x14\xd0ac0\x96[N2\x16s5\xd4_Y\xda~\x18\xd4\x81\xc5\xf1\xba\x80N\x89\x8b\xd2\x12\xc1\xd4r\x14\x17S\x89,,\x1a\xac\x122\xcb\x97J\xe1\xae0\x1db`q\xa4\n\xc1\x15A\x91)\x14\xdaC\xed\xb1\xfe\x03\x98L\x8bDs\xe3\xec\x87\x00\x00\x00\x00IEND\xaeB`\x82'</t>
        </is>
      </c>
      <c r="M421" s="3" t="n">
        <v>45492.67616898148</v>
      </c>
    </row>
    <row r="422">
      <c r="A422" t="n">
        <v>1046796</v>
      </c>
      <c r="B422" t="n">
        <v>2020</v>
      </c>
      <c r="C422" t="inlineStr">
        <is>
          <t>Calebe</t>
        </is>
      </c>
      <c r="D422" t="inlineStr">
        <is>
          <t>Calebe</t>
        </is>
      </c>
      <c r="E422" t="inlineStr">
        <is>
          <t>MC</t>
        </is>
      </c>
      <c r="F422" t="inlineStr">
        <is>
          <t>MC</t>
        </is>
      </c>
      <c r="G422" t="inlineStr">
        <is>
          <t>MC</t>
        </is>
      </c>
      <c r="H422" t="n">
        <v>173</v>
      </c>
      <c r="I422" t="n">
        <v>10</v>
      </c>
      <c r="J422" s="2" t="n">
        <v>36645</v>
      </c>
      <c r="K422" t="inlineStr">
        <is>
          <t>Left</t>
        </is>
      </c>
      <c r="L42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8975974-3639-43c1-94f8-a1fa60496f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e9\xfd~\x00\x00\x00&gt;tEXtComment\x00xr:d:DAEewil2SDw:3048,j:4010854548617000738,t:23080814\x1a&amp;b^\x00\x00\x00\tpHYs\x00\x00\x0e\xc4\x00\x00\x0e\xc4\x01\x95+\x0e\x1b\x00\x00\x03\x00PLTE\xff\xff\xff\x04H\xa6\x1c\x12\x0f\xb6mY\'\x1c\x18\xd4\x9d\x90\x17\x10\n\xff\xfe\xff$\x18\x15 \x15\x13\xd2\x94\x85\xdb(.\xc0zi\xd4\x99\x8b/ \x19\xc6|k\xd4\xd0\xd6\xaejW\xd2\xcd\xd3+\x1f\x1b\xd2\x9b\x8e\xb0\r\x0f\xcf\x8b|l9-\xcc\x1c \x91RC\xfd\xfd\xfd\xcd\xc9\xcf\xd7%*&gt;"\x1byA3\xc3\x7fo&lt;*$\x05H\xa1\xd1\x97\x88qE9u&gt;1\xc9\x86w\xa3cR\x83G8\xce\x93\x85\xc5\x83s\xcd\x89x-%\x1f\xbfvcD+%\xb1o^\xcc\x84s`2\'\xd3\x92\x82\xd9\xd5\xdap&lt;0]7/\xc7\x1b\x1f\xca\x80o\\=64&amp;!\x1c\x18\x11\x8cN&gt;\xbaq_\xa9gVyG&lt;yLB:3,\xd5\x97\x87\xd2$)\xaabQ\xc4\x16\x18\x9d[JM.\'\xb9vf\xb5\x0e\x0f\xd5 %\xc7\x8a{|RKd&lt;3"\x1d\x16E\'\x1f\xcf\x8f\x80\xcf\x1f$S5--\x1a\x13\xc0\x17\x19\x85J=[, oIA6"\x1b"\x13\x0c\x97UE\xa1^N\xd2\x8f\x7fe7,\xb9\x13\x14gB9\xca\x8e\x80C2-\xe66?\xcb\xc6\xcb\x9f\x07\tT+"\x8dXL\x80NBl?6ID=\xda\xd2\xd5@:2\xc6\x86w\xcf\x98\x8b\xc7xf~B4/,$\xc2s_\x98_QG&gt;6\xaf\xaa\xad\xbd\x11\x12\xbdlX\xf5\xf5\xf5\xc3\xbc\xbe\x043r\xd5\xa1\x9550)f1%L4.\x92\x05\x06\'#\x1b\xde.5\xa2\x9b\x9d\xc8\xc0\xc6\xdd\xd7\xdd7\x1b\x13\x05O\xab\xa9\n\x0beF?\xd1\xca\xce\x049\x82\xfa\xfa\xfa\x03B\x9c\x83XPQ&gt;8\xd2\x86v\x8cG9\x95YJ\xcb\x17\x1a\xbb\xb5\xb7^VO\x0e\x07\x03\xbd\x84{k4(\xbb\x15\x18Y1)\xe9\xe9\xeb\xa8\xa1\xa7xrm\x84SG\xb5fT\x89PC\xb1te\xb5\xb0\xb3\x94dX\xbc\x80q\xa1i[\xf2\xf0\xf0\xb7{mc^X\\NG\xbe\xb8\xbd\x14V\xa1\x04?\x91\xd2\x1a\x1e\x9a\x94\x93mfa\xc2\xbe\xc5QOH\x87\x80{\\$\x18\xc5\xb3\xb5\xb4\x14\x18qOH\xc3\x8b\x82\xa4\x8b\x8a\x87hcTHA\xb8\x9f\xa1\x82_Zb, \xbc\xab\xaf\x9d|{\n/a\xe0\xe4\xe8M$\x1a\xa5od\xb5\x8b\x8ck\x8c\xb5\xd1\xb9\xbb\xaa\x94\x97\xb1WT\xc6\x94\x89\xe3\xdd\xdc\xda\xc9\xcc\xc4df\xd1\xc4\xc5\xb8\x95\x96\xc7\xc4\xc1\x93\x8c\x89\xa5QL\x86\x95\xb0\xb3feq6*\xaaur+c\xa5\xc7\xa7\xa8~9,rWRAo\xa6I\x16\r\xef\xe1\xde\xc6\x9e\x9b\x8bro\xc5rr\tK\x95\x8b\xa2\xc1\xa2\xaf\xc6\xb2\x81\x7fX\x16\x0c\xbc&lt;B\xcfJR7X\x82\xb0*0\xd66=\xbd\xcb\xdd\xbdXZ\x99BD\xec?H\x9coh\x98*,\nZ\xae\x1cAq\xd8\xa6\xa7\x1aR\x92\x81\x05\x06\xa7\x18\x1a\xd1w~Q|\xb0\xc1%(\xd1\x87\x8c\xdf\xb5\xb3\x95\x18\x1b\xa0Z]fx\x92\xd0\x90\x95\xd6ai\xe4\xc2\xc4r/(XRq\xce\xd7\xe3\x014z5\x00\x00 \x00IDATx\xda\xc4\x97\xe1K\xdb\xfa\x1a\xc7\xa5\rI;\xa4\xa5\x16,\x06\xd4\xb0\xd9\xce\x1a\xeb\xc6\x94-\xb1n?\x10\x15z\xcd\xa4\xe2\xb1\x9d\x14\rC\x8fY\xe4.[\xc4\n\xb9\x12\xca\x11\x94\xb2\x804*\xeb\xe9\xb6\xa3[or^\xb44/\xe6\xb5\x0c\xc6\xd8\x8b\xc3)\x1c\xda7\xf7\x85o\xf6\'\xec\xaf\xb8O*\xe3\xfc\x01\xb7\xd5\xc7*\xb1\n\xfd\xf0}\xbe\xbf\xef\xf3\xfc::\xfe\x9f"\xbf\xec\xa7\x89\xe6\x13\x91\xae\xe7\x89\xbf\xff\x00\x8f\x04\xd1qm\x95\xae\xff\x95n~&gt;\x91\xdd\xde\xff\xc1Af\xd3\xf9b\xbeF^\x1fV\xc7\xb3\xccv\x9e\xb4\xb5!\xb7O\xb2\x97\x80d\xed\xaf\xfdg\xc5\xda/\xd7\xa8\x16Y+\x15\xac\xa7i\xd0\xa7\xb8\xd9(f\xb3@H\xa47\xeb\xc5lz\xbfx\x8dbu\xe43\x05\xbd\xbc\x9d\xcf\xd77-\xebd;w/K\x90\xcfJ5\xa2\xb8\xff,Ktd\xaf\xab\x8fd\xbed\x95\x8d\xc2\xef\xdb\x85\x8aaTJ\x8dB&amp;\x97+\x95j\xc5\x93\x1c(\x98\xcdg\xaf\x05\x8a \x88\xa7V\xc3\xd0+\xba.(\xe5**\x1b\xb2X\xa9\xe8\x86U\xb2N\x8a\xf7\xb6Or\xf9+\x97\x8b$\t\x82$\xd3\x99rATD\x11IBAP\x10M+\xb2(\xcaU\xa3`5,\xcbj\xd4\xd3\xe4\x95\x1a\x9f \x8b\xf9|W.\xb7Y\xd0+\x1c\'J\x92d\x18\x1cG\xab* V\x05Q\x10L\xa3\\([\x99\\\xadxu`\x04\x91~Z\xd0\rY\x92\x04]\x10\x90\x88XU/+,\xceq\x9cT\xad\n\xb2"\x0b\xbch\x1a\xb2\xbe\xb9_\xcfu]\x99\xc3\xb2\xb5\x86\xa0r\x9c\xaaJ\x95\x8a \x89\x15\x95\x95\xad*\xc7\xb2\x92B\x8b\x02\xa5U)T\xa9\xcaH\x10Q)\x9d\xce\xd7\xf6k\xc4\x95HU\xdc,\x0b"\xcd\xb1*\xaa\x802\xaa\xa2p\xa2U\x90X\x16\x9e\x10b&lt;\x9aI#S\x80\xf7e\xa5\xb2Y$\x88l\xf6J\xb0\x8a%PHT9UA\xb2"\xd1,\xcb*e\xcb\xb6\x17\x92\x05\x99q\xe0\xb4Is\xb4"\xc1?H\xb2a\xe5\x8aW2\x1c!\xd7\x05ETE\x89\xa6\x91(\xb18~\x88\x8bFAF\xa6.\xf0\xb2.:\x0e\x0f\x0f\x91t\xe8P\x1d@+\xcb\x82h\xec\xa7\xaf %\xc8:\x04\x81\xa4\xa8\x12\xa2U\x89\xc3\x01\x02\xe7M]\x13\xabL\x92\xd6L\xc5\xa6:\xe4\xb8C\x9c\xc5\xdd\x08\xf0\x91R\xf9u\xfb)\xd9v_\xd5\n\x02\x98H\xc2\xdc4\x98\x0b\xb7\xb5B\xb2\x1ca\xe4\xe4\xa1K\xd6MAT\xfc\x98\xdb\r\xb4n^\xd7\x15\x0c!Q\x87!Pls\x1b\x89\xec\x89!\xc8\x82\xe4\xe7pG\xd2\x91dY\xc0r;\xb0\xa4\xc7\x83\xe3IO"\xe1\xc1\x18\xde\xac\nH\xb1iL\x0c\xa3ET)W*u\xb2\xddv\xb7*"\r\xc7\r\xd1.\x87\xcb\xefw5\x9b\x86\xe3\xaedr\xde\xc3P\x0c\xe2E\xbe\xaa\x1b\xe5r\xd94e\xc9\x8f\x10-\xa1\xaa^n|i\xef\xd0&amp;\xee\xe9\x86\xc9#\xc6\xe5\xf2s\x1eY\xa60h#\xe86\x9f\xe8\x8dD\xa6w\xb4\x9d\x08EQ\x11\x8d\xdf\xd1d\xca\xcf\xd1\xbc(\x9b\x15\x11\x0eD\xb9\xd1\x95m\xab\xb5\xea\xba~a\xc2g\x82P\xb2\xc9x&lt;.*1\x9f\xd8\x89\xef\xc4\xc7^?\x80\x8aS\x89\xdd\xf9\x88\xa9]\x945\x1eD\xe55\xcd\xd0\xab0\xc8\xf5\\G\x1b\xed\x05+\xa8^5u]c\xfc\x0c\xa3%\\\x8c\x87\xda\xa1"\xf1\xf5[\xb7n\xad\xa7\x96\x97\x1f\xdeZ\x8eOG\x1eG"U\xed\xdb\x1f\xdfLM\xd7\xaaZU\x86\x01)\x08V\xbe}\xa31\xfbK\xdd2\xcb&amp;\xaf\xc94C\xc9\x9e$\x18*&gt;\x1d\x1f\xbd\xfd\xee]\xcf\xf8\xf8\xc2\xda\xcb\xd0Z\xcf\xc1\xda\xda\xa3\xd9\xd5\xbd\xbd\x07\x9f\xff\xb0\xcc\x8b\xc2EY\xc0\xe6)A\x17\xc5R\xbe]YO\xde+\x08\x12\xadi\t\x8f\x9f\xf6\xcb\x8cM\xf585\xda7\xfed\nji\xd2\xe7t\xbe}\x0b?FB=\x0f\x17\xffq\xf1\xed\xfc\xdc&lt;\xb7&gt;\x97\x15\x0f\xd2\x91\xa4\n\xb0\xe4\xb4\xa7\x83\xe9\x8c.q\x1c\x0f\xd6\xf2\xb8\x14\x11O\xce\xf7N\xa7\x9e\xdf\x06\xaaPhr\x12\xa8F\x9c?ji|\xe1\xd1\xa7O\xe7\xfa\xc5\xb7\xff\x94`m\xa5qZE\xe5\\\xba=v\xef\x12\x91H\xd3\xb2\x06T\x18\x95L\xf6\xae\xde\r\xf4\xdd^x2\xb5dc\xf9.\x81\xb6\xe0\xeb-\xd4\xd4T\xcf\xa3W\xdf\xf6&gt;Z\x8dLCWX$!\xa3^$\xdbcwX\xf2\x90(\x9a\x14\xc5x@\xaa\xbb\x81\xd1\x81\xbe\x05\x10ki)4\xe9\x1bq\x8eD\x9dQ\xa7\xfd\x02\xae\xad\x17[\xce\xd0\xda\xf9\xf9\xc5\xa7\xcf\x8d\x82! X^e\xdd\xfaB\xb4C\xad\x13\x98\x81\x18\x8d;h\x91I\xee\xae\xa6FG\x07\x06\x9e\xdbXS\xa1\x89\t\x9f3\nT\x975&lt;\x1c\x8d\xbex\xb1\xb55\xf9\xf2\xcd\xc7\xd9\xbds\xc0\x92al\xab\xaa\\o\xc3i$\xc8\x13\xc9\xe1@n\x08\xf5\xf9\xf9\xde\x9f\x8e\x036V\xdfB\xcf\x93\xa5\xd0\x84\x0f\xa8\x86g\x00gxx\xb8\xb3\xb3\xd3\xeb\xed\x1cnrM\xf5\xac\x8fMW\x0b&amp;\xe5\xc1`\x80r\x85|;\xd4\xcaH,\xe2\xeda\x93\xec\xfd\xe9_6\xd6\xe8\xc0s\x10k\xd2\x96\xca\xc6\x81oo\xbf\x17^\xfd\xfd\xfd\x9d\xc3@\x066\x9bz\xf8zW\xaeV\xab\xb4\x1f?d\xd1f\x1b\xba\x987$Y\xe31\x18\xce@\x95\n\x80\xb3F\xfb\xc0\xf0\xa0\xd5H\x14\xa0\xfaA\xa5\xcep\xb3\xee\xdf\t\xde\xb7\x15\xdb\x8a:}\xa1w\xafwwx\x9e\x87\xe1\xceIF\xba\xe5\\D\x1dv?JCI|\x17\x8e`\xea\x87XK\x13\x13#\xbf\xcd\xcc\x00V\x18\x84\n\x06\x83C\xc1\xa1\xa1\xa1\xee\xee`\xb8\x1f\x9a\xeat\xfa&amp;\x0f\xee\xf6&gt;\x9e\xe7\x11\xc6\xd2\x9c\xd8\xd5r\xactF\x82%\x99\xf2C\x86\xdeM\x05R)\xfb\x1c\xde\x1e\xbf\x14\xab\x89\x05\x15\x0e\x07\x81hhnnnpn\xa8\x1f\xf4\x02\xb9&amp;\x97\x16V\xe3\x14C\xbbi\x91\xe3\xac\x16\xcbE\xa4s\x86D\xab\x18\xed\x80Cx\x17\xa0\xc0[\x03\x90\xa5SK\x80u\xd9D\x1b+8\x14\xeb\xee^\x19\xbcq\xe3\xe6`\xf7\x1d0Xt\xcb\xe9[:HMk\x14\xac\xd8pu\x13\xee\xb5\x16\x8b\xec\xd2e\tw\xb8\xb0f\x8c\x82Z\x81&amp;V\x8f\x8d\x05\x99e[\xde\xa6\x8a\xc5@\xae\xb9\xc1\x1b7o\x0e\xceu\xdf\x81C\x10\xdd\xf2\x85^\xde\x9a\xde\xa1\xe0\xc6\x8d\xe3\x08\x9d\xb4\xf6\xbeA\xe4\x04\x9a\xa61\x8c\xf1\xcf?~\rbA\r\xf4=_\xb0\xb1&amp;}\xbe\xb7\x97G1\x1c\xdc\x08\xda\xce\x9a\xbbqcpn\xae{\xa8?jwqb\xe9\xd1to\x82b\xfc\x1c\xcb\xa9\xa5\xd6Re3p1\xa4\xdd\x98\xdf\xb5;=\xd6\xa4\n\xd8\xd6\xb2S\xcb\x1e\x88\x13v\x94\xce\xc0A\x04\x81\xee\x83^v\xad\x0c\xdd\xf1\xda\xae\x9f\x08\xbd\x89S\x94\xc00\xb0\xfc\xb3\x8d\x16c\x95\x14\x8ec]\x98;\xf97\x16X\xab\x07\xb8\xa0\x00\x0c\xc6Nt\xa6?\x0c~\xf2zm\xdf\x03Ww0\x08\xbfB\x17\xd7\xc6"\xbc\xc9\xc3M\x89\xe6J-m"AfT\x1c\x87;\x8d\xc3\x95X\xb5\xb1R\x97j\x01\x97\xbd\xd5@\x1f\x9d\xc3v\xc2\x87!H\xbd\xde\xb0\xddJ8\x91\xc1 \xa8\x17\xf5\x85\x0e\xc6z\x13U\xe4f9$eZ\xeb-2\xa3p\xaa\x1b\xf6v\xd8f\xc6@\xaa\xd4q\xc0\x1e\x88\xe3\xe3O\x9e\xd8\xab\xd6H\xf4-d\x04\x04*\x1cG\xaf\xf7&gt;D\xaaM\x16\x0c\xdf\xf7B\x17\'\x0ff#\t^\xf4\xab\xb8*fZ\xddD\x81\xe5\x1c\x0e\x87\xdb\xf3x\x15\x94:\xb6\xd5jb\xf5\xd8\xc9533\x13\x85\x06\xf6\x83\\\xc1\x18D\xaam\xfdp\xf8\x0eD\xfd%\xd6z&lt;\x02w%\x99f\x95_[\xaa\x16\x99/\x88,\\\x08\xdd\xae\xc4\xf4\xeb\xd9\xc0\xf1\xf1q\xd3[\xefz\xd6\x0e^~\xf8:2\xf3\xfe\xe8(\x16\xdb\x08ol\xac\x0c\xae\x0c\x0e\xae@m\\\xf6\xf3\x9f0\x18}\x07?\xcfF&lt;\xa2,"\x96nq@\xe4\xcb4\x88\x85\xb9=\x91\xb1\xb1\xd9u\x08\xd3\xc0h\xdf\xc3\x9f\xdf\xbcY\x03\xaa\xd3\xd3\xaf\xff~\xff\xfeh%\x16\x8b\x857\xce\xce\xce\xfe\x84:;;:zoOo\xc0\x82\xcdk1N!\x93QY:\xd7Z\xac/\x15\x15\xae\xf6 V\xfc\xc1\xec\xec\xfa\xfah \xb0\xbe\xbc\xbc\xb7\xb7\xb7\xb8\xb8\xb8\xfc\xe0\xc1\xe2\xab\xd3\xafGg\xb1\x8dX\xec\xe8\xbf\xdf\xbf\x7f???\xffd\xd7\xe9\x87\xdff \xe7\x9d\x13/\xdf,\xf3\xa8J\xe3\xac\xf4{k\xbd\xf5EgY\x07\xee\xc0"\xa0\xd5z\x00^c\x11\xb8\xd9\xbb0\x97\xcb\x9d\xf4P\xda\xde\xa3S\xc0\n\xaf\xfcy\xf4\xe1\xd5G\r6\x06\x8aB\xb06\xec\xec\x9d6W\xe9\xd0\xc1\xc38\xc3C\xcc\x8b\xcfZ{\x10\xf3\x15\x1cgY\xb7g\xfa\x7f\xb4\x9a\xddkZk\x16\xc6K\xbe4A#r\x82b\xc0\x0f\xb2\xfdn\xa2\x11EM\xe2\xde\x15QAm\xc4`\x8c\x9a\xa0\xb9pk\x99DG;8C\xaa\x94a\x04\x87b4\xcc\x10i\x99\xa8\xa3\xa9\x87\xb9\x98\xce\xc1\x83\x99\xf4$\x14l\x99IZ\xa6C\xa8\xe5\x18\xec\x99^$\x97\x87\\\xf4\xb2\x9c\x8b\xd3a\xd6\x9b\xce\x9f\xb0\xfb&amp;x\xfd\xe3Y\xef^\xeby\xd6\xde\x86P\x0c\x8ek\x8d\xef\x1f\xf9|\xe8C\xc6\xf5\xac\xc1G\xd6v\x0f\xc2\xa7\xa7\x17\xf5\xf3\xed\xa7\xeb\xf7D\xeb\xa2[w\xb7\xb7!_c\xd2\n\xd8\x88T\xd4\x05\xa0s#\xdf&lt;\xa2V\xad\xc7OFFn\xdf\xa6\x8b&lt;\x86\x10\x06T\xb6\x99\xac\x88\xcf_\x19\xa7\xd3\xe97\x8d\x08\xab\x9d\x02,\xb8So\x0f\xdb\x7f|zw\xfd\xee\xdd\xed\xa3g/^\\\x1c\x9e{\\A$W44c|z\x7f\x8e\xea\xdd\xcd\xe4\xbf\xef\x81ZC\xeb\xdb\xa0V\xc85\xb3\x943`\xf8\x1e\xb9\x87\xe9l\xd9\xac\xc7\x90o\x17\xf6\x9b\x80\xb5yzqu\xf8\x9f\xa3\xa3\xf3\xf3\xc3\x8b\xd3\xcd\x89\xcd\x89\xd3\x17W\xae\x18x\x0c\xd3\x9eo\xddx\x17\xb0(66\x93/\xef\x8c\x0c\xcc\x19\xb3\x9e\x90/\x16\xd3\xe5f\x0c\x84w~\x07\xe6\xa14E\xa2\x93\xaa?\xaf56\x1c\xf0\x04\xee\xc2i\xee6\x1ca\xb7|sS\x1e&gt;8x\x1b\xf2Z\xd8\xa6=,;\x0ev\x9ej\xac\x1b\x7f\xbb57G7f\ry_\xc8\x151\xf8\x08\xaf\x179S\xf0Z*i\xd0\xca\xf3VS&amp;\x15ccs\xf3`\x03\x0e\x1a\x8cz%40\xb7R\xe28x\x8e[\xd9\xa6*\xdc\xf9\xa1\xb9\x11\xaam\xe0\x8d\xbf\xdc\x9a\x1b\x18\x12\xc1\xdd\xc6b.W!*\xf3\xcaJ\xe0\x1fP\xbe\xb0\x00V\x02\\=\x9b\x11\x9e\xd8t\x83mH\xa6+\xc13KEeg\xe8\xd5j\xb5\xd2\xb1\x1f`\x9b\xc8\xbd\x90h\xe8\xf6\xfd_Q\xbc\x88\xa0\xfd\x01\xb0\xbe\x82\xab\xe5\x0b\xc50\'`\xc9\x04\xe2\xeeu\xf0\x91Z\xe7y\xf3\x89nW\x16d\xc8\x87\x99n\xa5~\xba\x12H\xf4z\x00m\xb5\xa4\xd3,\x88\x1b\r6\xdb\xb4\x13\x8d\xcd|u\x9f\xf2m\xe5\xe4\x9f\xef\xcd\xcd\xa1\x1a\xe6C\x18Q\x88Fq\xed,:k\xba&lt;\xb9/\x95\x89\xb5\x99\xe3.oP1\xa6Q\x16\x15\x0b\x81\xde\xa7\xccr\xc4f\xf0\xed\x04-\x15\x16\xc8eW\xc1\xfc\x81\xcbu\x93\xf2\xfcJ\xfb\xfd\x9d9\xd4\x1e\xa0\xafc\x05\'\x81k\xd7f#\xfc\\\xceo\xfco6\x96 \x05\x99\xe3\xd6q\xc9\xc4\x90@\xd1\xf4\xecR\xb7\x15\xe1\xfb\xef}3\xfe\x10\xe7Y\x07\xf5J%\x83\xcd\xde\xd9#t\xc6;\xd4\xa7}0\\\xa8\x860m\x08\'\x81qg#\xb9\xa5\x1c?\xe7\xbf\xf9\xf5\xd3Cn\x0b\xa8Z\x99y\xcb\x82P\xaf\x8f\'-\xb2\xd6\xacoq\xe9\x17OD\x9e~\xab\xccK\xaa\xd5B\x15\x9b\x8c\x12.\xe3\xd7\x94o\x9ci\x93\xbf\xbbs3k\x80\xf1\xe7CT\xcb\x1d\xa0Z\xect:\x9e\x90\x93\xf4\x96[\xcb\xadV\x97g\x02,V&lt;]\t\xc8z\xbdOZ\x8c\xd8#IY\xafd\x89\xebY\x0b\x08\x8b\x10=\xa1\x1a\x8b\xf6\xe0\xe5_\x7fiDXy\xc0\x82\x9b\x842\x19ZA\xecHMR\xab,\xd3j\x1d\x0bx\x96\x05\x96\x02\x1eCx\x0ey\xa5\xd2\x99\x85\x01Vg\xdab\x99\x8e\xb3\xf4v\xf6\x0e\x81\x13\xd9\xdf&gt;\xa0Q\xeb\x99i\xaf\n:~\xcec\xd8\x0e\xf9\xdaNL\xcb]\x9b]\xd3&amp;J\xc8\x98J\xad\x01Y\x19jX\xc6\xa1\x88\xe0\x02\xe3\x80e\t\x94\x02PQ\xa5\x92\x95\xaeT\x92q\x96b\x9a\x9d\xc21\xecO\xaf\xfe\xf1\x91R\xbdh7^\x93\xb1H\xdf\x86\x8a\xe8$\xc4hW#\xeeB\x13(\xcd\x97J\xb2\xde\xa7r\xe68\xa3\x15$\xac\x83\xd3q\x85\x1a\xc9U\xb1\x9cA\xe3J\xc6\xe3q\x08\x1c\xe0\xed\x19\xec\x14\x86E\xeb\xcdt\xf2\xc3$\xa5j=;\xd6\xae-\xeb\x0c\x1eC\xdb\x89\xa3\xbd\x164\xd3y\x04U\xea\xf5z\x02n9S\xd6\x8aeVH\x8b\x0c\xb8\xf3I\xe8\xa7\x16\x14\x1d\x93\x80\xa4\xd7\xb3 \xa6\r\x06q\x01\xbb\x12\xd7\xc7W\xa9\x94\x8b6\xf9\xec\xb2\x85a\xa1\xbc\xcd\x80j\xa8\xfd\x8c\x85\xa8\x12\x89\x92,\xa1E&amp;Z\xc0\x0b\xa2\x10\x1bg\xc5\xaf\xadr\xa5\x92^H\xa7\x93q\xbdZ\xaf\x90\xb0\x16\xa48\x0fz\xbe\xfeDI\xe5\xf4\xa1\xd1\xfe~yI\x10&gt;\x9f\xcd\xe0tbbL\x80\xb0J\xe8\xf0\x02\x01o\x82\x9b\xc9p\x13&lt;\xe9\xa0\x1d\xb4\x81g1\xc9B?i(f:\xc9RK$z\xb5\xd0n\xaa\xee(X\xf1b\xf2\xc3\x03J\xdb\x03`q\xb9D\xdb\x93/8182/\x1a\x88Vk\x10\xe6\xa1LP&gt;&gt;\x16\xcf\x07\x07A\x8eb\xb1\xa8\x06\xb1@\x978\xaa\x9f\x1a\xd2"\x072\x10\\\xae\x9d\x00\x8b\xa5^\xd5\x7f\xa4\x14\x0b\xa9U\xe6b\xed\x87&gt;\x84%\xc0\xbd\xd5*\xd8\x1a\x08\xd3\x16\xc0\x12\x97[\x19Y5\xc8P\xa89\x1a\x8d\xa6\x08\xe3F}\xcdW\xbc^F\x84\xc3(\xc5\xb2\xad\xbci}\xd1\\\xa4\x16k\xf2\xf5e\x8b\xc4\x97]\x9e\xf6\xb5Zx\xb4\xba\x932\xb1\xe1\\c\x1d\xb7\xc4U\x12F\x0f\xc7\xbc\xb5e6\x17\xf5f3\xa7X\x04\x9d\xdccS\x13\x9br\xb9C"\\\x00\xdbl\xe7\x145\xc5\x8f\xd4&gt;\x89\xdf^\x96\xf1\xe5~\x04a\xe1\x18ND\xab\xa9}\x15[\xf5\x19\xab\xdc\xe2VI2h\x97\x8c\r\x7f\xd8\x1af\x9a\x95J\xcd\xd8*\x1c\xcd\x14sb\x02\xb8 @\xa2\xc6e7\xaf\x16\xf5\x1f\xa9]A\xbc*\x8b\x8f\xfb\xfd\x8e\xe7\xfc\x08\xe64A\xa0|\x08\x0eP5\xc8\x0e\x06\x04\xadV\xa1^MT\xa5\x0c7s\x8b\xa9\xd105E\xce*T\xf3\x9aj\x18\xb0\xc2\x0e\x85P\xb5\xa3\x9d6\x0f\x17\xe3?S;|\x1e\x91\xdd\xcb~\x7f\xd6v~\x04\xfe\xc1\x89\xb0\xa4@\xb5\x00\xde\x94\xd7\xbd&lt;\xbeJ\x91\xda\xb5*[\xa8\x947L\xc2\xb11%\xa7\xa8\xe6\xac\x8e!\xad\xb6\x80+\xec\xd8\x10\xaaH\\b\xdeb\x16\xdfQ\x1b\xc8\x1e\xbc\xee\x82X\xae\xc56`\xc1Aj\xb1\xd1*\xd7.\xf5v[\x97\xdd*\xd9\xe9gxl\xfb\x86\xaa\xd7c(\xd5\x1cN&lt;^\xd4\x80V\xc3\xc3[\xc3\x80%\x11\xaa\xf6\x08\x87\x999&lt;\xfc\x8ebw\xfa\n\xef\xf7\xfb1~\xfe\xf0\xe8\x1a\xab\xba#\x95\xd6\xec\xcd\x86\xdd*\x13\xc3\xa0\xe6r;\x91V7\xa0\xda\x087\x13&lt;\xbbD\xb3\xaaO\xc79\x88\n\xd2\x0f\xba[B\x13F\x84W\x8b\xc5\x0fT\'\x9f\xc7\x87\xad~_\xc77\x1c\x01V\xc1\x19\x8d\x92R\x93\n\xc42\xcd\xcb\x04\xda\xd9\xc5\x95\xdc\xa2\x0e/\x05\x85\xf2\xdd:\x1eUI\xdc\xab\xcad\x9a%\xdfd\x0eO0\xa7\xd0\xd5j\xec\x87\x9c0\xc5\xe3\x1f\xa9\xf6\xf2\xb4\x7fb\x99\xcb\xceJ\xf6\xe8\xb3ZQ^\n\xed\xe3M\x81RB\xd0\x8d@\x8c]\xf18!\xc1^\x1c\x19l6\xa2&amp;\xe1pX\xe9\x05E\x18\xca\xc8\x94\x877\x1a\x8dZJG\xc0,*R\xfd\xb5\xcd$\xed7D\xac\xd5\xf7\xf3\xcf\xaf\xd5rB\xe3\x02,\x13\xaf\x94\xd0\xcev\x96\xe8~\xfa\xca\x8c\x81\xdc\xbfj{\xf8\xb9\x15\x91k_\xa1\xdc\x98NOo0\x99\xcc\xa9\xffcy\xf0J\\\xb9\xf9\x8er\xd7\xfc\xd2I\xccv\xfc\xe3y\xa7\xb3\xedtB\xe3\n\x98\xe0)L\x88\xd7l9\xbf\xdfO_Z\xe2\xdb\xc0\x8b\xd9\xc0\xdf\xaf\x8c\xaf\xd8H;\xb8\x86A\xa1|jl\xca\x1dv4\x9a*r1\xaa\xd6L\x9dR\xee\x9a\'\x1f?+\xc4"\xfeQO\xbb\xed#\x08\xc0\x02_\xca\x13\xbb&lt;|\xff\x00z;\xcc\x8fh\xf1X\x0c\xcfp\xd7\xd0\xb2{&lt;\xe7\xaa7k*\xbb\x9295\xc6AX\xfb\x18\x9f03\xdd?P\xfe\xd9\x01\xed\xc1w\x85\xd8C\xff\xc0\x0c`\xb5\tT\xc4T\n\xd3\xcd\x0c\x8d\x8e\xf8s\x8b\x0f\xb5^\xebI\xa5\xf2\xe6\xcd\xc2{\xe1\xf3\xba3o\xe3\xf3=\xe4\xf3ZM255\x06]\xab\xd1\xac\x1b\xf8\x18\xc7&lt;\xf6\xf3\x17xC\xf6\xaf\x0272:p3\xdf\xf6A\xfa\x89Vy\xa9=\x9d\x88&gt;0\xe2\xe7\xbbp\xb07g\'\'\'\xe9\xf7\xef\xdf\xeb%\x92\x83\xdd\xba\x07\xb8\xea\xb5\x9a\x10m,ww\x9b\xb5\x82me\x8d\xa1\xd4|\x01,\xda\xa3+\xec\xe1\xe8\xc0\xd0:`a&gt;\xa4Vl\x86&gt;:\xe0_\xc4\xbc^/8\xaf\x1f\xcf\xceN@.\xf8o*v\xaf\x0c\xb6E]\xbdf\x0f\xcb\xdd\x8eF\xa3\xb1\xef\x13\xad\xac\t\xd5\xeew_\xe2\x9b\x83o\x0b\xba\xd1\x01\xba\x082\x99\x0f#\xaa\xe4\xde\xe2\x12\xdc+&gt;\x17\xf7\n&gt;\xc1I\x04\x10\xd6\x9b\x93\xb3\x1f\xcf\xde\xd8\x0f\xde\xe6\xf9\x1d\xdf~\xcd\x11\x0e\x87w\x1b\xb5\xc2\xb6\xd1\x18\n\xaf~\xf8\xf5\x97xY\xfd\xf8\xbb\xfc\xdc\x00}&lt;\x1b\n\x85\xa0\x8aQ\x17?\xb7\xb4\xb2\xd8)\xe3Z\xf8\xdb\xab&gt;{}q\xf0\xfd\xf7?l\x1c4\x7f\xfa)\xf8f\xf7*\xd2q\x15\xf6\x15a\xb9\xa3\xf9\xbc\x1e\xca\x8e\x8f\x87\xc2[\xef\xbe\xcc\x07\x1a\xff\xe3\xe5|c\x9a\xc8\xd38\xbeaG\xdb\x12\x1c\x811\x90\xd6\x14\x1a\xca\xdf\xe2\xd0\x02\x13\xa7 \xad\xc6lM`\xa8i\x03\xed\xa9\xcd\xd0\x90\xfe9NQzd!k\x1bSlRC\x00\t{\x90\x11\xba\xd4R\xab\xbe\xe0\\\x8f`YTV\xf0\xa8\xab\xcb\x8a\xab\xc6%QLv\x13\xef\x85\x9b3w/\xbc\x98\xdb\xddd/\xf7&lt;\x83\xfb\xe6^\x9e\xd4\'\xa5\x99\x10\x92~\xf2}\xbe\xbfg~\xc3\xf3\xfc\xda?\xde\\\'\xa3T\x01\x96\xe1\xd4\x06\x83\x10\n\xd1\xea\x82V\x97\xce\xb1p}!\xf9\xf7\x9b\xbd3\xcf\x96W\x96\x9f,/?\x99w\xcb\x1b\x96\xb8E\xc6\x16/&lt;\xd8\x98\x88\r\xcc\xb2\xceJ*\xfc\xeciZ\xa0\xa0\xd2\xd7\x9c\xc8\x90II\x95\xd3da\xd4j\x17\xd8z\xc0\xe7\x0f\xf1\xb3\xa9\xf5d*9s\xff\xfe\xcc\xca\xbd{\xcb++\xcb\xcb\xa9uC\x8b\xce\xc50\xbe\xc2\xa3\x15\xd1X8\xec\xd4\x13\'\xa6\xd36[\xa6\xa89\xb1uk\x06\xa5\xa7\x95\xb4\xe0-\x16\x94f\xcb@\xbc\xacu\xf6zj!9??\xd2\xbb2\xb3\x92{\x06\xb0V\xfa\xfa\xc6\x85\x1b^\xc6%D\x12P\x1b\x8c\xec\xa0\xb3\xb2\xf9do\xdaf\x7f$5\'\xeb22\x08\xbb\xca\x0e\xd5\x13\xb0B&amp;\xa3o\xb2 \xdf\x88IL\xde\x9c\xe9\x9d\x99YY\x99\x81\xe8\xedM\x19\xce\xbay\x97\xa0\x8e%\x12MlxPE!\xd6\x07\xe9\x8as\x17\xeb\xea2\x08RO*]\x8eZF\xa94\xa9#\x86Gc\x05-\xbf\x0e\\\x9fK&amp;\xe7\xbfy\xf6\xe4\xe6\xf2\xfc\xf27\xb7\x7fx\xf8`O\x9c\x13ljwt\xa9\x89eU\x95\xd4\xa9?\xecL\xdb\xa0\x94\xe4\xc2\x04\xa8%#HX\x81\x82\x831\x9b-jC\xed\x98\xff\xd7\xef\xa0h\xfd\xd4\xf0ptt\xf4\xf6\xb5g\xa3\xa3\x0f_Bi-\\r0M\x1e\x1f\xe4\x90\t\xe8)\xa2\xf9\xf34\x8e\xea\xf6L\xd4m\xc5\x86\xb5\xd5\x1a2\t.38\xdf\xcb9\xfcc\x88u\xe7\xceK\x8c\xaf1^\xbe\xbc\x93\xd5\xb8\xc4\xb1jO,\xee\xb6\x99\x9c\xd8x\xfdcG\xfa\xd4R\x8c\x80\xe7e\xb0\x18\xc9\x90\xd9L\x9b\xcd&amp;\x17\xc79\x1c\xf0\xec\x7f\xf6\xc1\x1d\x91\xe8\xf9\xeb7\xbf\xbcy\xfe\xf5\xf3\x8a\xb6\xc6%\x9ea\x8c\xb1X\x84\x07*\xc0:\x91\xc6\xe1S\x0563d2H#iWB\x98\xcd.A\xe7\xf0\x1a\x0c- \x17J\x05XoJ\x9e\x17\xb6}u-\xe1S\x0b.u,nci\x92$O5or[\xe5\x7f\xf4\xca\xdd\xbb5\x03\xe4\xb2Z\x01\xcc\xae\xa4\x95f\xa8\xa6^\xb8qO\xca\xe1\xde\x03X\xcf\xa7F\x1b\xdb\xbe\x02\xaa\xaa\x08\x0f\x15b \xa6\xb6\xd8\xad$q\xaa\xb2;\x9dc\xf3\x92\x9e\xe9f\xa0\x12\xb1\x10\x0c6\x7f\x82\xce\xab6\x1a\x9b\x9al&lt;g\x88\xb8cK\x8fG\xaf\x8dN%\xa2\xa5F\x8ec8\x0e\xc4\xb2\x93d\xe5\xa9\xdf\xa7w8]r\xees\xa9\x0c=O\x92\x14\x89\xefJ\xb3\xe0\xe5\x18\x1d\xc3YL&amp;\x13\xcb\x1b\x07\x06b\xf1\xa5x4\xe6\xb11\xdc\xac-\xcc\x06h=\xfc\xe5\x89\xe94\x0f\xa7\xf7\xafR\xb0\x8d\x00 ;!\x95\x12\x84\x95T\x9a\x18\xa1\xd5\xe5\x12,\xb8\x04L\x0c\xcf\xab\xf1!2\xc2Z,\xf8\xcfC\x96\xa6U\xa4\x95\xf8\xf4V\x9a\xa7\x9a\x15\xe7\xf7\xe2\xde\xefwV)\xa8\x06`\x14\x940l\x1c0&amp;3bYX\xc6\xebi\x89\xb8\xd5&amp;\xa0\xb4\x98\xe8\x00\xad\xd4[\xa5\xcd\xab\xe9\x9e\xe4W\xdc\x1f\xd4#\x96\x0c\x03\xb9\xecJ\xc1\xa1\xd3\t.\x13\x96\x0c\xdad\xe1"\xee\xc9\x88\x91\xa7\xed\xf6\x80\x85V9\x9dv\xab\xd5\xba\xf7~\xba\xcf\x89H:\xc2\x16;&lt;T@\xb5\xc7\xc8\x90\x91J\xc6\xa1s\x99\xc5P\x9aM\x02ct\xbb\x8d\x8cEE\xea\xc5\xde0PQ\xf6Ki?\xe6\xa6\xe8\x98\xe5\x02\x84\x0cG"2\xf0\rj\x18\x8d\t\x03\x1e\xb0\x13\xcb\x84g\xf90\xcbZp\xfd\x91p\xf3\xd4\xc3z\rp\xb1\xa7\xe9&gt;\xf7 \xe9hR\xf34\x85\x03$\xbfaA\xa1\xb0\x9b-6\x9eg\xd9p\x98\x9b\x9d\rC\xf2\xac\x14IQ\x04\x85h*~\xb8*\xedX\x1ft4\x19\xbdl\xc0.\xc5\x89tP\x0c\xaa\x05\x01\x1fO\xc3\x0e?\xcc\xf1&lt;\x13\xe6\xc3\xe1\x00l\x19\x08\n~M\x11V\xbb*\xe0\xf90\xfa&gt;\xd42\xaa\xe1\xe3\xc1\xf7\x7f\x12\x05\x93\xe1\x8a$i\x86Ws\x82\x85\xb5\xb0b\xa9\xaa$\x88J\x8a\x82\x97\xdei\xe1K\xbb\xb2\xd2\x8e\xa5@,/\xcf\x99\x88\xado\xf3(\xc5\xb0\xd3&amp;\x06\n\xaa\xd9\x1c\x08\x04Tz\xd8\xc9\x10z=\xca\xa5\xb7\x18K\xf7t\x15&gt;U\xbc\x07\xb5\xbc^\x8e\xe7\xcc2\x94K\x96!\xd6\tH%\xa9\xd7\xa3\xcdU*\x95\xbe\x12d\xc2\xc18\x99\x94\xa2m\xbe\xaa]\x80\xf5\x1e\xd42x9\x08\x01\x074\x90i\xa3R\x88\x1e\x03}*\xd1V\x95h,=\x05T|\xacj\xd7\xfb\xc0\x92l`\xc1]X0[3P(|\xcb\x10\xaf\xb0\xe8\x13xO:\t\xe9\x036\xd2\x19v\xc7\x0ftv\xbd\x0fo\x9d\x06,\x87\x8eqp\x9cn\xd1*#\xa4b\xad\xc7BA\x88X\x94\xa8\x99\x14\x1dO3\x86\x08Pm\xef\xec\xda\xf54\xdd\xf5Arw\x00\xb1tx#\x14\x16C\xa0M\x1d\n%\x93\x9d"0\x8f\x14\xd5\xdc\x0cJ\xc9 \x91\xb4\xda\x1d/=P\x88]\xa0\xac\xb4c)\xee\x0e\x18\x01\xabU\x10Zu\xba\xd6E;\xca\x85?\xb2fB&amp;\xba\x8bh\xdePKe\xf3\xc5\x13\x89\xc2\n\xadv{gg\x1a\xb1$\x18\xe0\xad\x01\xa3\x1a\xb0\xde\x86KIA\xea\x00\xab\xae\x0e\xbd\x05\x8e"\x9a\xa5R\xb4\x15\xef\xab\xca:ZQ\xa2\xc5\xaez\xd7]\x89$=\xe7\xee$\x8as\x1dg\xda\xef\xf7\x8e$#FC&gt;d\x10\x90D.\x13\x89\xfb.B\xf6v\x9f\x03\xde\x92\x11z\x15\xe3qgeUhJ6\xb0&gt;^\xee\x81\xe8\x97l&gt;\x9c"{u\xe2\xe2\xa5K_\x0c\xb2\x11\x8f\xa16_\'\xea\x05`\x7fi5\x93\x04.?\\\x8d\x84\xbeR\x0f\x9b\x06\x15k\x8c\x1fH\x1cm\xd3h\x90\n\xb1n\xb7\xb7_\xb9\xdc^s\xaeg\x93\x8fP*\xce\x05\xd7\xd7.\x05hZ)x\x0c\x80\xe5\xf7\xdf\xb8qc#\x8f\x8b\xc8\x05b\x01\x16\xb5\xd7\xc9\xf0\x82\xcb\xeb\x8b\x16\x964\xb6U\xe7\r\x01\x95vhw\xe7\xc7\xb7\xaf\\\xe9^Muw\x8f\xf4\x9e\xd9\xd4\xaep\xff\xe5\xe9\xab\x9f~A+\x95!\xc1\xe31\x14\x03\x16\x86n#\x99\x8bf\x95\xd5JH)\xbb\xca\xc2\x81\xf1\x0c\xf1\xa9\nmcyy\x9efH\xab\xd5\x0ei@\xae\x1fzG\xc6\xd7\xd7\x93\xa9T2\x99\xbb\x89\\ \xd6\xf4\xd5\x8b\x83t(\x14b \x89\x05\xb58\xe3\t\xe1p8\xfc7t~\xbf\xc3\x05\xcf\x8cp\xbb6\xf8|\x11w\xe2\x88\xd8J\x04\xac\xbc&lt;\x8dF\x03juEo\x9e\x0f\xce]__XX_\xef;\xdd\xbfy\x8b\xb0=8\xbd\xfa\xe7\x802\x142\x8bX\xc5\xb5\xc5\xb5\x8fj1\xf2\xc7\xfc\xfe\xfc\xe2\x82\x82\xe2\xb1|\x83/\x1e\x8fNM]\xcb&lt;x\xf0Hufu\x1e\xc6\x11P\x0c\n\xd7\xfe\xc7\xe3\xd3skss\xd7g\x17\xfa\xb27\xed;\x06$=\xdd\xc1\xe0\xf4\x843dU\xba\x04O\xc4\x03\x14\x05\xc5\x18pQ\x8b#\xa8\xd8\xbbv/E\x13\xa3\xd7\xca\xcb\x8b23\xab\xe1uD\x8c&lt;\xec\x0e\xef\xee\xfc\xec\xf0\xe3\xe4\xdc\xda\xda\x9a\x8dO\xf6\xe5n\xda\xf3\xb5\xe4\xf4x0\x18\xbc\xea\x0c)]\xaeVC\xc4s\xbc\x00\xe3\xf8q|!\xdd\xf1\xb2\xb2z\xb9/1u\xb4\xe8\xd8\x0e\xe0\x82\xd8\xe0Bw\ri\xa0\xa0~\xb8\x7f\xff\xd2\xdc\xac\x8d\xd7\xd9\xe6wf\x9fVl\x96\xe1\xaf\x04\x83\xe3\xe3\xc1\xc1\xc108&lt;\xdf`@\xa0\x02d\xa9oi1\x80fe- W\xe9Tc\x1b6\x81\xb7AdB\x00\x15\x88\xa5\x19\xd2h\x10+\'\'fc]\x8bM\xe7wfgo\xd2a2\xc9\x05\xc8\xe1x\xf7\xf8\xc4\xc4\x1a,=\x7f\xb1\xa8\xd4q \xa9\x97\xcb\xe5\x93\x86\x02\xb1\xd3\xdf2&lt;ul\x0b6\xea@\xaa\xeaj\xb1+\x0c`\x1b\xa6\xdf.\x9e\x98\xfa\xa8vqq\xbd\xf7Lv\xfb\xbdMy&lt;\x93(V\x92\x88u~z\x02V\x9eNt\xb8\xa8\x95\xfc\xd0\xa1\xe1\xe1a\xf9d\x0bPM\x9e\xad\x8f\x1e\xfb\xe4\x13\xc4*\xcf,\xda\x97)\xa2\x89\x82i\xf24\xdb\xbb\xf6\xec\xca\xea\xca\x91\xfbu\xa9\xf6\xdc\xec\xe5\xd7\x9bP#$\x12E\xcf\xc2\x02b\x8d\x8c\x87\xfd8\xc0?V[\x0cjA\x06\xc5\x01\x8d\x8f\x86\x0f\xc9\x01\xce-\xafo\x80\x1c\x16\x15\xed\xd8\xb2c\xcb\x96m\xfbP\xb2j\xd1\xf7y\x90Dq\x04(\xe7\xd0\xa3\xa6\x9b;s\xb3\xff\xf9\xe2\xdd\xbf\x86D\xd2\x7f\xe1\xd6\xf9\x1f\x7f\x12\xb1.\xaf\xc3\xaa\xc3\xe3\x0e\xc5\xa2X@u\xb8\x14\xe7\xb7\x86}\x10\x87\x0f\xe5T\x94\x8b\xedi\xec"ff\x8aX\x10\x98E\xa8\x11\xbb\xb5\xbb\xab\xe4\x8f\x16zwf\xd7\xfc\xf2\xa2\xef]\x8f\x9cJ$wW\x7f\x9e~\xf5`\x03+\xa8\xae\xc5\x8a%\xe6\x10\xc7a\x0f\xe3Y\xbb\x9c\x06\x1c\x8b\x85\xabh\t`\xa1`Eb\x85\x10\xc1P\xad\x83y%Z-\xdc\x1f\xab\xce\x16\xccC\x0ek^\xbf\xe8\xfb\x1e\xb8$\xef\xe0\xaa\xfe[\xdf\xfe\xe3?\xa9W?\xa6D\xac\xcb\xeb\x06\xd1\xedh\xf8z\xf90\x9e\x88\xaa\x8aVU54\xc4\xf1*\xab\xa4\xb1\xbch\xdboZef\xee\xdb\xb7\x91\xc5\x83\x90Fm^^E\xcew\xb1\x99\xf6\xec\x9a{/^\xb4\xff\xf5_\xdf\xdf\xea\xf9?\xc1`\x17r\xeb\xdb\xbf}\xf9\xe5\xcf\xa9W\xffN\xa2\xe5/_\x19\x8f\x94A\xfa\xca\xcaD\xc3\xff\x97\x93\xb3\x0bi+\xcd\xc3\xb8^\x14\xc1L\xd8LH\x96\xd3&amp; \tX\xe3M\x87\t\x9c\xbd\x98\xf5\xc2p\x8a\'^\xac\x81\xd3\x9b\x99%\x88\xc9\x95(\x03C\xc2D/$M0D2\xb0M@\x0e+\xcbN\xea"\xe4\xa3\x1b\x96\x84v\xc9\x10;LR\x9dm\xcdPE]\x1c\xdc\xfa1\xb1\xc6\xda\xaa\xf5\xab\xad_C\xbb\xcf\xff=\xce\xec\xc0\xce\xee\xce\xec\x8b\x1a\xcf\t\xbe\xf9\xe5\xf9?\xff\xe7=\xa1\xe7\xed\xd5\xcb\xb4\x01\xb0\xad\xad\x8d\xb1}\xda\xd6\xd0\x0e\xac\xfa^\x92\xcb\xfc\xee\xbb\xa0R\x8c\xff\xdb\x8e\x8e_\x92\xef\x1b\xae\xfe\xfdN \xac\xb1\xbe\xaa\x9eiKI\xd3\\i\xe3\xe3\xff\xe3:\xa7\xae\x0eJ=\xee\xbb\x0b\xac\xeb[\x03\xe3\xc8-`e\xfeq\xad\xa9\xe9\x1a\xbe\x9bh\xbf\xe4\xe5\x16e\xfbX[\x1bmnk\xe8\xe9D\x94\xaauJF\xd4\xb7\xaa\xc1\xd5\xaa`\xd1x\xe7\xd7\xbf\xfb\xa4\xe0\xd2h\xba_VO5\xc0\xaa\xadM\x966~\xee\xff\xf8AJ-?\xee\x1b"\xac\xbf\x8cl\x0e\x1c\x8f\x8c\x8cx\x12\x19W\xfe\x0f\xd7\x9a\xde#4\xbaQ\x8a\xee9`\x9b\xc7\xc6\xc6\x90\xf0=\xd0\xaaW\x8d\xe8\xd2)yJT\xad\x14\xf6P\xae\xde\xd2\xf1\x8b\x0f&gt;\xbc\xf3\x95\xd6j\xbd\x7fV\xbd\xb7\xb1\x904a\x10\xd8\xcf*%\x94"\xa8!\x86u2r&lt;\xb0\t\xb5&lt;\xb1\x8c+0\xfeG\x84(\xd2\x9dm\x88j\xb92\xf6VCss\xc3[\xa3\xa3\xcd\xed\x9d\x9d\x96^\xba{\x85ub\xeb\xf9P\xba\x11Y\xd6x\xa5\xe9\x93\x18\xc4\xa2\x1ajV\x92\x0c\xcbT;\xc8\xc0~\xbaR+\x80J\xa5\x86\xfa\x86\x08\xcb3~\xb45\x01\xacx\xc6\xe5*\xdc\xbcH\xd9\x8e\xa8b\xfb{\xdah\xf7_\xf3\xe8h\x03\xb0,\xbd\xbd\xba\x0b\xfd\xfd\x17P\xc4\xfaVE\xacV\xc5\xfcfs\xe7\xd8\x8d\x0f\'\x02\x10\xcb\xfaR\xf5\xd2\xba\xbc\x9b\x8cD\x18\x17J\xb9\xfc\xf9O\xaa\xe4%E\xa9T$\x05\xb5R}ww\x1e{\xe0\xf9q\xc2\xf2\x05\\\x86;`B\xb8\x7ft\x95\xed\x0fn#\xb5\x9a{F\x9b\t\x0bj]\xa0\xdc\xaa\xb7\x00JM\xde\xaa\'\xb0\xd6Vsg\xc3\xdbM\xcf\x12\xc8,\xf4a\xf5\x15\xac\x05,\x80E\x18\xd8\xc2\xca\xff\xb4\x182\x1dPw\xfbR&amp;\x13\xa8\x96L\n\x96g\xd3}&lt;\xc2Z\xd1\xa5\xf5\xdd|\xff\xfd\x8b\x1f\xb1\xa8:\xc7\xeail\xec\x81\xb3:{\xa1\x16q\xf5\xd2\xfeD\xb5\xfa\x02\xf3\xbc\x9a\xd8\xcc\xed\x9f\xbe\x07\xbf\x93X\xcf\xabk\xf7\r\x0b\xc9\xc1A\xc6\xc5\xc0L\xc9\xc3\xffn1\x96S\x80\x1a\x8a\xd4B+\xa0ER;;C\xbb#\xf1/\xdc[\xb8\x12\x8f\xc7\x12.Cx\xe2\xf2\x07\xe4v\xba\x03O\xc1jll\'*\x8b\x82\xa5\xc3\xa5\r\xf5\xa1\x1aDj\x96b\x16s\xc7\xd8\x8d&amp;\xa5\x84\xd6\x03\xff\x81&amp;3\x07,\xbc\x02\x03\x03\x96\x02\xf6\x9f\x14\x83R\xbf_AN\x91T\x11\xd4/bZ\xda=\xb9\xf5zhw:Q\xdc\xdf\xbf\xe3\x89\xc7\xe3\x89\x80A\x1b\x98ma\xf1\xdeBi\xca\xb0\xe8\x1f\xcaQB\xe6-]\xaf\xd9\xd2\x81\xd0BKB/\xd8Lm\x19\xeehhi\x1a\xc7\xa5\x03\xa8\xbe]\xab&gt;\xb7.\'\x93\x8c\x8b\tV[K\x854%Ko~\xfcC\x11\x96\xe4\x95\xc7;\x90\xca4\x88\x02\xa6R\x80*\x8d\x147\x7f3\xb4t\x92(\xac\xebg@\x15\xf3\x05|\xd9\xa9\xfc\xec3\xb6\xd8\xb4\xd0\xb6W\xc4\x15\x84B\xab\x99{\x15\xb5\x14,\xaa!\xc0\xccd5K\xcf\xdb\xd7\xfe\x9a0t[\xad\xc1\xe0s\xff\xda}Xka\xa54\xb7\xad\x80\x99\x18\x16\xc6\xdc\xf2\x8f\xac\x94uu\x1fo\x9c\xec\xb0\xfa1\xaa\xa5\xa5\xb9\xd2\xc8pe\x7f\xef\xeb\x9d\xa5\x85XbR_)\xc4\xe2\xf9\xd5\x87[G7\x8a\xf9|\xf1\xd9\x9f\x18\xd5\x15\xda+\xd9\xd3\x01\xaf\xe3\xba\x94\xae\x01\xe9\x16EK=\xadA\xa4\x16\xbb\xadL\xdd\xd9v\xf1f\xd6\x80\x12\x06\xad\xddg\xaa\x03\xeb\xc6\\\xf2\xf5\x83\xc5\xf8\xf4\x02\xc0L\x91\x08\xa4b`\xa6\xe4\xc2\xbfU\xf2R\xdd\xe7\xa5\x9d\xbe&gt;\x92\nT\xa9\xc8\xd2\xdc\xf4\xc8\xcc\xba\xec\x15\xf7\xbe\xb9\xbb\xb4;\xed+\xae\xaf\xcf\xce^;\n\x89\xa2{\xefx\xb5\\(\x94\x9f]f;\x97\x95tgL\xa8\xa0\xba\x97\xb0\xe8\xea\x86!\xf5\xd3O\xcb\xd8G\x9f\x15\xa6\xc2\xdd\xe4\xacWU\xd4\x10\xa9\xb5\x99\xe6*\x8f\xf2+\x87sL\'F5HaQzSw\xe9\x87R\xc1T\x80\xeaK\r\xa2E\x18\xd4\xc4\xcc\xbaS\xe0x\xfd\xde7_\xef\xec\xfc\xb98\xb3?\x80\xe1\x16\x05Apo\xcd\x14\xcb\xf9l\xb6\xf8\xc5\x95+\nV\xbbE\xc1\xb8\xa0cb\x91V:\xd2\t\\\xfd\xea\x8e\xe1\xd9;\x89p\xb6P\xc8\xde\xeb\xee&gt;\xf0\x9f\xa1\x86\xdb\xbb\xeb\xe9t:\xfab\xed\xb6g\x9a\x9ar\xb0\xf6\xbbaB%\xbf\xebI\xac~\x1b\'}}T@H\x15I--LOL\xee\x8b\x82Ce\xe4C{\x18\xee\x9c\xec\xd5\xbbCn7\xb0\xa2Qa`k\xb6\x9c/d\x03\x85YRk\x8c5!8\xfa/0\xbfcU6\xeb\xfa\xd9\xa0\n\xb6\xaf\xe6\xa7\x82\xdd\xd6\xee\xa9\xec\xcc\xfa\xe4\xa3j\xd7\xa9fca\xfb\xb5\xcd\xceE\xa3\xe9\xbe-0\x86\x00\x00\x05OIDATh\xb4\xf2 \xbfRZ\x18\xac\xfd\x17\xda\xe0\xe1\x86b}Z\x92\xa9~T@\x98\x90\xa0\x8e\xb7\xf4^N\xe5\xf7\xdbd\xf7\x1e$\x8a\xe2\xadyE1\x14\nA@.-\xb87\xa9\x8c\xd9\xa9lq\x8c\xd4b9\xaa\xdc\x9eh\xb6\xb47\xbe\xd3\xa1&amp;"\xc6\xd51\\\xf4\xc1R\xd6\xe0\xdf\x82\xcf+\x0e\xd9\xed\xae\xcck\x97\xb7\xb7?3\xda\xa3&lt;f"\xc9*\xc3\x85\xe5\xc3\x1fJF\xd6\xa7\xcf\x80J\xfd\x86R\xb0\x1eA\x15\x1f\x1e\xb9\xf5\xbc\xdd\xdf\xd5\xa5\x92B\xa8\x9c^\xb0c\x16`\xe9C\xa1\x9c\xc4q\x9cCpO\x16!\x97\xcf\x15(\x8f\x8d\x92\xb7\x94U\x07\x18\xe6\xce\xc6_5\x12\x16\r\x9d\xaesv\xc2\x10\x0c\xa2\x01\x83\xc1o\xcf\x9ev\x191\xdf\xd6\x8d\xd7\xbb\x8f+\xf6tT\xa0\x99\xb84T{\xf1`\x11\x8d\xc9\xc0\x14\xf3\x1fn\xd4\xd5\xbc9Q\xa4BX\xa1\x17\x18THr\x00\xaa\xab\xca\xebA\x15\x92\x1dF#\'8\xf5\x18\xa1\x9c\xc0E\x89\x8b\x95\x11K\xd1Tyvlu\xb5\xbc\xb8\xb88Ocq\xb1\\,~\xf9\xe5"+\xa0Nw{6\x1f\x0e*\x03TO\xbbTvA\x0c\xb9\x07\x8e\xd6mi\x8e\x17x\x1a\xf0D\x14`ON\xe3\xe7`\xe7\x0e\xabQ\xa4\xa2\xf0\x04T\xf9!|\x1d\x12T\x80z\xea\xe7sn\x1c9\x1d*\xbf\x91\xf7\x8a\x0cK/a\x1e\x89\x8f\x8a\x9b\xab\xf9B"\xe0\n\x87\x0b\x05\x84\x99\x0b\xe1\x1f\xd6\x861\xa6\xc2\xae@ p/\x9b\x05\xe3\xf0x\x81\x82]\xa1\xc2\x8c~\x88.x\xbd^!\xcdq\x82$I\x84\x85\x16\xc2\xfbLG\xf9\xb5\x971\xb2\xff9\x97\xa9\x86A!\xa7\x18\xd4&gt;l\xad\xe7\x89\xaa\xcb\xcf\x8b\xac\x84\xbc\xd1\xaf\xb2\tN\x86\xa5\xd7;i&gt;\xb0\xe5&amp;\xcb\xf9\x98\xcf\x15\xd6j4Z\xadV\x83\x07\x1aZ\xe5\x11\x0e\xc7\xef\x81|L\xab\xe9f\\\xf7\x0f\xf0\xd6\x8c\x0e.\n(\xd1\x1b\x8d\xf2\xd29\x154C-\x01\x87s\x95\xdb\xb1eD\x99BV\xc3\xa4Z\xda]\x98\x9e\x9f9rS\xb3\xf1~\x85J\x0f\xbdQB\x9b\n\r\xe9dR\xe9\xf7C\xa2\xd3\x89\x19\x05\xce\xb9\x0e\xb9\x80\x15Vhh\x84\xd9\xcf\xef\xd1\xc2\xbe\x00\xceP\xb4[\xef\x1fT\x8d6\x9b\x83\x83TN\xfc=h\x88\n\xce\xe2`\t\x87\x83\x97\x9d^\x01}\xc9WN3\xcb\xe7\xa5\xacaR\xcd\x01j\x9f\x12\xc0\xad\xe7@\xf5\xb4\xab\xca\xe5B\xa1\x81=\x12Ket\xc8J\x05\xe9\xdb\xe9\xf4J\x92,9s\x0f\xcb\x1e\xaa"\xc9ePF\xd8\xc0\xc8\x18\x94\xc6\x95\xc8\xe0P\xc3\xa8\x1eUU\x8cJ\xf2\xca\n\x8f\x03\x1a9\x1cv\x0c&lt;pr\x0e\xa8\x0e;\x8emk\xa7\x19Z\x95\x06\x07k\x88\xea0&gt;\xbc\x8e\xf6\x0fQ\x05\x99VF^\xc6\xc1\xc0\x1e9\x0bF\xcd)\x15\xcc\xe9I-\xd9+\xe3X\xcc\xcdzbd.`\x18\x0c.\xb8\x0b_@;\x17-\x10\xcb\xe0\x88a\x11\x95\nT\xacd\x18\x9c\xc3\xe6`LF{\xda\x9e\xe6$9\'\xf38\x81\x93i\x80=\xb8\xb7r\xb8\xbd\xbd]3\x94\xda-\xcdO\xee\x87B\xfa\xef\xa9\xfc6IOG\x03\x03\xa2d\x83X\xd0&amp;\'\x12\x8a\x88/\x94\xc1I\xbf\xcb\xebe\x98\xcb\x80*Z\rpy\x02\xeb8\xae{\xc2 \x0b\x87\r\xbeX\x80\xf4\xc3s\xe4+\x15\x89E\\D\x84o#Jj$\xadpR\xcaQY9&lt;\xc5+\x02V_\x06\x96\xe7\xb6k@\xb5X\xc1\xeb9EP\xc9F\xa2\xe2\x9cz\x11\xb1Nm\xc8\x1b\x8dvN\x96\x9dN\x11,\xa2HT\xe4\x0fY\x14%\xe9\t"\x82\x14\xd1h2\xf8\xa8v+\xee\xb9\xe5\xf1\xc5&lt;\x1e\xf4e"F\xca1\xb1\xf0AG\x05\n\x1bU\x11\x02\x19\x01\xa5\xa2\x81yA\xc5K\x98\xd8\x89v\xa4\xa2\x02\x17\x8e12\xc1jv\xa7\xe7+\x1c&lt;\x884\x08y)\xaf`v,&lt;\x1c\xb0\xdcz\xc9\xa1\xb2\xe3mJ$\x11&amp;@#9\xbd\xb2\xec\xf5J\xf8\x8d\x7fQ\xa4\x8bh`Y\xb5\x99\xcc\xc8\xf5\x84\xe7V&lt;q=\x90\xc9\x04\x12\xb8Z4\xe0\x19`\x05O\xab\xf4J\n\x18\x80\x8cv\x85\n\'\xf1~av\xbcQr\xdb\xf9YFk_;u\xd5\x94\xe6+\x12o#mB\x12\xd9\xdd\xef\x10\xbd0\x94D\'\xbc\xbc\r\xae\xa0V\xc9\xa1\x8c\xa2\x0c\x1aX\x01\xb6\x05\x97$\x08O\xb2\n\x16\xb8\\\x99\x8c+v\xdd\x93\xf0\xc4=\xbe\x8c\x8fi\xc5\xb0\x9e\xaf\x11\x001\xd9\t\xc8HX~\x05\n\xd3bN\xa7,q6\xa3\xd2\xfc~\x05+\x9d\xb6\x9d\xd5\x14\xd6xY\xb2!\xcf\xdd9\xdeF\x99\'I\xc6\xf3e\'$\xd81\x07\xd4\x97)\xb5h\n\xaf7w\xbcZ\xe1\x01\xf5\xcfM\x9d\xea\xeclz\x1b\x18a\xe0\x9cg\x04\xca\x8d\x89\rk\x80ilM\xe2\x1ah\xce\x04\xba\xea\xd0#P\x08\x80\x83\xca\x03\x1c{2\xd0\x88\x02G\x01\xd0P`j\x07\xb9\xe9%\xb0\x0eH\xa8\x03\xab\x05\xc6\x8e\x0477\xc3\t\t\xd3\x8d\x1f\xbf|\x01F\xa138\n\xfd\x81\xe5\xa7\xe3\xd4\x8d\x1f\xbf\xd7\xd4|\xfc\xf2\xb4\xae\x0ehh\x7f\x0c\xc4U\xc0 \x9b\xfa\xe4\xf0\x9a\x8b_\x9e&lt;y2uj\x90\xb3\xe9\xc3\x9b\x90\xac(\x94\x91\x01\xca~`\xb7H\x03\xdb\xd5PW\t\x1c:Q\xc7-\xc3\xed\x08IZ@\\\x07v\x16(\xf6\x82@\xe5\xf3\xc6\x18S\xc7\xba:\x90\x9b\x80\xae\x02\x85\x15\xd8\xdd@\'\xcbp\x03\x004\xb4\xea\xfa\xa5\'\xec\xa6\x00\x00\x00\x00IEND\xaeB`\x82'</t>
        </is>
      </c>
      <c r="M422" s="3" t="n">
        <v>45492.67636574074</v>
      </c>
    </row>
    <row r="423">
      <c r="A423" t="n">
        <v>1047095</v>
      </c>
      <c r="B423" t="n">
        <v>1960</v>
      </c>
      <c r="C423" t="inlineStr">
        <is>
          <t>Rildo</t>
        </is>
      </c>
      <c r="D423" t="inlineStr">
        <is>
          <t>Rildo</t>
        </is>
      </c>
      <c r="E423" t="inlineStr">
        <is>
          <t>PE</t>
        </is>
      </c>
      <c r="F423" t="inlineStr">
        <is>
          <t>ATA</t>
        </is>
      </c>
      <c r="G423" t="inlineStr">
        <is>
          <t>PE</t>
        </is>
      </c>
      <c r="H423" t="n">
        <v>178</v>
      </c>
      <c r="I423" t="n">
        <v>80</v>
      </c>
      <c r="J423" s="2" t="n">
        <v>36545</v>
      </c>
      <c r="K423" t="inlineStr">
        <is>
          <t>Right</t>
        </is>
      </c>
      <c r="L42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caa2079-cd04-4191-b549-791ca980ae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W\xbf\xb3\x00\x00\x00\x02\xfdPLTE\xff\xff\xff\x01\xb9\x93\x01\xbe\x98\x02\x03\x02\x07\x07\x07\x0c\r\x0c\x0f\x10\x10\xfd\xfe\xfd\x05\x05\x05\n\n\n\xfb\xfc\xfb\x13\x14\x14\x02\xc0\x9f\x18\x19\x18\xea\xf1\xf4\x01\xb1\x94\xe3\xa1\x81\x02\xb3\x8d\x00\xac\x8b\xd2rI\xe4\x9bx\x9bjR\x02\xc6\xa2\xf7\xf8\xf7\x01\xa6\x87\xa3oU4\xae\x81\xa0kR\xd6vM\x96fO \x1f\x1e\xda\x7f\\\xe0\xa9\x8f\x01\xa0\x82\xe0\x95o\x92]B\xd1\x88h\xcdnE\xe4\xef\xf2\x03\xb8\x9b\x03w`\xa2hJ\xdc\xa2\x89\xacu[\xe3\xa6\x88^?.\xb0}d\xf1\xf5\xf5\xb9\x80e\xda\x8dj\x87[E\x04\xd5\xb2\x02lV&lt;\xb3\x85\x93bH\xeb\xa6\x964\xa7}7\xa2x\xdf\x86_\xa4wb\xbb\x86m&amp;\'%\xc8\x90u\x9bbG\xd5xW*\xa8\x7f\xe8\xaa\x8c\xdd\xea\xee\x7fJ1\xdayP\xc4\x87l\x8e]H-\xa1y\xda\x97z\xe6\xae\x93\x86V&gt;\x02\x81huN8\xe2\x8ev\xe4\x9f\x91\xd9\x9d\x81\xa3s[\x01\x9a}\xde\x83hB\xbb\x8d4/-\xc3z\\\x02\xce\xaa\xed\x97n\xe3\x8cg\xdd|V\xadjS\x8aaRjG4E1)\x01\x8aq\xc8\x94\x84\xc8\x81a\xc5jB=\xae\x80~Q:\xb7iF\xcftR\x01\x92vR9-\x9ao\\\x98h_1!\x1a/\x99s\xcf\x8e\x80wC1\xc5\x88z\xd5\x92t\xe8\xa4\x84\xd2\x7fZ=)!\xed\xee\xee\xe2\x8d\x81\x1c\x0b\x07\xd2~g\xe4\x97\x81\xd0\x98}:\xba\x8b\xe4\x86r\xb5z^\xde\xa8\xa4\xeb\x92gzTE\xb9uV\xe4~^l@-\x04aL\xe7\xe6\xe6\xc5kJ\xe3\xb1\x9b\xd6\x94\x88\xdf\xdf\xde\xeb\x86g\xf1\xae\x99\xd3\xe2\xec\x93R9\xbapM\xd7\x86vT1"+bIjJ@\x9cwp\'\x17\x11\xaayr@\x1c\x13[A&lt;\xdc\xab\x95\xe5\x95\x8e\xb6~q\xaehH\xef\x9ey\x80WO\xbcc=\xd5\x9d\x95/yZ:;8.oR\x89N6x`Y\xa9\x83{%\xaf\x87\xa0X;\x8c\x91\x8c\xbf\x93~\xcb\xa0\x8d\xd1\xd0\xce\xb5\x86~\xeb\xad\xaa\xa9ui\xb8rb\xec\xc0\xbeg4#\xa2lf\xa8aB5\x82a\x92qj\xae\xb0\xae\xc6tM\x94bZ|\x80x\x07K9\xd9\xd8\xd7\xaf[4\xee\x8ft\xc8\xc5\xc4\xee\x98\x869\x8dh\xe5\x9f\x9e\xeb\x7f\x8d\xa0\xa3\x9f\xb6\x90{\xf3\xa7\x87\x84id\xbc\x8f\x8b\xef\xbb\xacnUN\xc9\x94\x94\xc5\xdf\xe2\xd3\xa7\x91`KG#S=zH@S%\x19hmg\xbe\xbe\xbb.\r\x08\xaf\xde\xd7\x117(\xd7\x83\x8fPQN!kPH;:\xb7\xa3\x8e+\x8ck\x98\x83yB\xb4\x9dCJD__Z\x1f\x80c\xc3sm\xc4|\x81\xa6\x91\x87\xea\xd1\xd0A\x98v\xb5so\x9fROH\xc5\xafm\xa2\x8b\x1d\x9b|\x9c\xcf\xc8\xc4\xae\xa1j\xcd\xb8\xe1\x8e\x9a\xab\\`\x1d\xb9\x9bm\xbc\xa5\xd4s|-\xc1\xa3LjO^\x92vQ\xa5\x7f\xb8\xd2\xcd\xd0\x9d\xa9\x83\xd1\xc3\xf6\xf0\xebW\xd1\xb8\xd1\xb1\xb0\x19\xb6\x8c\x19\x93t\x89\xb8\xbapxu\xa5\x00\x00 \x00IDATx\xda\xc4\x98\xdfK[i\x1e\xc6\x0b9\xe7\xcd99\xbc0`\x87\xb0TN\x96\xb1^\xb8\xd34\xa3\x17\x0e8s0\x17Z\x11Qw\tG\xf0W(A\x83\x8dTES\x93\xa5\x14\xdb\x90\xb4\xb9\xa8\x8a\xc6\xbak\xd0\xe1P\xc5\x80E\xb1\x83\xb1!\x9d\xc0\x92\xa1\xa5\xcb\x16\'\xde\x04A\x12\x96\xc2\\\xcd\x1f\xb0\x17s\xb3\xcf\xf7\xc4\xee\xfe\x03\xc7\xf65zr~H&gt;&gt;\xdf\xe7}\xde\xef\xeb\x95+\x96\x0c\xbb\xdd\xe1\xc0\xcb\xe1p\xe2h7\xdf9\xecW&gt;\xf3 \x0cO\xbePH\xe6\xf7\nI\xa7\xd3aw\xc6q\xb0\x03\xf0\xf3Ry\x92\xa79C\xd7+\x95r)\x97\xcd\x942\x99\x8a\x91\xcb\x13\xdf\xe7\xe1\xa1/(U(\x19\x9csEf\xb2$\xc9L\x90eA\x10\x95r2\xec\xfc\x1cdd!\xa73\x1ev\x9e\xea\xa2\xa80\xc0HL\x90DY\x10\x05A\x925\xa3\x98\x0c\xc7\xc3q\xcf\xa74\x19!\x85\x93\x10j/\x97\xc9\x1aL\x91EYf\x90J\x96\xf0\x0ez\t\x02/\xa3\x96\x99L\xae\x98\xfc\x84\x8aA\xa7p\xce(f3\xba\xc2U\xa6h\n\xb4\x02\x8b@j\x01R\x90\x04Q\xd3u\xaep\xc6+Y\xcf\xa7\xe0\x82PT\xbdx\x86\xc3A\xc0`\n\x13U\x05\xb5\x93\xa9\x8c\x17\x83J\xc9\xa0 \x063\xf2f\\\xd8/\x17\xcan\x0f\x87\xc3\xc9b\x95\x93\xb3a"E\x11\x05\x85\xe3\r\x95\x10l@\xb5I\x82\x80\xa3y\x9bq^\xca\x16\xc2\x97ZIJJ\xe7^\x11\x9e\xa9\xea\x8a(\x82\x00j\xc1R\x9a\n\x0e\x89\xa6\xa1\x88\xba)2\xc0@&amp;\xe1\xa0p\x85q\xa3\x8c\xb8\xc0\xa4u\xda/)\xa0\xe2\x99r\xd9\xd04\xa3\xack*S\xd5\x0ba\x04E\x91\x15\xc1\xc4"\n\x85\x8b\x12\x94\x84\xbfl6\xd2L\xe4\x1a+aZ&amp;=\x8e\xcb\xa1\n\x97\x98\xa20d\x81\xa2\xc0\xe6(\x9f\xcd&amp;\x91\xd7%&amp;\x8a\x12\xb8\x04\x18\r\x8a\x99\xa6\x82\xedD\xc9f\xc3=YTE\x9e\xcb\xe6J\xa7\x1e\xfb\xa5`\x9d\xaa\x1agL\x85$H*\xcc9\x06\xa98\xa7Z\xca\xc4@\\5\xdb\xdb\xe8\x05~\xc8%\xa3\xcc"\x93\xf5j\x06\x16\xb3_\x06\x95#\xc3\xe1o$\xa5Jy.\x92\x9f \x95HJ\x99F\xb3\xd9\x14NX\x82i,r\xbd\r\x97\x81\x85\xdbj5\xee\xf18/\x07\xab\xca\xf0\xb9\x10\xc6t\x0e"\xddF\x11\xc1\xcd5\x87s:\x87\x842AR\x88\xc943\x15HEV\x13\x95Jv/~\t\t\x86\xecIVdn\x90 \xc8\xa4\xdaT\x83 \xa2F\x13O`4\x01\x19N\x01&amp;\x90\xb9\x14\xa4\x86i=\xba\x8a\xfb\xdc(\x153y\xcb\xb9\x1c\x9e0\x12\x94q\xb2\xb3\x08\x04\x99\xd7\xd0d\x08b~:\xce@Bw\x05A\xe5\x9a\xce9\xaaj#\x97\xc9\xf4$S\xa9\xbf\xc8[\x1c\xabvg\xf8\xd4\xe0\xb2B\x7f7-\xccf\x91d\xfa`J\t\x9b(\x99\x92\x91\xd9\xc8\xf1\x8cRV4\xb1\xe8\t\x12\x16\x11\xc6\xb4j\xc6R,\xc4h&gt;\xa7\xd3z"!"\x10L(\x16&amp;&gt;\x95\x0f\xdf\x82)\x16\xb53T6P\x11\xa1b\xa6&lt;\xc9\x853&lt;\x05\xc7\xc9j\xa9j\xe5d\x04U\xbcLy *\xaa\x8e\x18\xa7\x1a*\xaaJK\xb2L\x89!"2\x90\x19d+F\x11A\x02\x99\xd1%\x7f\x14\x0c2R\xae\x96JI\xeb\xdcEKs\xde\x105\xc4\x94\xa2\xe2\xe3\x81\'IL\xd3\xa0\x96\xa8\xaa\\U\x19\xd78\xe5,\xe3\xc84\xf9\x82E4[\x8a\x0b,34D\x91g\x93\xd6\x85\x84\xdd\xe9\x0cg+\\S(51\xc7\xa8\x80\xa8$\x01rM\x03\n\x83t*\x1aT\x84,\xc1\x99\xc9%\xfd\xdf}\xa6\xbfD\x8a\x13^\xdcsZF\x15&gt;\xcd\x16K\x15\x15\xcb\x1e\xa3\x08\x90e\x08\x84\xdaq\x05=\x95\x7f}n\xc2?\xa9\x1bh\xe5u\x95\xcf\xe3\x0e\xba\x1c&lt;SKU\xd4\xee\x82\x8b\xea)2\xb5\x98tXV\xc2\xbdl6\x87\x9eN\xa4P\xb0\t\xd4G\xa11\xe0\xaa\xee\x9fX_\xe9]X\xd9\\\xd8\\\xc0Xy\xbf\xbe&gt;\xe1\x1e\x9d\xf0\xcf\xcd\xa5R\x8c\x99]\xb4\xb9\n]p\xe1\xf7D\xa3`\xdd\xb2\xe8\xc8\xa3\x951\xa8/P\xcc|\xa0\xb9\xa8N\xfa\xdfm\x8e\xb4~\xd9\xd4\x8e\xd14l\x1eZ[[\x1b\x9a\x9a\xda[{\xc6z\xdd~\xffdj~\x9e\xa4\x92&gt;\x82AB\xbd\x98\xb4\x0e\xcb\x19N\x16\x8a\x152:\xfc\x81\nrunb\xbd\xb7\xeb\xdap\xd3\x8f\xe9tz&lt;=Ncqq1\x9d^4\xdf\x8d\xa7\x1b\x1az\xc6b\xee_@fN\xcb\x1a\x17V\xd1\\&gt;nY@`\x1b\xe8\x89\x17\xca\xb2\xb9\xd2\xa0\x1fP&amp;\xe7V\xba\x9a\xd2D\xb3\xb5\x95\x08\x04\x1ak\xa3\xae\xfe8\x81\xb3@c \xb0\xf5zw\xf7\xe9\xf3\xe7\x1d\xb1e\x80\x89\xff\xe3\x92+{\xe1\xa4\xd3\xc2\x80\xf7\xc4O\r\xb3\xa1\x12\x996\xe9\xefmX&lt;Nlmm\x05\x12\x89\x04\xf1\xd0\xb79@hRm\xbd~m\x82\x8dM\xc5\x96\x9f\xa5\xe6?\x86\x84V\xcc\'\xc3\x0e+\xb1\n\x19\x83&amp;\xa1\xcc\xd4\xd4D\xc3x"@P\x81\xc6`\xb0\xae\xce$\xa2\x1f\xf5\xf5\xf5uu5\xe1\x08l\x17\\=c\'\xb1\xc3_\x9e\xa5\xa4\x8fXq+[z\xbb3\x99\xd3\xa9\xff\x94E&gt;\x19k\x1a\'1\x88\n\x1c\x84R\x1b\xa0\x1a\xea\xc4\x05\x93\xb2V\xc7\xdd\x86\xae\x05\x93\xcb\xd4K\x92\xb4\x82\xd3i\xe1\x92\xe8p\x9e\x96\xd1\xaf\x9b\xb6r7\x8d\xbf6\xa9P8\xaf+\xe2\xf5\xd6\x93J\x8d\x84\xe5\x1d\x1a\xea\xec\xbc\x90\x8c*\xb9\xdb\xde\xde\xd5srrxxx\xc1\xa5\xedY\xda\xcc;\xc2YM6\x9bd\xee\x1f\xfb\xb1\x06\x05\x8eNW$\xe2#\x12\x82\xc1\xe8\xec\xc4I\xe7E1\x03[\xe3\xe3\xc3\xd7B#\x9b\x0bS1\x93\x0b9\xa1\x9eZ\x89ew\xe63\\\xa6vFQ\xdd\xcfw\x81\x05_7\xd6u\x0e\xb9\\&gt;\xdf\xa3G\x9d\xb5Q\x8f\x0b\x9d\xa4\x97Y\xcfFP=&lt;\xd8\x0f\xbd\xda\\8!\xae9Z\xb6y6\xec\xb4\x12+^\xa5\xdd1\xfa\x84\xc9Q\xc2\xda\xa2\xa9\x07\x12\xd7#\xdf\xe0\xfd\xc16\xd7P\x1bp\xa0\xd6\x10\x06\xd8P\xd2\xfa\xc6\xc4\xc3\x83\x8d_\xf7\xf7_\xbe\xda&lt;9\x99:&lt;\\NQ\'\x96\xb3R-lX\r\x99QK:9\xe9~NTdkP\xb9\xda|\xdd\xd1\xab}&gt;\xd7\xecl0\xd8\x184\xb10\x82\t&lt;\x10|\xf8\xef\xb5\x8d\xb5\xb55\xe2\x82\\\xcb)\xda\x1e\x95\xc3\x96b\x15\xb1\xda \xb3\xf8\x9c?\xf6\x14\xc6\xa2\xe9\x06\'\x81\xaa/\xda=s}\x00\xf1E\x81A\n\x92lA06&amp;\x06~\xddx\xf1\xe2\xc5\xeaj(\xb4\xd9\x0b\xaeg\xf3\xb4\x19\xc9:\xac\x9c\x88\x05\x8d\xfe\xf1\xa1L\xfa\xdd\xb1\xa7i`Q\x99\xea;gg#\xcd\xcd\xcd\xae\xe0@"P\x8b\xf7Z\xa8"b\x03[p\xfc\xc1\xc1\xfe\x9a)\xd7H\xcbT,\xb6L\x0b\xa4T\xb5pG\x86\xcdt\x0e\xeb!S\xfd\x13\xb1\xd1\xf6\xf1\xf1\x001\xd5{ggg\xbd./\xbd\x82\x84\xd2\x88W\x1dtB&lt;\x90v[\xe9\xe1\xe1\xaf\tk?4\xd2Bi\x9f\x82\xbbl\x15+C\xde\xe1\xcc!\xb6\xd49\xf7\xe8h/V\xe3\x00\xc5(\xa8\x82\xde \xa8|&gt;\x9f\xcb\xe5\xf2\xd6{1\x86\xbc\xde\x04\xd0P\xd4\x04\xe2a\xb8\xe9\xa59B$\x97{\x8e\xdc\xa5\x15\xacl\x99=U\xe4\x83\xeew\x8f\xf6\x8e\x01\xab\x8e\xa8\x86\xa0\x927\xe2\xf2\r\xf6\xc1_}\x83mmC.\xb8\xddEWI\xbf\xe0\xf1\xe2\xf0\xf0\xf0\xb5k!\x8c\x97#=\x1dh\'\xa8\x9b\xb0\xd2\\v{\x18\xbbi\x88\xd5\xdb\xdb\xd3\xd2\xb4\x98\xa0\xe4\x04\xc0l\xc4\xd5\xd6\xe6\xbb\x7f\xf5j4\x1a\xfd\xe9\xabA_[[\x9b\xebB;_$200ppp\xc1\xd5\xd5\xd21E\xcd\x04\x13X\xc6Bs9\xc2\x15\xc6\xe1\xf7\xd1\x96\x86\xae\xf4q\x90\xc2\x13b\xb9\x88\xea^\xb4\xbf\xbf\xff\xdb~\x80\r\x12\x18\xa8\xee\x0f\xe2\xc7\xd2\xd2R\xe4\xd6\xado\x0e\xbe\xfe\xc3\x97\xc0\xaa\x99\x0b=\x0e\x92\xcb\xc2\r\x86#oP\xe7\xe7\xeemmm\x1f\x07\x95\xb7\x8eJ\xe52\x03\xe2\x1f\x0f0\x1e\x7f\xfb\xf7\xab\xd1\xab\xf7}\xb8\xd0\xd7w\x0f_KKw\x97\xeeNO\x7f\xbf\xb1\xb1\xbf\x0f\xac\x9e\xb1\x8e)\x98+%\x0b%\x0b\xff\x95\xe4(\xa85\xb1\xda\xdb\x7f\x84X("\xfc3;\xdb\xdc\xdc\xfd\xe4\xc1\xef\x18\xff\xf9\xe7\x0f\xd0,\xda\x07\xae\xbe{(\xe9\x93\xbb\x18\xd3\xb7\xdf\xbe}\xfbbgmm5\xf4\xaa\xa7\x03UD\x17-\n\x16\x06\xaa\xdd\x91\xe5\\\x9fXYhiJ/\x06\xd12@\xac\xd9\xc8\xf5\x99\'\xff\xfa\xfd\xb7\xdf&gt;\x9c\xbf9?:\xdf\xb9\xfd\xc3cp}5\xd8GT\xd3kG\xa1\xa3\xa3\xa3\x9d\x9d\x0f4\x80uBX\xcbs0\xbd\x11\xb7[\x89\xa5\xean\xd3\xef\xc7\xd4\xc8\xa0\xa3i\x9e\xf9\xeb\xcf\x1f\xce\xcfK\xd5j\xb9Z\xdd\xde&gt;\x7f\xfb\xe0A\xff\x8d(J\xf8\xe7h\xf4\xee\xc6\x9bw\xef\xcf&amp;5\xc3(\xbf\xafn\xbfY=\n\xb5t\x80k\x99\xe4RN\xed\xd6\xf5\xf2EE\xf5\x8f\x8eu5\xa4kTAWs\xf7\xed\xd5\xed\xedR\xf9\xacbT\xce\xd6\xdf\xbdY\xfd\xf9o\x8f\xfb\xbf\xc0\xfa\xb8t\xaf\xbb{zm\xfb\xfd\x99fn$\xb9\xaa\xe9\xdbG\xa1\x911p\xc5&amp;\xe6RL)X\xd7\x07:\xb2*j\xd8\xd2\xda\x9e&gt;\x1e\xa2\xe5\xc5;8s\xf3h\x1b\x8a\x9c\xe9g\x04u\xb4\xba3\xfd\xa7?\xde\xb8\x81U;\xb243\xf3\xfd\x9dw\xeb~]el\x9e\xa1o\xd4\xcf\xde\x85B=\x84\xe5\xf6\xa7\x98\xbag\x9dZ\xf6\xac\xa6\xaf\xc3\xf0M\x8b\xc1!t\xa2\xc1\xb6\xeb/7\xdf\x1c\x9d\x7f\xd8Y\xbds\xe7\xbb\xbf|w\xf3\x9b\xe9\xdb3\xd1/\xa2\xd1\xbe\xe6H\xe4\xfa\xf5[7\xefl\xae\xd0\x1e\xf6\xbf\xac\x9a\xdfOZi\x1a\xc7\xf7b;\xa4\xddLBR\x8c1\xd4e"\xf4\x02\x19\x0cp!\tZ1\x86B(\xe1PC$\xe0\x01#\x8d\x12\x7fD\x10\r`s\x94\x82\xa9R\xc8\xe1\x10\xacX\x10\xd6l\xd0\xd8\x1f*"\xb1\xd2\xb4\x0c!\x1d\x14\x9bmdJ\xb2M\'{c\xc7\xe8M\x93\xb9\x9d\x98\xb9\xd9\xe7\xc5\xdd\xff\xe0\xbc\x17\\\xe0\xcd\'\xdf\xe7\xfb&gt;\xcf\xf3}q`D\x18}\x04\xf4+Q3\xc2\xb2\x0bG\xc6\xbf\xa3\xb7\x88\x7f\x1f\x88j%\xf2\xd50\xcc\xc2\xdb\x0b\xdd&lt;\xc1\xde\xd6\x87o\xdf\xd6\x06\xbb\xa07\xcd\xfa|\x06+o\x12c1Y\x98x\xcaj5\xcc6H\xb4\x96\x88p~H\xc5n\xdaI$\xb66\xf6\xd7\xcd*\x85\x1d\xb0\x06\xc6\xffv\xed5}X\x8d\xcf\xef\xd4\xefan\x01\x86\xf4\xc2\xc1\x94\xc7\xb1\x86\xba\xd5\xb3V5\x8fg5\x18\x00\xcb\xca\x13\xb3X\x08\xcb\xe0\xc3\xb9\xf6l$\x12\xb1s\xf9\xb8\x0f\x88E\x9d\x8e\xa3\xff\xacC?\x85*\x0eL\x7f\x7f\xed=}\xdej|\x03XZ\xae&lt;\x07a\xc7\xb6p\xd74\xa3\x93.&gt;[|\xf6\xec!@\r\xe7p\x84\xe5\x11\x1bYNg\x0b`\xc9\x87\xe6#\xd5\xac\x82\xef\xb3\xc2\x01d\x83\xf2\xc5\xd1\x86D\xa3H\x0fY\xc0\xf3\xd7\xdf\xdf\xa0O\xad7`\xad!\r\xc2\xbai;\xe0\x98f\x8aN&amp;K\xfc\xf0\xd9\xbf\xd4b\xaba5\xb7\xea\xb3\xf2xb\xa3\xd1)m\x91\xf1Dl\x95\xa5\x1aI\x0b\xba&amp;\'\xc5\xa0%\x14yV\x94X\x1e\xe5*\xd2\n\x84u\x8d\xbeY\xcd\xb8\xf1|\\\x08Xd\xee\xc1M\xdbM\x9b\x89\x95D\xf5R\xab\xef\xbf\x9c\xb0\xfaV7I2\x07\xe6\x12{\xbd\x85BP\xc6\xeb\x14\xa8\x84\xb1\xf9\xc4\xa0\xc3\xea\xe1\x89y]\x89\xde&amp;\x81@\xb0\xd3\xdb\x0c\xd1_\x0bX\xdf\x7f\xa2\x11\xeb}\x1f`\xa5\x01\x0br4\xa7\x05\\\xc4j\xe1\xf1x]GKf\x98\xc1vE:w\xaa\x16\x9b\x82A\xd9]\x9bA$\xd0Dj\'[/\x06?\x0c*\xadV\xe5\x8b\xadf.\xbb\xa9w\xb4A\x93\xae7\xae;o\xe9\xc4\xba#\xd4\xda\xd3\xe4;\xd8\x95\xbbM\xc6$\xd3\xc9\x9a2\xe0\x12\xe1x\xdf5\xb7{&lt;\x96M\x93\x19\x1df\xf2\xfb\xfbo-\xf8p\xb66\xe2~\x04\xc3p\xe9\xf0\xd8\xf2\xa8acc\xa7\xb9\xbd\x01\x0e\xb7\xdeO\xc7\xfb\x9e\xd07\x13\x19\xaf\xfb,C\x8at\xfa\xdd\xed[7e-\xac$\x939\x19VDV\x0e\xc7\xdd\x7fu\xc7\x8e#\xb1j:\xe3\x12\xcb\xfc\x10\x19o\x86q\xb9&amp;\xea\x16\xda-\x87\x9f?\x7fw\xdd=&gt;m\x914KT\xcd\xcdM\xcd\x80\x15\x99\x1e\xff\xfc\x98F\xacO}\x16\xb8\xe0\xe4;\xd8\xe2e^\x16\xf3G\xb52Cj\xf2K\xd1\x91XL\x98\xb7\x9f\xcc\xdb\xadb\x0f\xc7\x1f\x0c\xf6\xdb\x0c\xb8\\b\x19w\xbb\x9f\xbf\xfae\xe0\xfau\xf7/_\xdc\xb1y\xb3\xc4\xdc\xd0\xd1\xa4\xa9c\xd1\xf8\xfe\xcd`\xfc\xf4OmZa\'\xff\xf1\xe0V\xbf\xc9kd\xb5\x88=\xd0\x13\x94G[[c*U\x9a\xbc\xc0E\x93\x9e\xee\xfe`0\xe8\xef\x06,Ut\xdc\x1d\xdb\xff\xedy\xa4V\x8b\xad\xaf\xafL\xc7\xe6%y\x18\x06\\\x85\x16\x86\xf5\x9bFz\xd4b\xfc\xe5\xf1\x19\xc4W\x98\xb5\xf6\xcd\x07\xb7\xef\x02\x96L&amp;\x16O\x8a\xd5\x93\xd4\xe0\xa0C\xb0yA\x92\x17\x89\t\xa0\xf2\x07\x0bA\xbf\xdf\x93\xc1\xe5\xc2\xa7\xee\xe9Q\x94x\xb4\x8f\xc6\x96\xf6S\xa9\x94\xc4\xdc\xd1!hH+F\x06\x06^\xd3\xf4\x92\xc4x\xd2e\xf8\xf9}\x1f\xa8\xa5\xc8-\xdc\xba+3\xc9\xe0.\xaa\xd5\x98zrr\xd2q\x9a\xc9]\\d\xbe:8w\x11\x15\xc2\xe2ep\xbef\xe4\xa9;\xd2\xc0f\xcbI\xb2\x1d\xad\xf2\x1d\x1d\x1d;\x82\x0e\xb6F\x11\x99\x1eyE\xcf?l0nt\x92\x93\xfa\xd5y\x05\xf4\xc3\xdc\xed[\xfd\x90#db\x0c-Vb\xcf\x14\x84\x88\xcc\xa9\xc3\xc1\xe3\xf8\x81\xca\x0bE\x0c\xeaA-0=\xd4/K\x92\xe8\x9dR\xd5\xdc\xdb\xd6\xd6&amp;\xe8mjj \x15\xc2\xd8\xc7\'?\xfd\xf6\x89\x8eu\xfe\x86\xf2\x94\xfaAG\xd9\xc2$9|\x85\x856P\x0c\x82\x04\xc7su\xf4\x18\xdcA\xf0\x95?\xe8GX&gt;\xe0R\t\xab\xd9v\xfe&amp;\xb9\x99\xf3\x89P\xf7\x9a\xedhb\xcb\xd3\naU\xb8\xae\x95h_1hP\xeb\xe1\x04\xd6\x12\xda\xd6qr\x80e\x9b\x02\xaaB\xb18\x83AC\xe7@\x1a\x84\xa4A\xb9\x08?:\xfd\x88K\xef\xc1q\xe0\xda\xcb\x9f\xd8\x1b2\x06\xab\x07-:\xd0w\x95m\x80\xc5\x85\xab\x98=\x19\xb5d\xdf\xd2\xa0V\xe3\xfd8\xe6M\x96C\xac09\xbcp\xc0\x91\x99\xbcE\xa9TZ,\x82\x91\xfaQ\x90\xf6PzN\x7f],\xf8\x08\x12\x1e\x1c\x85|\x88;\xdcU\xc3\xd4\x94GO\xe8\xf5b\x1e\xd5\x85\xb0H\x85V\x9b\x1fS\xc5\xcct\x14\xb1Q\x17\xc7\x8cNf\x88y\xb09\xfc\xc0&amp;3\x05\x0b\xe5P\x08q\x11\xc0\xe5\x87\xa4J\xb90"X?\x85B\x81\x00\xcb\xcff\xf0\xbd\x9d&lt;n\xe8\x9e\x82\xbf\x12\x04\x81Q\x130\x1a\xebX\xe6\xb1\xe6\xa1\xd8\x06\x1dW\xf1r&amp;N\x18+\x8b==\x06\xc0\x9a\x92\x11\x85d1\x04\\ W!H\x04\t\xc2\x15/I\xa5\xa0\t\x82*\x14\xb0\x80c6\x938_^\x1e\xc3=\x1c\x14\xaf\xf5\x04\x86\xa9!\x9d%z\x01k\xa8\x99\xcd\xd6T\xbf\xd1\x81\xd5X\xc7\xdae\xf6\x18\xe4\xc3\xb0\xd3\x14\x8cP\xd0mi\x1d\xcc\x05&amp;s\xcd`.\x02\xeb\xee\x06\xaa"\x1c\xdd\xda\xa0#\x93\xd9\x01\xb52\x1e=\x8a\xd8 \x96\xcb\x15\x80\x0e\x97`s\xd3\x805+\xc9\xbe\xa2\x03\x8bq/N$+\x95{\xf7\xad|\x84eL\x02V\xa8\xb2\xbd\r\x85\x84\xc8\xaa\x03\xbfw\x13z?Q,J\xe1\xbb\xa2t\x0e\xb8p\xb6\xc6n\xbf\xf0\x10W\x07\xa8\xd6\x02\x80%\x90\xa7\xb5\xe6\xadN\xee\xd0cZRO%\x8e\x85vCz\x83\x98\xbfz\xc0\xf1\x1a\xebT\x95\xdd] \xdb.\xc5\x8b\x04\xc7\xe6\xc1\n\x05\xe9\xf6\xee\xee\xd9\xd9\xaeT7\xf7\xc7\xdaZ\x82\xaf\x8a\xc5\xb28\x12\n\xa4r\xc5\xd7\xd6\x80\xb5s\x96\xaf\xd1n|\xeb\xe4jh\xc1b\xec\xeaX\x95\x8a\x14[0\xe2\xfc\x03\x19\xc2*#*t\xb6K.B\xbf`s]]M$\x97\xce\x15\xf80\xf8\xe1(q\x9e\xad\xc5\xec\x14\x10\xc1\xd1\x95\xe6\xfe\x8feiOtjF/i\x99&gt;g\xba\xd6J\xd9i\xd2\x97\xc3\xfc0`\x01\x17\xc2:\x03mJ%\xc2\xb30L\xc5\xe33\x14\x85a\x04\x16\x8fS\xca\x0c[\x8e\xb7m9\xcc0\xa6\x7f\xa7\\q\x9d\xae\x84\xdeN\xd6&gt;(E"\xbeDX\xe5\x8a\xd2?\xd3\xf3fs\xf9\xe3\x0f!\xe8\x9fX\xc8\xc7\xf7\xc9\x8cFc\x19\xd5\x10\xa8\xce@,\xbdmx\xc1U\xa2r\xd5X\xe4\xe4\xe2\x94:\xc5U\'\xf3\x90\xc4\xdaw\xf25w-\xfb\x15\xe4\xd2\xa1\x88\x04\x86\x83\x9d\x1e\x8a\x18\xb3\x0b\xb8\x7f\xd2\xb3\xd94.\xfeX.\xb0f\xe2!\x11`y\xbdF\xe4-P\x0bj\xa8\xa3&lt;\xe1\x9cgn\xfb\xdf\x17\xf6\xdf\xbf~=\xdf\xcbC\x12C\xbfm\xbac\xf6h\xcd\xed\xae]\x04\x80\x0b\x89\xf5\x07`\xcd\xc2\x08\x97\xc4\xaa\r\xa3o\xe9\xc1bT\x98\xc9 \xa6\xab,*\xf9a\xce\xff\xb0*ug\xcdx\xc2\x9bx\x00\xac\x1fG\xdd\xab\x148\xb7WcO\xe1\xd4"\xa9T\x0c\xb0\x90\xbb\\(Q\xae\xbdDXr\x89\xa4Vm\xff\x95\xa6w7\xc6c\xb5\xd1O`\xad\x8b\x0f\xf9\xe1)\xc0J\x86\xa0qUv\xb7\xe7\xe2\x94a\x93\xe4\x81\xd1\xa5\xa58\x98{nn"\xa3JEWV\xa2\xa9\x8d\x8d\xfd\x11\x10-\xebp\xb9(\xe8\x0e\xc8\xf1"\x1f\x9f+\xb1\x03\x16ma\xff\xc6b\xd2\xcfI\xfay\xf7\xf9\xbe)S\xfd*\x86\xa0\xa1\x96t\x94\x81\xb4\x9fB\x92\xd5\xc5]\xae\x89A\xc7\xd1\xd2r"\xb1\xbc\xb4\xbf\xb4\xb4\xbc\xbc7\x16}\xea\xae\xa9&amp;\\\x94+\x10\x98\x08L8\x1c\xc8Z\xe6j\xad\xca~E[\xf09cJ\x99\xa1\xa4\xb7\x05\xd42\x19\xaf\xb0\xa0%\xacQ\x17\xd9\x8cZ\x07\xf7\xd0q&gt;\x96\xdf_Z_yt\xbe\x93\xfax||\x88\xb8\xa0\x8a\xd5L\x80\xa2(\xf4.\xa8\xec\xec\x14\x81\xb5\xcc\xd9j\xb6\xe3-mX\x97\xad33\xe5\xb2\xd1\x84\xb0\xbcu\xb9zz\xee\xe9\x02\xe1\xac&lt;\x10\x08t\xb5\xed\x98\xcd\xd1\x95\xe8\xca\xc8\xb4\x05D\xfa\x82\x1ej&gt;\xa6\xc6\xc6NbY\x03FQ\xbc\x89.hY"\xd1l\x93\\\xa3\x92s\xb9\xbf^\xd2\x171vg\xb0d9\x99\xc4}\x1c\x13j\\\xce\xb2\xd3\xd9\xd3Jm\x9e\x0c\xbeL\xe4S\xd1T~\xecp,o\xde\xd9\xdb\xcb\x9c\xef\xa9`_\x1f\x98^9\x8e\xa6N\xec|\x8a\xd2\xf3\xba`\xd9\x82\\=\xcbo\x1f\xe2\x8b\xda:\xfe\xa4\xf1G\x9f\xcb\x9e\x16c9\x19\x12\xd5\xbd\x05S1\x99t:[\xad\x8a\x17/\x97&gt;\x1e\xa7\xcc\xcbW\xef7\xa5R\x1cLFM8\xb6\x96\x0eS\xd1/_F\x84C8O\xcfS\xc2\n\xd8\xc4\xc6\x05\xfc\xff\xd2r\xb61m\x9dW\x1c\x1f\x11\xe0\x10F\xe5\xa8\xbe\xa5\xb6w\r\xf3\xb5\xb2\xd9\x8e\rX\xe3\xb6\xc3o\xc5Mm\x19\xcf\xc2\x96f\x16\x8am\xd9\x89\x13\xd9q\t\x06\xbb\xd9\x1c\x11\x19eN\xb0\xaaPj\xc7q\x03C\xe4\x05/\x0bvP\x05!\xb0"\xa1\x84"\\X\x1d2\x92\xa2\xc2\xf8\x10HG\x94\x95BCR\x81\xd2\xa8\xd2\xcec\xb2~\xde:\xee\xf9\x80\x04\x9f~\xfa\x9fs\x9f\xe7\x7f\xee=\x07BSW\x8aIC\xdb9&amp;\x154p\x1bU\xef\xa9\x7f\xc0b\xfc\xa9Q;\xa0\xe9\x8d\xa7\x9d\x13\xc9\xd6[\xe8 \xbfukuuv}}qqq\xa9~j*\x15\x89y\xdd^\xab^\rX\xa5`\x01\x99L!_\xc2\x16\x8a\x85\xf3\xdb\xf8\x99\x13\xe9\xf5ic\x95\x96\x10B\xc9\x03\xd7\xfe\x0c\xd6\x99f\xdbD\xac\xbf\xbb\xba\xfa\xfcl&amp;\x96\x96\xd6\x17\xd7\x1e\xae\xad\xad\x1d\xe9\x8f&amp;S\xf1I/\xc7\xe4\xc5\xcb~\x0f)d\xb2\xd9uP\xf1$t\x1a#\xdb&lt;\x82W\xf8\xe5\xa7+\x0f\x98vx\x12\xa1\xe8\xd1\xab\xac\xb2\x01\xbfm8Z\xdf\xfa.\x82y\x88p\x96\x97\xd7\xba\xa6\xa7\xa7O\x86c\xd3]\xc3\xfd\xd1\x1e\xaf\xdbz\x94\xc7S7\x0b\xd9|\x90K\xb9\xef$\x93\xb9\xb2\xfd\x93\x94\xb4]A\xb1\x1d\x9eD\x08\x84\xf5\x07\xbb\xc1\xaf.m\xa9{\xf8\xf0\xf2\x91\x08\xdc=\xb3\xa9\xd4\xf2\xc3\xa3\xa2;w\xceA\xdci?9\x1dv\xbb\xbd\x12\x1e\xafY\xc8\xc4\x94\xcc:&gt;\xa1owloe\xfd\xa7\xe5/\x1cG\x97"\xc2\x82JSy\x0c\x1e\xfb\xe5;\xe7\xee\x98\xa3\xa3A\xb8\xbaGGB\xcfg\xa7n\xf4\xf7O\xc4b\xce\xbb` \xce\xddmw\xa9=\xbcf&amp;\xc6\'\xd8|&gt;9?3\x1f\xa2d\n\x9c6\xdf\x86N\x88\x8cZUUt\xad\xa7\xe6\xe8\xdd\xb3\x833\xa1\x90/\xe4\x0b\x8e\xfa|_n\x86B\xcf7\x13\x0b7\xfe\x9a&gt;\xb63\xfb\xee9\\\xa1\x05,\x0cS*\x11\x16b\xa2f\xd2z\xa5\xb3\t9.\xc0\xa2\xabN\x17k=\x8a\xe6\xcb\xb1\xd1P\x10m6\xf8\x82&gt;_0\x11|31:2\x93\xf8\xe4/\x9c\x1cw@\xa80\x18&lt;j&amp;I\x12$\x9bOD\n\xa9\x1a\x98\xa7%\xf8C\xe8\x8d\xcd~.\x83\x0eri=~\xed\xfbkK\xcf\x13#\xc1\x91\x97^\xf2\x05\x83A \x0c%\x12\xa3\x89\x1b\x9f\xc4\x86\x17\x1b\x14~\x01\xc3S\xca\xc4I\x02\xe7+\x89y\xca\xc6\xf8iA\xfc\xd0a$\x17#\x83\xc5\xf0\x18\xf6V\xbf\xbf\xb8\xbe&gt;\xbb:\xf5\xd1h"\x18\x1a\x19\t\x85\x12\xa33\x9b\x9b\xa9\xa5\xe5\xc5z\x05`i\xd5b\x8c$\x08RI\xe8F\xa9\xc3zf\x1c\x80k\x91\xc1-\x03,\x95\x8aA\x17\xa8^{\xed\xdd\xf5\xf5\xf5\xb1\xb1\xb1\xd9\xd5\xcd\xcd\xa9\xa9\xcd\x13\xe8L\x05K\xb8\x0c\x96B\xe1G9\x04\xb1\x10\x959D\xddr\xc13\xe9\xc0\xa1\xa1\n.\xc3\xc3\xd0\xc2\x11A\x17\x14W\x81\x958?6\xb6\xba:\xf6C\xac\xcf\xceN--Ac(S\xf8\xfd\x8aR$\x16\x84n\xd0G\x19\x16\x9c\x10\xd0\xc2\xda\xb9\x0c.\x04\x83\x0eX\xa73\xce\xeb\xfc\xea\xb5\x8f\xae!$D\x97Qm*u\xb5\xa3T\xa1P\xc8\x84H,\xc0r\xacP\'\x16\xadp^\xd9\xd9f\xe7q\xb9\x9e2\xe02\x08\x8a\xc1v\xbd\x87\xfaE\xe0\xba\xb5\xba\x85\x05b\x01U2\xd9!\x95\xa9\xd5\xcd\x18)\xc9\x88\x15\x08Q\x8aE\xf2\xdbj\x10\x17\x8f\xc7eh?\x13Tg\x0c\xe1\xb5\x13\xe8\x9e\xce\x04\\\xd6Kh\x86\xa5\xa3C\xea\x12\xcb\xc4l\x92\xd4\x10\x12\x89\xce1\xb8\x8bZ,eg\xe6\xbb\x13\x04\x17\xd4\xaa\x02(\xe8\xf9\xbb\xbb[\xeb\x97\x96\x16;\x96\xd7\xd6\x865f\xf3\x91&gt;\x08\x17.\x952q\x8d\x86\x94\xe8t:\xfd\r\x1a\xa5X|\xa2\x13}b\xe2\x95\xa1\xea\x12\x14\xbf\xe0j\x05\xdbl\x0et\x05,"\xa7H$\x9a\x06.\xe9\xf00.5b8\x92J\xa7s\x04F\xa8\\\xf2AX\xfc\x96\x1a\xd0k\x0bK\xf0!\xaa.x\x18\xa1\xe7\t\x04\xc2\xc8\x98\xb6\x8b,]\xe8\x1d\xae\xd1u\xc4\x85\xe1\x1a\x02\x98\x1c\x0e\xcbB\t\xb5X\x9d$\x99\xf9\xaaY\x06\x8f\xa3\xd6\xf0\x19J#\x9c]\xd5\x82\x86\xbe\xbe\xae\x004c"\x8b\x04\x93\xf6\x89\xc5}\x91\x88\xd4\xe5\xc2I\r\xd4\x95Co\x99\xa1tQ\xab\xb0\xb7\xadS\x82\xe4\xaa\x81\xaa\xe7j\xe1\x84(\x16TWo\xa5\xb1\xa3\xbf\xdf\xdc?\xad\x19\x16\xcbd\xb2\x86\x8ed4\x12\x952A.\x89C\xaf\xb7\xf4P)\x16R\xab\xad\x8d \xebj\x90\\e\x1e\xadV\x00T\x19.\xb0\xa8\xad@\xd6\xd0\xd1!\x83\xfe\x0bN\xf88\x84\xd8\x88\x91\x1a\x1dP\x89\x16h\xd4b]m\x1b\xe2\xeb\x90\\\xbc2\x1e\x8f\xe77\x08\x04\xe8\xf0B\xaf\xdf\xcewCs\x86\xa6EZ[\xfd~\xdbx4\x1e\x8fJ]\x98F\x03\x19\x14\x89\xe6\xa9\xc5z6\xde\xd64D\x90\xcc\xe6\x96\x1ap\xc3&lt;\x0fp\xf9\rH\xaf\xea\x13\xe8\x8c\xa8\xaf\xf7\x03V}\xab\xedj2\x1e\x8f\x0cBmi$@\xe5\xb4P\x8b\xf5\x93g\xc2\xa17\x0ewj\xf8B\xa4\x17\x80y\xb4~[7\x08\xf6\xe1\t\x84\x95\x99\xac\x99\xb2\xb5\xdal\xa9\xf1x$\x12qa\xa4\xce\x01Z\x89\xf4+\xd4b\x05\x99Co45)%\xc0\xd5R\xa3\xe6\xa9\x15\x1e\x9b\xad\xb7\xb7\xb5\xbb\xbb\x1b.\x9cV(\xa9\x86\x06\xf8C*\x95|\xf0`ap\x10r\xe8\xb0X\x9c"\xbdc\x94\xda$\x06\xf9CEEMm\x12\x92)li\xb6\xab\xd5j\xc5\xd5\xf1d\xd2f\xcb\xdc\x82)\xc8\x1d\x14}4\x19_X\x88#*\x97&amp;\x80R\xa8\xd7\xe9(\xc6\x1a\x198\xd5TQ\xd4\xd4\xa9\x83&lt;\n\x9bK\xd5\xb2\xab\xe3\xe3\xe3\xa9\xde8\x12(\x02y\x8b\xc7\xfb\x87\xcd=\x13=\x13\x83\x83\x13\x13.3\xa2\x12\xe9u\x84$A\x9d\x05D\x91\x188u\xb8\xa2\xb6\xcc\xcew\x90l&amp;p\xc9\xc4\xd1\xf1\xf1d|0\tD\x83\xe9\xc9\x9e\x89\x89\xae\xaet,\x9d\xee\xe9\x01\xb6-*\x8b\x8e\xc0%\t\xca\x84\xf2\xcd\x84JJV\xae\x1c8\\T\xcb\xe5\xda\t\t\x8ec\xc2\xd2\xd2h$\xb2\x00\xda\xf4LN\xf4\xa4\xe7L\xd6t:6g2Y\xad1\xe0\x82\xcb\x08\x95\xbb\x83\xc0q\x07eX{\x1es\xe4\x17/Z\x06\x0e\xbc\x0cXtC\xa9$ \x91\xe0R\xb1\xd4&lt;8\x11\x9b\x9cL\xcfY\xd3&amp;\x13G\xee\xf6\xce\x99\xe4r\x93\xe9b:=\x19\x0e\xa3{[\xaf\xc1\x8c$UX\xb47\x1f\x7f\x9f\x9b\x9d\x9d}\xb23\x83\xc5\xd8+(\xd5I\xcc\x12\xcc(5ON\x82Js\x80t\x91\xc3)\xc8\xcf\x97\xc3O9\xfc\x12\x83\xfb\xd1\xe9tZ4.)F\xe8g\xa8p[4\xd0\xaa\xf2{\xb4\x0f\xbc\xef\xd0\x81\x97\xdf\xae\xe0\xd2\xe9\xc5\x02\x19X\x86.\xb3k\x18\xa8\n\xf29\xa0\x11\xa7\x80\x83\xd6^\x0b\xe4\xb9\x05\x05ry\x06\xca*\x92\xb8\xfa\x98J\x9d\xfe\xef_\xf9\xb6\xbd\xe8i\xa0\x15\xab\xf2\x1f9\xd9\xd9\xc7\xce\x1c\x1a\xfa\xd9[\x80\xa5j,.Vh\xf4\xe1\xf0dW\xd8\xc41\x15p@\xa4\xdc\xfc\x9c\x9c&lt;\xb4\xdf\x96\x9b\x0f\x98\xe0q\xbcVQ\x17\x18\x1c\x9c\xd0\xe9\x9f\xde|\xb4Q\xb2\xcdX\xbb\xfe\xf6\xf88\x8bu\x7f\xe7\xcec\xed\xd0\xf7\xbc\x05jA\xab_\xbcW\xa0`\xeb\x9d\xcetz\x0e%/\x0fm\xa2\xe7\x14\xe4\xe6\x02\x1c\x80q\xe4&amp;\xaf\xdb+2G\\.6\xae$\x1cOo^\xbf\xfe(H\xdb\xce)\xeb\x92{\xbf=\x0eX\xb7\xf3\xda\x8f\xee\x1b85\xd4\xf4vE-\x83\xa1\xaa\x82^\x9fWGX\x9cV\x93\x1c\x92\x86h\x00\xa7 7/\x07\xad\xbb\xe5\x17\xb8\xdd\xed\xe1a\x97\x0b\xc3\xd8\xfc\x17X\x17\xbeMl\xd3\xa8\x01@\xbd\xf9\xd5cVy\xf9\xeb\xaf\x7f\x91\xd7~\xe5\xcc\xe5\xce\xa1\xa6\xa6\xa2\x8aZ\xd4\x8c\x9d&gt;]\xec\xb1\xb7\xb4\x18\x03\xd6\xb3\x90C\xb4a\x9d\x9b\x9b\x8d\xd6\xf1\xd0\x9ab\xae\xdbi1#s\x8a3\x01\x8b\x84$\xde\xbc~\xe1\xc2\xcd\x8dm\xe8\x15i\xb4\x92=\xf7\xbe.g\x1dd\x95\x1f&lt;\xc8\xfa&lt;o_\xe7\x953\x87\x0e#\xaaZ\x90\x8b\xbe\xb7\xb8\x8a\xcek\xb2\xd7\xd8\x9b1\x0bZz\xcbE\x8b\x9e\x90C\x0e\xfaa\r\x9b\x91\x91\'q\xf4z\x92\x8d\xd4\xda\xe2\xfav\xe3\xff\x12,\xa3\xd3\xbd\xef\xbe\xd9\xf1j%\xeb`\xf9\xf1\xe3\xe5\x7f\xfe\x1c\xca\x1da\x15\xd5\xd6fZW\xe0jdpy\x99\xc11\x7f\xb2\xc7\x9b\xbf\xf5o\x17\xa0\xbcr\xce\xca\xad]\xd2&gt;#\x8e\xe3L\x0ccJ\x8d\xca-,\xc8\xe3\xf5\x0b\xf77h?\xba\xc2h\xb4\xc2=\xf7\xbe{\xb2#k\xf7O\xff\xc5b\xb1\x80\xaa\x9c\xf5\xc5\xb1\xcb[X\x15\\4\xbeE\x87`pk\xc1\xa2B(\xeam\xf1H\xd8\x9b\x9f\x83\x965\xbc\xd6\xd8d\x0fj\xc5\xd8\xe0Mq\xa3\xd8\xb8U[7\xff\x89\xca\xeb\xc2\x1f\xdf\xd9\xf8Q\x9b\xd5\xa0\x13\rr\xf7\xcd\xee\xac\xac\x1dYY\xaf \xacr\xc0\xaa|\'\xff(`\xb5A\x0e\xb9\x08\xaa\xb1\x11aA\xaf\xe8\xf1h\r\xe0Q{{m2\xb3\xd5}\xce\x190\xbb\\QH \xdb\x08\x9d+nDS\x19JB\x07%\x8f\xe4\xbat\xe9\xe3_\xdd\x7f4\x13\xdc\xf5?J\x96\xd1\xe9\xeb\'\xbf\xc8\xda\xa2\xda\xfd\xca\xcf+++Y\xc7\xcb\x0f\xb2*o\x8b\xda\xae\\\x19B\xd3\x19\xfb\x19\x8d*\x95j/pA\x0fk\xd0\x1a\xb4~\xad\xa1\xfa\xb4\xa0\xbe\xbe\x03\xcai\xd8\x85\xa1\xc7\x8f\xcd\x84\xc2rA]A(q\xc9S\x10\n\xc4\xba\xf4\xc1\xed\x8f\x7f\xf3\xcb\xfb\xd7\x1fm\xf8\xfek\xc9^\xe8\xf4\x04\x90\x10\x14D\xd6\xee\xdf\xbdZY\xf9\xeb\x7f3r~\xa1m\x9dg\x18\x8ft\xb3\x8b):\xd6\xc1R\x8ee\x04:[\x914\xcb\x93TG2\x12rT\xe4\x03\xb6d\x14\xb0\x0e!\x1e\xcc\x99\x02\xba\xd0B\xb5.iv1\x9b\x04\x0f4\xbc\x0bQ\xaan01Z\xf0L\xd0\xe2\xdc\xd67\xf1n\n5\x1dCF\x10\xb0\xa9\x88\xa3\xce\x10\x04\xfe\x93\x80\x8dc\x07\x93\xd9f\xcf\xf3\x1d9Mi\xbb\xed\x95\xff[\xd2\xf9\x9d\xe7}\xbe\xe7\xfb&gt;\xf9$\x18\x89\xc0\xda\xf8\xf0w\x7f\xfb\xf4\xea\xfb0\xfc\xcf@\xd5?;6\xdc\x0f\xb9\xde\xba\x89\xed\xcf\xcaT"\xdd\xf7\xdbtz*\x11p\r|20\x8a\xf1\xe7r\xdd\x88\xf7\xba\x88\x074\xfb\xc0Ws\xf3\x82\xabRY\xf3\xf92\xbeR\xe9`\xe7\xf7\xff\x9fb\x86Nd\x92l&amp;\xb3EP\x99&amp;\xe4\xedd*\x9aw:\xf3\xd1\xe8W\x1f|\xfa\xc1\xfb\xdc\xe3w\x7f&lt;\x0c\xa8\xb1\xe1\xe1[lc:\xcd}\xc6\xd4\xf8\xf8\xaf\xa6\x12~\xac\xfbfxi\x9b\xeb\x06\xc7\xe1 \xb8zz\xfc=.b\xcd\x03l\xae\xd28_\xf2\x85s\xa5\xa5\xa5\xe6g\xa7\xfc\x17\xc3?\xf8\x1fk)+\x98l6\x9bI\x96e\x1b\x90\x88e\x96\xe5\x8b\xa6mt1\xea\x8c\xc0b\x8b\xd8\xe6c\x1b\x06\xc7C\xadY7\x14\xe3E\x9eo\xd3[\xe3\x98#\x816\xe2\x9a\xf9\xe8\xf2\xc0\xe8\xa4\x0b1:8:::\x08*\x7f\xc0\xdfk`\x81j\xbe\xb2t~\xc9\xb7T(\x80\xab\xe4[\xdf\xab\xff7\x93\x81\xa9\xfe|\x7f\x97P\xa4\x92L\xa42I&amp;\x93I\x99\xb0\xa4R\xd1X\xcaI\xbd\xf2\xff\xfa\xf9U\xbe\xf4\xd0\xcd\xb9g\x16i:|\x0br\xfd(}3\r\xa4\xf1\xbe\xf1D\xa8\x07\x0b?X^$\x16\xa8\xde\xa1X\x01?\xf6\xb0\x03\x15\xa1\xd6|\xb3\xb1\xf6\xc3\xa5\xf0\x92O\xcd,\xa1\xc2\xbeu\xcc\x94\xdf\xcb\xa5\xedl\x1e\x83I\x06\x95\xaa\xda\x0cW\xc9\xfclS\x1c\x1661\x16\x05W&gt;\xdf\xce\x8a=~w\xd7\xc7\xb7\x86\xc95K\xb9\xba\xbb\xa9\xd6\xf8\x1f\xa6\x12\xa1\xc1\x99\x8ff&amp;\xb3\xfe\xac\x1d{|\x14\xaf\x9e\xec\xc9"O{\xed\x93\x95y\x81Ui\xac\x9d_*\x01K\t/\xad\xadA0\xdf\xc6\xd6\xcb\xef\xfb\x1f[v\x89\x04&amp;\xa8\xa3\xb0\x81&amp;\xb3$:i\xb2)f\xcb\x86\x13T)p\xa1\x1e\xbee`!\x1f\x86\xc7\xc6@66\x0c.\x98+\x9d\xbe\x99\x08\xbd\xf3\xde\xb5\x19\xe8c\xc7\xb2\xd5\x8e\xcf?\xc1W\xf6\x1e\xe1\xf9\x1b\xc4\xe2[c\xed\xd2\xf9Rx-\xac\xcbz\xc9\xe0\xc2\xb8\xdc\xaa\x7f\xf7+\xe3\xa0"\x93dC\xffL^(%\xab\x8a\x89t&amp;\x8bc"\x97L\xa6Plc\xa4\x1dx\xdbxq\x12\xb6\x1a&amp;\x18\xe6k\xc4\xc4xWz\xea\xe6\x88\xff\xc7\xef]\x1ep\x01\x05\x86\xb7\xf7\xf8E4p,\xda\xb3YbU*l!j\xfdd\xc9WP\xe4\x9c\xe0\xf2\xe9\x85L\xa6\xb8\xf7\xf7\xef\xb2\x98Id\x94D(\x94M\xd1u\xd5l\x01\xa0\xa4\xe8\x05Y=I\xa6b)\xb61\x12\x89\x1c\xdcLws\xde\xe9\xea\xef\xef\x1ff\x81\x0c\xf9\xd5\x05\xb5F\xee\xd8aq$B/&gt;\xf4d\xb1\xfd\xb8\x83\xeeA\xab,\xea\x8b\n\x0bZ\xad!\xb72\x1b\xbe\x9c*+\xbe\xd2\xdaZ)\xa7*\xb2\xa2\xaa\xb5\xbd\xf2\xb7/\xaf\xa4\x99$f\x15\xbagR$EU@\xa4\x1629TAi\xb5\xa2,\xcc?\x11\xe7\xe1\x93nh\xc3\x02W\x7f\x97\xc1\x85A\xd8\x97N\'xI\xb5\x1f\x95\xc5D\x98\r\x8d\x8c\x84\xfcL,h\x95\x8d\xc7\xef\x81\xa9\xd1Xk4\x90\xf2\x99R\x18\xd1%+z\x18\xa6/\xa8\xc2,&amp;[\xed\xe8[\xde7{\xcd\x1c}T\n\xed\xcbe\xc2%T\xd8\x97\xc9\xe9\xaa\xaaJ\x9b/k\xa0B\xa42T\x0f\xa6:P]]\xe3]B1\xb6\xb2\x8f\xe9\x90\x18\x19\n\x85\x02\xfel\xb67\x1b\x08\x85\xae\x86\xee\x00\x0bR\xd9]\xf7^\xbcxA\xaaF\xa59\xdf\x0cg|\xe1L\x0e\x9d\xd3\xe5B\xb8\x94)(0\x8aq\xe8\xd6\xaa\xf5\x9b\\\xa6]/\xa8$\x9bR(\xe42\xb8\xf1C&amp;\x13FetE\xdd\xc4:\xde\xe9\x8c"\xb8`\xfb\xd8C\xd2\x08,\x08\x9e?\xf9\x00\x00\x06MIDATR\x8d\x19\x8dDX\x8c\'\x12C!\xfeI:\xce\xcb&amp;\xf9\x17sA\xd5;x\xf9\x17\xf4z\xa5\x81\xdb\xdc\\\xf3`[\x07\x14N\xb7\xe0\xcb\xa8\x196\xd3d\xb1\x88\xe8\x06\xd8\xe6\xea7f$\x93\xd9+\xa1\xd9\xb2\xa2(\x92$y\xbd\xb8\xa3\x85\xc6\xca\xf9\x88\xd6\xf2\xd4#I\'\xf4"U\xb4\xbd\x8c\xeea\xc1\xdc/\xc8\x80\x84T\x05Y\xd5\xdd7\x95H,$\xf8J| `P\xa1\x9f\xbd\xa3\xd7\xde\xad,\x12\x0b\xd5l\xce\xcd\xed\xd4T\x1d\x87Q\x15U\xf7\xf1\xa41\xe0-\x0e\x03\x0c\xbd&lt;~^\x7f\xe3\xaf\xa00\x1d\x80\xbc^\x81\xe4\x98\x10\x85\xfb\xc2_\xb9\x1c\x92\xa5\x1e\xdcI\xd2]y$E,z\xe0v\x8f\xb9\xddT\x8c\x82!(\xdc\x02\x13\x81:5&gt;%:\t\xb9\xee\xb0\x90\xa3\x83\xd7\xdem\x14\xb1\xa0\x99\x17T\xcd\xe6\xd6jMWu\x1cM\xd5\x0b&gt;:%\xa7H\x16\x07\xeak0\xed\xb5bp\x10\xee\x89X\x90y\x1f\xc1\x04F(f\x91d\xb5p\xb2j\xf5\xb4\x92\xd1X,\xc6\xf7X\xfbi\x95\\\x14\x8cd\xb7\x00\xe5\x163\x0f\x98\xd8\xc7@&lt;\xe0\x87\xb7\x84^\xae\xcb\xb7/\x15c1\x80\xcd5\x9b\xe0Z|\xb9zR\x80Dz.\xe3\xf3\xd1\xbe\x18R,UF\x87\x1c\x06\xd8\xee\x91\xd6\xc9W\x8c\x8a\x02\x7f\xaf\xe3\x11\x9c|\xbc\x10\r7~\xc2yH;Zp\x15r\xc5\x8a\xa9\x98\xe0zPu\xb3\xba\xfa\x84\\Xw\xf5\xf5\xad\x8c?\x98\xba\xbe\xf0\xeb\xa1@\x1c\xc3N@\xc1\xfd\x01\xfb\xc0/\xff4G\x9dS\xeb\x1b\xe0j\xce\x9d\x96w\n\x05\x8eq\xf8\x8b\xfd\x13s\x9c\xcc\x84\x80.\x92\xb7c\xb2\xfd\x0e\x98$\xc9:\xc0\xe8\xf3\x8c\x0f\x0f\xd1u\xb0Y\x0c\xe1&amp;&amp;,\xabZ\xd0\xd3J%\xcf\xb8\xda\x0f\xabU\xa4\x02D\xa2\xc1h14\x10\x03\x11\xfd\x83Tq\xbf?\x10\x08\r\x85\xf8\xb5\x0b-\xc4\x94\x8a0.\xaeo\xa0\xb6\xca\xf5S\x9d\x8e\x81\xcf\xd18\xb3\xd7\xa6\xaa\xc8H]x\x1aL\xd4AH\xb6\xfb\x9c\xa3\xd2a1\xc1G*\x1d^\n#T\x80V\xd0e\xaf\xa0r8v\xeb\x9a\xf5\xc2N-\x95L\x15\x8bEr-\xfe\x11r1\xaf\xdc\xc2V\xfd]\xec\xa0\xa0\x8as\xed\xde\x03*^R\x13\x88\xcf\xdc\xbe\xb4\x8eS)\xa6\xb6\xd7\x17\xc1\xd5.\x97\xebG&amp;aq\x98\x83\x8dd\x80\xf1X\x8a\xc4\x9f\x9a1\xde\xa4\xdd}\x82\x99-\x9bG\xe7xt\x8c&lt;\x05\r\xe7\xd0\xe3\x9ds\xa2\xa1\x08~\xc9\xbb[\xf7hA\r\xee\x8a\x16\xd7\x05W\xfb\xcb\xeb+}}nwU\x90\xd1Y\x86\xd7Iu#\x9b\xf5\x07\x86F\xf0\xddP|\xe6\xc3\xdb\xf3EQ\xeb\xa8\x93\xed\x97Z];\xe2*\x00\x13\x0e\x88\x0c\t(\x003\x82\xcdd\x0cljG\xfbB2\xf3\xb9\x8b(\xd8\\\xd2i\xbf\x1c\xed\xc8B?a\xc9\x9c\xbe]\xf6x&lt;\xc1\xd5i\x84&lt;\xa8\xc85\xff\xc5\xdd*\x12\x01`\x14m\xb6\xea^!\xd7\x10\xb8\xe2\x06T"\xb1\x1c\xc8N^\xfb\xe9\x97\xed\x0e\x15\xde\xb6\xf7\xb4r\xddsT\xa0H\xc8kq\xfaxv\n\x85\xcc\x94UU`I\x9bV\xab\xb6\xb3O\xed\x04\x16\xc0&amp;\x90h,5\xc3\xa1\xcb7&gt;4\xd3*k\x90\xcb\xbaY\x8b8St\x17\xcc\xff\xd7\x7f\xdc\xad\xba\xabU\x00\xb9\xab\xb3\xb3\xd5\xea\xca\nv\x18\x0bCC\x7f\x19b1\xba\xe2\xf1\x1b\x933\xff4\xa8R\x10\xf9$\x19\x01\x15\xbc\xd5a\x12\rQ\xb0l1\x98\x90\xaf\x02\njY\xad\xd6\xa0gg\xd3b97q\xb1\x03\xe6\xe0&lt;`\x83\xc9\xc4\x83Y\xe8\xfd^\xb9\x0c\xb0`\x1d\xfb\xfd(\x9b\x88\\\xad\xfc\xf9\xd9\xec].\xb8\xc8E*\x83kaayy\xc8\xa8\xe5\x80}\xf2\x93G1@m\xa7\xb6\xe1\xf9dm\xc7\x03\xaa\xf2i\xc7P\x05\xc1D\xa10\xda\x10d\x94J\x910\x12\x88\x050(\xf65\x16\x13\x0b+\x08U\xf4\xd2\xf0Y\xd8\xf7\xb2L.k\xf0y\xcd\t\xb9\x04V\xf1\xd2\xc3\xcf\x9f\xfd{V(U]\xa9\n\xaa\x07\x0f\x88%\xc4ZH,,C\xad{\x87\xb1Tj\x9b\xcb\xa2d\xb2\xd6\xf2\xf0i\xca\xa7\x9c\xfd\x89a3!{0\x14\xf5\xc2k\x133\x8e:XV\xeb\x05\x0f,\xffZ-\x06)\xdd\x0fYuA\xe6k\xd7\xc5\xf3i\x86\\\xa9\x18\xe7Fgc1vxx\xb0u\xff\xe9\xe3\x15\xa3\x85gb\xe1\xc3\xf5\xeb\x0b\xcbO\x9f&lt;|\xf4\xe8\x80\xd1\x00\xb0T4\x99&lt;\xde\xb1\x96=ZY[\x15\xc1M\x9d\x90\xd6&lt;\x7f]\x95m\xf2\xd9\x94\x87\xc3\x9faY\x83ob\x89\x10\x15]\x968A\xe0\xdcN\x05\x94\x866n\x1e\xd7\x9c)\xb1|v\xae/F\xb0X\x85\xcb\xda\x07\xf7\x1f?{\xdd\xc3\x85\xe5\'O\x1e\x1e\x1c\x1c\xa2\xda\x9f\xb5\xf3\xd4\t\xef\xd1(\xc4\xb2z4+\x86N}W\xac\x9f\xe8\x15\x9b\x08Q\x99n6\x89i\x98\xe5xe\xf5t\xb8\xce9\x0c.RY,gT\x10\x96`\xdbuM\x14\\_\xdf\xad\xd5\xb0\x97\xe5J":\x17\xc9G\xb8}\xe4\x12\xffp\xeb\xf3\xc7\x90\xeb\xf1\xd3\xfb[\x87\xf9H\xfe\nW@\x98q\xf2\xd1$dJR\xab\xda\xf1NP\xb3\n\xac}\xc1\x84\x15\x14\x0b\xed#\x94\xd9,\x88\xa8\xd6\x9bX\xa4\xc2\xfb\x19\x96\x98\xb3\t\x86IIo\xe1\xb9&lt;\x02\xcbz\xa1|\xd4j9k\xb5\x1a\x8e\xfb\x99X\x7fu\x8ad[D\x02\xeb\x15Q\xc0\x82XI\x83\xaaV;\xc6\xb3h&lt;\x94\xa7\xbc\t*\xb1u`\x91\x8a\x98\x86X\x9c\xb2\x1d\xafp\xb87\xb0X\x0e\xf1[c%!\xa8\xe0\xb1\x96G\x9c%\xb8&lt;\xc1`\x10\xcf[_=\xdakM\xa7\xf2W\xa6\xa7\r\x84\xe9i\xb0D"\xd3g\xdf\xb3"\xb1X\x9eR9I\xe6\xac\x1d\xaf\x06\xcb\xc6\xc1\xb4Wbe%:\'6\x80f#\xd4\r&amp;\x03\xeb7gX\x17\':\xde\xea\xcc\xd0B*R)JK#M\x07M\x13t\x17\xb0\xfdn9\xa7;\\\xd3\xa2"o0]\x11Mt\xa6 ,\xb0j\xff\x190\n\xdf\x88\xabuC\xecr~\xc3\xc4\x08\x07\x82\x10\n\xe2,\xa8\xc3\x80\x91\xa8\xc6W\x02u\x164\xc9\x83\xda2\xa0\x16\xa0:\xa8C\x06v\x98\xe0\xfbn}(\x80\x98\x0bv\x9c\x9a\xfe/1\xc6?`\xf7\x84T\x81]f\nsb\x08H \xc4\x14XA\x03#\x0f\x98\x16\x81\xf8\xce\x1b`]\xaf\x06\xd1\xaf\xf6\x03\xd2\x12\x85\xa4z\xf8h\x07Rh\xf1\xc1"\x11\x00\x10\xbd\x8f\x1e\xed\xfd\x1eI\x00\x00\x00\x00IEND\xaeB`\x82'</t>
        </is>
      </c>
      <c r="M423" s="3" t="n">
        <v>45492.67688657407</v>
      </c>
    </row>
    <row r="424">
      <c r="A424" t="n">
        <v>1047213</v>
      </c>
      <c r="B424" t="n">
        <v>49202</v>
      </c>
      <c r="C424" t="inlineStr">
        <is>
          <t>Railan</t>
        </is>
      </c>
      <c r="D424" t="inlineStr">
        <is>
          <t>Railan</t>
        </is>
      </c>
      <c r="E424" t="inlineStr">
        <is>
          <t>LD</t>
        </is>
      </c>
      <c r="F424" t="inlineStr">
        <is>
          <t>LAT</t>
        </is>
      </c>
      <c r="G424" t="inlineStr">
        <is>
          <t>LD</t>
        </is>
      </c>
      <c r="H424" t="n">
        <v>185</v>
      </c>
      <c r="I424" t="n">
        <v>21</v>
      </c>
      <c r="J424" s="2" t="n">
        <v>36594</v>
      </c>
      <c r="K424" t="inlineStr">
        <is>
          <t>Right</t>
        </is>
      </c>
      <c r="L424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d2f30cd-d476-4d25-84d7-0ff38a46f8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?\xdf%*\x00\x00\x03\x00PLTE\xff\xff\xff\x81U0\x80Q-\xfb\xe26"\x1e\x19{Q/%!\x1d\xff\xff\xfe\xf5\xdd2\xf3\xdb.uU4\xff\xf4a\xf6\xdf7\xb6\x80YwN.\x7fZ9\x1b~V\xc6\x92j\xff\xefWuK)\xb2\x7fW\x85Z6\x8fb@\xff\xf1\\\x8aZ7\xfd\xfd\xfc\xfe\xe8A{U4\xb0\x86e\x8b]=\x81V5zX;+$\x1e\x1c\x1b\x17\x86V2\xb1zS\xff\xecP\xa0uU\xfe\xf8i\x16{S\xa9\x80a\xbe\x8bd.)%:50fH2oJ+\xc7\x96r\xc3\x8df2/,\x85]={M*\xaaxTrV;\xff\xf9b\xfe\xe7&lt;\xae\x81^\x7f^A\x9fnK\x9dx[cB,\x9akG\x95eD\xfe\xe67\xa5{Y\xfd\xfar\xac|X\xb7\x8di\x90mQ\x1a\x82X\xfe\xebH\xb9\x83]\x9f~c\x9agB\x93`=\xf8\xe00\xba\x87`\xf0\xda7\x8f]9mS2O6\'OJD\xcc\x97k\xf9\xe2&lt;8.%lD)VQL\x99oRB2\']&gt;)@&lt;7\xa7rM\x8ehI\xf8\xf7\xf7\x93rX6\'\x1e\x95iK\x1d\x88\\rK4\xce\x99t`ZS\xb5\x86]\xb6}S\xbf\x91i\xa5mG?+!\xfd\xf3j\xaf\x8bnU=-\xafwN\\E/)\x8db\xbf\x87_\x87cD\xfd\xe31\x95ya\x97e=f?"\xaauP\xa0sPG8-\x8ecF\xff\xf6Y\x9fjE\x81eK\x88iO!\xafw\xa7\x82iI0"hO:\x1d\x9bgGB=y\\E\xc6\x9c\x82\xba\x85e\x86\x7fu&amp;($zul\xc3\xba\xb5\x16vN\x89_Dpjb\xd2\xa0|\xd6\xc48\xc6\xb5:f`\\\x1c\xa7p\x1b\x91a\xba\x91rxM:V7&amp;RA4(\xb7\x7f\x88p]\xe0\xcd:\xe9\xd6&lt;\xee\xec\xeb\xf7\xeeq\xcb\xa4\x8d\x8f\x8a\x81\x17\x16\x13\xbf\x96|\xf3\xf3\xf2\xbc\xad\xa5\xf0\xe8\x81\xf5\xf0f\xe4\xdbz\xd7\xa6\x82\xf0\xd4*\x80O6\xa3`9\xe8\xe6\xe5xfP\xd3\xac\x95\xdb\xd6\x8e)~UVM:\xb1\xa6\x9f\x96bS\xed\xe6t{;\x1c\xc9\xc4\xc2\xf6\xe8XaWG\x9a\x93\x8c\x97\x82q\xafrJ\xa7]W\x9f\x8c~\xa8\x9b\x8e.\xc3\x86\xfa\xf7\x81\xda\xd2\xcf\xec\xe7\x94\xb4\xb1\xb1\xe6\xdb\xd7)\x9cl\xd5\xcc\xbe\xd1\xc1H\x96\x8b8\xdd\xd8\x9egdRoYI\xff\xfe\xf2HjK,nK\xfd\xf9\xb3\x93O.\xb7\xa75\x8b=\x1e|q0\xa0\x9b\x9a\xcd\xcf\xcd\xf7\xe3H\xfd\xfa\xd4\xcb\xc8\x87\xfb\xf6\x96\xeb\xdeK\xac\x9d7\xdc\xee_\xdb\xd8J\xca\xca\xa8\xa1\x945\xd0\xcbx\xc3\xcf?\x8b\x806\xb3\x8f\x84\x8frk\xd8\xb3\x9f\xbbrk5\xa8v\x9e\x96L\xdd\xdd\xdc\x91RH\xdc\xdbbR\xb7o\xa6\xacHg\x96K\xbb\xb8\x8d\xb0\xc3CH~Q\xfe\xfd\xe4\xc5\xc5i\xb4\xb2tu\xbdd\x87\xa4F\xe8\xe2\xa6bZ%\xa7\xcaUH\x92W\xb9\xacL\x8f\xc6dc\x96qt\xb3\x9f\x92\xc9\xb5[~vJ\xb4\x8f\xdc+\x15\x1e\x00\x00 \x00IDATx\xda\xcc\x99\xdfK"{\x1f\xc7\xbb\x18Fx\xc0g\x11|\x16\x04\xcf\xa6G\x04\x9di\xa7Y\\\xb0\xdcBT\xd0\x0b/\x9a%&amp;w*;\x9c\xc6&lt;\x8b\x19&gt;\xb4T\xcb\x16=2\xe98\xd2\x04\x03\xee\x89 \xd2\xea\xa2\x8b&lt;P\x17\xa1\xfb\xb0\xc1\x12\x9c\x0b\xbd\xb5\xdb\xbd9g/\xbaz\xfe\x87\xe7\xfd\x1d\xf7\xf0\xfc\x03\xba\xfb|tD\xb3\xf8\xbez\x7f\xde\x9f\x1f\xd6\xc8\xc8\x00\xc22b!\xf1\xf5\xf9\xffG\x98@\x16\x8bcqq\xd1\xe10_~o r9\x16\x8f/ozw7m\xcd\xd0T\xad~wsy\xe6\x18\xf9\x9eh\xe6\xd9gU\xf0\x88\x86(\x08\x8a$)\xa2 \x8a\xbaZ\xbd?\xfe^\x9a!kg\x9f\xaa\xd5\x9e\xa6\x08\x06\xb8\x04\xd9\x90eA\xd6eY6DQ\xd0\xee\xcf\x16\xbf=\x19Nt\x1c\xdf\xf4\xeau]P\x04A\x10e\xd1\xd0EQ\x81T\xb2\xa6\xeb\xb2\x04\xdd\xeaw\x9f\x16-\x8b\x8eo\x89F\xa0\xaa\xaan\xc8\xd0\x05 \xb7m\x9d\xa0\xe9\xaa\xda\xe9h\x9a\x0e\x8b\xd55M\x13\xe5z\xf5\x8e\x88\xf6\xcd\xa0\x16\x1f\xee4$\r(\x82\xdc\xbe\xbeU\r]\xd5\xd4v\x1d_\xa8\xb7\xb5\x8ez{}~[\xd7d\xbc+\x1a\xf5\xbbo$\x98\xc5\xf2\xd0\xd6E\r\x10\x86\xa1\xd5\xcf\xafUE\xd2n\xd5\xbaj\xb0FG\xd7u\xb5~\xde\xb9\xeah\n\x92\x8b\xd7\xb2"\xf6.\xbf\x01\x17\xa0z\xba\xa1\xc3U\xc8\xd9\xf9\xef\x9f\xdb\x06/\xb4\xaf\x01)\xf1bGb\x15U\xd6[\x15\xbe%U\x18VA\xc0\xfeF\xbbz\xe9\xb0\x0c\x9dJ\x13\x0c\xf5\x1a\xa7\xd7\xaf\x7f\xff|^\x97)A\xfd\xa8i\x1d\xa6B\x0b,U1\x04E\xa6\x1a\x92\xd4\xa0x\xbe\xc2\xf0\x12\xcb\x8a\xaa\xc8\xd6\xe1~\xcbp\xa9tEF\xc6\xd4\x8f\xb7\xff\xf9|\xdb\xfe\xa0J\x92\x0e\x9f\xcb"M\xf3\x8a\xbb\xc1\x93h\xb0b\x03\xcf(7\xc5H\x12\xcb\xb3\xb2\xa8\xe9\xbd\xfba\nf9V%\xc1@\xfe`\xf4s\xf5J\xefh\xac\x81\x06!\xd1l\x83\x16\x98\x06]\xa1\x19\xc6\xed\x16h&lt;s\x93\xa0%\x16\xd9\x14\xe0}\xf5fqhT\x8e\xe3\xb6"\xc8\xad\x8e\xf6Q\xeb\xb4U\x96eA$\x88\x12O\x81\xa2\xc2\xd2n\x9a\xa6+xViP\x94\xbb\x81p\xd3\x0c\xcbJh\xff(I\xe3fXzY.Ut\xcf+\xb9\xa5)\xac\xacn\xb1.V\xc0\xa9\x12C#_n\xa2\x0fE\x01\x0c"5L*7U\xe1yP\x89-\x05T\xb2\xf60$.K\x0f\xa5&amp;\x0b\x8c\xc02\xac\xdca)\x9a\x95X\x86!T$\xa8F\x1f\xab\xe1n\xb8M\xadh\x86gx\x1e\x15)\xea\x9a\xc8\xcar\xfdx(\xbe\xb7\x9c\xe9&lt;+*P\x00\xb9\x11\x18\xaaA1\x15\x97\xcbES&amp;\x16\x1eAE\xb9h7y\t*\x8a\xe6)\xf2\x16]\xc1O\xe9\x1d\xb5^\xaf^\x0e\xa3\xe5[.EV\x92\x19\x9a\xa9\xe0D\x1e\xe2@\x1a\x17HH\xd0\xae\xff\x05M\xf0LFw\xdf\xf7\xa8\xce\xab\xa3\xd6VK\xef\xdd\x0c\x83\xeb^\xe1%\x85v1\x04\x87\xf9\x8a\x82\x87%\xd7\xd2\xd2l*\xb5\xb5\x95J\xbd~\xfd:\xf5zviv\x96\xf9J\x87o\xa5(\x17\x8c\x7f\xa5\x93\xd5B\xbb\x1f\x02VUaX\x9e\xa6\x19\xca\xe5b\\\x14`\x96fq\xbdN\xfdkfu\xadX,\x8e\xad\x15\xd7^\xbcx5\xf6\xea\xd5\xda\xeaL*\x85\xf7\x80\r\x7f\x01\x8f4V\xf40\xc9\xb8\x19&lt;\x96\xe5\x93\x00\x83\xf73\x863S3\xab33\xbf\xce\xfc\n\xa2\xe7\xcf\'vb\xe9\xd8\xc2?\'\x9e\xfd\xe3\xc9\x93G\x8f\x1e\xfd\xfd\xe9\x18\xd0ffR\xb3\xb3\xb3,\xef\xaaT\x88n\x0c,\xf00\x04\xd7\x9f\xe9\xc8\r\xa1B\xcaf^\xbcx:\xfa\xf3\xfb\x9f\xdf\xbf\x9f\xd8YX\x88\x85vs\xb9\x9c3\xb29\xf5\xe6\xcd\x9b\xe9\xc7\x88\xfd\xd1\xbd\xe7ccck\x90-\x85\xacW\x18\x8c"X\xff\xda1\x94J\x84U\xe8\xa5\xad\xd5\x17O\x9f\xfc\xf8\xe3\x0f\x93S\xd3\xd3?\xfd\x14\xda\xdd\xcd\xfdqZ:)\x95J\xd9Lp\xfe\x97w\xef\xdeMnnNy\xc3\xde\x85\x9d\xed\xed\xbd\xe2\xda\xda\xd6,\xf2\xce\x92\x16\xa7\xf4\x1c\x83\xa7\xaa\xca\x18\xc8\xf4\xec\xda\xe8\xb3\xe9w\x93\x93\xf3\x81d\x10\xe1\xac\x95J\'\xbf\x9d\x94N\x10\x1c\xe7\x8f\xdb\x03\x1b\x81\x08\t\x9f\xd3\xe7K\xa4c;\x13\xa3k[)T,\xcf\xa2"{\x83\x9f\xd27\x183H\xc4\xd8\xdb\xc9@0\x19\x8f\'\x0b\xe36\x1bW"P_\xbe|9\x01\xdaIi\xd9\xe6O\xda\xed\x1e{&amp;\xea\x8cF\xa3\xc8knw.\xb40Q\xdcB\xdb\xe5\xc9\xd8n\x0f\xdeYm`I\xd2\xd5N \x93\xcc\xda8\xce\x06\xa8\x83\x83\x93\xdf\x10_p\x9d\x9c\\\x94\x0eJ\xdcx\xd9j\xb5[\xad\xd1h\xad\x16\xad\x9d\x9e\x9e\xfe\x91\xdb\r\xcd\xed\xff\xed\x90\x85\xc1\xf0;\xd5\x07\x9dD\xc7=6=^\x11\x9a^S\xa5\xe5e\x8e\xe3\x96\x0f.\xfeb\x82\xb5\xf0\x05\xae\x1c/[\xedv\xab=\x1e\x8d\x9e\x9e\x96p3\xc9\x12s\xc5-\xe2\xfb\n\xaf\x9f\r\xb8\x12\x91C\x96\x97\x84V:\xe8\x87N/\x97\xc1upppq\xf2\x17\x94\x89e\xf3\xc7\xe3\xd0\xcan\xb7\x97\xb3\xa7f\x19\x80\xacV\xcb\x85\xf6\x0ey\xe2K^\xbf\x1c4\xd6\x9d(\xb1\x82\xd8M\x10*\xc8e\x8a\xb5\x8c,\x9aB\x99Rq\\\xc1\x1f\xb7Z=pW \x82,\x9e\x96\x88Z5`\xe5B\xc5\x14\xb0(\xfen\xd0[\x97\xe3N\xe1\x15Qn:\xb3\x84\xea%\xf1\x16\xb7l\xb2\xe0\xec\x1a\xc7\xd5l\xe3\x88\x02\xb0\xec\x1eD\xc0iZ\x0bP\xf0\xbe\xd3\xe9\xdb;d\t\xd6\xa7\x01\xb7S\x8b\xe3Z\x82\xb3ZG\xd1l\x96\x80q`\xb0q\xb6l\x96#HY\xbf\xbf\x8c\xdbx9\xde\x87\xf2x\xec\xe8\x1c5R\x8b`r\x06\x83\xe1\xed\xab-\x9e\xa6\xa4\x87A7y\xc7\x83\xc0*B7\x9d\x05\xc28\x94\xf1\xe3^\xf6\x03g\xbc\\+\x9b\xe1\x07\x94u\xc5\xe3\xd9\xc8\x07\x02\x81\x08:\x9a3\xe7\xc3\xe5$\r,\xbcS$\xc5(\x1e\x0f|\xf6,\x1a0|7\x04(?\x89qt\xcex\xd2\x9fL\x12\xa2x9\x1e\x8f\x97\x93\xd6\x958\x11kc\x03\\\x01\xaf/\x88\x1b\xc0\x9c\xce0:\xfe\x1e\xb8*\xda\xa0\x0b\x11M\xdePD`E\xfd@I\x92\x87\x0c:A\xc6j\xb5\xc6\xcb\xe5\x88=b\x0f&amp;\xadD\xac\xfc\xbf\xf3\x1b\xe0\x8a\x04\x02\x04*\x12\x81hA_x3\xb6\xd7\xbd\x92\x98\xf6\xc0\xf7-\xcb\xb1\x81\xad\xbc\x19\xca\x00*\x8e\x8b4M\xdc\x11\x91\x08\xacDz\x15\xa9B\xe2\xf6&lt;\xe6O \x18\x89\x10 \xa0\xf9"a\xeffl\x1b\\\xec\xb5c\xf0j\xe9\xa2\xdcm\xa6\x83\x99\x8c5N\x08H{\xf2@+\xab5\x03\xdd0q\xe2\xc4X\xf9|\xde\x13\xf1\xd8=P\x0f\xee\x02S\x18w\xef\xa6w\x0e\\E\xe5n\x08X\x9a\xdcl6c\xc1 \x94\xf9J\xb5b\xcf$\xe1+3\x9d$\x9b\xd6\x95&lt;\xc1\xb2\x13\xed2\xc1\xbeT\xbep8\xbc\t\xactl\xbb{5x\xac\x91E\xb5\xb9\xbd\xbd\x1d\x0bGp\xaa\x1d \x1e\xcf\n\xe6u\xb9o3\x13\xd3\xeaY\xc9{\xf2\xc8(^\x94\xcb\xb0\xba\xaf\x8f\xb5\x89\xf0\x86\xd2;\xdb\xdd\xde\x10v\xf9v\x1f\x0bk\x0b\xba\x12,\x8d\xac\xc5I\xb3\xb0eQ\x8e_}\x05\xad\x08!@\xcb\xa4a\x81\xc9\xeb\xf5\x12*`\xa5w\xba\xed!`\xf5\x9a\xdb\xb1\x9d\x987\x1c \x85\x16\tD`1Lm\xd2\xee\xd12\xd0\xdeW\xec\xa6\xb3V\x08k\xc1\xef\xcf\xa2\xbb\xfb\xfaT\xf0V(\x14Z?j\xd6\x07_\x89\x96^s\'\x9dN\x87\xc3\x10jc~\x1eb\xc5\xc7\xc9\x14\xea\x83\x15\xe2\xe8\r\x1e\xe2+k\xa1`3\xdbm\x16`ApmN\x12\xb1B\x89\xf5\xf4\x91:\xf8\xbee\xb96\xb1B\xe1\xc8\x06\xa8\xe6\xf3\xd6\x82\xdf\\$\x96_\x92!Y \\+\xc4o\x85\xc2\xb89\x1e\x81;n\xf3;\x01F\xb06\x13\x89\xc4\xfa\xd1\x87\xe3\xc1c\x9d\x1f\x81*\x8d$\x02\nb\x15l\xd8\x1f\x00\xf5\xf2\xa5\rM\xbfP@\x12\xed [\xc1\xda\n\xb2q[\x7f\xa7\xe0jQ\x9fw\x0eIL\x10\xae\x0f\x97\x03\x9f\x89#&amp;V"\x0c[\xc1\xee\x99q@\x01\x0bP$\x83qb-;)C\x8fI\x96\xf4c\x815Wj\xec[A\xef\xdc\xd0\xb0,\x96\xbb\xa3\xf4z(A\xac\x15\xc9\xf8\xb9\x83\x8b\x0bP\xc1V\xd9(i\xa7f\x1dbJ\xe7\xf3\xc8\xf0\x06f\x8e\xcf\x87\x8d\x8b#\x1b*W\xf3\xcd\xcd\x85\x12\xbe\xe1`9\xaaG\xeb\xeb\t\x1f\xac\x15\xc9d\x97/@\x05!\xb2\x99L\xd0G\x8a\r~\xfbe\xde\x8c\xc9\xc7\x8f\xdf\xbe\xdd\x9fx\xde\xdd\x83\x15c\xb1\x9d\xf5\\-\x17\xf6\x86|\xbbCR\xab\xfa\'\xa8\xb0;E\x82Y$\xf0\xb4\x96s\x06\xd1#G\xf7\xb6\xf7\xf7\xf7\x17&amp;\xc13\x89\x8f\x88S\xd3\xcfF\x9f\x17\xc7V\x0f\xb7\x10\x87W\x87\x87\x87W\xad\xa3\xc4n(\xdc\xc7\x1a\xbc\xe5\x1d\xf7&amp;\x16\xb8\xa2\x1c\x97[o6\xbb\xdd.\x8e\xc5\xe1kc\xc5\x89\x9f\xa6&amp;\xa7\xf0ivj\xfa\x87\xf7k\x87\xab)|b%\x7f\xdb\x9a\xe5\xc9g\xd6\xc3\xd6z\xc2\xc4J\x0c\x1ekd\xe4A=Z\xdf\x8d:!V\xee\xa8e\xfe\xe7\x89\xe5\x19\xe6\xbf\xb4\x9a]k"i\x16\xc7{$Y!\xa0"Q)\x89\xa5\x19EH\xba\xcbvK\x05-\xb5\x10\x15|Al\t\x11u|\x89\x98\xb5R\xa2\x06\xc5w\xec\x10e\xd2i\x08n\xaeFC \xf4\xecv.\x82\xf6\x06\xa6\x07\x9b\xe9\x96\x04\xc2Hn\xe6Fd\xf7\x13tg/\xf6c\xecy\xcc\xb2\x9f\xa0\xf2\x80\x90x\x91\xfa\xe5&lt;\xe7\x9c\xe7\xfc\xff\xf5&lt;\xdfn6\x0b\x85n\x8f\xa6i\x19\xfa(\x89A\xa8\x99C\x9e\r\xf2u\x9eo\x83\x98n\x9e\xfd\xf1\xc5\xebE\xd1\xba\xe1\x1e\x8b\x7f\xf1\xf3y%\x9f\x87`\xe5\xff\x80\x18E_\x80$E\x8f\xde\x8e\x86B\x05B*\x93\xc9\x82\xf0\xc1\x97\x89X\xa1\x10\x8a\xe6v\x90\xa1\x13-@$\t\xe2\x97_\xce\xbd\x88\xabr\xf3\xfe\t,\x88\xdb\x05\x96"\xff\xfa\xac\xf9\xa2\x89\xcc\x98\xff\xdbH\xfb\x84P\xad\xc6\x82\xc0\x85+\xfb\x19\xc2f\xb3\x11\x04\xa1[YQ\xa9\xc8\x1eYn\x95\x8f\xcaV\xef\xe1\x13a%?",\x85\xc2k!\xba\xdd\xee+\xd3\xabW]\x08\x85\xcd\x16\x8b\xc5l\x84N\xc8Sc(ZR\xa50\x1cF_\x02Z\xe6\xd5\x8aJD\xf6\x12\x11\xad\x16rk\x81\xc5\xe7s\xae}&gt;\x9d\x7f\x01*\x856qP\x16\xad\xad\xac\xe8\xe0\xe1\x83P\xa7\x93\xeb\x0c\x061\x9bN\xf8\x9d\x14\xc7e8\xa6\x14\xc2\xd7\x9dN\x08\xad}\xd8\xc1W\xaa\x1e\xdd\x80ap\xe3pq\xf8$?p\x99_\xe8\xbf\xbc\xfbV\xc9\x83\x92\x89$\xca\xa2\x15]lP\x80\x1c\xca-r\xa83\xa8\x85u\xc2e\x80\x92I\x95\xca\xe5p\xac\x83\xcc\xca\xf5\xa5?=\x872-\xc4L\xe5\x88\xd6q\x08\xd1J}\xb9\xbb\xff\xfa\xf5\xeb\x9d\x9c3\xa8\xe4\xfb\xa4\x1ca\xe5\xf3\x1bv\x19)\xb4\rB\xc0\xb4\xbep\x92\xd7wr\x83\xb0N\xa7S\xb6\x8d\xf1vpmmY\x08X;\xd1\xed\x17\xcf\xd7_\xfc\xf9\xc5v\xb3`\x13\xa5\xb5N\xc0\xaaT*)w\xc483r\x14/\xbe|\xfa\xf0\xf0p\x07m\x1e\xa2\xe5\xb0\xcb\x94\x10\xab\x0e\x14\xda\xf3\x1f\x00\x0c2?W\x08\x87u\xcb&gt;F_b(R(\xcc\xc4r\xd1\xe8Ys}i\xfd\x87\xbf\xfc\x96\xdb\xe9\xc428e\\\xe4V*\x9d\xa6F\xf3\xf9=7\xb33\x7f\xfa\xefQ\xa9t\x9cw\x9fC\xca;\xa8 d\x0fP5\x7f\x8b.--\xad#{9T\x0b\xaf\xfa\x8b\xfa\xdd-=\xd3\x1e\xea\xc2\x03\x88\x16l\xef\xfa\xce\xf6\x19aR\xc1jE\x8c\x1b\xc8\x84K\xd3~v2\x9b\xbf\xe3d\x1a\x84\x99f&gt;\x1f\x8dF\xed\xb4\x1bR\xde\xd9\xa8*\xa1\xfcQ\xb1Aj-V(f\x0b\x7f\xc72\xe2\xd3\xd3\xadRqd P\xcaC\xce\x0f\nD\xf7(\xe1\x8e@!B%*6\x0eST\x9be5\xa3\xf9!7\x06\x89\xfc\xeb|\x06X\xfe\x88;\x0f\x93\xb0\xd9h\'U*\x91\n5\xa8E)\x86\n6\xdd\xb0:\x11l]\x9d\xee\x8a\x99I0\x03\\\x08j\x9f\xc8\xa8D\xbdV\x1a\x12\x1e\xa8\x00\xcbJ\xb1\x9aIq4\xfe\x95\x93\xe4\xe2\'\x0f\x11\xd6\x84\xb2k]\xb0\xf6\\N{\x8fTB\x8b\xc8\x84\x11\x17t\x87\x8c\x92f\x19=\x8c\x15\x10.\r\xebW\xf6\xc3\x8bn\xa6\x13\xae\xad\x89Zt\xc4\xe1\x00m\xad8&lt;\xb4\xc6\x8b\x0c3\x99\x8d\xff\xf3\x81K,\xd6\xd7\xf8\t\x196{Y\xa3\x1d\xda\xf9\xb20\\\xab\xd5P\xdb\xecc4\xa5\xf1\x88\xd1\x08\xb6\xabg&amp;&gt;\x7f\x10\x1bft\xab\xab\xc2\xa1\x14\x97\xa5\x1bq#\xa2\x82hi\x8d\xcc\x84\x19\xcd\xc6&gt;\x8e\xb0\xf2\x8fXm{\xde\xf5roO\xbc\xb7\xc9L\xda4\x0e-J\x08k\xa8\xc6p:\xce\x94\xc4\xa7\xd7\x80\xb5UbX_\xbb\xea\xc7\xa1\xdf+\xe1\xa4LSug\xc3\xecr\x05\x14\x1b\x8a\x86\xaf\xce0\xec|\xecx\xcf]n\xb1\xec\x84\xf5+\\?\x89\xd1\xf4^b\x8a\xf16\xed\xf7\xe3R\x1c\xf3\xc3\xa25\x1e\xfd\xd6\xd5\x03\xe2\xd2\x07\x8a\x14\xe5\x83\x85F\x1d\x1f\x05Tf\xa3b\xe1\xbd)\xe8\xf1l4)\xce\xc7\xdcT\xe239\xaaD\x08\xd6\xcc\xb0\xf1\x88\xb5\xb5\xa5\xf7\x00\x18\xcb\xb2m_\x9b\xa6}\x14\x04\x0b\x86\xfb\x87\x07\x84\xb5)0\x1a\xe3\x14\xdbf\xe3F\xe4\x91H\xb2\x01\xb4\xf3\xc8\x12\xa4\xc7&lt;\xde\xac83p\xd3\xb7`0\x9d\xcdGEH\x8a\xb1\x03\x9e\xb0\xf5\xc8\x05ZG\xc0h&amp;q\xf4|\xb6.\xf8\x1f\xd6\xd5\xcb\xcd\xe3\x80\x13h\xe2\xf1v\x1c!eAm\xecm&gt;b9x\xe3\xb1\x81\xf5aS\x8e\x8e\x9e)=gY\xa0\xf2C\x92\xec!\x9f\x19m$h\xe9\x80\x00)\n\x16Q\x89a\x13\xaf\xafO\xafvA\xfeo:}&gt;\x98\xea\xebFI\x00\xa9X1Rl\x08k\xc39\xae\x8dgu\xff\x94\xa33\xf1\xe2p\x06\xedf&lt;\x16\xb8\x14\xae\xcd\x92\xfe1^b\xe4\x952\xc5:[\x85\xe6\x80\x84,0A\xeb\xd2\xbf\xdc\xdd\xd5\xc7\xd5A\x1fDQ\xe3\t \x13\x1fj$\x10\x00\xe9\xbfq\xac\xae\x8d\xd5N\x8a#,~\xf2\xb6*\x00\xac\x998\xe0ue=\xa5\xc7\xf4\x82p\x95\x04E\xd6\xe7oK\xe0\xd8A\xfa\x1a\x14#R\x87\xbbov\x8fi\x1e\xe6\xf7\xb1u\x89g\xe1R\xecmf\xb3\n\xd7\x86\xd7i\xa8\xd5|uj\xca\xd1Q\x9d&lt;\xd1\x1cO\xc6c\xb5\xc7\xecUH@\xbaBj\xa1r\xf4H\xea\x94\x1f\x0bR\xd9\x85U\xbf\xa5\x0f0EA\xa9\xb4\x07\xdbx\x9c\xe6\xf1\x00\xac]\xd4\x08@`Cr\x05\x80k\xc3\xdaX\x1dc\xe6\xb8v\xca\xd1(\xc8\xbf\xd33\xfa\xd1&lt;81W\x90\x1d\xba)F\xb1\x12h\x98z\xdb\xaf\xe6\x19\xfcu\x81@\x00\x8a:+\x99L\x98\x00`g\xb3F|h0\xa8\x83U\x88W\x00\x19\xc0@\x85\x04\xa5}\x8c9\x05q\x05G\xd1\x82\x11\xe2M\xa9\xa4\x1f\xb5\x8bF\x90V\x0e3\x14\xd6\xde\xa6G\xa0\x81\xbe\x1f\xe4\xad\xae\x0eqhPU\xd83\x94\xfc,jXTk8\xe4\x19xj?\x8b\x9c\x1d\x90\xfe\xc804[#\x8d\xaa\x06~\xfc;W"\x96\x7fq}\xba{\xb5;a\x1b)\xab\xd5!A\xb6\xae\x80A\x8d\xcb\x87\x19\x0c\x18=4\x84k\xabB\x1c\xf5\xd0\xb6l8T\x0e\xa5\xa0\xab1\xb4\x8bv*\xae\x91\x08P\xac\x10\x96[+\xf1x&lt;\x817\x17\x1c\x8d\xa7\xfc\xf7\xd0\x91\xae\xa0\xf8\x1b\x11\xabW\xeb\x84\xa7\x08P\t\xb6}~\xb5AM7\xec\xa40\xd3_[\xc3\xa1\xed\xcbD\xa2^\xefW\xabU\x9b\x96\x81\x14\xaa\xd2\xf6E\x9f\xc8\n\xcc\x12\xa7\xb9\x92\xb2\xb3\x13\x8d$\xf0\x8e+\xf3\x8d/\xbf\xdf\x85b\xdb\x12S\xee\x94\xd7\xea0K \x95X8\xf8\x82j\x83AF\x19\xb5i\x8bE\x95\xc9\x08I4X\xa8z\xd6C\xafU\x1bi\xe1\x98\xcc\x8f\x0e\x80:p9\xcdN\xa7#\xe5\x96Q\xf5\xba\xe4\xf8\x9e\xb3\x97\x8a\xfc\xa9\x189Xl\xd5m\x85]4;5(TUL\xbd\x1c\x16\xda\x8dNG\x04&amp;\xd0~f\xb1\xfa+\x07)+\x8c\xec\x914\xae\xc6\xfd\xc1*p-^\xb5\x98\x1d\x8eJ\xa5e7+\\\xd7\x1c\xbe%K\xbe\xd3\x14\xa1Ga\xe5\x94\x15\x86:\xd0\x12&gt;4\xbe\xa8\xc3\xb5a\xc4\xe1\xa4"\x96\x8c)\x83$+a#\xba\xa6\xd7\xa9\x03\xb7\xdb\xdd"W\x97\x81\x0b\xa5\xd7\xe2\xed\xb5\xc3q\xf3az}?\xbd\xe0\xf4\xb2\xe0\xc5;g\xbb\xed\xcf\x7f\xacX\x91K\x0b\x1b\x08T\xd8\xb0V[Kk\xb5\x91\x03S\xa1\xd0\x8c\xe6\xa2g\xa1\\\xa7y\xd6\xed\x9a\x8e^\x83\x96\xcc\xd4\x86\xb2\xa0\x8c\x86\xc2\xa4\x8c\x0e\x87\xc3z\x9b\x94C:p{\x85Q\x9e\x9c\xbe\xcb_^|\xb8\x81tn\xd8\xed\x0b\xac\xe0r\x8d\xb0\xb8\xadnKw\xbf\x19\x05\xbd\x18mv\xd0u\x96f\xe1l\xbfk\xb2XLa\x1d\x8e\xb8h{\x03\x86y\xad\xf5\x96\xfbK\x10\x8b\xcb\xa6I\xb9&lt;y\x9bJE\x16m\n\xa8d\x86\xb0\xea\xe0\xf5\x91\x89\x80PE;0&lt;\x83\xee\x08u@\xd5v\n\xfbH^\xa8V\xa4\xb4\x0c\x0b\x06\x17\\\x11\xeb\xc7\xa7\xb9\xc0\x85\xfe\xaa\xfc\xe4&lt;\xe5N$d2\xa0\xa2i\xa5\xea\xc8\xb4_\xe8vQZ\xa9H\xa5\x92$\x87CK\xafg\xb1\xf4\x08\x10\x19\xfb&amp;\x15\x99\xa6q\xa8\xc8t$\x12I\xa5.\x9f\xee~ \xff_o\xcf\x13\x80\x85c\x80\x95&amp;IS(\xbaoq\x97U}U\x1fJ\x11Uc\xbf\x7f\x04j\'\xd1#r\xb93\x13\x99\x86&gt;!%[i\xb7;U\xf9\xf4t\xd7)\xf9\x1f~&gt;/\x93\tx\x16\x86\xb5\x12=\xcb~\xa7`\xeag\xc2\x0b\xa0\xb0-\x0c+\xd3?:\x82\xdf\x8e\x8e\n;Q\xc2\x92N\x90\xb0Z-w$\xe5\xbd{\xba\xcb\x940\xe3\x9c\xbf\xb6XHL*\xc5\xcb\t\x0b\x01[e\x83\xa4B\xad\x01\xe1@\xa8\x00\xab\xdf\xb5\x15:\xe86W\xd3\x94H\x90"\x91\xa8\x9cH\xbb\xad_\xa6O\x17-\xf9\xb3\xcbo\x07\x16\xe0\x92J\xc9ry\x05\xf4s.W\xe8~;\xffv\xf3\x8f\xcf\x97\x97\xdf\xbe\xc2\xe7\xe6\xf2\xcb\xe7\xb7o\x7f\xfc\xdb\xf7\xb9N\x88(\'H\xe5\xb2H\xd4J\xb8S7\x17\xcf\x9e.Z\xfcO\xe7n\x8b\x05" "Iif\x10\xda\xf9~\xe9\xaf\x9fO./OnON\xee&gt;\x9e\xdc\xdf_\x9e|\xba&lt;\xf9\xfd\x9f?.\xe5\xfe\xcb\xcb\xf9\xc74\x9d\x9fq\xdco\xb9\xafx\r\xe9\xd7\xa4i\xaf\xe5k\xbf\xc5\xe6\x10\xc3\xb5\x89\xe5\n+\xfdq\x1a)\xa1\x18(\x0be\x85\x05\xb4\xf0\xdf\xe5H\x9b\x06\x8d\xd6kEH\x93\xb9\xc2"\x03\xe5\x87J\xee\x06\xdc%D2\x95\x0b\xde\x88\xe0\xe9\x89&amp;\x93\x1f1S\x89\x1a\xe7m\x1a\x9d\xeef6w3s\xce_{?\x9fV\xb7\xdd\xb6lw\xf3\xeb\x03\x96\x9f\xb1/\xde\xcf\xf3y\x9e\xe7\xf3\xfd|\x9fV\xd55\xd7\tPK$\xb9JJ\xa6\x87\xe4\xbc#\xf6\xe0\xe4@\xcch\xc4vY\xb0\n5\xbdt\x85\xeb\xd3\xf3\xc3\xc9\xe4D\xf2\xf4\xc4\xe9\xe4\xc4\x85\xd3\x13\xb7o\'\x93\x1f\x9c\xdd\xb6\x93.S8\xc5\x88 \x89\x82=\x12))\x19\x96\xf3\x1e\xf5\xcc\xa1\x9f\xc5bFAT\x82K\xac\xab\xea\xed\xad\xeb\xed={cjz\x98\xa1%\'&amp;\x86\xcfO\r\xdc\xb8\xb3\xb7\xa6\xc9X\xe34[\x8cv\xfc\x05F\xc2jI\xcaz\xffp\xc3\xe7c1\xf2"\xf4\x12\xebv\xf6\x9a)/\xdc9\x06km\xbd&gt;59yc\xfc\xce\xb1\x9b\xd77\x8ewF\x85&amp;\xa5Je\xb4+\x95J\xe2\x8aO\x9e\x90\xf56\xf0\xcc\x137h)\n\xa2$\x89u\xbduMV\xf4W\x81\x9b\xb0\x9f\xe0\xdf1f\xd7\xaf\x8f\x8f\xd7\x07%Q\xb2(\x05#\xb0\x94F\xbb=.\xc35\xf9\x7f.\xdaS1{\x04r\xb1\xab\xa4Ncg\xb0d|\xdcq\xf3\x18\x91\xa5\xb1\xc6\xef\x8c\x07r\xb5\x92FP)E\x82bXGd\xbei^\x7fd,\xc1BF\x14U\x10\xcb\x80\xd22\x0eK\x11\xdd\x81\xd1W\x8e\xa0Ac\x05\x16\xb8@\x96H\xc4\x06.\xc8=d\x90\x1cK\xd8lJA\xe4Et\x81\x06\x83V\x1b\x0c\x06A\x12%\xa4\xd1\xd1Q\xc2B\xcfl\xd0\x08\xa2E\x89\xfe\x10z\xa1\xd1\xb9qP^(\x04\xd7\xc0Y\x9b\xcf\'B\x07\xd1\xa2\xd2\xa0w\xa1\xd3\x0b\x83\x0eD\xa3{\xc9\x04k\xa7;j\xb0j\x04\xb5\x92\xae\x1a\xda\xc8br&amp;\xd3tpM&amp;\x80\xe5\x03\x95\xd2\x82\xa0\xd6\x01\xcc\xa4hb\x07\x17u\xecH\xa3IC\x9cVQ\x89\xd4FX&gt;\x9bm`zHn\xb5\x86\xa6\x07R\\0\x8bEd\x87\x17\xa6&amp;\xba\x8c\xcb\xac\xd7\xd9d\x8dvF;#\xd8\x04E\xad\x02\xa3\x1a\x1b8"\xf7\xc0\x0f\x1d\xfe\xc4\x12&gt;\xe2\xb2\xd9H.m\x14.459\xd1b\xd1\x05^\xe7^cg4\x1a\x8dD\x04{}\xc4\xce\xc4J\xc4[\x86e\xc7\xd2\'7\x96\x10\x17BYi6\xdbP\xf0\xa2\xe8\n5&lt;;\x1as\xd6\xec5\xa0!\x8b\xd6\xc7#"\x1a1\xc1\x86\xdf2\x1a\xe3\x1b\x93\xb2\x8fG\xe9Ol\x8c\xc7\xec6@\xd9l\xce\x90\xcf\x8e\xb6%\xe8v#\x9cL\x92\xa4P\x18\xd0\x8a\x06\xebQ\x9a\xe3F\xa1\xbe^P\xfa\xb0\x18\xed\xf5\x1b\x93z\xd9\x87\x90N\xb5D"\x11\xaa*J_\x88\xb0\xa2t \x10\x08\xb8\xbc\xeer\xec(\xf0E\x00\x1b\xb2x&lt;BNd9&gt;R\xef8\xfd\n\xb0\xca\xa2V+D@\xd4\x84\xaa\xda\xa8\x0e\x07r\xb1O\x0b0\xd1\xdcP\x0bT\x91\x92\x98-a\x8f\xd9\xc8\xd7v\xeb\xab\xc0\xca&lt;\xd8j\xb0Z\x05RK\x19\xaa\xed\xc3\x93\x03\x83\xf6\xd1Av`\x8dN4\x0e\xad\xe2\t\xb3-fd\x0b\xc3\xaeu;N\xeb\x97\xc8\x8e5\xd9i\xa5\x83N&lt;g\xa8\xb6\xb6\xcf\x16\x8b\xc5\xe3%\xf5\xd1N\x03\x92\x95\xa1\x93\xa2=\x1e\x8f\xd9\xfa\xb6\x85\x8cl\xbd\x1a\xad\xdaz\xc7\t\xd9}\x9894EX\x8c+\xe4\xf7\xfb\xfb\xda\x12\x89x\x9c\xba\nI\x10\xd0P\xdbc\xf6X\xa2m\x9b\xff\xad\x10\xa0P\x7f\x90\xbe^\x05\x96\xbe\xe1:*\x9e\xc8\x03\xcb\x12\xa2\x1b\x1e\xb6\x99\xdbP_\x8c)\xb3\xd9\xdalmt\x97i\x8e?d6\xfb|Ft\xd7\xd1\xfa\xb2SKdW\xaba:j\xd0p\x8c+\xe4\xdf\xb5\x14\\}\xcd}\xcdfs[\x93\xcf\x1c\n5\xd3=\x1b\xfe\xfc\x9c|\x86\xa5$\xaah\xb0\xec\x94\xfcC\x8a\rG\x08\x8b\x97P\x13C\xb5\xbbh0\x05\xae\xac\xad\xddF\xa7\xd7\xd8\xf6\xbf\xe5\xf7\xaf\xa1\xa1\x95\xda\x90\x05T\xc0\xea$\xb5\xe4\xc7\xd2\x0f\xa3\xdch8\xc2\xaa\xd9\x99\xb3\x94M\xb4\xe5\xe7\xfb\xf3\x01\xe7\xcf\xdf\x94OC&gt;K\x97\xe6\xe4T9\xa94\x81\x0b\xbbl\x87\xfcN\\\xb2d8H\xe7_\x14\xf4\x96\xbaM94b\xb4\x94\x19\xe3!\xa3\xb1\xadZ3\xc4B\xc0\x0b\x06\xad\xdb\xed8!?Uf2\x88\x1a\xa8\x91\xe8\x14\x7f\xcb\xbb4\x00\xb5\xf2\xb5\xd4\x10\x19\xcd\x92\xd1\x8c\x160s\x9a-J\xd6\x9cZ\r\xe5^\x17V\xa2\xec#\xb0\xfad@\xab3\x99P\x02E\x95\xa5\xd7\xbf\x89\x06\xb3R\x03c\x1f\xa6\xc6\xc6V\xd20P\x08M \xa8$\x83\xb6\xdc\x1dt\x9c\xd07\xc8\\\xac3\xf5p\xa2\xce\xc4A/^T\xd5\xec\xac\xf5\xe7\xe4\xa4\xa4Z\xf9\xe21\xc7\xdf\x8c\xd4 \xf0\xbcdEO\xe8v\x05\x86\x93\x1f|~@\xbe\x02\xa4\xd7\xeb\xd1p\x05\xb5:\x8e\x93(\xbcD\x9f\xb3\xaa\x99\xc0rhb\x8a\x19\x1bu\x0b\xa1_\x16h{\xa4\xd3Q\xb7\x1fh\xbd\xb1f\xd7S\xb9&amp;`\xf5\xfa\x03\x07\x87\x1a\x0eL\x03\xcb\xc4!s\x89,\xec\x9b\xccU\xb5@\x817\x89\xa9\xb6\xaa9d\xf6\x19\xad(DX\x17&amp;T\xa4J\xb7;P\xd6\xda\xf2\xfd]Oo\xcb28\xa9?\xf8xn\xee\xe9\xd3\xf3\xad\xc0\x82\x07y\xda\xf0\xe3\x11\x89U\xe5\xac3\x9b\x9bwnz\xb7\xaa\xcaYCi\xc1J\x93d`\xd7\xe9*\xcb\xcb\xdd\xc5\xc5k\xcb\xcaZ\x0e\xcf?\x1e\x92\xa1b\xeb\x87\x1e\xed\x82\xfdx\xca\x11\xd4j5)\xb1x\xb5\n\xfbk\x89\xd3\x00Q\xb9\x05\x99\xcab1\xd2e\x13\x8d\x95\xa84\x92\xc6PY\xeev\xb9\x8a\x1d\x8e\x96\x96\xb3\x87n=\x19b\xafi\xf1r\xb3\xfb\x93\xf9\x95+\xd7\x0c\\\x7f/\xd7\x85\x86O\xe29\x8e\xe3y^\x85\xd8\xd7px@\xf9\xa6\x93~\xd4k\x8a;v!\x13X\xbaJ\xad\x17X\xb9\x0eG\xc9\xf7\xc23\xb7\x1e_hx\xb9/\xb0\x91\xa9\xbf\xf0l\xfe\xb5\xc3\xad{\xde[\xb1\xb5\xd8[^i\xe2\x14\x8a\x14\x18\xc4\xe2\xb8\x14\x9cD\x1f%\rGbiXl\xd1\x11\x0b\xb0\xb6:\x02\xb1\xf90\xb8n=~\xf2\xcb\xc5\xd9\x97\x06\x86\xc0zv+&lt;\xb6g\xcf\xfa\x15\xabs\x8b]\xe5\xe5:\xe2R\xf0\xe0\xe2\xc0\x91\xc2\xd2\x98\xd8GI\x83]\x1am\x878\x93\x8e]\x00/.\xde\x1a\x08|\x1a\xee\xe9\x99\x81\x85\xef\x1e\xbd\xb4\xa8\x7f)\xf7\xbd\xe1\xff8\xf0x\xa6\xfd\xd6\x0f\xd6\xa7\xb16\x13\x16\x07\xb9$\xbe\xa0\x80\xe3L\xf4\xa6A\xea\xd7\xa4D\xd3\xe9\xb4,\xe3\xe2[\x95\xe5t\xc2\xe8*I\xcc\xf54\xf6\xb4\xcf\xb4\xf7\x84\xef_,\xfd\xe8\xd2\x02I\xf6\xff\x81e.\x99=p\xfbI\x7fwO\xfb\xa3\x15\xeb\x9fcU\xea\xc8u&amp;\x13W@\\d\n\x93N\x93\x8e3\x1dj9\xb0\x81\xa5\xab\xf4\xbe\xff&gt;\xb0\xea\xe7\x1a=\xc0\n\xb7\xf7\x1c\xfa}ivvu\xf5\xc5\xc1\x85{\xfaoOFj\xdf;\xf9\xd7g\xc7\xfbw\xb4\xb7\xdf\x9a\\\xbf~\xf5\xda\xad\xc5t\x8eAj\x90\x1fa\x05\x083&lt;\x16(\x10\\P\x100\xd4bp\n\x89\xa3SE\xba{\xd75\x16\xf6x\xe0\xc4\xf6p\xe3\xdd\x8a\xec\xa2w2\xb2\xb2\xb2\xaa\xd3\xce\xfcvT\xb3\xf7\x16&gt;\xbb\xfa\xe5\xf1\xe3\xc7\xfb\xbb\xdb\xbb\x1f\xb5\xaeX\xbd\xb6\xb88u\xbcbJ1\x15\x10\x8f\x82\xe3\x0b\xd4ju\x01\xcf\xb0(\xaex\x85B\xa2\xd8\xc2Bty\xed\x7f\xf0\x90X\xed=\x8d\x87\xba\xaa32\xb2\x08+\xab\x82I6\xfbM\xc3\x8c~\x7fvq\xe1\xb3\xc2\xc2\x14\x16\xe4\xda\xf1h\xc5\x8a\xdcb\xfc\xf9\x0c+%\x11q\xf1|\x01\xafV3.I\xa2\xa8\x87o\x15&amp;\xba\x1b\xb5|\xb3\xd7\xeb\xb5\xce-\xcfkdX\x9e\xfb\xcb\xaa36l\xd8\x90\xf5\xdc\x8e\x8e,~30\x84\xd4\xbd\x85K\xeb\xd6\xad\xda^x\xf4OD\xb5\xa3\x9b\xdc\xf8\x9d\xb7\x81\xf5w\xb5\n\n\xd4x\xc3\xbb\x8aa\xf1\x94\xce\xb0\x10x\xfa\x84\xb8\x08K;w\xa8c9\x05\xfcL\xe3\xdd}\x19\xd5\xa0\xda\xb0\xec\x05W\xd6\xc5\x8f.-\xce\xfeO\xded\xb9\x98\x84\x02Ta\xe1\xf6\xed\x85\x0fH-\xc8\x85\xa8/{\xbb\xd8\xeb\xdd\x9c\xc2\xe2\x14\x90I\xcd\xa7\x88\xd4i.^\xe4x\x95\x8a\x87;\x19\x96\xd7\x15\x99\xcb\xeb\xc8\x83\x0f\x11Z\x7f\xe9\xca\x82X\xcb\x98e\xfd\x03\xd9\xe0\xc2\x7f\xcd\x19\xf4c=\t\x95\x82\x02\xd5\xf6U\x97S^\xecn\xef\x99y\x84l\xba\x19V\x89\'e\x91\xa5V}\r\x8br?\xb8 %B^\xeb\x8a\xcdut\xe4-o\x0c\xf7\x84g\xc2\xbfC\xa4g-Kc\x01,\xcdVT\x94}tda\xf6?\x9e\x81\xb2\x97\x86\x9a\xbd\xb7\xc8\x98\xd6\xad+d\x06\xb5V=Hau\xe3O\xfea\x1a\xab\xd2\x94\nx5\xb8Tj\x8b\x9a\xde\tKEX\x886\xfc\x14jY\x7f&gt;\xdf\xd1\xd1\xb1\xdc\xd3\x88\x1c\x1f\xbe_Q]\xcd\x88*\xf6\xef\xdb\x9d\xb6}\x15\x84Z]\x94]J\xce\xfcw\x921\x9d\x9e#\xa5l\x15\xc5\x16\xb0\x10]\xfd\xc7)\xba&lt;\x8d3c.\x86\xf5&lt;\xb6(\xd6I/\xa2\xaa\xa9\xc1\xe7p#[\x05\xfc(?\xeaCXA+O#\xb0\xc2w\xf7C\x9fe\x19\x15]\xd7\xae=|\xd8\x05\xdb\xddu\xee\xca\xb5k\xe7\xba\xce\\\x05VvQ\xf6\x9bX\x99\xff\x02\x06\xd7\xbd`\x1a\x1c\x1c9y\xf2\xa7\xcc&gt;\x1e$\xae_}\xb9\xa3\x9f\xbc\xd8\x98\xe7\t\x8fy\x91!6W\xb2\xac\x85,_@%:\xed\xc3-j\xc6\xa5bf\xa99&lt;\x8f\xb0Z\xbe\xdc\xe3aT\xbbI\xa9\xfd\x7f\xfc\xcd\x953\xfb/w]\xbb\xfczVu\xf5\xfe\n\x12\xae\xeb\xdc\xb9\xae\xcb\xc8\xb2\xd9\xd9\xa5oP\xfc\x7f]\xa7\x14\xd1\'\xb0\xc1\x91\x91\x91A\xc0\x8d|\xfc\xd5\xd4o\xdfxs\xfb\xd1\x07\xfd\xdd\xfdH]=\x9e\x0eO\xf8Gt0\\ibI\x94\xa2\x9e\xa4Q\xa9Ui\xe3\xd9\x1a\xb0lq\xd6\x1d\x86\x03\xf3\xf2&lt;\x0c\xab\xf1\xeenr\xd5\xd5\xaf\xbe\xb8\x9c\x9d\xb5a\xf7\x9f\xbf\xfbp\xd9\xeb\x15]\xbf\xbe\xd2U\x91\xf1NQ\xf5\xfes\xbf8SJ\x82\x15\x15\x95\x0e^z\x01\x95\x0eq\x80\x0c~\xf2\xc5\x08\\\xb7\xee\xcc\xdf\x9a4\x83\x105\xf2,\x8cw\xb6\x08\xab)I\xa4\xe6P\x8c\x033\x17)\x0f\xb3\r\xc3\x12\x85e\x07\xf1`\xc1"E\x18\x8a\x0e,\xccE\xc8\xa9\x0e+#\x04\x16a\x03\x9b9\x0c\xa1\x0f:\xb3\x87\x19\xaa\x90\\\xac\xc2\xc3\xa0\x1d$\xf6.\xcc\xd0\xd8l[\x06\xbaA\xdcH\xad\xc6\xd6\xf6\x12\xc1\xd8v\x8f\x9d\xeeNwN\xfb\xbd\x7f\x95\xce&gt;-\x8d!\x1d\x7f\xf9\xbe\xf7\xff\xde+\xc8B\x13\x05A\x10E\xf3\xec\xcc\x14\xc2\xe1\xfa\xdb\x1f\x1e\xc1G\xc8\xb5\x19\xc9\x9c~\xf9\x87?\xb9X,\xe3\x7f\xcf\xe0n\x92tL\xa8\x0f\xd67\x1e&gt;\xfc\xf3\xf7\x07DEZ\x91\x87\xe7:\x1cL\xe5\'\xcd\xae\xea\xf3\xe7;[\x9fn\xb7a\xe3\xf8\x8b\xadI\x17\\\xb1P~\xdc\x0cy%\xb3x\xfa\xed\x87\xbfP\x16\x90H\xc5Db\xfa\xd3\xd39&gt;\x9c}\xf3\xcdH\x8bFyTm^\x8a\xf29\xca\xd4G,$"\x9b\x9b\x99\xd3\xbf}\xbe\x1a?7\xdc\x19Dc\x91\x84Z_\xdf\xd8\xa0\xff\xfc\xf9=\xf5z\xc4\xb50\x9d\x99\xa1\xb3\x03&gt;e&lt;\xf1\x95\xfd\xe5\xe1\xf8\xba\xdd\xf9\xeb\xd7_O\xba\x83\x17\x0f\xee7c\xf1x&lt;&amp;\x8f\'\xa18\xe9\x85Z\xf3\x82\x1c\xad]\xaa\xd44M\x93j\xf3g\xbb\xbb\xad\xffV\xe6\xcf\x9e\xed\xb6p\x14\xa5\x84T:D\xd0G%i\xfa\x06\x91\n#\xe1\xe3f0\xf3\x82V\x17`\xdd\xf8\x8d+\x1a\x90n\xdc$\xef\xa86\x1e\xfe\xe5\x0bv\x02\x83.\xd5\xd5I\x80\xe2\xca\x9f\xbf,\x94\xcbe\xfb\xb2\x83\xba\xfc\xf4\xc1O\x8b\xb3\'\xdf&gt;\x18w\xb9l6\xae^\xf6\x19\x13\x84\x0b\xb9A.!\x03L\xa7$I\x9a9\x987\x1a/\x9f?\xdf\xbb\xd8i=\x7f\xf9\xf2"\x01\x9a\x84\xe5$$\n\xb0\xe8\xe0\xad\xcb\xf58\t#\xd3\xa7w?\xa6}\x99\xad],\xaa&gt; \xa1\x08\n\xfb&lt;u\x95KE\xa7\xf0\xea\xfd\xd1\xc00\xca\xe8\xedK\xfbhp\xd2i\xe2CY\xef&lt;y:_\xfc\xeb\xc1\xb7\xf7\x0b\xc0R\xdb\x97FlYkh(\x82\x12\x84\xe9\x99)\xf2\xbc\xf5\xb33\xb2\x98^\x8d\xd6\xee\xf3\x97{;\x92$\xd5\x1c\xfc\x19TT\x93^\xbd\xc7a|DF&amp;\xd1\xc9\xd5\xfd[7i\x93\xf7Z\xdc\xf3\xee\xe1\x1f\x7f\xb7\xbe\xb5\x7f\xe0\xfa\x07\xa6`\xb0:\x1b\x0c\x8ePy\xdd0\xda?\x1e\x1d\x9d\x9c\xe0yr\xd4ko\xdf\x7f2\xedv&gt;\xfbl\xab\xa0\x86\xda\x97M\x02\n\xb9XP\x81\x07U.g\x8dDY\x1eL\x1a\xa5Z\xcd:\xfb\xe7\xd3\xa7N\xa3\xf2\xf3\x7fv\xf7v\x12\xb5\xc3F\xc24_\xb12_\xbd\x7f\x83L\xa5\xfcJ\'\x93\x91\xe4\xc1\xdfo\xdf\xa6{~\xd6\xe2\x1b.\xd6\xfa\xbd{\xdb\x07A\xc6\x04\xaa`\xa4z|\x14P\xfc\xb0N\xa1\xde\xd2g\x93\x1e2\xc1\xd0A\xf6nv&gt;\xcc\x07\xf2\xe3q\xbf\xd9\xb4m=\x9eE\x87\xc5Y\xad\xd1h\x01T\x8eo\\\xf0rwx-\xc7dA*Z\xd6tj\x9a\xa3\xb3\xf9ak4w\\\xa4W=Y\xd0\xb4\xc4\xf4\xed\xeb\xefH0\x8a\x8ad\xba\xba\x7f\x8f\x1d\xbc\xf5\r\xc6Ew&gt;\xb7\xb6\xb1.D&lt;\xac\xe0\xe6\xe9\xcc\x00\x93\xdf\xef\xc3\xd3\x97\xf2)\xf9\xc9PO\xb1R \xa1\xc1\x95\xcb\xc8\xadv\x1b\xb6*\xd4a\xd4\xf0\xb1\xd0Z\xce\xabhi\xaf$v\xfb\xbd\x18\x97\xe5\xe4\xb0\x1a\xa8\x9b\x9aY4k\xa5\xca\xa2DY\x1f\x95x1,\x87dY\xd4\xccw\xae`\x04\x96NF\x0e\xb6n\xdd\x06\xcc\x06\x1e\xeb$\xdd\xdd\xfdj\x90E(\x81E\xaa\xe7:E\xa8\x9f\x15\xdeS&gt;\xa30\xb4\xdb\xba\xa1\xd04\xf4\x97u\xb4[\x01\xe6\xaa\x81|S\x8f\x01\x8a2U&amp;,\x9e\xa7S&amp;%F\xf3\x1a\x1cMHbX\xed\nb.\x1c\x16\xf8\xda\xc8)%\xb4\xe2\x0e\xeb,d\x05\xc8\x00&amp;M\xdf\xae\xb8\xfe\x81\x14\xdb\xbf\xbbL\xd1\x9b\x1f}\xb2\xdex\x9a\x92\x00\x00\x03\x9fIDAT_M\x92T\x91$\xa3\xba:\xc1\x16\xe3_B\x05\\&lt;\x90\xf4\x87}V\xc3~AW85@\x90\nR\x8dSe\xac\xae1\x98\x88/\xa4l\xc2\xd4\x9b.*;\x9a(\x03\x8a\x17\xc1\xa1\xd5\x16N\xa9\x88\x8e\xbfhx\x07\x91\x8a\x17E&gt;j\xa2\xc3@\xf5\xddc\xa6W\xe4`\xff\xee\x9d;w&gt;\xc1s\xfb\xb4\n\x18\xe6\x1e\xd0\xaa\xe7\x03\x15\xa3\xd9\xef.\x0cdc\xd9\x00\x01~\xaf\xc7&amp;\xb5\xae\xf7\x14\x7f\x8c\xf3+\x10\xafL\xe5\xf7\xa5B\xd4Z\xb1\xb5\x9c \xc7S\xber\x99\x8b\x87zV\xabU\xc1\xc0Az\x99\x89\x9d\xc6E\xcb2E1\xc7c\xfe VW\\L9\x08\xf6\x9a&amp;\xa4\xeb#\x81\xbd\xf8\xea\xcb\xaf~$(\x0f\t\x05\xa9\xb8\xe5n\xe5\xea\x15h\x8f\x9bv\xb3\xdfo\xb6\xf3\x81@\xde\xa0G\xa1\x9b/\xe8\xc3\xa6\x8eRtE\xe5\xe0 \x9dD4L&lt;\x8b\xfb\x109\x84\xf1Rk\xb4P\x98\xce\xce\xc5E\x83\xb6-\x8dg&amp;\xf3\xcb\x92$\xbah\xaf0\x17oV\\\x98y\x91\xea\xfe\x8b%T\xd0\xed\xf7\xe3A\x80l#\xef\xbcR\x14\xfbr&lt;\xe9\x8f;\xf6ll\x18\x9d\xd9\xb0\xd3iv\x9a\x85\xce\xb5=\x9c\x8cm\x1b\xbf\x8e1\x17\xd1\xf2\xc8*\x1e\x93/,\x87\xc3\xb8\xea4\x9a-\xabV"\xc94\x18YLhn\xf19\x8fL\xa4\xe25)\x81\xac 0\xdc\xf9\xa5\xd3I\n(\x8c\xbe\x95T\xc1\xab\x99\xc1Db8\xccB\xda\xb2\xb0)\xd8`\x98\xd9\xb6\x81\\\xb0\xaf\xedYgbOp\x08&amp;v\xc7\xbe\xee\xd82\xa7\xb2\x9c\x87\x89BX\xc8\xe1\xc20F\x97\x87\xebx\x15\x11\x04\xa6VGL\xd4\x1c\xac7T\xa0cL\x8c\x8a\xe67T\xd3\xc8I\xda\xef3 \xcad\x88*\xe9)Ue;\x0c|+\xfbWEd*\xda;\xa0(d\x97b\xe4\xf3==\xaf\x17\n}\\z\x93\xd6\xafv \xcb\xb9X\x02\x95\x18\x16\xccR\xd1\xaaY\x95R\xc5\x12\xc4J\t\x8d\xd5pJ\x963\x1a9\x87\x87\xf0\xf5p\x87a\x89^\xb9?\xc4k\xe6\x82B\xecq\x1a\x1bq&amp;Mf2\xa1\x92\xd5\xe3\x13\xc5\xaf\x10\x8a\xf7\xe6\xf7bk\xb9\xbac\x9dG\xdb\xc5\xe3x\x86\xd8\x8d\x10\x87\x8f\x9c\x1aS\xb9lJ\xa5\x88X\x0b\xb3\xaf\x08\x8b\x16\xbe\xbdq\x08\x86J\xb1\xb6\xd7\xba\xd8;l\x1dV\x1c\xabR\x199\xf3\x11\xcat\xfd\xe3\x97L\x9e\xb8B\xfd\xdd\x9b\xd7\xff\xa6%\x1d\x8a1\xa5\xe0#\x02\xd4\xe7\xd2\x94\x19\x19*\xe5\x9dF\xdc\xf1\xd0=\x0f8\xb8T\x96c\xfb\x8c\xea#$pe\xe9\r\xb3\xd1\xc5\xa2\xa6B\xb7/\xce\x9c\xb9Sq\xb0\x8bj\xb5J\xa5\xb4c\xb1*Zf\xddD\x89\x9e{x\xb0W\xc2\x12X7\xca=\x02\xcbd\xdc\x06\x83R\xa73\x1d,\x986\xca*C\xdd\x0e\xf3\xa5\xbc\x02U\x8a1\xc4\x89+\x96\x02K\x96]\x1c{\xca\xb4A \x1fY\xaf\xf7z\xd3i\xbd^Go\x91;&lt;\xa6\x0c\x05\x01\x0e!\x99\xc7.\xd1er\rd\\L1\x19`W\xd8\x883\x8ck\xf38\xaf(K\x91\x14\x0f\x8a\xa8R\x1e\x95\x8f\x94bDT*2\x8aK\xc5\xb3\xac8\xb7\xd8\xbeEX2\xfd\xcbI\xb5.\xbd\tu^"\x12M\xa2\xa3H1E\xb9 z\xfdND\x1e[\xd8\xb5\x12\x7fC\xef\x9c\xb0\x82\xd5\xcd\x83s\x83\x94bd\x0c\x8c\x1dA\xbf\xab\x15k 2\xca\x1d\xc7\xde\x1b\xe4\x8a1\xf7\xe8\x85\xf4\xa2\x88X\xc3\x98\x93\x19V\x98\x1dB\xd61\xcb(\xe0\x7f-\x96\n\xab\x96\x17\x85\xff\xeb0\xfc|\xa8{t\\\xad\x06\xab\xa7\x05e%\x94G\xb5\xbcQ%\x91T\x97\t\x039\xeb1\xc5\xd9\xde\xb7\x04r\xe1\xa8\xb9\xfe\x07S\x95X\xa4l"p\x85\x00\x00\x00\x00IEND\xaeB`\x82'</t>
        </is>
      </c>
      <c r="M424" s="3" t="n">
        <v>45492.67706018518</v>
      </c>
    </row>
    <row r="425">
      <c r="A425" t="n">
        <v>1047422</v>
      </c>
      <c r="B425" t="n">
        <v>1925</v>
      </c>
      <c r="C425" t="inlineStr">
        <is>
          <t>Raul Gustavo</t>
        </is>
      </c>
      <c r="D425" t="inlineStr">
        <is>
          <t>Raul Gustavo</t>
        </is>
      </c>
      <c r="E425" t="inlineStr">
        <is>
          <t>ZAG</t>
        </is>
      </c>
      <c r="F425" t="inlineStr">
        <is>
          <t>ZAG</t>
        </is>
      </c>
      <c r="G425" t="inlineStr">
        <is>
          <t>ZAG</t>
        </is>
      </c>
      <c r="H425" t="n">
        <v>188</v>
      </c>
      <c r="I425" t="n">
        <v>34</v>
      </c>
      <c r="J425" s="2" t="n">
        <v>36273</v>
      </c>
      <c r="K425" t="inlineStr">
        <is>
          <t>Left</t>
        </is>
      </c>
      <c r="L42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ecd6096-e167-431c-9f7a-ef4690c857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a6L\xd4\x00\x00\x03\x00PLTE\xff\xff\xff\xfb\xfa\xfa\xf7\xf7\xf6\xfa\xf9\xf9\xff\xfe\xfe\xf6\xf5\xf5\xfd\xfd\xfd\xfc\xfc\xfc\xfc\xfb\xfb\xf4\xf4\xf3\xf5\xf5\xf4\xf2\xf2\xf2\xf1\xf0\xef\xf8\xf7\xf4\xf8\xf8\xf8\x9b_&lt;oI4\xee\xed\xec\x1e\x18\x13\xb3sO\x90Y:\x90eP\xb6vQ\xed\xea\xe8\x82M1jI8\xeb\xe7\xe4\x97hP\xa2fF$\x1a\x14x[L\x86R4\x8aU6xS?\xa0c?\x11\x10\x0f\xf4\xf3\xf0d?*,#\x1c&amp;\x1f\x19\x8bX;]D5\xba~^\xc6\x86]\xb1pL\x95[:{N8oM:\x9bcCoF1\x9ejN\xacoK\xa6lN\x8d`J7%\x1ayK3`9$\x8bgT\x9bfI\xa7gB\x9bkT\x17\x16\x15iA,\x87bOjF2\x96]&gt;\xa1nS\x95cI\x97lWuP;\xb6vVP5&amp;\xcc\x89acH9\x83S9\xbd}V\xbc\x84d}I-\xb1sTW8\'7,#\xbazS\x92_B\xa7iJ\xe9\xe4\xe0tL6uG1]=,\x85XA\x8c[C\x91o\\\x90V7\x7f[G\xa7pTJ1"\x82^K\xa3oY\xdb\x96e\x86V;\x9dpY\xacoR\xc7\x81WnB-\xcd\x87\\\xd2\x8ca\xbevM\x87^HA- W?1yXE\x91jU\xfe\xfd\xfd\x91bH\xe7\xe1\xdd\xd3\x93m\xd8\x91`qWIjOA\xb3lA\xf1\xef\xeb\xc3|S\xd3\x91f1\'\x1f\xc1\x80Y\xbbsF\x80P6&lt;1*s@$\x81U?\xb9zX\xactW\x19\x12\x0eD5+X4 \xdd\x9amqRBdC1P&lt;.\xc3\x88f0\x1e\x15\xd3\x9bw\xcb\x85X\xaey\\zD(\xe1\x9fm\xcf\x91i\xd8\x95k\xb4|^\xackJ}_Q\xadkCk=\'~S:iUJtE,\xcb\x8eg\xa7w^i:\x1f\xb6oE\xcd\xbb\xb2`2\x18\xcd\x93n\xcf\x96r\xe5\xde\xd8\xc0\x82_\x89O/\x8fS2TB6\xa6}f\xe1\xa3x\xa5d=\x81cU\xdf\x99f\xd8\xa8\x87\xd3\x8bZ\xe3\xa9\x82B\'\x18\xc8|L\xaee&lt;\xa5_7G&lt;4\xd5\x8de\xd7\xa1|\xdb\x9bs\x8bN=\x96S/\xa9qZ\x83h[\x9d[5_PHJ-\x1c\x9ewa\xd7\xcf\xcb\x83F6\x95s_\x85J*\xc9\x7fXP\'\x11TH@\xc2uF\xb0sP\xd9}x\xa6\x82r\xb2yY\x92\x86\x81\xb1\x87q\xe7\xa1k\xb9\xae\xab\xc7\x8dk\x99ym\x95UB\xec\xaaw\xde\xda\xd9\xae\xa5\xa1\x9c\x92\x8e\x8bpd\xca\xc4\xc2\xb1~ew1 \xb0\x9b\x94wlg\xbc\x8al\xc0\xb9\xb7\xd8\xd4\xd3\xde\xaf\x8e\xd9\xc6\xbej_Z\xd3\x83Q\xe8\xd5\xcb\xb9f&lt;\xa2\x89\x80\xc2\xaa\x9f\x86{v\xb3\x8dz\xbeaZr\\O\xcc\xa3\x83`"\x06V\x1a\x02l-\x10\xb5\x99\x89\xccf^\xbf\x95x\xc9of\xff\xff\xfe\x80&gt;\x1b\xa5\x9d\x9a\xf3\xb5\x88\x8dG"\xa5[L\x8b73\xb2ZR\xda\xb1\x9b\xa3F3\x9d[N\xdf\xbe\xad\x90K\xc5\xe5\x00\x00 \x00IDATx\xda\xc4\xd8\xffS\xd2y\x1e\x07\xf0\xdc&gt;i\xbb9\xab\x02\x91\x99\x04\xd8\x8a\x8b\xe0"a\x9a\xd2\x98n\xa1\x10\xa4h\xf9\xdd\xe8\xbcRQt-M\x17PYQ7D\xd1\x06-g]Xw\xe5L\xcd\xc6\xad\xb95\x9d\xdb\xc2\x9c\xbb\x86q\xd2&amp;\x7fP\xb3Y\xd1=\x7fhm\xae\x1f\x1a\xe7\xc6\x9f\xef\xf5\xfaps\xff\xc0\x81\xbd@\xa4~\xf11\xcf\xd7\xeb\xf3\xfa\xbca\xcf\x9e\xff\xbf\x08\xb2j\xe0\x07\xff\x81\xbf\x89=\x1f\xbe\x90\xe1\xb7/0lcuuu}}\xf5b\xc8G\xfe\xc4\xbf\x89\x0fn\xf2[Z_^Y\xd8Z\x1bp\xb9\\\x93\x93\xae\xcd\xb5\x85\xe5\xa5O\xfd?`b`\xf2?pq}\xcd\xe9\x9al7(\xf5\x9c\xa8(\x0e\xbcp\x94\x93\xce\xad\xd5O\x02\xfc\x89\x0f\xa5\n\xf8zce\xd3eP\xb6\x1b\xf4\x94(N\x14#J\xa9\x8c\xc2\xe2\x18\x9c;\xb3!\xfbk&gt;\x88\xca\xff\x93\xd9\x85\xcd\xc9v%G\x0f\x1a`AAX\x18\x1a\xf0\x94\xae\x85\xd9}\xbb\xdeI\xe8\xdf\xbe\x8d\xe5\xcd\xf6\xc9I\x83\x12\\z|F\xb5Q\xf4\x1c\x06\x85A\x81\xd8\xf4\x0c\x86r`9d\x97G\x8c\xd8C\x84,\xaf\xb9@\x05Se\x80\xae)\r\x10\x18\x05\xa3bP(\x9e\'G?\xb9\xb5\xb1\x7f7]D\xcdg\xb3+0\xe7d\x19\x0c\xd09\x92\xa5W\xa2\n\xba\xc9hkCX\x94am\xfd\xc0\xee\xb9\x08"lg\xc0\x05"\xf3\xa8\xd9&lt;:ZUU\xc5\xad\x82\x11\xa30\xb0\x850Y\x94\xb6\xb6\xb6cm\xc7\x8eQ8\x06\xd7\xca\xa1\xdd\xba"\t\xff\x90\x15\'\x80\xaa\xb82Y\xbd\xc9T\x7f41\xf1\xb4 =\xbe\x8b\xd1\xc6\x80\xb4\x18\x88\xa2xX\x0cX\x16\x0bK{w\xc5E\x04\\_q\x9a!"\x01\xbb\xf8\xf2\xe5\xc4\xa7\x85\x7f\x1f{1\x96x\x03\xe2b(\r\x1c\n\x05\x1b\x08]D\x1c\xb8\xf4\x86\xb5\xd5\x8fwC\xb5wca\xd4\\%\x93\xc9\xd8\x95\'\x0e\x9e\x1d\x1b{:\xf6b{\xfb\xed\xf3\xa3f\xa5^\xa9\x89G\x10%\x8a\x1c|\xc41\xf4z\xa5\xf3\xe5\xbe=\xbe\x0e\x8c\xf0\x9b]\x83i\xe2\x1e\x16\xb0+O\xd9\xc7\xec/\xb6_\xbc\xdd~\xf7\xee\xed\xf6X\xb1Y\xa3R\xcd@/\xa1\x8f]P\xf1\xe4\xdbx\x0e\xba|=\xf8\xa82\x9b\xb9\xb2\x0eI\xfe\x89\xa4\x1e\xc5\xeb\xd7\xeewdm\xbb\xdd\xf6JvJ\xde\xc9\xcc\xcct\x8dF3\x03\xa5R\xc5cu\xc1\xb2u\xc1\x06\xf3\xa9j\xff\xc6\xd6(D%\x91\xe4_K\x8a\x9b\x8fV@P\x13\x13\xf0\xdcv+z\xec\xadg\n\x9a\x13rr\x85e\x91\x91\x91\xe0\xcbLWi4$\xcd\xe0Z\xd8\xf0#|x\r.m\x8d\x9a\xb9\x82\x96\x82\xec\xa48Q\xda\xf0\xe2\xa2e\x02\xeb\xf7\t\x87\xdb\xedV\x18\xe3bSi4\x16\xf3\xfc\xf9\xef\xbf/K\x8e&lt;y2\x13\\\x9a\xaex\xa5\xc1\xd0\xbe\xb6\xe4\xbb&gt;\x12\x87`\xdae-\xf9\xd9\xb1\xe1qsr\x9e\xd525\x05&amp;\xa8\t\x8b\xc32\xb4\x18=\'\x8a\x08\n\x8a\x19\xb9\xcbb\x86\x82\x0c`\xdf\xaa\x10\xa6\x81\x8b\xa1}g\x9f\xafX\xc4\xc7\xcb.3\x97\r\xa8\xdb"\xaa\x9c\xc7\xb3Y&lt;\xa8\xdf1\xb1)\xcb\x10/\x8b\xda/\x16G\xc4\x14\xd1h\xccP\xa8\xdc\xb2\xc8&lt;\xe8$\xb6Rip\xae\x06\xf8\xc6E|\xba&gt;0Z%\xc8\x8f\x15\xf7\xf3\xe9Y&lt;\xa9\xd4\xe6\xb0x\xb2\x9a\x98\x9a\xb2LYl\xc0\xe2\xf3o\xdf\x16GD\x04\xa5\xd2\x8aX,f\x82\x10\x12\xcbL\x87\x19S\xea\r+\x81\xbea\xf9/\xad\x99Ge\xec\xecp\x11\x95J\x97\xf3\xa46\xdb\x90\xc33[S\xc0\x82\xb0\xe4Yt&gt;\x95/\xba\x10.\x0e\'a\xcc\xe6\\\x1c\xb1L\x18\xb1x\x0e\xc7\xb9\x11\xe0\x0bUM\xe0\x0e\xacQAA\xb8\x88O\xcd\xca\x927\xf2:!-\x98.OY\x1c6^\xa3\\N\x97\xd3\x01v;"6(6\xb5\x88\xd5\x9c LI&amp;\x1b\xa9\xd1G\xe9WBj|q\xcf\xd9\xd8\x84\xe5\xde\x02*h!\xb8\x86y\x9dC\x16\xd2\x05/\x16\x87\x95\xc7\xcb\x92\xe3\xff\xd3\xe9tQxDll*\x8b\xd9\xfcENpp\n\xb82Uplu\xad\xfb\xe0\xee\xe8\xbf\xf7\xe5\xe8\xa8L\x92-\x82\xb0\xe8t\xa31\xcb8&lt;\xdc\xe9\x80\xbc\xc8r\xd4Z\xa5\x10\x16\x16\x9dJ\xe5_\x10G\x04\xd1\x98\xcd\t\t\t\xc1\xe0\xea\x00\x98\n\x0e\xf9k\xde?M\x10\xb0\x1cd\xf5\x82\xfc\xf09Te\x19A&amp;o\x04\x16\xb8\xe0ehh\x88\xec!\xa9\x82\xb1\x17\x8b\x83bX\xa1\xa0\x82\xb4\xa0:\xa0\x8f0]\x93\xeb&gt;\xd8]\xab\xff\xaa7\xb5\xc4\x8a\xa8s\xc0\xa2\xa7a`\xd1\x9d\x8b\x8bC\x8e!Re]\x94\x0e76\xc2\xd0CVx1\x06\x151\x13\x12r\x85B@\x1dFW\xba\x06\x0e\xd6\x0b~^w\x05\xec\x0c\xd4\xb3\xb3/\xd0\xe1\xef\xa2\xeb\x7f\xac!\x0f\x0b\xd2B\x16\xba \xab\x88\x08\x0c\x0bT\xc2\xe0\x14\x84\xa5\xa0\x8b\xc3\xd9&lt;\xe4u\xd6\xa1W\xf5\xd5\x95Is\xa0\xc2\xb8\xd2\xe8ii\xc6\xe8a\xd2\x85,\x07\xb0\xa0\x8b8\xf4t&gt;d\x15\x03a\xe5"K\x08a\xc1#%/S\xa3\xe4L\xcez}\xb4f\x1f\x17\x9f8\x1eG%\xc3\xf2\xe4\x85,\xd8\\0^\xc8\xb2\xc2p\xc1u\x88\xc3\x05\x8b\x9e6\x12\x9a\x0b7\xc62\xb2\x8b\xc1\x02\xc1\xe1\x0eX^\xfa\xc9u\xaf\xaf\x87\x97\xa7+\x8f\xc4]\xa5\xa6A\xc1\xd4#.k\xb8\xd3\xeaY\x108[6\x8c\xab\x11\x9eYT\x9c,d\t\xc1\x95\x9c"D\x96@\x96\x97\xde\xae4,\x13^\x0e+\xf0\xfd\xc1#_^\xca0\x82\x8a:\xc7\x87\x82E\xdf(\xb5NO=x\x00Kk\xc8\x06%\xe5\xc1\r\t\xe6\x0b\x9a\x18\x91Z\x14\x9a\x8bq%\'\'#\xcb\x04qU\x99\xdb\r[{\xbd|\xa2\xb9\xfe\xfc\xd4\x95K\xad\xf3F\xa31\r\xa3\xc2\x95\xda\xc8\x03\xd6\xbd\x07\x0f\xee\xdd\x9b\x9e\xae\xb5Z\xadR\x9d\xce*\xe5\r\x93,\x98-O\x17\xcb\x84d\x13\x05\x87e\\pm\x86yu\xe6\x89\x9a\xd91\xbb\xbd\xb5\xa7/:\xdaH\xee\x00\x91\x88\x8a,[\xed\xf4\xf4\xf4\x14\xb0zu\xbd:uI/\xbcHK+\x06\xfbq?\xc0\x01\xa2\x8c\x1c\xae\x9c`\x81D"\xe8\xe0Vq\xcd\xce\xd9\x1a\xaf\xb2\xf6\xfe8fo%Y\xd1FdAZ\xda\xd2n\x88\xab\x16a7{u\x8fJ\xea\xeaJJ\xe0\x8d\xb4T[\xd1/\xf6\xb0\x92\x93=.\x01["\x90q\xb92\xaes\xd5\xbbi\x05\xfea\xb7\xf7\x80j\x18\xd2\xa2\xf2q\xdeK\xbb\xa1\xca\x81U\x0b\x19=*W\xab\xeb\xd4u%7K\xd4\xe5\xa5\xda\xa6\xfe\xf1\x98\x11&amp;\xec-\x1c-\x98y`\xb1\xa1\x8b\xb2z\x99\xf3\xa5Wg\x9e\x08{o\xb7cT\xc0JC\x94V\x8b\xacru\xad\x03\x1eV\x9d\xba\\\xfd\xa8N\xad\xbby\xb3W\xdd\xad\xad\x18\x84\r1r\x17\xd7\xa9\xc7\x15,a\xa3\xab\xdeT\xef\xdc\xf1\xe6\xdd\x9a\xa8\xf9\xcb\x0b;\xd9A\xc5\xb01-\x03T\x1e\x94Z\x07a9\xe0G\rou\xba^\x981\x925\xfe\x04Y\xa1\t\xb8N\x85)\xc19\x12v5[ 0\xc1\'\xf0\x95\x03^\x1c.\xc2\xef\x9fc$K\x01\xb2\x8c\x8c,m\xf7\xcf?\xd7\xa9I\x15\xa2jku\xbaG\xf0\x80)\xd3!\xaba\x1c\xb6\xfc\x08\x0b\xdbH\xde\x7f&lt;,\x93\xe9\xc6\x8d\x81\x85\x10/\x1e"\x88\x8f~|\x8a,\x9c\xad\xbeyc#\x0f6\x14\xa4\x03K\xa1\x16\x86\x0b^ku\x80|\xd4;\xdd\xdb\xab\x86\x89o\x10\xe3\'\x8d\x98"\xd6\xb9\xe6/\xa0\x93\x1e\x16\xbb\xba\xfa\xe8\x9d\xa3\x0b^=\xdb|\xf6\xc7S\x1c\xad&gt;\x05\xc6\xc5\x93^\xba\xf6\xd5\x15{\x9f\xa2\x13\xcaf\xb5\xdaP%\x85\xb2Ya\xf6\x815\xd8/\x1e\x1f\x87\xfbb\x0c\xeds\xd698\t\xe6\xb0\xd9-\xd5\xc5\xc5w\xee\xdc\xbf\xb3\x10\xe6M\xd6\xd7\xef\x91\xa1Pt\xa2k\xde\xd8\x02\x17\xbb\xcct\xb4\xf8\xf4\xc1#\xad\x8aN)\x8e&lt;\x96Tm\x93v\x97V4\xf1I\x16\x1e\xe7i\x9f\xff\xf9\xdcw\x12\t\xa4U|\xf9\xf4\xe9\xfb\xf7\x1f\xbf\xf1*\xeb\xd0\xfb+\x7f\xea\x01\x96[\xa1h\xcd\x97\x9c9\x91\xa9i7`\x99\xcd\x87\x8b\x8fg\xc0=\x07P\xa5\xcf\xca\xa5\xa0\x82\xf5\x80\'\x08\x0c\xaa\xb99\'8%\x05\x96\x16\xaa*O\'&amp;&amp;&gt;^\xf1&amp;\x8b\x08{s\xf6\x8a\x87\xd5\xc3N\xcf+\xf82G\xa5T\xea9\x1c\x8eRc\xee\xc8)\x10\xc9y\xdd\xe5\xdd\xa5\xcf\x9eu\xa3J\x1c\xc4\x14F\xc2\xe9\xfda\xbc\xa74U&amp;2+T\xbd\xf2\xea\xb7p\xc4\xf5\xe7GN\xfd\x1a\x8d\xac\x13\x1d)-Is\xc7[\xe0\xd6\x0b\x1f\xb3\xe2\x1f\xaa\xf2\x82\xbf\xcb\x16\xc9\xb5\xa5X\xc8\xea\x0fb&amp;\xa7\xab\xe2\xbb(\xe47\\\xf8\xe5 \xc7\x8c,P%\x16\xbe\xfa\xcd\xcb\xac\xb3\xa7.\xc1p\xb9_\x9f\xb9\x96\x14.\x12\xcd]\x8d;~\xa6 !92229\xf7\x1c-\x9cZ\x81\xa5\xd5j+\x9a\xc6G\xbe99\xf30\xbe\x8bAi\xa3P\xc8/\xde\xf4zn5\xb2\xbe*L|\xf5\x9bW\x17\xc4E`\xfd\xda\xa7p\xbb\xfbZ\xe7D\xfd\xfd\xfd|j\xc6|\xeb\xd5\xf0TV\xe8\xf9\xf3\xb7\xce\xb3\x82\xc4\rMM\xe0jj\x1alx\xf2\x8foN~;\xf3\x90,U\xbajfF\xd5\xael7\xfd\x97U\xe8]V\xd8\x9b\x83\xa7z`!(\xfa2&lt;*\xbaQ\xa1\x98\xcf\x88\x8b\x85#\xfb\xad[\xa1EO\xc6\x07+\xb4\x15\x15\x83\r\x7f\xfde\xe4\xd67?\xfc\x04\xf5\x03pi\xa94\xf8\xc4\x1f\xcc\xad2\xe1h\x15\x16\x16\xbeZ\x0e\xf4\xea\x95\xf8\xf6\xe0\x15\xd8S\xeehP\x89\xfb\xf9\xfcAzZ_O\x1c~pf\x86B\\w\xff\xf6KCE\xe3\x7fX5\xdb\xa0\xb4\xd2+\x8ew\x1b\xb6kg\xd6\xb9m\xa3\x16\x97\x9bbh\xdc5\xbc\x18\xc4\x17\x8c8\xd9\xf5%\x91UY\x1b\xa9\xa2\xc1\xa4AT f\xd4\xc8\x84\xe0\x8a\xc1\x98\x86\xb5\x1a\x01\xc1\xaa\xabblW\x18eYT\xa8U\x1c6F!e&amp;t\xa8/\xd3i\x93\xec\xec\xd4\xaaM;\xd3\xc4\x9d\x9d8If\xd2\xa4\xe7\xb96\x1f\xfa9\xf7|\xe1\xebo\xfe\xe7\xcfy\xfe\xe7y.\xccQ\x8f\xdf\x11 \xa8lz\x91\x14c\x08`L0rJ+\x8e\xbf\xc2Z\xfe\x13\x99\xf76\x94K\xdf\xc4\xca\xef\x82Z\xcc\x8f`\xad\xe9\xc31N\x0e\xbe`L\xe3\xd8\xf5\x03z\x93H$\n8\xbc\x1a\xad\xb0V\xe7\xf1\xfa\x10\xd5m\xc0\xb2\x99\xa8\x0e\x0e\x06T\\.7/\xbd\n9\x1e\xb0V\xbf&amp;\xef\xf6\x8d\xf2\x1d\xca\xf7\x1f\xc4\x8e \xac\xf1\x13\xa9b&lt;\xa7-\x81\xcb\xe3\xd1\xd2+A*\x93\xcd\xa67\x81\\~\x8f\x8a\xd5\xaa\xf1\x82\xb1\xc6nC\xdd\xccL\xael\x8aI\xb0\xdb\x138@\x95E\xcbo\x88mhX\x06\xac\xbf\x92F\xd5\x18\xfd\xc6\xbe\xe8\x1b\rg\xefvu\xad\xb0N\xa6\xe2\xa5m\x85\x95\xede\xe7\x7f\xf9\xe5\xe5\xee\xe9L\xfd\x00p\xe9M\x01\x9fs\x7fQ\x9c\xd3\xb7Gu\xb3\xe4\xc8Qy~zu!\x9d.\x1a\x12%\xe5\xd1\xb2\xe5\xf9\r\r\r\xa7\x96\x97Wo\x91\x15\x03)\x97^nmm\xdd\xc8\x1f)^Y\x01,qN!\xbf\xb3\xe4\xc3\xcf?\xfd\xf8\xef\x97\x0f\xbc\xf7\x87\xceLd#*\xd5\x81\xf5\x9d\xd8\x0fv\xb7!\xad$\xc7\xdb\xdb/~\xfa\xbb\xee\xee\xe9D&gt;\xbf\xae\xae\x82F\xcb\xce\x06\xb5\xc0\xf1\xff\xf8\x8c$,J\xd4FW\xf3\xdf\xa6\xbeEX\xb0s\xc5\xe11\x85)\x05\x05\x9f\x7f\xb3\xfa\xf1\xd5\xf7\xde\xbd\xfc\xcf\xd5\x83\x03\x03\xa6\xb5\x18\xbb\xc3\xdf\xd7Z\xe4\xb4\x13b]KI9\xf2\x97\xaf\xbe\xfa\xf2\xc0\x8f\x0e\xd4\x17t\x1e\xff \xe5\\\x13\x8dF`\x9d\xba\xff69X\x94\xc6K\xdf\xfaUn\x17+\xd7\x88\xc2\x02+N\x8cs+\x92\x07+G\xee\\\xbc\\\x9fqxU\xbe\x98\xbe4\x9f\xc6\x95J1\xf6\xb0P\xe3#\xb0\xc62\x8f\xdcy\xf0\xc7\x9f\xa1g\xd8_\xff\xa4\xe0Lg\xfc\xc1\xca\xa6\xbc\xa6X\xa4\xd6\x9f\xbfK\xce\xfb:\xa5\xf1B\xc7SO\xd0\x1d\xec\xb0v\r\xa3\xcb\xa28v*\xce\xcd\xaa\t\xdf\xbd\xb3\xfa~{E%\xbdp\xbe\x92w\x1a\xe7\xc4\x88[\x9b[t~\xd3\x18\xa2*o\xcf\xbf\xb3Z\xd2\xdd]\x7f\xf1Tz\xe6t\xbd\xa4l0\xa9i\x0f\xeb\xeb\x1f^\xb8u\x89\x040\neK\x0c3\xc9\x1d&lt;\xc1\xec\xea\x85X\xd5\x03Ks*\x8e\xd7\x84\xadw\x8d\xb9yIh\x17,\xcc\xe2qs\xb0\xfd\xc2I\xf3\x8c\xd7\x0e\xde\x1a\xabK\xaeH\xa7\xd1\x92\xca\x07\xea\n\x93\xa8\xfcxIbJYaiSS\x03\x9a\x0f\xf7\x8f\xbe\x7f\xff\x10\x19jm\t\xb6u\xda\x9e\xda+{XJ\x05p\xa5\xe18.&amp;N\x9e\xba\x81\xf2\xe4t\x1e\x0f\xe7\xb2\xb5J\x02\x0b\xe4\x1a\x1bHI\x1el\xaf\x96J\x1d\x0e)\x04\xae\xc1\xb2\xb2r~ui\x1e\x98\xeb\xe8\xc1_\x0c\xe9\xdb\x16I\xb8\xa1\xa7\xbc\xb5\xe1\xf1\x84\xdc3\xaa8\xe6J\xafE&amp;\x93\xa9\x95\xb5E\xfb\xc58\x86\xe5\xcc\xc3y\xc8o\xab\xcc\xe3\xa5\x89q\\\xd5#[7\xcfx\x1c"\x18\xf1\xb6\x94d&gt;\x9fO\xa5\x03\x96T\x9a\xd0\x06U\x98T\x9aGk\xc8\xaf\x1a\x1b\xd3\xdb\xe9\x15\x1b\x94\xd7\xbeC\xa5\xbc\xf1\xd2\xeb\x99\t\xaat\x80\xd5l\x91\xb9\\f\x99\x92\x85\x1a\xd9\'\x06\xf3\xe7p\xb9\xb8X\x9c\xda\x87\xf7i\xdd.\x84\xc5\xa1\x0e\xd9lcu\xfc\xe4\xe4dQ `\x87\xed\x87\xda\xd6FOH\x88)\x85\x91\x9a?\xa8\x0f\xd8\x19\x8e\xa5\r\xcak?\x00Q\xa2\x9f\xffg;\x18\xda\xf6\xb2\x99]\xcd\x06\x83\xcb\x1c\x89\xb8d-B\xd81\xc6\xc7\xaf\xec\x076\xb4\xca\xf6\xf5\x9d\xacEX\x9b\x1a\x0e]\xa4\xd7\xdb\xf4\xfc\xb6\xea\x18h\xa2\xd4a\xa7\xd3\xe9\t\xd0J\x0e\x17a%\xd99\xfe~\x1fyX\xdb\xbe\xa7\x0c+\xc22\x9b#\xeb\x91\x88\xc1\xd2\xdc"\x14\x8e\xc3\xbf\x92}\xa2H\xab\x8d\x13\xb0k\x15\xea\xc8\x93\xc8\xe6(F\x17\x99\xa0\xa8\xf4$8\x0f\x9dpR\xa3\r(\x87\x93\x83\x01\x96\\\x9e\x85aO\xfd\xe4a\xf5\x84\xbc&gt;AG\xf1o,\x04\xd6\xfa\xfa\xe4\xe4\x9c\x05\xb8\x82\xadE\xda\xd6\xa0B\xcb\xeeS)\xd4\xaeu\xc0\n9\xa5\x90s`\xe8\'\xc4`N\x01$\xa0~\x01*t\\ge\xcb\xe5&lt;\x86\xe3\xdeS\x9f\xe9F#)X\xba\xcdMhbG\xf1\xf0+\xac\xa9\xa9\xc99\xa4Wk\x10v\x8b\xa0\x8a\xcd\xaeU\xbb"O\x10\x16\x04\x1b\x94s\xec\x0eL\xd0?\xfa\xaa\xfa\xfbq&lt;\x8b\x07X\\\xdf\xd3]\xc0z\xf0\xfaX\x8d\xd1\xcf=*\xf7\xe6\xb6\xa7\xc8\xca\x1c\xb6X\x08\xac\xa9u\xe2N\xab\x196C\xe5\xacB\xabb\x17)]\x91\xf5\'O\\\x9b!\x8d\x17\xe4\x82\xf8\xe5\xf7z4\x10W\xb5{\x89\xb5\xbf\x0f\xe7\xf1\xf2\xe5r\xd1\x0eP\xf9\xc9\xc0\x02\xb5F\xb5\x80\xa5\x19.\xb6v\xf5Z\xc0].\xf3\xe4\x14\xd4\x17s\x96\xe6\xd9\xd9Y\xa4\x96J(CX\xeb\x08\xcb\t\xa6\xdf\xc3\x82\xb8:\x83*\x04X\xa9i\xbc\\\xf9"m\xec\x11\xf4\xd0\xbft\x83\x0c\xb5^\xaa\xb4\xca\x99\xed\xd1\xdeb\xeb8\x9c&gt;-2\xd9\x1e\xd6\xd4\xef\xc1_\xb3\xb3JEP\xab\x00*\x84\xa5\xde\x9c\x19\x15`\t\xd4\x00\x1c\xdc\x08kf\xa6\x16\xb0\x90Z\x82\xb4\\\xc0J\x7f\xf8hg\xd7\xe7\x9f\'\xc3[\xfb\x00k6\xb4\xad\x02\xb5\x98]\xc3,\xa1Zf\xd8\xc3\x02\xdb[, WPa6\xab\xd5\xea\xc9\'\x93\xea\xcd\xd0h\x1f#\xc6\x1e\x08\xf8\xbc\x1ehb\x88PK\xa7\xd3\x08\x18\xbc\xdc\xec\xc5\t\xc0z\x08rU\x92\xf1O\xdc\xb7\xd1\x1a\x9c\x9d\xd9\xd6\xae\x14\x1b\xc3\xe3],\xa1Rm\x98$\xb8\xe6\x0cP\xc0\xa5\xb0Dd\xb5\x80&gt;gp\xcf\xe8\xd8\x02\xd8\xf0\x01\xcbO`\x85B{=\x14\xe0\xa8\x87\x13\xb4\x9dG\x0fwv\x1d\x95dL\xf9\xa8\xad\xae \xa8\x15\xbc^l\xec`\x8e\xb3\x14\n\xb7\xcc`\x9eD\x85\xb8@/\xc5\xac[\'\xa5\x8b\x83\xb3\xd0C6\x1e\xc3a0\xec\x01\xa2\x89\xa3\x88+D\x18\x1e\x87\xff\xe1\xc4D\xb6\ra\xd9\xf3n\x91\x80\xf5\xd6\xd6\n\x81\xd5\x0cXV&amp;K\xe1v\xab\xd5\x06\x03\xc22\x13X\xca\xa0\xca\xbb\xd3}5\x93\xdd\xb39\xa3\xe3\\\xbb9\xc4\x108\x02v\xf4O\x1c\xd5A\x85t\x1a4\x1e\xb2\xa0\x87\xaf\xd4\xa2\x91\x90P!o]\xd7\xcenn\x07YV\xa3\xd1\x88\xb0z\xdc\xc8^@e6\x13M\x0c\nvm\x99\xb7\x8f\xe1q\xb0Pg^\xfdi\xb7\x1e\xb3\x9b\x90\xb9\x00+\xa4#\xfc\xce\xe0fe\xd1\x16\'\x16\xab\x1f",i\xf6;d`\xbd\xf3E\xcb\xac\xcb\xedf\x85\x8d\xc60`)\x00\xcbe&amp;\xca`\x80&lt;\xa1\x14\xf6\xd9\xd7\xc455b.\x86Q\xc7`\x93\x1e3\x99v\x91\xb94H.\x8dFC`\xf1\xe4\x8b\x8b\xf9zdy\x9f#\x9f\x94\x1c\xf8\xe6\xcb\xb9H$\xa2n\r\x87\xc3\xd0\xc4\x1e0\x97Z\xe6\x821\x01X25`)N\xe2k\xe2+\xcc\x9a\x1c\xbbHo\x1b\x18\x80\xd5\x15-B\x08k\xaf\x9c\xff\x87\xb5\xeb\x0b\xe4\xbfM\xc2\xdb\xf0\xe3\xa8\xcf\xa6 8\xa8\x85a\xb0\xd6\xf88\x0by\x0b\xf2\r$\x1c\x17J_j\x05\xebJM^^\xf6\xd9\xd3\\\xfa\xd0@\xe2\xb1D\xb4\t\x05\xf6\xc6&lt;*\x8f\xc7\xe9\xfc\x1fV\xac\x1e\xbcu/po\xf5\x10\x19\x1f\xb6&lt;\x8e~\x8e\x86\xa8\xc1\xba`-\x1e\xdfk\xa2\x1a\xa8d\x04U\x8bR\xd8\x1a\xe6\xa5WU\x9dK\xafL*?\x96(\x91df\x0e\xe8A,\xbf\xd7\xd9O`\xa1}\x1f\xc5\x87\xe5\xc5\xd8\xf2\x9dG\x8f\xee\xdd\xd3\xdf\x8f&amp;\xe5%\xbdq\xebz\x0b\x9c\xd1\xd6\\\x84\xc5\xaa\xad%\xb0\x80If\xe9\x1d\xee*\x0e\x9f\x8e=()(9_ I)\xa9\xaf?S I\xac+\xa7\x83X^\xe0\xea\xefGw\x10\x18`e//.\xa7\xf3\x87lcz[\xc5F\x14\x19\xbb\xcf\xe3\xc7\x87\x9e\x0f\xcb\x0c-\xe1\\#jb\x0fRKFP\r\x17\x9fn\xaa:\x1e\x7f\xf8L\xc6\xbb\x19\xdd\x072J\xea\xd1G[\xb0\x19\x96\xb5%H1\x0c\xf3:\x05\x02\'\xfc\x02\x16/{yy\xf9\x1c\xac\xb9"j\xe5\xbf~L\xde^\xfd\xef\xdf\xae\x18\xcf\x02V\x11\x9a\xa7j\xc4ei)\x96W\xc5\x1f&gt;\x7f\xfe\xbcDrX\xd2)\x99\x9e.8\xd3\x8d&gt;\t\x04\xbe\x0f\x92\x0b!\x06r0t\xdd\x8c\n\xf5\x10\xb0\x86Lt\xaa}\xe2\x16i\x97#\x8d\xd1?\xdf\xdaz0bd2[Y{\x03U\xdd\xd2[|\xee\xe2\xaf\x0e\xc7\x1f\xaf\x8a]0.\x9c\x1dYX\xa3\xce\xcf\x97\'\x16d\xc0*\xdd\x9dq\xa6s0\x89\x13\x13\x831\xbc\x10N1\x14\x01\x01\xab\xc2\xa4\xa7R\x0b\x1f\xbcI\xde3F\xe3\xf7\xa2\xa2n\x8c\x8c\x84\xaf\x14\xb5\xb6B\x17\x95\xca\x16aW,(\xf5I\xfe]\xe6G\xe2g/^d\xbfx&amp;~\xb66??\xbfTw-\x03}\xe9&amp;\xe1\'%%\xc4\x80\xb38\x1cH\xa6r\xf9\xa9\xe5S\xd5\x01\x93=\xef\xce\x05\x12\xaf\xdd\x1e\xc3\x8a\xbe1\xb1\xd0\x11.**BW\xb7\n\xc5\xf8\xe9\xf8\x0f?9\x97m\xad\xe1J\xe7\x89Z\x03\xa8\xa5\xa5\xa56\xd0\xac`\x1a\xb8\n~P]\x98\x80:\xc8\xc9\xf9/-w\x17\xd3d\x96\x06\x00x\x19J[7*\x88-P\x8a\x85\x0eSZ\x1c\xf9)P\xa0\xa4\xff\x05\x9a2K\xcbo\x7f\xb0\xa5\r0\xdd\xa4\xb4\xa5$4$\x1a\x98\xd2\x85\xb4\x8c\x19\xe6B\x1b\xc0h\xd8\x84M$i6\xe1\xc2\x0bR\x02\x8a\x17\x06u\x08\x91\xe88\xca8f\x8c\xf1\x8fMV\x97\xcd&amp;j4\xfb\xbe\xe7\xc3\xd9\x8b\xbd\xd8\x99\r\xdfKS~nxx\xcf\xf9\xcew\xce\xf9\xceK9\xac.\xba\xae]\xb3\x97\x94T\xbcx\xc2\xde\xdfGd\x8c\xab\x0b:\xa73\xab\x15\\\xdf|\x03\xabY\x1bO\xad\xa8\xd0o\xad\xad\xa1\t&lt;[[k5k\x18K\x12{\xa7y\xf1L\xbf\xa1\xb3\xa9\xa7$=\xbd\\\xab\x85EOW\xd7\xb5\xa7\xcf^\xbcx6\xb8\xcfg\xf1\x18\x8c\x8e\r`\xad\xb7\xb6R{\xdd&amp;{P\xc7\xb7Y&lt;\x1e\xcb\xda\xda\xdb\xb7\x0f\x1e&lt;\x80\xb7\xbf\xc3\'\xf8\xb64\x1c\xee\x14u\xf7wk\x9a\xf2\x81\x95\xae-\xd7\x13\xd6f\xda\xc1#\x9f\xecw\xe1\x01\x831\xfcB\xe1t\xf6\xad\x93G\x89_~&gt;\xe6\x8cT\xd84V\x91e\xe9\xcd\xbb\x97\xef\xde\xbf\x7f\xff\x16\x03\\\x0f.N{\xa4\x9a\x98\xb5\x1bY\x1cPiaA]\x7f\xed\xda\xed\x1fX\xb4\x94C\xa4\xbeRTTU\xe1!)d\x9d\x1e[\xaf\x0b\x0b\xfd\xb6\x0f\xefvwo\xdc\xd8}\xfd\xfa\xf5K\x88wo\xb6\xd6\xa6\xff&lt;\xb1j\xb0Z\xad\xe6\xce\xfc|\x8e6]\xdb\xd6\xa6\x87\x9e\xd5\xf5\xf4\xce\x00-\x87\x03\x07\xe6z\x91Uy\x02Y\x7f&lt;\xdd\xba^g\xb7s\x15\xee$\xb0\xfez\x83\x8a\xd7\xe0ZZ\x93\xaaj\xad"\x91J5\x02k\xfc\x12-\xc5\xea\xea\xda&gt;2@\x87\n\xfa\xfc\x15&gt;q\x1dmm=\xfd\xf9\x97\xad\x95yu\xe5p\x8bN\xbe|\xb9{\xe3?\xac\x0f[K\xa5\x16&lt;\\S\x03*\t\x07UA\xdc\x08\xbc\xbdI\xcf\x11u\x06#\xf7\xa6\xbe\xae.\xaf\x1d\\Y_\x9c\xfe"\xebDee;\xcc\x86)\x17\x91\xbd&amp;,\xbb\xad\xb4f\x04^\x80\xe2\xb4\xe9\xdb \x90u\xf3*=\xe7;\x19\x8c\xb4m\x19\xba*++\xa1\xdfg\xadgee\x9dh\xcf+\xaf\xfbP\xd5\xf7r\x17:\xd7.\xaa\xde\xe8\xed\xb6\xa6\x91\x91|\x0c\x89\x84\x83\xa8 \xc9\xd66]\xc7\x87\x07R\x9f\xa9e\x00\x83\x86\xacZ\xef\xc3\xb6\xcc\xc2\xd3\x89\xe5mv\xfb\x16\x897o\xd2\xb7\x96\x9aFjrr\xf2O\x9e\xe4\x14\x00K\x82\xa8`0 \x0f\xec\xe3~\xfc\x7f\xb16\xd5^\xafL_\x01QU\x89\x97$\x9eM\xccK\xe7\x94\xc6\xcc\x06r\x86\xb9V\xe4\x81q\xac\x19T\x9c\x92\x12\x0et-D\xc9dA\xae\xbc\xeb\xf6#\xba\xce\xe8\x0e\xa4\xce\xc9]\xe0\xaa\xab\xa8#\x19\xab&lt;Wy\xae\x1d\xcf\xbe\x96\x9a\xab\x8f\x918S\xbd:q\xf1|sN\x01\x07B"\xe9A\x96\xcc\xebU\xab\xe5]7\xef\xd0\xc8\n\xb8\x1c.YP\xaf\x0f\xd6A\xc2\xf2 \xca\xb5x|L\xb4H\x1e\x1d\x82ku\xfa+d\xe1\x96)\x84\xdd\x8e*`-\xdf{:H#\xabK\xed\xc2|\x81\x0c\xba~9\x0c\xe0\xd0\x83\x96\nJ3\xac\xfd\xf8L\x13\x92U{\xbe\xb9\xb9\x19\xfa\x16\\\x85\x84%\xf3:\x1c.W\xe2^\xd7w\x1dt\xb1\x98\xa9s\xf5r\x17\xe4\xcb\x050=\xc0\xa8\xd3\xde\x12\xbbL&amp;\x13\xfa\xaa\x8f\x9dY4{,99\xcd\xdf~\x0b2\x80Izl^P9\\\x90\xac\xe5\xa7\xb9t\xb2\x02jW\xdc\x05\xbf\xc9K\x12\x06\xabR\xad\xb6\xbc*r+\xe9\x0e\xc6\xba\'\xa6-\x12\xceI\xf2x1g\x8fes8\xfc~Gb\xf9^\xe2\xe9\x11\xdaX)s\xf5\x90\xaeD\\ @\x18\xf4\xaf*\xec\xf9}\x8d\xc7\x8f\x8f5\x9a\xaa\xda\xb4Zm\xfa\xa7\xe9\'\x0bp\x13\x17B\xd2\xd3C\xa9\xe2\x89\xe5\xe5\xc4\xf7\x07\xe9d\xf5\x06\xd4\x89\x84@ \xf0;\\\xc1:\x88\x8a&gt;\x93il\x0c\x0f*\xfd\xe5x\xe39\xf2\xac\xb5\xa4\xa4\x04F\xad\x93\x05MM\xe10\xa8\xfc\x82\xc4r"\x1e\xdf&gt;@+\xab\x97\xab\xc6\xdf"\x10@\xd7\x17\na\x14\xabrF\xc6\x8e\x7f\xfd\xf5\xd7\xb8\x1d\xde\x0ek/\x98\xbb\xc3\x98\x85\xac\x19!\xa8\x04\x82x\x02\xf3\xbb\x9dF+\xcb\xcdW\xe3_\x0f\xb2!\xa3\xafX\xe8\x17z\xbd\xfc\xa9\xb3g\xffp\xb6\xb1\xd1\xd4\x9e\xa7\xe5H\xe0\x1a\xc0\x11&gt;\xbf\x89\xa4\x8a\xb0\x04B\xbf`\xfb\x13:Ynw/7\x01\xae\xe5\xe5\x9dK\xa3\xa3\x97\x8d\x10\xbc(W\x07\xc3X^U{y\xdbHMF,&amp;\xed\xac\xe9\x94v\n\x115\x04\xaa\xb8 \x1a\x8d\n\xee\xd2\xc9\x92\xf7\xba!]\xf1e\x88\xd9\xd1\xa2\xa2Q,l\x9b\x9c\xe45\xcc\xd8{z\xe0USk\xb5\x1a\x0c\xddf\x9f\xd9\xec\x0b\xf9\x05C\x90+\xe8\x86eee\x84\xf5O\xfaX\x81^\xb7\x0ez=\xb0\x1e\x8fb\xf9fQK\xcb\xe8\xb8\xcf\x1a\xd3\xc44\x1a\x95\xc6\xdc\x8d\xa5=gZ\xfa[\xfa\xfb\x8b\x87\x04CC\x90\xad(O\xc3\xe3\x11\xd6\xefhc%\xe4\xd0\x8cn.\xe4\xeb^bT\xa9\x14+3\xc5b\xf1)\xdcy\xe86\x18HQ\x0f\xd6A\x89\xb1\xa8s|\x16Y\xd12ML\xa5\x01\xd6&amp;\x9d,\xb9\\\xcdw\xbb\x15\xa4\x1d\xaf\x8b\x95J\x94a\xedf\xd1)R\xfe\x84\x95c\x7f\xa2\x0e\xd6d\x8e\x86@\x152\x8a 4\xd0\x88\x9b\x87\x07\xe8c\x05\xe4.\xb9\x02\xf2\xc5\x8f\x0b\xe2;\x97\x8b\x94\x85\x85Je&amp;a\x1c\x13gf*\xa9\xc8T\xe2O[V\x00Ul\xad\xad\x15\xede\x8bFV\xbd\x1c&amp;)\xf5\xee\xa4\x9b\x1b\x17\x0c\xcd^\x16\x83\x0b\x08\x85\x04\x83\xf5\x88\x85\xe4K\xf8Aa\xe6\xb8\x11P\xe6Z\xc2"\xd9b\xd2\xc8\xaa\xe7\x12\x17\xf4/\x97`he\xbc(\xb3\x90\x04\xca\n\xf7\xbe$,e\xd1\xa4\xcfg\x9e\x98 \xac\x0c\x1e\xdd\xac^\x05W.\x0f\x80K\x01\xae\xd0\xa5\xcb\xa3b\xaa\xe1\n?\xa2\xa8\xf7\xccS0n\x18&amp;\xf6X\x9aXH\xf0\x13}\xac\xd49\x18\x1e\xf8\\y \xd0\x9b\xd4\x81\xcb\x1f\n]\xbf&lt;\xda"\x16S\xed\xf6\x0bK\x99Y\xd4\x02\x17&amp;$\x0b]*U,\x16\xda\xd9&lt;@#\xab\xde\xad\xab\xd2\xe9\xea\xb9\x8adR\xc7W;\xfcQ\xa3orr\x14\xeb\xbb\xa1\xdb+\xf7X\x99\xe2S\xe3\x063\x04a\xc12V\xc3\x0b\xed&lt;\xbfC\xe3|K\xae\x80\x89L\x9fN\xe7\x8eD\x92\n.L\xf2\x84\r&lt;\xebd\x7fu\xf5\xa9"\xac\xf3&amp;u\xa50Xt\x1b\xcc\xb0\xd6\'\xaa\xe9i\x8a\xf5\xf8\x87\x01\x9a\xea\xda\x18\xd9\xaf\xe4\ng\x1fLen\xdd29\x93n&gt;W&amp;\xb3\xd9l\xe1\x86b\xc3b5n\xb5\xe1n\xdb\xe2*\x0c\xac\x80\xb2\xd6"\xeb"\xaa\x08k\xe5_\xb4\x9413\x98L\xf6\xcf\x0b\x01\xb7\x13T\x8dcc&amp;H\x99\x82\xcb\x05\x98L\x16\xe6\x15\x9b\xbb\x17\x17\x81\xb6\xb8\xb8\xba:a\xc6\r\x08\x91\xa8\x16s\x05\xaci\x0f\xa8\xa2;\xd7\x7f\xcc\xa6\xa1\x15\x99)lf\xee\xab+\xf5\xbd\xc0\xc2\x1a\x91F\x93N\xa1\xe0s\xb9z\xae&gt;\xe8\x15\x86\x8cVs\xf7*AQ\xd7\x9ejO\x05,\x8fG\xca\x0b\x85v\xae_\xda\xdc\xff\xeaD&amp;;%%u\xee\xe6\x95^\xb7\x13TX%br*`\x10\x93qaN\x1f\xf4\xc3p\xee\xc3\xea\xc8n\x82\x12\xa9b\xa2Z+\xb8.\x92d\x01\x0b\x1a\xd18\xfexp\xbf\x9b\x11TlV\xc7\xab\x8d\x05\x8a\x85*S\x9f\x82O\\\x00\xf3\x02\xab\xd87\t}J4=\x8d\xa9\x82\x80\xbb\x0e4\xe1\xc5\xaf&lt;\xe7\x91\x15\xddY\x19\x1f\xbf{`_\xffq\x05\x83\xc5JIa\x1f\xfe\xf9\xe1\xc2\xc2/\xd9:zt\xdd\t\xac\x00\x17C\x16\x85\x1b\xcd%\x18*\xac\x1e\xcf4\xa5\x12\x11\xd54,f\xcf[2xe\xd1\x9d\x90\xa1\xe5\xf9\xa3\xec\x83i\xa9\xcc\xfd\xea\xeb,64!k\xf8o\xf7\x17\x16\xdcng\xc4\x84\xf9:j:j\xd2\x05\x02\\5\xf6\xfa\xa0\xdf\xb8\x82\xd52\x931\x8fG%\x95\xc2\xb5\x17\x03\x18\x98\x10e\xb1H\xf1\x9e\x182T?\xbf:??\xd81\x9c\xba\x0f\x0f\x13\x01\xc5\x02\x16\x9b\xc5\x1e\xfc\xc7\xd4\xc2\xc2\x05`E\xa0\xd3g\x81\n\x9a\x11X.\xb5\xda%s\x18\x8de\r\xc6I_\x86Ej\xb1\xa8D1\xdc\n$(dI5\x9a2\xffG\x16Dn\xda\xa1ClVj\n\xf3\xff\x9d\xae2\x98\x08\xa2\\\xec\'\x0f\xa7\x16n^\x80t9u\xd8\x90\xa02\xc1\x88\n\x8b\x7f\x97\xdf\xe1\x08\x95\t\x1b\x1a\x8c\xb1\xce\x8c\xceN\rQ\x01\x08\x17\xd7\xcdT% \xc9V\xcbw\x8f\xe6)WnGn6\xbc\x0e\x1ef\xfd\xf6!\x16\x06*\x16\x9a\x98,&amp;I\xd7\x93\x87\x91\x85\x8d\x0b\xc9\xa4[\xa1P\xe8\x80\x85\xc3\xaa\x8e\xab\x86\xc9\xfaPT(\x0c\x87gf\x1a222:5Vk,\xa6\xb247\x93\xbd\x88\x9c\x1a\xa9\x06K\x1e\x90\xd5\xff\xfd\x1d\x8a5\x88\x1f\x83\x83\x1d\x1d\xd9\xc3i)\xbf\xed"\xc0\xc6\xa32Ee\x8b\xc5zr?y\x7fc\xeaB\x12\xc7+\xbe\x13\x92\xd5\xd7\x17q\xc24\x15\xe6\xa0^\xaf\xdd\x16\x0e\x87K\x01\xa6\x89Y}1iM\xce^\x80J\x03\xc9j\x10\xfaC\x86\xf1\xbb\xf3\xa8\x81\x98\xef \x9f:rs\xb3\x87?K\xfd\xd5\xc3\x19\x83B\xb1\xf7\xb2EXl`ml\xdc\x9f\x9ar+\xea\xf9|\xbe.b\xea\x83\xbb\xa3\x13\xa7\x83C\xde \xdc\x84 _\xe1RM1DF)\xd9\xa3,\xc8\xaf\xa9\xc9\xd0@\x90\x02\x912\xc3\xf5\x9f(T\x07&amp;\x8ad\x8b\xb8\x86?;\x94\xc2\xfc\x95\x97\x1e\xe9M)D\xc5\xdc\xcb\xdb\xfc\xc6G\x16^\x80r\x9d\xa9\x11\\\x11\x9dkhv\xd6\xc1\xd7\xdb\xedv\xdb\xcc\x0c&gt;\xc6+\xd6\xcc4\xe1\xf16&lt;\xf8\x8d\x81*\xc2\xfa\xf1*\x88:H\xe4R\xef\xa0\xca\x1eF\xd8\xef\xff\xe7\xa3&lt;\xecR\xe0HaQ,\xe6G\x16;\xfb\xc5\x05`E"0\xba\x07\xd4\xf1\xb8\x1c\xf2\x05\xb3\x89\x08_0\xbb2+\xd3\x07\xff]\xc8\xd9\x84\xb4\x91\x86q&lt;\x99t2_\xc9\xd4@\x82\xc4\x117\x81\x1c\x12\xa8\x89\xc4\x88\xf8\x01\xae\x13\xe6\xe0\x1c\xf6\x904K\xd26d\x99\xf6$\xdd\xc5B\xc4S \xc8\xc2\xee^\xf6\xa4\x10A\xf0\xe0!\x85^=u\x91z*E,"\xf8U,\x95\xed\xc1\xb6\xece\x0fK\xcf\xfb&lt;\xef\xc7L\xe2\xd6\xee\x938\x1dS\xe9\xfc\xf2\x7f\xfe\xef\xff}_\x93\x14\xb9r\x99n7\x13\xef8v+1\x1a\xc5\x0f\xac\x90\xaaLf\xaddr\xf9\xf1\xe96c\x1a\xc2;\xd5\n\n\xa8VR)\xe1k\xad\xbcEB\x8a*\x05Y\xd5\x8b%\xa5&gt;l\xbe\xfe\xf4\xe6\xf7\xd5Usvj\x1d6\xcbS\xb3\xd8\xc7z=\xd6\xdc\xd8}\x00XKK\xed\x05\xa0\xca\xd9\x8em\xdb\xe9\xa8]\xc9\xc1\x06\x11\xa4\xcab%\x93\xf1\xdds\xa6\x10-r\x86PP\xa9P*\xa5\xe8\xd2\r\x81\x01P2\xea$\xf9i.\xb0\x1eR\x9f\xc9\xfe\xad\xa7\x80\xb5\xf9|\xf5\x91\x89\x86\xfakd\xddX\xfd\xce4W\xebS\xcd\x8d\x91b\xb14]Jf2\x0b\x96m\xb7Z\xe9\xb4\xd3\x19\x88\xc7\xe3\xe0\xabJ\xb6\x93\x9d$X\x1f\xb7\x19\x10J\xe4\x9eD"\x91\x95\x15\xa0\x82R\xbeh~\x12\x9c8\xcd`\x0bQ)6\x10\x83,P\xe5\xed\xfd\xfdOO\x7f\xc0\x05\x979\x05\xdb\x9e\x8d\x8dfl\xb5\x0e\\\xe6\\s\xa48]\x1e.Y\xd8\xc0N\xcbIG\x9dJ\x9c\x16h59\x89XV\xf3\x90\x93 \xca\xa0w\x1a\x01*\xca\x95\n\x07\x82\xff|!\x10\xf0\xea~\x89\x10\xc9R?\x16\xdcB\x17G\xaf\xdfl&gt;4\x00\xcc\x8c\x8dl \xd7\x94Y\xcf\xe7\xa1\x8f\r\xa3p\xa7\\\xb2rN\xba\x93uFG\x9dxf\x01\xb4\x1a\xc8\xe2G\xb5&amp;I\x13\xe3\x07\xc7.\xc9`\x04\xe4\x1a\xc4?\x18\x15\x15KA\xb0\xbe\xd7@\x89\xa5@(\x10\to\x12\xcd\x06nz\x8a%K{G\xfb\xaf7a\xcbc\xe4\x0buc\xa4\xb9\xde\xdcm\xce\x19y\xc3\xc8\xcfN\x14\x0b\xe3\xe5R\xb2Z\xb5\xb2\xe9h\x1a\x06df!\x97\xabt\x12vk\xf2{\x82\x95{\x7fN\x98V\xa0e\xc8Bu\x82\nA\x11(5\xa5\x86\xd5\x14\x1c\xdcN\xde\x92\x10\xc6\xcf\\.\xbb\r\x94\xfb\xc4\x92%\xe5\x02\xb0\x9e\x9by#\x967\xcd\xb9\xc6OS\xc0\xd50Lcq\xb11Q^\x1b.%\x93V\xa7Vj\xe3\xa76\xe3\x96\xd5\xb1\x13N\xb6R\xa1T\xcb\'CD(\xf0\x11V$r\x8d\nx\x14%\x0c\xa5\xa6\xc2:\r~t9\x81B\xbd\xa4 m!\x0fS\x8aE\xb4\x83\xe8\xfa{\x7f\xf3y\xbd^\x07\xb0X\x0cT\x82ph\x8e\xc4L\xa3\xf1\x80bY\xd5R\xa9\x8dRYm\xa7cw\x00\xaa\xd2\x82!\x00T\xa7O"8\xe8B\xacz\xa94\xdaB\x15*\x1c\x16\xc2\xaa\x02\x9d\xc4\xdf\x0b\x10\x95\xfc,\xcf\xc9\x04H{&amp;\xb1\xb9\'\xc8\xb0d\x7f`\xef\xd3\x8b\x87\xb3&amp;\x18j"\x96/@\x9a\xe6\x17\x7fl6\xe7f\x8d\xc5%\xf0V\xb1]+at\x81T\xd54I\xad\x8a\xed$\x12\xb6m-\x1f\x1c\xaf\xa0\x89\x80\x01\x8aa\xc1Q\x8b\xb0\x87\xc0X\n\xc1b\x15\x00\xc1h\x9aK\xdc\xe5r\xcf\x01y\x82lZD\xae\xd4\xd6\xfe\xbd)\\\xcb\x00\xd5\xf8\xabW\xe3\xe5\x02l\x16G\x1eL,\x16Q\xadj-\xb9\xd0\x05\xa9\x9ch4m;\xd9\x81\x0e\xbed\x90\xb0\xdb\xbf\x1c\x1c\xa7\x88R) P\x10\x0c\xa0\xb4HD\x0bi\x94J#Z\x89\xcae\n\x1b\x00\x00\x03{IDAT\x1c\nO\xfc&gt;o\xdes\xdb\xc7\xcf\\,\x9e\xb2\xa1\xad\xa3g8\x08\x1by|\x15\xf6\x0ep\x15`\x9bm\x18\xc5\xf2\x9d\xb5\xb1Z5\x99\xec\xb4\xd3\xf3Pi\xa7\xea\xa0\xbd\xa0Z\x8d\xd3c\x85tKS\xb0\xa8^\xf8=\xbd\x91\x07UTK\x08\xbbd\xe1\xb0\x8f\xe9A!(M\xb0\x0f+\x18\xe4X\xfe\xc0\xca\xd6\xd1:fC\xacP.\x97\xd7\xd6\xd6`\x1d\xf1\xa8`N\x03Vyx\x0c\xdf\x0f&gt;\x8fo|\xc0O%:9p~\xaeb\xfdq8D8\xf8\xf5A/\xdeMr\xd7H\x03\xf1\x0bi\x84\xb0\x1e\xd6u\x86%\xff?\x16\xc94\xd8\xfe\xa8{W\xc0\xb5\xdb4\xf0=\xf2\xc3\xe55|\xc9\xf3\xd5\xf8\xf8\xf8\xda\xcc\xf0\x0c\xf9\x8fO8V\x07\'\xc8\x85\xe6\xc1y\x84x\x9a6\n\xafO4\xd28\x98B\x8b8^\x10\x05\xa2\x14`\xe9&gt;\xear\xcf\xe4_\xc0\xe2ra\x8e\xe8ON\xce@\xae93?],\x16\xa7\xf3eh\'\xe8V\x9e)\xcf\xcc\x0c\xdf\x9e\x1f\x8d\x92\x17\xed\x9cN\xbc\xdb\xed\xbe|{xWU\x98"\xa2 \x08\xa2J\xbaH\xa0\xa8\xad\x98\x88\xaa\x08%\x08a\xb8\x87\x05\x82\x15\x0c^\xb7\xfb5,\xcf\\$\xde\xfc\xda\xde\xc5Yc"\x9f/\xe2V\xbf\xb6\x04p\xa5\xb1\xe11\xb4T\t\x9b\x07\x05\xd3u%\xd3}\xf9\xfe\xf4RE\x10\xf7\xba\xa2H 5J\xa6h\xaeX\xe4\x07\x04\x02\xc6\xb1\\\xb5x\\\xc9\x12[\xcb\xfc\x17\x0b+\xe0\xf7\x87\xf6.\x8e\xee\xc1\x96g1\x99\x84ho\'\xdb\xb5\xdb\xf3\x8e\xd3\xaeV;V.geqz\x1eh\xbe\xfd|\xa9\x05\xb0md\x98\xc1%\xf1\xba\x88\xa5h\x8a\xa7\x93\xebx\x91\xe9\x05\x82\xa1j&gt;\x99\xc5\x92\xcc\x02\xcbS\x8b\xb8.\xe8\xad\x9c\x19\x17\x80\x05B\xc7\xef.\xf6_\xcc\xd6\x1c\xfc\xcd\xc8\xe3\\z4\n\x16_\x80\x81\x08\x02Z\xdf\xfe\xba\xfc\xec\xe0\xdd\xb1\xa6\x0bx1\xd6 *\x16Z\x9e\rH\xa5\xa786!\xd2\xe1\xa8\xfb8\x93\x87\xd5\x93\xf223&lt;\xcf.?\xaf\x80\x18y\xf2\xe7\x87\xfdg\xf1\xc7\xbf\xed\xfc\x9ci\xddO|\x13\xdf\xd9\xe9\xc6\x93\xb5R\xadqvpx9\xa8P\x10\x81\xeb\x84Gl(\xc7\xea\x85RT\xd1\xfdi\x14\x0b\x0e\xbe^"\x97\x90\x8f\x00w\x9bAG\xa3\xa7Y \x10\xd0\xc5\xd0\xf6\xf9\xe7\x8f\xef_\xeed\xb2\xf7\x13-\xc4\xda}\x7fv\xf5\xe1\xfc8\xa2\xd0gN\x0e.\x95(r\x8e~\xa9\x14\xdadf?\x10\x0b{\xe9#\xd33\x9bp\xf8\xe2Ar\' F\xe9\xf5Q\xa2\x13\xbb\x8c\\\xf0/hw/\xdf\x9d\x9c^]]\x1d\x9d\xbd\xfdxzr~\x0c2\t"\xa3\x12\xc8ED\x81a\xa9\\\x9ck\x1d\x04 \xcaE\x9e\x02\xc3\x92e\xb7\x89\xde:\xcb\xfb\xa6\x17\x8b\xa5?\xef#\x14\xb8\x00J\x84\x0b\r\x0eET\x9d\x14}\x8c\x1e(\x1cm\x91rC\xa9tL\xa8\x88\x85j\x85E\xf4\x96\xe4\xcd:\xbd\r\x94{\x05r\xe7m\xc9\xc3\n\xb0\xd2\xc9\xd3\xd3u&lt;\xd3\xd9#\xb4\x02:\x85\xa2\xc9p\x13TO~\x08&lt;\xbc\xc0[\x92\x97U}3\xb6gt\x89M\x04\xbdX\xb2\x8b\x85\x18\x81\xbe\xba\x8e%\xdc,\x95J\xb98\x95*\nTa\xd1\'\xf7a]/7\xb6\xf8_\x93\xa5\x04\xc1"IA\xcbcdgz\x80a\xb1\xcb\xdd(\x16O-\xd4K\xe0\x83\x11l\xe1s\xd7\xecrOH1\xa0\xa0\xd4\xbb\xb0a\xdd$\xcbk\x82E\xd08\x8f\xbf\xc7r\\07\xad\xbeF\xc5\xb0T\x9e&amp;\x88%\xfc\x0b\xe5\xafe\xec\x88\x08J\xa6\x00\x00\x00\x00IEND\xaeB`\x82'</t>
        </is>
      </c>
      <c r="M425" s="3" t="n">
        <v>45492.67736111111</v>
      </c>
    </row>
    <row r="426">
      <c r="A426" t="n">
        <v>1047680</v>
      </c>
      <c r="B426" t="n">
        <v>1980</v>
      </c>
      <c r="C426" t="inlineStr">
        <is>
          <t>Gabriel Inocêncio</t>
        </is>
      </c>
      <c r="D426" t="inlineStr">
        <is>
          <t>Gabriel Inocêncio</t>
        </is>
      </c>
      <c r="E426" t="inlineStr">
        <is>
          <t>LD</t>
        </is>
      </c>
      <c r="F426" t="inlineStr">
        <is>
          <t>LAT</t>
        </is>
      </c>
      <c r="G426" t="inlineStr">
        <is>
          <t>LD/LE</t>
        </is>
      </c>
      <c r="H426" t="n">
        <v>175</v>
      </c>
      <c r="I426" t="n">
        <v>12</v>
      </c>
      <c r="J426" s="2" t="n">
        <v>34565</v>
      </c>
      <c r="K426" t="inlineStr">
        <is>
          <t>Right</t>
        </is>
      </c>
      <c r="L42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04181fa2-686e-4d33-afe7-dbe32c976f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1\x13\xe6\x00\x00\x00\tpHYs\x00\x00\x0e\xc4\x00\x00\x0e\xc4\x01\x95+\x0e\x1b\x00\x00\x03\x00PLTE\xff\xff\xff\xdb\x96\x7f\xe0\xa2\x8f\xa0U7\x07\x04\x06\x9cS5\x7f?$\x00\x00\x01\x03\x02\x03\xff\xfe\xfe\x98P2\xa7]@\x94M.\xfd\xfd\xfc\xe9\xe9\xf5\xa4Y:\xeb\xec\xf8\x86C&amp;\x8fI+\xe4\xe6\xf2\xd1\x87m\x11\x07\x04\xde\x9d\x8a\x8aH,\xda\x99\x85\xf9\xf9\xf9\x03hC\x9dX&lt;\xd0\x82h\xf2\xf3\xf9\x04\x8aa\x8dC$\xd6\x92|\xbfmL\xc7y^.\x13\x08\xc0w]\x1c\x0c\x07\xe6\xa6\x93l7 \xdf\xe1\xf1\xd0{]#\x11\x0b\t\xa1r\x80E-\x04xS\xa5S0\xafcE\xb6oT\xb6cA\xef\xf0\xf5\xd8\x8an\n\xa9p\x0c\xb2{\xd6\x8ct\x07\xa9x\x96H(\x04nMz8\x1c\xb8iJ\x08\x9bo\xae^&gt;\x85K6\x8fN2\x12\xab},\xa8n\xc0qTv&gt;(,\xb9w\x02\x7fQ\x1f\xb6p\xc2\x81s\xd7\x82e\xdb\x91y`1\x1d-\xbf|\xf5\xf5\xf4W,\x1c\x03b&gt;D\x1f\x0f9!\x17\x94YD\x9eN,N\'\x17\x05\x93i\x8dR&lt;\t\x9ah\x08\xb1q\x1a\xb0k\x05\x94a\x03\x87W\xe2\x9a\x83\xd8\xdb\xee/\x19\x12g*\x0f\x0c\x0c\r6\xb9\x8e\xbehF\x02oD:\x17\x0b\x95S9\xb1hO\xc6pO\x06\x81[\xca~c*\xb3r\xc8\x81jT!\rD\'\x1bs9 \xd2\x8ex\xe5\xa0\x89\xcbvU\xa8aJq1\x15\x02]8\xbbyh\x9fbI\xc4\x89}]%\x0b\x02wJ\x10\x9e[\x14\x9bq\x85;\x1d\xafmX\x19\xa8e\xc2|f\x12\xa4x,\xb5\x86\xe7\xef\xf3\x02p/\x03\x8e\\\xadY6Y8-\xe1\x8eq:\xc1\x80g=,j/\x1c\xbas]\x02f*\xcc\x89t\xa6gR\x05\x88B\x1c\x90iXVW\x05S+\n\x92N\xea\xeb\xeb\x08\xa1g\x98_N\xe3\x94y\xb2~n\xb4tb\xb3\xd7\xd1!\xa0fzJ6C\xc0\x95!\xa6x\x04{7\xde\x87i\xd3\x96\x83\xe9\xb0\xa0\x15\x13\x16qD0I\x16\x05IHH\xb4\x89\x7f\xc2\xc4\xc3\x1d\x1d\x1c\x9aWI\xc5\x96\x87 \x89Z9\xb0w\xf3\xeb\xe9\x86RB\x05Z2\x86]Q*%\'\xd3\xd2\xd2\xc3\xd9\xdc \xb1\x84\xb0\xae\xaf\x07\xabg\xd3\xe7\xe2\xeb\xe3\xe1*\x98ur\xc7\xac\xdb\xa6\x97\xd8\xe2\xebJ3\'\xc1s{\x97j`&gt;?7!\xa9\x81\xa7tcbE;\xe0\xdb\xda\x80\xb9\xadtQE|z{A\xad\x89\xd2\x9c\x91\xcc\xce\xcd\xe1\xe2\xe2*i&gt;\x9c\xd4\xc6C\x9d\x82r1,\x9dzr\xb9\x9b\x91\xca[m\x8b\xce\xbd\xc4\xa7\x9a\x8474\xe6\xd0\xcc602\x95\xbc\xb3\x17zT\xc6\xe5\xdc\xeb\xba\xb0ic`\xcd\x8b\x90\xdd\xcb\xc4mlm\x89\x88\x89\x04F!c\xa4v;xVW\xc0\x9fQ\xb5\x8fa\xa3\x90\xd5\xbe\xb7\x97\x96\x97k\xbb\xa3\xdd\x9c\x97\xe6\xc1\xc06\x8an\xdf\xef\xea\x90?=\xa4GM\xdf\xa7\xb0\xb0\\c|\xaa\x8f\xcc\xb4\xac\xafOY\xa3\xa1\xa1\xba\xb8\xb9\x8c\x8c`B\x9ec\xd5t\x85\xa7\xc8\xbe\x16\xc1\x86_\x8ch\xa0;C\x1c&lt;\x1d\xdf\x8c\xa0\xc6\xe1y\x99\x00\x00 \x00IDATx\xda\xc4\x98OH\xa2\xfb\x1a\xc7\xa7\xf1\xedM\xb3\x171\xecx\xc4\xc0\xd4&lt;\x92H\x9a\x07\x860J\xd0\x853\xa2\xa8\x89\xab\x83\xbd\x84\x7f\x88\xd4\xa6"k1\xd2j\xbc8\x92 Hw\x82\x16\'l\x1c\xed,b\x14\x84\x0bC$%\xc9\xe8f\xce\xe6\xba\tl\xe9\xf6.j}\x9f\xdf\xfb\xc7\xea\x9c\xdd\xc5w\xeeS\xd9[\x04}\xf8&gt;\xdf\xe7\xfb\xfc~\xbex\xf1?\x16!CE\x10\x02(\x82 d\xf9v&gt;\xdfnT\x1bN\xf8\xa5\xe0\xc5\xff\xab\x08Y\xbb\xfaP+\xb5e\x08\xc9\x99o\x97\xee\x9aw\xbd^\xafyWjU\xf32\x82\xfa\x1b\xc0\xfd\xd1\x80D\xbetW\xac\xe7\xee\xaaN\xa7\xa9Q\xeb5s\x95B\xb9\xdc\xa9W:\xb9\\\xb7Fq\t\x08S&gt;O\xfch\xac\xf6}\xae\\(\xd7\xef\xaa\xd5Z\xb3X)\x93\x18S$Y\xce=\x98\x90\x88\xf9\xd6C\xcb\xf4c\xb9\x04\xb2j\xb3Bbd\xb9\xd8\xec\xd6\xcb$\x89\xf1\xf9\x18|\xd1U\xe8\x96LN\x99\xa9\xd5\xbbo\xfd8\xb9\xc0\xe1`\x1aS\xadN\x02\nI\x16\n\x18"\x1a\xa1\xb0\xe0\x95?2\xc2/wk`\xb1^\xaeYu\x12\xc4\x0fb"\xd0\x0c\x9aZ\xcd2\xab\xce\x08\x05C=\xc0#\xf5R\xe8\xe4n\xbb\xc5J\xae\x94w\xc2\xa8r\xef(Bf\x82\x14(\x95j\xcd:\xf9\x88EI5B\x011p|\x90\x91$\xeb\xcd^\t\xec\xcf9\x18aj&lt;\xdc\xdd\xe6\x8a\xc5"\x18\x0b\xebS!\xb9\x18&gt;\x9a\x8e\xd6\x8d_(w\xba\xb5\x86\x89\xf3 \x93\xc1\xfcU@\x06(\x989&gt;\xab\x0e\xed(\x06\x8b\xea*+\x1d\xd9\xe9\xf6jU\'\xb7X\x02g)W\xc0X\x990\xc6U\xb4X}\x91\xf8O\x14C.\xab\xd7\xbbU\x82\xe3\x0c\xedU0\x06\x8b\xf9\xb7\xb4N\x18\xeb\xad\xbfcU\xc0b%N\x17\x92\x80h\xa3\xf9\xc30V\xa4\'\x16\xc7\x1e9\x9fa\x91\x10#\x9d\xfbv\xbbm\xe2\x0c\x8c\x90U\xbb\x056\xcdG\x9eO^_\xad\xbf`!\xb3\x15\x8a\xb0.[N\xce\xc42=\x14\xfbK\x86\x02\xeb\xcf\x1f\xb2\x1aM\x8aaO\xb1\x18\xe3\x03XU\xc6Uf\x99\xaa\xd0C\xca[(\xa8\x18\xae\x11v\xfe\x98H}\xee-\x06\x8c\x845Ip\xa5U\xbb\x86\xc4z\\~\x8f\xa9N\xef\x1e:\x1b\x9eq\xb1\xe1z[\x95\x11\xdcP9\xdb\xad{6\xda\x19\x8a\'\xf9\xd9\xcf\x08v1&gt;)\x8c\xact[2N\x1cO8\x1b\xb5\xbb\\\xa5\xbfq\x98\xdc\xec\xab\xc3\x7f\x8c\x07&gt;\x1f{\xce\xc5\'+\xb9\x1a\'M$\xe0\x98\x02P(\xdc\xf9}\x92\xfe\x10\xf6\xfb\xc6X\xeb\xefr\x95\x9bm.\xe4\x92\xb5\x9a\x9d\x02=\x85\xb4\xdd\xfbAOg)\xe3uV\xc3\xbf\xcc"dD\xb3\xc1A\xa2\n\x08z\xeb`$\xc5\xf0\x88\x85~\x98\xc0\x1eO\x80O\x85b\xa7\x81R\xb4X\xcb\x0f\x1e\x8b \xaa\xb7\xf4q\xef\t\x00\xa5\x16Pi4\x13Pt\x96\xd1\xa4O\xb0\xd8y(\xdfr`z\x01Q\xcda\x8cH\xf4\xffE&lt;P\x1a\x8d.\x10T\xebt:\x8d\x86\xa6\xa3\n\xe3?.\x00\x1a\x0b+paz\x81\xec\xa1\xc8\xeaD\x7f\x07\x91t\x81@\xd0\xeds8\x1c&gt;\xb7;\x18\x048\r\x8d\x07\x0f\x13\xd8\xb3yDX\xc5{\x0e\xce\xf5\xf9\xfb\x0e\x15\xa4t\xa7\x10\x93.\xe8r\xb8\\\x1f\xcc\xb8y{%\xba\x17\x8d\xfa\xdcj\xb5:\x88&gt;\xdc\x9f&gt;\x05u\xb4t\x8f\xc7\n\xb2\xd3\x1b&lt;\x16\xd1\xea\x96\x1f\x97\xe1\x84F\x1d\x8c\xf9\x1c8n\xc6\xf1w\xef\xcc\xe6\xed\xedx\\\xebp\xf9\x80\'\x1a\x8d\xee\xed\xed\xad\xec}\n\x02\xa4Z\xc3\x82\x81\x13\xcbw\xf9A{\x8b\x90\xd5\x8a\x05v\x0c\xf9\x13\x1a\x8f\xcb\xa1\xd5\xe2\n\x85X\xa1x\x87\n\xe0\xf0\xf8\x87\x0f+{++\xdb\xdb+P{{\xd1OPA\x00c3\xb7\xdc\x1b\xb8\xb7\x04\xce\x1a{t\x80\x06\xea&lt;\x0e\x1b\xae\x97\x8e\x8f\xcd\xcf\xcf\x8f+\x00\x0e\xc0\xc4\xef@:3@m\xb3\\P\xd1\xa8\xfb\x91\x0b\xd4\x1a8\x96\x8c\x89-\x84\xa5s\x03\x95blttxxttl|\x1c\x91)\x14\xe3H8\xb3\x19u\x94\xe2b4\x83A`\xfaH\xe6J\x03?\xda\x08\xdaw\x15\x86J\xe3q\xe0b\xe9(O\xc4\xe3\xc9\xe5r \x83Z\x9eGE7\xf49X\x14\xdc?A\x07J\xa5\x97\x1f\xf8$:\xd9\x03\xe0\x84\xda\x17\x97\x8e\xc9\x85B\xc3\x16]gB\x11oxxy\x19\xd0\x14\xb4\xd5\xcc\xdb\xfd\x02\xaehPC\x07l\xa1\xd9\x1e|n\xb5 \xe5Q\x80j\x02&gt;|Ld\x08C%\x93\xc9\xff$\x93\xe1\xad-\x11o\x967;;\x8b4CdH/\xd4N\x1c\x1e@\xb0O\xea\tz+\xdd6\x06~\x8f\x85\x9dHB0\x90\x13\x9a\xa0K?l0\x84\x8d\xc6\xcc\xd1\x0e\xd4\x11\x02\x13\xbeG5KI\x06\xbd\x14\x8b\xc58\xae\x87\xb2\x99\xe3\x10j \x17\xbd\x16\xab\x03\xc7\x92\xa1&amp;\xc2\xaa\xd1\x04\xdc\x0e\x8b\x10\xa4\xca\x1c\x1d\xed\xd8Q\xed\xecd\x8c\x0bs\x8b\x86\xc5YTT/\xc7\xc7-R\xa9\xdf\xbf\xb4\xa4\x07\xc1\xe2+n\x1d\n\xfd\x11,W\xe5@\xad"\xb4P\xa7V{|\xdaP6\x99DR\xd9w\xa1\x80+\x93\xb1.\x18\xfaX\xcb\xf3@\x15\xf2\x86\xbc^\xaf\x1f\xb8\xf0\xf8\xf6^P\x83\xec\x05\t1\xf8U\xdd\x02,]\xc0\xe3\x89\xb9lg4\x14E\xb5k\xdf\xdf\x9f\x9e\xceX\x95 \x18\xd5\xc8\xd9\xe5\xb1\xb1\xd1\xd0\xd9Y"qHq\xe9\xf5q\x07\xac%\r\x1f\xcb\xb5\x06~\xb2\x81\xf3V\x1da\xc5b\x17\xe9\xf3l\x12\xb9\n\xb0\xec\xbb\x07v;PMO[\xad\x11\xe5\xea\xdc"\xd4{\xc4\x15\x92{\x13\t\x04\x86\xb8lZ\x1f`ad3/\xe0\x04K\x03T\xaeT\xda\x8f\xb0\x90\xab\xa0\x81\x08*c\xb4N[#\x11+pA-\x8a\x96\xe7\x15R\x0b\xb4\xf1\xf00\xe1E\xfe\xb2i]h\t!\xac\xc1\x1f\x03\x1f\xea\xb0t|\xa9t\xfa\xd4\x9bL\x1e\xd9\xd9\xa2\x1a\xa8\xb4nF" \xd7*\x80-BN(\xc4R\xb0\xbc\x17\xbaH\xf5\xd1\xe6pC\xa6N\xdc6\x06\x7f\xde"j\x15\x10\x0b\xb4:=&gt;d\xc4\xb2\xdb\xd7\xc1WVPiU\xa9\x8c(\x11\x15\x02{\x8f\xb8\x14R\xb1\xc5\xef\xa5\n\xc9\xe5C\xbb1\xd7\x18\xbc\xb7d\xb5\n8\x0bQ\x9dgY\xaa\xfd\x1d0\x95\x12a\x01\x17\xfa\\\x05\xba\xd5E\x14\x12\xb0*\x11\xd6\x19%\x97-\xed\x0br\x88\xe5\x89\xa5\x80\xca{e\xa7sa\'3\xadR\xa9\xd6&amp;gP\x07#\xca\xc8*\xa0\xc1w\x90k\x96\xc7\x1b\x0e\x85\x18.\xff\xd21\xa8\x15\xd0q\x85\x15\xf0\xb8\xd2\xa7\xe7\xde\xc3#*\x17 \xad2\xfb\x93\x12\x89\xe4\xd5+\x00\xa3\xc8\x00\r\x1e\x80\xeb\xfd\xa2P$\x0fY,~\xe4/\x88\xd5\xb8\x0bu\x91\x0bo\xc9j\x1d\xb0V\xfa\xd8\x9b\xc8\xee\x1c *#\xcc\xdf\xfa\xc6\xd4\xd4\xd4\xc9\x94df\x06\xc06U\x9b\x91M\xf4\x84&amp;\xd2 \x14\x0e[\xa4\xfa%\xff!\xa4\xc4\x92\rN\xfbj]\xb7\xcd\x85\xe5;\xa8\x87K\x89d\xc6~\x00Ta\xa3umr\xe3\xe4\xdb\xb7o/\x7f\xde\x90L\xbe\x9e\xa1jr\x12\xb5\xd4\xaa4\x1a\xc3ayh\x1c\x16#p%\xfc,\x96\x80\x0b,h\xe2\xe9\x92&lt;&lt;\xbd\xbe\x8e\xb4\xda?89\xf9\xf6\xf5\xebW\x00\x9b\x92L".`\x92H\x10\x97\x15R#\x93In\xc9-\xb8M\xef\xf7&amp;B\xf8\x07\x177X\x04A5\xd1f\x11-\xa8\xd6\xf73\xc6\xcc\xfe\xee\x1f\x7fB}\xff~yy\xf5q\x7f]\xf2\xebk\xc0z\rdk\xaa\x8c1\x99\xcd^]]e\xb3\t\xaf\x1e\xb8\xe4\x0c\x16\x9ck\x06\xaf\xd6C\x1d\xad\xc3\x90P\xa9Z\xcf\x18\x8d\xc9\x8f\xdf\x81\xe8\xf6\xba\x03K2\xfd%\xb9\x0fX\xa0\xd3\xe4\xcc\x8c\xca\x1aN\x9c\x1f\xa7.R\xd77\xc7\xe7_ \xb4p\xbd\xc5"\x8e\xbb`\x14o\xb9P\xabTDj\x8d.*U*\xe3\xd6\xe1\x97\xcb/7\xd7\xf5\n\xda\xdd\x17\xa7\xe7\x87\xc65\xc9\xeb\xd7(*6\x17DKi\x97\x07n\x89\x10\xbe\x17\xa9T\xfaXo\x13\x8f\x8b\xcd\xb0\xad5\x9cx\xabU\x04o\xd9,\x8b\xca\xe9\xe9\xb0\xf7\xfc\x12\xb0R1\x8f\x07\xee\xd4\xb6\xa5\xb3\xad\xb0\x8a2=\xa4\xc3\xe28(\x83.\xd8\xe8\xd2\r`\xe9S\x1c\x17\x8b\xcd\x1f|j\x1d\x07;\x11\xbd\x07\x01M\xd4\x8e\xce)\xa73\xe1\xec\xd5\xee\xee\xe7\x8f\x97\x87\xfe%\xa9\xdel\xb6\x18\x16\xac*0\xd5f\x04V\x0fO\xbc\x8d.bp\xdf\xf6\xa1\xf7\x01\xd2)\x97M\x8c#\xac@`\xf0\xd7W\xe8b\xe3\x16aY\x10\x16\xe4\x15\x0c\xe1\xb7?\xf6\x8d\xc2\x904\xae\x95\n\xadk\x92W\x1b\x92\x99\x08\x1cmx\n8\xc8\xe3\x16\xa10!\xf7\xfb\x0f\x0f\xbd\xc7\x0e-\x1c\x05\xcd\x0e\x9f:pg\xe2\xe0\xad\xd3|\xd3\x13s\xd8\x10\xd6\xda\xab\xa9\xa1!\xc0\xfa|y~\xaauD\xa3Z\xf9\xf4\xc6\xd0\xcf/\x7f\xfa\x15z\xb8`\x90K\xcd\xb8T\xbe\xb5\x95\xdd2l\x19w\x8e\x12K6\xa9\x18G\xde\xf2\xf4\x06\xff\xc6\xbc@\xe0\xbcGX\xa3\xd0\xafWCo\xde\x0c\x9d|\xfe~s\xe1\t\x04b\xee`T\x7ft\xf2\xd3\xcb_\xde\xfe\x0eXV\xa3\xc1\x02\xb7~\xd8\x9c~\xbf?\x94H&amp;\r\xbc1\x8b\x94\xc2\x8a\xdd\x0f\xfe\xf6J\xc0\xf6\xb9\xf09\xc0[\xd6\xc9\xa9\xa1\xa9\xa9\x83\x8f_R\x9dz\x19+_\xc4\x82n[r\xea\xed\xdb\xdf\xde\xcc\xc0\xd2YX0\x84\xb4Q\xd7\xf5\xcd\xf5\x05\xec\x84s\xafW$\xe2\x89\x86a\x12\x83\xea\x8b\x9al\xe0\x1b\xf1_\x8d|\xa9\x18s\xc4\x87\x17"\x12\xa0ZO\x9c\xa6r\xb9N\x01\xd3\\\xf8\x82\x8e\xf3\xe4\xc1o\xff\xfc\xc7\xef\x9b\xb0\xa3\xe7\xe6DzW0\x90\xba-\x16 "R7\xc7\xe2a\x9eP8\x8e\x03V\xaa4\xe8\x95(\xfb\xf7\xee\xc7?\xef\x8b\x1e\x97\x967\xa7\x9c|\xb3q\x90\xb5\xf9\xae\xbf7;:\x8d\xda\xf7_\xde\xcd\xe7%\xb1\xfe\x8b\xe3\xa3r\x05\xaf7\xc4\xcb}\xd40\xd0\xacG1\xc4\x1f\x08"J\x06\xba\xc8+\x89e\xb8\x92\x02\xc9B\xd44\xc3\xa9\x85\xe1\xaaDC\xe1\xbbI\x05\x173\x92\x08\x0e\x18}\xbf\xab \x1e\x83f\x08Z9\r\xea\xa6G\xb7\x81B?\xa8\xcd,\x86\xf9\x9e\x8f=\x7f\x82&gt;\x07q\xe1\xea\xc5\xf9\x9c{&gt;\xef\xf7\xb9\xc7P\xa8Y;\xa6R\x80\xa5\xf4\r=\x06;4\xb3\xf6\xf5?\xffE\xc3\x8a\xe5\r\xa7\x82\x8dq\xb9\x0b\xec\x8ck\xedf\xc4\xba\x86\xc3\xa9\xdfq\xb5\xb9\xf3\xa30\xc22\x07\xa8`\xd1cS\xad|\xff~~\xe4t:\x1c\nK.\xa8\xff\x94\xca\xe7\xed[`~\xd4jb{\xd5\xe5\x0c\xff\t\x16\xfc\xaf\xa3\x99\x19\x97\x82\x8f\x89I~\xc6\xb5\xfc\xf7\xff.\xea\x13#-\xac\x8bk\xdeT0\xc6\xce8\xb6\xb9\xbaiY`\xf6\xe0c\xec \xb9\xb7W8\x01A\x9ciz\x0e\xa6\xec\xff`!\t\x88\xb1\xf7+\xc3\xd1\xa0\xeb(\xbd\xear9mB\x92\xcfV\xb8\x96\x8f\xce\xcf\xab\xa3\xbc\x159\x13\x9d\xe2N\x9e\x9e\xb2\x8am6\xc0\xda\x99\x82\xbbz6\t\xa2+~\xb0\xa2\xdanzrI\x84\x95J)\xdf\r\x86\x9a\xccT*h$\xa8(\x95T\n\x87c\x1b\xba&lt;`\xb9B\n\xb6\xa559J\xac\xde\xb12\x1f\xa5\xe9\xa4\x9f?\xef\x9bVRT0 K\xc6\xe3\xc5\x9c\x9f\xcf^\xf8x\x104|Ba\xdf\xf1\x1d\xaa\x87\xfeU\xa8\x08UB\xeb\xbb6\x15rc\xdb\xd0\xe5\xc1Z\xbb\x9c&amp;\xb8\x96\xbe/\x8d\x12k\x90\xb4{\xcb\xd1\xbc!&amp;\xd4\xf9|\xca)\x10U\xc1 \xd2S~\xb1f3\x19a\xd0\xefX\xca\xadC\xf7\xd0\xf0s\xfd\xec\xf5Ph?cS\t\xa1e\xf1\xa1o\xb1\xb7\x1d*\x82\xc7\x0e\x8d\x16\xab\x93\x05,y&gt;\xa5%t\xbe-\xc0\xca\x82~\x97\x995\x1a8Q\x19EKi\xbb\xfd\xd3\xa7\xd40]n7\x90q\xb9\x84\xd0\xb4\xbb\xbe\x0b\xed\x1eD\x8d\xd0O@\x9b\xb7\xb1\xb8&gt;\xe3\xfe\x88\xb1\x0c\xf6hY\xceHiq\xf3\xf4\x96\x922Hi\xda\xbe3\r\xe6\x10\xe9d\xca\xa0\xb7\xa3\x92\x87\x0e\xb1\xa5\x1b\xce\xb8Xb\xc2(I\x98\x12\t\t\x89\xe38K\x8cK\xe0\xb6\x06\xfd\x88\xaf\x8f\xf8\x10)\x83\\\x1e\xa5\xecZ?d\xcbn\xa0\xbd^\x86^\xf9n(@\x93\x1a\xf4J\xe5\xa7\xbc\xd7\x9b\xb2C\xd1\xab\xc1\xba\xe28`I\x12\tD\xc8\x83\xc0\xe0Q$\xd5:\x19\x9e\xa9N\x8e\xb6\xb6\x18r\xda\xe7\x9e6c:\xdf\x8e\x9ef\x08\xa2\xd1\xbc]\tTv\x90\xca\x06zjk\'\x15\x95\xcb\xbd\xa8\xbct\xee\x04`\xbdOy\x8dj\xf5\xbc\x19&lt;\x10\xcf\xc8g\x0b\x01\x8b\xd5\xbc\x1ba\xe3\x9a\x98\x18,2R&gt;#.\xb3r\x11\x16\xc3\xcb\x04\x06\xa8%\xbb]\x0f\x12\x9e\x82,A\xe9\xdd\xdf\xcbSv\x834\xa91J\x8cF8?H\x95[}\xa8\xb3Z\x01\x0c\x15\x97\t\xb7r-\xaf\x13#\xad\xad\xcfz\x9f\x9a\x95\x15L\xc54&gt;%\xed\x8d\xca\xcbe\xb9\x976\x80\x900\xec\xec\x18\xf2y\xf4\xcb\x10\x8b\xca&amp;\x11\x86\xd1\xb4\x9b qD\x05\xcd\xd7:\xad\xc1$\xec\xf5\xca:\xa69\xe9\x8d\xb2\x9dr..en\xe3lYNk5\xd3\xd0\xc1\xe4\x00Q\x96GE\x02\x81T\xa6\x93\x89\x04CJ\xaf\x17=\x06\x9ay\xf3lP6\x9fX_7\x11\xacy\x9dO\x16\x98\x92M\x9bY\x92\x85\xedJ\xc5\xc4-\\\x8c\xf4R\xac\x97\xad\tI\xa4\xcc\x8c\xcej\xa6\xed\xefX\xf7\xe5\xf2\xe5\xa5H\xa6\x9b\xcf\n\xbc\xf2\xbe4\xa9\r@\xe5\xfbx$H@\x8dy\x1e\xcf\x84\xf6M`G\xac\x944"3\xebx$\x17\x0bU\xf6\x89/K#\x1c\xbc\x81\x04\xbc\xb7&amp;\x12Y\xc0\n\xbec\x95\x01\xeb\xbe|)\xa0tn\xedm_d\xd8l7\x9b\'\xc1\xe0&amp;\x8bP\x80*d\xaby\\K\xa8\xb2.\x99\xb7\x06""i\xc07\xaf&amp;6\xb9\x90.\xf6H\xb1@n\r\x82\xc6\xddM\xa6\x97\x81\xb0R\xc3J\x1a\xdc\x97\x99\x11\xab\xdb\x1d\xec\xf7\xfb\x8b\x8f\xed\xdau&lt;{LH\xfc\x96\xb4\xab\xb2\xce_\x10\x8b3\x95\xfd\x04O\x0b\xa2?+\x03,\\\xc3\xf5\x84*\xbb#\xc6\x9a\xe8\x88\xacF\x9elZ6\xcb\x05\xac\xfc\xb0\xc0\xef\xcb"\x19\xcf\x18\xcb\x02V7~\xb0\xd8-\xc4c$_\xa5*\xa5\x9d\nOM\x0c2b\xdf\x84\x99\x03YJ\xb6\x05\xb2\x02\xe3j?\x8662\xa3\xc5\x82\xe2\xba\x94\x06d;\x87\xf3Z\xae\x19:g4\n\xa7X\xbe\xcc\x9a\x8d\xf8\xb1T\xd0\xbf\xbd\xad\x16\xaa\xd5\xab\x13\xb1\xd8o9==\xb5\x95&lt;~1&amp;\xdc\x85\xa2\xd7\xcc\x06d\xd3&gt;\xdd!\x86c1O\xa5\xa2jM\x8e\x16ki\xc0\xa0\x19^\xbb\xd2\x1aCX\xc3\x0eq\xf99\xc9\xc37\xb3R\xd1\xe7\xbd\xea5\x18\xff\xf3R\xc9\xb3RJ\x9f\xa6\xd3\xe9S\x8b\xdf\xefg\x9b\xd8\x12\x9e\xd9jFb\x87 %&amp;\xd3\xae)\xd7\x1b\xf1\xdc\r\xd2E\x8b\xa2^C`S\xbb\x03\xa7\xe8\x8d2\x99\xa2\xacV\x1c[\xcc\xee}\xd9\xbb\x06\x87}\xf3\xf5(\x1c&gt;B&gt;;\x1c\x0e\xaf\xa6K\x16\xd0\x0e|\t\xc1\xd5\xa0a=`\x19%n\x16\xabp\xc1\x19\xb1l\x9e\xe8\xf4\x19^\x06Mmje\xf6\x14py\x19\x91\xc0\xe6f&lt;^(\\_\x9d!(\xe4\xf0\x97\xc1\xa0\xad\xcd\xcc\xcd\xadm8\xd3\xa766\x9f 0\x1e\x12:&lt;\x92T\xbb\x0f\xd5x\xb5&gt;\xe2\xc1&lt;\xf4\x88\x81\x00t\x83\x01a\x81\x12\xcd\xa7\xf4\x94\xec8^\xbc\xba:?+\x9d\x9d_]]\xd5\x1e\xdb\x99L\xa6\xd9\xcc \x97\xbf\xe1\n\xff\xe5\xb0\xb1\xe1\xcaf\xa9A\xe9\xb0\x08\x9c\xe7\xe6\xf2\xc4\xad1,\x96\xd5\x07\x97"\xe9,\x1a\x82 \x81\xac\x07%\x98\x8c\x9f\x9c\xdf\x94\xcer\x85\xee\xedm\xb7\xf1\xf2\xf6\xf4\xf4\xeb\x11\xa2vbAs\xa3e\xa7\x8d\xc0\x08\xf4\x02\xd4\xed^\xe0cp\x86\xd7\x9dq\xac\xe1-]t\x9e[\xd5\x83\xd9)\xbd\x1e\xa4\xe8\x14\x15\\\xbcN\x1f}=+\xeeuQ \xac\xc7\xc7v\xfb\xd1S;\xa9yT\x8e\x99\xb9pZ\xc8\xc2\xd1\xebl\xdc\xbd`\x13b\xe2\x8f\xad\xfa8\xd6b9\x13\x93K\xf5\xd7\xa25\xa0\x1f\x86\x81Z&lt;\x0f/\x9f^\x07\x17\x1b\x8dj\xe3\x9fd\xb5\x81\xeb\xf1\xcc\xd2n\xdb\xc2\x7f\xae\xa5\x85\x18\xeev\x13F\x1c\xbf\xba\xabV\xef^/\xc6\xb4\xee\xc6\xe1L&gt;\x14g\x83\xc0\x94\xa2\xa1\xce\n7a\xe7I1\xf6\xf6V{z\x81x{\xfa\x85\xb8\x9a(\x14\n\xe7\xdc\x9c\x03a\xe1F\x82\xf0W\xebK\xf5\xa5\xc9\xb1\xed\x9e\xc2\x03Y8\x0eRz\x03\xcd`\xd0\x86x)}\x9e\xb34\xdb\xb5\x97F\xf7\xf9\xf9\xb9\xdfm4\xbe\x14\xdejM(}Gh\x15\x8c\xab\x10\xc30\\B\x12\xfe\xbb%\xce\x871\xee\xe9r&amp;\xbeU\x8b\x80\xa5\xa7\xbd\x0cF$\x99\xf3\x9c\xa576n\xaa\xcf\xf7\x83\xce\xa0\xd3\x19&lt;?\xf4\x1en\xbf\x14r\x16\xb4\xd6\xe2rXp\x16\x0b\xf42IzZ\x93\xe3]\x1e\x9e\xa8W\xe3p\x88\x94\x01\xe4\x954[\\\xb1\xac\xce\xac}\x7f\xe8t:\xdf :=\x88\x87W\x00\xfb\xfa\xc7\x1f3N\xdb\x02\x062\x1e\xbd,[y\x1d\xf3\xce&lt;\xa7\xde\x1ab\xe9\x19Q\x01#\x12\xcf}\xb4d\x9a\x85\xd7\x87\x87\x87^\xaf\xd3\xe9\xc1\xf7C\xabU\xad\x16n\xe6\xe6V\x15*\x84\xc5"\x01\xeb\xa4\xf7a\xcc\xb1\xf4Z@%\xaf\xa7\xa3Q\xaf4\x18\x8f\x1f\xd4\x9e~4\xba\xddB\xf5\xae\xd5\xba\xbb\x83O\xf5\xca\x13\xab\xb5C\xa1m\x95\x90\x00\xdb\x03f\x83\xaf\xba\xfa6n\xac\x89^\x01\x95&lt;\x14\x97\xd7+\x8aD\xb2\xc1\xe3\x97\x1f?\x7f\xfe\x84\x1e\x01-\x00\xa0\xaa\xd7\xb5_O\xbf\xda\x99m\x15`a,\x16!\xe1\xf3-\xdf\xeb\xe3\xc6\xe2|\xab\x06)JO\xd3p-\nD\x9f\xa5\x91l\xa3\xd1\xfd\xfd{H\x06Y\xfb\xd9\xf8\xf1\xf2\x03\xb0l\xc2\x85!\x16FJH\xe1\xd9\xdd\xd2\xb8\xb1&gt;\xd4\xbf\xc4)\xc4\x05v\xc7+\x12\x89&gt;G"\xdd\xee\xf3\xe0\x19\xc0~\xbc\xc7\xcf\xc6\xdbc\xdb\xe2\'\x84B\x02\xc7pRH\n\xcf_\'\xc7\x8e5\xf9\x1aG\xe9\xca\xe7\xf3\x0c\x06X\x1f \xeb\xff~\x1e \xae\x7f\xb0\xa0\xe1{&lt;~\x0c\'\x16\x80\x8a \x85B\xd5Uo\xec\x7f^\xe1|\xe8\x15\x92\x08\x0b\xda&lt;C\xc0d\xca\x05\xa2~\x1fz)\xc2zC\xf1\xf2R\xcc\x81fF\x8bJ\x18F\x18I\xa1J\xf5\xfdb\xec\x7f]\xe1p\xbe\x15\xa0\xa1Rt^o`0\xe5L&amp;S \xb8\xbc\xec\xdfBU\xbd&lt;\xbdG-\xc6Es\x07\x0c*\x0b\xb0\xf8\xaa\x12\xc8\xac\xf1c]\x14@DP\xfa\x94^\x0f\xd9\x02\x95\xea\x85\x9c\x89\xf6\x8a\'g\xef\xb7\xa1\xcd\xb2"\xe6\x89Y\xbc!\x15A\x90*\xdb\xe9\xbfP\xf1\x80U\xcdi\x03\xc0\x85n\xa0\xa8&lt;\xca\x8cF\x05\x82H\xe1\xe4h(M\xd7\\\x0e\x9b\xc5\xcfC\x1b],.F\x92$\x9fm+\xb5\xfe\r\xac\xff\xf3r\xb61M\xa6Y\x18\xb6t \xd2\x964mj[\xdf6\x9d\x06\x8a\xcd\x14\x9aV7\xa9\xa9\x14Z@2#\x1f\x15\x86B\x02.J\x10R\xb6\x02\x0e\xdb-TB(3\x84\x80\xca\xc7\x14C\xd4\xe1#D2\xea\x8a+\xba\xb2a\x00\xcdX\x88Dg\xc0l\xc2\xfe\x002\xc9\x06Q7&amp;\xf0\x87\xc9Fc\x8c\xd9\xfb&lt;\xc5\x99\x9dd?fg\x85\x93\xd2\xf2\xa3\xc0\x95\xfb\x9c\xf7~\x9e\xf3\xf69\xfc\xe1Zm\xa7\xaeRM[\x1b\xde\xc9\x089\xb6\xf5\'\xe5\xda\xa6\xde\x9c\x12\xc3\xa5c\xf1\x86\xe3\x99Xs`\xa3|\xbeP(`T\xfa\xed\xc2\xaa\xf05\xea*?\x02\x17\x0fj\x1d\x91C-\x9e\xcc\\\x90Yr\tT\xf5\xbf\x95 {b!_l\x12\x8b\x08\xabZ\x9f\xb2\r\xfe@Xf\x9f\xcf\x1c[\xa9\xfe\xe8W\x96#\xc0:\x82\x07O\x16k.\xc89~\xfc\xc4\xd1j\x89H%\x16\x0b\x85hy\xf8R\x05\xa8\xaa\xab\x0b\xbe\xdf\x1d\xbd\x1dX:\xb3\xaf\xd6\xac\x8bU\xcbd\xbc={\xe4\xf2\x93GxZ\x99\xba\xb2\xc2\x1e\x15%\x91\xa2\xd7\x11\x0bMBaE\x92I@T\xfa\xea\xc4\x82\xbfm\x0f\x16}*\xdciF}\xa9k\x98E(yZ\xadV\xf6AZR\xd2\xde\xe4d\xa1\xc9dJ\x12\x9a\xccf\xa1(\x11Z\xe9\xa3\x14y\xdb\x85\xa5\xae\xdc\xe4\x92\xf1"\xa6\xa6\xe4CCCZ\x8b\xec\x83O&gt;\xa1\xcf9MB:\xcdh6W\xa8\x14(w}\xbaB\xbamX2\x8b\xc7\x8c?\xad\xf3\xa8k\x94SS\x0f\x81\xf5\xb0\xceSI\xc7F\x92*jk}\xbe\xda\xda\x8a\n\x9f=\xb1Z\xaf\xafV\xd8\x15\xdb\x96D\xd9!\x8b\xe7Lcgc\x93\xc73\xf4p\xeaZ\xdd\xe5\xcb\xd7\xea.\x9cIK\xd3\xa5\x99|\xbe\xce\xbc\x1b\xbd&gt;_^Ab:\x15\x96t[\xb1x5\x9e3\xe6\xceF]S]\xdd\xb5\xf3\xd3\xd3_\xffy\xba\x17\x1a\xd5\xfaR\x12\xfb\xfa\xda\x87o\xdc\xb8\x992\x0c*\xa4P\x00\xac\xef\xb7\xab\xb6\x0ea\x0bX\xa9376^8?\xfd\xf5M\x8a\xbe\xbeD{yy\x8a\xbe5?7\x97\x8e?\x0c\xb7\xeb\xf5\xfa\x03\x89v`\xa5l\x0b\xd6Wu\xa4\x16\x1c\xd4\xa3;\xd3\xd88}sff\xa6uv\xb85\'3=}\xb8=\xa7\xaa\x84Nl\xe4V\xb5\x03\xab\x1a\xa4\x91\xc0\xfaK\xf6\xd6ce\xa3\x81%,\xb9\xb6\xa3\t\\\xbd\xb3Uw\xef\xd2\xa3*?\'?\xbf*\xb7$&gt;\xde`\x887T\xb5\x82*]Q\xaeR\xd9\x15\x89\x97\xff\xf8\xd5\xb9\xec-\xddrE\xef\xfb\xd3w\xbe4\xb5\x05\x9b\x07e\x8d\xacIg\xee\x9c\xcd\xbdu\xab$\xbcL\x97\x94\xb0I\x87\xf7\x8e\xed2Tef\x92X*,\xd7\x92\xf4\x99\xcf?\xff\xeb\xdf\xbf\x8d\xd9J\xad\xae|\x99\xeb\xd31\xac\x08e\x87\x07\\\xbd3wo]5\\b\x83+\xf1\xc7\xd8T\xcd.\x03\r\x1fTG)\xca\x85*\x01\x96\xc5|\x90\xbe\xd9\x18\xdf\xba\x951f\xf9\xf5\xd5\xdc\xdaX\x99\x96\xa7\x84\xbfk=\x9e\xa63\x9dy\xb3\xad\xb7\x08hs\x90\x86\r\x1f\xe4C\xac\xf4(;\x1d\xa7\x97*\xa2rv\xed\xdcyl\xee\xd9\xf2V\xe9\x153&gt;\xb9z5\xd3\x04;\x05\x16\xf6\xcb\xe8\xc7\x88\xab\xaf5\xd7`0\x80\x89\x91\x19\xe2r\xf3\x99Xt\x1b\\\x85+1*3n\xd7\xce\xf7F{\x1e/go\xc9|5\xa8\xda\xe6\xee\xa6T\xc4\xcaj\xd0]`1\x1c\xaa\xe9\x00Xc^_;\x9d\x1f\t\xe7\x11\x17"\xaa?\x13)\xb4\x97\xd3\xec\x81H\x11u\xfaD\\\xfc\xb1\xe0`\xd7\xcbW\xeb[0\xae\xb5{y\xb2\xadmu\xb8\xfcG,9\xda1\xb4\xb0\x17:o\x0cg\xe6\x1f\xa6\t\x1aC\\\x1c\r$\xc1H\x13\x89*\x8cU]\x7f\xe2\xb0aepppdc\xfc\x1d\'2&amp;{y\xfeI\x1b\xb0RT\x0cK.\xa7\xcd\x035\xb0X\xa7;~\xd7\x99\x97\x9e\xc3\xb8\xe2\xe2\x0e\xe7\x80)1\x05\xe6\xaa\xe2\xf3\x19\x96\xfeh}\xfd\xf17\x83\xc4\xf5\xf8\x15\xae\xc8w\x96\xca\xdd\xeb\xf3\x93O\xfa\xdb\xc2X\xe6X5\xc3\n\x87r\x08\xdd\xe2PGSg\x81\x9e\xe6gN\xe4g\x12\x14)ETa\xb5\x8e\xd6\x1f=\xbc\xf2\xd9\xe0 \x1e\xab\xaf_\xad\xbf#\xd3\x8f\xce\xbe\xf8|"\xf5z\x16\xc3\x9a\xc5\xceT\xf6\x03\xd6\x9e\xa9\x08%\xf2\xa9\xd4\xcab+T\xd2\xa8\xa8\x03\xd5\xd5\xe9)L)\x15\xfa\x1f\xb4\x8b"`\x1d8}\x94a}\x868\x1b\x9c{|\xe5]\xcc\xfb\xc4d\x8f\xcf?\x1d\x18I\xbd~\x90\xb8^\xce\xfa\xe8\x0cY\x18kO\xc4\xd4\x1e\xf4\x89\xf2\x08X~e\x9aI\x18)\xa2\x9e"\xa5\x80i\x85\x8d\xb3\n=\x994\x8c\x95\x1bdPg\xcf\xae\xac\x8c\xaen|s\xee\xffTl\xf7\xfa\xc5\x85\xc9\xd2\x81\xe6\x91/RS\x89\xeb\xfa\x97\xbf?S\xc9\xd4BqM\xed\x81Z\xf2\x88)\xb9Rk\xa9LKJ\xe6\x03K\x92H\x9f\xac\x84\xb1\xc4\x84%\x95\x00\xab\xfe\xeaY\x06\x05\xac\xe0h\xd0\xb9\xfax\xf1\x9bs\xbfx\xb83\x1a5\xf5\xfcAi\xff?a\x1d\\\xcdC\xf3Z\xa3U\x86\xd5\xa2\xcb\x91*_+#,\xf1\xc7\xc0\x92(\x80U\x8e\xa6\x8ca\tD\xac\xb8\x0e\xbf\xd9\xa4\n\x02kettt\x0ed\xe3\xbfd\\&gt;:&amp;{\x1d\xd9\x0b5\x13Vi\xf7H*\xa51\xab\xed\xe5M\xac=\x9bXS\xd4\xea#\x94C5\xb2\xd84S\xb2XD\xe7VPY\x91\x82\xc8H\xd6\xc3F\n\xc8O\x0f\x9c.\t\xbe\x15k\xc5\xeb]\tz\xbd\xc1 \xc86\xae|\xfb?\xfeo\x8d\x98\xdd\x9f./&lt;\xed\xd6\x04@EX\x03a\xb9\xb2\xda\xae\x7f\xa7\x83XZ\xba[\xc3\xb4B\xbd+\x95\xda\x0e\x8f.\t\xa5ET\x12\x85\xdd.\x10\t\x80\xa5\xa2\x86_\xc0j\xfe\xcd\xd9peA-\xe7(\xb0\x9c^(6\xea\x9d{M\xc9\x8c\xfe\x99d\xd11\xfb\x96\xe7\'\x1ft\x1b\xdd\r\xa5\xa5\xe0j\x06\xdcH\xf7\x17\xa9\xbf\x01V\xdb\xebi\x99\x85\xb0\x98^\'\xa9y\x85X\x1e\x9d\xd9\xc4\x17)\x08\x8b\xb8@\xc5\xe7\xd3\x9d\x081\xf4\xb2K\xa22\xdf\x10\x15q\x05\x83e\x84\xc5q\xdeQ/\xa19W\x9f-\x8e\xff\xbc]O\xcc\xfa\xc5\xc9\xfeP\x83\xbb\xcc\x0f\xaa\xb11|\xb9&amp;\xfa\'\xba\xdf\xca\xf5\xa2\xc3r\x88a1\xa3\xa7\xd0Z\xd4\xba\n\xda\xc3Hh\x90\x92\xb0"\xd9i\x11&gt;9W\xa4@\x11u\xf7\xec\xe0[\xb5\xbc~\xe4\xcfYV\xe6d\x014\xe7\xdc\xda\xc6\xc5}\xffE0T\xd4\xf8\xc2\x93\xe6P\xc0e\xe4\xca\x8a\x9aK\xc7\x1c\xcd\xfd\xa5\x81bM?\xcb"\xe4\xcaj{|\x9e\x0ex\x86\xb1\xe4JdS\xc9\xb3T"\x87*\x91\x82\x8erR\x0f\x8b\x14\x8a\xa9\xb6@\xa5\xe2\x0b\xec\xc3A\xb2\xd2\xb0m9\x97F\x89\n\xe1\xe4\xf0\xc4y\xbd^\'\xb7\xfa\xec\xd5\xf8\x7f\xaa\xb2\x18\xaa\xa8\x90\xc3as[9\xab&amp;T\x1a\xb2\x85PZ\x01\xb7\xfb\xd1\xc4\x12a1\x8fx\xd1\x01,*.\xe4\x8fG\xa1\xadQ\x03K\xcclk\x93J\x98,\x16\xd3\xcd7`E\xa6\xdc\x1b\xec\xa2\xa5\x87qY\x978\xae\xcc\xef\xcf\xf0\x13\x99\xdf\xef/\xe3 \x1aW\xb6\xf4z\xf1\xf6\xbf\xb3\x7f@M&gt;\x18\x088H*\xa7\xb5e\xac9d\xb3\x8d\xf5\xf7O\x80q\xa9\xdb\x18\x96\x0b\x96\xfa\xf8&lt;rH\\$\x16\x1aj\x1e%1\xc9$\xe4\xd3\xadR\x89B*\xe2\x0b\x93M\xd0\x8a\xcd.\xc2\xec\xfb\xe6\xba\xba\x06\xbb\x18Y\x19g\\\xe2@\xe1\xcf .\xd0\xd1+\xc7\xc4[Z\xdb\x80d\xd1\xff\xaa\xa4\x9e?\x08$8\x1c\x01\x8d\xd5\xeb\xb5\x169\x9a\xc7\x12\x12\x12\x1a&amp;F\xac\x14\x13\xdd\xeen\x14\x17\x93\xeb\xf5\x87\xb8\xfa(\x8f\xca\x9f`Q}K\xa5R\x01_\x9c\x8c\xa6\x9f(\x05PKU07HT\xf8\x1a\xf4\xaf\xad\xf9\x9d\xa8-\xaf\x97+3\x82\xc8\x9fQ\\\\\x8c\x17R\x0f\xb1\xf4\x08U\x16\xf3SC\x18\x9f\x7f\x12jH\x088\xc6\x1c\x1a\xab\xd3\xe9w\x05B\x0e\x9b\xc6m\xb4Z\x8d\x1a\x17\xd4[r\xb97\xad\x0b\xde\xf5\xe2\x1aa\x11\x97\x16;\x1b-\xf3x\xac=t\x0fWDwG\x08K\xcc\xe6&lt;#U\xe53\xc4\x14\x8e\xb5\xfb\xcf\xb8 \xec\x81\xe3P\xecN+\xc8\x8a5-\xc5\x19\x14\xec\xd9\x18\x96l\xd3e\xc3u\x1ej\xb0\xd9\x12\x1c!G\xa1\x11\xef\x07\n!Y\xad\xf8.!\xc1\xe6\xf6:\xdd\x1a7\xb2H\x17c\xd6\xc1\xd5i\x1e\xefmY\xd5Xj,a\x8f\x87[\xd1(,\xc3b\x0eO6\xc1R\xd8\xd5\xd3\xd3C\xcf\x8fnop^\'e\x90\xf3\x06\xc9\'\xfc\xf8\xf5EE\xc5\x14---\xecu\xed\xd9\xe2\xf2\xa7\x04\x06\x97Zx\x1a\xb0\xb9\x88\xca\xe1\xd8\xefr\xbb\x8b4(\'\x8e\xb3\x1a\x8b]\x856\x9b\xcb\xe5BZ\x8d\r\x13\x13\xc0\xbaNr\xa5~~~\x88%\x90\xc7\x03\x93Z\xa6\x8e\x85Z\xc0\x12\x89\xde\x97\xbc/"\xaa\xb0X*\xb1/\xe5\x1eA\x9db\\\xdd\x8b\xbf~\xbe\x94Q\x0c}\xca\xe0\xa7\xe0\x02\x98Q\xa3)\x02Y\xcb\x0f\x91\x911\xb2v\xff\xe2\xfa\x8e\xf5e8\x82\xc3\x81:\n$\x04@\xa7\xd1\xb8\xdd,y\xc5\x1a\n\xb7[\x03\xe94F\xe3\xc4\xe4\xfdGo\xe5\x1a\x99\xfd\x90\xb0H.\x8b\xba2V\x97\x96\x94\x04;\x95"\x85\n)\n\x1e\xd7!_\xc0\x16\xa0\x82\xd6\xb9\x9e\xae\x9eS\x84\xd5\x03\xb1\xee\xdc\xef\x06A\x06\x99\x03G\xce\xc0\xc2j4\xba5E\x85\x85\x85\xc0\x03 \xaami\xed\xd9\x0el\xf0J\x9b\xc7\xc86\x1f4\xb84\xe1(b@,\x8b\xac\xb8H\xb2\x81\x85\xdb\xcfS\x99Ide\xa5\xce\xdd\xe8`XZ\xba\xe3FZ\xd1\x82\xa8\x90J\x15\xf6H\xa1i\xef\xded!&lt;\x8b\xaf\x12\xe6\xb5\xdf\x03\xce\xa9S\x8ckb\xf1\xce\x9d\xf9\x81\xa2\x16#Q\xf9\xc9!`\x0e\x9c\xd5\x8a\xe7M\rl\x81\x04[a\x11\xab\xb6\x1d\xa5\xa5X\xf6\x9eL.\\\xbc\xbd\x10\xb2\x15\xba\xc2\x81\xf7\x18\xe9\xfd\xf89\xce\xeav\xed\xdf\x9f`s=_\x7f\xf5\xa3\\\xf7z\xebP]\x87\x0emb\xa1\xb2\x14\x12\t\x15\x960\xe9\x1fM\x9boh\x1aw\x18\xc7\xdd\xeb\x8e\x9bpe4\xd9,M)\xf4\xbaC\x92\xdd\xce\x1d\x12743n]\xa0\x7fh8/\xe2 \x14\xb2\xd41\xc6\x06\x0b\xc4\x83\xab\xba0\xfa\xa6\x9b,\xbb\xc1\xee\x16\xa1\xb07c\xde\xe8\x0bE\xd1ZV;\x04aQV\xcc\x0b\x9bwKc@H\xdf\xe4MBS\xc6\xbe\xcfO\xd3\xe61\x1a#\xea\xefs\xdf\xe7y\xbe\xbf\xe7\x12369IX\x98m\xae\x9e\xff|}\x88\x95\\M\xee\x14\x84\xb8U\x89-\x93q\xa1\xf3\xaeS\xd9\x8f.{\xfd\xb8A\xc5\xa3j\xfc\xedF\xbf\x97\xce\xe9D\xe6\x9a\x07S\xabP\xe39\xaeUW\x90J1\x00m\x904/;\x0e\x1c\xce"\xd4\x9a\x85v;\xb5Z#4\xe4J\xac\xdf\xff\xf3\x0e\xb9\x03\x92xaj\xec\xedq\x86\x85j\x1f\x9f\x98\x9a\x1a#\x13{\xed\xc4\xd2\xd5\xf3\x97\xd7\t\xaad\x18\xe0\xb2\xbbB-n\xed^\x07\xd54\xd9\xc2\xa5\xbb\xac\x19\x97\xf1#\xcb+ w\n\xf1\x82\xd5\xe9o7\xeb\xba\x8b1\xb9\xdd\xee\x0c\xdf\xa9+,\x80v\xda\xbb8\x0c\xaf\x97\x11\xc2\xf5\x1b5\xb7\xd5\x0c\x85l\xda\x82f\xf2\xff}\xfb\x90v\xc6S\xf4\x99Jp`\x06\xa4\xff\xb6\xa6\xdf\x11\x9e\xa5J;1\xfe\xd5\xd2\x07\x97\xef\xe7W\t\xca0\xecd\xb2\t\xb1\x84B\xdb\xef_\x9e^\xa1\x12\xba&gt;J\x0e1\xed\xf5N\xaf\xc4\x96/\xb1M\xa8m\xc5)\nV\xab\xe3bL\x14\\\'\xa8\x0c\xb9\xe0X0\x06Ea\xce\x05u\xa90\xf3\xdd\x1a\xf7\xb4\xe1\x84l\xc8\x15\x9eI\xdc\xfd\xe4\xd7\x0fiv~\xfd\xe2G\x17&gt;\x9d$\xb9^}c|\xe2\xe6\xc9w\xdf\xb9\x01\xb9&amp;\x17\x16\x16\xde\xbfve\x1d*\x954\xc3\x86Zv\xa3\x16\x8f\x0b\xf1\x9d\xc5\xd8\xca\x9cj\xe2\xb22\x1d\xa3\x0e$C\xf5\xb3\xfa\xf7N\x0f\xb1(\\\x03$\\\xf9*\x88|\x03\xaeYUT|A\x91\x99\x17\x90\xfc\xe8\x95\xb6%d$\xab\xe7\xd8\x06\xe4\n\xdf\xca\xffv\xe5\xa7\xdb4\nB.`\xbd\x07\x8f?\x81\xb3\x8f3\xa7.\xbe\xf9\xe5\xd8\xd8\xd4\xc4\xc4\xd2\xc7\xd7\x1e\xe4\x93\x86\xa1\x19I\xc2jbIA\x887\xf49S\x94e\xd3\x94MU\x17\t\xce\xeb\xa5q\x02E6\xed\xdd}\xc6\x90\x04\x84\x8b\x888\x8aZUI\x81+\xe8ci\xa4\x1acf\xe1\xa5\xfeE4\x0b|&amp;S\xae:\t4#\xca+\xf4\xc3[\x7f\xfd\xf3hcc\xe3\xf7\xdb7(\x8b\'\x90\xc1\x9b\'\xcf\xd0\xdf\x0e.L\x9d;{\xee\xbb_\xee?x\x82\xf4i\xc0\x02\x1c\x13\x0b\x0b\xb6r\x01\xd9\xe7\xf3\x89\xa6\x98\x92eQEc\xf9A5\xea\x8d\xc5\x16\xfd\x97\x9e&lt;;\xa2\x1a`\x11\x97\xbb\xbc\xcd\x94\xc2\x8b\xa0\x16\xf3\t\xd6\x94*z\x16\xb9\\\xdc\xa9\xf1\x19.\xd3\xb9\xe5\x84\x18W8\xff\xef\xfa\xc1\x16\xc5\xfe\xfe\xfe\xcf\x13\xe0Z\xf8\xec\x8bW\xe8\x13\xa9\xb7\xbf~\x88\x87\x9e\xaf\xaf\xe7\xed\xd2\x0b\xaa^\x81a\xf1V;\x87\x05|QY\x96\x03*\\\x1bTT \xd9\xd9\x18\xb6\x9e\'\xdd!\x940L"\xb8\xdc\x9b\xdb\xb2\x12\x8dF\x89JE\xca\x89\n\xc6\xaf(\x90{.\xb6\x98m\x08&lt;\xda\x02YL\xb0\xb9k\xc6\xfe\xe6{CK$\xc2\x89D\xe8\xe0\xe0\xf9\xfe\xfe\xd2\xc3;\xf7\xee\xdd\xdbx\xb4\xb7\xb5up\x102\x8c\xd5U\xe4O+\x19\xb6\x9d4\xec\xd0\xb3\x1a[\x90+7\xdaE\x1f\xd6\x88\x96\xe6\xa8\x1d\xe1]\xa3\x18O\xb2\xa7\xb1^\xb6\xb2\xdb\x05\xf8q,n\x80\x15e!\xaal7\x80\xf1\x82\nR\xa3@M\xbd\xdd\xe5\x057\x97)\xf7!\x17\xd4\n\x87\x13\xf9UPE\xc0\x15\x8eD4\xa0m\xed\xed\xedm\xf5\x1c\'\x11\xd1\x100*\x8d\xd7FJ\x03\x00\x00\x02\xdeIDAT\n\x0bXv\xc8\xe9\x97\x85\x9a\xc0\xf3\x02W\xeb\xee\x14\x8b\xbe\xa0l&amp;Wi\x84\x00\xd5\xe3|\xa5\x92\x9d\x9b\xcbbFaX\x08!\xfe\x12+\xb3\xb9ML%\xb9d\x9a\xb4\x0b\x98\x01\x91\xa4\xa2(\xc9\xb2\xde\xb6\xf0\xa6n&gt;\xd3\xea5\x1d\xc7\x99\x01\x97\xbd\x1a!\xac\xc8Q$\x1c\'\xccx)B\xc9$\x14\xd3\x12N\xb3\xb9\xd3\xef\xb6\n$\x02\xad\xf8w\xb7\x9d\x0b\xfa4\x836\x19T\xed\xe3\xc7\xd9\x90\xe3@P\x15X\xd9\xddF\x9c\x7f\x81%\x1da\xad\x01\na\x9a\xf8\x02\x8cBPt\x07"\xa6tx4\xb2\xc8K\xe5V\xb7\xd1\xa8V\xfb\xdbk\x8e\xad1\x1cM\x8bh\x910\xdda*\x0e\xc0B((\xa3W\xed\xb4\xacB\x99t\xaa\x91ZX\xa5\xdc\xa8\xa4p\xe0+1\xdal\xb3\x95v\xb3\xe9\x80GM\xdaY\n\xd4/\x9e\x04,\xc1%y&lt;\x12qe\xacy\x12\x0bj\x95\xa8\xc2\x94\xa1RA\xaa\xd0\x92Q\xa1W\xf0n)#e(\x9e&gt;\xdd\xb4:M(\x85\x8cQ\xce\x18_\xe8\x08+\xec$\xec\xac=\xd7\x84\xc0\xfc\xe0\xf0\xe9\xca\xb06\xfb9,\x92Tu]\xaf\xd4\xe7\x9b\xf38m\xd0m\xddV\xd5\xac\xaa\xd7\xb3;\x05\x8e\x9e$\xc4y\x97\xc7\xed\x91$\xe9\x8f\x01\x96\xef\xd0\'\x13\x95L]\xcc"\x18\xf4\x05\xa3\xd1\\\xa5!p&lt;/y2\x197\x0e\x83\xe0\xf8r\x15\xef\x1aNP!\reKD\xc2P\rZa_C]\xf6\xcb\x03(Z\t\x12\xb0o\x85\x9e\x06\xac(f\xe0zq&gt;\x9d\xce\xa5\x10"\x18S\xb6\x9a\n\xea\xed\x02S+NX\x14\x12th\x91Z\xd1Cj\xde\xa8\x1c\x85Q\xc0\xc3X(Q\rX\x19(*yFH\\:\x0epup\x12\x89\xb7.B\xb1\xa86H"nd\xac#\x06\xc4\\.]\xad1\x12\x16C:\xbe\xd0\xcb\x81\n\xb9H\xe1\x9c!\xa5c\x9c\x0b\xe0\xc9\xa2\x9e2a\xe0bs\x88\xc5s.7Q\xd1:\xad5"\xf2\x1dB\xb0(\x13J\t\xd2\x05\xe1#\xb52\x12\xe7\x96&lt;/C\x92ZkD\xc5B+A1\x03\xf9\x94E\x1a\xda\x028\xe1\x9d\x9f\xaf\xd2\x12/\xb8\x06dV3\'\x9b\xa8\x14T\xadJ\x96\x08\xac\x80.\xeaf\xce\xa4\xbb\x0c\x0b\xe9\xe68\x97\xc4\x8e\xdf\xe3\x01V:\xa8\x88\xa9"\xb8H(H\x95\x1a\xa8\x85\xf2\x1a`\xe1i#\xc7\xb8\xac\xed\xb5\xb5\xc1\xac\x06\xb0bD3mY!\xa5t\x82J\xd7\xeb}\x81\x01\xfd\xc8\xbe\x88\t\x17+\r\xbfQUj+\xa4\x19s\xba\x1e\xd0\xa1\x99\x9eS\xe70T!\x89\x83t\xf3\xe8DT\x97\x07I\xec\xac\xcd\x17\xb1\xed(\xe0:\xf4a\xd7\x0e*\x0c\x0bj3,\xb7$\xb9=##\xc7\xd4bX\xa4X1\x98\xca\xe5\xeaHF\x10\xd3\xad\x9eK\xa7\xf1\x10j\xa6Z\xe3\x8e\x07\xab}\xabN\xaeH\xfec\xc2\x81\x005\x0b\x1a\x1aJq\x96\x81}\xb7\xc0\r\xc4\x12\xfe\x07\xd0\xd15\xa5*\xed\xf2!\x00\x00\x00\x00IEND\xaeB`\x82'</t>
        </is>
      </c>
      <c r="M426" s="3" t="n">
        <v>45492.67773148148</v>
      </c>
    </row>
    <row r="427">
      <c r="A427" t="n">
        <v>1047683</v>
      </c>
      <c r="B427" t="n">
        <v>1958</v>
      </c>
      <c r="C427" t="inlineStr">
        <is>
          <t>Matheus Nascimento</t>
        </is>
      </c>
      <c r="D427" t="inlineStr">
        <is>
          <t>Matheus Nascimento</t>
        </is>
      </c>
      <c r="E427" t="inlineStr">
        <is>
          <t>CA</t>
        </is>
      </c>
      <c r="F427" t="inlineStr">
        <is>
          <t>ATA</t>
        </is>
      </c>
      <c r="G427" t="inlineStr">
        <is>
          <t>CA</t>
        </is>
      </c>
      <c r="H427" t="n">
        <v>182</v>
      </c>
      <c r="I427" t="n">
        <v>90</v>
      </c>
      <c r="J427" s="2" t="n">
        <v>38048</v>
      </c>
      <c r="K427" t="inlineStr">
        <is>
          <t>Right</t>
        </is>
      </c>
      <c r="L4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b7a60bf5-25f9-4364-9e66-c2d80e956a8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d\xa1\x889\x00\x00\x03\x00PLTE\xff\xff\xff\xfe\xfc\xf62-)72/\xfe\xf8\xf3\xfd\xf6\xee\xff\xfc\xf7\xfd\xf8\xf1\xfd\xfa\xf4\xfd\xfd\xf8\xfc\xfb\xf6\xfe\xfa\xf2\xfe\xf7\xf0&lt;74\x1b\x19\x16\xfe\xfc\xf440-\x1a\x17\x14-)&amp;\x1f\x18\x13\xfd\xcd\xae\xfe\xfe\xfa941\xfe\xd1\xb0!\x1a\x16.,(\'\x1f\x1b&gt;96&lt;412/+\x17\x17\x14"\x1e\x1a\xfe\xfc\xf5\x17\x16\x10\x1e\x1b\x18A;90*\'%\x1b\x17\xff\xfa\xf4\xff\xfb\xf5\xfc\xf5\xec\xfa\xf3\xeb\x1b\x16\x11(#\x1f\xff\xfe\xfe\xfa\xf6\xef\x15\x12\r\x14\x0e\x0b\xe1\xad\x8e\xfc\xfc\xfb,%"\xf4\xf3\xf0, \x1c\xf7\xc6\xab\xfd\xc8\xa8:2/\x18\x14\x122\'#\xfd\xca\xb58/,\xfe\xcb\xab\xee\xbb\x9d\xf9\xf8\xf4\xf9\xf9\xf9E&gt;&lt;?74\xfd\xce\xb7\xf5\xef\xe7*\'$6+\'\xdd\xa7\x87\x19\x11\r\xfa\xcb\xab\xd5\x9f|\xcf\x99x\x14\x14\x12\xf0\xef\xee\xb7\x86e\xfd\xc6\xb3\xc9\x95s\xe8\xb2\x94\xff\xfe\xf9\xe3\xb0\x92\xfd\xc3\xaf\xfe\xdd\xc4\xfd\xc4\xa4\xeb\xb4\x96$"\x1e\xbd\x88c\xff\xd3\xb3\xff\xfe\xfc\xfe\xce\xb1D&lt;9\xc4\x91n\xfd\xc6\xa7\xfe\xdc\xbe\xf6\xf5\xf32$\x1e\xf9\xf1\xe8\xf3\xc0\xa4\xf9\xbb\x99\xba\x8bi\xfe\xd0\xba\xdf\xaa\x8b\xbf\x8dl\xf7\xf2\xea\xf3\xb3\x90\xff\xf8\xf1\x8c\x89\x87\xfe\xd3\xbd\xfe\xfe\xf7\xed\xec\xea\xf1\xeb\xe3\xf1\xbd\xa0\xea\xb7\x9a\xfc\xc2\xa1\xa2\x9f\x9d\xc4\x8dhB95HC@\xfd\xc0\xab\xdc\xa4\x83^YW\xef\xae\x89\xef\xe9\xe0\xe5\xa3}\xf7\xbe\x9f\x86\x81\x7f\xbd\x83_\xfe\xd5\xb6\xfa\xc2\xab\xc4\xc1\xbf\xf9\xc2\xa5\xfe\xd9\xba\xc1\x89e\x94\x90\x8f\xcb\xc8\xc7\xfc\xbe\x9e\xe5\xaa\x8d\xf4\xc3\xa7\xadz[\xf0\xb7\x99\xfe\xd6\xc1\xe7\xaf\x8f\xfc\xc7\xaf\xd4\x9aw\xb3\x82`;)!\xd8\xa2\x81\xe4\xe2\xe1\xbazY\xfc\xbc\xa5\xdf\xdd\xdd\r\x0b\n\xd6\xd3\xd2RKI\xbe\xbb\xb9LGD\xf7\xb7\x94\xdc\x9cz\x1e\x14\x10\x7fyw\xb9\x82a3\x1e\x16\xea\xa9\x84\xae\xaa\xa8\x9ciN\xeb\xe5\xdc,\x1b\x14oig\xf7\xb7\xa1\x8dkY\xc9\x8en\xb8\xb5\xb4hb`\xa8\xa4\xa2\xe9\xe7\xe6\xdb\xd8\xd7\xd1\x93sWQP\xf5\xb5\x99@2)\xfe\xe1\xc6\x9c\x98\x96L7.\xef\xb2\x91\xb4\xb1\xaevqo&amp;\x17\x11\xadjLT1"\xe4\xa7\x86\xcf\x9e\x82\xce\x90oxQ=]I?\xd1\xce\xcd\x81ZEU=3\xff\xfe\xf7`A2F&amp;\x19\xa7sU&lt;"\x19\xaf\x81d\x9abD\x8c`I\xc4\x82b\xce\x88gI/"kK&lt;\xd0\xa3\x8c\xb3rU\xf8\xbb\xa8oTHrD-\xe7\xe0\xd8\x9dr\\\xa2aA\xc4\x97~\xf3\xcd\xb4\xa5zc\x80K1\xf2\xad\x99\xee\xbf\xa4\xb9tLL&gt;8\x93W7\xec\xab\x93\xf0\xc4\xaa\xfa\xe7\xcf|`S\xd9\x8fv^7(\x89V&gt;i:%\xf6\xec\xe1\x97|k\xe7\x9a\x87\xd8\xb0\x99\xe3\xb6\x9b\xaf\x86q\xb6\x90|\xba\x8bs\xe0\xbe\xa9\xd6\x90g\xd4\xbe\xaf\xe0\x92}\xf4\xe0\xc6\xff\xff\xf9\xe0\xcb\xba\xee\xd9\xcb\xa0\x8b|\xed\xd3\xbc\xba\xa7\x93\xd5\xca\xc0\xa2X\xfaw\x00\x00 \x00IDATx\xda\xccX\xefo\xd4\xd8\x15E\xc3g,\xcc\xab\xaa\xc7#\xf8\xc9\xc6\xef\x8b\x1d\xd9\xc48`3\xa2\x13\xa2x\xbd0\x11E\xbb]YZ~\x08k\x11\xac\xa2TQQ\x16\x96Di(\xd9\x92\xacvK\xa1\x03Q\xc8\xcfI\x07\xd0\xa0@\x80D\x11\x03\x19B~\x90hB 0\xc9.\x11\x9b\x85.\xb4UKP\xd5\xa5\x15\xdf{\x1d\xfa\'\xcc\x84\xbd3\xb1\x9d\xf8\xc3\x9c9\xe7\xdcs\xaf\xb3lY\x0e\xaa(\xb2\xa1\xaa\xaa&lt;R\xb4\xec\xa7S\x85\x91\xb3\rW.4vWVV7Um\x88\xfcDP\x957\xd4wlZ\xd3v\xa9\xb7\xb7\xe3p\xc9\xd5\xa6+\xd7\xdf=eE\xfbZ+\xfb\xc3\x94[\xd9Q\xd3\xdf=\xd8vDm\xbc\xde\xd8\xdf\xd0R\x15)\xfa\xf8]\x82\xba[\xb9\xdbD\x1c\xef\x95\xadY\x19\xaa\xe9\xefX\xbb\xfcF\xf5`wkS{C\xeb\xdd\x96\r\xef\xc8R\xfb\x9a*\x8f\xf8\x0cKT\xe2xQ\xf4\xa8\xe4q\xabk\xfaK\xba\xdbo\xdd\xbd0\xd8\xd6\xd6\xd8\xf2.\xd4,l\xa9\xdfm\x1a*F\x00Kb\x92\'IT\xe0\xd1\xbaM\xb8\xa6\xa6\xa3\xbb\xbb\xa6\xc3\x08\xd5\xdc8\xbb\xf4\xdd\xd7\xd0o\xdb6\xe3$I\xe2y"\xab\x12\xc7\tQ\xa1l-\xa5\xebV\xafZyd\xcd\xd6\x82\x90-\xb7U_+*\\JWUU\xaf3\x88A8\x9e\x07\x059\xc0\x04W\x82\x10\x85\x93\x17T\x99\'\xcbj(\xa4\x1a5\xb7\xca\x97\x0eW\xe1\xb5z\x1av\x08\xe59\x8b\x87\n0Yp\xe4\x04\x01\x0e\x12G\xa1&lt;\xea\xad\x06\x89)\xadlY2\\g\x07e\xdbV)\xc0\x11\xa4\x80*Q\x13\xe02(n\x11\x9f$\t^\x19U\xbdU2V\xd5\xde\xd6%\xc2u\xad\xd7\xf0\x1d\x83RN\x02;\x01,K\x14\xc1X\xd1\x00\x96$\x88bp\x8ezep\xc3[%\xa9\xb2\\\xd3\xb4$-Y^o\xd8\x8eI)x]\nd\x03\x82\x041\x1a\x05c\x89&lt;\xb7\x08\x0b\x10\x02a\xc0\x9a\x07j\x12uE\xfb\x12L\xa4}\xd5\xb6\xe98\xa6ZF\x01\x96\x08\x96\xb78^\xd7\x01\x90\x00\x90 \xc0D N|\xab(\'Q\xc8\x0f\x03\xafh\xca\xbb\x8e\x91[\xb6\x19\xb6}\xfb\xe7\x9e\xc5S\x0eX\x013Y\xba\x08\xec\x00*\x05~\x808\xe1\xff\xb8\x804hSUfmw\xf3\x8d\xebz\x7f\xd2\xb6\xe5p\xd8\xd0\x14\n\xad(\x81\x84\xc1\x1b\xd4\xe3\x17\xdf\xa2h\to\x8d\x06\xbe\x0bZ\xc0\xf3B\x84\xd4\xb4\xe4\xd9X\x83\xb1\x98-o\n;\xaeK\xc0]\x10\x08\x9c\xa2\xf0\xbc&amp;\n\xa2\xf0V?eQO!j\x05\xd0x\x8cx\x8e\x12B\xba\xab\xf2\xc9\xd7\xbeJ\xc34\xedM\x05%*\x0e\xd2\xd4\x92(\xe64\x8c\xc4(\x18\xcc\x12\x02X\x82%rAg.\x9a\x0b\xe8\x84\x97\xa4RRv+\x8f\xb6/jX\xceL\xdf\t\x85\xc2\xaa\xea\x84)/P\x80\xa4`E\x14x\xc0%\x88\xc0\xd0[\xe2 \x1d\x00U0)\x83\t@=\x83\xf4\xb7\xe43\xb1T\xc6|;D\x18\xc1\x8e\x83yKB\x18b\x1e:\x10\xdc\x05\'\x1d\xb4\xd3@\xd2(\xb7\x98\x1b\x1c\x95\xa8\x07W \xa3J\x07\xf3FW\xe4\xaa\x01\x1a\x9a\xc4\xa0\x18\xab&amp;\xe1-\x8b\xc7\x98\x13]\x11\x9c\xcf\x07\x06\xd3\x04\xc1\xd5\x14E\xd3 \xfd\xe1fpWU1\xc3\x98\x10ue\xbe\xba\xb1\xf0z\x07\x01X\x0c\x03,\x12\xac4\x16\xaf`\x04\x9f\x8f\xa8\xc7[\n\xa7A8\x08\xba\xee"\x04\xe6\xe2\xa2\x96\xc4S"\x12\x99A\xa9\xc4$\x83\xe5y\xf2{7a\xa6\xed\xc7\x19\xa5*\xc1\n\xd8FA\x08\x012\x04\x83\x88\x0fP\t\xa2\xe6&amp;\xd3&gt;s\x83i\xa4q\x12\x911\x1f2\x183\x0cL\xcc\xf0\x95\xfc\x0c\xa1\x86\x02BL\xdfD\xa0\x0c%\x8aK\x80\x15\xc8.B@#0\x91\xa0Y\x8a\xc6\xeb,\x9b\x8d\xa5]\x8e\x8f\n\x9a(\x11C\xd5T\x99`C\xa5\xcc4{\xf3\xb2\x16n\x18\xb4\x97\xaf\xb0\x13I\xaaR\xd5 .6xE\xc1\x9el\xc71@cX\xe3\x91%h\xee\xd4\xe4P"\xedZ\x96\x16\xd54\x05le!\x15\xa8\xf2(6\x89z5\x1f\xaeo]\xc7\xa9a?\xe1\x13\x98\xbf\x1e\xd2\x15I\xd1D*\xbfH&amp;\xc1m\x8c\xc5QP\xf1t";\x99\x88\xeb\xd1\xa8\x06\x01\x06\xb09\x0e\xa1\x10#\xaaD\xc1amy\xd8\xbd\x8anm2Mg`l\xc2\xf4\xca\xb0\xe2\xea\x9a\xa6\xe9\xbc\xe7\xbc\x88%\x92Aw"\x8cX2\xc1\x10\xf2\xd3H?\x07l\x89\xd0\x99\n\x86\x9dZQ\t3$\x15!\x93U\xe7\xde]\xd7.\x99\xc4O\x8dM\xc4\xccU2b\x00\x0b\xd6\x06"\xd9c\xa9D\xcc\xb1\rU\xb2\xb0\xed\x9bX\x04\nu]\xd7\x14^\xb44\x80\xc6I\xf0\x15\x18V)U\x14B\x8e\xe4\xdc]\x1f7\xc1#!\x99\x18\x9b\xb0\x8d\x02\x193\xd7\xd2uN6\\\xb9m\xc0wl\x93@o23\xc9\x18J\xa7\xa19\x15\xd3\x84\x83("\x85\x83F\xd5\x10\xd8\x0f\x16k\xc3\xb0\xab\x0bs\x1f\xa51\x12\xf7\x07\x0e;\xb6J@2W\x01/\xb3\xf8\xee\x8e\x81\x01\'\xee\xa6}\'\x16\x9b\x82J&amp;\x93 $2\xe1\x01R\x01\rQ\xd0\xa8\x08AG\xf0\x02O|\xb3\xa6*\xe7;\xa9]\xa0"L\x1c\xc7\x97$\xc2T\xc7!\x8a\x12\xf7_,wbN\xda\x9f\x1az\xf5\xec\xd9\xdc\xb3\xb9\xb9W/\xb3\x93S&gt;#\x90]\x9a\xc2@=\x83`\x18&gt;\x18#\x85\'&amp;\xcbuv\x15\xb6\xb4\xc1\xc3\xaa\x1a&gt;\\"\x13\t\x02\xbclw\x08#\xf8\x15v\xc2\xad\xce\xd0\xb3\x07__\xde\xd6\xd5\xd5\xd5w\xf9\xf2\xc3\xaf\xefM\x8f\xa6\x06\x1c"a\x1cG\x0c\xa2#.jJ ,\xc02I\xf7\xbe\xdc\xf6a\xfb\x0b\x07V\x01\xfb\xc5Vj\xe9\xe7\xe2iF\x10\xb3\xc3\x056\xcc;6t\xff\x83\x1f\xfe^Z\xbc\xe3\xf3o\x8b\x8b\x7f\xf3\xde\xf6=O\xc7S\x03&amp;\xfc=\xee\xc6\xd3i\x86\x14\x80\x05\x03A\xe3!\xbap\x7fnM\x1f\xa9&gt;\xecPN1\x07\x0c\xb5\xccMLNN\xe9\xba\x820\xa38\x99\xed\x99\xfd\xfe\xf7\xbf:y\xe0\xc0\x8e\x1d\xc7\xb7|0\xbc\xe7~\xcf\x0ctk"\x99H.\x9a\x1f\x81\xc7\xa2\xbc\xc4C\x9a@\xba\x91p{NU\x8c\xd4\xfb\x0c\xbe\xb2\x8c1\xf6\xd2C\xaf\xe6^\xfa~j\xc0\xb7\xed\xd4\xbff\x7f\xf8\xbe\xb4\xf4\xe4\xc9\x03\x9bw|X|p\xfei\xcf\xf8\xe3\xaco\xc7b\xa9\x99\xd1L,ii.\xec\xf7\x16l\x18\x9a\xc6q\xc0 \xaa\xcf\xe9\x7fr~q\xc9g0u\xd6\xa8(\xee&amp;\x87\xe6f2\x99\xc7=\xff\x98\x80\x1a\x7f=?\xff\xef\xe3\xa5\x07~\x1d\xc0\x9a}\xdd3\x03\\%b\xd9\x99\xa7\xb3\xc3\x9f&gt;\x19\x7f9\x15\x87\xf4\xd2@G\x17\x16l\x04\x01\xb2\xeez.3\xe2n\x9b\x8f\xa5\xb5\xf2\x9a\xd5(\xae\'\xa7\x86f2/3\xa9\xec\xd8X&amp;363=?{\xe8\xd4\xe6\xcd\xc7\x8f\x7frh\xf8\xfe\xf4\xe8hf(;w\xef\xcc\xdf\xfer\xf0\xcc\xe9\xcb\x17\xe7&amp;\xe3@\x98\x08\xe9+\xf2\x14\x82\xc3\xd0\x1bs7\x18#\xed\xdd\xbb\t\xe5B\xb6\xbc*\xae\xa3\xc4\xd4Pff\xbc\xa7\xe7\xf1D*\x95\x1a\xcadz\xe6\x0f~U|\xea\xc3/\xb6\xec&lt;\x03\xb0\xc6\x17\x16nwU\xec\xef\xac\xad\xdb6\xf2\xb0\xf9\xe2h*\xcd$E\x01X\x88H&lt;\xb3Q\x7f\xce\xd6\xae\xa2\xd6\x1b\x17J\x14\xc2l\x18\xca\xae\x8e\x80\xac\x9e\xff\xce\xfex\xe8\xc7\xff\xf4L\x8f\x8f\x8e\x8e\x8e?\x99\xdfR\xbc\xb9\xb4x\xe7\xfa\xe1?\xdd\xbb\xf7\xcd\xc3\xed[\xf6~\xd9YQ{\xbe\xeb\xcd\xc3c\xcd\xb7\xc7\xb3\tEs]M\xc4\x84S`\xbd\t7\xe5,J\xdb[/\x1c\xd1\x89i80t\xa2\xc9\x97\xd3\xf7\x87?\xd9\xbbq\xd7\xefv}Tq\xbe\xae\xeb\xf4\xc8\xb1\xbe\x9b_\x94\x1e(^\xbfm\xdbg\x0f\x1f\xf5\xd5\xee\xfdj\xcb\xd1\xbe\xbe\x13\xcd\xcf\x9f7\xff\xf9\x9b\xdb\x0f2\x00\x0b\xa6\xa4\x88)\xaf@t\x99\x8d92W\xa4\xbc\xa1\xa5q\xb9K|\xe7\xb0\xa9E\xf5\xec\xbd_\x1e\xbd\xd3\xb9\x7f\xe3\xae\xf7\xdf\xffh\x7fgE\xc5\xcd\xda\xf3\xb5\x15\xbf-.=\xb5s\xe4\xb3\x13#\xa7\xef\xdc\xac\xeb;}\xb4\xae\xeeM\xf3\xf3\xef\xfe\xfa\xdd\xed\xdb\x17G\'\x91\x05\xa8\x14$\x81\x8eib\xf6\xe6\xa6\x17[.\x9c\xbd\xd2P\x0f\xfb\xbbS\xe0\x10\xeb\x9c&gt;\xb3\xe7\xcc\xf9\xf3\xb5\x9d\xb5\x80\xe6\xce\xe9\x91G\x8f\xfeYWW\xdb\xf9\xe5\xde\x9fm\xfcC\xdf\xb1\xe6\x13\xdb\xbb\x1e\x8d\xbc\xb7s\xf8\xf5\x93\xe9\xe9\x85\x85\x85g\x0b\x0f.N\x0f\xc5]`+xB\x82\xa7Y\xd3.i\xcd\t\xac+%MM\xf5\x97l\xc4Ba\xdb\x90\xf4\xf4\x93\xa3w\x80\x8bGo\xea\xfe\xb8\xfe\x7f\xac\x9a\xffSR\xf9\x1a\xc7\xef\xd4\xdc\xd9\xfb\xcbu\xa6\x8e\xb3\xban\x13#w\xf9a\xc5\xebY-\rQ\xc6rT\xbe\xc5\x97\x11E\x1a/l%(\xc3\xe4\xecE2A\x072\xe2R\x9e @YN\xc7Z04F\x89Z#\xdad7D*\x9bdC\xa80oli~\xa9\xf5K\xd9\xb6\xb7\xba3z\xf7\xde\xfba\xff\x05\xfa\xfcx\xce\x0f\xe75\xcf\xf3y\xde\xcf\xfby\xe6XC Ss\xb6w\x1dvqW\xa9\x06\xf1\xd8l\xb6\xe8;\x87\xc70\xf9\xe8\xea\xcek\x83=\xfd\xa08f"\x89\xe9\x1b0\x8cay$0\xb1eBY\xc5%\xe7&gt;\x90\x85?\x7fn\xa8\xa4\x80\x90UQ\xb9\x99\x90\x06\xf7KM\x1d\xea\xe8\\4j\xb8x\x11(\xc48HTl@&amp;CE\xb5F\x87-\x10\x88\xc7#3\xaf\xfe{y\xbe\xe7\xce\xdd\xc9\xf1\xe5\xe5\xe5\xe9\x85\xc8\xca\x04\xcc\x841x;)\x0f\x02#SV\xe5\x85\x0f"\xf4{\x7f\xb86\xbf\xbb\xb8x\xcf\x9e=\xdbpy\x10u\xb9\xca\xaf\x8e%V\xa6\x97G\x0f\xcc\xef\x1cy\xf4\x9f\xf1\x99D\xcc\xa1Nb\xf9\x1c\xd1@baa!\xc0y\xf8\xeb\xd3\xa7O\xdf\xfc\xc4\x90\x1a\xc2aW"\xb2z\x83\n\xbc,)9g\x03E\xad&lt;\xf1!$"7\xf7x%\x8c\xdb\xb4m[I\t\x91\x99M\xfd\xd1\x15\\t\xcc\xad\x8e&gt;p=}\xfcx|%\x11\x079t\xa8\xd5b%O\xe9S\xc7l\x00\xab\xdb\x1b\x0cv\xa8\x1d\xea\xa0\xc3\x1bb\xd0\xe9\xfa\xb8ket\x10\xe8|vr\xd6\xc6\x11\xa1\xfe\xa13e\xa9\x17cn\xd9\xc9v`&gt;\x0b\x8a+\x8b\xfb\x980u\x120\xbc\x9b\x0bx\x9bL\\9\xdf\x11{\xb7\xe4p\x0c\xa8\xd5\xfeZ\x1e[\x89\x06\xf5\x9d\x81D"\x1e\xa2\x83BL\x9e\x81\x01nu\x15\xa7\xd3\x00\x8a\x91\x8a\xc1\xc0\xad\xe2\xd2@\xbczn}\xbb7\xf54\xee?y\xe1\xfb\x13\xdf@\xc0.T\x16dc7\x0c\xea\x8e\x01\xf0=\x99L\xe6\xeb\x02R\xde\xd1!\xb3\xcb\x06\xfc\xa8\x92\xc7\xe6\xa1Hkg\xe7\xdc\x1cH)xl\xb7\x1b}v\xb1\x98_\xc5\x91\x08\x0c\x91e\x80Eef\xe7\x90\x98L\xc2\x81;\xaf\xae\xa4\xde\x80\xae\\\x1d:q\xfelr\xbe\xdfI\xcd\xc3\xfaYA\xf0M\x9fHW\xabPt)j\x8b\x8atE\n\x00\x88\xa2\xc9p-z\x05\x82V\x9b\xde\x01\xf4C\x06x\xfdv\xb1\x11`\t\xa4N\xd7\xcc \x064"\x0f\xaa\xab \x122{~\xfe6\xf5m\xd7\xdeC\x9f|\xfa\xcd\xb6\xcf\x00\x16\x94\x97\x87\xf5\x08\xfd2\x19P\xa9\xd2\xfa\xd2\xa2\xf4c\xc7\xf6ed\x94j@\xd84nT\xc9\xe6\xf9\x1c\xad\x9d\xfa\xd6\xd6w\xea\x01\x00\xf5\xfb\xf1\x9bT\x16\xbdS\x10^\x98\x00B\x9f\\O\xe0\xa0\x1c\xe8\xc0\xc8\xd1\x0f\xb0|\x1e\xbe\xd0\x9e\\w\x13\x89\xc0gb\xf7-2\x90\x1a \x9e\xf5\xf5\xa54Zzii\x91F\xdc\xd5%\xf6\xa1Zr\xa3\xd9\x17d\xe8;\xa3\x1eG\x92\\\xec\x13\x83\x16\xd0\xa1V\xd196\xa7!\xb2:\x08\xa0\xa8\xbf\xfbB\xc2\x81\x03?\\\xfa:\xe5p\x95\r\x9f(\xd9\xb5\xa9\x02\x07&amp;\x99&gt;\xec\x8eJ&amp;\xeeR(D\xe9\xe9"]2\x8b\n\x8dF\xd1e\xb7\x83X57\x93\xdd\x08]h\xb3u\xd2\xfd\x1aT\xa9D\x95(\xea\xb3\xfb\x11+C\xcfb\x85o\xfe\x08\x93\xa8i\x99P6\x15`\xf5_\xbe}%\xd5b\x04\x02qv\xa4\xa0 \x8d\n\xe1q9\x00\xcb.\xd6(\x92\x97J\xabU*kkEE\xa5\n{\x87L\xcbf\x9f&gt;]\xae\xe4Z\x19!\x8f^\xe0\xf5\xf3\xd8d2\x9b\xcd\x03p\xfc*\x06C*\xe9v\x8d\x82\x06\xc4\x04\xea\x05\xc6\xa1\x9d\x83\xb7z\xcf|\x9d\x9f2\xd6\xfc5\x02\xf0\xe4\xc4\n&lt;\x8c\x8dTi\x14\xb5]\xa8\xd2l.\x07vT\xab\xad\xcf\xc8\xd0\xf8\xc4\xb5&lt;rc\xcd\x8b\xd3dc\x13]\xa5\xa2G\xe31&gt;\xbb\xbc\x9c\\N\xe6\xf1\x94r\x93\xd5+\x95\xdc{&lt;\xdd\x9f\xbc\\p\x1eD\x00B\x7f\xebx\xef\xedT\x8b1\xf7\xf8\xc8\xc8\x91\xcaM\xbbJ j\x1f\xb3g\x8c/*\x12)y\xe4rp\xc8\xe0\xa4\xa7\xebt\x00\x80\xdc\\\xf3\xddi2\xdfJG\x90\xaaP \x10r\x93\x1b\x1b\x93\xe0&lt;\x80\xe5dIX\xe1\x95\x9b\xfdX\x1e\x93\x94\xdc\x9fd\x11\xe6/\x9d\xecM\x11+w\xff\xf1\xf9\x9e\xf9\xbfm+\xce\xcc\xe9#\x90\xfa9\xd5\xe6"-\x08\x0ep\xef\xe04\xb2\xcd&lt;\xd4\xdc\xfc\xe4\xf9s-`s[9\x1c\x06\x9d!\x88\xc7\xa3A^\xf2-\x19XV\x13\xdd)\x95\xb2\xc2\x11\xc3\x1d\xe0n\xb2\xa1\xccL\x1c\x91p\xf6\xf0\x853\xfbS\xbb\\;z\xcf\x0c\x15_+!@xpc\xe1\x9e1\xb1Y\xa7e\x93\xcb\x1bkj\xbe&lt;\xddL\x16\xd1\xcc\xa8\x82\xaf\x8f\xdb\xe8\x94S\r_H\xc2\x0b3\x0b\x81\xb8-\x16S+\xea\xc9\xc9h\xc9\xf9M\x1c\xa9T*\x08\x87\xef\xdd\xa7\xe6Q\xf3\xb6\xe4\xe0\xea\x08;\xdb\xcf\x9fL\xed\x9f\x89\xdc\xb2\xdbW\x86\x8f\xee\xa9, \x82\x91\xb8\x98\nOV\xcb5\xcf\x1axJ7\xbb\xa6\x06\x0c\x87ZQ\xa9\xd9=\x10\x8b\x8e\x8d!|\xc4\x02ZO \x11\tDC\x16UPaf\'/\x9f\x9ck\x15J%R\xa9\xc1po\xe2\xc6`\x1fs;i\x0b&gt;s\xd7\xf9\xdb)\xfe\xc9Q\xd6\xdb[\xb6\xf7\xd0\x1e\x88\x08\x9a\xe2.\x02\xd6\xf3\x90\xdb\xa2y\x06\x06\xe8\xd9\xa9\x9a\xefj\xc8l\xb4\xb4^\x89\xfa\xd6f\xa7xf\x1d\x12\x8b\xc6b\x9e\x10c)\x16\xa2\x07;\xec@$x&lt;\xb7\x9c[\xc5\xe9f\x01\xac\xee\xa7\xcb\x13\x13\xfd9L*);\xf3\xc8\xf5Tek\x18t\xfb\xbd\x87\xdb\x08\xa0SWB\x18|\x7f\x8c\xdf\xd2\xf0\xbc\xd0\xact\x9bO\x83\x14*Q\xb3Y95\x85\xf2\x94\xdaBZ\xe1\xec"b\x1dc0B\xd1\x90\n\xe9\xb0\xfbd~?\xaak0\xd1\x85\x06\x96P\x12\xeevMO\xaf\xae\xdc\xa5\xc2L&amp;\x8e8tn8\xc5\x85i\xfe\x1f\xf2w\\/)\xde\xf4\x19\xa1\x0f\x06S\xbe\xc1\xd8Rx\xaa\x01\xc8Ty3\x99\x87\xfaP\xa0\x11Jt\xeaY\x0bb\xe4VS\x9eUW1\x04\xdd\xae\xb0S:\xa62\xf1\xfd\x88#\xa8)41\x84\xdd,\x8e\xc4\xc0\xea\xbe\xc72DW\xfa1\x8c\x84\xdf\xd4~a8u\xbfUv=\xa7\x0e\x0fAT\xb8\x7ft\xd5\xd0\x02\xb0(r^c\xb9Y\xeb\x1e\x90)\xcc\xa5"\xdfl\x93PH\xf7#*\xae\x9b\x1bt\xb4\xda".\xd7\xa4\xeb\x1e\xe7a\x13\x1fA44?\x10S\x89\x94e`q\xc6\xac\x82@\xfc\xd1v\x8c\xb4\xb5\xed\xfb\x0fa\x04\x87\x0f%\xf7\xee\x10&lt;8\x93\xb0Y\x8c\xfc\xe7\x14\nW\xa3\xab\xa7)\xd4*_-\x051Y,\xa1h\x95\\\xe3\xf6\xf9\xdcn\xb7ov\xcd\x01L\xa9+\x12q\xb1\xaa\x16\x83\x94\x7fh,\x02\x81P\xc22\x08\x80v\xe8m\xe1\x9f?\xd9\x92\xb6\xf5j\xca\x9d:7\xbf,\xbf\xb7=+\x93\xb4\x1d\x86\'Br\x8aO\xc3m\xa0\x18)\x1a&gt;\x8df\xf1\xf0\xb9V\x81\xb7I\x85\x18\x1b\x80\xb4*\x01\xd4\xec\xec,\x82\x04U\x0e\x8b\x90e\x88D\xa4M\xd6\xa6c:\xab\xc0\xd9\n\xba\x8f\x80\xc1\xf0\xb4\x86n\x12\xf0\x15\x15\xf8\xa1\x94\x1bu\xee\xfe\xafv\\\xb9\xdcV@\xa8\xd8\x0e\xadzh\xb4.Q\xf5\xb3\xc2\xa2\x06\x9d&amp;}qn\x0ca\xb0&lt;&amp;\xa3{\x8a\xc7~\xaes/\xae\xad---\xfd{i)\x16\xd5\xeb;\x9dz\xa7\x81\xf1\xbaz\xa0\x9cf\x15\xe89\x80\xd2i\xb1X\xe8?\xf5`\x18\x1eWw(\xe5\x1c\x96\xed\xd8\xf1\xd5\xc9\xf6\xdd\x05G&gt;fB\xae\xe0)\x9a\x8e\xc6\xa7\xd0\xd2\xe5\rE\xfb\x1cz\x95\xb7\xea\x0b1\x9f?\xbb\xb6\xe6p\x00\x1eoh\xc9\xe1qzlN["\x11q\x05\\.\xef/rY9\x8d.m\x15r$\xae\x80\xd7\xcb\xf9\xf5Vv\x1d\x91\x88\xdb|4e\x17\xf8\xf5\xa5\xc3G\xdb\xffr\xf6\xd3\xe2:&lt;6i4\x8b\x8a2d-\x85\xf5\xa7\x1aD\x19&amp;.\x85\xdf\x82,\xaa\xbd\xb1\xa8\x87\xf3z}}c\xe3\xb7\x8d\x17\xbf\xado\xbc_\x7f\xfb\xf8\xe2\x83\xd1\xd1\x89i=\xbf\xab\xeb\xcbB\x86P\xdf\xca\x91\xde\xbc\xff\xe0\xee\xb5,\x0c\xdf\xd6v\xb6\x8244\x9c*\xd6\xfe\xde\xeb\x97w\x1fi\xfb\xb8\x04\x0f\xc1w\xde&gt;)\xdcGC\xaa\x0bi\xb4\x06]\xbaF\x97A1\xcc\xccD\x9cc\xef76^~\xf4\xd7\x8f\xfe\xf4\xf9\xe7\x7f&lt;\xf8\xf2\xe0\xff\xd6\xdf\xbey3&gt;\xbd:\xc31\x8a5\x195r\x8e\x94\xc3\x11J\xc6\xfb0\x0c\x83\xb1-Y\x9b7\xa7m\xbd\x94\xba\x95\xcf\x1f&gt;|\xfe\xf2\xee\xdd\x7f\xce\xcc\xaa\xcb|\xb5\xfe\xe4\xc9/a!-\x89\xb5/CC3\xd9\xa6\'\x1e\xbd\xdfX\x7f\xffp\xfd\xc5\xdf\x0f\xbe\xfc\xe7\xcb\x97\x1bo_\xff\xcb\xe3\x8d\xc7\x03\xff\xe7\xdd\xdc\x7f\x9aJ\xd38&gt;\xd1edL\xc6\x158;\x05\\\xd3,J\xa2\xb4\xc0\xa9\xd8\n\xd8\x0e\x04\xb0\xb4\x95\xd2\x93b\x0f\x85N+X\xa0\x95h\xa4\xd4\x0eW\x01;\x15h\xe1\xd0R\xcaE\x10/\x88\xdc\xcae\x04\x9c\x15\xaf\x88BP\x18v\x05a`Y\x16\'\xc2\xeafU@&amp;\xcb&amp;\x9b\xc9\xeesp\xfe\x82\x9d\xc2\x9b\xde~j&gt;\xf9~\x9f\xf3\xbc\xcf\xf3\x9e\xe7\xdc\xbf\xff\xa7&gt;\x89\xc2p&gt;N,W\x8b G\x0c\xde\x83\x8d\xda\xcf\xc5\x9d\x16\xeb\xb67\xbf\xf2\xd7\x0f\x04\xd1C\x12\x8a2\x0e\xef=\x94\xe1A\xf5w{l\xb7\x0f_}\xcd\x94\xc9\x165\xc8\x05f\x9e&amp;o\xedE\xd5\xda\xfb7\x7f~\xf3~\xbe\xadzaA\xdf\xf6~\xed\xcd\x1a\x84~A\xd5\x8b\x02&gt;.1\xf0\xe2\x0c\xfd\xc9r\x91\x08\xb0\xbc\x03}v\xf8\xf8xQ#h_\xe5\x17\xff\xfay H\x10\xa7\xa8\x9e\xb4\xad;\xbd\x02\xa9G\xa1}\xb9\xe8?\xb4\xccC\x98\x06\xc9y\x8a\x81\x85\xe4\xbd_[\x83\x1d13frrr\xbemrR?\xd9\xd6\x86\x8b\xfb\x93G\xa5\xddY\xe9\x06\x03B\xc1\xe4R\x9d\x00\n\x9b\xc1{~\x91\x7f8\xe0\xeeEs=\xb0\xd7AcJ7\xb3/\xba\xbb\x04\x06\xfa\xf8\x04\xba\x1f\xf4\xdc\xeb\x92\xd8\xff\x92)\xb1hy\xe7\x99\x08\x85\xb5\xb0\xb6\xb6\xd0\xa6\x87\x8a\xb9,,\x1a\xaa\xe4\x98\xe80&amp;f\xea\x9f]\x15\t\xb8\x1a\x83\x82\xc2\xe3\x17B\x1eU\x0b\x85\x83W\xfd}\xfc\xdc\xdd#\xb6\xd4}\x15\x9a\xff\xc4!\xe7\x94!\x1d\xf5\xae~&gt;^.~&gt;A_\xd4\xc5\xfaW\xac\xbc4h\x99\x12V\x1c"\xa3 \x06\xdc\xb40?\x19|\xec\xef\xdf\xa5@\x85\xdc\xd66\x19\xfc\xd2\xa4\x9a\x98\xe8\x17\xf0U\x1a%\x13A\xd5\xd2\x069l=\xd6\xc1H?\xaf\x1d\x91\x9e\xd7Z\xebZ\xffx3\xc1!\x07otFM~\xe8\xee\xad4\xaf\x8c\x9e\xc3A\x11\xa1;\xa7\x96\tH\\,J\xdcy\n\x8fmPj \x9f\xa6\x1c+\x8b\xae\xaen\x9b_\x98\'\x88t\xf1\x12\x89eN\xe7,\x96\xa8\x85\xd2\x86\xe4d\xe1h\xe9\x80\xff\xd1\x1dTo\xb7\xeco\x8ak\x1dq\x02\xf1\x0bXT\xc7\xb5\x9e\x9e\xec\x9eC_\xd7wv\xd2\xea\'\xf0th4\xd8\xe7/P(Hf&amp;\xd4\xaa\xe0_\xb4\xb2\xb7w\x1e7\xe3\x1c\rgyi\x82_\xce\xe5\x00\x16\xda \x94K\x93\x85P\xcb\x03\x96\x8b\x8b\xbbgh\xd7\x99\x90(\x87a}\x12R\xdc\xb9g\xabk}g~\xe7\xae-u\xbb\xdeq0Bi`\x82Z\x14\x19T6P\x87\xa6\x0439\xe9\x1aM\xc9\xa4\x9e\xa9$\xcc&amp;.7\x0b\xd5\xe0\x04G$\x04(\xeb(\xbc\x07\xfc\xfd}||\xbc\x0f\xd4u$8\xf0\\\x9e\x9ePS{\xe7\xd4\xdd\xec\xd6\xd6\x8c\x8c\x9e\xd8\xc7KbP\xa5D\x06\xad&gt;\x05\xe1Yb,\x16\x0b\xd0\xe9A\xb7h\xa8R\xf3\x08\x93\xc9\x84\xa7\x9b\xb9}6a\xb2\xd4j\x15&amp;\xabA\xad\xc8\x8bn\x9e\xbb\xebZ\xefv8vX\x90\xc1\x88\xaa\xbd\x94\x9f\xddZ\xef\xf1\xf9\xd6#+J\x13\x86s\xf4\xb2\xb8u0h8\x82\xa1\x0f\x82\x0e,,\x8c\xecY\x93Racz\x89\xf2mPeI\x81\n\x82K8\x18\x19H\x8b\xdds\xed\x9b3\x0e\x1e\xc7fDU\xd6\\\xca\xa6\xfd\x9e\xe6\xe2\xea\xe1\xfaNcR\x89\xc5\x84\x02\x01\xaa8\x19xx\xfa\xf8z\xc7A\xf6\x861\x99\xd5m\x18Ap\xc4|a\xe9\x9c\xf5#U\x83n\xec\xaa\x17-#\xffF\xad\xa3\xef\xed\xd3C\x02\xa2\x9e\xe4\xf7\x1c\n\xfd\xfc\x80\xe7\x8e)B\xacB\xcdf\x82GA\xe2\xe2\xd6\x03&gt;\x05J{R\xad0Pk\x92H\xc7\xfb\xcc6\xf9\xb3\xb9Q\xab\x95\xa4\xb26\xe8\x9a\x12]{\x8aj\xa36b\xe2\x80\x91\xf0\xa4\xa8nW(\xcd}\xc7c\x14CQTeV"\x08"\xb3\xc4\xc4X\xa2\xc3\xcaNCk\rX111\xd5\x0b\x98\xe9!W$l\x02,\xa1\x10\xa0\x1a\n\n\x9a:\xf3\x8b\x8a\x13&gt;\xd9\x98\x15U\xdb\x95\xbdgw\x90\xeb\x90\x8d\x03X\\\xae\x8ac\xe0!\xac\xeajv\x0c`EG\x07\xc3\x15\tI\xb5:\x153\xabf\x85s33\xa3$\x95\x15\xa8\xaaJ\xff{\xa62`\xc3&amp;\xcb\x18!5\x1dw[[\xb3\'\x081\x8a&gt;\x14\xac\xda0&amp;\xcf\x92\xa9g\xb1\xc0D\xe8V-\xc1\xf0\x91\xd9\xd6\x87N\xcc\x8e\xda\xed3\xd0\xeeXG?b\t\xa77xT=\xa4\xf2f\xcd\xf4Of3jVq\x93\xe7V\x96\x94\x06=\xd3\xa0O\x01\x13\x81H_\x12\xccT\xa2\xdc\x0f\xef\xe6^?\x1e\x98)\x85\x88\xb7B\xc0\x17\x14\xfc\x98\x9c\xbb\xc1C\x8bt\x06\x83\xbe\xfdgs\x8e\t\x17\xa3\xb6\x99\xe1\x99e\x0e\x07\xc8RR\x98\x16\xbd~R\x89\x8a\x97U\xfd\xabv\xfb\xc0\xed\x8a\xe1\x99\xf5\xcbP*\x05\xb1~lh\xde\x84Y]\xfa\x7f\xcc9}\xd82\x86\xaf\x0eL\xbd\x9b\xed\xef_Vr^\xa6\x8bUK\x13K\xe2\xd9\xd1\xd5\xd5\xd7\xc3S\xcf\xef\x8d\x8c\x8d6\x14\x02V\x83TZUU\xd50\xbd\x19Xo\xb1\x9c^\x02\xc3\x08\xf1\xea?*\xc6\xed\xf6\x0f\xb3+\x1ffWWV\xe6\xe6&gt;\xcc\x0c\xda\xa7n\'&amp;R\xdd\x86!\x97\xaa\xd5 \xd6\xbaZ\xa5\xd3\xf1\x9b\x82\xd5\x98\x93\x9a\x8a\xe1}\x0fg\x86\x13\x8f\xdc\x9az=5e\xb7\xdb\xc7\xc7\xc7\xa7\xa6\x1e\x7f\x9dx\xf8`\xa4\xf7\xd03\xa94Y\xad.\x94\x16\x02\x16T\xab\x9b\xf2\xe4H8`]\xbe\xdcK\xf4\xe1\xf8\xea\xb0\xb7O\xd0\xad#\x89\xb7\x87nW\xdc\n\xaa\xb8\x95\xe8N=\xd8\xf2t\xa0\x14d\x92\xaa\x0b\x0bu\x85\xa4\\\x05/\xfe\xb5\x19O\xda\x04p\x00+))\x89 \xf2\xf0\x99\xa1\xe7\x0fFZ\xae\xba\xbb\xbby{S\xdd\xdc\xdc\xa9\xf7*\x86\x9b\x84\xea\x82\x02) \xc9u:\x1d\xa9\x97\xce\xde\xb5\t\\_.66\xa6\x02V/A\x18\xf1Y\x91\xa8t\xe0\xc1\xd3\x96\x16\xef\x83\x89\xd7G\x9e&gt;\x1fo\xb2\x92"\x15\xca\xe5\xba\x8f/\xe0j\x1f\xdb\xd9\xb1\xf1\\\xce\x8b\xe7\x1aS\x8d\xb0\x92@\xb3\xbc&lt;c\xea9[{\xd3\xd8\xe0\xe0\xd8\xd8\xf7\xf7\xef\x17&gt;j\xd7\xe9@&amp;\xb5\x1c\x164\x89\xa0W\x81\xbc\xc9m\x13\xb8\x9c\x17!\xe4\x93\xb4\x12\x896/\x89\xc8\x03.\xad6)\xa7\xb1\xf1\xdc\x95+|~9,\x01h\xa4[\x87\x12\x88D\xed\x80\xa5\x1e}~\xd4c\xc3\xe7\xd3C\x16\x1bSS/kY\n\x89\x04\xac4\xe6i\x15,\x1eK\xa25\xf6\x12\x9ce\x157\x8b/\x00\x1a\x91\\$ W\xf7\xa3\xf6\xc2B\xb5\xf4\x07\xcf\xa3\xf9\x01\x1b\xcc\xf5\xd9_\x1bS/\x93j\xb1X\n\xf0\xd1(aeZ(\x08\xc2R\xe8\x99L\r\xae\x02\xc5\xd6\xb9\x04\x02&gt;\x9f\xdf\xdd\xdd\xdd^\xa8\x93\xbej\xf1\xeb\xa9\t\xd9\xd8\xec\xc5\xf89\xe7\x17,\xf0Q\x0b\xdf\nK\xb0,\xee\xc2\x85\xb8\xb0\xb0`f:\x9a\x05\\\xa2u\xadlY\xe0*\xe8\xa5+xu\xddk\xcb\x9d\xb4\x80\rM_\xf1\xff\x86\xd02\x1a\x01K\x01&gt;\x92\xa2\xb1e\xe7/\x1c?v\xfc\xf8\xe9\xb0\x12\x1c\xe5f\xd9\xf8\xe5\x02A9\x9f\x9fE\xfe\xea~\xa4\x936\xfce$60?|\xfa\xe4\xf6\r42\xea\xa7\xbe\xcb\xc6u,p\xd1`\x90\xb0\xd8l$\xect\xd9\xb1\xef\x8e\x95\x85)1\xa8\xc4\xa0\xf7)\x17\xf0\xb3\xb8\xaa\x87\xa0\x9c\x00\xaeL\xc0\xa2\xbad777O\xe7n\xd8\x93R\xf1\xc5vs\x92Qk\x94(\x14\x00\x04\\l\xc0\x92\xa5\xa4\x94AE\x1f\xcc\x11\x93\x95+\xd7V\xce\xcfR\xa1\xe89p\x91/j\x97[_\x8dx\xc5\xee*\x0e\x9f\x06\xae\x04\x06\x83\x11\x12\xe2p8z\xc0\xa9!4)I\xabU\xb0\xc1=\x84M\xc2A\xf5\x0c\xc5\xe9\xe9\xb22&amp;.V\xa9H,\x1bhe6\x9d\xbb\x92Eb\xe9J_\x8dPc\x0f\xdc9\xd9\x9c\xd6&lt;\xdd\x9c\x16Uy\xe3\xec\xa5\x9b\x0e\r4:\xc3\xb9\xb2\xe7\xb9\x8a\xc4"o\'\x02\xd8:\x1c\xb9d\xd0\x97-\x92\x1e\x92\\\\T\x85\xe2\xe6F\x90K\xd0\xdd\xae.\xfd\xdbHl\xacgW\xc0\xb7ii\xb9\xc05]\xd4\x13Z\xdfY\xe4\xb0N\x88\x1e\xff\x9bm\xdbkC\x83f\xf3\x8c\x10\xec\n\x1e\xc2\xe6\x81\x83\x80%C\xc0H\x1e\xc2$L*\xaeJ\x0cX*T\x8c\xe3f\xd3\xc7\xe0j\x7f\xf1\xc3uZ\x04\xf5l@nxxxssZx\xdatqW\xfe\xdd\xa2\x9b_: \xd2\xe8\xf1\x9fn\xf3\xdd\xbf\xed\xb3\xe2\xad\xb4\x19\xc8\xec\x90\x1dx,D\xc6V\xb0\x15,\xb2e\xa4 L\xa6\x123\xa1b\xb3\x18\x14C\xc5X:\x8ec\\\x1b\x1fr\x98\xee\xd9?[""hg}\xd3\xde\x9e\xd8\x97\xd6\x9c\x1b\xbe\xef\xe4I\xdf3\xdf\x92\x86\xfang\xd0\xe9\xbf\x8a\xc9\xd9i?,\xe7\xed\xc5_x\x8dc\xda\xf5l\n\x12\xb1\xd6C\x8c\xc4\x92\xc9d%\x1c\x1c\xc3\xc9\xa0G\xc5\x1cX\x04\xc6\x85\xc4%\x10I\x9b\x1e\\\xf7\x88\xa0u\xf9\xbe\r?\xe1t"-7\r\xfe\'&lt;7|\x7fxZ.\xfcv\xfe4&gt;\xfe\xff#\x8b\xff\x9d\xb3\x13@\xedsrr\xda\xf6\xdb\xda=\xd4#\xb3\x12#\xb9\xe5 `\x1c\xd8\xc7c\x7f\xec\xb0y%%\x1a\x8e&amp;\x1dK\xc7P\x8c\xc4\x82R\xda\xc6\xe7\x0b\xe4\xd2\xef\x9f&amp;zDD\xdc\xf0=\xf1?J\xcd6\xb4\xad\xf3\x0c\xc39_z\xdf\xf3\xc59\x13\xd61\xb2$*f!\x9d\x83{ \xb6\xe6\x88T\x91\x12GvPC\xa0\xb6I\xd3\xc9ncGfI\x84\x1c\xc96m\xc3\x82Y\x10\xc68L\xb0vk\r!\xb1\x7f\xb8\x90\x06S\x9a&amp;\x94|\x10C\xf7\xa3e\xa6e\x1dl\x85\xae0\xaf\x8c\xfdX\xd8\xda0\x08\xf9QC\n\xbb\x9f\xe3\x8c\x95\xb1\x8f\xf6\x95A\xb6\xb0\xce\xb9\xce\xfd\xdc\xcf\xfd\xbc\xfa\xa8\xba\xae[\x9a\x9f\xaf*\x8a[\xbd:S\xadV\xbf\x84\x80\x1eK\xaa\xdf\x1d\xec\xc91U\xf6=\xcf\xc0\x8fQO\xeal\xf9\xdd\xe7\x9ex\xab\x1fT{\xcae\xc0t\x92\xad:\x83oE\x8c\x8f\x97\xfbQ\xc9B\x01Xs\x85\xd9\x02\xda\x12#\xf2\x99\x97~\xf8\xb7\x0f\x87\xc2}\xe6\x05V\x05\x8f\xe1A#W\xd1u\x0f.\xab\xba\x1e\xd8&lt;\xd7\xe0\xc2\xd8wc\xea\x15BIf\x18\x10K1\x14&amp;\xe8\xac\xb9\xf6D\xf4\xce\'\xfb\x9e=Ny\x15\x98\n]x\xe6gg0{N\xd2G\xd8\xfdSs\xa3\xbb\x8f\xcdN\xb5g\x83h=\xfc\xcc\x0bo|\xfe\xe1P\xb4\xeb\xec\r\\\x99\xcb\x0c\xafZ\x9a)\xb9:\xe3&gt;\xccU"c\x80\x8bY\xa1F\xe4\xdbJFB\xc9L\x96\xe5:\xf3j\xae\xa1(&lt;d\xf0\xfdo\xe7\xc4\x9e{\xed=\xcf\xee$V\x85\xb8\xc6\xe9m\x08z\xdf\xe6\xe4\xc1\xa7^E\xd2\x8f\xce\xcdN\xcd\x16 \xd6\xa1\xd7\x0f\xbfp\xfa\xa3/^\x13\xa3\xdf\xdf\x98t\xab\x9e\xe23\xe6\xd6ff&lt;\xc5\xd2-\x7f\xe638\x0cGv\xbd\x9a\xcf\xb8e}\xabZ&gt;\x19Q93\x14\x83\x96R\xf5\xebp\x16O\xea\x16\xbf\xf8n8z\xe2A\x19\x96/\x13\x11\xb9\xbd\x02\xb5\xf0\x1a\xf6\xe0\x993;j\x01k\x16\xb5&lt;\xf4c\xc2\xfa\xd1\xc7\xef\rE\xa3]\xb7\x8b\xae\x02k1\xdf0\xaa\xa5/=fe\x92\x0c\\\xae\xe2\xd5j\x1e\xc0j\xbe\xce\xb9\x10\xf9?`c!\x991\xaa\x1e\xa0\xea\x8ak\xe8\xc0r\x19\xb0\x84\xc9\xa5\x94\xd8\xf3\xfe\xc32\xb0:*\xf4.W\xa5s\xbcE\x19\x7f\x12\x81\x8aM\xc4\xec\xdc\xe80\x9c\x05\xc7c8\xbe~\xf8\x99_|\xfe[;\xd1\x97\xb8\xc0]p\x19L1\xean\xb5Tu\xf5L\xd2\xe23\x9f]\xf5\x14\xafT\xa5Z\xd6&lt;\x9f\xcb\x1c\x8d\xf9\xbf\xaa\x97F\xcd\x88\xa8\x8e{\\%\xd3\xe9\x9e\x85\x92Vq\xe4\xd2\xea\x90\xdd\xf7\xc7-\xe4\xd5\x1ebB\x15\xf7\x05\x19Oe&lt;\xf8\x14Ykxjjv\x966\x13H\xf9\x17\xde\xfc\xe2f\xc2\xeeZk\xfa\xaeg\xa0\x99=\xb7\xae\xbb\xa5\x12\xc4\xc9d,^\xbb:_E\x1cBF\x12\xccc:c\xbc\xf7\xbf0E8\x93\xebT\xb4\xc7\x15t\x15Y\xd6qH\x83\x85\x84\x86\xa6\x16\x97R\x89\xd4\xcdO*\xe5}\xc7;\x90\x0b\xe0\xa2\x8c\xe8\x18\x87\xe7w\x0c?Zh\xa3!_9E{\x89\xa7O\xff\xe6\xbd\x9c\x1d\xce-X\x0cjy\xc0\xaa*8V\xb5TSt\x9e\xb4\x92\xfe\xd5\xab%\x9f\x91Z;\x95D\x89\xd8\x7f\xf8\x14x\xacW\xd5d\xe009\xbd\xa3\x14\x89e\xa49\xab\xbbJ\x9d\tZ\xa3\xa1Fn\\N\xc4\x9f{\xff\xe1b\xf98\x82\xb4#\x08\x89\xfe`\x95\xdb\xa8 \x9c\xd5FN\x1c\xc3\xd0\xc6z\xfa\x8d\xdf\xdfLH=\xeb\xd7\x19St\x17\xedL\xc6\'\xb8*\x8c\xc1\x93\x9c\xb3yp\xf9&gt;\xce\x020\xbf\x86_\xd9\xbf#\x8d\xa9ZR\xd7uV\'f]~L\xa5\x18i9\xe3\x1b.\xd4\xe7jDP#\xbd\xb7Sy\'|o\xab\xb5gO\xe7ND\xecCb\xb5\xdb\xed\xa9\xc2\xdc\xdc\xb1\xb9B\xbb\xdc\xdf\x9e\x1d\r\xa8v?\xfd\xd1_\x1dg\xc8~\xbb\xa80\x85\xce\x8d\xe0\xaaR\xd6P,(L\xe6I\x81\x97\xe6gP&lt;\xb2\x8aGx\x9e\xf7\r\x87\x8f\xa9\x02\xe7\x1cD\xf5:3\x18\x93AGU\x83\xbb\x0c\x94\x90q\xc6|%)\x08\xc9M\xa8\x15Y^\xef\xc9\xe5\xf3\xf7[\x9d\x98\x8a\x95\x9d\x88\xe8(\x13\xd7\xec\x9f\xb0\xfa\xe9\x8fB0\x83v\x9f\xfa\xf9\xc7w\x12ft=\x8b\x03\xe8\xe8\x19\x8b\xc9\x93\x93~\xd6\'\xd5PTC\xced2\x0c;\x1e_g\xd0\x89\xd4\x84g\xfe\xc5\xc4\xe5`\xe9\x81\xcb\x19\x97\xd3i\xb2\x14\xf8\x02\xb9\xc0\xe4\x17k,\xa4j\x1cX\xdb\xea\xfe\x85\x03b&lt;\x7f\xf3A\x8bx:\x1f/\xccj"k\xf7#\xcb\xcam\x143\xe0z\xe9w9)j\xae\x08\xc02\\\x9fYV\xf3\xf6\xd2\x07\xcb\xa5"\xf7Q0\xc5\xd5-&lt;\xc4k\xf3\xf3\x14\x0f\xd0\x03\x89o(\x8f\'\x9e\x00i\x02*j\x04\x86"\xb2\x00\x8b\\\xa5\xc0\xf9\x86\x0e!\x97\xef\xde-F4\x8d\'7G\xd4\x91\xc8\xe4;\x928\x90\xff\xd5\xdf\x171\x14w\x82\xbe#\x90\xac\x83\xc6$=05GP\xc3\xa3\x87~\xfdg;6\xb8\x86\xeba\x141\n\xdb&lt;\xb2\xf1=\xe7\xdc\xf4\xca\x8d\xa6V,\xe2jq\xbad\x92\x0c\xe61\x9e\xe6r\x10HA\xdf5\x80R\'\x14RK\x7f\x8c%\x07-\xa8p\xd0\xf9\xbcX\xbcqe]\xdch\x86TDq#\x82*F\x9ak\xe2@&lt;\xfc\xfe\xc3\xd6\xf8cs\xd1 \xaa\x8c\xd3\x8ep\xbc\xd2Y\xe9\x98\xa2\xf7}\x87\xe7\xe6~y\xcf1S\x97/iB\x88C~W\xb1\xf0\xcc\x9e\xbe\xae\x1egu\xe3\xc5\x85\x8b\xd9b\x96%YQ\x83P\xd8R\xf0\x10\x97\xc9DuH\xa5&amp;Y@\xf4M\xac\xc0\xec\x01\x15\xf7\x99\xb0?\xbbp\xfe\xb2m\'6\x9a\x9cm\x02\x8b\xd4\x8aD\xae\x9f\x0b\xbfl\x0e~\xba\xb5H\x89J\xfb\xc0@0\xda\x13VZ\xadV\xe7\xd4\xb1WN\xd1d&lt;}\xc7\xcc\x85\xafL\xaa\x9b\xdc\x82\x1f\xaa.S\x9bka)\x9fK\xf5\x89\xa9\xdc\xea\xfa\xd2\xca\xf2\xa4\x86%d\xb8Q7\xd0j\x00\x00\x0c\x87IDAT7Sb!\xfc\x17\x05\xc4\x98@I\xce\xe4\x7f\xae\xfaN\x82\xa2\xeb\x8c\xbal0\xae\x15\x9b7^\\\x8f\xa5\x1c\xc9\x946\x9a\r\xce3\xc9\xc6\xc8\xc8HD\x8bD.]\xde\x1b7\xd1\x8e\x13\xc1\xeea\x07\x0bU\xecl-b\xb5\xda\xc3\xa7\x0e\r\xb7\xfb\xe7\xee\xe5\x07\xfa6\x96UM s\xa1\xc9d\xe1\xc8\xf9\xc1\x84$I\xb6-\x8abtP\xba\xbc\xb1\xb4r\xf1z\x16\xf6\xf0K35\x9e\xa4\x8a\xee\n\xe9\xb0\x18#g\xf1tzG-`Q\xb7\xca\xd0M\x98\xbc\xf8\xf6\xdaj\x8f\x1dsp3\xaf-\x87\x04\xe4\x9f\x10\x19\xa1*F\xf6\xaf&lt;?\xe4\x98\'\xde\xfa:\xe0\nR\x15\xb2U\xf0\x8aqbb\xb15\xf5\xca\xa1\xdd\xb3\xfd[\x7f\xb8\x99\xdf\xbb\xfa\x81\xaa\x86B\x19K\xc7~\x0b\xfag\xa7\x07\xc1\x83\x1b\n 9\xf9\xd4\xe0\xa0\xbdz\r^\xbb^\xe4\xb5\x99\x92o\x11\x16m\x83\xd3@\xb28Z\x91\xcbud\x04\xb7\xd0\xab\\\xe3B\xb1y\xe1\xf69;\xea\xc4\x9f\x8f9\x07\xccXl\xfdzD\x13,Kh\x8clG\xe0/\xb5xw`o\xccy\xed\xfe\xd7P\xe7 5d\xa5UiM\xd0\'-G\'Z\x85\x9f\x1e\x1a\x9d:\xf8\xf0S;\x9fzGS\x85\x8ce\xe9\xbcV\xc2\xb8hd\xa7\xfbD1\x81ec9\x92d\x9a\xb9TW\x8f\xb9\xba\xb6\xac\xa9~\xa9\xe4\xf3\x86\xba\x8b2\x95\xa2#\x93\x96\x03\x8b\xe9\xcc\x82\xd7\x8aZ\xf6\xd2\xca\x95\xe9k\xb1\xb0\x9d0_\xce\r\xc4\xcc\x031R\x0bWmY\x19A\x1dQ\xd5m\xd41\xfb\xa2(\xdaC\'\xee\xff\xe5\x16^\xe9\x13\xd5\xe2"A\xdd\xbautb\xab\x80\t\xf4\xea\xd6\xfd\xa1\xdc\x0f\xd6\x8eD\xb6GH-V*\xc1\xb0|r:ER%D\xc2\x92\x08+\x1e\x8f\x9bN\xb8{\x01\x16\x13\x18\xe6\x8f\xb6\x8b\xd1w\x18\xf44\xa8\x90\x98\xa8#r\xdcg\xda\x8d\xe9k\x07\xec\xc1\x9e\xc1\xa8\x1d\xb3\xe3\xdd\xf1\xf8\x80\xd9\x1d\xeb\xee\x86ZB\xc8\xc2%\x84F"*\xea\xa8\xf5f\xd7R\xb634\xf4\xe8\xab[\x8b\xadJP&gt;\x82"\xacr\xe1\xd8\\{\xebA&gt;\xd1unYml\x8fln\xc2.3%\x03g\xc9.\r\xa6 WT\xccKv\x02\\\xf1\xb8\x94\x8b;\xa6sv\xa5\xd8\xc0\xc4\xe5\x883\xa8\xc5\x92\x16\xe3\x19\xda\xec\xa53\x1cj\x01S[0\xfbRb_\xd4\x91\x1c3?p\xc0\x8c\x0f\xc4M\xb3\xdb\xbcv\x11WC\xca\x866\xb7Q\xc41U\xd5\x9a\xe7{\xa2\xf1\xa1\xbd\x8f\xbe\x9ah-\x06\xa6\n\xb0\x8e\x1e],\xff\xa40\xb5\xf5\xe0\x8e\xd8w\xf6B\xaf\xde\xd8D\x9b\x84\x18\x9c\x83\xf6g\xd9%\x1c\x1c\\v\x9e|/INN\n\xe42\xef\x16\xd5\xa2\xa66\xe0\xf9]2\x02\x00\xbe\n\xd4\xa2\x90`\xbe\xa6j\xda\xc2\x81\xd4P*\x9c\x90D\xc7\x96\xbacN\x9c\x9e\x16\x14Q\xe0\x99@.\x88\xd5;\xa6Z\xc9\xb1#\xd3\x89T.\x11&amp;\xbd\xa8\x82\x84D\xd6\xaat\xb4\xcb[\x8fn\x8a\xa98\xce\x95$\xb5B\x9c\xd5\xe6Kt\x8e\xecR8\x15%s\x89p\x96\x8d\x9bd;q)\xc0*64\r\xe6\r\xed\x9292\xdf\xa2\xf2\x05s\xd0\xd2ThP\\\xe9N\xe5EQ\x92D\x13\x17\x133\x07\x02,\x07\x9d\x88\\\xb1\xact&amp;\xa3\xaa\x98W\r\xec\xbe{\x9b\xe71\xb5\x13\xaf\xdd\x07\x17\x89E]\xb88\xd1\xea\x1c\x9f\xf8GQ\xe6\xf3\xda6\xbeEqK\xb2\xf5\xd3\xc2B`\x81\x90\x04\x06\t\xab\xa1x\xe1h!\x82@\x95\xa8\xb3\xf3\xc6P\x08\x14AMwe\x8c\xdd\x85\x91\xc1\x18\xc2#\x0c\xc9j6C!\xe4\xc7\xa2\x0bS\xca\x90IJi\xfd\xc8,\x1b\xc8\x7f0\xabY\xcd"\xb3y\xf0v\xa5\xef\xf1(\xef\xdc\xaf\xd2\x8eC\x9a\x94\x92\xf8\xe3s\xef=\xf7\\\xf7\x8f_~\xb6ys&gt;n\xa9}\x8c\xae\x18j\x8d\xc7\x84%\x11\x16o\xf26M\xa2\x10Wu\x14\x80\xe5Z\x97cj.d\x8a\xb0&amp;\x85a\x9a\x8a"\'s\x92\xcc)\xe2h:\xd5\xb4\xde\xf8L\xdf\x8e!\xb1m\x08TG=\xcfcT\xd1]\xbeks2r`HX\xed\xa7\xf8P\xa6j{\xb6?\xd8\xf9`\xf0\xbf|\xb9{\xf6\xe33B{\xf6\xe4\xa7\x1f\xff\xf1\xec\xf3_;\xc9np8\xc4\x13)\xd3\xdb[\x94\x83ai\r\xa9\xb7A\xcb\xdb\xb6i{\xb1\x9b\xc0$\xc8\xc4,Kw\xe3\xcb\xb1B\xb6\x85n\xaa\x01\x06\xe3\xab\x880\x16\x0eS?\xeah\x8df/Z\xf3f\xec:\x96gU\x93\x92\xe7n\xee8\xee\xe9\x8d\xc2\xb1\x8a\xcb]\x0c\xe3h\x84\x14D\x9d?\x9cX;\x96\xf0\xf3_\xff\xbd\xbb\xa7z\xf2\xf1\xa7/_?\xed\xc4\xbb\xc9\xe1\x90\x13\xc1\x85~\x97\xb1\x10\tKjj\xe3\xb9\x07\xdf2M;H\xca\x98g6aX\xd4(\xeb\xb1\x8a\x9c\xd3%,.MS\x95\x96\x9c\xc2\xfe\x80\x15?\xd8\x92\xa2\xb9\xc9\xbb\xa5\xcf\x0b\x16\x95\x9ea9\x8eOXJ\xa7\xd5\xea\x88aw\xca\xb00\x8f(\xb9\x1a\x1d\xda\x86\x1b?\xfc\xfd\xf3\x1d\xd5\x90\xda\xeb\xcbY60v\xe3y$\x8a(\xc0\xed-\xa6\n\xf7\x00\xee0`q\xe3\rl\x07b\xf1A\x82Wn{\x95`\x16\x8a\x18!\xc7P\x92\tkH\x06\x97\xb3v\xbfO\xcf@\x87\x8e\xd4{\xf0\xa07&lt;\x0c\x127s&lt;\xdd"gaX\xbe\xef\xe4\xe7G*\xc3\xba%\xabW\xd8\n".E\x8c\xe6\xf1\x8e.&lt;\xfc\xf4op\xe1\xe3\xc9\xdd\xe7\xf3\x81\x15\xe4\xeb\x08r\x8a\n&lt;\x8b\x16]\x93v\x0b\xbe\x8a)^4O\xbd\xc5c\xa1\x01\xd0\x13&lt;\x1ev\x1f[\xf3\x08j\xc9\xe4\x085\xac\x82\xc5\tI\xc5~\x7f\xbd\xd1\xc39(\xcd&amp;\x10\xab\xb0t_ }\x1d\xe7\x1b\xd6Y\xaap(\xbeHl\x8a\x82"*\x04\xa6v\xd4\xe1\xa5\x8b&gt;4\xff\xfcz\x07\xa9&gt;\xfe\xeb\xf3y\x90\xefd\xd7\xe3\xa7\x9c\xaa\x8a\x1c\xb5;\x05\x00`=\xc7\x9e\x13\xd3Kr-\xdb\x0cx\x03\xaf\xdbc\x86\x0f,A\xd8Dj\x87auk\xe3\xb5%\x1c\x00\n~\x81t\x81\x9c\xd6C\xf0\x9fM\x80\xe1\xeb\xba\x03\x81\x05\xc2r\xdd\xc2w\x9c\x05a\xc1Vnq\xb1t\xa6"\x8a\xa8R\xe1\xc1\xa6\x8e\xe7\xbei\x19f\t\xae\x8fw\x9f?\x05\x02\x7f~6V\x15\x19\xa34\xe2\xe4\xaeFa\xe9\x1eK\x05\x96a\xd8\x81\x19\x04\xc0\xf2\xc8\xc1&lt;\x83\xda^\xc7$\xcar\'\xec\x02\xeb\xe6\x14\xc9\x91\x94\xba%\xa1)\x8664q\xb6o\x95\xa4\x8f\x85\xc2\x0bnI\xcb\xc1/\x9c&lt;\xbb \xb5Z*\x14k\x91u\x8d\x94i\x9ba)\xfd&gt;\xe2\xea\x9egm\x7f\xf8z\xf7\xe5\xfa\xcfm}\xb0\xbcy\xd4\xe6Z\\\x8an\x87X,\xc3\xa1\xb7\x9e7\xb0J\xd2\xb5\x07;5\xe1\x11\x88\x00\xa0\xe2\r\x9e\xb9\x84\xb5\x89\x14\xb1\x83cH\x93k\x13S0\xd7(\xe2H\xe4p\xee \x87j\x9a,\xce&amp;\x98\xd7\xccw\x04\x1b]\xef\x16\xb9kY\xc0*\x8bu:\x82Z\xd4PZ(N\x89\x0b\x9f\xa3\xeakz\xf0~\xcf4\xb6\x93\xffm\xfe\xb9\xb3\xbb\xfd\xeb1\x9b!E\x99b&gt;\xb4\xfb@\x87\xdej\xd4C`\t\x9e\x17\x04\xa6\r,\xd7\xe0\x03\x1b\xc6\n,O\x98GJH\r"\xb7j:/&lt;\xdcP[!N4~@\xf0\x924\x0eX\xe8\xf3\xcc\xd7=\x9b\xfa\xbd(\xb1\xb1\xfc\xc2/\xb2\xf5x\xd4\xe9\xe0 C\x02\xa6\x85\x8d\x17C\\(bJ]p\xb2\xdc\xb3\x84\x9d\xdd\x0fI\x80\x80E\xec\xa3\x94&amp;\x97e\x00\xc2j\xe2d\xc5\xa5\x03,\xd2\x88\x1c\xc2st\x83\xb7\x03\xda\x8f\x86\xc0\x03KE\x9c\x03V\xbdf\n\xde\xc3I\x1b])\x13\x96$\x85\xb2\xc6)\xc3\x89\xa1\x97Ya\xf1\x01,\xde)`\xa6y\x91\x15e\x01\xbf\xe3\x805\xfa\x86u\xaf\x95J\xfb\n\x9f\xc7\xbf\xed\r\xe0\x14\xbcs\xf8\x8au+\xb4B\x0ebbIh\x98&amp;.\</t>
        </is>
      </c>
      <c r="M427" s="3" t="n">
        <v>45492.67774305555</v>
      </c>
    </row>
    <row r="428">
      <c r="A428" t="n">
        <v>1049781</v>
      </c>
      <c r="B428" t="n">
        <v>1980</v>
      </c>
      <c r="C428" t="inlineStr">
        <is>
          <t>Peixoto</t>
        </is>
      </c>
      <c r="D428" t="inlineStr">
        <is>
          <t>Peixoto</t>
        </is>
      </c>
      <c r="E428" t="inlineStr">
        <is>
          <t>MC</t>
        </is>
      </c>
      <c r="F428" t="inlineStr">
        <is>
          <t>MC</t>
        </is>
      </c>
      <c r="G428" t="inlineStr">
        <is>
          <t>MC</t>
        </is>
      </c>
      <c r="H428" t="n">
        <v>181</v>
      </c>
      <c r="I428" t="n">
        <v>72</v>
      </c>
      <c r="J428" s="2" t="n">
        <v>35610</v>
      </c>
      <c r="K428" t="inlineStr">
        <is>
          <t>Left</t>
        </is>
      </c>
      <c r="L428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1~!|I\xf8}\xf0\x97\xc2w^;\xf8\xa1\xe3]/\xc3\xfa-\x8c{\xef5Mb\xf9-\xe0\x85}Y\xdc\x80+\xe0/\xdao\xfe\x0e\x90\xff\x00\x82N~\xcf\x17m\xa4\xf8g\xe2\xb6\xa5\xf1"\xf5s\xbd|\x03\xa65\xdd\xb8\xc0?\xf2\xf2\xdban\xdfu\x8f\x07=2@\x07\xcd\x9aw\xfc\x1e\x99\xfb+^\xf8\xb2$\xb8\xfd\x93&lt;{o\xa0\x19\x19&amp;\xbdk\xab6\xb8^X\xabyk!\xceWo\x19\xe0\xee\xec2&gt;\x80\xf0O\xfc\x1di\xff\x00\x04\xa2\xf1\x96\x99\xa6\xdf\xb7\x88|qa%\xd5\xba\xbe\xa3ou\xe0\xe9\x8bi\xccC\x12\x8f\xb7&gt;f\xdd\x84\x16\x8bz\xe7\x1c\xf2(\x03\xea\x8f\x83\x9f\xf0U\x7f\xf8\'/\xc7\xeb\x8b=7\xe17\xed\x99\xf0\xfbV\xbf\xbe\xb2k\xa8\xb4\xb8\xfcK\x02]$k\xb7~\xf8\x9d\x83FWz\x82\x18\x0cn\x15\xed\xfe\x1e\xf1\xa7\x84|[%\xc4~\x17\xf15\x8e\xa2mYE\xc7\xd8n\x92_/r\xee\\\x95\'\xa8\xe4P\x06\x9d\x14\x00Q@\x05\x14\x00Q@\x05\x14\x00Q@\x05|\x7f\xff\x00\x05\xbf\xff\x00\x82\x97j\x9f\xf0K?\xd8sR\xf8\xff\x00\xe0\xcf\x0f\xe9z\xaf\x8b5-Z\xdfF\xf0\x9d\x8e\xb1pR\xdc\xdd\xcd\x92fuS\xbeU\x8a4y\x0ci\xcbl\xc6T\x12\xc0\x03\xf9I\xfd\xb2\xff\x00\xe0\xa5\x9f\xb6\x9f\xed\xe7\xe3\x0b\x9f\x15~\xd3\xff\x00\x1e\xf5\xaf\x13C$\xcc\xd6\x9a\x0c\x93\x084\xbb5,\xcc\xab\r\x9cg\xca\x1bA\xc0b\xac\xd8U%\xc9\xc3\x1f\x0c\xb6\xd4\x1d.\x12\xe5\xe1\x8fl-\xbb\xcbo\x99[w\xf7\xa8\xbe\xa5[\x94\x8aK\xd9\xbe\xca\xb6\xe2\xe5\x95z\xf9k\xf7W\xfc\xfc\xd547\xd76\xb7{\xecn\xa4dUU\xdc\xdf\xc4\xab\xf3m\xa3\x96\xe1\xcc^\xd0&lt;[u\xa2\xc9p\xcb\xa7\xda\xc8\xb7\x90y7\x02[Tue\xce\xff\x00\xba\x7f\x8b W\xd9\xdf\xf0L/\xf8-?\xc6\x9f\xf8\'\x0f\xc6k_\x1e\xf8CB\xb5\xd54Sb\xdan\xb5\xe1\xfb\xc9\r\xbd\xb5\xf6\x9e\xd3\t8\x11\x80#\xb8\x8d\x81\x110\x1b@\x91\x91\xb6\xabdO/\xbc&gt;\x87\xf4\xf5\xff\x00\x04\xe8\xff\x00\x82\xa4\xfe\xcc\x9f\xf0S?\x08j\xde!\xf8\x01\xab\\\x1b\xcf\x0e\x8bU\xf1\x06\x99x\x14=\xab\xcf\x1e\xf5\nA\xfd\xe2\xf5\x1b\x80\xc6F:\xf1_IU\x10\x14P\x01E\x00\x14P\x01E\x00\x14P\x06o\x8c|S\xa5x\x1f\xc2Z\xa7\x8d5\xd96Yi:|\xd7\x97l;G\x1a\x17o\xd0\x1a\xfe8\xff\x00\xe0\xb0\xdf\xf0V_\x8a\xbf\xf0U/\xda&amp;\xeb\xe2g\x88\xe6\xbe\xd3|\x1f\xa5\xdcM\x17\x80\xfc\'$\xc3\xcb\xd3\xb4\xfd\xc5VI\x15xk\xa9W\x0c\xee\x0e\x17\x84S\x81\xb9\x9f\x98y\x1f#\xe8~\x1a\xf1\x0f\x89\xaf\x97M\xf0\xde\x8dy\xa8N\xdfv\xde\xca\xd5\xa5\x91\xbf\xe0+\xba\xbdk\xe1\x87\xec\x11\xfbL\xfcVi\x93A\xf0\x1bY\xc7o\xb9d\x93V\x9b\xc8]\xcb\xfc?\xef|\xd5\xcf_\x17F\x84ug\xa3\x85\xcb\xab\xe2\xb6G\xbf|+\xff\x00\x82\x15|x\xf1\xa4q\xdcx\xbf\xe2\x97\x87|&gt;\xb2.\xe5e\x8eK\xa3\xff\x00\xb2\xd7S\xab\x7f\xc1\xbe\xff\x00\x15,.V\x1b\x7f\xda\x0bB\xb8]\xf8fM\x1e}\xc3\xfd\xad\xbb\xbf\xf4\x1a\xf1\xa5\xc4\x14\xfa~g\xd2\xd2\xe1\x19\xc8\xf3\xaf\x89?\xf0D\xdf\xda\xbb\xc1\xf15\xcf\x83o\xf4_\x142\xc5\xe6%\xad\x95\xc3E&lt;\x8b\xec\xb2.\xdd\xdf\xef5|\xc7\xf1O\xe0\x7f\xc5\xef\x82\xda\xd1\xf0\xf7\xc5\xaf\x87\xda\xc6\x83w\x1b\xf9~^\xa3f\xc8\xac\xdf{\xe5\x7f\xba\xdf\xf0\x1d\xd5\xe8\xe0\xf3\x1a8\xcd\xd9\xe2\xe69.#/\xd5#\xdc\xbf\xe0\x96\x1f\xf0R\xef\x8c?\xf0K\xff\x00\xdasM\xf8\xe7\xf0\xd7Z\xba\x97K\xb8\x85\xed|W\xe1\xb8\xe4_\']\xb6\xd8\xfeT\x12\x87$*\xa4\xa5XH\x842|\xddrT\xff\x00^?\xb0\xcf\xed\xc9\xf0+\xfe\n\t\xf0\x03G\xfd\xa1\xbe\x02\xebrO\xa5\xea\x91\x91%\x9d\xe2\x08\xeemeS\xb6Dx\xc9\xdc\x00|\x80\xc4\x00\xc0dd\x10k\xd0\xb7\xbax\x8e\xefV{\x1d\x14\x84\x14P\x01E\x00\x14P\x01E\x00~v\xff\x00\xc1\xd1\xbf\x1f5\x9f\x81\x9f\xf0H\x9f\x1aY\xf8pL\xb7\xfe2\xd4\xec&lt;=\x0c\xf1\xdb\xbb$Q\xcf03\x16uu\xf2\x8f\x94\xb2mbH\xdd\x80A\x04\x8a\xfes\xff\x00\xe0\x9a\xff\x00\xb0.\x89\xfbU\xdck\xdf\x14~+j\x97\x16\xbe\x08\xf0\xac\xb0\xc3u\x1d\xac\xab\x1c\x9a\x8d\xd3.\xef\xb3\xab}\xe5UP\xac\xcc\x17\xf8\x96\xb9\xf1U\xbd\x8d\x17#\xbb/\xc3\xfdc\x17\x08\xf7g\xe8\xf7\xc3\x1f\x85\x1f\r&lt;\x1f\xa5[\xf8K\xe1\x17\x804\xdd2\xce\xdd~XmmUY\xbf\xbc\xcd\'\xf17\xf1nfj\xf6\xef\x85\x1f\xb3f\xa5\xadir\xdeXi\x91\xc7\x0e\xef\xde\xf9q+37\xf1W\xe7\xb8\xaceZ\x93\xb5\xcf\xd8r\xbc\xb6\x8d\x1e\x87\xa4\xe8?\xb3\xb4\xd62I\x03\xbbl\xdd\x9f.G\xff\x00g\xe6\xff\x00w\xe6\xfe\x1a\xe9\xfc%\xfb=\xe8\xa5\xa2\xd75X$h\xd6-\xbbZ_\x95\xbf\xe05\xc2z\xbe\xed2\x87\xc4\x8f\xd9\xba\xc6\xc9[U\xf0\xa3\xb7\x96\xa9\xfb\xdby\x1bw\xcd\xbb\xe5eo\xfd\n\xbc\x03\xe2\x87\x83\xb4-N;\x8f\x08\xfcR\xf0\xe5\xae\xad\xa5\xcd\xf2\xb5\xbe\xadk\x1c\xb1\xff\x00\xdfM\xf3V\xd8j\xd5)\xd6\xf7Y\xcb\x8c\xc2\xd0\xadF\xf2G\xc0\xff\x00\xb7\xc7\xfc\x127\xc0\x7f\xf0\x83\xeb_\x1e\xff\x00c\x98\'\xb7\x97E\xb3\x93Q\xf1\x1f\x80\xa4o9~\xce\xbbZK\x8b\x17\xfb\xcc\xb1\xab34-\xfc?w\xee\xedo\xbc\xbf\xe0\xc9\xef\x8c^\r\xd4&gt;\x1e|c\xf8\x136\x9fo\xff\x00\t\x1e\x99\xaaYk\x11_\xf9\x11\xac\x92\xe9\xf3\xc7\xe5\x08\x83\x8f\x9d\xc2\xcb\x0b1\x07\x85\xf3\x17\xd4\x01\xfa&amp;_\x88x\x8a\x17?\x1b\xce0\xbfS\xc5\xfb4~\xedQ]\xc7\x92\x14P\x01E\x00\x14P\x01E\x00~4\x7f\xc1\xe5?\x13o\xcf\xec\xbb\xf0\x9b\xf6p\xd1u%Y\xbcY\xe3\xa9\xf5+\xeb5P^K{+G\xc3}\x04\x93)\xc6\x0e\xe21\xef_\x06~\xc4\x1f\r\x7f\xe1Q~\xc9&gt;\x1d\xf0\x8d\x99\xfb&gt;\xa5\xaeL\xda\xae\xb5\xe6\x05\xff\x00]&amp;\xd5U\xdd\xfe\xccj\xab^&gt;uQG\x0f\xca}G\rQ\xe6\xc4s\x1fFx\x07TK+h\xe1[\x05e\x8fj\xb4\x92&gt;\xd5o\xef.\xdf\xf6k\xe8\x8f\x86\xff\x00\x18\x9bK\xf0\xfbh\x8b\xb6($]\xdeLk\xb5\x9b\xfe\x05\xfe\xd5~\x7f[\x95\xca\xe7\xea\xf89N0\xb3:\xcd;\xe2\r\xc5\xd5\xc3,\xd72*\xee\xf9~f_\x96\xb5\x8f\xc4\x9b=#\xc3\xcdn&lt;\xc4\x93\xcd\xda\xb1\xee\xdc\xbb\x7f\xbd\xfe\xeda\x1a\x9d\x19\xd3(\xa9\xce\xe77\xe2o\x89\xd7\x8bg\xb3M\xf3\x19~\xea\xc6\xbb\x95\xb7}\xed\xbf\xf0*\xf9\xff\x00\xe2o\x8d\xef\xb5\xdb\x86\xb6\x8d\xe4Y|\x96o.\xe3\xe6\xfb\xbf\xedV\xb4\x174\xb9dg\x88\x8f\xb3\xa3\xcb\x13\x8d\xf0\x7f\x88\xaet_\x134s\xed\x9a\xd6\xe1\x1a+\x88W\xe6\x8eHYYd\x8fw\xfb\xac\xcb^g\xff\x00\x06\xe5]\xc7\xfb\x0e\x7f\xc1u&lt;Q\xfb0\xea2\xf9\x1a?\x8c\xf4]KI\xd1ZI\x08\xf3\xde=\xb7\xd6\xab\x92\xc49\xf2\x04\x83\xa9\'a#\xa5}\x9eAYE\xca\x9b?3\xe2\xcc?7-d\x7fJ\xd4W\xd3\x9f\x0e\x14P\x01E\x00\x14P\x01E\x00~&amp;\xff\x00\xc1\xc8\xbe\x06_\x8b\x1f\xb7\xef\xc2\xfd?T\x85[O\xf0\xbf\xc3\x1b\xc9YYO\xcd%\xdd\xfa\xfc\xc0\x8c\xe3h\xb6\x19\xe0\xf0\xd9\xfe\x1a\xf9\x87@}6\xc3E\x16\x16\xd0\xf9\xd2Y\xca\xb0Z\xc3\xbb\xe6\xda\xbf{w\xfb\xbfv\xbeW:\xa8\xe5_\x90\xfb\xae\x19\x87-\x1es\xd1!\xd5~\x17\xfc6\xd1\xad\xfce\xf1\xeb\xe2\x8e\x85\xe1\x1b;\x95o\xb3\xc9\xab^,m*\xfc\xbfu~\xf7\xca\xdf\xec\xd6\x96\x9b\xff\x00\x05=\xff\x00\x82Z\xf8C[O\x0c\xc7\xf1\xebQ\xd7/\xa6eT\xfe\xc4\xf0\xbd\xd5\xcc;\xbe\xea\xfc\xdbv\xfd\xea\xf0\xe8\xe5\xb5+C\x98\xfa\xda\x99\xd5:2\xe5G\xda_\x03\xaf&gt;\x0c\xfe\xd1\xbe\t\xff\x00\x84\xaf\xe1\xee\xa4\xcd\x0f\xd9U\xd7\xedV\xfe[*\xb32\xfc\xcb\xbb\xe5\xff\x00W\xf7k\xaa\xb0\xf8=\xe1T\xb2Q\xac:\xacq\xab&lt;\x92M\xf3|\xab\xf7\xbf\xf1\xda\xf3eC\x96\xb5\x8fN\x86#\x9a\x9d\xcf\x97\x7fk/\xf8)\'\xecC\xfb5\t\xb4_\x16&gt;\xbd&lt;\xabk\x1c\xb1G\xa3\xe8\xbecF\xbf\xc5\xb9\x99\x95Wn\xef\xefW\xc9\xf7\xdf\xf0R\x8f\xf8&amp;\xf7\xc4\xa9|\xaf\x0e|d\xd7\xac\xf5+\xe9U-\xf4\xfdK\xc2\xb7A\x84\x8c\xcb\xd1\xd5Y~f;~\xf5z\xf8|\xb5\xe2({X\x1e.#:\xfa\xbdnI\x1de\xae\x89\xaa\xf8R\xf3\xed\x97\x12}\xae\xceeYa\xb8\xda\xca\xcb\x1b|\xcb\xf2\xed\xfb\xcd\xbb\xf8\xb6\xd4\x1f\x08&lt;\x15\xa1\xda\x7f\xc1I\xbe\x0b\xfe\xd3\x16rH\x97\x96?\x13t\xa8\xa4\xb8\x8dU\x7fu.-\x08\xf9y \xc7+g9\xc0c\x90\rwe|\xd4\xabF]\xcf\x1f&lt;\xb5l\x1c\xa2\xfa\x1f\xd1]\x15\xf6g\xe6\xe1E\x00\x14P\x01E\x00\x14P\x07\xe3\x0f\xfc\x16\xca\xfe{\xdf\xf8(\xb6\xa5l\xc8$]?\xe1\xc6\x8e\xb1#6\x0f\xcf5\xe3\x1c{q\xf9\xd7\xcc\xfe\x00\xf0\x9e\xb7y|\xcf\xa0\xc5g\xfd\xa1p\xcc\xb6R_+}\x9a\xdf\xe5\xf9\xae%_\xbc\xca\xbf\xc3\xff\x00\x01\xf9\x96\xbeC6\xff\x00z\x93&gt;\xfb\x87\x7f\xddR9O\x13\xfc"\xff\x00\x82q|+\xf1g\xfc,_\xda\x9f\xc5\xda\xd7\xc6/\x19\xdcnk].\xff\x00t\xb1\x7fu\x96;(\xf6\xaa\xc6\xac\xdf.\xe6\xdb\xf7w6\xea\xf0\x8f\x1c\xfe\xd7\xdf\xb3\x06\x89\xe2\xf8\xf5O\x81\xdf\xb1\xaf\x81t\x98#\xb8_\xb1\xac\x91\xdb\xa4\xcc\xcb\xf3.\xe5\x85\x9b\xfb\xbfu\x9b\xe5\xa7\x87X\x8a\xd49\xba\x1d\x18\xcf\xaba\xf1;\x9fv~\xc1\xff\x00\xf0S\xbf\x07x\xc7Lm\x1e\xdb\xc0z\x7f\x87o7*jV\xf6\xf6\xeb\x1ck\xf3}\xe5\xff\x00e\x99\x99\xb7W\xd8\x1e \xfd\xa2\xfc?\xa4\xf8^[\xc6\xbb\xb3\xbaV\xb5\x91\xbc\xb5\xba]\xdbv\xb6\xef\x97\xfb\xbf\xde\xaf\x9b\xc5\xc6\xa5&lt;A\xf5\x98*\x90\x9d\x0b\x9f\x95_\xb6w\xfc\x14\xbf\xc3\xba\xef\x8do&lt;\x1f\xa1|\x0f\xf0\x84\x9ar\xdc*K\xa9kVj\xca\xcc\xad\xb7\xe5o\xee\xee\xff\x00k\xf8k\xaf\xfd\x9a\xff\x00\xe0\xa5\x1f\xb3\x97\x83\xf5+D\xf1\xcf\xec\xe5\xe0\x96\xbc\xb7\xf9?\xb6\xbc\'\xa7\xc3\xf6\xab]\xcb\xf37\x96\xcb\xbbk+/\xcd\x1b7\xfb5\xeeR\xc1\xd4\xa7\x84\xb4O\x98\xa9\x8d\xa1[\x1d\xef\x1e\xa5\xe2\xcd/\xe1\x96\xb5\xac\xc9\xf1\xa7\xe0\x9f\xc4+\x8dSC\xf1\'\xcf\xa9h:\x86\xa1\xf6\x98\xb7\x7f\x14\xd03~\xf2\x16]\xcc\xad\x1bn\xfb\xbf\xc3X\x9al\x8b\xe0\xbf\x16xsU\x0b\xbeM\'\xc5\x9au\xc5\xbb"\xe1O\x97w\x0c\x83\xf9R\xcb\'9V\\\xe3\xcd\xa1\ta\\\xd1\xfd\x0c\xc4\xfedk \x1fyA\xa7W\xdb\x9f\x99\x85\x14\x00Q@\x05\x14\x00Tw\x97\x96\x9au\x9c\xba\x85\xfd\xcaC\x04\x11\xb4\x93M#mTP2X\x93\xd0\x01@\x1f\x88\x1f\xf0U?\x8c\x7f\x02\x7fh\x1f\xdb\xea\xc7\xe27\xc0\x7f\x88ZO\x8a\xb4\xbdC\xc0PY\xea\x9a\x8e\x93{\xe6%\xbd\xc5\xa4\xf7,\xb17\xf7\x1b\x0f\xbb\xa6J\x9c\x9f\x97\xaf\xc9\xde\'\xf8\xda\xbe\x0c\xbc\xba\xb2\xfe\xd5kx\xe4\xb5d\x7f\'\xef7\xfb?\xf0*\xf9&lt;\xcb\x96\xa5y4}\xe6I\xcdO\x0f\x14\xd5\x8f\x94\xbci\xf0\x8e\xeb\xc7\x9f\x10\xf5/\x1a\rz\xdfT\xb7\xd4,\xe6\xb7\x8bK\xd4.\x9a\xd9Ud\x8fj\xc9\xe6n_\x9a=\xdb\xb6\xb7\xcb\xb9\x7f\xda\xa9~\x08\xf8l\xfc0\xd5u\x0bo\x8a\x1f\n\xfc;\xf1!n\xbc\x0b\xff\x00\x08\x96\x9d\xa6\xde\x7f\xa2\xae\x97\x0b\\-\xc7\xdb\x12[m\xcd\xf6\xa8\xfeo.o\xbc\xbb\xbf\xdd\xae\xdc.2\x8d*&gt;\xcc\xe0\xc6e\xf8\xacF&amp;\xe7}\xf0\xfbG\xd6&lt;3\xe2\x8b\xab\x8f\t\xe8\x97\x9a]\xb3|\xb1Cup\xd3\xc9o\x0e\xe6\xf2\xe1\xf3\x1b\xe6\x93n\xe5]\xcc\xbb\x9bn\xe6\xfb\xd5\xf4\x7f\xc7\xc8~$\x0f\x85\xda?\x8a\xb4\xcdm\x92[8\x95Z\xdf\xcee\x93\xcbo\x96O\x96\xbe{\x178U\xc4\x1fc\x97\xd3\xa9\x1c\x19\xf3M\xbe\x89\xa4\r3Z\xb8\xbc\xf8\'k\xe2\xcb\xedSC\xbc\xd2%\x93ZY$]&amp;\x1b\x88Z9&amp;\x82(\xf6\xfe\xfa6\xdb$s3n_\x99\x7f\x8bup\xc7\xf6a\xf1?\x88/\xa3\x97R\xf1\xe6\xa1\xaa\xcc\xbe\x1d\xb3\xd2,\xee$\xd1\xf6^Y\xdb\xc2\xaa\xb1,-\xe5\xaf\x97\xb7j\xae\xef\x99\xb6\xee\xafj\x9e:\x9e\x1e\x8d\xa4|\xbd\\\xaa\xb5lW4On\xf8I?\x8d\xbe\x05\xf85&lt;\x13\xe2+\xcb\xeb\xad\xcb\x95\xb8\xb8\xb7\xda\xfb\xb7W\xbc|7\xf1\r\x9f\x8d\xf5\x1f\x05\xad\xe5\xeck\x0c\xde&lt;\xd1a\xd4\xa6\x9aB\x8a\xb1\xbd\xe4&gt;a,x\x00*\x9eO\x02\xb9h\xd4\xa7:\xeb\x94\xee\xcc#S\xea\xbe\xcc\xfe\x80\xbe\x10\xfe\xd2\x1f\x00\xfe=\\\xea\xd6\x1f\x05~.h&gt;&amp;\x97@\xbc6\x9a\xc4z6\xa0\x93\x9bYG\xf0\xb6\xd3\xfa\x8c\x83\xeb]\xb5}zjZ\xa3\xf3\xd9FP\x95\xa4\xac\xc2\x8ad\x85\x14\x00Q@\x05|\xe5\xff\x00\x05m\xf1o\x8c|\x13\xff\x00\x04\xeb\xf8\xa5\xaf\xf8\x13U\xb7\xb2\xd4\x97\xc3\xad\x14w\x17L\xc1\x15$\x91\x11\xc1*C\x0c\xab\x11\x90{\xd6u%\xcbM\xbf#|,y\xf10\x8fv\xbf3\xf0\x8b\xc3\x9e\x0b\xd4\xfe\x18\xeb\xda\'\xfc$Z\x94\xd7\xda\x84\x9e\x11\xf3/u\x0b\xa8V\x1f2o/\xe6U_\xe2\xf2\xf7*\xfc\xdb\xbe_\xe2j\xd2\xf8Q\xf0S@\xf1\x9f\x8a\x9b[\xd6\xec\xfe\xd0d\xb8U\x8ddUo\xf8\x12\xaf\xdd\xff\x00\xbe\xab\xe1+V\xe6\xa5s\xf5\x1a\x18^\\U\x8f\xa8|;\xfb\x1ax\x1b\xc5\x9e\x1dg\xd0~\x1a\xd9\xee\xf2\x99V\xe2\xe1wy\x92n\xf9\x99Wo\xf9\xf9v\xd77\xe2\xbf\xd8\xf3J\xf8q\xa4\xddk\x03J\xb7F\xb7\x8bw\xcbn\xab\x1e\xed\xbf33W\x99\x1cT\xe3\xca}\x1cr\xf8\xc8\xe3&gt;\x00~\xc5?\x14\xfc}\xf1\x06\xdb\xe2O\x8d4v\xd3\xfc1\xbb\xed6\xf7RE\xbaK\xad\xdfu\x95\x7f\xbd\xb5~Uj\xfa\xc3\xe3\xcf\xec1\xe0\xff\x00\x17\xf8\x11\x7f\xe1\x03\xd4\x16;\xf8\xecXB\xb71|\xb3\xee\xfe\x17\xff\x00k\xfe\x03[\xd4\x8c\xa5%S\xb94\xa9T\xa7\x19\xea|s\xf0\x9b\xf6{\xf8\xa7\xf0\xb3\xe2\x8c\xde\x05\xf8\x87\xe0Y-c\xd4eo\xb1\xde\x7f\r\xc6\xdf\xe2\x8d\xbf\xbc\xab\xbb\xe5e\xaf\xa6&lt;5\xf0}t7[\xdb\xcf\x0cX\xdcC\xb5_\xcc\x8e\xd5|\xc6]\xab\xf37\xcb\xb7\xf8\xbf\xbb\xf7\xab\x1a\xd5\\\x9d\x85\x87\xa0\xb9ny\xef\xed#\xf0\x9f\xe1\xcf\x8at\x8b\xbb\xcd+F[{\x85V\xdc\xb2mY$m\xbfww\xfb5\xf3G\x86\xfc\x1dgc\xe1\rw\xc2z\xc4-ukq}\x1c\x1eK.\xe6\x93s}\xd5_\xf6\xb7}\xda\xeb\xc1\xd4\xf7O\'5\xa3j\xd1&gt;\xd9\xff\x00\x827=\xe7\x80?o}\x0b\xc1\x9a\'\x8a\xe6\x8e\xcfW\xf0\x9e\xb0\xb7\xda\r\xc5\x88\x81\xa0[x\xec\xda5\n\x08\xda\x8a\xceW\x041,\xb9$\x12K~\xc6W\xd8\xe4\xd5\x1dL\no\xbb?=\xe2Zq\xa7\x9a4\xbb \xa2\xbdS\xe7\xc2\x8a\x00(\xa0\x02\xbeM\xff\x00\x82\xd6\xea\x9a~\x93\xfb\x02\xeb\x93\xebwK\x1e\x9d/\x89\xb485 \xd2\x05\xf3-\xe4\xd4`GN\xa0\x90A\xc1\x03\x9cg\x15\x9de\xcdFK\xc9\x9dX\x1f\xf7\xca\x7f\xe2_\x99\xf8\xf3\xf1;\xc6&gt;\x06\xf8\xe9\xf1\x12?\x88\x1e\x15Ku\x8fE\xd2\xee\xb4\xd7\xb7\x85\xb6\xb5\xbc\x9eb\xb3,\x8b\xfd\xed\xb1\xfc\xad^\xc3\xfb0xg@\xbc\xb8\xb5\x8e\xe7\xe6\x86M\xac\xeb\xf7\xb6\xab\x7f\xb5\xff\x00|\xd7\xe7x\x95\xec\xf0\xd7?Z\xc2\xc9T\xcc,}\x97\xe1\xff\x00\x18x3\xc0~\x1bw\x99\xeda\x86\xde-\xded\xcc\xaa\xb1\xed_\xfe&amp;\xbeN\xfd\xab?h\xad?\xc6\xfe\x00\xd7WG\xd4\x16\xc7C\xd4\xa1\x92%\xd6.&gt;U\x91~\xee\xe8\xff\x00\xd9\xf9k\x86\x8a\xf6\xae6G\xb9\x88\xa9**\xed\x9f\x15|U\xff\x00\x82\x9a|;\xf1\x1f\x8d4\x1d\x03\xe3O\xc4/\x88\xd3k~\x1fh`\xb6\xff\x00\x85C\xe3\x8b\x8d:\xc6kx\xd7\xf7{\xac\x9aE\x85$\xf9w6\xe6fj\xf5\xdf\xdbW\xfe\n\x11\xe0\xaf\x81\xda\xdf\x83|\x1b\xf1+\xe2\xa7\xc6m\x1a-kG\x87V\xb1\xd5\xbc?\xa9[\xdb&lt;+\xfc^z\xaf\xcc\xcc\xcb\xb7r\xae\xef\x9a\xbe\xa3\xea|\xd2\xa3L\xf8\xbf\xed*r\x8dG\xccv\x7f\x0f?l\xef\x1b\xfe\xd0\xd0\xf8a\xb4\xff\x00\x15Z\xeb:7\x87.\x1a\xfbK\xd65-Z\x1b\xcd_P\xdd\x1e\xd5\x8ev\x8e8\xd5UU\x9b\xe6\xf9\x9b\xe6]\xd5\xf6\x97\x81\xbcy\xe1_\x19x~?\xb2\xcb\x1c3yJ\xb7P\xb7\xde\x8d\xb6\xeeeU\xfe\xed|\xe6aG\xd8\xd6\xb1\xf5\xb9F!W\xc3\x9eG\xfbJ\xf8O\xfd\nI\xd1\x17\xec\xff\x006\xd6\xf2\xb6\xb2\xb7\xf0\xeeo\xef.\xda\xf9\x8fP\xf0\xdd\x9e\xa3aqcp\x8a\xa9\xfd\xafkr\x8d#2\xedh\xe4Y\x15\xb7\x7f\n\xaf\x96\xadU\x97\xab\xc4\xe2\xce]\xb1\x11&gt;\xb6\xfd\x87\xfe&amp;\xfc\x19\xf8\xb7\xff\x00\x05]\xf8k\xf1\x0b\xe0\xee\xb0\xb77O\xe0\xbdz\xcb]\x8e\x08\xc9\x8c\xe6+w\xce\xf1\xf2\xb3#\xc7\x86\xf7z\xfdr\xaf\xb8\xc8\xe3\xcb\x81K\xcd\x9f\x9a\xf1D\xb9\xb3V\xfc\x90Q^\xb9\xf3\xa1E\x00\x14P\x01^G\xfbw\xfe\xcd6_\xb5\xef\xec\x95\xe3\x7f\xd9\xee\xe5c\x13x\x83Gh\xf4\xf9\x9c\xe3\xc8\xbaR\x1e\x19\x01\xecU\xd4\x11\xd3\xea*e\x1eh\xb4\xfa\x97N^\xce\xa2\x97f\x99\xf8#\xe3\xcf\xd9\xa3\xe2g\xec\xc7\xf19\xb4\xdf\x19xB\xe3M\x84(\xd3\xee\xaen$\x1em\xfc\xc07\xef\x08\xe8N\xed\xd8~\xfb\xab\xde?fM\x02\xe7Y\xf0n\xa5?\x87\xee&lt;\xbb\xed.\xd7rF\xdf/\x98\xdb~_\x9b\xfe\x03_\x01\x99\xe1\xf1\x14S\xa5YZ\xda\xaf\xc0\xfd_)\xa9F\xb5h\xd5\xa6\xeer:/\xc6\x0f\x11\xfck\xb3\xb3_\x14?\xfa,1^^\xea\x96rJ\xcb\x1c\xdeO\xfc\xb1o\xf6w/\xcc\xb5\xf1\x8f\x8e\xfc|\x9f\xb5O\xc5;\x1d#\xf6\x9a\xf1\xb6\xb1\xa6\xe9z\xa2\xe3F\xf8g\xe1\xb6\xf2.dU\xfb\xabs\'\xcc\xdf\xea\xff\x00\xe5\x9ck\xf2\xff\x00\xc0Z\xaf\'\xa7\x18\xd4\xd4\xdb9\xaa\xea\xc64\xa5\xf0\x9fL|\x02\xfd\x81\x7fg\xed\'K\xfe\xd2\xf0\x8f\xecm\xf6\x8b6\xf2V+\xadGE\xbc\xbc{\x85\x91\xbfv\xcb;/\xf1n\x1f2\xff\x00uk\xdc\xfe1\xfe\xc3\xbf\x03\xfe7xfi&gt;)\xfe\xccz\xf6\xb5u\xe1\xbd#3G\xaa-\xe4\x9f\xd9\xb0\xfc\xcd\xf2n\xda\xcb\xd1\x9b\xfe\x02\xd5\xd5,EiV\xe68cG+\xa7G\xd9\xb3\xe3\x0f\x10~\xc4\x7f\r&gt;\n\xf8\xc1"\xfd\x9c&gt;\'j\x1f\nu\xe3p\xb3\xd9\xaf\x8a\x0bO\xa6\xde+*\xed\x86Vo\xde,m\xf7w7\xf1\x7f\xc0\xab\xdc&gt;\x06\xfe\xd3~&lt;\xd5\x05\xe6\x87\xe3\x9d\x1em\x0b\xc7\xde\x14\xda5\xad7r\xb5\xb6\xa5g\xf2\xaf\xda\xad\xa5\xfb\xb3\xc2\xdf{r\xfd\xdf\xe2Z\x8cte\x8b\xc3\xfbI#\xa3-\x95&lt;\x16\'\xd9\xd3w=KT\xf8\xe5\xabx\xcd\xae4k\xd4\xf36\xdb\xefe\xfb\xca\xb1\xb7\xff\x00\x15^g\'\xc2\xff\x00\x88\xdf\x1c\xf56\xf8i\xf0\xd2\x0f;S\xd6\xa6\x91\xe1\xfb\xc5J*\xaa\xed\xf9\x7f\x87\xe6\xae\x0c\r:\xb2\xfe\x1a\xf7\x99\xb6m\x8a\x8cg\x1a\xb2\xd9\x1f\xa0_\xf0H\xbf\xf8%g\xc4\x9f\xd9\xaf\xe3M\xc7\xed/\xf1\xaa\xd2\xdfO\xbe\x87\xc3\xb2iz\x0e\x8fk\xb4\xac&gt;s\xaf\x9f.0\noX\xe3\xe0\x8c\x92208\xaf\xd1\xaa\xfb\xac\x0e\x1eXl,i\xcbu\xb9\xf9\x8em\x8c\x8e;\x1d*\xabn\x81Ev\x1ehQ@\x05\x14\x00Q@\x1cw\xc7\x7f\x86z\x17\xc5?\x85&gt; \xf0\x9e\xad\xa3[\xddIy\xa4\xce\x96\xed,`\xb2\xc9\xb0\xed \xf5\x1c\xe2\xbf\x19?d\x7f\x16\xd9\xf8_\xe26\xb9\xf0\xfbS\x95cQ3\xc6\xd2;m\xdcU\x9d7\x0f\xf7\xb1_?\xc4\x94\xbd\xa6\x05w\xbb_\x87\xfc\x03\xec\xb86\xbf&amp;2P}U\xceG\xe1\x15\x86\x9d\xf0\xf3\xe3\xd6\xbb\xe1\xfb\xcb?\xddC\xac\xde\\Z\xc7"\xeeU\x86efo\xf8\x0e\xe6o\xbb^7\xa1|&lt;\xf8\x8d\xf0\x9b\xf6\x91\x1f\x1c\xbe\x01\xc5\xa6\xaf\x89\xadc\x92\x08\xa4\xd54\xb8\xee\xa3\x9a\xdddi6\xedo\x9b\xccV\xf9w+\x7f\x15|\xbe\x0f\x11\xec\xea\x1fm\x99a\xfe\xb5\x87\x8d(\xfcG\xd4\x1f\x03\xfco\xff\x00\x05,\xb9\xbb\xb5\xd6\xfc?\xfbW\xea\x8f%\xab[\xb3xoP\xd0l\xe1\x89c\x85~\xea\xc7\xf6\x7f\xe2\xdc\xca\xdf\xde\xfe*\xfa\x1aO\xdb#\xf6\xee\xf0\xb7\x87\xf5i&amp;\xd3\x17W\xd4\xae\xad\xd5Qu\xcf\x05\xda\xacJ\xcb\x1b\x7f\xcbXn\xa1\xf9~o\xba\xd1\xb7\xfd\xf3^\xc5\x1a\xf4\xe5\xa9\xe1\xd6\xc8\xb9\xbd\xfb\x9f&amp;\xfe\xd2\x1f\xb7\xc7\xed]\xf1\xa7J\xd5\xbe\x18|l\xfd\x90\xfe\x18\xf8\xb2\xe2m:K[[[;\x1b\x8bY\xecd\x92\xdd\xa1\xf3\x19\x9b\xce\xf9W\xcc\xdd\xf32\xed\xdb\xf7\xbeo\x97\xc1\x7fc\xdd\x02\xff\x00\xe1o\x84u\x1f\x03x\x97VmK\xec:{Aoq|\xfed\x96\xff\x00\xbc\xdc\xd0\xc7#|\xdeZ\xeeX\xd5w7\xdd\xac\xb1X\xa8K\x0f\xec\xe2m\x81\xcb\xeb`q\x1c\xf5\x0fW\xf0u\xfa\xc2\xba\xc6\xaa\xf6q\xee\xfb\x05\xbd\xb4m\x1a\xff\x00\xbc\xcd\xfe\xcf\xf1W\xea\x0f\xfc\x11w\xe1U\x87\x87\x7fgF\xf8\x87{\xa2\xc7\x1d\xfe\xa9v\xf1\xc5p\xca\x0b\x18\x81\xc9\x00\xff\x00\xbd\xd7\x9e\xa2\xbax~\x8d\xea\xba\xbe_\xe4y\x9cU.\\\x14\x17v}\x99E}a\xf0\x01E\x00\x14P\x01E\x00\x14P\x00\xc00\xda\xc3 \xf0A\xef_\x83_\xb7\xf6\x81y\xfb2\xfe\xdd\xbe,\xb1\xd1g\xff\x00E]In\xa3E\xc2\xb0\x86\\0\xe8\t\'\x04v\xae\x1c\xd2\x8a\xad\x97\xcd&gt;\x96\x7f\x8d\xbfS\xde\xe1\xda\xde\xc72O\xc8\xe1\xbcS\xf1+L\xf1&gt;\xb1k\xe3]5\xfc\xbb\x89"Uf\xfe&amp;m\xdf6\xef\xf7\xb7WE\xf0\xd3Q\xb2\x9f]\xd3\xde\xee\x18\xde\xe6k\x85\x7f3n\xe6\xdc\xbfywn\xfb\xbbk\xf3\xba\x91p\x95\xcf\xd5)J5\xa5\x13\xeb\xff\x00\x11\xfcI\xba\xf8c\xf0[\xc4\x1e=\xb3\x87Oy\xb4\xbd\x1ak\x8b5\xbe\xdb\xe5\xb3*\xee\xdb\xbb\xfb\xbf/\xf0\xd7\x91\x7f\xc1&gt;\x7f\xe0\xa2~=\xfd\xb0c\xf1F\xa5\xf1c\xe1\xbe\x93\xa7\xe8\xfaN\xad\x1d\xae\x9by\r\xfa\xaa\xdd.\xdf\x99Z6m\xca\xdfw\xfe\xfa]\xb5\xd9B\x7f\xec\xf2g.&amp;\xb4\xa3\x8e\x8d#\xa8\xfd\xa1\xbcq\xe1\xfb\x1d"\xf3M\xf0\xa6\x87g\xa7\xc9\xa8#y\xd2Z\xc4\xaa\xcc\xbf\xed7\xde\xdd\xb6\xbe6\xd5-mt\x89\xa6\xb3\xd2v\xb7\xde\r\xb7\xe6f]\xdb\xb6\xff\x00z\xb9i\xc9\xca\xad\xce\xbcT\x12\x8cdt\x9e\x1dSk\xe1\xe5\xd2\x84\x99k\xc93"\x06\xe8\xbd\xd9\xbf\xe09\xaf\xdc\x0f\xd8\x83\xe1\xa4\xbf\t\x7fe\xbf\x08x:\xe3&gt;r\xe9\xa2\xe2m\xdd\x9aV2c\xf0\xdd\x8a\xfb&lt;\x86\x9f.\x1eS}_\xe7\xa9\xf9\xd7\x14V\xe6\x94!\xf3=^\x8a\xf7O\x91\n(\x00\xa2\x80\n(\x00\xa2\x80\n\xfcK\xff\x00\x82\xf6]\xda\xe9\xff\x00\xb6\xbc\xb6\x85B\x9b\xdd\x16\xdf\xe6\xce\x00+\x0c\\\x9f\x7f\x9a\xb0\xc5\xc7\x9b\x07Qy/\xcd\x1e\x96S\xfe\xfd\x13\xe2\x9b\x8df\xe3J\x82$K\xaf-\x19\xff\x00\xde\xdb\xf2\xb7\xfe;V\xbe\x07~\xd5~\x17\xd7.\xff\x00\xb1\xee\xaf\xfe\xc7\xafi\xf7\xadmqb\xcf\xfd\xd6\xda\xb2G\xfe\xcb.\xd6\xff\x00\x81W\xc6U\xc3\xa9\xc6\xe8\xfb\xdaX\xe9P\xa9\x1b\x9e\xa1\xfbE~\xd0\xda\x95\x8f\xc1\x1dcE\xf17\x8bf\xb8\x87P\xb2k+\r-UU\xae\xa6\x9a6_-W\xf8\xbe_\xbc\xdb\xab\xc6\xff\x00\xe0\x96\xfe;\xbf\xd6\xbc\r\xe2o\n\xd8L\xba\\\xfa\x1d\xfe\xfb\xc9\x19W\xcb\x9a?-co\x9b\xef7\xcc\xad\xf2\xaf\xfb\xd4Q\xc3[\x07&amp;mS\x1b\x1a\x99\xa4f{\xe7\x8f\xbcd&lt;-\xe1\xbb\xads\xc4&gt;0\xf3\x125f\x96\xe2\xe2]\xb1\xc6\xad\xfd\xd6\xfb\xbf\xfe\xcdx\x9f\xc1\x0f\x8c\xb6?\x1d&lt;U\xab\xea^\x0f\xdd&amp;\x87\xa7\xdd5\x95\xae\xa5\'\xcb\xf6\xc9\xb7|\xcd\x1f\xfd3_\xba\xad\xfe\xf7\xfb5\x9e\x1b\t\xfb\x9ef^;0\xff\x00h\x8d\x14\xcf\xa5&gt;\x02xz/\x1c\xfcz\xf0o\xc3\x85;\xa6\xd5\xb5\xabhd\x8d[\x87P\xdb\xf6\xff\x00\xe3\x95\xfb\xd7cg\x0e\x9fe\r\x85\xb2\x05\x8e\x08\x968\xd4\x0e\x8a\x06\x00\xfc\xab\xeb2\x9f\xf7%n\xff\x00\x92H\xf8\x9e#\x93\xfa\xd4W\x91-\x15\xe9\x1f:\x14P\x01E\x00\x14P\x01E\x00\x15\xf8\xb7\xff\x00\x05\xf7\xd1\xe1\xd6\xff\x00l{[g\x8c\x97\x1a\x12\x08\xf6\xb1\xeab\x80s\x8e\x95\x8e*\xdfR\xab\x7f\xe5\xfdQ\xead\xd1\xe6\xcc\xa0\x8f\x83u-\x03S\xb7\x89\xec\xf5;\x13\xb5S?\xbc\x7f\xee\xff\x00u\xab\xc1\xfe;\xfe\xcc\xf2\xfcL\xbe\xff\x00\x84\x8b\xc0\x9a\xac\x9ao\x88\xadWj\xeeo.9\xbf\xbb\xb9\xbe\xf6\xef\x9b\xef/\xf0\xd7\xcba+\xc7\x9fS\xeb\xb3\x1c,\xa5KC\xc4\xf5\xcd\'\xf6\xc4\xf0}\xb4:/\x8c&lt;1\xae\xea\x90\xe9\xb7\xdfh\xb5\xba\x91\xa4\xbadm\xbb~W\xf9\x9bo\xcd\xff\x00\x01\xaa0\xf8\xcb\xe3\xbe\x93u,&gt;\x17\xf8W\xac\xe9\xb1\xdcZ\xb2^}\x8e\xc6\xe0\xbc\x8c\xcd\xb9\xa4VU\xf9~\xea\xaf\xcb\xf2\xd7\xba\xbe\xa5S\xa9\xf32\x8e&gt;\'y\xa7|$\xfd\xb5\x7fi[\xbb;\x7f\x88\xf7\xba\xb6\x8f\xe1y\xad\xd5Y\xaf\xae\xbc\xb8R\x15o\x95|\xad\xdb\x99\x99\xbf\xbe\xb5\xf67\xc1\x0f\x06\xe8\x9f\t|)k\xe0\x9f\x03[-\xad\xad\x9a\xb2\xaf\x97\xfcM\xfcL\xdf\xdef\xfe\xf3W\x9b\x98\xd7\x85\x1a&lt;\xb0=\xac\xaf\x0bR\xa5okP\xfb\x03\xfe\tG\xe1\x99\xbcE\xfbzx\x15\xa7\x9bw\xd9\xa4\xba\xbb}\xcaN\xef.#\xc7&gt;\x80\xe2\xbfq\xab\xd5\xca\xff\x00\xe4_\x0f;\xbf\xc4\xf1\xf8\x8b\xfeF\x16\xed\x14\x14Wy\xe0\x85\x14\x00Q@\x05\x14\x00Q@\x05~4\x7f\xc1o\xa4\x86\xe3\xf6\xef\xb7\xb1\xced]\x0e\x17\xda\xdd\xc1\x86.\x9e\xfdz\x7f&lt;W\x1ea\x7f\xa8\xd4\xb7o\xd5\x1e\xd7\x0f\xc7\x9b6\xa7s\xc0\xe5\xf8U\xa3\xf8\x8bHf\xbf\x87\xcb\x0b\x17\xeed\xdb\xf3\x7f\xbd\xff\x00}W\x84x\xf3\xe0_\x8a\xe2\xd6d\x82\xd2I\xad\xe4_\x9a\xdehU\xb7*\xff\x00\xb4\xbf\xdd\xff\x00z\xbf?\xa1^Jg\xea\x18\xcc4R\xb1{\xc2\x1f\x03\xbfj{{\x05\xbc\xff\x00\x84;G\xd6\xa1\xf9\xbc\xb9$i\xad\xa4Uo\xef}\xed\xdf\xf0\x15Z\xe9\x1b\xe1_\xedF,$\xba\x9b\xe0\xd6\x81k\x1a\xaf\xfc}\x1b\xf9\x97\xfe\xf9U\x87\xef\x7f\xb2\xcd^\x87\xd7)D\xf2\xe3\x97\xd5\xa9\xd0\xc0\xb8\xf0\x07\xc5\xa9oU&lt;E\x0cj\xcb\xf2\xf9p\xc2\xd1\xc7\xbb\xfd\xea\xf4\xbf\x05\xfc!\xb8\xb2\xd3\xd6\xff\x00R\x1b\xa6h\x95\xbc\xb5\xda\xcd\xff\x00\xc4\xd7-\\C\xfbL\xee\xc3\xe0\xd4\xbd\xc8\x9fN\x7f\xc1#\xe1m3\xf6\xfc\xd0m\xae`\xc36\x8b|\x10\x81\x8c\x0f(\xf6\xec+\xf6B\xbe\xe3+\xff\x00\x91m\'\xdd~\xac\xfc\xe3\x894\xcdf\xbc\x90Q]\xc7\x84\x14P\x01E\x00\x14P\x01E\x00x\'\xedC\xff\x00\x05(\xfd\x94\x7fd\xbf\xb1\xda|J\xf1\xb4\xb7W\xda\x81qe\xa7\xe8v\xc6\xeaI\n\x8c\x93\xf2\x9c`w`HS\xf7\xb1\x91\x9f\xc6/\xdb\x1f\xf6\xaf\xb8\xfd\xb1\xbfk\rC\xe3\n\xd85\x9d\x8b\xacpi620-\x14\n6\xae\xf3\x807\xf0\xb9\x198\xfb\xd5\xc7\xc44\xe7\x80\xc1\xf2V\xd2RI\xa5\xd5+\xdf^\xd7\xed\xb9\xf4\\-O\xdbc\x15h\xeb\x1b5\x7f3\xbc\xf8\x7fs\r\xc6\x93\x1aM*\xb2\xb3}\xd9&gt;m\xdf/\xff\x00eV\x07\x81m\xa3\xf1u\xac\xed7\xda\x12fd\x97w\xddeo\xee\xd7\xe5\xe9\xfb\xe7\xea\xfb\xc4\xfa#\xe1.\x8f\xa3xo\xc4:}\xb5\xf5\xb4kcp\xca\xad$\x8a\xbbwm\xdb\xfewWm\xf1gA\xb0\xd3\xb5\xa3\xe1\x8b\x0b(d\x85m\xf7~\xef\xe6\xa7\xcdur\xd6\x95\x0f\x9f\xfe!|9\xd1.n\xbc\xeb\x97\xf2\xe1\xf3v\xed]\xbbW\xe6\xf9v\xff\x00\xb4\xdfv\xb9\xcf\x10\xf8j\xd3\xc2\xd6\xeb\xe4\xfc\xab\xff\x00=$\xf9\xbeU_\x97r\xff\x00\xe8?\xee\xd2r\xf7\xd1N&lt;\xb2\x93G5\xfb\'~\xd7_\x0f\xbfe?\xdb\x1fE\xf8\xc1\xf1:\xe8C\xe1\xeb\x7f:\xdbT\xbb\x8d\x88\xf2D\xeb\xe5\xa3\xb0n\x02\xa9+\xc9\xe1\x7f\xd9\x15\xfb]\xf0\xc7\xe3\xdf\xc2O\x8c\x16\x91\xdc\xf8\x03\xc6\xd6w\x8e\xf1\xab\xfd\x97\xcc\x0b0\x04g\xee\x1eH\xc7u\xc8\xf7\xaf\xd52&lt;&gt;#\x15\x92F\xb4\x15\xd44}\xd7\x9d\xbbj~3\xc4\xf5\xa9\xd3\xceyf\xec\xe6\xae\xbc\xce\xc2\x8a\xe8&lt;p\xa2\x80\n(\x03?U\xf1g\x85\xb4\x18V\xe3\\\xf1.\x9fg\x1c\x87\t%\xd5\xe2F\xac}\x8b\x11\x9a\xf1\x8f\x88_\xf0S/\xd8w\xe1\xa6\xabu\xe1\xdd{\xf6\x82\xd1\xee5[\\\x86\xd2\xb4\xbd\xf7S\xbb\x03\x8d\x8a#R\xa5\xbd\xb3]\x98\\\xbf\x17\x8c\x95\xa9\xc7\xe7\xb2\xfb\xd9\x85lM\x0c&lt;oRV&gt;t\xf8\x99\xff\x00\x05\xd9\xf0\\\xedq\xe1\xbf\x81\xbf\x0b\'\x93Vg+g7\x8c\xa4\x96\xc9\x08\x04e\x8c\x023#q\xd3i#\xdf\xae&gt;u\xf8\x83\xfbS\x7f\xc1D\xbe4k\x11\xeaz\xb7\xc76]\x16\x13"G\xa5\xf8N\xde\x1b(\xeeY\xcf\xcb\x04\xacX\xac\x87\x19\x01T\xbc\x84\x1eBn\xaf\xae\xc0dx|\x1d\xa5V\xd3\x9fn\x8b\xfc\xfd~\xe3\xe53L\xf2\xa4\xa9\xb8\xd1\xf7W~\xaf\xfc\x8f+\xfd\xb7\xfe\x1d\xeb\xbf\x13~\x1eh\xbf\x15\xfc1\xa4\\\xb6\xa5\xe1KY\xa3\xd54\xfb\x95e\xb8\x8e\xd6m\xad7\xc9\xff\x00="\x92%f_\xbd\xb7w\xde\xaf\x9f&gt;\x0fxO\xedZ\xa4w0\xce\xcd\xfc[\xbeVV\xdd\xf3W\xe7\xfc}\x87\xad\x0co=M\\\x977\xc8\xfb\xef\t\xf1\xb1\xc5e\xbe\xcd\xbda+\x1fM\xf8\x0f\xc1S\x1be\x93~\xd9\x15\x7f\xd5\xb7\xf9\xfb\xb5\xd0jZ\r\xe0\x96\xdd\xed\xdf\x0c\xab\xf2G\xb3\xe6i?\xd9j\xfc\x96O\xdf?r\x82\xe6\xa6{\x17\xc1\xcf\xb4\xeb0\xc255Y\xa4\x8e5_-\xb6\xfc\xb5\xe8\x1e8\xd2o\x1a\x16\xbct\xfd\xe7\x95\xb5\xa4o\x95\xbf\xddj)\xeb\x10\xa9\xa1\xe2&gt;#\x9f\xc9\xd4\x9a\x1b\x94\xdc\x9b\xb1\xf7w|\xdf\xc3\xff\x00\x8f\x7f\x15p\xdf\x14\x94\xc9\xa6\xb3\xc5\x0eUc\xf9\x9b\xfb\xbf-\x1fj&amp;\x95#jrg\xc8\xda\x87\xc1\xcd_\xf6\x84\xf8\xbf\xa6\xfc\x14\xb3\xd3\xdak]rF]rE\xf9\xa3\xb7\xd3w\x7f\xa4\xb37\xfdsm\xab\xfe\xd4\x8b_H\xfe\xd1\xd7\xdf\x12\xf4\x9f\x1e\xe9\xff\x00\r\xff\x00f\x0f\x86\x1a\xa5\xf6\xa3\xa6\xd8\xab\xc7&amp;\x81\xacAaq\x13\x7f\xabH\xa337\xef|\xb8\xf73.\xd6\xfb\xcb\xb7\xe6\xaf\xde\xb8\x0e\x9dZ9T\xaa\xc7\xae\xe7\xf3\'\x88\x98\xc5[\x89\xa9\xd2\x8f\xd8#\xf8W\xff\x00\x05F\xff\x00\x82\x8c|\x10\xd7F\x97\xe3O\x8fv\x9a\xa6\xa9\xa3\xf1\xadxO\xc4:\x19y\x91\x07\xf0I\x16R\xe2\x1d\xdf\xf3\xd9ae\xe3?v\xbe\x99\xf8\x03\xff\x00\x07&amp;x\x13\xc57\x82\x1f\x8e?\x00\xb5+\x1d,!\x12x\x9f\xc1\xad&gt;\xa3i\x14\x83\x8d\xb2+D\x8c3\xfe\xc9l\x1e\x0e\x0eq\xebc2\x9a\x18\xafz\x97\xbb.\xdd\x0c0\xb9\x94\xe9\xfb\xb55_\x89\xf6\x07\xc2\xbf\xf8*W\xec\x07\xf1~\xc2\xce\xeb\xc3\x1f\xb5\x0f\x84\xed\xee/St:~\xad\xabEkp:|\xa5$a\x86\xf9\x97\x8c\xe4g\x1dx\xafu\xd2u\xed\x0f^\xb2\x8fQ\xd0\xf5\x9b[\xcby\x86a\x9e\xd6\xe1dG\xfa\x15$\x1a\xf9\x8cN\x0f\x11\x84\xa8\xe1V6\xb1\xeeS\xadN\xb2\xbc\x1d\xcbtW1\xa1\xf8\x1f\xa4|:\x9b\xe2v\xa0\xba6\xb5\xe2]Qo\xa1m\x96\xd7\xd2j\x8f!G\xc6N\x02\x88\xfb\xf7;\x81\xe8W\x1c\xd6N\x976\xab\xf0\'\xc7Q\xf8#\xc5\xd7V\xba\x84\x1a\x84\x85`\xd4\xaclLr\xbe:\xf9\xb1,\x91\xab\xfe,\xcb\xfe\xcd~\x8b\x1a\xf2\x92\xb1\xf9\xfbm\xf2\xb6{\xb7\x85&gt;\x19\xf8\'\xc7\x1fa\xf0V\xab\xe1\x8b[\xb4\xd4\xadZ[;{\xa4\x8ft\xab\xbb\xfeZL\xb1\xf9p\x7f\xbb\x15\xb6\xef\xfai^\x89\xf0\xef\xf6p\xf8mm~\xcb\xe1\xadg[\xd1\xef t\xb6U\xb1\xb9f\x85\x13v\xdf,y\xd2H\xc1}v\xed\xcfu\xae\xdc)\xf3\xb9\x94\x8c\x7f\xda0\xe9\xdf\x01\xbcG\xa4\xdc\xea\xba\xb4\xd7\xcd\xab]C\xa7M\r\x9e\x9a\xb1\xab\x19\x14mr|\xefB\x03|\xbc\xfe\x07w\x86\xfcM\xf8\x1f\xe1_\x87\x1a\xb7\xfc,\x1f\x07@\xb6\xfa&lt;\x9a\x946\xf7\xbaH\xf9M\xac\xee\xdcInW\x82\x8d\xfcHv\x85\xfe\x1f\x97\xe5\xaf\x9d\xe3&lt;\x1d&lt;~U\xcd/\xb0}\x17\x86\xb9\x95l\xb7&gt;\x8c!\xb4\xf7=C\xc3V\xd1\xdbZBZ5eh\xff\x00\xe0Y\xae\xa3M\xd0t\xdb\xe6\x8f\xcd\xb6_\xdd\xbe\xfa\xfes\x97\xc6\x7f`Q\xd6\x17=\x03\xe1\xde\x83\x0e\x91\xac\xc1,/\xfe\xb9\xb1^\x85\xe2\xcd:\x19\xec\xe4\x91\xfe\xeb\x1c\xed\xf7\xa9\xff\x00\x97g&lt;\xbe3\xc3\xfcs\xa2Z@..\xa0\x8dU\x96N&gt;\x95\xe4\xfe5\xb8\xbc\xd55;/\x01i)\x1f\xf6\x97\x88%h\xac^\xe1\xd9-\xe3!w\x16\x90\x8d\xcd\xff\x00\x01U\xc1\xff\x00f\xb6\xcb\xe8\xc6\xbe.\x9d6s\xe6x\xc9\xd0\xcb\xaaTGQ\xe0\xff\x00\x85&gt;\x19\xfd\x9c\xf4\xe8t=\x05\x0e\xa1\xe2\x7f\x13]}\x9a\xe3Z\xba@\xa94\xe29\x1e8\xd8/\xcd\x1d\xba\xe1\xb0\xab\xb9\x81%\x8e\xe6%\xab\xe3o\x8d_\xf0P?\x03\xf8\x7f\xe2\xd6\xad\xfb&lt;\xd9x\x13QmR\xebWW\xd4\xfc1\xad\xdb\xd9\xea\x9a+\xdc\x03\x93q\x1d\xfb,:\x82\xc9\xd3o\xf0\xa0U\n\xa0s_\xd4\x18&lt;\r&lt;\x0e]N\x9c\x0f\xe4\x1a\xd8\xd9\xe6Y\xd5J\x93\xdc\xefc\xfd\x98u\xff\x00\x8d&gt;\x1b\xb0\xf1\xcf\xc5_\x18\xc7\xe2\r\x1eI\x04\xdaw\x87dy\xa0\x8e\xc4\x8e\xc2Vi\xa6\x90/\xf0\x86\x93\x1e\xd5\xcd\xfcM\xf8\x91\xe0\x7f\x85Ze\xd4\x1e\x1d\xd0\xa6\x12X\xdb\xfc\xb1\xbd\x94 \xec\xce6\xac\xd14m\x8cv\x91d?\xedV\xd2;?\xe5\xe1\xe3&gt;\x0c\xf0\x9e\x97\xaf\xe9Z\x97\xc5\x8f\x16\xe9\xb0M\xf6\x8f1\xedma\xcf\xee\xf6\xfa\x96\xad\x1f\r|E\xf8\x97\xe1\xfb%\xb3\xf0\x9f\xc4\xcf\x12\xe96Q\xdcf\xd6\xc7I\xf1\r\xcd\xac0\x9c\xe3pH\x9c\x00q\xc6}+\x9e\xa4c=$\xaez\x14\xe5(j\x99\xe9\xfe\x0e\xff\x00\x82\x88~\xdb^\x02\x85\xac\xfc=\xfbW\xf8\xd65U\xd8\xdfj\xbc\x17E\x81\xe4s9f\xe3\xa0\xcb\x1c~4W,\xb2\x9c\x1c\x9d\xf9Q\xd1\xfd\xa1\x88_h\xff\xd9'</t>
        </is>
      </c>
      <c r="M428" s="3" t="n">
        <v>45492.67782407408</v>
      </c>
    </row>
    <row r="429">
      <c r="A429" t="n">
        <v>1067640</v>
      </c>
      <c r="B429" t="n">
        <v>1963</v>
      </c>
      <c r="C429" t="inlineStr">
        <is>
          <t>Vanderlan</t>
        </is>
      </c>
      <c r="D429" t="inlineStr">
        <is>
          <t>Vanderlan</t>
        </is>
      </c>
      <c r="E429" t="inlineStr">
        <is>
          <t>LE</t>
        </is>
      </c>
      <c r="F429" t="inlineStr">
        <is>
          <t>LAT</t>
        </is>
      </c>
      <c r="G429" t="inlineStr">
        <is>
          <t>LE</t>
        </is>
      </c>
      <c r="H429" t="n">
        <v>183</v>
      </c>
      <c r="I429" t="n">
        <v>6</v>
      </c>
      <c r="J429" s="2" t="n">
        <v>37505</v>
      </c>
      <c r="K429" t="inlineStr">
        <is>
          <t>Left</t>
        </is>
      </c>
      <c r="L42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c032fda-0271-46e9-8bf4-8e37152159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f\xb54\xc0\x00\x00\x00&gt;tEXtComment\x00xr:d:DAEewil2SDw:3479,j:8640573334177784359,t:24020218X\xa8\x8b\x83\x00\x00\x00\tpHYs\x00\x00\x0e\xc4\x00\x00\x0e\xc4\x01\x95+\x0e\x1b\x00\x00\x03\x00PLTE\xff\xff\xff\x00E.\x01H0\x01&gt;(\x08\x03\x01\x00J2\x00B+\xff\xfe\xfe\x00?*\x04\x00\x00\x00L5\x12\t\x06\x00N8\xc4uQ\x00Q9\x00;(\xbdmJ\xbepO\x17\x0e\n\xb9jH\xc2rNo7\x1et9\x1f\x00V&gt;E\x1d\x0c\xfd\xfc\xfc\x00B/\x1d\x12\rD!\x13\xc7xT1\x15\t\xcczU8\x16\x08&lt;\x1f\x12\x10\x05\x02z?$-\x10\x05)\x1c\x15 \x0c\x05&amp;\x0e\x06&lt;&amp;\x1bb/\x19\xe8\xed\xf1\x19\x08\x04J!\x0f\x02Q&gt;\x008%\xafdCg0\x18Y+\x16_,\x15.!\x1aE2*\x81A%\xb1fF\xcbuQ\xed\xf0\xf3Q#\x10"\x18\x12\xf1\xf2\xf5j4\x1dU&amp;\x12\xb4jH\xd5\x82\\\x93P0\xa6_&gt;\xd4~X\xe5\xea\xefA,#&lt;\x1a\x0cz: \xce}X4(!\xb9nM\xb6fE\x0c\x07\x04\x9e\\@6"\x1a\xa9dF\x97S4\xf9\xf8\xf8\xa4[9\xdc\x89d\x8dI+\xaca?K%\x17\x1cM,\xd0xR)\x16\x0e\x9eV5\x92T=\x97ZBD(\x1bW@5\x85G+\xc0tV\x8bP9K.!\x89K1\x02ZD\x99V:3\x1b\x0f\xd8\x86`R*\x19A\x18\x08\xaeiL\xb4a&gt;\xf5\xf5\xf5O;1\\G&gt;\x01G4\xdd\x81^\xb0\xa3\x9e\\0\x1d\xa3bFf5"\xaepV\xd0\x86g\x9a\x87~\x98N/\xad\x9b\x94\x90L,{F1\x87C&amp;\xd8\xe0\xe4\xa6iQn1\x1a\xe1\x8bj\x9eQ1\xc8qM~O&lt;\x9fX:q8(6\x0f\x05\xd6\x8epM4)\xdf\xe5\xe9fQH\x8e{s,X1\xacZ:\xd4\xae\x9f\xe5\xe0\xdf\x9d\x90\x89\xb5\xac\xa6\xa0\x98\x95\xd3\xcc\xcbjZS\xc6{Z\xd7\xbf\xb8\xca\xa9I\x022"OC&lt;\x8a\x8cE\xd3\xb7\xad\xb5lM;0(o@-\xc1\xd0\xd2nI9\xf0\xed\xeda:+\x8aWB\x0fC(\x89\x81}\x89\xa0\xa0w\x87\x86\'k]\xcf\x7f^W3\'\xcd\xda\xddv^T\xbf\x84k\x0f\\K\\$\x11\xeb\xe7\xe6\xc5\x8eu\xc2\xb4\xae\xc3\x9f\x92\xcakF\xa5S3\x9d\xa5\xa8\x01 \x17\\NHOg4\x9a_L\xb9w[\x01+\x1dF:4\x94F)\xc6\xbe\xbc~ja\xaaua\xd6\xd4\xd7\x86\x90\x8fDb3\x7fz8\xb4\x95;\xa0\x8d?\xb0\xbd\xc2\x8c&lt;6\xb7\xb4\xb4\xa0\xb9\xba\xa0\x99M\x8ddS\xa8\x884\xc6\xa1C\xca\xc7\xc5M\x18\r\xe0\xcc\xc8\xbe\x9c?\xbfb&lt;y\x82Bqgb\xb6\xc8\xcb\xd7\xb0F\xd1\xa3\x90;xn`k4\xae\x7fm|5/\x85qi\x98pa\xe5\xd8\xd5\x9cC@\xb4\x8d\x7fXu=\xcb\x95~jx;\xb4YT\x90\x81:Wk6s\x9f\x97~vq\x9bxjg$!9b5\xb2\xa0K@T)N\x83{\xc6\xa9\xa0\x9d\x80.`\x8f\x89\x92\xb2\xaf\xa9PK\xc6~`\x1aaSgzz%OG8a]\x1c5.up1\xe5\x9d\x81\xe1\x96xVll\xe4\xaa\x92\xcc}\xd0\x1d\x00\x00 \x00IDATx\xda\xc4\x99[H[\xd9\x1a\xc7\xe7!\x10$\x08\xb9\x19\x12r\xa9\xe6\xaaDHt\')\x89MkJ\xd4\x9d\xe4\xa8\xb1*\x135\xf1\x12\xb4^b \xd6\xbbA\xb1\xe9\xb4A\xb1\xb9\x18\x07\xa4F\x8c%\x0f\xca\x88Z+\x88\x12u:oB\xc1B\x11\n\x87v\x18\xce\x93o}\xe9\xcb\xa1=\x9co\xadm\xdb9\xcf\x87m?\x93\x8d\xd9&gt;\xe4\xc7\xff\xff\xad\xff\xb7\xd6\xf6\xa7\x9f\xfe\xcfr\xbbEn\xf7\xceN&amp;\x93\xd9yuv~\xbe#b2\x99?\xfd\xd0b\x8a*2;\x99\xd8\xe2I\xe22\x9b\x8d\x87\xb2\xa9\\\xea"\xfb\xaa\xc2-\x12\xb9E?\x0e\x8dY\x11[\x0ce\xb3\x17\x07\xcbi\x82$\xc84I\xa8\x08\x82\xbc\x08\x9d\x9d/\xbe\xaa\x08\x88~\x94T\x99\xb3l\xea G\x12P*\x95\n\x98\xe0j\xb1\x10\xb9\\\xee\xe0\xf2d\'\xf0c\xf4\n,&amp;\x0f\x08D\x03(\xb8\xc4TY\xb0f\xa9\x93\xc5\x1fa$3\x10\xfb#G\x02\x12\xa6\x02\x1a\xee\xd7Bd\x16\x15\xb9|\x90&lt;\x89]\xb7b\xa2\x8a\xb3\x8b42\x8dR\x88\xc2aQ\x85\xc9\xc4*\x82\\\xbeH\x04\xaeqU2\x03\x15\xb1$\xf4\x14\xe8\x04@,\xae\x98\x8bX\xa0X,\x17\x8b\xfb\x15\xcc\x82\xc0\x92\x99\xebsRt\x12\xbf\\&amp;\t\x0b\xd6\x88+gq),\xcc\xe3r\xb9\x18.\n\x0c\xfc%\xd2\x97\xe7\x81\xeb\x01c\x8ab\x97\xb94A \xe7XW/\x16FCb\x01\x16\x0b}\xa6\xcc\xc5\x82\xc5\xae#*\x98\xeeL(E\x92` \xe5\x1b\x83\xc2@LH(\x97\x1cq\x81\xb1\xc8Y\x16\xee\xfd\xb3\xeb\x880w&amp;\x91ZFme\xc12a\xcb\xb0F\x0cT@\x067\xe0\x027\xe1\x83\x8b+V\x91\xa9\xe4+\xfa\xb92g\x17\x10\xa08\x15\x90w\xc0#vQJa,x\xe7Q|\xf8\x06\x0bq\x1d$*\x98t7\xd6\xf9EZ\xa5\xa2\xa4\x12#\xad\x18\xd8\xba+"\x97+\x0f\n\x81\xe1\x97\x8b\xc1B\x0b\xd2\x00}O/\x17s\'\xb9\x8cr\x1d\xf7\xbb\x8b\xc2b\\)E\x11\xe1\xba\x92\x0c\x19\xca\xb5@\xe6\xd3\xac\x97(s~\x99\xa6\xe2J\xccua\x810V\xde\xd7b|\xfb\x05\x83\xc1[\xce\x85\xa0 S\x89\x00\x9db\xc5\xe2\xcb$\xd6\x8a\x85\x94\x02\x1eJ\x93oX\x7f\x07\xc4\xf7A/\x8b\xca\x02\xfb\x8as\x11\x9d\x1ef\xd3\x84Ela\xb9p\x9bc\xe3\xb0`\x94&gt;\x7f\xc7B7\xd0}\x17\n\x0bUm.[A#\xd6\xab\x03Hw\x98~.\x17\xb5\xd4\xa8/\xc7\xb20\xe4@\xc1\xf8\x1f,\xcaF-5\xba\x17\xe9\x93+\x137 ,\x16\xb6\x90Z|r\x96\x96%\x87\xd2\xa2\x0b|\xa4Z\xfd{\xeb\x83\x8d\xd4|\xcc\x06h\x0b\xf8\xd02\x89f!\x8b\x85\xbf\x1d\x02]\xae\x95i\xa0d}ee\xa5\xa5faa_\xa1R\xa3Q\xab\xd5\xda\xef\x0b\x93\xc1\xe0B{\x89U\xb4\xb9\xc8\x8ce\x97Q\x94r)(\x96V\xab4\x97\x94\x94\x17\x08\xc2\xe1\xc9\xca\xc6\xf6pXQ0\xa3\xd7\x97o\xbf\xe9\xebSj\xe5\xf2o\xa1\xe1\x92\x8b-b"NWF0cI\x84eaa\x9942\xa1Y`&lt;&gt;&gt;\x1e\x9f\x9dm\x99\x9d\x9d\x1d\x1fo\x0c\x1b\x8d\xd5\xd5\xd5\x82\x19\xfd\xb6\xf9M\xd5c\xa5Z\x8b\xe0P\xf7q\xc5\x162\x9b\xa1\xab\xb5b\x17\x06\x88\x07P\xcb\xc5\x92I\xcaA$\xcc4\xbb\xdf\xb2\xbf\xbf\x8f\xc1\x8e\x8f\xc3ac\xb5\x00\x83\t\xfb\n\x0be\x1e\x8d\x165\x1c\x97k!\xe3\x19\x9a\xd4\x12\x9d\x1c\xc0\xd6Al\x01\x15d\xb7\x8c\x8d@\xb4\x7fU\r\x0b\x0b\x0b\x88\x0c\xb8\x1a\xc3a,\x98\xd5\xdc\xdc,\x91\x14\x15\x15y`\x88Cs\x11\xa9E\x9a\xb0\xdcIX\x87\xb0Q\xae\x954+\xfc\x95-\r\x0bM\x03\xa8\x16P\xa1\xeb&gt;\x16\x0c[)\x98))\x03.\xaf\xd7k\xb7\x13Z\x86\x1c&amp;{:A\xd3~P\x94\x84\xed;Q\xabZ\x8f\xb4vw?jr\xea\x9c&lt;\x1e\x9b\xcds\x0e\x0c8)&gt;l\xe4x\x18q\xcd\xe8\xcb\xac\xcd\xc0\xd5\x15\x8d\x1a&lt;b4\x81\xd2q\x9a\x82\xcb\x1d\'\xd1\xf9\xab(r\xf8\xe0A\x93\xce\xe94\xf1\xf87\xa5\xf9\x1c\x0e\xdb\t\xf5\xd6\x89\xb0\x80j\x12\xab\xa5/\xc1X]]\xd1\xc1A\xb4\xbd\xb6\x10\xe917M\'\xc3x:]kQ\xad\x1fNO\xf7\x9bL\xa0\x14_\xba\xb4\xd4\xd1\xd1\x01\x829\x91h\x0b\xfb--\xe3\x93\x8d\xa8\xe9g\xf4\xe5e\xa8\xbb\x00\xcb\xe7+\xd6x\xc4b\xc2\x9et\xd3c\xa2;K\x1aT\x16odzd\xa4\xdf\xa4s\xb29\x1d\xa8\x8e\x968&lt;\xb6\x03\xdct\x0e4\x01V#^\x8b3\xe5\xdbVk)6\xd1\x17\x8cz&lt;xZ\xd3\x94\x10\xa2,I\x92\xc5\xeb\xcfGF\xa6\xc1B\x1e\x9b\xc7\xe1t`\xb98\x8e\x15\x13\x9f\xc3\xe1\xe9\x1a\xea\xbf\xab\xb5m.-\x95H\xbc]&gt;\xdf`\x8f\x18\x1d\x82\xe6vhj\xf9K\x92\xb4G\xd7\x0e\x91XN\x9e\xf36\x8f\xe3pp:8\x08\xcba\xe2\xf09&lt;S\xc3\xa3Y\xd4[\xd5\xd5\x053%\x18\xabT\xe2\x8d\xfa\x06\xed*\x8f\xaa\x16\x865MX\xd9\xb4\xc1\xb0\x19\xc1X:\xd0\x0b\x16"\xa2Bh\x0e\x07H\xc7\xe1\xd9\xc0E\xaa\xe7A.\xac\x16\xc858h/\x86\x9d`m\xee\x9c6\xactt\xfd9\xb4\x16P\x99LN\xa7\xc3\x01J\xc1J\xe48x&lt;\'\x9b\xcfq\xeal\x8f\xea\xb1\x8f\n\x01`\t\x85B\xe0\x02\xachm-QK\x1a\xce\xe8\xc22\x80\x87\x18\x0b\nR\x0bz\x8b\x93\xcf\xcf\xe7\xa0\xf0\xd2\xe1\x08\xd35\xb4\xb4\xccb\xae\x02}\x19\xc5\x85\x9a\xcbN \xac\x04]-\x9f3\xf8(,\xa7\xa9\xae\xc9\xc4\xeb\xc8\x97\xf2\x1f\xf2\xf3\xf9| \x82\xb8`#\xb0\xa6&amp;\x1b\x805\x1a\xabo\x95[K\x85\x92"\x8ce\xb0\xc3b1\x84D4\xb5|n\xf0\nK\xa7k\xd2\x99\xd8\xd2\x9a\xbbw\xef\xde\xb8q\xf3f\xfeM&gt;\xf0=\xcc\x07BP\xac\xc9\xd6P\xd9\xae(\xb85T\xd6\x8cL\xf4\x05}Q\x83!\x9d6$i\xc1b\x8a\xb2\x83Q\n\xab\xce\x06)\xcf\xe6\xd7\xdc\xb9\x7f\xef\xde\x9d\rT7\xa4R\xbe\xb4fiic\xa9c\xc5\xb1R\xd7\xedoW\x08\x86\x81\x0b\x92k0\x18\x9c\x1b4\x18\x0c\xb98-C\x91)\x8a\xfb|\x18\xab\xbf\xce\xa6\xbb\xcd\xe6\xdf\xb8\xff\xe4\xcb\x97/OP\x8d\x8en\xd4H7F\xa1&gt;--\x1d\x8d\x8c&lt;h\xf5\xfb\xa7~\x19\x1e\xea\xed\x85\xe9\x13\x9c;M\xe5r\xcb\xb917=X\xc9\xe0W\xac\xba\xdb\xec\xfc\x9a\xfbO&gt;\x7f\xfe\x8c\xb1\xbe\x00\xd7(P\x01\xdf\xd2\xd1\xd1\xd1t\xdb\xf3\xa9\xd5\xcd\xa1\xdef\t\x8c\x1f\x88\xf9\xd4\xfb\xf99_0\x18\xa7\t+t\xe0\xf3E~\x87\x90\xef\xef\xe7\xe4\x7f\x1a\xddE\xb5\xb5\xf5\xe9\x13\xe6\x19Eh\xa3\x9c:@\xda\xf4\x16\xf5\xc0\x8e^\xd6\xa3\xd4\xc8\xbcQ\x10k~~~n\xee D\x8f\x89\xcc\xb3\xb9`\xf0\xf5_\xe0\xd1\x8a\xc31}\xf8\xfa\xf5\xf3\xc8\x1aT$\xd26r\x04h\x1b\x1b5\x1bR[\xa5b\xdd\xdb#F\xe7 \xad\xda#S\xab5\xc5\xc1\xdfN\xe7\xc7\xe2\x17\x17\xa9$MX\xe7\xa9\xd4\xda\xeb\xbd]\xb0i\xe4\xf9\xda\xfaf\x97\xdd^\\\xebm\xee\x1dZ\xedl[\xf9\xb4!\xe5\xf0\xf3y\x95\x8a\xa1\xe6\x1e\x0f\xec_\xb5j\xb5\\\xab\x84s\x90\xc6\x00X\xf1\x89\xf7\xefO\'\xe8\xd9\x072c\xa7\xa9\xb5\x0f{{[[\xbfGV\xd7\xbb\xbc\xc5\xc5E\x12\xa0\xea\x1d\x1a^m\xb5u,A\xaa\xeal\x8d\x05\xe6*\x19\x18\xa8,\x14\x96\xa2\x9f\xd2*e\x0f\x98811?\xff&gt;D\x13Vf\xfe\xf4\xb7\x0f{\xef\xb6\xb6"\xab\xab\xeb\xeb\x9b\x9b\xbd\xbdV\xab\xb5lh\xb8\xa0\xa0\xfd\x91\r\xd2\x9e\xd7\xd4b,\x17\x16\xca\x94\xca\xc2&gt;s\xb9^\x0f\xa75\xabY"\xf1\xbd\x1f\x9b\x98\x88\x8f\x8d\xd1\xb4k\x16\x05\xc6\xe6?\xfcs\xef\xdd\xee\x87\xb5Hgkk[g\xbbQ!(\x10(\x8cF8o\x8c\xb3\xa5|^\xc3\xa4\xc0\xdc\xf7\xf8\xf1\xe3\xbem\x85\xdfo\x14\xe8\xb7\xad0\x80\xbc\xc1S\x845\x11O\xd0\x93\xf2\xcc@|~l\xef\xdd\xd3\xdd\xd7\x9d\xfd\x8e\x15\xdb?\xba\xfdF\x85BP\xadP\x84\xe1\xbc\xe1\xac\x19]\xba]o\xd4\x0b\x1f+\x95\xc2\xe1)\xbf\xbf\xbd\x1a6\xcef8\x95QjM\x84B/\xe8z\n\x91\x88O||\xfa\xf4\xaf\xc3\x11\x8e\xae\xa1\xbb\xbe\xb5\xad\x15\x81\x19\xdb\xc3\x93\xfb\x0b7\xef?Y\xd25\xce\x98\x1fk4}%\xbfL\xc1\x9f\xaa\xc1\xcf\xaaB\x8d\xb2*\nj\x85B\xa1\x04m\x0fG\x16C\x1f?&gt;{\xbau\xd4azT\xd9\xdd\xd9:\xfd\xc0\xaf(()QLN\xee\xbf\xfd\xf9\xee=i\x8bq\xbbO\xa3\xd6\x98\x87;\xdb \xbd\x86\xad\xa5\x85\xb0\x10\x952oj~"\x94\x00,\xbaN\xfb;\x1f_\x00\xd6\xee\xd6\xed\x86\xcazc{\xdbad\xb8\xccj5\x97\x1b+g\xdf\xbe\xfc\xf9\xceJ\xe3\xcc\x1b8\xe1+\x87"m\x91u\xbbJ\xacV\xca&lt;j\x8dLV\xec;\x8d\x83X/\xfe\xa4\xebAe\xe0\xe4\xc5\xb3_\x9f\xfe\xeb\xa8\xae\xbe^1\xe5\x9f\x8a\x92b\x96\xbaPh\xd6\xfb\x1b\x06\xde\xbe|\xd8o,\xef\x03,\xd9j\xe7\xf0\xda\xc1\x7f\xfe\x9d\x97\'\x97s\t\xe0*\x8a\xa60\xd6\x0em\xcf\x99\x17\x11\xd6\xae\xc3V\xefWL\ry\xc5\xcbD\x9e\\"4\x977\xea\x06^\xbe\xe5;\x8eg\x84\x80U\xb5&gt;\x14\xd9\xbb\x10\xbb\x18\x0c\x8fF\xae\xf5h\x94=\xf6 4W\xe2$C\xd7\xbf\x8b\x99\x7f&gt;{\xf6\xeb\xbb\xad\x95\xff\xf2n~?imY\x1c\xef\xc3$&lt;\x91\xe0\xc0!\x98\x00\x8730\x15R\x12\x81\xab\x12\x93\x83\xc8\t?\x06\x07\xf0\xc7\x95\xd0\xf2C\xc4 ?\xaa\x06\x91\xd6Z\x9a\xa2\x94\x83\x06\xa3b;\x9240\xcdmM\x1f0\x1a\x14\xe9\x8b\xe6\xda\xf6\x91InR\x8d/&amp;\xb5\xd7\x1a3\x0f3\xbe\xdc\x87\xf6\xadMgm\xec\xfc\x07\xd0\x15\x02\xaf\x9f|\xd7\xda\xdf\xbd\xd6\xde\x1b]o{\xdc\xfe\xe2\xb7\xb6?\xff\xfdO-\xbf\xc4\xe8\xa1\xd4\xed\xdb\xc7\xc7,\xd6\\{\'\xd8\xba\xc1\xf0\xec\xf7\xb7\xff\xd5\xdf\xf8K\x0bA\xb4\x80\xdb\x83\\\xe3\x1ff&amp;\xb3\xe51Fssc\xc0\x9e\x97\xff\xc8\x9d\xec\x87\x07S#\xa5\xd8\xdb\xf7\xbf\xfd\xd4"\t\x8a\x13\t#`A\x169K\x07%\x91D"\x91\xc7\xd7\xf7\xd6\x1fA\xc5\x83\xb3Zo\x82\xe3\x13\xbe\xcd\xe9\xc9\xec\xcb\'\xefV\xff\xb5]\x7f.\x06\xa3\xb9\xaf|\x9e\xbf0\x03\xd6\x10\xf8%,\xb7G\xcf\xb0DB&lt;5\x08b\x1d\'9K\xf7d"I:-\x8f\xd1\xf1\xb8\x98\xd4\xf0Bi\xa1\xd5*\x94\x08\twfqfzb\xe2\xe9\xf8\xc4\x7fV\xea\xcd\xd5\xbc}\xf4\xe4\xf5\xf9y~\x07\xe6\xd4\x94\x7f\xca\xd5\xeb\x1f\x1e\x89\xc3\xfc\xac\x18\x86\xca\xaa\x1cW\xd4\x9c\xa5\x9fU\x80\x15\nib1\x8c\xc6T`\xf8\x92QbTd\xe0\xbb\'&gt;\xcc\xbc\x1c\x87\x11\xdb\xed^\xaco\xd3\xc5h&gt;z\x0f\xad\xd6\x9d\xf7\xf9\x1d/\x87\xdd\xca\xee\xd0\xa5R\xfe\x11qB\xc1\x1d\xb6\x80;8*\x15\x87z\xe9\x01$Q\xc4;&lt;T\xd24\t\xf3+X\xbc\xc8@\xf0\xe5v\x9f\xe7\xcdL\xd6\xe3\xf6\x89B\x87\x1b\xe5\xfabmoY\xfca\xafwky\xcb+\xe0p\x9a\xba\x06\xfb\xe7\xee\x0f\xb5\x8f8-\xba\n\x15\x898*j\xca\xd4\xfa@\x89\xb0`\xff\x8e\x89\xc54F\xaa\x94\x9d0X\xdb\x95A\x9fg3\xfb8\xb3`H\xa7\x0f;?\xd4\xf3\xfe\x871\xb6;\x9c\x98K\n\x98;\xcb[L\x01\xcc:0~\x99\x0b\xe6\xfd\xf0TG2\x12\x99\x8d8\x92IP\xab]i\x10\x02\x96L\xa5\xa2\x9f\xd1\\\x8c$U\xc1`P\x19\r\xfa\xc67\xa7g2n\xb4\x89wn\xd6\xf3\xb0\x92q\xb6g|\x95\xa4\xd4\x80\xb5#\x10\xe00\x85\xe1x\xb1x\xf7s\xb8\x90\x8c\xcc\xce\xd6\xb0\x92\xac\xfe\x9fI\xb9\x08\xf54J\x92\xa4\xb9\\\x92T(TQYLf\xb7#\xac\t\x89\xc4\xc0?,\xfd\xb2\xc2\xa8\xe3"\xfc\xa3\xbaT\xb9}\xcc\xe2\x00\xd6\x1a`9\xa8"\x1at\xd68\x8e\x1a\x15\x95d%\x93\xec\xfen,\xc8\x13\x8a\xe4*\x05\x97\x8ba\xdc\x04\x06\xdf\x18\t\xf3\x0f$qqfA\xd2"\xe1GK\xcf\xce\xea(\xd6\xb5\xdd\x03\x87:Y\xb9=\xb7\xb5|\xb1f\xc2\x1d\x0em\x00f\x8a\xa2\xc94\x00T\x01\xca\xa1V; \x89\xf7\xc4Q\xbeP\x12*%\xd098\x80A\xdf\xc3%e\xdf\xb1|i0\x0f\xbb\xac\x9ej]c,\x1f\xac\x99\x92\xc7\x07\xaf\x00\xab\x08\xb344\x0c\xf3\x03E\xad6\x02X\x03Z5G@Q\xb3\xf3\xec9\xa3\x8co\x90\xa4;\x15F\x14\\\xa3\xb1\xdd\x88\x91\xcaZ\xc9OON@i\xa5\r/\xea[[G)s\xd1Q9\x9e\xfd\xb6|q\x17h"\xc03\xa0\r\x80T_g\xb5&amp;\x16\x1b\x8f\x0c|\xfb\xc2\x993\x92v;O\xc2\x93\x01\x91\xb8\x86\x86\x912\x18\xad}\xa8\x87\xc8\x04kXu\x1db\x19\xdbo\xbd\xeaJ\xa5\xf2\xe5d\xf9\xe4n\x00\xa94\x10\x18\x08 \xadf\x07\x8a\xea$\x1e\xd0\x06\xbe\xce\xf7\xdc\x83V^\xae4\xa45\t#:\xd7\x85\n\x83\xa2\xd7\xc8\xf9\xc8\xb7&amp;=\xd1\xc3P\x9a\xc8\xd4\xb5\xebb\xf4\xed\xee\xc3\xb6\x17\xf9v\x01XZ\n\x9c*\x12\x18\x80\x0f\xc2\xc2\xd5Z\xadI\xed\xa0\xf0\xdb\x0f\x14r\x11O\tr)\x8c\xedb\xa8.\x12\x86\x0c\xa5\x06\xectbqr\xd2\x17+\x1d\x8a\xf8u\x9e\xf8\x19G[\xfd\xaf\x8e\xa9\xaf\xf3\x80E\x99(\n\xf2\x08l(\x8b\x01\x1c\x178\xe3.6\x87\xdd\x8b\xc9[n\\\xd7\xf0Z\xd2J\x0c\xd5|\x02\x86\x1f%\xb2T\xdf\xc4\xf4\xeac\x9f\xaa\x142l\xbc\xae\xef\x9e\xc8\x18\xbbH\x1d\xbc\xaa\x00\xd6\xf2](y-\x15\x010\x1c\x87\\\x16q\xa6?}\xe3z\xd4\xe2\x17kZ\xa0\xf7\x0b\x86\xa0oF\x16\x01\xbe\xa5\x02*\x84\x95\xc9\x96\x1fot\x82X\x99wu\xde\xaa\x9b\xf3\xfb\xb7\x0e\x8e\xbf\xcc/\xe7\xe7M\xe0\x0f\x946\x10A_@ej\xba_\xe2\x8e\xf8\x9d\x98R\x04C~\x0bOr#\xad\xc1\xb8F.\xa9R\xa1\x9eZ\xce\xe7\xfb\xfe1\xb9\x9a\xf5\x85\xec&gt;\xf7\xc4\x93:\xab\xc5\xc8\xed\x17{\x96\xc0N\xf3\x17&amp;\x93\xc3\xe4\xa0\xa0\xf0A4\xad\xc9d\x12\xf4\x8aS8\xa7\x7f\x88\xd4\x88$\xd7\xaf_o\x11\xc9\x15\xb0\x14\x13\n\x15L\xafr9:\xa8\xdc\\-\xbf$\x08\xb7g|\xb3\xee\xa7\xe0g\xfbf/\'9\xb7\x9b?1\x81\xcb;\xa0\xec)\n\xa4\xc2\xe1\xd3\xd5\xeb\xef\xe9\xe90\xdb,\\\x9eD\x12\xea,\xc9\x90\x91&amp;ju\xc5\xe3\xf1\tb\xe1\xcd\xea\xea\xe2\xe8(\xe1\xf3\xcc\xd4\xfb0\x891vR\xf0\x0e\x0c\xe0\'\xf9\x93\xcf\x02\x9cB\xf5\xa5\xa5\x00J\xcd\x140Y\xec\x0e\x16\x0b\xda\x1do\xb7\xacS\xa3T)\x12\x80\x85\x815\xa0\xd3S\x1ea\x90.,\xce\x00\x161\xea\xce\xac\xd4\xbf9=\xbb\xf8\xac\rhOr\xcb\x9f\x99Lu\xcd\xe9\xb5\x0etr\x9aD\x97&gt;l\x0ek\xb0G0\xc8U\xa9T2\x05\x06\x0b\x91\x94!*\x9e\xc1@\x10\xd2q\xc0z\xe9\xf6\xb9=\x8d8yc\x9c\xcd\x17\xd7\x98\x179hm\x80\xcb\x81\xf2\xa8V\xab\x81\x0b\xc4\xea\xea\xe0\xb0R\xad\x02];\xa6\x90)\x12\xb0\x1dB\xc1Ca\x81T\xc4(\xe1\x1e\xff\x90-\x97g\xb2\x8f\xdf5\xe2v\x1f\x1a\xd4\xf9\xcfk\x08\xcb\xcb\xe4 ,\x08\xb5\x9ar$Y]\xecBWW\xcf\xad[=\xa9v\xe8\xfe\xa0m\xc0h\xae\x02|\x14\xb0PH\xc7\xdfd\xcbg}}}\x8c\xc6\x9c\xbb\x01\x97w\xa7\x86\xd5t\xc5\x05\xcd\x1f\x8e3ku\xd5aK\xf5\xa6\xaa\xd0\x94\xa2v\x86F{aP^\xbb\x15\xb6\x02\xd6f\xb6\xbc\xd2\xb0G\xc5\xc0\xb5}t\x04\x83\xa2\xb7\x89\xc3D\xad\x0c\xeag\xc0\xe3\x99\x1cv\xa1\xf0\xd0\xe5tVO\xe34\x89\xd4\xe2b\xb1(\xec\x85v\xbeT*%\xa4R\x18\xab\xcb+\xd7\x1a\x17\x0c\x94IP\xab\x89\xf9\x7f,X\x8b\xb8\xa0)\xfcp\xcf9\x1c\xaf\xd2\xf4)\x1dSFI\x8c\x86\x1ftW\xe0v\x03\x97U\xda\x96\x99.o7\xf6\t\xd7\x15\x16\x87#P\x83y%\xd5\xf8\x9ai\xad`s\rW\xab\xa7\xf4\xe9e\x8c\x06\x95:;e4V\xc3r\xbb\xf550\x98\xf6\xcb\xcf\x1b\x8cu\xb6\xbc\xb3o6s\x98Ld\x0e&amp;\x01\xee\x9d\x82\xe4\x9d\x9e^^^\x96\x0e//5&lt;\x03_\xde\x19\x8d\xc5\xa2\x08K\xef\xd3#,7`\x8d5\x94\x8a\xd1\xbc\x92\xdf\xd9/\x14\x9ajX\x02\xa6\xb7\xe0\x8c\xd3\x90&lt;\x84uxI\xc3W\xda`\xe7\xcb\xa3\xd1 \x94\xbb[\xdf\xa6\xd7\xa3,z\xa6\xcb}\xd7\x1a\xab\xd6v\xeeb\xbf`\x86\xa2\xc7)\xdc\xdb\x14v\xbd\x88\x9dV\xab\x1f?~\x04\xc9\xaa\x10\xa7\x87\xa2\r\x1f?\xaa\xb4\xd7\xa8\xae\xb0\xac\xe3\xd3\xb9\x06\xbf\xa6d&lt;\xcf]\xdc\t\x17\nf\xa6\x00\xb4\n\xeb\\\xf1G{\xff\x86\xf8\xf4\xb1\x16\xd5\xd3\x12\x7fc\x83\x90\x07\xc1H\xa55,\xbd\x15a=i4\xd6Xn\xf7N\xb8\xab\xa3\xd0\x04\xc6\xd0d\xd3\xe9\\\xeb\x08\xcb\x0b\\\x9f&gt;}\xfaX\xbd\xbc\xb4o\xb8\x85&lt;9QSk\x01\xc9e\xb5\xb6-\x9e5\xf8\r1\xa3\xefh\xf7m8l\x0b\x17\xbc\x02\xa6\xd96\xd8j\xbb\xe2Bz\x81b\xa7\x97Q7!\x11\x19\x08\xb4\x17\xea\x17@.\xa0\xb2\xb6M\xaf4\xfce\xf3Y\xfe\xfd\xc3)[8l\xf6\x9a;t\xad\xad\x83\x96)\xa7k\x0f\x94\xfa\x04\x15V\xa5cv!P\x19\x0c\xa3D-\x89W\\\x0b3\xcf\x1b\x8e\xf5&lt;w\x0eX6[\xd8\xdc\x15\x86_\x9d\xc5bq\xc6\xe3N\xe7\x08r\xd3(\x8c\xfb\x00%\x12\x8e\x8e\x8e\xd6\xb0P\x12\xa5\x9e\xd5\xbe\x86c\xa1,Z\xa6lS\xe1p\xc1f\xb1\xe8t~\x7f\xf7\xc8\xb3hP\xce\x0b\x85\xa0\x13\x95\xf3y\x06\x91H\x88\xb0\xac\xfa\xab\xa5h\xd5g^7\xfeY38\xd7\xfb=\xd7\xd4\x14$r\n\x94\xf2ww\x0f\x0f\x89i2F\xc2\xf6\x1cE\x1d)h\x05X\xc2\xefXmRi\xdb\x9b\xc6\x97\x16Z\x8b\xe7\x0f].\x97\x05\xc8\\~\xe7\x08\xc4\xd0\xd0\xc80\xba\xe5!\x01M#7\x08\x85\x12\xa1\xf0\xe6\xa8\x15\xb2\x88\x0cU\xef\xc9\x8e]k|\xa0,\xbajaq9\x01g\xa4\xfb~\xaa\xd5\xcc\x1eD\x97@\x18`\x85\x90Z7\x85\x7fEXm\xe3@\x96)7\xff\x08\xb5\x8e\xf2\xe7{.\x97s\xdd\xe9\xf7;\xbb{{{\xfd\xfd=^\xefZA\xd7=$&amp;\xd1\xb3\x0c\x90\x0b\xe2\'\xeb\xdf\xfe\xd96\xfe\xf4\xe9\xaf\x9e\xc5\'?\xe2\x9f\x0f}\xb9\xdc\xee\xdb\xbdu\'\x84\xdf\xef\xbf\xd5\xdf\xaf\xeba\xb1YM\x1d\xba\xdev#\x89\x0e\x1d\xbe/E\xab\xbe\xed\xd7\x89\xcc\xd3\xa7\x9b3?\x04\xab9\x9f\xcf\x9f\xff\xbe\xb7&gt;\x0cr\xf5\x03Tk+\xbbgi\xb0u\xf0\x7f\xbc\x9c]L\x93i\x16\xc7g4X\xb6\xd2\x0f\x86B\x01\xe5\xc3\xa9J[}\xa9E\xe9\x94\x80\xa5\x1ddYfjK\xa5&amp;\x14\xb4\xa9|\x88\x0c\xd0 L\x1c\xcb\xbc\xecn\xca$SHv\x15q\x02\x19\xa4(;m\x97\xb2d2&amp;\x85lLP\xb8!4$f/$!\x06\x12\xef\x90\x0b1\x98\xa0ra\xf6\x7f\x9ej6\x99d6\xb3;\xc2\xa1\xd0\x90\xb4\xf0\xcb\xff\x9c\xe7\xbc\xe7&lt;\xefy\xda\r\xb5\x8e\x15\xe5Q\x17V\x8a\x85x\xfc\xf4\xa9\x96\xd6\xa9\xa9\xa9\xfe+;\x85u\xf7\xbb\xbb\x8fW\x16F]\xaej\xb3\xc9N\xd3Iv\x9b\xcdn\xeb\xf6\xe4\xa7\x1cSQ#\r7V5\x1cW\x9e\x18\x9c\xea\x99\xea\xb9\x7f\xe5\xca\x0ea=\xf9\xcb\xf3\'kk+\x8c\x0bX\x1aMww\xb7\xc3a\xf5\xa0\xc3Gk\x81\xe0j\xa0\x85\x08\xb1@\xd5\xbf\xfctgb+\xed\xbb\xc7O\x9e_][[[\x18\xf5\xbaj\xcc&amp;\x8d\xdd\xf6\x15\x02\xdfj\xfc:%\x99B\x9e\x12WU\x15\xc4\x82\x0b[[{\xfa\x1f\xf5N\xef\x10V\xd7\xda\x93+\x90\x8b\xb8\xaaMvS}\xa5\xb3\xd6c\xac\xccg\xed!\xa8\xaa`\xc7O\x0c\xb6\xb6\x9eoi\x19l\xe9Y\xde1\xac\x7f.\xac\xac\xac\x80\xcb\xebu\xd5\x9b\xbb\xadF\'%U\x05%\xfa\x82TH\xb5o_\x95\xb2e\xb0\x95\x8dH\x9d\x18\xbc\xbf#X\x1f\x10V\xcd\xe8\xe8\xe8\x02\xb0:;\xbd.\x97\xd1\xe8t:\xf3\x15\x1d\xb8\xf64\xee/=X\x95\xb3\xaf\xea4R\x16\x9b\xeaE\x88\x8d\xff\xb4Sj\xb5\xd7\xd4x\xbd#\xde\x85q\xef\xc80\xac\xb3S\x81\xaeB\xdb\xd8xv\x7f\xc3\xc1\x1chuHy\xe2\xc4\xe9CUt^\x11X\xd7w\x0c\xab\x1d\xd7\x1do\xe7\xc8\xc8\xc8\x1d\xd8e\x18\x98\xd0\x19\x1eh\xa8\xca9\x0c\xac\xe3\xa7\t\xea\xf0\x91\x8f\xf6\x1dR~;\xdeV\xf1\xc1N`=\x00V\xbb\xb9\x06\\\xc3\x80\x1ak\xbc\x10\x1b\xf7n@^\xc8\x01UN\xd5\xa1\x18\xd4\xde\xbdG\x0e\xc3\x9d;\x84\xf5\xfd\x03K\x13\xea@s\xcd\xa8\x0b\\ccD\x85\xda\xbd!\x93Q\xe5\xe4\xd0BdP{\xf7~\xc4\xb0\xae6\xef\x14\x96N\xa3\xb1P\x01\xe1\x05W#\x13\x0b94\xf3\xe0\xc1\xaa}\x04\xc5N\x16|\xfc1\r&amp;\x01\xab\xff\xea\xed\xed\xa7\x12T\x10\x96A\xa7\xd35!\xc0\xaa!\x18\r\xb6\x1d8PJC?\xb1\x13"\x90\x89\xa0\xf6\xbe\xc3\xba\xf6\xe3N`=\x7f`\x01\x94\x01\x86\x00\xabq\xb19@\xed\xd9\xfd\xd9\x999\x87\x8f\xd0\xec\x16x\xe8\x8b\xa0\xe0Q\xda\x19\xd9\xfe\xeaT\x90v\xfb\xee\x97\x16\x8b.))\xc90\xa4\xb3 STS1\xe8ruvhS\t,f{\x19\x13\xa8\x1a\x94\'\xa6z\xa7\xb7\xfd,`\xc5\x8f3h\x14u\x86$\x1ac6h\xec\xa8\xe7\xeb\xab\xebQ\xd4\x9bk\x93Of\x1f$\'24@\x1d\x84e\x02\xabu\xf9Z\xdb\xf6\x9e5M+\xe4\x1f\xce?\xe9\x02Vy\xa2\x8cF\xc9th\xac\x89\t\xbdP\xbd\x02X4wGh`\xca\xccd\xbd\x86\xf2\xd4\xf9\xe5\xdeG\xd7f\xb61\xa5\n\n\xf9\xe9\xbek\x8f\xbb,\xbar\xa9,C&amp;\xa3qt8\x92\x81\xb5\xc7\xb0\xc8\xd8$R\xaca\xa4v\xb1e\xfc\xd1\xe0\xd3\xbem\x8c\xaf\xe6\x92\x99\xbe\xe5\xb5\x07]\x16\x8b!Q\x04\x93%J\r:\r\xc0\xccp\xa3+\xb9 \x9bU\xf1X\x91\x99\xd9\xa5\x97Ri\xff\x9b\xd4B\xddu\xab\xff\x87\xf9m;tW\xa1\xe6\xe7z\xfb\x17\x08K\x97\x98(\xca\xc8\x80`R\x83\xc6\x02\xacj\xc4\xbc\x8aM&gt;\xb06\x11P\x05T\xa5\x962\xb5\xce\xb7\xfe\xa1\x7f\xb6o\xbb\x8a\xc1\xb4B\xdfL\xdb\xf8\xf9\x95\x07]M\x1a`e\x94ee\xc8\xa4$\x97\xc6d\xaewu\xd2\xfc\xca\xa5\xd4Kh\xaaK\xb3/\x1dE\xf1L\\\xd9\xb4Cr\xbe\xe5\xf8\xa3\xbe\xbe\xeb\xdb\xb3\x7f*\xa8\xd0\xfb\xa6\xaf\xb4\x0ew\xd1\xd1\x15rbVY\x99H&amp;-G\xa6\xd0\x99\xea]\xce\x14\xf4\x880\xb0\x95\xa6\x16h\xb5ZV\xd4\xbf\xdd\xe6:\xfdC$\x12yX\xb1=b\xa9\xf9\xf9\xde\x0b^:Qc0\x90\x0f\xb3H/`%%ih\xa6+Y\xc5X\x8e\xa6\x1e-\xd0\xe6\xe5\xb1\x1bd\xa9\xb4\xa1\xa4&lt;\xa5\xbc\xd577\x1f\xd9\x16\xb9\x04\xcdz\xf5L\xdb\xfd\xc6\xea\xf6\xae\xa6!\xda=\xcd`&amp;\x12\xd1\xfc&gt;k\xc7\xf2S\x92\xd1\xf9\xc0w\x05ZU\x91J\xa5\xd2\x9ed\xf71\x94\xcas\xca\xa9\xf9\xc59\x92\xeb}s\t\x04\x15\x85\xc0\xba\xdas\x19XCCIR\xa9L\xc4\xc0\x90TE\x89R\x9d\xc1\xdem\xadt\xd2!\x0c\xed\xc9\x93y\xc7hd\x04X\x05TY(\xcf\x9d:\xf7\xd4\xef_\x8c\xf4]\x9fi~\xaf73\x00\xe5+,,\x04\xd6\x88\xaa\xba\xbd\xa9\t\xc9T\x9a(#,Qb\xcc\xcai|\xca\x8ar^E7\xc9\x8a\x80E\xb7\xcf\x0bPY\xecW\x9e\xbb\xf0\xed\xf5\xf0\xccbd62\xff\xd0\xaf\x7fo\\\x02A\xb3\x7f\xc3\x0f\xac\xdb|[+\xd4"*2\x92KD\xa7}\xca\xcb\xcb\x93 \x97\xc3\x88\xf8\x02\x0e\xb0\xd0\x99!\xd0\x1a\x81E\x87j\xc6zn\xf0a`\x81+\xb8\x1e~O\xb7\xa4\x04\x02\xdf\xeaf\x88\xa9\xe5\x9b\xef\xd1\xd6\xb7\x83J\x84\xd4@^DB%\xa9PL\xd8m\x0e\x87\xb1R\x01\x9e\xbc\xbc\xa2d\xf6\xa4\xa5\xf3mD5v\x85\xe7\xc3s\x81\xd9\xe0l$\xc8\x85^\xf0\xefaF\x10R-.\xd5\xc9\x19\xd6\xed\x92\xe9\xf1F\xb3\x86\xae\x87\x19"f2&amp;\x15\xa5.\x8d\xc9\xe4`[6\xc7T\xc7\x8a\xa8\x8f\x85\x13\xb5(\x10\xcf6\x8e\x8d\xdd\x99\xf6\xf1\xfe\xe8l0\x18\x9c\r\xba\xdd\xdcR\x80\xff\x8d\xb1/\x10\xa4\xf1\xab\x13r\x8e[W\x03K_2\xd3\xdb\xd8\xad3 \xae&gt;\xa15(\xba\t\x1f\x0e\x95\x97\x0f\xa1\x920\x99lVO&gt;\xba}\x95\nT\xc9h\x19\xf3\xa8?kl\x1c\xbbsg\xd9\xe7\xe3\xe1\xc3`\xf0e0\xf8\xb7x\x89{"\x14\x08\xff&amp;\xc5\x9a\xf9@\xa8N.\x97s\xabz=a\xf1mcVv\x060+K\xc4V"i\x05*\xd4\x11L,\x9a\xc9(b\x13R\xc0\xa3~\xe8\xf2\xe5;\xc3#\xd3%&gt;\xf8\x10T/\x83/%\xb9\xb9\x92\x04\x8e\x0b\xad\xfa\x0b\xff/0,\xe5\x8a\xf0jH.\xaf\x93sr.\xaa&amp;,\xb5ozDa\x90J\xb3@\x85\xb8\x02\x19\x85\x95\x01\x0e\xb4\xa1\xb5F\x82HN\xfecrJ\n\x1b\xafQ\x91utt\x0c\x0f\xaf\xf9\xde\xfa\xf0\xe5\xcb\xd97\x03\x03\xb9\xb9\xe9\xeet7\xb7\xb9A\xab\xf2\x7fC\xc3\xcb\xd3\xd4\xfe\xd5P\x9d\x98\x03\x93X&gt;\xe1\'\xacB\xbd\xefF\xaf\xca.\x93\xd1\x98\xc1\'PKF\xd1N\x07\x8e\xba\x19U\xbeB\xa1HQ\xd0\x0f\x86\xd5\x81\xd0Gk\xeb\xbdQ\x02\xacH\x90|\x18x=\x00.Iz|:bls)\x10V\xff\xfau)`B\xbdX\xdf\x84N\xe2\x04N,\x16\xcb7\xc3\xc0j\xa6\x84\xda6V/\x15\x95\xd1\xac\x01\x05\x17\xf2\x15\xb4\xb2\xd9\xba\x1dV\xa3\x07\\_;\xf3\xf3\xf3\x81\xf7{\xc4|G\xd17\nEg\xa7\xf7\x89\xfa\xad\x0f\x83\xc1@\xe45\xc4\xca\x95\xc4\xef\x8e\x8fO\x87b\xdc\xe6z`Q-\xf85\xa2\t\xd2*J\xfc\x81\xf5\xd0\x04\xa08.\x81L\xcc\x85\xf8\x98Zz\xdf\xc3q\x85\xb4\xac\x98\x8ei\xe1\x9a\x08.\xba\x1e\xda\x1cVPy&lt;\x95\x95\xce\x98\xd1\xb9\x03\xd8\xb0\xa2\xb3\xd6\xb50S\xc2\xb0fa\xf3s\x0c+7^"\x89\x8f\'\xc5\x12\xb8\xba\xd0\xd2\xea\x1c\xaf\'\xd1\x04\xff\r*\x1c]]\xa2\xb5\'\'$1\xbe\x85B`\x950,\n\xfa\xab\x1d\xa6\xb2\xe2\xe234\xc7\x022\x914\t\x97\x1d\xda\xdd2B.\x8f\x07O\xb4!N\xc7!\xbeIQ8k\xab\xab\xefB,\x96\xb5f\x03\x919\xff\x9b\x98Z\x84\xb5\x1b\x82\xc5\xc8&amp;B\xeb\xabs\xbe_\xfc\xe8.\x04\x14\x82\x9cdJH\xe0\x88I\x9c \x04\x95P\x9c\xb0Q\xa8\x8f\xa9\xa5\xf6\xdd\x18\xaf\xcd\x00\xd6\xc5\xe2\xe22J\x12\xb2$\x1bc"\xb5&lt;\xc6\x18\x1fE\x19\xc2^\xe1tUW?\xf8\xeb;,\xa2\xe2#[\x12I\xae\x84lw\x0c\x0b`B\xae\xae\x0eh\x1bs%i\xbf\x909\xa3\xa1\xb7n\x13\x0b\x85\xd0\x89\x1e\xc28&lt;-"\xae\n+*\x9aY\x8e\x186\x14_\xa4i\xb7O\xa1WYF\xb9\xcdH\xee#\x9d\x8cVG\xb7\xad\x9b\xee\xb6\x00K\x91\xef4Z\xeb\xcd\xdf\xab\xf5\xfa\x98\x13#\xd1E\xde\x17~\x95\xfb\x96\x8a\xf9\x91\xc8b\x92\xc1\xea\x96\xe6~\x9efi\xe9\xe9\xfd\x1b\x13\x9c\xd0\xed\x8e\x13rD\x15#\x13\xc6\xe1\xd7U$S\xb5\xffE \x10\xf5\xf3\xfc\xccr\xed\xcd\x8bg\xce\xfc\t\x82}ZV\x9c\x91\xf4\x16\xcbc\xfc\xca\xe1\xb0aU"\xd4\x8c\x95\xf9p \xa0\xcc\x8fy\x7f\x80\xf2U \x10\x88,\x86}|p\xe0\x1eV\xe2\xeewX\xe9\xef\x0c\x92%p\xf2\x89U_\xda\xcf\xa0|\xd1\xf5M.A\xb8\xeb\xc3]\xe48\x8as\xf2^\\\\\x9c{\xd7\xaaZ\xcdG\xdflMNN\x0e\xbc\x0e\xcc\xf9\xe7G\x9a\x18\xd6\x99\x8b\xf0\xa4\x08\x15 \xdcV\t(\x9b\xc9n\xc7\x85H\x87`\xf38Aeno\xef\xfa)\xb85\xf9\xf9\xef&gt;\x9f\x9c\xdcz\x13\xf1\xf3\xfe7\x93\xf7&amp;)C\xbc\xc3\x92\xa4\xef\x01\xda\x1e\xc6\x05\'q\xf2\xa5\xe8\xbb\x8f\xa1\x02Sa8\xba\x11\x9a\x00\x94{\xd7\x87q\x04\x05\'&amp;$\xc4\t\xc5\xc287\xd4\x9aXz\xfd\xea\x1e\xa0&amp;\xef\xdd\xcb}\x1d\r\xf3WG!\x17\x90\x8a\x8b\xff\x9e%\xfa\xcc\xee\xf8\xb3\xd1\x03(\xfb\x17\x9f\xb1j\'\xd1\x80\x84\x8f03Y\xbe\xbc{#\x8a7\xb2\xb7\x02\xec\xd5\xab-\xfa\x131,2D\xfd\x9e=L1wz:\xfe-\xc7\x89\xb9\x89\xf5E}\x1a\x83\xd2G\xd7C,E\xb9w\xb9\x85\x8c\x89\x93\x93\x07\xf1\x88\x83xqB\xa1[2p\x8fl@"I\x7f\xb5\xc1\x97\xacX \x14\r\xbb\x15g\xc9\x9246\xdbW\x1e\xab\xc3\xf6\x85T\x844[v3#Qc\xb3\x1a\xadf\xcb?\xfe\xe5\x03Un.\xbdwr\xeb\xd9\xb3g\xb7\x06Xz\x90\xfc\xc7v\xc7\x1c\xe9\xa6\xc8\x87q\xff\xae\xe2|B\xdb6\xc30\xeeOB\xc2\x18\xc7\t$`0\x8c\xdc\rqoM`\xd0,\xf5!P\xc6J\x82\xf9F/\xdb\xc1\xa1\x87\x0e\xcc\x0e\r\x1bc\x87\xe6\x12\x02Z\xc3(\xad\x8a:(\x03Q2J\xc3\xcaNb=\r\xfd9T\x95\xa0B\xc4\x8dv\x08\xd3\x8c\r\xc3v\xeb\x86\x95\x16\x1f\xba\xe7\xfdd\xb7\xddg)\x01%\xb1~~\xde\xe7}\xde\xcf$\x84\x02\xe0\xf0\xe5]\x04\xc2\xde)\xe5\x01\xb9\x88HP;L\xc0R\x89b\x01\xa7\xc42\xac\xbc\xc9\xf9\xd02oCx\xa9x|\xb4\x7f\xe7\xefm@]^_Gv\xcd\xaf]\xba\xf8\xcd\xc5K\x8d\xf9\x85\xc5UH\xb8\xbd:sa\xe3\xd2\xd6\xda\xd5\x17\xfb{w\xdf&lt;\xaaa\x08"\xd9\x87\xe3\xd1(\xf0\x1cnfM(\x8a\x88\x9c\xc8\xb0T:X\xa5\xc2\x84\xf7\xcb\xcd\x83\xdc\n\xa00\x8b\x97DB\x81\xa8I\x83Y$\x03\xea\x08\xadT\xc2\x92\xb4\xd8\x88\xbdH\xef!\x08UU)\x1f\x9e~U\x7f\xfa\xec\xdfu\x8cE\xbc\xe3\x9f\x87\xc7\xaf]\xdb\xb82?\xb3\x08\xcbmn\xa3\x0b\x1ak\x8d\xdfo!E\x8f\xa9^$\x10\xef\x8eF\xc9\xd0\xd2:\xe3\xa1)\xa8f\xb3\x93\xb0\xb0\xd4\xec\xc3\xb4+\x9b\xb9\xe7\x87\xcd\xe6$\xccK\xc4$\xb0(  \x98\xc2T\x95A.\xcd\xf0Sn\xda\xa1n\xcb\xb3yp\xb6J\x87\xa7+\x1f\xffz\xeb\xaf\xabg\x1a\r\x0c\xee\xb3kh\xc1\x1f\xae\xcc-\xaf_\xde\xdc\xdd\xdc\\]\x9e;w\xee\xe1I\xbd~\xff\xf9\xa4T\xb5\xdap4r\xccZ\xf6y\xc8MY(5\xa1R\xf3\xef\x96\xaa\n\xb2b\xae\x89\x82-\t3\t\xb0R\xa6\x16\x15\x91\xa4\x92U\xa6j\x86\xde\xb6\x18\xcb\xf7t]\xa3\x1f\x04\xa7\x04.\x84k\xfd\xd6\x9f[\x17\xb7\x1ag\xcf4666\x1a\x17\xe6\x16&gt;_\x85Z\xf0\xdb\xcc\xcd\xeb\x08\xd1\xfb\xc7\xf0tMP\xd5L\'\x08\x1c^\xe3\x0eJ\x19xZM\xf8\x1dP2\xcca\xe2I\xdf\xa3\x89\xa6\xcce:\x91\xa1J\n\xee\xa7\x90NP\x8bL\xa5\xe6e\xd5\xd4\xd2\xb8\xa3\xeb}\x89\xc9\xb1&gt;\xe0\x04EeU\x8a\xd0k\x05\x1b\x8a\x1f\x9f|\xf1\xc9\x1a\xfd\xd6\xe7\x0c\xb0v\x80E\x7fz\xbd\xfe\xf0i\xbd^=zSA\x00\x88"\xe20{N\x87\xa8\x82\xaee\'\xc9xli&amp;\xb0d\xcbs]\x83\x13\xdaT/\x91b9\x10 \x01\x00#\xb8p\x9d&lt;\xaeHd*\xa6\x9a\x96\x11\xf7\xcd\xb4\xads\x89\x99\xc6 %&amp;\xaa*\x82\x83\xf4Z\xa9V\xab7\xfe\xf9n\xeb\xb3s\xf3\xf4_+\xe6v\xce\x93Z\x9b\xbbw U\xf5\xe8\x15"I8H\x98\xbcV\x93e\xd9\xf6 \xd9,\xef\x06A\xb7;r\xb8l\xf6\xa2\xd03l\xcds\xbb\\\x9e\xda+/\xb0\x90L\x10\t\xc9\x8e\n\x16\xa0\x10$"\xd5\xa8\x05\x99\xd16LI\x8d\xdb\x03`I\x1a\xcf\xa4bL|\xef\xd2\xe1=P\xd5\xab{_?\xf9\xf4\xa7\x85\x85\xf9\xb3s\x0b;\xcb\x18J\xbboO\xe8\xf2\xe3\xd7\xe4\x81&lt;\xf9\'+\x98X\xdc\xe2\xb3r\x12\x04\xc18\t\\\xc7\xf6\xa2(J\xd0\xe2\x1e\x14{o/\x18,W$ep\xafJ\x85\nX\x90\xe8\x15\xc2\xd6\x8c\xf7b\xc3\x1a\xb4;LR\xbd\xb6!)l\xb2$IT\x9a\xfcw\xf8\xb2^\xadc\xfd\xf1\xed\xd5/\xb1\x93\x98\xdbY^&lt;\xbf\xfd\xf6D\\&lt;}\xcdZ\xa8!\xed\xab\xc8B\xf9\xac\xe3\x00\x893\tFc\xc7\x0b&lt;\xbb\x13E\xa1nt\xbd\xae\x93p\x99\xbe&amp;\x98\x04V\x89\\\xc4Z\x92\xb8%\xc9\xd4\xca\x91\x00\x00\x02DIDAT\xef\xf34IzV\xafc\xf8\x83v\xdb\x08\xdb)S\x94N\x8a\t\xa4\x90\x82\n\x1d\xa2\xe6\xd8I\x97K\xe5\xe3\xfb\x82\xab~\xe3\xb7\x077?\x9aY\xfce\xf7\xfa\xc9\xcf+t\xe9\xde\x92\xd4j\x91\x91\xe5\xff5\x9a\xe0\x93\xb9\x13t\x13K\xe3\xe68\x8abK3\xc20\xea%N\xd7\xb1\x89\xaa"\xb8rK\x85L\x04\xae\xd9`1\xb4\xb4\x07\xaa\x9eek\t\xb0\xf4v\x9f)\x93\x85\xf8RhncQWP\x94\x94\xca\x07w\tb\x0f\x8a\xbdx\xf0\xe0\xd9\xd3}\xec\x16p\xe1\xfb\x97K4\xe2+Y\x83\xa9\x1f\xf6\x99 3\x87\x8e\x073Yn\xe4q\xd5tt\xdd\xe9F\xa1\xeb\xf7M\xad\xd7\xb3\xe1\x15`5\x8b\x12\xe3V&lt;\xf0}\xa3\x83K\x8a\xd6\xef\xdb\xb6\x95\x90Z\xba\xd1\xd65)\x13H\x88\x94\x1db:\x95(x\x97\x8a\xe5\x83\xa3L/\x80\xed\xa3\x03&amp;T\x85rQ)\x8a\xaeyg\x17"\xa32Q\xfb\x91\xc94\x19\x8er5\x95!\x0e}\xcd\x0b\xc3\x9e\xa9u#\x1dk\x10K\xc0*If\xd7u-4\xa9\x1d\xfb\xa9\x15E^\xa7\x93\xa6}\x9e\x00\xcb\xb7\xb3\xeaMj\xf7\x1e\x8b\xcc\x05\xc1J\x19WFV]\xc1\xa3J!\xdaB\xc4`4\x901\x04\xd0\x14+\x9fa\x89B\xdaC\xdc5Q\x19\xf7\xc2\x81\xcd;a(\xd8\xfc\x18dVe6Wl*&lt;p\xbd\xd8\xf0}?Ny\x1cF\x1a=\x1d\xb7}\xdd\xd0\x04\x0e\xf5e\xa6Va\x82U\x10j\x95\xc5\xfbGQG&lt;\xaa\x84%\xa8\x8e[\xb4US\xc48\xa51!\x8ei\x1dg\'u\xec\x04\x81\xebvLUMC=\x8e\x07\x1e\xac\xef\xb8\xa1\xcf-]7X\xe5v\xae\xd5,\xf4\xd1\xab0\x13\xa7\xdb\x1b\x91k\xf7-\xb8\xcc\xefh\x92p\x94$\x9a\xaf0Y\x1f\x14\x91\xd4\x12\xbe\'.\xec@WH\xab\xea\xd1AK\xec&lt;\xf0\n\x98\xd0\x8bM\xba+\xff\xae\x1fi\x99\xf6\xd8\xb1)\xdey?\xd5|T\xce\xd0\xban\x98 \xb9\x07\x1a\xcb?\xca)\xcdr/p\xfb\x94GT\xac\xd4\x8d\x06\x03\xc8\x06\xc9\x14)k&gt;6\xad`\xa6\xd4\x04K\xb8\x1eg\xa9\xd8D\x1d\x05\x16i\xf5\xf8\xb0R\x9c\xd6[\xca\xb0\xd8\x14K\x95\xa7q1\x89\xb1\t\xb0\x04Ck\x12\x87\xed\xf5\xb6\xde68\xbb\xfd\xe8?Ed\x1bK\x99\xc8rI\x00\x00\x00\x00IEND\xaeB`\x82'</t>
        </is>
      </c>
      <c r="M429" s="3" t="n">
        <v>45492.67699074074</v>
      </c>
    </row>
    <row r="430">
      <c r="A430" t="n">
        <v>1067641</v>
      </c>
      <c r="B430" t="n">
        <v>1980</v>
      </c>
      <c r="C430" t="inlineStr">
        <is>
          <t>Lucas Barbosa</t>
        </is>
      </c>
      <c r="D430" t="inlineStr">
        <is>
          <t>L. Barbosa</t>
        </is>
      </c>
      <c r="E430" t="inlineStr">
        <is>
          <t>PD</t>
        </is>
      </c>
      <c r="F430" t="inlineStr">
        <is>
          <t>ATA</t>
        </is>
      </c>
      <c r="G430" t="inlineStr">
        <is>
          <t>PD</t>
        </is>
      </c>
      <c r="H430" t="n">
        <v>193</v>
      </c>
      <c r="I430" t="n">
        <v>21</v>
      </c>
      <c r="J430" s="2" t="n">
        <v>36943</v>
      </c>
      <c r="K430" t="inlineStr">
        <is>
          <t>Left</t>
        </is>
      </c>
      <c r="L43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30fb0e7-e17f-4968-ab8d-c187d878c4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 \x84^\x00\x00\x03\x00PLTE\xff\xff\xff\x04\x05\x04\x11\x04\x01\x0c\x0c\x0b\x01\x02\x01\x05\x00\x00\x0c\x02\x00\x00\x00\x00\xfd\xfe\xfd\t\x01\x00\xeb\xa7\x85\n\x06\x03\xe3\xa4\x84\xdf\xa1\x81\x1d\x0c\x05\xf7\xf7\xf7\xcc\x92v\xd8\x98x\xf2\xf5\xf5\x19\x19\x18\xdd\xa3\x85\x16\n\x06\x05\x0b\x07\xda\x9c|Y\xb7\x95\xd2\x95w%##\xed\xaa\x89\xd9\x9e\x81\xe6\xa7\x88)\x17\x0f\xe7\xa2\x80\xd3\x9a~\xe6\xaa\x8d\xeb\xae\x91\xba\x81e\x13\x12\x12\xef\xba\x9f\xef\xb2\x93\xdf\x97z\x06\xda\xc7#\xdf\xc1T\xb5\x8f\xce\x8en%\x0f\x07\xfb\xfb\xfa\xe5\x9d|xH1\xc3\x82e\xea\xab\x8c\x0f\x9b\x81+++\xe0\x9d}\x05\xd4\xc0\xc5\x88k\xd5\x92q\xda\x91r\x0c\x95{Q-\x1b\x0e\x8fv~M6333\xef\xae\x8d\xf0\xb6\x98\x8bW&gt;\x85S:\x1f\x1f\x1e\xb4kN\xdb\x8ai`8$Q\xa1\x7f3\x1b\x0fQ\xae\x8c\xdf\x95t\x1a\xda\xba@#\x15W3 \x17\x05\x01\xb5}b\xbd\x88mpB,\xd5\x85c6 \x15\n\xac\x8dZ\xbd\x97\xd4\x8clR\xa8\x84I\'\x16\xed\xc5\xb4=&lt;&lt;\xcc\x96{\xed\xbc\xa5\x0e\xd8\xb8\xe0\xa6\x89\x8f]F\xc5\x8dr\x0e\x89q\xbcqR&gt;\x1b\rg&gt;)\xed\xca\xba\x9afM\xb0v[\xee\xc0\xa9\xe4\x9aw\x0e\xb4\x96\xa1lS\xdf\xab\x91\r\x82iFED\x0b\xd2\xb6\x13\xa2\x86_\xc2\x9c\xa8rW\x1e\x13\x0f\x17\xde\xbe\n\xcd\xaf\xe3\x8cd\xe9\xed\xed\xaf\x86q\xc7yY1\x12\x08\x0cw`\xe6\xaf\x96\x04\xe0\xcb\xe3\x9b\x82\xed\xa0\x80\r\xc5\xa8\xe2\x8eo\xeb\xb3\x9b\xaceH\x1e\xaa\x8e\xbdwZ\xd3\xa2\x88\xe5\xb4\xa1\xff\xff\xfe\xee\xd0\xc4]\xb0\x8d\xd1~]\x8diW\x04\x18\x0f\xbb\x8cv\x07\xdf\xbf"\xd4\xb6\xca\x9a\x87d\xc5\xa3#\xb6\x98\x0b_KQ&lt;3\xca\x82a\xdd\x87]\x07\'\x1c\x0cmW/\xe2\xc51kU\\\\\\POO\xe2\xe3\xe2\xdc\xa5\x8d\xce\x86g\xe5\xc0\xb0\x0f8*M\x96y\xac~i\xa1_CeUMzWG\xf1\xc4\xadb*\x1d\xde\xb0\x9c`C5\x08\xbe\xa2\x98T9\x06F6E-"\xa0\x87wk7!}bVF\x8dq]\xa5\x87\xda\xd9\xd8\nTAkM?\xc1\x91~+]J\xcd\xce\xcd\x8aH-@\x84k\xea\x94u\xd3\xa7\x91\xa0vbifd5*\'\x8esg\xcb\xd7\xe5@51YIB\xb7\xb7\xb6\xd3\xed\xeb#O=O\x1c\x13M\xde\xc6w8\'\xba\xcc\xddvss&lt;x_\xc5\xc4\xc2n\xce\xa7\xf5\xf0\xee\xefz\x8b\xbb\x99\x89\xd8qxL\xbe\x9d,\xbe\xa4\x97\x97\x96\xdb\xb9\xa9\xa1\xa4\xa3\xf1\x87\x99\x8359\x8e\x8f\x8d1\xd0\xb8\xc0\xe7\xe1\xf1\xe4\xdd\xae\xad\xac\xcedn\x9a\xae\xbf\x80~{\xde\xf8\xf3\xae\x8f\x84\x81\x88\x87\xe2\x96\x9b\xa9FP\xe2\xaa\xb0\x81\x94x\xc5\xa5\x91u\xa2\x8c\xdd\xca\xc3A\x9c~\xaa\xc0\xd0\x9b\xec\xdd\x8b\xad\x93\x80\xcb\xba6\xac\x95\x91&lt;G\xa5\xd4\xcb\xe1\x89\x88\x84\xb6\xb0l\xb1\x8e\xed\xa4\x9e\xb9_b\x87\xe7\xd5\xa5\xa9\x8c^\x86m^\xa8\xa2R\xce\xb9IbO+g\xb3u\x00\x00 \x00IDATx\xda\xc4\x98\xddK\x1bk\x1e\xc7;\xceX\xc7\x13\xdf\xe2\xc4\x88\xb36\xbed\xce\xe6"\x1aS&amp;\xc4P:l\x1dSJ\xd0\x13M!\xd8\xa9\xa8\xa8\xd5\x86\x84\xb90\xa0\x9b\x12R\xacXY\x0c\xc2^L\xbcI|\x816\xa1\x8a\xc4\n\x92b9\xab\x91D(Ed\xf1\xc2\n\xbd\x10\xa4\xfe\x1f\xfb{Fc}9w;\xda\x9fi\x8cE\xf0\xc3\xf7\xfb}\xbe\xcf\xf3\xcc\x9d;\xff\xd7\x900\xe5cs\x1b;G{\x1b\x1b\x1bscs\xebs\xa5\xf0_w~\xed\x90d\xe3\xfaAT\x10\x18\x82\xd028\xce\x8a\x1c\xcd\xed\xee5\xfeZ0\xb2q\xee0\xca\xe3\x04\x86\x11h\xe0\x1d&gt;\x15\x14P\xd1\x9d\xf5\xf2_F\x06J\x1d\n\x80\x81\xbe\n\xb4Z\xf9\x1b\x1a\x00\xc4\xe9\xe8\xc1\xd8/\xe1"\xc9\xd2\xbd\x18N \x14\x04\x841X\xc1\x19\x15\xfa\x87\x11xl\xaf\xf4\x17\x805\xaeo\xf12T\x81l\x1f\x86\xe5\xb0\xd0 W1j\xf7\xd6\x05#\xcb\x8f8,g\x1a\xa6-8w\xf0\xc2\x10Xl\xe3V\x05\x83\xa8o\xe19\xa9~\xbec\x97\xd1\xc0Y\xea\xa4\xfc\xf6\xb8\xc8\xc6\r\x11! \x18-\x96\x83\x92\xdd\xbc*\x986\xbaq[\\d\xf9w\x1a#d,\nC\x12i\xb1\x1c\x8f\x16#\xceB\x9f\xe3"\xd8\x9dF\xf2VV\xe0\xdc1$\x1c\x87Xc\x18\xa5\x85\xb4\x03\x19\x8e\xe3\x84\x1c2\x0c\x93\x7f\xbe(\x18\xbfs\x0bz\x91\xe4X\x14G\xdd\tX8ziq\xb0Q\xcb\xb04Z}\xa8\x19\x80\t\xbbd$}XN\xde\x02\x15\xd2\n\x93+\x01c\x18\x9e\xe2q\xf9\x03\xf8\xca\x00/E\x9c1\x9d\x1b[@\xe0\xdfo\x98\x0bU(r\t\rNQ \x15E\xe18C\xe3\x18\xc3k)\x0c\xc7\xc1E&lt;W]\xd8\xcf\xd2?\xb9Q.\x92&lt;d\x90N\x90(\x8c\xa2x\x1e"\x05L\x8c\x96\x016\xec\xf4\x05\x0c\xc8\xc9+\x0b\x12?\xb8\xc1|\x91\xa5\x07T\xce=\x9cg\x18\x9c\x01\x12\x9e\xa5\x19\x1a\x84\xc3\x91\x8f(\xf1r\xc4\n\xe4\x80\x9d\xdbHP\x877\xb6\x1eIr\x87\x91S\x0504\xc50\x14C\xd1 \x16M\xe1\x14O\xc1\x0f\x80\xa9\x82w\xecg\xe2\xb1\x82\xdb\xe0\x9a\x13A\x15\x14*0\x8bg9\x96\xa7)\x9efY\x8a\xe1i\x9e\xe6h\\\x05\x02\x82\x82\xcc\xf5}\x08|\xbd\xa9\x9e \xcb\x8f\xe1oCE\xd1\x1c\xce\xd3"\xcb\t4\xc5\xa6y\x8e\xa7\x11\x16\xe3\xf7\xf3\xfc\xd9\x02\xbd\x96-\x19\x8c\xdd\xbb\t.\x92&lt;\xa29\x16\'p\xd4\t\x02\xcb2\x14\xabKg\xd2,\xe0\xb1\x14\xa8\x95N&amp;\x93O+\xfc8\x96\x9f\xafB\xd1\xbfp\x9c8\xfdLp\x1b7\x81\xb5!r\x14\xa4\x8aa9D\xc1Q\x94?\x9d\x153\xe9LF\x92\xa4\x94\x94\x95\x92m\x92\x94\xd6\xe9\xfc~yI\x12\x176\xec\\\xbe\x84uRy\x0b\xa34\xc3\xa0\x9e\xa2x\x96\xa7h8\xb5g\xd2R6\xbb\x9cJ,/\xa7\x96\x13\t\xf8\x90J\xfau~\xddS\xbf_\x95\x7f\xba\x1c\x89\x8bu\x0f\xa7\xfd\xe3R\xa5\xb9\xc8=\x8a\x05\x19\xc0:\x96\x17)\x96fc\x99l6\xb1\xd6\x1b\x0e{\xc3k\x9d\x83\x89T\xfb\xe0rFW\xd2\xa0CX~\x15\xa2B\x87\xc3K\xe9"\x18\xa5\x97#9\x16\xa3i\x14*\x8a\x86\xb5\xc7\n,\x97\x95\x12\xe1w\xef\xc2\t\xeff\xc7\xbb\xcdDj\xf0q\xf2\xa9\xae\xa4\xa4\xc2_\x02T\x15yw\xf3!\xfaZ\xe2\xfc\x14}\x962ZY\x1b\xc9\xc6\x03\x06\xdc\x83\x95H\t\x02\xc7\tBFJ\x857;\xfa\x9c#z\xab\xd9\xdc\xf1\xae\xb7\xa5\xa9\xf3A\xd7\xc0\x00\xbc\xda\x1e\xc0t\xb5\xe9JpLuY-T\x13\xbb\x8a\xdaH\x96\x8b(R\x9c@\x01\x12Ms\xb1h\xca\xeb\x1cq\x9a\xcdF\x9b\xc3\xdd\\62\xa2\x1f^Y\x99h}\x0f31\xd4\xf2h\xa5\xb7\xe5\xe1\xc7\xae\'%\xaak\xc7BvNQ\xac#(\x01\x81\x85\xf5\'\xc4\xc4t:\x93My\xadf\xab\xb1Jm08\x0c\x16\xa3\xb5\xaay!0\x1d\x08\xf4\xb7N\xb4\xb6\xf6O\xb6\xb6\xb6\xbe_\xf9\xfc\xf1\xc3@\xc3\xddk\xadzH*\xb9\x19Fy\x9e\x8dA\xa6\x04PK\x94R\x89M\xab\xcd`\x0b\x85,\x06\x8b%Tl\xa8\xb4\xd8lv\xd7t\xa0\xbf\x1fQ\x05&amp;\xe1\xfb\xca\xe7\xaf\x1f\x1f\x0c\x94\x14^\xc1"\xa2\n\x86\x9e\\G\xce\t\x1cD]\x14\xc4\xb6\xde\x11\xa7\xdb&gt;\xee1\x99\x00\x0b\xd4\x024\x8d\xe1\x14\x0b\xd4\x02,\xc45\x01\\_\xbe\xbc\xba\xc6\xa5\xa0\x8b\xb0GC\x97\xc7b\x1cGsqI\x1aZXp\xb9Fe,O\x8d\xc30\xee0\x84B\x06\x9b\xeb\x14\x0b\xb9x\x8a\xb5\xf2\xf9\xc3\xc0\xab\x86\xbc+X\x8cr[#I~\xe7Y1*\xc2.(\xf5z\'\\\xb3\xb3\xf6\xd1\xd1\xd1?=\xa6P\xc8d2\x8d\x03\x17\x0cR\x0b\xb8\x10X\xff$\xf0\x81Z\x80\xa5\xfb#\xff\n\x97\x82k\xb11\n\x9d\x15\x139NL\x98\x17\xec\xb3\xb3\x005\x0eT\x06C\xc8b\xf18l\x0e\x0bX\xe9\x18?\r\x97\x1c\xfa~\x94\xf9\xaf\x1f\xbe\xbcj\xb8\x86\xc5\x8e)\xa6V\xa9\x88\n\x0b\xfaJ\xf2F\\\xa3\x88j\x144\x82\xc4W\x1a Tv\x87%Tdq8\xce\xb0&amp;&amp;\x00kB^\x8a\x90\xads\xac\xdc]\x12\xdfSR-\x88\x15\'D\xb7\x86#.\x99\nq\x85\xc0:\x87\xdb\xe5r\x01\x97\xc50nsMO\xe7\\\x84\x06;\xc3\xca\xbb\xaa\x16vL*W\xa6P\xa5\xb0\xe7\xd0k\xc3\xe6i\x19\x0b\xd2\x05j\x81V6\xfb\xf4\xb4\xcbn\x93\xc3e\x97\xb1\x10\x18\n&lt;x8\x00XW\x9b\x8b\xd8R*\xf3dy\x8c\xa6\xe0\xb0\xc5g\xd6\x9cfY-\x88\xd7\xe9\x02\x1c\xb7\xc3\nDz9\x90\x9b.pQ\x1e\x08\xfc)\xd6_\x14\xea\x89r&amp;n\xf1\x0c\r\xa7\x86LB\x0f\xd9\x02\xa8\xd9\xd9q\x87\'T\x14\ny\x10\x17\x80\xd9`\xecv;Z\x8c\xd0[\x81\xb3\xc4\xff\x15\x96V\xb9\x9eo\xdcey8\x1dsRBo=\xc5B\xb5u\xaf\xa6\xa8\xc6\xe4\x19\x97\xc1\\n\xbb\xcd.Wj \x10\x89\xc8\\_?"\x13o\x10\x8b$\x0f\xe0\x94\xccq\xe9l\x18\x99\x88\xa8F\xc7M5\xf7\xea\x82u\xf7\x8aL\x0e0\xcf\xedv\x03\x15\xb2\xd1\xee\x82\xb2]\x08L\x9e\xf5\x16d\xeb\xca\xd3%J\xb9\xa33\xb9\xc7\xb1h3\\\xdb\xf6B\xe4gQ\x9dz~\xbb\xff\xe6\xcd\xd4\xd4T\xb0\xae\x08\x9a\xcb\xeev7\xbbmj\x83\xc3fC\x9f\x16\x16@\xae\xcfM2\xd6\xcd\xf5\x16\xec\x89"+d\xc4\xecZ8\x0cX\xd3\xb3\xf6\x90\xe7~\xfd\x9b\xdf\xbb\x9f-.v\x07\x83!K\xb1E\xed\xb0\xb9m\xd5==\x1a\x8bZ]Y\xd9\xec\x8eL\xa2\x86\xe8\x1ah\xf8\xe3\x8a\x8b\x84\xf0_\xe5\xb0\xc6\xb68A\xe4\xe0\x90&lt;\x12qAC\xfc\xe9y]\xff\xa6{\xf1\xd9\x8b\x17/\x16\x17A\xb0\x9e\x9eb5L\xb5\xcf\xe7\xab.\xd6TVV5\x1b\xcdp\x86\xf8\xf8\xa0\xedI\xc3\x15\xb9\xb0\xa8r\x8f#\xc8\xc6\x13\xd8\x103\xd9\xb5M\xf34\xa2z\xfd\xba\xbe\xfb\xe5\xe2\xb3g/\xfe\xf5\x02\x04[\x9cZ\x9a\x9a\xaf\x86\xd1\xf8\x96|\xd5\x1a\xf8RW\x19\xad\xc3\xef[:\xdb\xdb\xbb\xae\x9c!\x08\xe2D\xc9\x93\xcd\xa1\x88\x0e\xca\t34\xf9\xb8\xe75\xe4jQ\x1e\x10\xab{\x11\x126\xe5\xd3\xcc\xc3\xf4\xf8z\xaa\xd5\xb5\x95\xd5UUeV\xfd\xd0\xa3\x87\x9d\x9d\x8f\xdb.\xef\x8a\x04~\xa4\xe0%\x96\xdc\x88\xc52\xd2\xf2\x88u:`7\xfd\xed~pj\xe9\x1b\xcc\xe2\xb7oKKK&gt;y\xe6\xe7}&gt;M\xb1\x05rU[\xfb\xfcyY_\x87s\xa8\xb7\xa5\xe5ag\xfb\x93\x8a\xc2K\xcf\xe0\x94\xbcd\x90s\x80\x95]sF\x02.\xcfo\xf5\xf3\xfb\xfb?~\xac\xae\xae\xfe\xd8\xdf\xff\xb4\xff\xe9\xd3\xa7Z\xb5\xc6\xd7\xa3\xd1h\x0cjusU_\xc7\xcc\xcc?7\xb7\xc3a\xb8?J\xcb\xc9\xb4\xae\xe2\xeeE\xb9\x841EO\xcd\xbb\xb1x\xca\xab\x8fD\x1c5u\xff^\xdd\xde\xdd\xda\x8anE\xe3\xd9l6\xb5\xbd\xb99\xe4\xac\xd5X R6\xb5\xdah\x1e\x06\xa4\xb8\x94\xa1\xfd\x14\xc3\xa8p\x15\x86\xa9\n\x0b\xf3\x7f\x82)yh\x06\xacc1\x9e\xda4\x07\xdc\x9e\xe2\x99\xed\xdd\xdd\xe3\xdd\xad\xa8(\xc0\xbd:)\xc5S\xe1\xf0\x90\xb5\xd2R\\\xad6\x1a\xcb\xcc\xdeDj9C\xd34E\xc9\x0fyUyy\x15y\x08,\x97\xf8\xef\x8a\xde|\x1aOb\xf1\xc4p$\xe2\xb6\xccloo#\xff~\xac\x86\xd7\xc0\xa7\xc1\xa6GC\xde\x11\xb3\xba\xb8GS]f5\x8f&lt;\x1c|\xdc\x0e\x17Y\x1an\xd7Ii\x19\xe6\xa9\xce\x8f#\xac\xfc\xd3\x8dzGY\xac\xc3X\x1c\xa2\x15q\x94\x85\xc3\xfb\xffA\x81_Z\x9a\xaf\xae\xb2\xea\xe1\xaeh66\xab{\x82A\x9f\xa6\n\xa8\x1e\xb7\x0f&gt;\xf2z\x81\xd4\xd9\xd1\xf7\xbc\xcf9\xf4\xf0\xb1\x0e\n\xf5\x1c\x8bQ\xf4Z\r\x97\x8cx&lt;\xac\x8f,\x18\x8ceo\x83\xc1 4\xc2\xdb\x19/\x88\xd5\xf4hx\x12$\xac\xff\xbd\xbb{\xa9\xa7Y?\xd4\xde\xd6\xd5\xa27\xeb\xf530\x1d}V\xa7\xb7e0\xa9S\x15\xe4\x17\x9ea\xd1s\n?F\xdaBXnSQ\x1dP\x055}aIWQx7-u\x0e\rG\x16L\xff\xe8~\xf9lJS5\xdc\xf4\xaa\xe1U\xafy8\xbcz\x1cM\xd3O\x93\xed\x9d-M\xedm\xf0\x8b\x85g\xab\x11\x13\xc7\x94}\x081\xb7\x1b\x0fO.\xd8j\xea\xea\x83\xc1\x1e\xb37\x1e\x13\xd2"^"\x1dm{[\xado\x8b\xfe\xde\xdd\xfd2Xi\xf4&gt;h()i\xf9\x1f\xed\xe6\x17\xd2F\xb6\xc7\xf1\xeb\xe8L\x93Q\xa3\xde6\xbb\xd81\x89I\x9c\xc9C\xfes%J\xc8\x9d\xd1\x9bH\x08i\xa2\x06\x82\xa9A\x83\xf1O\x82\xd2\x07\x85\xd6\x06I0\xa2\x89(\x81&lt;\xacO\xdb\xad\x82\xb6\x89\xa5\xc8\x16JCKt\xef\xc2-\x88\x94b\x15\xda\xad\x82-E\xb4\x94\xbeIa\xfbv\x7fg\xa2\x17\xf6\xf9\x8eG\ra\x10\xf2\xe1\xfb\xfb\x9d\xdf\xf9}\xcf9\xf1N\x1e\xff\xfe\xf2\xd5?\xca\x08\xecj\x93\xd4g\xf5\xe90\x82 \xceSK\xe0\xad$\xd1\x9dO\xbf-\xce\xfa]2\x99RYm\x1fy\xf6\xe0\xc3\xab\x8d\xeb\xe5\xb1\xff\xbc\xdc+X\xb4+J\x96\xe6\xe8\xa9\xd6\xa5\xc7a\x9d\x04\xeb\xc8f\xfa_\xff\xf2\xea\xd6\x0f\xe5\xba\xeb\xff\x96\x12:\'\x8f\xc5\xcfE\xe4\x12\x85\xcc,\x91H\x7f\xf8dq\xa9UaVVU/\x9b\x86\x9f|x\xfe\xfa\xa7X\xcc}\xf8r\xef\x04\xea;I\xb1*\x95\xc2q\xf7\x05t\x0c\x98\xb5\xb0s\xfc\xf4\xe9\'\x1d&amp;\xd1\xdd\xbb.\x9f\x90\xc8\xe5\x1e\x02\xc3x\xb9\x04\xad\xf1i\xfdn\x8dH\xf4\xc7\x83\xc5%\x17\xc9\xa8\x94\xd5\xae\xa5\x19S\xf6\xdd\xd7\x0fO\x9e\xfd~\xbc5\xea\xad\xdd\\W\x90\x14u\x8e%!\xe4m\xc3\xab{/_&gt;p:o=\xf0m&lt;\xda\x08\xbbA\xaes\xac\x9b\xe8d]\x182\xd1\xee\xbb\xcc\xdeW\xfd\xeb\x07\x8b\xdd\x06\x15\xc71\xa4\xa1\xceo\xcad\x0b\xc7\xc7\x93^\xafWm\x99[\xef3$\x12\x94\xd9\xe0\x18\xd8\x89A\x10\x89g\xd9l6\xb3\xbah|\xf8\xe4Q\x87\x15\xea\x97\xdb\'\x91\xf2X\xbc\xeb\xd1\xff]/\x04X\xfa\xce\xe6B\xf7\xc2\xc0\xf1\xe1\x83E\x87\x82\xe1h\x8e5\x9b\x95J\xa8\\\x9b_\xb2\xb5\xa6\xd9\xce\xec\xe6}C4\x910\x9b\r\xdd\xf6_\x01\xcbC\xf8\xb6\n\x85l64n\x83~K&gt;!E\x1b\x97r\t\x06\xc9UQ\xf6\xf6\xce\x1f\xf7n\xfe&amp;D$EO\xbb\xed\xcb\x86h\xf7\xc0\xf0(`1\x1cK\xb1\x0c\xc3@\xbb\x95Z\xbf_\x1f\ne\xb3\x8d.\xe8tH3Yt\xd8\x7f\x85\x89\xe8\xc1&lt;\x0f;3\x85\x90\xc52\xd2o\xecp;\xe5:\x9d\xdc\xe7\x93#\xb9*\xca?\xdd+\xc3\xc5\x95\xf7\x04\xa8\x12\xa2#\x87#\x99T1\t\xd3\xb8\x83d\x18\x96\x82\xa1b\x92t*\x05u\xbe\xb1\xb1\xb6\xa5\x15\xb4")s\xa2\x84\xe5\x81qc2\x931-\xcd\x8e\xac\xb5\x19\x07\xa1l\xe9\xe4n\xb7\x0f\xa9u\xa5\xac\xbc\x0c\x87\xec\x17\xc4e\x1cM\x1br\x11\x15M7\x8e\xfb\x15,\xc7P(\xbd\x19\xba$WC\xbd\xdfe\xa0T\x14E&amp;\x12\x89i{\x1eaaXxx/[X\xbe;0\xb3\xd6f\x1b\x84\xc6\xd9\xe9\xdepzJ9\x8fc\x1e\x0c\xaf\x14\xa0\x15L\xefF\xa7s4\xd4\xa5\x86\x11?\x04\x91%A\x19\x1e+\x98\x1a\x83VY\xa3H\xd2I\x15\xa2\x8a;\x06\x10\x16F\x88u]\xab_\xbe\xf4Zf\xc1,\xb6\x1b;\xac=&gt;\x08b\xa9\xeb\xc2=\xf0\x0f8.\xc41\xde.5\x9d\xe3\xb8\x1cw\r\xb0X\x88!K\x99\xc1\xf6\x04\x83\xa9\xa9\xbe\xb8\xa6\x99LF\x824\x05T(\x88y\x1d\x88E\xe0\x92|?\xe4&lt;\xcc\x07\x90\x0b\x1az\xabS.\x9f\xe0\xa7\xa2\x18\x9b\x80)q\xa5\xecP\x00\xb5j\xb8\xdbC\x1c\x93\xe3\x94^\x84\xc5\xb2*\x8e\x01\xb1\x82\xc1\xa4\xcc\xa0\x89\x93\xc1@ \xa2\x82\xe4J\x14\x8b\xa8@\xf0X\x84\xdb6R\xdbX\xaf5\r\xac\xa1\xf4\xb2:uP!P\x13\x81a\x12\x98\x92\x02aEn\x07\x18\x96\xa6\xfb\xd4\xcb\x06\x96\x85\x12AC\x04#\x91`\xd2\xacP\x98\xe9\xc0P b\x86\x99\x88\xb0\xee&gt;\xee\x81\x18\xc1\xe7{\x06\xd7L\xda\xfa\x16?\x92\xcb\xd6euJ \xcfKX\x1e\xe4\x1b+\xfe\xff \xa6\xd3\xfa\xc0\xed\x14\xc5\xe6\xe8(`QH\xa8H$\x17\x08\xe4"4\x03\xf3\x11Y\xc5\x08$&lt;Y\x9c\x9ev,\xcc\x80\\\x18\xf2\xab:\xdb\x88\xa5\xa5^\xbb\x04\x9e\xbf\xbd\xcb*\x87j\x8a\xb0\xc4@%\x10\x16,=\xf3\xc58\x05\xb9U4\x99\x0c\x14\xc7\xd1\x91\\nh~~~%\x02\xcd\x0c\xb2\x8a\xf3\xb4\xc1e0\x14\x8b\xd3\x8e\xee\x81\x17\xdb\xa0\x16J\xedX\xfb\xec\xb2\x16\xbc\xb5\xfd1\xa8%\x97\x94\xd6j\x1c\x97NH\x08\xe8\xa4\x85\xd8\xd6M\x1f\xa9\xba\x95t\x8e\xa1L\x96(\xc9\xd0\xa0\xd5\x10\xc2\x1a\n (x;\xa4\x04\xa1\xa6!\xbb\xa2\xae\xe5\x99\xbc\xa4T\t\xf0p\xdb\x88i\xe9.LFP\xcb\x87\x82\xc8?\x16ch\xaf\xe4_B\xd4\xad\xf4.\xbd\xa0\xccq\xac\xcc\xa2vQ,\x87\xc4BX\x88\x8b\x7f\x13\x84\xf8\x15\xa9\xc8|R\x16o\xb5w\xe80\x0f\xef\x0b\xf1p\xfb\xcc\xec\xac}\xb4\xbf\xfd\x19\xe4\x96\xf4\xa2\xe3\x12cXE\x85@\xbd\xe0|\xf7\x8f9\x96Kj\xbdu\x14\x95\x84IX\x12\t\x92\x9d\xc7\x9b*&amp;\xc8$&lt;K*\xfb~\x1cvOH\xb1\xd2\xae\x03\x1e6\x8e\x8e\xcf\x0c\xb7\x19\x1f\xdd\xf0\xa1\x87D\xa9\x9d\xc71\xe8\x05\x851e\xbb\xca\xe5`\x82I\xd6{[H\x16R\x9e\xce\x95v\x1f\xd0\x0f\x88F\xc2\x02\x19\x04\xd8\xa9\xea\xfb\xb5F\x9d\x04*j\xc9Fc\xd6\xf6\xfe\xe1~\xdb\xe0\xa3\r\x9f\xb4\x84\xc5?\'*\x9a\x84\xd9\xe1J\xeb\x87\x16@\x92@\x83\xda\x02\xab\x0f\xc2\xca\x81^\x81\\)\xe1\x03PO\xafe\xe7\xd6\xa7\xaeY:G\xdd\x98\x18\xd3\x9do\xe3\xe2\xe1.[[;\xf2g\xf2\x92Z8\x8f%\xae\xb8%\xd0\x9e\x8d\xe8(\x1eO\x14\x99\xa0\xb7\xb3\xd9\xcc\xc1\\Di\x1f\xc8\xe5"%\xd1h\xa5=\xbf\xf1\xd3\xea\\\xa8\xbf\x7f\xa3\x12htN~K\x0b\'\xc2]F\x9b\xf1\x06\xac\x89\x13\x13\x18\x06\xe5\x8c\xf7\xd6\xb8\xb8\xecP c\x9d\xd6\xa7\xa69\xaa\xa8P{\xebH\xe8l`}\xe4\x0b*\x9a\x93\xa0\xd8T\xb3\xdd\xbe\xb9\x9eZ\xb7\xb4[%\xe2+\xe2\xd8\r\'\x8e&gt;\xdd\x13\xbba3v\xc1J\r\x99%-a\xf1b\xe1W\x05;/H\xcfOk8\x99\xcc\xe2\xd5\xa2\x82\xca1\x00\x06\\\xf0\x0b%&gt;\xa8\xd2,\xb5\xa6V\xde\xad\xac\xf7n=\xf49u\xd6\x1eXi&lt;\xba\x1ec{\x1b,\x88V\xa7S.AT\xc49\x15\xc4P\xa8\xed\xc0tzW\xe6\xd0\xa8r\xbd^\x8b+\x0e\\\x0c\x97\x04\xae \rQ\x8c@\xfb@\xc55Uc\xeb\xeb\xeb\x9b\xd9\xd5.k\xac\xc3f\xb4ut\x18\xc7C\xeaq\xc8\xf7\x1e\'$V)\xe3\x81\x0b\'\xc4\xd0\xa1\n\xe62\xd2\xfa\x95\xfa\x06\x9a\xabS\x9bZ5\n\x96\x81\xe9\xc8\x0f\x90\x8b\x83\x9e\x82TT_\x9b\xdb\xdc\xec\xcdfW\xdb\xc1\xeb\x0f\x1a\xdbm\x83]\xc3\xb5\xeaQ\xe8\x1e|\xb0J#\xb1x,\x1c5\xce\x02\x1e(\xa6EG\rU\xb2f\xad\xda\xe4\xd7(@.3Z\xafQ\x8aq\xac"\xae\xd1\xd4\x17\x90\xb7_-\x14\xd4m\xd6\r_\x0f\x90Y\xad\x83#h\xff\xa1G\xceC\x11\xfcJ\rb\xe1\x15\x95o\x85\xdc\xa4&lt;\xaa\xaekiY\x06\xac(\xc9\xaa\x18\x15\xac\xd84\xccIF\xa6h\xae\xef\r\xa9W\'\x0b\x19\xef\xeaj!4\xda\xe1\x93H\xa0Gv;\xc3\xb6\xd160\xfa`\x84\x90I$\xf8\x18B=\xad\xb8)\xe4\x19\xba\xe8\xa8OV\x95\xd0\xa8M\xdaf\x05jN\x01\x0b\xa0\x18UUC\xed\xe4\xa4\xba3T_\xd7j_\x1b\xf5\x9af\xdb\xac\xc8\xc1B\xb7\xa7swA#\xef\xfb+\x16X\xb2W\x82\xde\xff\xa9I%sAU\xc8\xe4o\x06\xab\xca\xa8TPV\x19\xd6\xdc\xd7;\xb9\xba\xd5\xa9m\x89\'?\x7f&gt;\xf1/;\x16\xd0\xaewX\x82U\x96\x95cR\x1f\x94,9Z\x0c\t\xbe\x7f(a\xe1o\x85\xbd6r\xb4\x02\x93.\xa4\xf6\xbb\x14\xc8c\xc0\x92\r\xce\xec~\xef\xe4\xd6Vgc_\xea3P\x9d|&gt;\xd9?=\xd898\x00\xae\xf2\xca\xa6J\x9c\x88\xf9\x9c\x7f\xc5\xaa\x10\x13W\x85\xbe\x95Ts4\xbf\xb2\xe7\xf5\xb7\x1a(\x92$\x15\x14P\xc9\xe62\x93\x93\xd9\xb1\xa9?\xbf!\xaco\'\xfb\xdfO\xcf\x0e^\xec\xe4\xf3aiey\xf9\x0fW\x08\xa9\x84\xef\xb4.\xb0\xc4\x046\xf1V\xe0\xcb?i\xb0\xe9\xfa\xaf\xa0V\x14\xa2\x08`,K*\xe72\x19\xa0\x8aO\x7f\x83\xf1f\x7f\xff\xe3\xe9\xe9\xe9\x19:\x17\xdb\x96\x13\x95M\xe5\x15\xf8yZ\x9dcU^\xbf\xf9\xeau\xcd\xdf\x04\x1f"\xd1nF\xeb\x8a\x92%,\x8a\xec\xcb\x16\xe6\xc6\xa6\x8a\xdd\x00\xf4\x11\xfd}\x04\xb1\xb6\xb7w\xb6c\xe1\xb0G&lt;\xd1T\x0e\xf2\xfco\x00\xd6\xcf\xcf/\xe9\x1b\x07\xa2\x9a/\x96\xd6\xa8\xa2\x8a\xac\xa2\x14\x14\xa8\x95-l\x8ei\x16\xee~\x04\xa4\xd3\x03\x18\xe8(\x7f\xfbl\'\xbc\x1d\xc6\x08\xb7\xaf\t\x17\xa3q\x81\xd5\xf4\xfa\xb2\xbe\x06!\xd2\xbf3\xb9\xa2\x06\x85\xac\xcaL\x82]\xac\xea\xdd\x1c\xd3\x9a\xbe\x7fG\xe1\xcb\xe7\x0f\xce\xce\xceN\xcf\xf2\xf9\xb3\x83|\x87\x13\x93?{$\xaf\x14\x8b/\xc0\xe0\xf5\x9f\xbf\\\xda\xcdS\xd1\xd7\xceV\xb0\x13\xa4\xd9\x8c\x92\xabonl\xce\xbb\xd6\x0fX\xfbo.\x06\xc8\xb6\x1d\xd3\x11\xf2\'\xc3\x0f}\x18b\xc2/\xb8~\xbe\xbc\x8b\xba\xa2;\x05?\x92\x8b\x94\xc9\xa0J\xc8\xc6RS\x9b\xa1\xef\x1f\x01\xea=\x0c\xf4\xfaf\xff\xfb\xc1\xb6\x8e\xc0\x9dP\xe37\xa4D\t\x8b\x0fb\xf9\xe1\xe5\xdd\xd3M\xeb\xbfX\\\xd1\xa8\x81\x94A\xf1b\x19\xe5\x94J\xf9\xe7\xc9\xb7\xfd7\xef?\x7f=y\xcf\xa3\xf1jy\xc4X\xccf\xeb\x91 \x91\xf0s\xb1\xae&gt;\xbf\xbc\xdb\xc3\xe9\xff\xf2r\xfe1M\xdfi\x1c\x17\xa1X\xf8~\x8b\xad\x94\x96JK\x7fq\x10,\xd0vkZ\xac\x15\x8b\x97\xa6\xb1--i \x8d\x95\xb6\x1c\x84\xc6\x01b\x11cO\xc9\x1d\xe1\x06\x9aE\x08t\xa7\xc1\xfa\x03\xae\xeb\\\xa6\t\x02\x06\x95\x1d\x11%S\x89\x97\xed0wrKnn&amp;\xb7\x9b\x99q\xcb\xd4\xbben\x7fx\xf7&lt;\x9fo\x81y\xbb\xdd\xcd\x8d\xee\x03-\xfc\xf9\xca\xfby&gt;\xef\xcf\xf3\xf9\tQ4\x14\x95q$\x10\xc4Lpy\x18\x1d\x15?{r\xef\xde\x93ON}\xfa\xc9"\xd6\x9b\xd6\x1c*#\xddn\xb1\x13,\x8c!|\xa8]k\x93x\xd8\x9a\xfda\xbf\xca\xc0\xa1\xa5\x99\x90^\x98\xf6[\n\x15`\xf7\x85O\xa0\xdd\xfb\xe2\x8b?\x7f\xf5\xd5?\xfe\xdax\xae\x04\xab\x98\x12\\i#\xc6\xc0`%\xf3\xac5\xb1\x08\x83\x10\x92\x8b\x86\xce\xa8\xd5\xe2RjE\x85VK\x17\xa94\xc1f\xbf\xdadR\x9f\xb5\x1c!K\xb80\x03J\xcfHO\xf4\xc5\x0cj\xe5*\xe5\xef\x8a\xa2\n\xc2(\xa5\xcbh\xadV\x02QDk\xd5\xf1T\xcef\xbf\xdf\xffF\xa5\xd9\x04e\x03\x14Y\xab\xabp\x15w\x11*=\x83zq2\xa9\x07\xf9\xd9\x93a%pI\xcbtR\x89\x9c\x96h\x91*O\xba\xcdp\xb4\xa7\'\x18lj\x0f\xb6c\x95\xe5\xce\xc2:yI,\xf8\x87\xdau+\xa9j\x1d\x9a\x0c\xc7\x95\xaar\x1d`I3\xb5\xb4\xb4\x0cGH\xa9tgym\xadjDst\xa4\xa7\xa7\xd9_\xed\xc1\xfa}5\xf2\xb0\x18;\xa5R\xae$\xf7\x9a\xc8\xa1O\xc3\xe1\xb8\xa6\x16&lt;\x15\x802\xe9L\xf8\xca\xfc5\xd8\x18\xed\x93\xf3\x8b\x0c\xe5\xb5G5?\x87Z\xd9]\xf2\x0cVF\n`\xadJ.\x96+\x1cv\xea\r:\x0e\xba\x976\x0f\xfc+3O\xd1\xbd\xe3`w\xa7\x04\xcfM\x8d\xfc\x12\xb1p9&gt;g)\xb52(V\xf2\xb1\x02\xfa8p\xf1t;wB\x18a\xdeSQ\xb1\xa5\xbb{\xc7\x0e\xb9\\!-\xdaV;\xd2\xf3\x9b\xd7M\x8dF\xf77\xb1(0\x89$\x07q\xd5\xef\xb8\x06}8\xee\xe4\xf2t\x98]\nmEaaw7\x9e\xb6\x01\xb9\x8a\x8aF4\xbfx\xdd\x84\xab\xa5\x90\xf4KT\x14\x84\xf2Jr\xafF\xb1\xdf3\xf0xz\x98Vpy&lt;]\x99H\xa2-\xdc\xa2P(:\x0f\xee8x\xa6S\xfe\xabrUO\xd0O\xb6\x08\x88=\x90\xbeH\xa8X\'\x92\x8bUz\xc6 \xd4\x89\\\xe11\x17\x97\'\xd4I\xb5\x85\n\xb9|\xb8\xff\xf2\x99\x83\x07;;%:\x91\xa6\xa7\xbd\xb2\xda\xe2p\xefY\xbdX\xd1P\xa4\xbc\xa1N\xaeM\xeaE\x1f\xc0\xe2pt\x06\xe0\n\x07DB\x9dD!\xf7\xb5\x0c\xc7/\r\xb7\x0c\x0f\x0f\x8bE"M{\x93\xc9a9\xe7\xce\xa1\x98!\x9ab\xa82X\'\x93{\xff\xa8\xf4r-\x0c\x89D\xafp?W\xc6\xf1\xf1e\xbd\xbd\x83\xbd--\xc3|\xb1P\x14\xd07\xfbM\x8es8V\x03\x15E-Q\xb1v%\x17k\xede\x83\x94\xa6i\x1er\x8d\x85/y\xc5\xfc\xde\xe1\xde\xc1\xcb\x83\xbdb\x99L\xc6\xd5\x04\x9b\xcc\x17\x8f\x9c\xcbO\x85\xceG\xc1\xec\'u\x19+\xa9.\xbf\xeaVo9\x0c\x88\xb4T\xa8r\xc5\xc7fA\xb1K\x83\xbd\x83\x83\x97.y\xbd\\\x99\xb7_\xd9\xec\xbfx\xf6\xc8\xd5\x9cTr{e\x89\n\xb8\x92\x8b\xc5\xbe5h\xd8)\x05S\xe7\x08\x03J\xe0\x9a\x9d\t\xf7\x0f\xfe\xe9\xefa\x980\xc6\xfb\xfbgf\x0eO\\&lt;\xf2vv*\x95\xf2,UF\xc6\n\x1f4\xf8\x16\x96\x17\xa6&gt;\x12\xad\x84\xa6\x81+\x1c\x9f=\x8c\'[\xc6@\xb7\xd9\xd9\xf8\xcc\xe1\xc3\x13g\xcf^]_\x90\x9d*`\xa8~*\xacC\x1f\x06\x00\x0bJ\x1a\t\x9f#\xe6\xc2843;qz\xe2\xca\xc4\xc4\xc4\xe9k\xa7\xb1]{;\x1b\xef\xe1\xa50T\xa4\n$\xe3\xe2\xf6\xa4b\xad"X\x99\xb8[M#\x97+\x1c\x8f\xcf\x00\x12\xdeC\xbazm\xfb\xd5\xed\x9b\xb3\x0b\nR\x05\x02\xd2\t\xc9\x0c\x03\'\xf9@\x96\xc4\xe9\x18\xc1\xd2\x97c-\xa3\x05\x17\xf5qd\xde\x80\x8b\xb4\x19\xff\x91\xabx\xbdmkv\x01^\xedL\xa1\x16\xbd\x81\xf5\xd3`\xb1\tV^\x9eB+o\xf1\xa1Sq\xb9\\/|\xb8\xfa&amp;\x8b\xb5\n(\xd2\xd2\xd6\x10\x90e\xad\x90\x8a\x95\xf1\xe2d\x12_=(\xdd\xf7\x1e\xd6Z\x99\x150\x0e*\xb4\xb4X(\x13\x01\x98L&amp;\x16\x0b\x85\xaa L\xc1\x98\xed\x1e\x16\xb1x\x06\x8aY2e\xa5\x9e|\xff\xfa\xa9$Y*\xfb\xd4\xc3\xd9\xa3\x88\x95\x07Tr\x05\x91\x0b\xb0D\x80\xc5\xe7\x08y"\xa5\xff\xcd\xfdU\x89tb\xb4Z\xb3\x88\xc5\xc2;\xfc\'\x92\x12I\xf6\xbe\x87So\x8c\xc0l\x1f\n\x1a\x1c\xa2\xe5&gt;\x94\x0b\xc3\x08z!\x96\x81\xeb4\x1b\xf7W\xa5?K\xc5\xc4\x92\xbc\x17q"\t\xfd\x91\xbd\xf6\xfak\xe7\x9a\xf5\xe5\xdbvJ\xa1\xf6St\xca\xe5\x12&gt;\x8fD\x11\xf4\x92\xf1\xf9\xc0\xc5u5\xa9\x8d\xf99\x8b#\x0ek)\xb7X\x8bg\xe5W\xbc\xbea\xb3o\xcc\xff\xcb\xdf\x8e\xb9\x05\x0e\x81E\x96\xdcG\x8b\x01\x05R\xde\xeb\x95\x89\xf9\x10PU\xb0\x92\xacyS\xcf`\xb1\x96\xb1\xb6\xde-]\xd9Cx\xecu\x1f\xcc\xbf2\xd1\x8cXP\xc5#\x97\xb6\xb3\xc5\xc7\x11\xe3\xd9W\x04\x83\xfc\x92\x89\xf4M\xd5F7bQ\xdf\xc8\xf8e\xac5i\x82\xf5wKW\xaeC\x1eZ\xf7\xd6?\x1f\xcd\xcf?h\x0e\xb6k\x0c\xb84\x02\x13j\xadD\xae\x90\xd3|\xb1\xc8\xebE\x8b@,\xae\xd2l\xb1[\xf7\xe4\xac\xce\xa1\xc8\xf2\x03n\x14$TK\x9c\xb3\x16\x08\xb2\xdf9\xb5BNq\x88\xfd\xd1\xa3Ph~~\xfe~0\xd8\xac\xc19\xb5\x04\xe6\xd3r\tX=tF\x99\xcc+\x83(ze\xbd2nP\xed\xc1\xc9E*\xd9\xc9O\xcf*)aN\x91,\x1e\x87%\xef\xa4\x086\xff\xed\xad\x95\x88$\xfb\xc6\xd7\x91\x9aP\x04\xb1\x9cN\x0c\xa2\x0e\xd7\xb7\xe4\x12\xd2\xa0\x0c\x94\x89d W\x00B\xa9\xf4[\xdc\xf9{\xf6d\xe5\x14\xe0&amp;A\x96\xdd\xe3i \x07\xba\x96s\x8b&lt;\xf6\x01\x8a\xdd\xfa\xb1\x82A\xa6?]\x08\x11\xb1\xe6\xef+\x9d\xed\xca\xda\xf2\xa22&lt;!\xa8\xf5\xc9\xa1\x8e\xa0}X\xffy\xbd\x01}\xc0\xa5l\xaa\xb6\xbb\xc9F]\x0e\xae\x8d\xd8\x1d\x96q\x8bg\xff\xfe\xac\xc5M;\xbc4\xcf\xbc)#81\xf9\xe3\x04c\x7f\xf4\xf9\x9d\x81\xdb\xf35\xb9\xf3\xf3\x91\xc8\x03\xa52\xa8\xac\xe5\x15\xe9h\x1a\xb8\xe0\x8b\xa6948\x03\xe1r\xb9\xda\xfd\xd5\x16\x8f\xdd\x8dg\xc8\xd2\xabJ\x1a\x1c\xd5\xd5\xd5\xe3FOC\x16\xeeC1\x07)\xd3\x98\xf7n \x92\xeb\xff\xf2\xc3S\x0c\xba\xdf\xe77\x07\x00+RS\x13\x81\xf6e\\\x13T\xaa\x10\x0b\xa8$\x12\x0e\x88\x85\\\x1c\xe0\xe2\x06\xf4\xae`Se\xa3\xc3cG\xb9\xb2\xf6\xdb\x1d\xe3j\x06\xab\xa4*\x81\xb5\x04En\ro\xbf\xbb\xef\x07uJ\xf4\x84\x9b\x03\x03\xc5\x03\x03\xb7C\xb9\xb9\x88\x15\x19\xd3;5\xaa\xf2\x84ZP\xa3B\x95\x8a``\x13\xe0\xf6d_\x13\xcfE\x01\x98\xd5j\x1cW\xab\xd5\x7f\xb0\x00\xe6\x7f\xc7\x02\xe5N^\x7f\xfe\xf7Q\xd8\x10&gt;\x80\xb2\xd9\x12X!\xc4\xba\xafw\xea\r\x06\x9e\x8e\x83X\xc8E\xf4\xe2\xd0\xd8!E*\xbd2\xd8lVW[,F\xab\x15Bh\xaaT\xa3Z\xd6\x92\x1c\x06+\r\x9f$I#D\xe4\xbf\xb4\x94\x82\x13\x7f|&gt;0\xf0\x84\xaf\tT[q\xf4N\xf4v$7\xb7&amp;\x12\nE\xbeT:\xf5\xaae,Hx\x80\x02,\x00\xe3\xa0\x9b*\xdb\x9b\xfdfS\xa3\'\xdfj\x04\xaaE,b\x11hZ\x84J\xd0\'\xe8\x1b\xea\xeb\x13\x90w\x95R\xaf&lt;\xc7&amp;BB\xa9\x81\xe2b[]q\xf1@\x14\xd5\xaa\x01\xaaPhLI\xb0t\x1c\xec\x8b\x12"\x15\x9f\xcf\x81\x1f\xf8\x87\\\x0cq\x06\xfdh\xf4\r\x0e5`\xfd\x1e&amp;\xd8\x1e\xec\x89\x88\x95F@\x00i(67:\x1a\x1b\x02\xb4&gt;\x81@\xb0\xf5\xca\xf7}\x82\x07\xa1 t\xc5\xd1b[[]\x14\xb0^\x05\xb5rC\xd8\x1e(\xf5"\x03O\x08\x02I|\x12\x1f`\xf1\xf9\xf0K\x9aX\'\xe4A\x1c\xdb\xcd\x8dv\xab\xd5\xd3h2\x99+\xd5\xe3\x16cC&gt;\x1e\xb0\x01,\x01FN0\x14\x8b\xcd\x1do\x1d=0\x1a\x836D\xd8\xb6\xbe3\xf9=\x14+\x05\xa8\xa8m\xc0\x86T\xb6\xb6\x8eht \xfa\xb8\x06\xb0P\xaf\x9a\xdc1\x95H\xc4\x13B\x14i\xbe\x8f\x88\x05S\x7f\xb1\x10\xea-&gt;\xb9F\x03\xf3W\x93\xc3mu\x1b\xab\xf1\xb8\x81z\xdc\x011\x04\xb5\xa8\x0c \x02\xb5\xfab\xb1\xa9w\xdf\x9d\xae?\xd6z\xe1\xc2\x85Q\xd2\x90m\xf3\xfb\x93\xff\xa7SBNE!v6[4\n\x7f\xdb\xea:n&gt;]XXHp\xd5\xd4\x84\xee\xeb\x11\x8b#\xc6\xd8\xe9\x80I\xa8\x13\n\xc1\x1f\xb0@\xc5[4\x90\xf3\x8d\x1e\x10\xcbb2\x9b\xcd\x10C#\xda\x05\x1e\x80\x03*\x81`hn\xee\xf8\xf9\xf3\xd3\x8f\xeb_\xdex\x0c\xdao\xa1\x11\xba\xd8\xd0\xdc\xc7\xff\xcb\xc6P)T\xa9\xceV\x0c\xad\xa3\xae\xae\xf8\xceB\xd7K\xbb\xef&lt;\x82\xe4\xda@\xd0r\xc3"\x1e\x06\x11RI\x88H&lt;!\xc1"\xe5M \xe0l\xf7\xab\x1dn\xb7\xc7\xa16\xfbA\xacF\x8b\xa7\xc1\x9a_\x92\xb3\x9a\x12\x0cA\xa2\xc7\xe6\xa6\x8eO\x9f\x9f\x9e~\xf5\xd8\xc2\xc6\x03\xf5\xf5\xad\x07\x0e\x1c\x83\xdfc\x84-6\xf7]\x8a\xb1\xb1\xf7!\x0eh\xd5Q\xd7\x81\x7f\xeet\xedm\xab\xdb\xfb\xd2\xd3\x1b\x91\xd0\x86\\\xa6\xdd\xe72T\x88\xc3\xe3\xf1\xb6\xe1\x97H%\n\xe8\xf5.%R\x81\xcf{\xc0\x1c@,5\x8a\x95\xc0\x9a\x1b\x02\xaa\xa9\xe3\xc7Q\xac\xcf^&gt;\xb0P\xdf\xba\xf1\x85M\xad\x00\xd6Z\xbf\t\xf9\x00mt\xea\xe3S\xdf\x02c\'\xc2\x97\xd0\xaa\xcd\xd6\x01?\x0b]mu`\\\xb6\xa7\xebP.F\xad\xdc0`\xd1\x84\x8b\',\x07&amp;\xf8`\x85\x1a T`\xf3F\x87\xa5Q]i\xae4U7\x82\xc5[q\x8c\xa4bs}\x0c\xd5\xf4\xf9\xd7\xce\xe7~\xf6x\xa1\xbe\xfe\xe5\xdd\x9bZA\xad\xd6M\x1bw\xbf\xb0\t\xd1 \xa2S\x0f\xff\x13\x0c\x86\x99(F\xae\x83\xa1j\x03\xc1\x06\xba\xba\xba\xf6\xd6a\x8a=]\xf7A$\xc4@\xbd\xb2\xe1\x81W\x08\x8e\xb0\xa8\x96Ae\x00\x7f]\xc22\xa9\x1ba$\x04s`\xba\xa1\xbd\xc1\xfe\xef&amp;\xce\xe75\x913\x8c\xe3\xfe\x03\xad]\t\xc1\x85\x1c\x02\xe9\xc1\x1f,\x0bS\xec2L\x0e\x9b\x85L\x87l\xd8\x94\xd5\x9d@0\x89\xb0\x18p\xd7\x9d\x89(\x16$\x90\xc3 \xcb\xb0\xc1t\xf5\xa0\xb1\xb0%B\xf7"\xb2\xd4\xa9% \xb9x0\x04\xf1\x12\x12\xe8A)B\xf7\x90\x04\xd3$\x04\x03\x8d\xe9\xf6\xfb\xbc\x93l}\x14\x93\x880\x1f\xbe\xdf\xef\xf3\xbc\xef\x80o\x9e&gt;\xfd\xee\xcbG[k\xe4 YX(t\xcf\xb9\xf3sMK\xf3\x81@.\x93K\x04\x88\x8b\x17\xc8S\xf8\xd9\xfcc`Ez\xfd\xfa^{\x17\xb2D\xa3N\xa7\xdf\xa4r\xae\x1f\x14\x19\x96scJ\xd9\xb5\x91\\.zH\x92~8J\x93j\x04s\n7\x15\xac\xdc\x84\x05\x13\x970L\'\xc6\xc7\xef\xd3\xb7~\xc6a\xe1\xec\xec\xe3\xc7X\xbb\x1f\xe5iVQ\xb0\n\x05\xb1\xabA(\x8eW5N\r$2\x95\x0cqq\xdc-X&amp;\xd3\xfc\xf3\xf6_\x9c\xbd\xbeW\xff\xc79\x15\x05\x14\x05*\xba\xe1\xf4O1\xa8\x98?\x16\xc3\xab\x12\xdb\xb5Y\xdb\xcb&gt;I\xb7\xebvI\x92\x8d\xbf\x86\x86\xb0\xda\x8c\x90\\\xe0rS}\xe6\n.\x80k\x82\xc4\xa2Q:;Kh\x9f6\xb3\xa6V\xa2\x08\xad\x04\xde\xab\xaa$\x90\x10H\xe46K\xb9\x1b.\x02c\\\x99\xaa\xb9T"T\xeb\xa6T\xd1(\xa4\xda\xd8\xddh\x1d\x14\x8b\xc5\xd5X4\x1a\x0by\xbd\xde\xd5X\xcbf\xb5\x9e-\x93R$\x97d\xec\xcdc\xb8\xe3\x9e\x82\x0e"2\xacE\xd3\xc5\x99\'\x11\xc2\x82V\xac\r\x113\x04m\xfa\xd3\x0e\x83\xca\x97E\xb1\\\xee]\x0b\x9a\xaa\xa1\xd2\x9a\x9a\x0b\x87K\xd9L.,\x90\x8f\x1c\x03\x05)\x14\xec\xd3\xf6\x15\xa1\x9a"\xa4ht\xca\x8f\xe9\xb9q\x10\n\x11\x95\x12u*\xab\x84\xe5]]\xaf[\xadhF\x10!]\x92,\x1d\'\xe7\xd9\x92c\x86\xcb\xfd\xb3\xdb\x8d\xbb\xfd\x99\xb1\xb1\'\xa4\xd6\xc3\x89\x89\x85\x05\n\xd9\xe4\xf4\xf4\xe4\xe4\xf3\xc9Oy\xf2\xaf\xd9,\x8br\xb5i\xd4\xae\xbd!MU\xcf\xd3\xe9\xf4\x81\x00\x82\xcd\xcd\x0c\xba1 0.\x9ee?W\xa9\xe4\x8f\x7f\xb3\xac\xfb\xc9@\x0c)@9[\xab\xc5"\x93\n\x19\x83\x85Ep\x85\x8a\xebm\xab\xd5v\xb1\xef\x03\x11\xfa\xd1%\xb9\x0e\xb7\xe9\x80\x1d\xc3\xba\xfb\xec\xd9\xb7\x84E\x91_\x8a\x04\tk!\x18\x0c\xd27\xe5\xa7\'\xef\x8f\xdf\xff\xa5JP\xd5j\xc10\xca\xf9\xeaE\xe3mH\x13x-MXj S\xcafac"\x1c\x16\x98\x8f\xe8I\xf4g\x02K@\xde\x02\xad\xa2)@M\xadcL\xc5\x94"\xa5J\xf1+1\xaaU"\x8c\x11\x965~\xb6\xef\x92ei\x99\xb8\xf4\x0f/_\xce\xcfS\xc0F\xc9\xc5\x07\xee\xaf\xd8\x89\xc4\xa5\xc8\x0bp\x05#\x91\x08\xc3\xa29\xf1\xbeOP\xe5\x82h\x18\x85\xad|\xaf\xd1\xb8\xd0\x84\x80\x9af\xa5\xf1\xe1\\%\xbbVJ0\xbdx*N\xa0\x88\x85\xe1\xa4\xc5\x1f\xf5\xa7RN6\x0e\x14\xbf\x1fX`\xf2+\x8a\x123\xc9\x90\xfaU\xc2\xb2\xd1L\x95E\x17q\xd9\x8d\x1f\xde\xbd\x04\xd9\xd0\xbb\xf9;w\xdc\x0f\xee\xdeeG%iDD"KKp&gt;G\xdc\xcc\x00\x00\x02\xe8IDAT\xf3\x05\x9d\xe4|&gt;\xbe\xf0\xa6\xdf\x84}\x05Q\xd4\x8dB\xbed4:\xf5^@\xd04\x13K\xf5\x02\xac\xb2\x06.\x0cU\xf0\x08\xb0\x91\x9c\x0c\x93\x93\x16d}\xb7EL\n\xa8\xc8Kb"(\xf6\x86BN\xb6\x91y\x9b\x156\xda\xc5\xae\x0f\\v_\x7fo\xdb&lt;\xc49\x84\x8e\xbcCK\xe2\xe8\x1c3rllff\x11\xfb\xe7\x87\xdfO&gt;\x7f\xff\xe6\xb0LR\x19\x86]\x07U\xfe\xa4\xd3\xa8]s,\xf1Z(\x1d\xc2S\r\xe7\xb2\xc3\xc3\x15^\xe0\xd0\x9c\xdcMG\xb2Ya\xd9\xfd\xbb^o\x11M*\x95\x8a:\x1c\x1e\x8fG\xf1\xb0r\xd0\x1fd\xe4A\xddF\\\xf1\x7f\x97}\xb2(\x81\xcbg\x97\x9a\xa7\xa7WWG\xdb\xdb\x90\xec\x8b\x91\x91d\x92\xdd\xff\xcc-..\xce\xfd\x98L\xce\x8d\x05\x11\xf9\xdf\x7f=\x14i\x80\x1a:i\xb5S\xe9tNj\xb5\xb7&lt;\xa7R\x1f\x01\xaa\x18\xba\xc1Z\xcb\xa9\x9cF\xd3L`\xc1\xe71i\xc3\x16\\\xb1\xeeL\xb1r0\x92\xcfP\x0e\x0f\x83\x8c\xb5\xea\xf8\x0c\nr\xc1F\xec\xbc\xb0\x97\xa8\x96}\xd8R\\^^\x12\xde\xde\xd1v\x92\xd5h2\xb9\xbd}\xb4\xf7\xe1\xb0\xdf\xefS\x9e\xca\x94*]\xd7\x0b\xcd\xad\xca\xf1I\xa7\xd6\xa8\x9d\xf1\xe8:\x0c.\x80\xe1\xc1\t\x89\x126\x83\xf0\x11\x1a\xaaB\x80|\xe4)_\x82\xc5:\x80\xb5\xb2\xe2\x18,\x13Pi\xc5\x19\x16f=u\xa3l\'\x1f][\x92K\xf7a\xee\xa3p\xdd\xcb\xe3\xd3\xab\xa3\xa3\xab\xab\xd3\xd3\xe3K\xdd0\x0c\x91\xca\x10o\xa8\xc4r~\xa7\n\xaax\xbdv\xc2s^0\xa9\x90\x0bX^!Q\x81\\\xc3_\x7f\xb3UU\xd3X\x1d\x03\xd4\x93H\xd8\x00\xd6\n\xa8\x08\x0b/+\x03\xb2y\x1cX|L\xb9\xda\xfb\xfb.L\t\x1fU\xb3JP&gt;\x86\xe5\xd2\xc1\xe8\x12/u@\xcb\xb2(c\x9c\x13\x95\x8e\xc5F\x96AUh\xee X\xc0\xb2\xc5\x1b\x1a\xe75+\x84R\xf9pf\x93\xe4\xca\xbe\xfa\xd8\xe9\xedc\xa2a_A\t\xe3,\xd4d\xc0ZI\xad\x98\xc5\x98L(\x87\x87\xf9z\x8be\xc3\xf0\x02\x97\xe4",)/\xb9&gt;\x17\xfd*\xc9v\x9d\x98\x08\x0c%\x1b\x12\x83\x93@U\xdd\xda\xeaQ\xde\x81\xd5N\x93RL+\x88\x05\xcf \x17qm~l4\x1a\'\xd7\xe7\x00\r\x07\xa0\x97\x05WcX\xb7T\x83\xfe\x01q\xc5\xe3\',\x1b\xc3\xb2\xd5/.z\xb8\xbf^\xdew\xf9\x9a]\xc9%\xddB\xd1S\xd4u\x93\x8a\xb0\xe8\x07\xb4\x12\xbbb\xb7\\n\xe6\x8f\x1b\x1d\\\x16\\\xc0bDER\xcb\xeb\xc58`r\rg\x7fB?\xd4j\x8dk\r\x1b1L\xb1\x1b\xac\xff\xc5\xba\x89:\xda1\xc5\xf0\x94A,\xeaH[&lt;\x1eo\x9f\x1dt\xcb\xb2\xc4\x8a\xc0\x18\x16\x043\xc5bl\x92\xd8\xc5\x07\x8c\xeb\xe3^\xaf\xd7\xa9Q\xde\x89\xab\x9d\xa6\x0e\xa4E\x8d\x16\x10r1Wbr\xbd\xea\xd4\x18\xd7\t\xc0\x02\xe1\xc0\x7f\x85B\xf2y}s5\xab\x00\x00\x00\x00IEND\xaeB`\x82'</t>
        </is>
      </c>
      <c r="M430" s="3" t="n">
        <v>45492.67697916667</v>
      </c>
    </row>
    <row r="431">
      <c r="A431" t="n">
        <v>1067671</v>
      </c>
      <c r="B431" t="n">
        <v>1961</v>
      </c>
      <c r="C431" t="inlineStr">
        <is>
          <t>Matheus Martinelli</t>
        </is>
      </c>
      <c r="D431" t="inlineStr">
        <is>
          <t>M. Martinelli</t>
        </is>
      </c>
      <c r="E431" t="inlineStr">
        <is>
          <t>VOL</t>
        </is>
      </c>
      <c r="F431" t="inlineStr">
        <is>
          <t>VOL</t>
        </is>
      </c>
      <c r="G431" t="inlineStr">
        <is>
          <t>VOL/MC</t>
        </is>
      </c>
      <c r="H431" t="n">
        <v>176</v>
      </c>
      <c r="I431" t="n">
        <v>8</v>
      </c>
      <c r="J431" s="2" t="n">
        <v>37168</v>
      </c>
      <c r="K431" t="inlineStr">
        <is>
          <t>Right</t>
        </is>
      </c>
      <c r="L43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ff74cfba-f4d5-452c-9ab9-8d792749d5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{lX\xd9\x00\x00\x00\tpHYs\x00\x00\x0e\xc4\x00\x00\x0e\xc4\x01\x95+\x0e\x1b\x00\x00\x03\x00PLTE\xff\xff\xff\xa9\x84r\xca\xac\xa1\xcf\xb5\xab\xb0\x89z\xcc\xaf\xa5)#"\xff\xff\xfe-%%0)(\xb3\x8c~\xc5\x97\x944-,\xb6\x83x\xfd\xfd\xfd\xad\x87u:/-\xa8\x81n\xa0xe#\x1d\x1c\x96oZ\x92iT2XU+GG&amp; \x1f\x1f\x19\x17\xa3{h\xbf\x9c\x92\xc7\xa9\x9f\xc6\xa6\x9a\x92lY\xb5\x83\x7f,MM\xa5~k;32\x8bhT?66\x9bvc*!\x1c\xbd\x98\x8c6+(\xd0\xb7\xae\xb9\x84\x81\xfb\xfa\xfa\xed\xef\xf90$\x1f5(#\'\x1e\x1a/SQ\xb8\x88\x86L&lt;:\xc3\x95\x8e(EDq&amp;4E84\xb7\x90\x83\xca\xa9\x9c\xf8\xf5\xf5\x96q^\xeb\xeb\xf3\x857?@30\xa7}m\xcc\xb2\xa9\xf1\xf3\xfa\xa1sa\xb6{wrVN\xadwt}/9\xba\x94\x88^\x1e-\x99s^.LG\xe8\xe8\xf0&lt;,&amp;\xc3\xa2\x98\xa4uo\xcf\xb2\xa8\xb3~}\xc4\x9f\x93\xbe\x89\x85B2)\xc1\x8e\x8b\xb2~r\xbc\x87}\xc8\xa4\x94w)5502\x88d[\x9bqk\xe6\xe5\xeb\x83YSlRGv_`\xacwjc$1\x83/&lt;!?A\x85dT{^X\xe4\xe2\xe6\\F?mOO\x91aS$==\x8b;B\x9ema\x9aiY\xc8\x9a\x9b\x81_P\x94kj\x87fh\x90nah\'5K53\x8b^R\xb5\x8f\x8a\xba\x98\x93\xb3\x80v\xa7sfLBE\xaf{x\x96sdoZYM&lt;2UB9y[O\xaa\x84\x80\xad|o\xbb\x8c\x81\x8dh^\x90trT==D::\xbe\x8f\x86\x7f8&gt;\xad\x82ryVW\xb8\x94\x8dF3-\x82``\xd2\xba\xb2`IH`PQ\xb2\x8btfMD\x87pl\xb0\x8a\x83XML\xa1|x\x9f{h\x9e\x84\x7fhMJ\xa8\x8d\x87\xb2wnyUI\xed\xea\xeaG&gt;?\xbc\x9f\x99\xe0\xdd\xe2\xbb\x81y\xd9\xbf\xbbVC@\xf2\xf0\xf1|hf\xeb\xe1\xdf\xc6\xab\xa5\xc2\xa5\xa0\x9bzu\xd6\xd0\xd2\xab\x84x1PK\xb8\xaf\xafU;6eE@\xb5\x8ew\x944FeVV\xc0\x8f\x91\x93}y\xdb\xc9\xc6\xcf\xa5\xa3_KA\xdd\xdd\xec\x97[e\xd2\xd3\xe1\xaf\x95\x8f\xd7\xb8\xb2WEGQHI]?9\xbb\x93}\xa6\x81y\xdc\xd8\xdc\x9e9P\x9bow\xd0\xad\xa6k\x1f1e_^\xc7\xbc\xbf\x9frU\xc3\x9d\x8a\xd3\xb1\xad\xc9\xac\xb0\xbf\x97\x82\xa5gr\xc8\xc5\xc5\xc5\xb3\xb8\xa6s~\x8cX]\xa2\x9a\x96B_]\xa1\x80lWUV\xe7\xdc\xd9uME\xce\xc7\xcc\xb6\x89\x95\xc8\xca\xd7!98\x9e[p&lt;SNt&lt;0dxwNhh\xac\xb5\xbc\x94\x8f\x8f\x82{|keh\xa9\xa6\xa5xrr\xbb\xa3\xaa~KQ\xacu\x82\xca\x9f\xa2\x88KG&lt;:&gt;\xb8\xbd\xbekGF\xb0\x80\x8b\xb2\x9b\x9b\x99AGw\x89\x8cp5C\xb7\x96\xa6\xe3\xd3\xd0\x8a\x9b\x9e\x98MX\xa3\x86\x91iYM\x8d\x87\x88\xa5_\\\x9a\xa7\xb1_-;V#0n\xa7\x06\x81\x00\x00 \x00IDATx\xda\xc4\x98QH\x1bk\x1a\x86\xbbP23:\x86\xa9\xe9B\xa2\xd0\xe0t\x1c\x87\x84LH\x84\x11\x0b\x11\xd4 \x85\xac\xa4\xa6\n\xa9\xa8\xbdP\xd3\x82V[\xac\'FM4\xeaI\xa9F\x14\x8d\xb6\xdd5\xa1\x07\xe3E-\xa9\xd0\x14\xbc\x8a\xa5r\xc0\xf6\xca\x0b\xa1\xd8\xdej\x15\xb6\xb4\x9e\xebz\xb3\xef?\xd9\xc2\xde\xefh?fjj)&lt;\xbc\xdf\xfb\xbf\xdf\xf7\xe7\xc2\x85\xff\xbf(\xbd^o\xb5V\'\x93\xe9d\xd2\x8a\xa2\xa8\x0b\xbf\xbe\xf4\xd5\xdd\x9fv\xdfg\x8e\xf6\x8e\xd7\x0e\xdf\x1c\x1c\xbd_\xdfNZ\xf5\xbf\x16\x8c\xb2\xa6\x93\xdb\x99\xe3\x94\xa2(&gt;T&lt;\x1c\x8e,\x8c.\x9e\xbeO\xa6\xd3\xfa_D\x84\'\xbd~tz\xbc\x13\x93$F\x968\x9f\x8b\x90\xf9\xc2\x80k\x9f\xfa\xe7\xde\xa7j\xea\xc2\xf9kF\xe9\xd3\xeb\xdf\x0fvb,\xad\xd31\x1c\'\xd1\xb2,K\x92\xc7\xe7\xf3\xf8&lt;\x1e_8\xb2\xd9\xb5\xb7\x9d&gt;\x7f\x97U\xaf\x9f~\x14\xc0d0\x18E\xd1\xc6\xd8hH\xc6H\x12\xc7\xf9\xc2\xe1x\x9c\xf43\xd2\xb5\xf7)y\xae`\x14\x95\xce|\xe1\xa1\x93\xd1\x08\xadh\xa8\xc5r\x9c \xf0\x1c\x0b\xc9\xc0\x85\x82j\xf1\xc0\xda\xc1n\xfa\xfc\xdc\x0f\xaa\xbd-\x9e\xd1\xe9t4M3,\x908\x10qB,\x16\x13b\x8a\xe2r\xa9\\2|\xb6\xd9u\xb0m=7[u\x83\n=\x03\x94Q\xc7r.\x16\x1fh\x11\x16\x03X*\x16s:\xc3\nz\xe8\x93=\xb2/\xf2\xe3\xcdn5u&gt;T\xcfO\xb7\xd00\x8ee\x19\xdan\x84^:Q\x14\xa1\x1a\xa8\x14\xc1\xa58\x91\x16\x9109\x926\xd1\xe6\t\x8c-f\x92\xe7\x11\x16T\xf7\xa1@\x9c\x04\x8dtF\x83\xc1`\x82\xebi.\x16\n\x85r\xb9\xd5U\xa7Sq:}\xe1@\x04\xe7\xd1#\x1al\x9e\xf0\x8f\xb5\xbdu\xebYg\x05u!} H,\xcf1v;:g7\xeap\x1aM\x06#\xc3\xa7rs\xf3s\xab\xab\x9b\x01\xc5\x19Q\xe2\x81\x08\x82B\xb6\x9bD\xd9\xb7\xf9cq\xf7\xac\x8dO\xa5\x8f\xb68\tP\x06Q\x92l\xa2]\x87\xe6IF\x93\xc9d\xc0\x07\xe7j`3\xb0\xb0\xe9r!\xf3\xc9a\xf4\xd8L&amp;\xbb\x8c\x14\xeb\xca\x9cm\xeaS\xd6\xf7K\xa0\x92E\x91\xe1x\x19T\x92\x8b\x1c=I\xb4C2\x93\x89V"\xaf\xe2aE\xb6\xf9&lt;2\xba\xe8\x93\xedv\xbb(#^\x7f\x1cu\x9f\xa1`\x14\xb5\xfd\x85\x970i\x04\xc1\xe5\xe2d\x9b\x8d\x91\xf2\x1e\xf7y\xa0\x1c4\xb3KJ\x1cyo\x979\x9b\x1d:\x01_\x16m\xb2\xec\to\x1et\x9f]\xb2\xea\x9f\x1f\xc68P\xc5B)\x97\x84\x82p\x10\x8b\xc3\xd4\x01\xa2\x8c\x96\x19\xd0[|\x04\x92\xea+\xb0\xda@f\xb3\xd9|\xab\x07\xc9\xb3\xd2\xcb\xba{\x9cB\x98\xf3x\t\x0bG\xc0\x14\x85S\x91\xecH\x03\x1bZi2`\x18\x89h\x9d\x08DQD\x13E\x9bM\x04m\xe4\xe0l\x82\x82\xa2\xba\x8f9\x12\x99x\\&lt;\x91\x88\xb3\x89\x12z)\x12\x07\x91?\xc0\xa5\n\xa6\x92\xc8\xa2I\xfdI\n9b\x94\x9d{\xcf\xcf$\xf1\x11\r,\xc7K\x986\x82"\xf0\xc0\x92\xd4\xb5\x01J\xd9U\x12\x88\x06\x83\xd9\xed0\x13\x11\x10\x7f!\xbfS\x81\t\xab\xcdy\xb8\xad\xbd\xbf(\xeb\xf7-\xd6%\xb0\x0cc0\xd0\x1c\xb0dO\x1c\x07\x0e\x9ayp\xe8\xe2\x03o7\xde\x0e\x90\xac\xf2\xf8\x06^\xbd\x1a \x1f=y\xb1\x0c\x08\x13\x91\x9cS\x9dkO\xfb\xbdU\x8fC\x08\xb18#R\n\xe9\xc9s\x03\x81\x93\x93\x8d\x8d\x8d\xb9\x93;\xf5\xd3\xd3m\x93\x93\xfd\xfd\xb7\xda\xa6\xf7ON\xf6WV\xda\xda\xf6O\xde\x86\xe3&gt;"\x16\xfaj\'?\xc8\x7f\xfb\xa8\xf9\x80\xc4\xcc\xe1\xd1&gt;\xc9E\x9b\x08\x96\xe0\x0c\xac\xb4\xdd\xeaollm\xcc\x97\xdb\xed\x1e&amp;\xd5\xd8\xda\xd3S;4T\xdbswe\xe3m\\V\x83\xc3\xaeS\xb7\r\xa3\x89\xf9\xb2\xae\xb1\xbd\xaa\xf7R&lt;\xc7\x0b8x:\x83\x8e\x8d=\xeb\x9a\xec\xa9\x8d\x06\x83\xc3\xc3n\xf7\x7f\x89\xdc\xe6\x02sAQQ\xb0\xb9\x19O\xf3\xed\xa1\xde\x87+\x1b\xd8op\x0c\xc9\xd8$\xab\x99\x91\t\xed\xa5\xb5]\x1bv_ce\xe0\xf9\x98\xd3%1\xdc\xealkc\xb49X\x04\x08\x14\xc8\x86\xcd\xdea\xaf\xd7l."u1\x08\xb6\xe8\xed\xda\xde\xbb\x0f\xf7\xdf\x0ex\xd4\x9c\xc5\xd8$\xcb\x19\x7f\xdcMiI\x95D\x0b\x19`q\x82sual\xe4\xe5\xe3\xa0\xd9\xd2\xd2\xd2b&amp;\xe5\x05\x17a\x02U0\xa8\x82\x15A\xad\xdb\xd0\xab\xf7\xe1&gt;:i3\xe4\xb9\xa0\x19\xb3\xf4I\xc3\xf0\xd2[\x9f\xc3\xef(?+,u\x8d\xfc\xed\xe2\xc5\xa2\x96\tR-\x13M\x0e\x87\x85`\x01\xcaB\xc4\xfa\xc9\x95\xc7\xba\xdb\xb7\xb2\xbf\xe1S\xe5B\'MF\xd6\xbfg\xd5P,\xfd\xfa\x8e\xa2`\xc3b\xfc\xa9\xd1\xa9\x97\x05\x05\x05\x13\x13\x8fH5=\xcafo:H\x07\x1d(`\x16\x15\xfd/V\x0f\xfa\xd8\xb7\xff\xca\xf3S.#C\x1fVk\'\x96\xde\x9a\xd9Rb&lt;\xcd0\xc2\xd2\xda\x8b\x8by\xaa\x9b\xa8\xca\xc2\xc2\xc2\xec\xa0yX\xc5z\xe4\x00V\xbe\x8d\xc1(\xc1\xea\xf9\xd0{\xb9\xf7\xefp\xbe\x0f\\F\xb21\xeat\x1f\x9fk\xd8\xc4\xe4!6\x05\xdc*\x98\xd4\xfc\xdar\x1e\xab\x92T\xe1\xbd{\x85\xd9\xacc\xd8\xad\xaa\xe5\x980\x93\x83\x88\x8aFo\x0f\r\r\xf5\xf4\x00\xab\xf7z\xef\xca+\x89\x04\x04no\x06\x9d\xf0\x9d\xd2\xae\x89\xebK\x92\xe2\x8c1\xb4?\xf4zq\xb9\xa0\x8at\x10L\x85\x95\xf7\xbe~\xbd\x97u8\xd0D3\xa1jiQ\x03\x82P\x11\xaeZTOm\xed\x87\x87\x1bq\x89\xa1aLZG\xfb\x0f\xac\xda9\xfe{\xcc\x85\x11\xadc\x84\xdc\xe8\xe2\xbb\xaa\xaa*\x95\xaa\xb2\xb0\xb4\xf0\x1f\xf7\n\xe1y\xaf\xd7\xfb\x17Q\xab\x854\x91\xc4V4\xfa\x13\x8b\xd4\xe5\xbe\x8d\x01YG\xb3\x0c^\xffqR\xab\xc1\xa8\xaf&gt;\x8a\t\x02G\x03k\xa9c\xea%\xa8**U,RYB\xf5o\x9cD\x87\xa3\xc9\xd2\xf2\x07\x91+J\xa8\xa2C\xc5\xc5\xb5\xc5\xb5\xe4\xf9p\xa5o\xd3G\x93\xb5\x9f\xf1\xf3;\xdbZE\x04\xb0\x04^\xc05\x9a\x89-u\xbcHTU5\x94\x16\xde(\xbcQ\xa9\x1a\xbe\xc9\xe2E\xc2C/\xaf\xc52\x91\x97+\x1amV-O\x94*)\x01\xdd\xe5\xce\xf6\xb0d\xc4\x89A\xc4,\xbd\xb7j\xd6\xc4L\x8a\x15\x88\xe3\x85\x9c\x8aUq\xe3\x06\x88*o\xe2\xcd\xde\xb4\x908\xc5\xf8\xf1Z&amp;,\x16\x0b\xb8\x9aU2\x82\x05\xb0bp\xd5^\xbe\xda\x1e\x91\xd4\x98g\xd8P\xc6\xaaQ\x13)\xebn\x08\xf2\xb3\x18\x1e\xb9\xae\x17\x89\x86\x86J`\x95\xe6\xbb\x08\xb5\xccu\xc0\xfa\x97\xdbki\x02\x18\xa1Rc&gt;\x9a\x97\xabD\xc5\xbaR\x1f\xe1H\x13q\xcb\xdd\xd2\xecv\x86\x93\xf8\x91\xf5\x0b~\xbcP\xab\xaa\xa1\xa1\x14X\xc4\xf0\xc8\x87,\xf1V\x9d\x1bduf\x88e!\x93\xfa\x8f\x16\x82\x15\xad\xb9]\xa2\xaaUR|\xfd\xf2X\x00X\x8c\x0e\xf7\xb7/\xda\xed\x82T\xf7\x8e\xdf\xcf\x03+\xb5\xb4\xf6.\xd1PQZZYJLOb\x0b\xb9\xd5d\xa9\x03\x16\x99\xd5\x16s\xb0\xae\xae\xe8gJDk\xa0TqIY\xf1\xf5k}\x9b.\xa3\x91Fz\xf1\x87i\xed\x82\x0b\x93\x1aX\x88\xad\xd1\xa9\x04\xb0*\x1e!\xb9\x1a\xb2\x85\x84\x0bEl_\x07*`\xa1\xa3\xe8\xe1\x1f\xc4_\x8f\x81\x05\xaebU\xad\xce\x05\x97\xd1@\xb6\xae\xd0\x91U;,k&amp;\xe4\xf73ll~\xf1\xe9\xe0LC\xc3\xc4\x84\x05\x81\xf0(\x0b\xaa\xaf\x84\xeb\xb3\x1a]f\xaf\x05\xd9\x85y]\xd7L\xa8P55e%%e%\xc5\xe5\xd7:\xdb\x15\xeci\xf0\xfc\xce6\xa5\xe1\xac\xc6\xc6\xecg\xfc[\x1do\x12\x15\xa5\r\x05\x05E\xc1\xe1\xa0\xd9q\x13z\x01-K\xc658!\x16\xc9.s\xd0\xed\x8e&gt;~Lz\x08\xb9\xca\xcaT\xac\xabc\x11\xc6H\xb0N\xb5\x1b\xd5\xe0\xaa&gt;\xfd\xe6\xf7\xa7^/\x8e\xcf\xccT\x0c\x16\x98\xd5\xd5/\xe1\x18\xfc\xfc\xf93&lt;\x9f/\xb2\xd9\x80\x0b\xff\x96_\xa3k\xf0\xd4\xd4\\\xba\x04\xc5\xca\xaf_\xed[\xe0\xc8\xb7tBF\xcb\xcb"E\x1d}\xf3\x7f\xdb\xeax:S\xd1\x00\xb1.\xba\xfbg\xef\xf7\xff\xb9\xbc&lt;&gt;\xfeWb||\xdc&lt;n\x1e\xc4zc&amp;\xde\x02TkO\x7f\x7f\x7fk\xebH\xeb\xc8\x83\x91\xf2\xb2K\x90\xeb\xfa\x95\xce\x15\x05T\xac\x96=$X\x99\x94\x80c8XQ1Su\xf1e\xeb\xad\xe9;wF;fgg\xf1\xe6\xf9\x1c\xe0"5\xdc\xd8?9\xd9V_\xdf5\xdb\x85\xaa\xaf\x1f\xeb\x1c\x81\xed\xcb\xaf]\xe9\x8c0\xc0:Hk\x8a\xa5\xff\x1e\x12R\xf3S\x83P+\xf1\xee\xfe\xe8\xb3\x9c\xfa5[(\x15\x8b\xc5\x9csw:\xfa\x97\x13\x83\x84\x0b7\x9f\xc9\xae\xe9\xb19\xa7K\xf9}u577\xb7\x1a\x98\x1b{P\xfc\xe4\xc9\xc8\x83\xab\x0b\x1cM\xf3\x19Mo&gt;\x14\xb5\xfe\xf1[h\xe7)qVbj\xf4\xf5|.\x97r\xc6\x04\xde\xef\'\x9d\x11r]\xfd0\xdd`\x02Z\x8dL?k_p\xb2:\\)$Nq:\x07\x06~o\xef,\x7f2r\xe5j;\xcf0[\x9f4\xfe\x1e\xa2{\'E\xacUZ:\xb8|\x7f\xb4\xa3\xa3\x03h\xf3x\x96\xc8\x97\x92\xce\xdc\x9d\xfb\xe33\xbf\xcd$\xcc\x8f[o\xd5o\x04"q\x89\xd6\xe1\nf\xa4q\xf3\x1e\x18p.\xf4\x95\x97?\x98\x04\x16\xfb\xa5[\xe3\xebk\xfa8E\xd4*\xfd-\xf1b\xea?\xb4\x9a\xedOZy\x16\xc7\xab\xd6uW\x07\xad\xce\x9al*bZ\xc7!\xd5t\x9a\x96\x17*Im\x04c\x9a\x88\xca\x95b\x16\xe6\n/\xb0@\x02\xf2\xb0 \xe2\xc3\x88\n\xc4\x80(\x82\x1dE`J\xc0\xb6j7\x05b\x91\xc6\xc8\x0e\xba\x91\xf4\x81\xea\x8en|\xe8\xbe1\xd9\xa9\xdb\'7nw\x93f\xdd\xe9&amp;{~8\xc9\xfe\x03\xb7\x87\x10\xc9}\xf5\xc9\xf7\x9c\xdf\xb9\xe7{\xfc\x99\x8e\x8f\x8f].\xd3\xc4\x84j\x14j\xcc\n\xe551?\xc2f\x15U\x96X\x1a\xd5\xedmN\xe7#\xb1\xf8\x91\x1d2\x08\xc4f\xb1\xd8\xdc\xefTO\xd1)\x80u\x9e\xd8\xd2B\x1d\xe2\xc7\xdb\xdd\x0b\x11\xc0\xeat/\xbf\x7f\xed\xd3\xb9\xe7\x95\x80e=\n\xc5C\x06\xe5\xa4{\xc4G&amp;\xb3\x86O[\n\xe8&lt;\x03\x93\td\x12\x81\xa0\xfd\xe7`:\x9d\xbc\xed^\xc0B\xd3\x03\xc1K$0\x19\'X\xba\xb9\xd9\xd9\xb9\x91y\xb5R%\x187kZ4\xe6`\xdc\xab\xbc\xa5\x9b\xcbLgW\x02\x16Edhs\xc6\xed\x92\xf1q\xbb}\x9a\t\'\xd2h\xe4\xf1\x0c\xc6\xed25`\x11\xdb\x1eN\x9d\xaa\xf8\xae\xfa\xc5N\xf7\xb8\tj\x8b|\xed\xda,\xb5\x80\xa7\x16,\xec\x9c\xef\xfe\xe2\xd2/\xbbg\xe2!|rd.\x93L\xe3Zj\xae\x97\x1a\xdaBA\xb1\xfd\xfb/~\xf5\x9b/\xcf\\\x11;\x9d\x06\x9e\x1ab{J=}\x9e\xc8\xd7t*\x83\x81J\xdf\x83\xc7\xdf#,\xd6\xec\xb5\xd9\xa2\xd3\xb2B\xef\xc2\x8f\xff\xba\xbd\xf3\xf7K_=&gt;\xb0\x1f\xe1|\xb7\x8f\x9c\xc3\xbd\xa1\x97!\xb1\xe2\xc1\x99W\x07;;\x9f\xff\xa2\xfbq\xb7&amp;\xeeT\x18\xd5j\xfa\xf6v\xef\xa3\xcfn\x13\xdb\xe2swi\x1e=\xbf\xef[\xc0\xd2\xb123\x8b\xeb-2\xadW\xf5\xb7\xbf.4\\\xbcx\xf5\xd5K\x81\x95\xc7\x1f\xd0\xe5\x0c1\x84`WE\nf&lt;x\xf0\xdf\x97\xb7\x7f\xfb\xf9\x99\x83\x9f\x0el\xb6\xb8WDQ\xf7n\xa7\xa9\xc5\x9f\xed\xdc\'t\xed\x96\xbbH{6\xd4\xd5;&gt;&gt;\xd19\xc2J\'\xb3\xeb\xb3-5\x8dJ\xe5\xb1\xc0\xac\xb1\xcd\xdc\xb5Z\x8dF\xfej=\xc6e\xa0-\x8d\x02\xd4\x12\x0b~zy\xa5\xa1\xc16~\xb7\xcf\x19\x0c\x86\xbc\xa5t\xc0\xea\x15\x9f9x\xb1K\xe4\xfe\xb4"\xe6\xa1\xb5\xd2\xb2\x05\xdfNTR\x8b\xc9lj=X2j\xe7*_\xa9\x82\xfe\xb0\xb7\xe75\xf2\xf9\xbf\x1f\x06G}C\x88\xb0\x98mmL+t\x0e8\x8d\x06\x91\xc8\xe0\xf5\x1aD\x94\xde\xa9\xb4\xb2\x99\xf3\x86\xbc\xf0\xb3{\xc4\xe9Uq\xc1\xc3N\xb4&gt;\xeb\x05\xb5\xa8\xc5\xd0\x9eH\xa7OgWV\xdeZ\x85\xd7\xdf\x16\x8eo\x19\x95\x8d\x8d%\xc3\x182\x172)py\x81\x14\xd7B\x18\xe9\xbdt#\xafTTJ/\xdbN+\xeb\xffF!\x7fZ\xdbD\\\x8b\xa8\x8eq\xab\x9aZ\x9f\xad.\x98\xea\xa9,65\xbbkp\xb0\xae\x0e\x06\x05\xbe25)46\xd65\x0fs\x86\xb9\x0c\x86\x07\xb0\xb4\n\x05\x8e[q\x1c\xd7J\xa5\x14\n\x85\x0eh@\x85\xb0\xda\n\x0b\xe5\xf2g\xc4\xcd[\xd5\tnkUkk\xb6`\x9eZ\xc4*\xaa\x1f\x86\xe1\xb4\xb9\x19\x8d\\uh;\tV\xac\x04L6\x07\xf33&lt;r\xc0\xd2J\x8dj\xc0E\xfd\xcah\x94\xc1(\x9f\x9f\x9f\x96\x9f\x967\xe5T\xc8\xe5\xd2C2aje\xdd\xe9\xf0\xb7VUU\xd5\xabV\x01\x8b\xc5f\xb3i\x1c4\x8c2zzR\x03\xfc\xe5r\x0c\x99F\x8c\xeb\x07,\x08\x8a\\\x06\xb4\x8dHN\x98\x04\x07-y\x0e\x14\xdb\x86\xd2\xeb\x05\x87\xff\\$\xae\xe6\x01+\x11kj-2\xdd*b\x15\x17W\xa5G;hX\xb9\xdf\xefg@\x94\x94c\xc3\x18\r\xfc\x19\x87\x93\xc2\x82\xd4\x15\xcaez!H)l\xd4\xeb\x1bk,\x8e\xb0#\x1cv8\xd2J)\xd7\x0b\xa4\x1fw\x893\x18\xd5QZ \xc0\xe6RWG\x8a\x8a\xc9U\x89D\xf4]\x0e\x07\x990\x08\x7f9\x86a\xc3 \x16`a~T[ \x97\\V+\xf4x&lt;\xc8\xef\x0bo\x84\xd7WV\xc2\x88\x8b\xf2\xebB\xb9T\xff\x1d\x81[\xe6d4\x96X\xf7d\x0f\xe8\x00+\x01X\xe0\x0e\x7f\xe6j\xf6\xa7\xc4\x02(\x94E\xc0\x02.(\xecZd\xb3\xe1#\xf4tqW\xd6W\x90`\x0e:\xa5\xf6\xa9\x9cD$V,\x1a\xcd\xe1zz\\:\x169=\x85\xd5\x91\xf3\x10\xb8P\x16\x01\xeb$\x854x\xe2A[Ii\xa1L\xa6\xafKi\xc9\xf0xH\xdc0\xa8\x85\x8a\x8b\xee\x95\x9f\xd3gV\x13\x8aE\x83\xe3\xdf\x19Y\x9eK\xa0\x88\xbe{\x07\\\x18\xe8\xe5a\x94s8H:\xa0\x82?\x0c=:\x8aRz-\xd4\x16\x10s\x81\xdbOBr!\xae\xc2\xfd\xc3\xda\xf0\x87\\\x02\xdf\xd4\xb1\x0e\xcc\xef\xe7\xccF\xdc\xb3\xc9\x0b\xc9d2\x11\x8d\x02\xd7I\x1a\x879\xb4\x1c\xac\xbc\x9c\xf3\x10\x0c#\xc7\x8f\xde\x8aZm\xa1L\xef\xb9\xc1 \xf9\xe1lr\xfd~\x84\xb5\xe2p\xe4)\xf6\x0f\xa5\xd9\xf7r\x89T\x8b\xe3\xf7c\x1d\x19\x91\xc8\xb5\x8c\xb1X,y"\x17\'\xa5\x16\xc6\xc9\xa1a \x16\x8d\xd6\xd1\x811&lt;\xfaZy\xaa\xe6\xf57\x18p\x18\xb8\x10~\xd2\xca\xfa:\xe8\x95\xe6\xdd\xdf?\xd4\x13\xa9\xd6\x9d$\xd7\xe3\xe1\xb6\xc6\xdc\xa6\xd9\x0bc\x81X2\tb!,(\x1dHb\xce\xc9Z\x10\x9e\xa0\x07\xc2Z\x10\xacP*\xd7\xd7\x95sO\xb8\xb8C\xeb\xa8\xea\xf3\xb5\x80%\x0fT\x10\xa9\x16\xa6\xff\xc8\xc8\x89\xf9"\xb3c\x81\x00p\xa1\x1c&gt;\xe4\x94x\xf4\xc2.P\xab#z\x129\x1c?\x83$Dk\\)\x8eKe=\xcd\\l\x88;\xb42\xb4\x82\xc2q\xaep\x7f\x7f_\x9aA\x1cVnu\xa0\x15\xc9U5\x1b\xf1\xfd\x1f\x8bS^\'\xfb(\x84\x8a\xa7E\x13Q\xd6;\x90\x10\xb0\xfc\x832hZ\xb5Z\xaf\x17\xb8\xeaJ\x86\x86\xd1\x02\xbf2\x1c\xce\x0e\x9f`\x1d\x12y\x12+\x16\x13\x89\x1c\xcfGR\x86\xcb\rX\xb1\x14\x16m\xa8N.\x95\x95@\xc5\xd3:h2\\\xd9\t\x8f0\x86^\xba\x17\xdf\x93\xca\xb58\x0e3\x84\xac\x8e\x84R8\x9c\xed\xc8\xb38\x1ce\xf8\xfe\xef\xf6\xa5\x04b\xc1t\x9a\x0c$9\xc2\xae1W$\x03\xa8bMUlZv\x8dT+\xeb\xb9\x8c\xc1\x11\xe4\x94\xf0\xf9\x93\x03\xba\x0e\x1aWX\xe8\r\x81\xe3P\xa0\xa9\x06&amp;\x1e\x99\xb0\x8bD\ng;\xf2\xcf\x9e\xcbK+E9\x1c\x1c#\xf0_&gt;Yw\x02\x81\xc5@\xa2)\xe0\xba;;\x96\x91\x8c%\xd8E\xf5\x8dZ\\\xd9\x03o\xe9\xcb\x97/\x0fL\xce\x0f\x0ct\xde\xd2\xd1\xbajq\xc9Q($1\xe0"\x84\x85k\xe5\xfa\xc1.\x87\xc3Rp\xbd m\xca\xbb\x7f8\xe8\x08/\x12\xe9\xc8*\xee-B\x04bn\x81/#3#V\xc5fuiG\xd7&amp;7{z6\x1b\xd7T\xedVk\xbbu\xd440\xc0\xe79\x83\x1aMP&lt;\xcd4\x88x&lt;\xe0\xc2\xd5B\x0b\xc2\xa2\xd0\xa7\xd4\n\xed\xd3uj\xfd.\xa1&amp;\x03qAU\xb9\xfb\x96\xc9\xac\xa6\x0bU\xe94\x19Xi\xd5(\xb8j\xeb\xb4\xd8|\xc5l7\x9b%\xa3\xc6\xf6#M\xea\x12\x8b&amp;\x1ej3 \xaa-\\f\xb1X\xf2\xcbJK\xcbD\x94|\xcb:5\x9dXW\x8d\xb8\xa0\xaat}.\x165\xf3Bf:\t\x87)~\x1a\x85\xdd\x8c\xb6\x1f\x7f\xd0\\\xbd\x02"\x85RX`.\x82\xc1\xb8\xf3H"\xf1z\x99\x05\x96\xfcst\xf0dL\x8a\xc3Q\x9f\xb9K\xf4\r\x8d\x8a]h\r\xac\xbe\xc8\x9c\x8e\x95\x91\xc9*\xb0\xda\xcd3f\xf1\xb4d\xda&gt;c6\xcf\xd8\xed\x9a\x06M0\xc4&lt;2k\xae^\xbdz\x06~\x07\x83\xfd\xf0\x8d\x87BxM\xcdY\x8a\xd7hl\x13\xe5[\x8a\x08\xa7\x82\x17\xe3\x87@\xc0\xd77\xf1\xde\xbdLNg\xf1%H#\xbb\x84)A\x01\xa5e\x9f\x1e]ZRn\xbd\x89k4\xb6\x16\x1b0\xf5\xf7kl\xf0\t\x86\xcaj\nD\x06\xa3\xc8\xa9\xc8\xaf\xff\xf0\tn\x8ddU\xef~\xf8\xe1\xe0\xae\xdb=\xaf#\x17\xf7\x8am6\x8d\xb3\xddd2)\xe7\'\xd76\xd7\x94k\x9bo77\xea6\x96\xde\xec\x1d\x85\xc4G\x92\x90X\x1c\xd7\xb4\xb44\x80n\x94s\xd7\xbd\x06u\xbbSM\xfd\xf0I\xee\xb2dUT\xdc|\xf9\xd8=0\xe1b\xb1\xd4\xc1\x16\x9bY\xa2\x8a \x9e\x7flnlllnn,--mm\xe1o p\xab\x17\xaa*\x14\x04\xd3\xdd\xf2\r\xe5li\x9bB\xcd\xfc\xcf\xf2\xbdOs#)++\xf7\xebW\x0b.\xf7D\xc4\xc7\x9a\x9f\xb1i$\x12s\x83\xe6h\xed/\xef_\xbfm\xeei\xee|\xbb\xf4\xef\xad\xad-`\xda\xc3\x15{\xa8{9\x83\r_^l\x08\xf6\x96yC"\x9e\xf8\xd5\xbdOv?0\xeb\xe6\xab\x05\x93\xcb\xa4r\xf9\xdcV\xf3\x15\xab\xb2\xdd\xac\x11\x1c\xff\xf0\xa7\x17\xcf\x03\xcf\x9f\xdf_\xf4\xbd\xed|\xfd~mu\x80\xefv\xb5\x1f5\\\xbah\x8b\x9b56\xdb#5O\xdc\xcfl\xeb\xffs\xf5\xa9S\x9f\x0ek\\\xa0\x12\x08L\xcbn\xd3\xa8\xc4:9\xa0\x92\xa8\x8e\x9f\xdc_|\xf2\xc7\xc5\xc0\xd77\x9f\xcc=y\xf1\xc4\xf7\xe0\xf5\xf2\x83\xf7\x13}_]\xd4H\xda\xdb\xa7\xcd\xff\xe3\xe5\xecb\xd2L\xb38&gt;\x82\x80t\t\x82Bb\xe4#\x01!J\xec\xcdrA\xd1Y\x06\x9b7\xd9!\r%f.\x0c\xd8y\xb9\x01\xa17#\xba\x1bH\x88($R\xd3\x91E(_\n\xa9`\x86\xe2W\xc3nC4l\x97h\xaaq2\xb6\xb1\xa3\xb6\xe9vu2W\xb3\xd3m\x9a\xe9\xc6&amp;;\x93\x9d\xbd\x98\xee9/\xce\xcd&amp;\x9b\xec\xec\xf8\xfaD\x89Mz\xf1\xcb\xff\xfc\x9f\xf3\x9c\xe7}\xcfa"h#\xc7]D\xb5X\xa6\xaf-\x96?\xff\xd7\xcdJ\xa9TJ\xe6r\xb9L4\xba\xe5=\xf1&lt;\xd9y\xb3\xbb{\xb0\xbd\xba\xba\xb0\xbd\x7f\xb0\xba\xba\x7f\xb0[~\xb3\xfbb\xc4\xfd\xfb?LO\x8e:\xb3.\xc2\xe6\x9c\x18O\x10\xc5\xf4&gt;}=\x8b\xfc;_\xa5\x03I\xc0Z\xab\xd5\xb6\xa2\xd3+)\x9f\x17\x8c\x0e\x9e\x7f\xb9wpt\xb4{\xb0\xbf\xbf[.?M\xbe\xf9~\x1a,f\x1b\x1du\xbaI\x9b3\xf1\xbb\xf1\x04YL\x1f\xd1\x87\xc5\xe9y\x91\xae\xe0c\xe6d\xae\xb6\xe2$&lt;\xa1H!r\xf8\xf9\x97\xb8v^\x9d\x84j/\xdf&lt;\x9d[K\xfe\x852\xbe\xcd1i#\xdcA\'9\xfe\xc1D\xb6\xaa\xa5U\xad\x9e\xa7\x9b\x95x\xa5\x14\xb0\xaf\xe5\xc2Dvd+\xe5[.\x9c\xbcz\xf5#\xda\xe1\xce\x0e\xe4\x08X\x1f~h\xc3\'\xa6\xb1*IL|`(V\xb5\x86?\xaf\xd2\x89\xf5b\xb3\x12\x08\xd8+\x95\xd2Z)\x9b\x8dB\x14\x97\xf6\x96\x8f\x8fON\xd1\xee\x03\xdb}L_\xb6\xc9I\xdb\xa43[\x8c\x11\xd9\xdf\n\xb4\xc5\xa2J\xf0\xf5\x02\x8dm\xa7\xfc\xfd\xf4f\xe0\xb3J&lt;\x90\\\xb3g\x89\xe8J\xa4\xb0\xbc\xa7\xd9{\xf9\xed\xf1\xf1\xb7\xc7\'\x94fH\xe5\xf1\x8c\x8e\x8d\x8eN\x06]E\xd2\xe92\xe8\xb4E\xad\xc0z\xd6\x0f\xe4\xff\xf3\x9d\xb5\xff\xb3\x12\x8a\xb5\x16\x88\xd9G2\x14\xd6\xcc\xde\x92\x0f\xf5\xfa\xfc\xcb\xfb\xff\x84u\xdf3\xa8\x06\xaaQ\x1b\xe1\xaa\x12\xa4\xce\xa0\xd5j\x95\xbc\xfc\xdf\xbbi\xecj\xe6/|\xed\xc7W*\xa5d2P\xb1\'3^|H\x0fz\xed}t\xfc\xaa~\xfa\xdc\xc7\x17v\xa3\x93\x10\xc4`\xb6\x98 \\\x06\x83N\'\xe0\xe1\xc3\xdcwh\xc4\x9a\xff\xdbk\xff\xa6?\r\x9b\xb1\x14\x08\x94\xc2+\xa1\xc82\xac\xa5\xa5\xe5B\xc4\x1b\ne2+\x08e\x83\xd2\xd4\x11$\xaa\x13\xae\xaaV \xc0\xc6z\x15\x9d1\xac\xbf\x84U\xf9\xfd\x9b\xe98`\xc5\x03QO\xe6\xae\xcf\xbc\\\xa8\xd5r\xa1\xb9\xcc\xcaJ89:is\x0c\x0f\x03\x96\x93 \x8a\xda\xe2\r%\x97+\xe0q\xb1\xc7\x8d\xd6\xcet~9m\x9d\xca\xe7\xf3\xe9d)\x9d\xb6\x83Z\xa9\x88\xcf\x97\ne\x06=#\xce\x00A\xb8\x03N\xa7\r\xd7\xb03H\xb8tZ\x1d\xb7\tg#\xb8g\xd7\xee\xf3_\xe4Z\x0f\xfb\xad\xd6\xd7\xf9x\xd2\x9e\xae\x8c\xac\x84\xbc\x11\xaf\xd7\x9b\xda\x1a\x04\x83\xc7\x8aEW,;\xed\xc0\xe40L\x10\x04Y\xd4\t\xba\x9ap`\x83\xcd\xfd\xaa\x9b\xde6~\xfew\x91\x92\x95\xf7\x1a\xb2W%\r\xe7\xd0V*\xe5ME\xc0V\x19\x9b\x1bn\x197n\x90p\xe6\x8c\x8d\xd9\x82d\x82\x84\x1c\xda\x85\x83\x1aM\xec6\xe5\x0b\x9a\xc7}8\xcf\xcd\xa1\r\xab2\x9f\x8e\xc7\xfd\xfe4z\xde\xeb\x8d\xfc\xc2\xe7\r\xed\x8c\xb8\x81\xcam\x1b\xbc\x9a\xb9:89L\xbab \x16\x97\xcb\xe3\xb2\xd9\xad\xec\x8d]\x9a\xb1\xf8\x8bzI8m\xb5\xe67\xd3\xf9)?\xa4U\xb8\xb8\xa6\xbc\xbf\x0c\x9d\xbc:\x8c\xba\xb3\xd3\x9eA\xd8\x8a\x83\x83\xa3Q\xd2uC\xc7\xe36\t\x94\\vk\x9b\xc1\xb9N\xb7Z\x8b\xfa~I.\xaeTm\xa6\xfdJU\x1e\xaa\xafp\x06\xd6\xce\xe1\xe1\xce\x08\xbe\xe3\xf7xl\xe0\xf9(\x91(R}\x97 V+\xdb@\x8e\xad\xd3\xaf\xd6\x80L\xb6\x92VM\xf9\xfdJ\xe5\xd4f\xdc\x1e\x0e\x8f\xc0\xf2\xecx\xe06\x1b\xf5x\xa2\xd3n\xb0{L\xab\x15P\xddZ\xec\xd6V\x01)n9\x07\xb5\x06d\x03\xdedZ\xa5\xca\xab\xacJ\x95\xdf\x9e\xb4C\xa5\x837\xec(\x109\xa3\xd3p\xa1\x8d\xc5\xb4*CS[\x13D\xb1\xb5\xb5\xab\xea\x10\xab\xcf\x05K&amp;\x99\xb3o\xaa\xf2\xaf\xadV\xdeT&lt;P\x89\xb9\x03PI\x07\x02\xeeX,\x8b\x1f7\xb4:\x83\x00tjRr\xdb\xda\xb8\xae`\x87\\\xfd\xc9y`\xe9\x91\x0b\xd2\x97\xd5\xcaU\xe576\xb4\x1bqw \x90\xdd\xa0\xae\xd7\x1b\x14T\x17:\x1d\x92C[\xd7D\xd0\xd1!6\xcd\x9cK\x10efo8\x90\xe7q\xad\xb0\xd7\xa6\xb4SPPm\x00\x8e\x16\xfe\xd2\x02\x94\xce@E\xaf\r\x07\xdf\xb4$P\xc9\xcf\x03\xab\x1f\xd4\xea\x97\xcc\x95*~%l4\xecU\x07\xb2)\x95J5\xa52\xa8\x0c\x06C\x17\x8f\xd7D\r.\x82\\\xbaj\xb0C,\x16\x9b\x98\xb4c\xc9\xfa\x07\xf4\x0c\x99\xb96\x97,\xc5\xad\x98/yJ\x15\x0eh\xc0\x0f5\xce\xd9\xd5\xc4\xc6\x11\xcfV\xd8\x88]\xbajb\x98\xc22\x9e\x83Z\x032\x86^\xe6\xcb\xcd\x85K~l\xae\xe4\xf2 ir\x01\x86\x8d\xa3\x9d]lj\x08\xaf\x8d\xcd\x15\x18t\xae*Ia\x89\x96\xce\xc1[\x03\xc0\xc5\x92\x16jsk\xa5J\xde\xcaC,&lt;c\xa89\xd8&amp;\xccT\xad8\xdab\x18\xd7M$H\x8c\xa1\x1c\xb0\xf8tcIq\'"\x97\xaf\x96\xcb\x81\xc3\xf2&lt;\x1e\x0f\x0e?6vo\x82\xa5p\x0b\x82\xabp\xcet\xa2J\xc26\x94\x03\x97\x89n,\xfe\xa2\x14\xbc\x05\\R\x06V\x7fs\xa8\x18&amp;t\xf4x\x1b\xce\xa7 \x19\xb7\xcb0&gt;\xe1B*\x0c!\x80\x99\xa4\xfcs\xb1&lt;p\xc9\xa4\xcb\x05\x1fp\xcd\x85\x03\x1by\x88"\xd5\x19\x85}\xb8\x02\x9d\x0e\xa0\xaa\x89\x04y\x1b\xb4\xea\x80\xfc \x12\xc9\xe8\xae\xb7\x00K\xc6`\x00\x97\xa4P\x88\xf8\n\x14W\xc9\x8e\x99\xbd&gt;Wm\xd0M\xb8\\U\x84"n\x0fwt8\xeaX\x85n\xda\xeb\xad~=P1 G\x98\xf1vQ\xcbA!?\x97\xfcWlb|\\\x0b~r\xb9\x12\x04\xd4\x80$\x04p\xd8\xd1\xe1\x00,\xb9H.\x92\xd0=-\\\xc7b0X\x0c\xb3\xc4\x8c7\x9e\xc22|\x84\x92\xd1i\x12\xbb\xb6H(\x1f\x82\x04\x89\x9d\x8a\xa8\x14h%\x16\xc1\xea\xec\xa1\xdb[f\x19\xcb\xf2)\x0b\xb0\xa42\xf3\xb2qiIj4\x1a\x97sX\xcd;N\xd70.\x07\x15\xc0\xeb\x1dr\xb9\xc8d\xa2\x1b\x8b\xc3\x7fn\x96Y,,\x16\n&amp;\x95J\x19F\xa6\xd1\xc8\xd4\x18\x0b\xde\xbb\xef\xcd\xc2UZ.\x9f\xec\xa0\x90\xeaR\x81\xaf\xc0X&amp;\x91(r\x87^\xac\x9e\x99~=\x0b\xb9N\xc1XL\xa3\xc6\xa8\x991JR\xc0\xa5\x1e\xeb\x1d\xeb\x95#\x8e\x03M\x85Pr\x0c\xa1H~a\x9e\xd6\x0c\xc1\x7f.\x91\xe8YL&amp;E\x85j\xb1@+\x8dfFcN\xddmx6;\xab\x9eE69%\xd6)Roo\xaf\\\xfcl\x9d\xd6G\x10\xf3\xb2\x0b\x12\xbd\x85\xc9\xb4\xb0\xd0\xf4\xf0\x0b!\xa4\xb8\xa4\x97\x1a\x85\x80\xf5\x0c~g\xd5"\xb9\x1c\xf6_\xafIm2\xf5\xf6\x9aL&amp;\xb9\xdcti}\xb1\x87\x9e\x07\\|~\xf7\xa2\xf4\xde\x03\t\x83\xc2bQqd\x9dr\xcd,\xfd\xba\xb1\x01\xa8\x84B\x00S\x9bz\x91\xa9\xa5\xa5E\r``x\xc8\x10\xed\r\xb9\xf2w4\x8c|\xf3{\xael\xef\xfa\x9a\xebX\x16\x0be-\n\x8b\xc9\x848\xce\x18;/4(\x14@\xa5P\xb4\x00\x8bZ\xddB5\xa4S` \x9e\xe8r\xfbXr\xed`\xfe\xacC\xc9\xbf\xb2Z\xaem}|\xeb\xc1\xe3G\x0c\x8b\xc5BEQZ\x0f\xa2\x052\x84\x91\xd1\xd9\xachi\x07\x12\xc5,\xa0\x00\x94\xb0A(T(f\xe1_\xa0\x9dH\xf4\xf0\xf2\xe5Q\xe7\xda\xea|\xcf\xd96Z\xf7\xed\xcf\x8d\xa9\x85@\xf5\xb8\x9f\xc1\xb205\xc8%\xa5\xb8,F\x88\xa6\xac\xff\xd2{\x00\xd3\x8e`\xed`/ECs\x03,\x05:\r\xb0\xe4\xf2\x87\x0f\x1f^\xee\x08\x96\x87\xae\x81\xc3\xce\x84\x8c\x83c&gt;}\xd7\x9e\xaa\xdb?\xbeu\xef\xf1\xa3G\xfd\xe8-M=\x8eR\x99\x14\xb3\x05Pu6\xb6\x98\xd4\xed\x18F\x08\x1eH\xd5\xdc\xd8\x0c`\xc2\xf6S,\xb1\x08\xb8\x1e\xde^\xdb\x1e\xbav6\xdf\x8b\xc2\xe9\xee\xee\xe9\xeb\xbbx\xf4Lx\xeb\x1eDp\x00\xb0\xc0\xe2@\x85\xae\xa7\xb0\x98u,\x05\xd5\xd6\x86XBa\x03`!\x17`\xa9O\xb1\x90K\\[\x18\xbavmh\xbe\xfbg[\x9f\x7fg{\xfbJ_\xdf\xbb\xe5\xf6[\x0f\x80\xea\x14kF\xc3\xa4v\xe2\x8fjI\xcd\x9d\x97\x1a\xc1LB\x8c\x1d~6#\x16\x15\xc4\xba\xb7\xa0pF\xb9\x0e\x86\x00k\xe1\xe5\xde\xe2\xcf\xb2&gt;\xe7\x9d\x9e\xd5/\xfe\xf8n__\xdf\x9d\xb2\x10l\x05T\x03\xfd\x03\x885S7\x97\xd9\x0c\xc7\x8f\x11\xa2)\x93 \x17\xe2\xe0j\xa0\xd4Bo\xe1^\xa4\xb0\xae#\xd6\xec\x11`\xcd/\xe4\xbe\xb9\xba\xf7\xfc\xff\xfd\xf2\x1d\x0e\x1f\x8a\xabc\xcf\xd1\xc5&gt;\xc4\xdamF[\r\xe0b\xc0a\x03Kc\xc1\xc3\x1a\xe42\xa2\xb9\xcc8\xce\xd2\x88?\x94\xd7\x9b\x1b\xef6\xd7\x83\x08X\x90\xb7\xc4(\x978\xb7\x8dj\r\x1d\xdf\xbcy\xf3\x89w\x1d\xc0~\xf2\x89\xc4\xe1s\xba\xe7\xcb\xd3?L\x7fq\x91\xe2Z\xbd\xf4\xb8\x0e\x05\x95&lt;\xab\x8e\xc5\xc4 .\xc3\xf9\x83\xd14K\xb0G\x16\xb0 vB\xe4B\xe9\x1a\xa8l\x81\x1bQ\xdc\x01T\xe2\xa5\x05J\xad\x93\x9b\xb8\x9e\x84&gt;\xc1\xafx\xfa)`\x1c\x0e\xbf{\xfe \xfc\xc3\xdb\xb7\xe1?\xd5\xb1\x86\n\x9d\x14\x96^\xafg\xb00\x8a\x80edI\xa5X\xd4#\x9e\xa43R\xc7j\xae\xabE}\n\x15uk\x81X\xd7A\xae\xb1\xd5!Tk\xfb\x90\xc2\xba\xf9\xabo2\x07p"\xfd\xaf`\xf0\xff8=\xdb/=\xffx\xff\xed\xfb\xbf\xf9\x9e\xb2\x16x\xfe\xa0\x13\x83(\x03.)n\xc5:\xd6\xbf\x1b9\xdb\xd0\xb6\xce+\x8e\xbb\xb5\x8c\xc1\x81\x1a\x8bN\x82\xc8\x1e\n\xc5\x84\xd4\xfa\xa0n\x12Nt\x85\xec\x8d\xc8\xda\xbd\xd8a\xd0\x0f\x02k\x0cI\xc3\x1fd\xd36Q\xb1\xbb\xa0~p\xcb\x06RE?\xc5s\x82!\xb3\x18\x9a\xdf\xa4\x0cTfP\xd42\x90\xe6)\xf9`l/\x15\t~AHbtv\x93x\xb1%E\xce\x16\xa7\xfb\x9f\xf3\xdc4\xa3t[\x8f\xaee\x8c\xee\xcbO\xff\xf3\x7f\xces\x1e\xb8\xd7\xe0\xa1&lt;v\xb2X\x03\x03\xd0J\xd3\x9eH\x88,B\xb5S4\xffP\x0e\xa9\x1b\xfc\xde/\x0e\x98J\xd9\xbc\x19\x0e;\x89\xcb\xe9\xdc\x1b^x\xfc]\x0blkO|\xe9\xd3\x8fk^\xaf\xd7\xe5\xaa\xd5\xd3\x12\xcbe\xcaM\xe0\xc2?\xed\xea"\xb9P\xb6h~\x86\xeb\tk\x10\xcb\r`\xe1\xe3^\xe6\x12j\x11\x15;\xcbf\x13\xd6z\xfbWK\xf0\x95G\xf1\xac&gt; \xa9F\xed\xd8\xc2\xe1\x07w&amp;\xe6\xbe\x8b^\xaf\x9c\xbb7\xbf\xb2W\x0bz\xbdA\xc2\xdaM+&amp;\xe6\x926\xc6ajC\x17j\x02\x9a\xacf.\x12}-g\xbb\xe8\xe6X\x03\x82\xa9(\x87T""\xed\x91H\x07O\x8aD%,\xff\xda\r\x0fBQFvGU\xaaQp\xd9\xc3\x0f\xde\x98\xeb\xf9\xbf\x15\xa1\xe7\xde\xc1\xcf\xc0\x14\x0c\x82\x0br\xd5n\xa4=\x02\xcb\x14;\xd0\xf4j\x04\x17\x8aB\xb3\xa8\x11\x9d\xa4\xd3\x00)E7\x85\xab\xce\xeap\xd0\xcd\xc2(_\xaa\xb5^%\xd3\xbf=\x13S\x88J\x89\xd5\xed\x84\xc5\xc1l\x87\xe7\x97\xffw"[[\xcf\xad\xde\xac\x05Y)\xa6\xf2B\xad\xb4\x89\xa2\xdfd\xda\xbc\xa6\x99JL\x19h&amp;\xe4\xde\xef\x0c\xf57t\x97:\xebD!&amp;\x1czl\x8c\xe3\x05\x96\xcd\xf6\xda\xe2\x92\xc2\xe1\x89\xd5Y\xad\xc3Q\xda(\x0eSOO\xdc\xc3\x8c\xd4\xfa\xdfjB\xcf\xdc\xd6\xca\nL\xf5\\+\xaf\x17\xdebsA/\x93\xb21=\xa9IL\r&gt;oI\x91\xc9\xe6\x96\xb3(X,\x93\x86|E9\xec\xc0\x8c\xc8ba\x1e\xa2\x19\xf1Uj\x08m\xa1\xdb\x82J\x89\xc5\xb6\xecvU,\xd2\x0b\xaf\xd1\xd4\xe1\xda_\xe6\xbe\xfd\xffj\x806\xbe\xfc\xe8\xc9\xe6\xe6G.\x16\xcbE\x9b\xb5V\xf7\xa8r!\xd2\x07\xd3\x89D\x16\\hg\x84Z\xcd\x17P\xdf\x07&gt;lC\xf1\xe4RJ`\x91\x97",\x1a\xf7\x12\xdanx\xcb\xd6\xfd\x93\xd0\r\x8f$\xc4\x1a\x19\xd9\xb2\x93\xb5\x08\x07|N\xb7\xd3\x0e\xac\xc3\xa3\x1f\x7f\xf6m\xff\xa8\xae\xb5\xb5gn\xf7\xc9\xaa\x92\xfe\xe2\x1f\xac\x93\xcbEtVRK\x98\xded\x92L\xb9\'\x8b\x93\xd9\xecx\x17\xbc\x85\xee\xaf\x99~\x90\xc5\x81\x0f!\x12\xa8x\x1c\xb2`4\x0c;\xd4\xe7\x12/\xd9B\xdd\xda\xee\x03\x8fDX\x922\x82"o\x17\x01\xc3;\x9dn\xab\xf3A*\x05\xae\xc3\xa3\xd7\x97\xe3\xdf\xc8$\xca\xe7\xf5\x8d\xad\xdd\x9c\xb4]-|\xe5\x12A\xa9\xb4\xd6\x9e\xa4U.\ni\xf3\xdab6;\x1d%\xb9\xfa\x04\xda\x05\x98\xabW\x13\xe9\x88hH.\x11\\\xb3\x08\x8b\x96\x1b\xe8\x9e\xaf^\xfd4&amp;\x11\x96\x94\xce\xa9X&gt;\xbb\xcfGRY\xad\xf9\xbd\xdd\xfa\xf9\xa3C"{\xfa\xe67\x8a\xd8+\xf1\xe5\x83\xfa\x92\'\xd3(\x9b\xf5_\xb9\xe8\xe5b\x87\x05\x83+\x99t:\xb3\xafrI\xca\xed\xc5\xa1\xe9\xa1\xc9\xc1y\x16\x8b\xdf\x04\x96\xc3\xf1R\x82\x91\xd8\xf9\x84\xe5\x10b\xd9B!\xed\xd5\x99%@\xe1\xe5\xa9\xac\xc3\xf2\x8f@\x15\xf6!\x9c\xd6`\xdek\xbd\x99Sb\xcb\xab[kGP\xec\xe9\x89\xc7/\x16"\xad\xe7\xee\xed\xd67\xd3\xdb\xc7%\x9d\xd1\xfc\x90\xaa\xa8*\x16\xe4Z\xd9\xced\xb6\xab\x15\x05)$.\xcf\xc6\xe2\xd0\xe2\xd0\xf8|\x1f-[iq\xd1\xfc2\xb0\xda#\x1d\x0e\x9e\x9e5\xea\x88L`8\x9e\xa4\xa6&amp;\x14\nu\x87\xa6\xd7I+l\x95\xd2\xba2\x12\xfb\xd2\xe9C\xf6\x10\xd6\xbc\xd5\x8a+\xc4\x14)\x1eWbK\x9f\xbd\xf5h\xed\xe9\xda[\xeaB\x04\xa6\xda\xa8\xdf\x8em\x93Rz\xa3\xf1\xa1\xeb?\xa8j\xc1\x8b\x84\xce\n\xba\xe1\x00\x00\x03\xfbIDATU*W$\x89\xcce\x92\xd2\x9f_\x1c\x1e\x9e\x9eh\xa1%\x0f\x8d\xc7\xe6\x97\x07O\xb7\xb5w\xd0\xc3\xa4\x89\xc4\xd7X\xc0t\xa0:\xa0\x07\x0cu\x7f\xff\xfd\xd2\xbe\xc2T8\x0f\xa9\xf5W\xa7\xe0r\x8b\xb8\xd38\xde_\xcf\xc4\x948J\xf6\xc8\xd2\xea\xeb\xe7\xa1\x18,FP\x99J\xb5l\x96\xf5\x08\x81\xe5\x15\x95\x0b`w\xd6\t\xcbR\xae\xe0\xbc\xe0R*\xe5\xe2\xfb\xef\x0cgg\xfbZ\xe6Q\xec1\x1c[\xba\x90\xc4\x0fNjO"\x8dHd\x1bW\x0b\xa2:\xc5ru\xdb\xfeY\xd4\x95*4\x0e3\xd5da_\xf1\xe4VX*P\xf1\xbb\xb3V\xd4\x15\xca\xa5R\xf5\xb8\xb2\x1d\x93\xfa\xe3#\xbf{\xb4\xf6\xc6\xe3sM\xf5\x8d\xccv\xa3`6\x12\x94^\x06V&gt;\x9f\xa7\xf4\x05\x19\xeb\xa3\xdb\x84\x15\x00W\x9a\x06R\xa5\xac3\xca\x9f\xbc3&lt;\xb9\x00\xacNt8g.\x9c5\x00K;\xf6#\xa4\x91\xa9\x80\x05\xab!\xf8\xc1\xe5K\xa0\xd2\xe9\xca\xc7i%\xd3(\xca\x85\n\xb0\xd6|Nv\x166*\x0fa\xda\x01Q\x00\\c?\x87\xca\xb6\xfa\xe5\xda\x9bM\x9b\x99\xe3jA\x95\xcah\xd4?\x0c\xba}\x1cn+\xa5qO`\x05\x02\x85\xe3\xb4\x94\x06\x95Ng\xd4\xff\xe6"F#\xb0\xe0\xfc3\x17Z\x06{\xdf\xfb\xe0\x97ccP+\xd1\xd6\xcb\x15\xbf\x9dj\xa9\xe3\x94\xe3\xaa\xf6\xd2\'tQ\xb3\xb9\xdc\xc0W\x97\xe5b\x85\x92h\x17\xc3\x90\x05\xb3\xdb\xc3\x97\x93\xb2^6\xabl\xd5JN\x91b\xab\xe7\x9b*\xd5\x82Qo\xb1\xa8T\xc6\xdf\xe6\xdd\xa9?\xe3\x95\xb2\x03\xccj\xdd\xdbP\xb1v\x8atf#\x1dn\xd6\xff\xe9\xe2dtppa\x1e\xeb\x8b\xbe\x96\xae\x81\xf7\x1c\xda\xb1\xb1\xa1l\x82\x1eOG7H\xdd\rOB\xda\x8f\xef\xaa\x97\xd3\x15J\xe5\xa4\x9c,TP\xb90\x121\x10\xc9Z\xc2`\x97-8\xbdl\xe6=\xcdr\xa1\xba\x1f\x93\xe2\xb1\xa6\x82\x1eP\x16\xe2\x02\x96\xd9x9/\xb8\x10 s\xee\xddP\xb1\x02\x81$\x12\x88\x9dp\xb8\xd9X\xfc\xf9d4:\x81B\x81\x8e\xb9\xebt[\x04\\C\x89\xa9\xf1\xa8\xc1\xf0CXM\x93\xa0\x88\x84n\x15\x93\xb8\x9a +\x16\x93P\xeb\x8b\xeb\x8ag\x02\x85\xd4G\xbe\xa2$b4\xfe\x00\xe7\xb6\xe8e9\x89\x13c\x9f$\xc0&lt;\xf1&amp;\xbf\xdf\xc2\x9b\xdfB\\\xc0r\xb9\xf2&gt;\xc6\x02X\xea\x88\xd4\xaa2\xd6N\xc0B\xb2\n\xae\xe4\xadk\xe3\xe3\xa7g\xb1\xf0i\xe94P\xe1\xd2\x02+z\x9a\xd4\xa2\xaa\n\xaa\xe9\xdf\xdfM\xe2{\n\x11\x92\x08\x19\x97l\xa0\xdfZ\x18%,\xb6\x89\x9b\x12\xf2\xee\xceN@\x8fO\x8dI3\xed\x84#\xca\xd5\xfd&amp;"\xe2\x10\x92=\x03\x96\xcb\xeaK\xa9`G\x1bJ:S\xb5\xe0\xc8\xc0\x0e\x1d\xaer\x01\xacpef&lt;:\xb1\xd0\xd77?8\xd0\xd6\xee\xd0j\x13\xf8s\xc20\x11\xe5\xb91{\x85\xa0\x8cB)8\x17H\xd8\x92U\xb4\xa7\xab\xa3vQ\x1d\xac\x8c\xe5~\x97\xbe/v\xc6\xc7\xa4\x8b\x11\xfb\xeb\nM\xcf\xa9\xfc\x01\xf2\x97\xfe\x19M\x08y\xab\xdb\xa9\x92\xdd7)\xe9\x86&gt; \xf4\xda\x11\xfb@\x033\t\xf6\xc7\x99\xa8\xa1s~~\xc10\xa0\x89\x9c\x1c\xee\xa0["N\x18\xa2(\\\xd9+\xb7\x8at\x05\xa1U\x92]BTr\tM\xd7};\xe7\x8e\x95\xa2\xf8u\x80\rDr\x19\x8d\xaa\xc0\xe6\x17X~\x81\xe5\xf3\xa5 /\x91q*\xb7\x94~\xe9X\x07W\x82\x9b\x05\x13\x83\x83\xc0\xcc\xba[\x7f\x9b\x99\xed\xec\\\x98\x85\x9fP\xe7\xa7\xc6Y\xad\xa9\xe9+w\x19\nYa\xa9\x80\xc4X\xb2l)e\xa4\xeb\xf7\xc3\xcf\x81\xf8w\xfe\x0fzY\x0fo\xe9I\xd1\xa4Y\x95\xb8\t\xbe\xda!\xad\xfc~\\\xcf\x12x\xe6\xe3a\x88\x99!\xef\x06Xj-\xd7\xdf\x9fi\x94\n\x10\xccoa\xae\x800\xa1\x00+\x94\xfe\xf5\xf9\xc1,/^\xe1\xad\t\xc3l\xf4\xda\xdfU(\xa1\x15QQ\xf8\x89\xcd_\xce\xf4\x03\xeb\xeb\n\xcfp\xcfd\xc2\xe2\xba\x894\x92b8\xf1\xbf\x01\xb6\x84n\xf4Da\xfc\x95\x00\x00\x00\x00IEND\xaeB`\x82'</t>
        </is>
      </c>
      <c r="M431" s="3" t="n">
        <v>45492.67701388889</v>
      </c>
    </row>
    <row r="432">
      <c r="A432" t="n">
        <v>1069729</v>
      </c>
      <c r="B432" t="n">
        <v>1980</v>
      </c>
      <c r="C432" t="inlineStr">
        <is>
          <t>Lucas Freitas</t>
        </is>
      </c>
      <c r="D432" t="inlineStr">
        <is>
          <t>L. Freitas</t>
        </is>
      </c>
      <c r="E432" t="inlineStr">
        <is>
          <t>ZAG</t>
        </is>
      </c>
      <c r="F432" t="inlineStr">
        <is>
          <t>ZAG</t>
        </is>
      </c>
      <c r="G432" t="inlineStr">
        <is>
          <t>ZAG</t>
        </is>
      </c>
      <c r="H432" t="n">
        <v>184</v>
      </c>
      <c r="I432" t="n">
        <v>43</v>
      </c>
      <c r="J432" s="2" t="n">
        <v>36910</v>
      </c>
      <c r="K432" t="inlineStr">
        <is>
          <t>Left</t>
        </is>
      </c>
      <c r="L432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7450180-50f5-4d18-9111-1f6a3a515d6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3\xfb9\x00\x00\x03\x00PLTE\xff\xff\xff\xd4\xa4\x89\x01\x91p\x02\xa2|\x0f\x0f\x0e\x18\x1a\x18\x01\x95u\xfe\xfe\xfe\x14\x14\x12\x0b\x0b\n\xca\x91q\xd8\xa7\x8e\xd2\x96u\xd2\x9b|\x01\xa6\x84\x07\x06\x04\x01\xb9\x91\xcc\x9b\x81\xaay^\xdc\xe5\xea\xdb\xa2\x8a\x01\xad\x89\xd5\x9f\x82\xb4\x84j\xbc\x89l  \x1e\xcc\x97w\x01\x99{\x9fjR\x02\x86h\x01\x8an\xd7\xae\x94\xaf\x7fe\xd8\x9a|\x01\xb4\x8e\xe0\xa3\x8d\xc3\x93z((\'\xcc\xa0\x88"\xa5y\xd6\xe3\xe6\xcf\xdd\xe4\xc7\xd4\xdd\x02\x80f\x04\xb9\x9d\xc2\x8eq\x94^E\x93gP\x85_M\xa6oY\xfb\xfc\xfb\x02\xbe\x96\xd8\xb3\x9c\x8dbL\x9dpY\xa5aG$\xab~\xa1v_\xdc\xa9\x92\x02\xc3\x9d\x1d\x9du\x03}`\xc5\x8al\xd1\xaa\x94\xd0\xa2\x92\xe0\xad\x96\xda\xa1\x83\x95lY\xe7\xed\xeeoN=\xca\x88i\x8cYA\xc0\x82f\xe2\xa8\x87\xd4\x90r\xb2\x8au\xcc\x8e|\xe0\xa2\x84~XF$\x87evVF\xf6\xf6\xf4O&lt;2gG78*#\xbb\x8dv\xd8\xb8\xa5\xda\x96w\xda\x9b\x84\xde\xa9\xa2+\x9cu\x03\xc9\xa1\x1e\x93n\x13\xa4}\xd3\x9a\x8a\x9adM0/-A2+,"\x1cWD&lt;\x03\xb6\x97\xd3\x94\x81\xd0\x8dk-\xa4| \x14\x0f\xde\xae\xaf\r\xab\x82\xde\xb7\x9e\xde\x9c\x80\xb1uY\x88dY\xba\x80`\xc3\x98\x83d=-H\'\x1e\x04v[\xe1\xac\x8e\x15\xb3\x83yP;\xb7\x94\x80\xe0\xec\xec\xd2\xa1\xa1\xc0\x8e\x87\xa8zh\x07mT\x97oe\xcb\x89s\xa3\x80q\x99W&lt;\xcc\xae\xa0\xc9\x80b\xablP\xdc\xa3\x99\x02\x9e\x85\xda\xaa\x9b\xec\xf3\xf1\x84S&lt;\x03\xc3\x90\x06\xb9\x85,\x93m\xe1\xb9\xbc?&lt;9{]S\xe7\xaf\xa7aME\x02\x9es675\x01\xady\xf4\xed\xe7\xb4wa\x08cM\xaamg+{]\xb0|q\xb5lL\xd3\x92zkYP\xbe\x9d\x8d\x18\t\x04\x11\x9cv\x83YD\xc1\x9c\x98\'\xb2\x83\xe2\xc9\xbeX2&amp;\x88lc\x18\xbc\x89\xe1\xbf\xae\xbb\x83q\xa6\x8b|\xcd~v,\x16\x0f\xdc\x85w\xbfwU=\x1b\x14\x04\xaa\x91\x03\xb1\x9a\xcb\x92\x8b\xd2\x85eFED*gP\xce\x95\x94\xe8\xa7\x9c\xcf\xb5\xac1\xad\x88\xf1\xe2\xda\xd4\xc0\xb8\xb8\xcd\xd6B\xc6\x9d\xdc\x99\x99\xb5\xb6\xb4\x02\xcd\x98\x98zk?\x9bx\xcf\x88\x83\xdf\x9b|\xbd\xdd\xd6\x81\xc1\xb3\xb2\x8b\x8b\x8duj\x18\x88j\xbd\x86}\xbcvs\x9d\xcb\xc5\xec\xd5\xcc=\xa6\x82@\xb7\x8c\xe5\x95\x8a\xd8\xd9\xd7?\x89jhhc\xb3\x82\x7fs@4yg^\xc1\xc4\xc4\x13\x91q\xd2p\x89\xac\x98\x8a\x94\x81v\xd8\x88\x8e\xa5\xa6\xa4\xbe[rRON%\xc5\xa0\xd1\xcd\xce\xe4\xe0\xde\x12S?\xd9ufN\xb0\x9c\xcbvY\xde\x8cl\xc0g\\e\x16\x0c\x81CAZ]\\\xb4\xa2\xa4\xa8\xdb\xd1l\xb3\xa2\x1e&gt;3\xc1M?\x9d7"\xdb\x92\xa7\x86\x90\x87^\x86k\x94EQ\x80\xd5\xc2N\xd6\xafy&amp;\x17\xaaN`_\xc0\xad\x96\x91\x8e\x10\xd8\xb1w||,P@f\x96{\x8f\xb2\x92\x96_\x95\x92\x00\x00 \x00IDATx\xda\xcc\x98\xd1K\x1b{\x16\xc7+\xcc03-\x97`\x1e\xae\xce\x12h\x162\xbe\x19\x93P\x95\xecC\xcd\x12\x8d\xc1\x04\x89cb\xfb\x94\xccL\xf0\x12X\x92\xa8\x0f\r\x1a\x12\x9b\xa4\xdc\xe6%a\x18\xae\x145)\x15\x14\xccZ\x05\xef\xb0[\xb6\xb0\xc1\'E(T\xd2*\xe8\rA)]\x16\xfb\xb0K_\x16\xa4\x0f{\xce\xa4\xfd\x0f\x1c{\xcf$CF\x1f\xe6\xc3\xf7\xfb=\xe7\xf7\x9b\xb9u\xebz\x8a\xba\xf5;,\n\xea\xdb\xf9w\xc44q^\xaf\x9f\x9c\x9c\x9c\x1fMP\xed\xfa\xfe*9&amp;\xce\x9b\r\x8e\xe5\x04\x8ec\x85V\xe3\xcbU\xf3b\xc2\xf1=\xc94]\x9e\xd6\x1b\x02I\xd2$A\x92,C\x18\x08\x9a&amp;\x85F\xf3\xe2\xfbqQ\x8e\xf3f\xf3\xb3J\x12\x04C0\x0cM\xd3\x84\x81a\x18\x82&amp;iNi}\xa9\x0f\x7f\x170p\xaf\xae\x904\x8d 4c00\xb4\xc1`\x00B\xb8fhAe\xb9\xcb\x13\xc7\x8d\x83\x01\xd4\xd1\x17\x0e|\xa3I\x96\x05\x99\xa0\x00\xc8\xc0\x00\x17\x9cH\x86\x10\x04N\xbd:\x19\xa6n\xdd$\x1a\xe5\x18n*,\t\x99"\xdaL\x9aL\xb4\x81\x81\x901xMsjI\xe0\x94\xcb\xfa\x84\xc3q\x83Z\xd5U\x92\xe5\xb0X\x16cE@\x01\x1f\xc1\x91\xe0\'C\x93\x06\x86-\t%\x85c!d\xcd\t\xea\xa6\xa8\x8e\x14\x12\x08\x80\x0c\x14c\xf1@\xef0`\xe8"\x8d*\x82\xb3\xf8\x7f\x9a\x15\x94\x1b\xe2\xa2\x1c\'*\xcbb\x032Z\x92\x0c\xc0\x01\xc9o\x17\xfc\x05t\xe38P\x8f!\x00\xab\xc4)\xa5\xa6\xe3\x06\xb8\xa8\xe1\xcf\x02\xe8@2Z\x88\xb4X\x01\x18\xad\xa5\xdd\x80L\xd0\x980\xc28MLA\xe1J-\xecI\xfd\xa9\x1apC\xa6\x1d\xedo\xbe\x816\xa0\x18\xf0@\xcc\x18\x1c\x1a\x0c\xcb\xb2%\x82\xc0\xb3\xaa(\xa5#J\xf7\\}\xd6\xcccpx\x12\x08\x80\xcd\x08T\x00\xa2E\x9fAHB\x9bf4\t+\x92\xa0\xaa\x8a\xd0\xba\xd0\x99\x8b:\x17\xe0\x8ex[B\x9bU\x04\x1d\x8bI\xacD\x02\x18\x81\xd74\x9a\n\x8eB3"%\xc3\t%\xa1\x05\xf1\xd2w|Q\xc3\x97\x84&amp;\x12.~\xcfc\x92\x14\x14y\x1e&gt;|Pb5\xf30k@\x0c\xbf5t\x82\xe6\x04\xa5QR.\x9f\xea\x8b\xd5\xd4\x06\x13\n\x13\xdb\x9a\xe3\xf9\xf5\xf5\xc9\x80m\xdcf\xb3\x95e1\x18\xfb\xba*2$\x89\xe4\xd8\n,.\x91\x8aJ*u=SOM\xb4\xf0\xc64mx\x1e\xdb\x99}1j\xb5FL\x11\x13\xd6\x80-\x1a\rJ1-\xfd\x98|\xecL\x92A,\x96\xe6\x1a\n\xa7k\xba\x1c\'\x1c\x86\x1a\xfc\xdbY\x9f-Z\x07\xbfVd\xd0\x147\xd9\xe4RP\x92bP,4e\x0c\xe7)M\xb38%XU\x15\xd8\xba~X0\xddq|\xc7\xa4\xd8\xdc\xecl\xb1\x8dd}\x8ce\x1d4\x01\x17/\x8aAi\x0b\xd9X2\x16{N \x12\xc9I0\xbaT\xf2\x8bn\xa1\xa7&amp;.\x19\x98\x941I\x9c{\xff\xbe8\xb8\x02\x05\\\x005\x8a\\\x91\xfe\xf1\x11Y\x9c\x15wv\xb6\xb6\xa4-\xe8\x06)\x08\xdb\x08\x01\xc8\x04\xa5\x04+\xe4\xb9^\\\xd4\x85\x02\xa3H\xda\x12gG\x8am\xaa\xaf\\E\xd4+b\x1d}1&gt;9\xbb\xbe3\xa7Up\x8b\x0f\x82x\x8a\x08|\xc0\xa5pz5#\xe5h\xe2\xf2\x1c\xe4\xd7\x1fA\xd6\x0b++\xdf\xc04\x17\x1fG\x10\xec\xd1\xa3\xf7\xb3\xeb\xb3Xp^_\x8f\xca\xc0V\x12A\xab\x12\xc7]\xe9\xd3\x8c\xe8!\x88\xc5\x8f&lt;\xb2\x0e\x16V\xb6\xbf\x16\x82=\x86c0b\xb5\x82^\xc5\xe2#\xa8b\xb18::Z,\xbe\x08L\xca2\xcf+\x8a\x00~\xea\xb5\x04\x1dq\xb0\x1d\xe6\xa2\xb6H\xa1\xb0\xfd1\x0f\xf5q\xfb\xa3\x06\x86\xd1/\x98\x80\x0bH\x80Kc\x02P\xd3\xa0\xd5\xd47\xc9Ga\xd6*\xb03#\xeb\xba\xa4\x8b\x02\x0fa-\x19\xe9+\xac$\xf3\x9e\xac\xdf\x9f\xf5\xfc\xea\xc9{\xf2\xc9\xedx\x01k\x10\xe5\x1a\xd5\xc8F\xb5&amp;\x00I\xe3^{\x7f \xcaK\x10}\x9an\xe8\xe1"\xf5\xf4\x92 9\xae\x95\x88\xc4\x93^\x8f\xdf\x15\xde\xcd\xfa\xb3P\x9e\xbcw;\x8e` \x0e`\x81b\xa3\x8f\x8b\xa307\n\x85\xf8\xf6\xb6\xa7\xd7l\xb6\xc9\xa2\x84;FU\x8f\xfd u\xc4\x11\xac\xa2V\xdc\xa6m\x0fPA\x85\xa7\xa7\xa7\xfd\xfe\xdb\x1e\xaf7\x99D0\x93)\xd2\x16\xccj}l\x05\xb1\xe2\xc9\xa4\xb7\xbb\xbb\xd7\xd2m\xe3\x830(h\xe1B\x1f,\x12\xf6\xe6\x89\x81x\x12\x1ct\xb9\xe6\xe7]\xe1\xb0\x1f\xb0\xb2\xf7\xbd\x00\x86\\\x11\r\x0b\xbe\xd6H\xc4T\x88{C\xa1Pw\xc82\xd3\xeb\x1e\xe1\x05\x85$\x05\x1d&amp;=&lt;V\xd04W\x92\xdd\xf6\xf8\xfd\xac\x7f\xd75?4\x0fz\x01\x96%\xeb\x07\xae\xe4R&lt;n7E\xfa5\x1fq\x91,\x18\x97\x80(\x15\xb2\xf4\xb8,\xce2/\xaa,\xcd~v\xe8\x80\xf5\x85\xa1\xa5R\xc5m\xf7\x82Xa\xf0\xf0\xe7\xb6Z\xfe\xec}\xc0\xda\\Z\x8a\xdbA-M+\xc4\xb2\x1b\xcd\xdd)\xa8\xaa\xcb5\xd3u G\xf1\xf9M\x87\x89\x8a\xdbRR\x88\x96\x070\xef\xd3a\x17\x1c\xe10D+\x9b\xdd\x04\xac\xa4\x17\xb1 [\xa3\x18\xad\x88F\xd5\xd5\x1dJ\x85f\x86r\xb9\xaao\xef\xb8\xa2J4]\xba\xd0\x01\xabA\x90A9aOz\xc6V\xc3\x88\x14\x0ewN\x83T\x80\x04\x16jT\xa6\xaf\x817\xd9Mv;`uw\x87fr\xaf^\x01\xd7\xd9\xb1,\xd2\x84\xa0\xc3@u\xa8\x04+V2Ky\xc0\x9a\x86&amp;\xc4\xcfj\x16\xdapI+\xa3\xdd\xd4\x16\xeb\xc5h\x04\xa0\x8cF\xb3\xb9\xab\xab\x0b\xb1^\xbf\xca\xf9\xce6*|\x8c\xe6\x8et\x18[%R\x8a\x96\xdd\xde_\x7f\x1a[}\x18~\x08\xc3auuz\x0c\xb8P*\xf3\x12\x08d\x8a\xf4Y\xfbQ,\xb0\x10\xb1\xe0\x1b\xea\x01\xac\xd7\xb9T\xed\xe08\x1a\xa4\xd9\xf3\xeb7\xd1\xd1\x02\x0f\xcbf\x0f`=x\xf8\xe3\xc3\xe9U\xc4\x02\x17q6\xd8\x8dh\x1bf\xcb\xda\xdf\x17\x190\x01\x13@\x19\xd3\xe6\x90K\xc3:==\x03,\x89\xd4\xe1I\x83\xba\xe4D9\x81b\x8d\xfd\xf0G\x94\xca\x8fX\xab~\xbf\x07b\x05H&amp;\x94+\x82\xdbh\'\xc6\xbd\x0b\xc5\xea\xb2\x00\x16\xb8X\xad\x9d\x1dW\xf8 \xf9Y\x87U\xf12\xc8W\x9cy\xc4z\xb0\xea\xd7\xd6\x1d\xff.D\xdf\xb5\xbb\xb9\xa9E\x0b\xd8\x06\x00l\xa0\xdd\x84\x80e6w#\xd6\xd4\xd4T\xaeZ;\xa8\xc0\xd2xu\xedX\xd0\x89"_1\x03\x16p\xf9\xd1;\xaf\x17\xb8`\xae\xce\xffma\xe1ps\xd9\xf8\xcc\xf8\x0cD\x1bp\xa6\xd3i_(\xb4lF\xb1,=C\xaf^#Wj\xaf\x1c\x90\xc5\xa6\x0eXW|4\x90\xcc\x03\x15\xe8\xe4]zfL/\xbf[X\xab\xae\xcd\xcf\xaf\xed\xeej`\xcb\xcbi\xe7\x80\x13\xb0\x9c\xed\x1f\xc6\xaePo\xe7\x10\xaa\xf5\x97{\xa9\xc5\x8d@@\xac\xeb\x80\xd5\x9c\x94\x03\xde\xfcOc\xb7\xefg\x97\x12\xb2,G+\x1bg\xb5\xfd5\xa8\xdd\xea\xda\xda\xc2\xe1\xe1\xb2o\x19h2\x99\x8c\xdb\x9d\x80GG[_\xba\xab{\xa6\'75u\xef\xde]W\xed Q\xe6u\xe8D\xea$0\x12\x00\x13o\xf7n\xba\xe5\x96\xaa\xb6\x14UQK-D\xabV\xd7\x16\x16R\x87\xbew\xcb\xce\x8c;\x91(W\xe4(\x14/\x07\xdcfp\x11\xa8\x10k/\x93\x90/\xae_,\xea(\x11\x187\xe6=\xb77\x13\xadF\xa3q\xdchq\xb0\xa5`YE.\x9f\xed/T\xc1F\xdfr:\x93\x08\xc8QQ"Y|1\xc2\xc2Z\xe5\xeb\x1cB\xaa\xbb\xd5\xda\xde\xa2\xbb1|\xbdX\xd4/o.&amp;.26\xc4\xca\xba+\xc7\x07WW\xa7\xa7\xb5\xbd\xe3hI\x14E\xb9\xb2\xb1\x98ZH\x85\xba\x9c\xce\x8cm2Z\x12\xd8\xf6\x0bg\x8e-\x95\x1aWCCw\x11k\xa8\xb6\xe8s\x9e]\xef&gt;\x90\xfa\xe5\xe1\x87\xf8\xe9\x89\xbbo\xdc\x9e\xf7\xf4&amp;\x8e\xcfN?\xad\xadUgR\xa9\xc5\xcc\x06x\xb6\xb1W\xf3YB!s\x9f\xcd6\xc2\x8b\x1c\xbe\xe8"\xa5 \x0f6\xf2\x8d\xfa\xeb\xaa\x86\xe5\xaa-\xa6\x9c\xd7\xdc\x88\xd4\x9b\x0f/?\x0c&amp;\x8c\xa6\x17\x03y\xcf\xe6\xc6\xd9\xfeZ\xce\xb5\xf0\x0e,\x83 e\xf6\xd2f\x9f\xc52\xd3i1\xf7\xc1\x83NT\x0c\x06\xe7\x80\xa8R.\'2\x8b\xb5\xd3O\x9f\xce\xaa(\xd6L\xcd\x97r\x9eP\x8e\x89\xeb\xdb\xcfS\xb7\xde\xfc\xe7\xaf\xff|9\x98\x8f\xf7\x9b\xf2\x9en\xdfB\x8fk&amp;\xbd\xb8\xbf\xbfh\x1bY\x9f\x9b\x9bL8C\x96\xce\x8e\x8e?,\x99\x9c\xee\xf2$?\xc7\x8f\x94\xb1\x80\xcaW]\xab~\xaa\xf9\xee\xde\xbd\xd3\x91Z\xacZ\x9c\xf5\xf3\xd3\xdc\xd1\xf5\x19\tj\xfd\xf6\xf6\xed\xcb\x7f\xe5\xad\x05\x88|\'P9\xd3\xfb\x07\xd1`\x8c\xa6c[;;\x81\xf4B\xc7\x9f\x9eL\xc7\x8d\x96\xd4\xc6\x1c\xbe^\x8a\x96\xcb\x93\x93#\xe3\x89L*\x07\xbb\xad\x14b\x85\x10\xab\xf2\xbf\x95\xf0\xcf\xd7\xd8\x8d\xffx\xf9\xf6\xed\x93\xbf?\x18\x8b\x14&gt;z~\xf8\xb1\xc3u\xb8&lt;\xc0\xab\x97\x97\xac\xc1@\x00\xd7\x9c\xed\xd0\xf5\xe7\'\xfeB|\xe64\xf8\xfcy,X\xd9\xa8\xa8Aind\xb1\x96H\xe5\xa6r=Cw\xeet\xf8|9\xcb\xec\xbf\xff\xeb\xff?\xadf\xf4\x92\xd8\xbe\xc5\xf1|\x8a3:D\xf7J\rC\xd0\x88s\xe200SF\x8d\xcc&lt;\x94ZY\x9aJM\xe6\xd6\x97\xbcN\x14J\x8e\xa4H\x1d\x8d2M\xa2\x87N\xfbp(\xc4\x9adDEGM\xd0\x83\x86\x821(\x18J\xe0p\xb4h\xaeg.Ehy{\xd0.Aq\x98\x87\xbbv\xcd\xf9\x0ft=\xee\xa7\xcf^k\xfd\xbek}\xf7\xfe\x15K\xce\xcam\xce\xeb\xb94*"s\x91%\xc8\xd6C"\x1e\xf7\x94\xa2\x1c\xff\xeb\xdb\xff~\xac\xab\x93\xbe\xe1\xdb\xed+\xae-\xb2\xd0@\x15\xbf\x1c\xa9\xc3\x9eH\xfe\xf5\x1b\xf6\x03\xc8"\xf9r93\xad\xef\xe8\x06\xac\x86\xc6\xd9\xc8\xec\xcd\xcd\x8e\xf9\xa2\\\xa8X\x15k\xd7sq\x9b\x8cL\x96\xbf\xdb4L\x92\x88D\xdcD\xd7\x86\x0ev\x82_\xdez\xdeJ|v^\xd3\x00[\xbeu\xbe\xb8\xd4\xd8g\x01\x1a\xcb\x8f\xdf\xbe\xfd\x06X\xff\xfd\x8fd^7\xd7-\x10@\r\x1b\x1e\xb5\xd8F\xa9\x9b\x0f#77\xf9\xf5\x8a\xf5V\xd8\x8b\x9e:\xc9!\xf9\xceN\x80Mb\x10\x89\xc4\t\x8e_\xff\xe5\xa3b\x04Z^\x95\xedt1\x11\xa1{i\x91\xba\xd0(\xc1\xd2%\xf9\xe3w\xe9\x0f?X\xde\x1f\xf6\xf5\r\xce\xd2`\xf6\xe0\xf0\r\x8f\xbam\x93\x81@\xfc\xa0xQ\nWL\xe1\x0f\xd2\x07\xab\xb6\xd7\xf7Xr!W(\x04\x8f\xa1\xb1j\xcd\xe2\x95\xacR9\xf3\xb2+\x80\xc4\r\xd4E*\xb3~\xc8Rg\x91\xaa\xc6A&amp;|\xaa\x91\xb6\xcb\xedYl&amp;v\xe0\x18\xa4\xaefg \xce\xcc;\xa9\x15\xc4j\xb7\xc9B\xe9\xf8\x199\xbec`"\x08\t\xa8\xc0_\xd0\x82Z\x17\xe5\xc5J\xb6\x7f\x83Y(\x14\xbcy\x0c\xeb\xe1\x93\x11i\x9d\xc5g\x1fQ*\x95+\x94\xd9]}7\r\x9b\x89x\x1c\x89\xd9,(\xa87\xf3xW\xe5\xb0j\xdam!\xaf\xf7\xec\x8c\x88\xe4\x03\x93\x08"\x84\x18\x1b\x0b\xfa\xb5\xae\x8d\xa6\xfe~S\x17\x1bA\n\x85\xb3&lt;\x95\xba\xc9$&lt;~\xa4\x90X\xa4&gt;\xbb]9\xd3\xf9\x8f\xe9\xeen\\K\x0b\xad\xa3\x19O$M\xe2\xa7\n\x0cC\x80M+\x97\x0e*\xa4\xf5\xb5\xed\x07\xe9\xb33w\xd4\x89\xc0\x12\x18\x97\x0b\x89\xc41\x7f\x8c\xe3N\x81\xb9\x18\x00\x87\x1d\xf3\x16\n\x01\xc0\xba\xdd\x0c\xb0\t\x9cQ\xdd\x9a\xca\x03\xa2\xa1\xec\x87\xed\xa1\xbe\x05B\xd0\xf1\x1aO\x9a|MG6\xf3\x93\x86\x89\xcdR\xb8\xb6b\xbd\xe5=?\xcf\xad\xda\xb6`c\x96\x13\x85Q\x9a\xc6\x18\x9d\xf0\xba\xddnC\xca\xed\x8ey\xef\xb0\xce\xa9K\xe7\x93\x08\x89P\x0f\x83\xb2M\xa9RA\xba^=\x19\xad\xafo\x81\r\x02\xd2\x05X\x03\xe5\xf2\xe2\xe2y\xcc[)\x81\x80\xde:+\x01\xd6\x16\x1bVS2\xd9h\x14\xc9D\xd1\x1c\x86\x05\xa1\x8d!\xf2x\xc1\x0bXT\x030\xe3Z\xa6\x07\xe7;;g\xb23\xfd\xe2w\x03]\xcf\x01\x0b\x8e"\x1e\xcf&amp;\xb1\x16on..\xca\x13h\xc5d\xab\x1d=+\x95b\xe9x\x1c\xd6x2\x1e\xa8\x00+\x9d\xc3\xc0b\xb1\xd8\x84\x90\x1c\xf7z\xdd\xe7\x8b\xd4\xd4\x840\xbe\xdc==\xf8\x8a\xf7\x01\xfb\xf8\xf6b\tN\xc8c\x0cK\x80\xc7#\x08\x01\xa3\x02\xacp\xc5\x86O;\xea-\x95\xdd\xe94w\x92M \x1a\xe9\xb2U\x19\x06\x96\xcb\xc5\xa0\x8c\x863\xb7\xd0[\x00,*\xf5\xdc\xc0\x0c4L\x8b[;y&lt;\x80\x12S\x97v\x02\x84\x86\xee\x0e\x81\xc0\xd9Lg \x01*P\xdd\x94\x85\xeb\x15\xc3\x1aF\xa3\xf9R*\x94\x96c\xd9\xa2\xa3\xceU\x08\x8c+\xe6&gt;?\xdf\xcc\xc78^o\xda\xeb6-\x01\x96\x81Y?\xe3S\xd9\x95\xd9\x99\x17\xe2\xa5\r\x03\xbb\xa1\xb9C\x10\x89\x00\x16\x91\x11`+1,\xe3p\xe5&gt;?\xa0ih\x9e\x10\x19\xb2\x85\x00\xd6\xaa\xed\x8e+\x9a\xc3R\xf4\xce\xed\xf5\x92Q\xd1j,\xb5q\x1e\x89t/\xec\x88=\x16\xec \xae\x88)\x80%\\\x16t8#\xce\xd7t"}\xabP\xf4]\xdc\x94D\x15\xc3\xaamwFCg\xa51\x94\xfe\x1dk\xf5\x1e\x0b\xfa\xa9Hu\xc7\xd2i\x91\xc8(\x8b\xa5\xde-`_g\x06\x06\x94\x16\x8b\xc5\xa7\xca\xf6S6\x98\x9c\t\x98=6\x9b\x00O\xa7;9y\x8a\xef\xa2\x1c@+7\xa9AN\xd1t\x89\xe3D\xc1P\x93C(\x8a\xca\x00\xeb*\x96Z\xcc\xae\xa4\x82Q\x91l\xcc\x154\xc6(K\x0b\xb4i\x97?\xa8\x9f\x03,\x8f\xcf^lJ\x81\xeb\xd6Gl6\xe7\x14\x91N\xb7-\xb0)\xe5\xc5\x1d\xba\xb3b\xeb)\xe8\x16\x8a\x86\xbcr\xd4\xb9\xf5\x1d\x0b\x95\xc94\xb1\x948\x9bm\xe2D\xa39SQ\xf5\xc6\xbf \xa6&lt;wH|J1G\xeb\xc3\xb8T\xcaNsRK\xdb\x05*\'\x9dAw\xda\x02\xb4r\xb9\xa0N\x1fT\x10+\x8c\x02L(\x84nM\x02V\x88\x1eBE\x9ah\x8c\x92\xb5w\xba&amp;\x00+\x95L\xcdk\xcd\xad\xae\xd9\xf7|\x8f\xef\xe2]r\r\xe6\xb5Ge/\x9a\x92Im\xe43$K\xcdU\xdb\x04\x81\xc6\x9b2\x97\x9e\xae\x9c&gt;\xd4\xd4\x0e\xaf\x02\x14\x90mM\x12\xc8d.\x99,\x12i\xfc\x1bE\x15/\xc9\x89E\x83\xc1X2\x18\x8d\xc6L\x1c\xbd&gt;\xd3\xd3Jy\xaaM\xf0\xef\xb0\xb2b\x97\xd6\x1c9\xb19\xe9,\xc0"\x15\x9e/\xe6\xa7Xh%=\x19T1\x1d\x82\x8c\x91\x98\x042W\xce%\x1bE\xc1T\xbfjh\x94\xe3\xf7\xc3\xc8\xced2Z\x8d?Ei\x9c\xd3}\xd2}Lh3o`\x17\xf4\xd9\x95\x1f\xe6\xb4\t\xbd-2\xa5fq\xe9N\x04A\x02tu\xdaVIK\x06\xe9\x92aU\x142\t\xdc\xb8\\\x0e\xf3\xc7\xdfdW\x98]\xc9d"c\xc6\xcc\xa2#\x114\xb7\xb5\r\xf5\x8d\x8f\x83i\x9cs\xbc\xc5\xce\xa2}\xe6U\xc6\xaa\xdf\x15\xd0\x01k\xca\xc9e\xe7\x03da\xf4\xa0\xc2\x06vU\x16\xe2l\xe3\x98H&lt;\x0e\xe9"\xd2\\\xd9}\xf3\x9cy\x1eB\xe18\\[s\xcc\xcf\xf5\xf0\x94*&gt;\xff\x17\xf0\xd8\x9ft\x87\x9e\xbb*\xf6\x0cn\xeb\xf5x\xa0\x02\xac\x06\xa6\xc1\xebN\x1b\xc3\x95\xc5\xaa\x1d\x0e\x1f\x84{\x05]\x08\x96\xad\xb8\xd0_&lt;t\x0c)\xc0\xbc\xce;\xc0\x12\xbeW\xac\xf1\xda\xee\xad+\x9f?\xbe\xa6p\xe8~\x95J=\xf6\x95\x1e\xf3\xac\x95F\xc4\xb0\x9cSK\xf9\x05o,m\x1b\xae\xa9l\xd4b7\xc4\xc2\x0f\x10.P!\xc4T\x9fcdD\xf1)\xa3\xd5f\xb4\x89D"c\xeai\xed\xcc\x0e\xf1\xec\x12\xbe\xe4\xd7\xa15\x87\xe3=_*\xf5\xcd\xcc\xe9f\xa7q\x0c\x16\x8b\xcbr\n\xbe,\x1a\xb6\x8ch\xb8*\xbf\xee\x86q$\x16W\x8e \xc4&amp;\xc7\x9aj-a\xd5`q\xa5\xb9\xba\n\xc6\xdc)\x93\xc9\xd4_\xcc\xf2\x14\xfb\xfb\xfb\x0e\xb0\xb6|\x8frp\xb0q\xb4\x81\xc1e\xb1\xd4\xce\xf0\xf0\xf6\xd2\x84,\\S\x8d\x80)\x04X\xf18"|\xa1\x9b\x19R$@\x1b\x8es\xb9\xab\xab\xab\xdc\xf1\xf1\xd7\xdb\xdb\xeb"D\xdb\xcb\xcc\xb6u\xf6\x90\xffV*\xb1S\xb6\x9f&lt;\x7f\x08\xd9b\xa9m\xed\xb5\xc3\xa7\xe1\xe1\xda*c5%Wz&gt;\xcc\x9b\xae\xb3\xd7_\x8f\xef\xe3;\x16\xefz^\x97\xb0\xd2&gt;B\x11%\xfc\xfe\x96\xc6G\xf7X\xe1\xbbK\x82\xd5\xbar\xd0n\x8bC\xa7@o\r\x0cR\xccsv\x95\xcf\xf7\xf5j5";\xd1h\x8e\xf62\x99\xc4\xfeZ\xb6\xc8kS\xe8L\xe6y\x8f\x94\xffF\xd2Y\xff|\x80\xc0`\xa9YS\xc35\xd5\x8c\xda\x039\xbc\xbb\\N\x1c\xd3\xbaF\xb5\xf3&gt;\x8f*(;==\xe9\x8d\x9c\xfc\xfc\xec\xf2\xf2\xd9\xd1\xde\xfe\xe5\xde\xa7/\xff\xb6\xab@ \xc6\xfb\xc6[[\x1ew\xdda\xd9\xaa|\xaf,\x8c50\x97A\\\x1e\xe3$\xfdA\xb3J\x95\xf8\xdc\x0b\xf1\xf9\xb4\xf7\xd9\xe5\xd1\xb3\xa3\xa3?\x8f&gt;_\x9e\xec\x81\xb7\xb6\xf8F\x86\x94M\xb8\xfa\x07wX\x07\xd5\xa5\xaa\xbd\xc3b1\x88\xa2\xe51\x7f\x90\xa6I^gNz{O{\xff\xf9\xd3O\xcf\xf60\xac\xbd\xa3\x9f\xf7NN\xfe\xa8\x93z|#\xbc\x99\xc6f\xdcc\x02\x89\xa5V\x1f\xd4T\x19\xab\x01^^\xcd\xc5/\x8b\xf04\x9aQ\x03\x93\xf08w\xa5\xd5X/\xf7.\xff\xbc\x84\xf8\xcbj\xcd\xecZ\x15\xd9O\x87\xaa&gt;^\xeb\xe3f\x1c\x81@`\xa9\xe9\xe1\xeaf\xab}\x1dSG5\x97\xb8,Z6\x821\x13\x89\x82\xc7\x7f\x9f\xc4\xbf#\x95J\x99\xad\xdb:e_\xdb\x13\\\x07\x9e\x80e\x8b\xbe^\xe5"\xae\xb74`U$\xbe^\x16\x01\x14\x18 \xd8\xe81\xe1\xba\xc3\xba\xbd\xbd\xfd\x9a\xb2\xc2\xe2\xbc\xab\xdf\xd6\r\xb5\xbdz\xda\xdcq_\xc4\xa9j\xdf&lt;]\xaf\x07\x1d"cU\x84\x00\x17{\xe7\xcdd\x80\x85Q]__\xdf\x9a\x12\xbb\x91\xc8\xae~Z\xd7\xf3\xaa\xb1\xbe\xb9\x99\xf1\xe0\x01I\xad\xae\xb2&gt;@\xb6\xea\t\x0c\xaeZMf\x00\xd7}\xba\xee\xdc\x06\xc8&lt;&amp;\xa7\x10\xa6\xa4&amp;\x12\x11t\xcf\xea\xe6\x1a\x9f\xb64\xff\x9f\x97\xf3\x8fi\xe3&lt;\xe3x\x8e\x928\xbd\xf3\xb5\x9ce\xee\x0e\x0b\xc7&gt;|x\x99\xd0\xd5\x06\x8c7\x9ba\x83\x1d(\xb5\x03\x01\x12\x83\x137\x94\x84B\x15C\xc0\x138\x84\x18\x8a\xaa\xa1\xa0\xd2\x04\xd1.\rD\x80\xf2kP\xf8;\xb4#\x93\x93\x98\x15B\xb2\xc4(,b\x11\xd1\xd4th\x7fM\t\x7f4J\xa4\x8ae\xdb\xf3\x1c\xe9\xfe\xdb\xd6\xaeq\xce\xb6\xfc\x8f%\x7f\xfc}\x9e\xf7\xfb&gt;\xcf{\xefk\x1d-\x8f\xc4\xa6D\xefk&gt;\xc5\x90\x02\x0br\xa9\xd5\xa8\x16r\x9d\xf8\xfa\xc4\x89\xce\xcf\x8f\xc1\x8c\xd8\xddr\xce\x9c\x17\x99\x0c}\xf0[\xa7\xb1\xc3\xeb\x15\x8d\x14\x0cD\xc0jo\xff,\xd1\xdb;+\x19\x87\x92\xc5\xe5@\xf5\x86\\{Q\xadC\x9d\xe7\xaf\xdf\xedY\xe8^hiqG\xbc!\xa7\xd3\x18\n\xe1\xfe\x07\x9d\x8e\xd5h\x84\xb2v\xeab\x82\xc5\xca\xa94\x92$r\x95A\xd2\xf7\x02W/p\xfd\xeeP\xe7\xe7\xe7\xaf\xc7\xc6\xa1\xf6jq\xdb\xce\x84\x8c\xc6\x90\x18\n\x19\x0b\x9d:\x8a&amp;5\x82\xeb-"\xd1X\x90[#\x92\x06\xb2^\xc6\x82\xae\xb5\xa8W\xcez\x88\xe2\xdd3\xdd\xeen\x93;\xe6\xf5\x89&gt;1\xc4\x18\x9dN\x1d\xc6P\xc3\xba\x08\xddK\xc0\x12$Q\xc3\x96\x95\x19\xecvL\xae/pU\xe9\x10\xd8*`\r\rY\xad\xd6\x08\xe7\x9d\x9c\x04\xa9@+9\x864`5\xddV$\x1c\x8b%y\x12\xbe\xcbP$c\x1d\xef\x85.ho\'\xb4?7\xcfD\x86\xb2mC\x11=\xe7\x13\xe5\xb56\x8b\x85\xa2i\xc0\xa2u/\x03\xcb\xaf\x940\x8cT\x11\xc8e9\xfeE\xafA}\xa5\x13\xb0~\x7f\xf3\x0c\xc8\x85{\x0cx)T\xe8tZ\xaa\x9bt\x04K\xc3\xc5X^\x06\x96 \x90\xbc\x04\xe3\xcbn\xa7`f\xdc\xdbk\xf0\xd7^\xe9\x842\xf5\x0fX4\xab\x86\xf4\x9c\x182"U\xb5EG\xd0(\x97\xae\xa9)\xc1S"\xcc\x89\x8c_P\x02\x17)\xb8(\xaa\x10\xbd\xbe\xd7P\xdb\x0bj\xddD\xaa\xa1\xa1l\xce\x17\xc2\x08\xe2]s\x8a\xa55\x1a\rki\xb2\\Nx\xca\xb3~A\x10\x1cz\x9e\x1ca\t\xc2hG\xbd\xae\x80Z\x90ZC\xb8G\xe3\xb0\xd7\x17\xc2[\xf9\x98Y \x16\x8cD\xaa\xa9\xa9\xe9T\xa2}\xeb\x14+477+y\x0e\x02\xc900\xe2P/\xdc\t\x01\x89\xd5\x8d;~8n\x0c\xe6D\x8b\x93 X\rIJ"QdI&lt;\x96B\xc6*s\xd1&lt;\xc7\xf1\xe0\x99\x1d\xb8\r\xa2\xb0\xb3\xf3\xd8\xdd\xc8Pw\xb7;/\xcf\xad\xf7\x8eA\tQhd4\x1a\x89\xe7%\x96\xb2\xbc\x0c\xac\xcb\xb4\xe0o.+si\x80\x8b\xf3\xfa\xa6\xee\xcb\xfb \xce\x1f\xbb\xdb\xdd2`\x1e\xa8\xa8\x18\x80\xd9g\xec\xfcXGH\xc2\x0f\xf04\xa5\xb3\x14Y&gt;K4\xd6\xa6\xdb\xca\x9a\xe6f\x03\x94\xcd\xa8\x05\xd7\xb3\xb0\xbc0u\xfd:\xb4\xd6g\xdc\x03\xc5\xb8cc\xb0\xc2\xdd3u\x7f\xc1\xeb\x8d\xd8Tz^I\xe8t\x90\xf1\x89VK\xa1\xb8\xd8X\xd3\xec7\xb4\xbfe\x80\xcc\x01A\x16F\xff6:\x1e\xeb\x8e\x8d\xb7\x8c\xee\xae\xaf\xaf:y\xa0\xaa\xbeb|\xf9\xab\xe5\x9e\x88J\xdf\nM\x0f\x05X\xd5\x80\x95\xe0\xe24\xa7\xba\xb1\xc6\xa5\x86j\xbe]\xe6\x92zF\x07O^\x1a\x1d\x1d\x1d\xc4U\x91\xba\xba\xcc\x83\x99{\xea\xbf\xfa\xa4\xca\xa6R\xb5\xf2HE\xe9\x9c\xba\xea\xa6Dcm\xaa\xd4y\x00\xcb\xd0n(*R\x83+I\xde\x81\xc1\x93\'\xeb\xea&gt;\xc9LK\xdb\xba\x19\x8f\xfalNK;X\xd7\xa2\xd7#\x15\x8bba\x14\x13\xaeV%\xe1\x11\\\x06\x03P\x15\xb5\xbb\xc0\x96D\xdf\xf8\xe0\xa5Ku[\xb7&amp;\xcb\x87\xef\x90\xec`\xd5\xa8\x8d\xe7\x1d\xa4\x92fY\xc2\xa9s:\xab\x13?\x12+5\x1e\xa1\x0c\xb0\xec\xedE\xedj\x17\r\xce%z\xbbG\xeb3\xf10\x1b\xbc6\xa7e\x1e\x184\xdb\xc0\xd4H\rM\x83\xdf\x16:?p\xbe\x04\x838Ez\x9a\rj\xc0\x02\xb9\xec\x14\xd8\xbc\x91\x11C\xbe\xc8@\xd5\x01\xc8\xab\x83i\x99U\x83\xe5n\x15\xc7\x93HE\x13F\x82r\xbe\x14\xb5\x10\x0bK\xad"\x8c"\xa5&amp;\\\x84\xcb\xc82\xa2\xd7=Z\xbfg\xcf\xc1=U\xc5f\xab\x1e\xea1\x1a\x03\x08\xccF\x02&amp;\xed\xc4\xab\xa5\xf8K\x89\xe7\xcb2\xb5,\x16\xeaeWS\x14\x8a\xc6x#\xe6_V\xfdf\xb7L\xa5\xa1\t\xc2\x85J2x\xef\x15\xf7#%\x1c\xebv\x89\xc7\x0f\xb9e\xff7\x97\x9d\x82\x17a\x14y\x9b\xd9\\n\xces\xabx\r\x84\x0e\x8c\x81`\x19\x86aA.\xc4\xba\x9c0\xc3\xca\xc1\x13\xdc9\x17KF0\xb7\x80\xaa\xf79\x13\xc8\x05X\x1a\x89\xb3\xd9lV\xb7M\xc5\x89\x0c\x85\xbe@\xa1Z\x8c\x11m\xdeb\xb9\x9c\xa8\xc3!w\xfe|\xf5O__\xfdf\x01L\x1e\xd52\xa8\xed\x88\x05P\xd0\x99Q\x04\xb3S\x9a\xe4\xf4\xc0\x05X\x12#\xbb\x15RA\x8dA \x97\xee\xea\\B\x0e\xd3\xe4\xdcy\xb4\n\x06\x90\xfc\xean\x8fG\xf0\xc3H\x04,\xbba\x83\n\xb8jEQ\x9c\x9c\xe4T\xd0ads\xbc\x06H\x9c\x18CQD.\xec\x80\xfe\xf9\xf4V\xdf\x8b?\x96\xae\xe8\x9b\x9fX\xc5\x03\xa4{L\x8d\x1e\xa1\x19l\xde\xa0\xee\xc5\x00\xaa\t\x80"j\x1bv\x8a\xa2o2b5\xe5Ymz\x8e\x84n\x9a\xc2\xc2\x06`\x19\xa3\x8c\xf5\xcd\xd3\xa7\xf3s;*_l(\x159s\x13\xbf\xde\xfcz\xdaZ\xfd\x9b\xd9\x80\xe5\xdf\x90K\xc6b\xd1\x08j\x99\x9d\xa2\x8f\xd7\xdb\xdc\xe6syV\x8c"\x8eB`\x02.he\xc7\x8c2V4\xfah\xfej\xdf\x0bTL\x91s\'\xda_\x90|\xfaY\xf1\x9b\xef\x1c\x06,\x01\xb3\x0b\xc9 \xd7YA\xc6\x92|&gt;\x9f\xdej./\x87\xa1\x08X,Py{\xe01u\x7f\xa5\x03=\xf5\xef\x0f\xa2\xd1\xe8\xe2\xe2\xec?\xe6*_\x14\x18\xa4\xfb\xb7\xfd\xfd\xab\xd3\xf7\x8a\xdfx\'\xfb\xd3FO\x8d\x00\x95\x8dA\xad\x86\xa7\x9a\x00\xb5jk\x8d\x88\xe5\xb5\x99\xca\x8b\x8b\xcbM6=\xaf\x81\x00\xf6@w\xed\x8dMyW\x8c\x04`=\x96\xb1ffV\x87\x1f\xcd\xbd\x90\xffdP(*\x1fF\'&amp;\xfa\xd7\xa6w\xbd\xf1\xb3_}\xdaZ\xe2\xa9\x81\xb1\xa8\xc6{\x8a\x86\r,\x96fD\xa8\x089\x9b\xb9\xe2;,\r\xe9]\xe0y\xbe\xa7G\x9c\xea\x800\xae\x8c=\x8e.\xa2Z\xf1\xe1\xd5-\xc1\xe8\xad\xa39?r\x81^\x91\xb3\xe3\xe1\x93\x07\x13\x1f\x82Z\xcf\x86\xf1\x84L\xa9\x03\xd4\xfa\x12\x92\xde\xa5.\xf3\xab!\xb5\x085\x0e9\xc9\xc7sV\xc4:\x92g\xd5\xf3")\xe9\x97\xbbm\xb1\xfb=\xf7\xa7\x80\xabce\xe5\xf1\xe2\xe2"\x06qim[\xf0Z0&gt;\xbf\xe3G\xfc\xf7\x81b\x93\xe2\xe8\x93\x8f&amp;\xc2\x13p\xf5w\xad\xedJ?\xdc\xea(u(\x95\x90\\\x82\xda/? @8\xf5\x88P\xa7\xeae\xac\n\xc4"\x1d\xe8a1\xa8\x9cA\xaf\x8e\x8e1\xc4\x8a\x03\xd8\xcc{KkI\xa9\xd7&gt;\xfcx[\xfc\xd6\xf6\xca\xff7\x969G\x9f&lt;\xb8\x17\x94\xb1\xfa\xfb\xb7e\x0e\xb7\xb4\x96&gt;\xc7r\xe1\x867\xbf\x9fe7\xa6D\x19+\xe2F\xacs\x88%q1\xbd\xca=\xce\xf1=\xde\x98\x17\xf5Zy&lt;;\x1b\x8f\xc7gg\xde[}%#?\xf0JA\x96v\xdf_\x1f\x1e\xfd\xe1\xe9\x0f?\xe5\xe8\xc3hj\x8a6\x1cN\xed\x07\xaeppm\xfa\x8f\xa5%\xefC}N\x83q\xf9\x9b\xfd~lcY\xc0B?\x07.\xbd;\xcf\\q\xa4&lt;\x0frK\x8a-C\x1fd\x83|\x938o\x07\x94\x13\x1dKKK\xb3\xb3\xb3\xfb\x16g\xa63\xde\r\x04&gt;.hkk+(\xf8\xe8\xd1\\\xdf\x0f\xfb\xb7\x14E\xe5\xf6\'\x0f\x02\xf9)\xb9I\xc1pX\xc6\n\xb7=\x1b\xd6#\x16\xa9\x84\xa1\xe8\x12\x04\xbf\xd0 4\xb0\x04e?\xee\x84\xa6\xd0\x07j\x99\xcc\x15\xe5f\x93\x8d\x93$\xbd\xdb\xedN\x87j^\x92$\xaf(\x08\xca\xd8\xf4\xf40\x92-^\xd8\x15\xc8X\xcf\xd7\xb6u\x9d\xee\xea\xea*Hz{v\xfe\xa7}\xdf7\xcd`F\x9e\xfbv"%?\x10\xc8\xc8\xdfr6\x18D\xaepx\xff\xda\x8d\xe5\xf7KJ\x01\x0b\xa3\xd8\x0cZ54@\xfd\ta\x04\x9bgD\x1fb\x95\x9f\xcb3\x81oI*\x9b5\x1d\xb1\xb8\x1e/|\\I\x8ef&gt;C\xae\xf8\xe2\xcc\xbd\xf5\xe0z*@\x9d\x86g\xdb\xb6\xa4,\xed\x8d\xf8\xfc\xf6\xef\x01\x06y\xde7\x17\rg\xa4\xe4\x06\x02\xd72 \r\x82\xc05q\x014\xeb\x9a^\xe2\xbf\xc3\xaa\x11\x84\x91\x11\x8f\x92n`Y\\!\x81(N&gt;\xc7r\xe3\xe1\x10\x95\xd5dM\xcfV\x95:$\xa4jt\x1cHNC\xae\xf8L&lt;k\xfd\xb5\xf5\xd7VWO\xc3\xd5\xd5\xb5-I\x9b\xa5\xd5fm\x04\xf3\x7f\xa4\x14\xd8TJFF\nb\xe5\xa7\x06R\xda\xce\xee\x0f\x06\xfb/\x84/\x84\x7f\xb2\xf6v\x8c\x94\xb1j\x1a\x00\x0c\xbeo\x84\xa6\x1b\x08\x96(D\x9b\xe7l\xa6&lt;py\xb3\t\x8f\xf7\xa4\xa7\x9b\xd2\xadVU\xab\xc3QB6z\x1a\xb9\xb4\xe4\xadk\xd3\xc3\xfbff~\xb1o=u}\x0b`\xa1\\mZ\x19K[\xd0\xa6\x8d\xcf\xfd\xb7\xe9R\xa1\xe8\x03\xa8\xdcwS\x81+?\x1f\xb0r\x03\xda\xb3\xfb\xf7C\x18A\xae\xf0\xf0\xf4\x92\xe4\xe0\xf1\xf7\xd7\xd4\x08\xca\x11x\xc7%HpT0.^o5\x95WT\x1c9b\x82\x161\xddd\x02\xb5\xa0U,u4\xc2Ubz5y3`\xcd\xce\\\xb8\xf7 \x9a\x9f\xdf\xb6\x8a\\]m\x05\xa8V\x966\xab\xa0\xa0@{o\xfe?V\x18\np\x84h.H\x95\x81X\xb9pe\xa4\x06\x92\xce\x9e\x05\xbd@\xac\x9f\x87\xc3\xa7o,8\xe4 \xd2#\x02\xad$5#J,\xdai\xe6_l\x9b_h\x1b\xe9\x15\xc5\xb53\x9b\xe9\xc6\x1b\x0fN\x86I\\\x0f\x9a\xa6\xc2\xcd\xcch\x14\xec\xadj1\xbb\x1e%e3I\x03\x01\xcb\xd94/\xe3\x19\x96\xa6"\x13\x04!\xa4"\xae\xa0b\xdf\x84V\x12\x85\n\xd1 \xe8\x16\x19\xd3\x86\x96&gt;8\x0f~\x10(\xe0\n$"\x10\x0e\xeb\xd0V4/\x86\xa0G{\x1fbbpCB\xcf\xfdd\xefR\xe8g\xfd1\x13K\xfa\xe9\xdc\xf3\x9d{GA8\xef?\x8b\xd6\xb3x\xf9\xc6\x8d\xe5Y\x00\x81j\x86\xbe\x18\x85\x9c\xbb=v\xfb\xf6\xd5\xcf\x8e\x1f\xfb\xe6\xedze\xb3\xd9\xe4\xdfl\xaf)@z\x98\xc7fL\xaa*\xb0\x0e\xb9\xb8\';\xff\xc7\xfc4y"\xa6\xe2\xf3T@92\x81*\x02O\xe4\x97\xc2\x03\xc6EU\xcc\xf4\xf2[g&amp;\x99\xb7P?h56EX\x14\xf2gN]\x9a]\xbe|\xff\x97\xf7\xc15G\x0bEdXW V\xe2}\xa2\xaa\xb7\x9f5\xed\xa5mY4\xc9\xee\xc0J\x9a\x1c\xa9\x95\x0c\x8f\xb8\x04\xfe\x19\xba\xd2\xffJ\xf6\xbd\x1f\x17w\xf6\xb7\xa1\x0fC\x92\'hEd\xacy1\x9b\x01\x98\x0f\xad\x1eX\xd6z\xef\xe9y\x865\xfe\x87)4\xbe\xb1/\xa6\xc6\xa7\xc6\x0f\xb1\x16\xa0\xd5\xfd\xfb\xf7\x97W\xe6\x08l\xe6\xf3\x8f\xee\x9e\xba{\xf7\xea\x95+W\xae\xfe\xe28QA\xac\xcd\xcc\x9b\xb8\xdc0\xb3\xd9&lt;%D\x92\xe38\x15\xd6\n\xab*\xc1\tB\xb5\x11\xc0\xfc\xdfI\x86\xe8D\xf5\xc0\x14gf\xa7\x1aB6\xb9 \xe0\x11\xa2\xc95l\xbe\xe1\x13V\xc6~\xb8596u\xe2\x87\xa7\xc7!\xd6\x18[\xe3GX\xb3\xc4\x85*.\xac,\xac \'\xe8\xcbmw\xe9\xab\xbbW/\x1f\xff\x11b+\xd5nn&gt;\xdb\x7f3\xc1\x87\x01\xa4rI\xf2\xbc\xa9B/\x95S\xa9\x98a\x8e\x13\x04\x81\x1blv;\x87.\x83\xcf\xb7\xb1\xf3FT\x0cK\x8eG\n*TV\xcd\xa4 \x1fX\xf6H\xae\x8c\xef\xd7SO\xa7\xa6N \xe8O\x8c3\xac/\xc6h\x889\x7f\xf3/\xa7\x12s\x18k\x80uyyy\x99\xe2\xebs\xf2\xd6\xef\xef\xdd\xbb:\xf7\xfe\xf7\xd7\xeb\xf5z\xbb\x1d4\xfb\xfbKr2\x9f\x14xQ\xc9\xc2\xf2\xa8\x9d\x897\x0e\x1cR\r\x88\x9c\x80\x1fu\x00\xcd\xaeS?\xde\x8f\x93\x97@F\x86\xc2\xad\xa2\x9ay\x96,\xa6(\xf3\xe9~\xb7\xa1\x81\xc8\xcad4\xcd^oO\x13\xd6\xf8\xa1\\\x17p\xfaL\x1f\xdc\xa05\xcf1\xcb\xdf\xf8\x07\xa6\x88\x85\x95\x9f\xcd1\xac{\xf7\xee%\xee\x1cCb\xa5*\xed\xcd`\xa8\xef?\xe2\xb2\x9cX\x96y\x15\xcf\x9eT\x85j\x95\xe3\xb2IA\xa1r\x12\x16\t&amp;\xe0\xae\xd1\xbd\x1e\xd2\xf7\xe7\xe3L\xa4CG)\xd8\x1d\xd8&amp;\xb8\x81\x01\xc2\x8a\xf2\xda\x18"#l\xdb\xf7}\xcd\xf6\xea/@4\x8e2\x1eV\x11`\xf49\x17\x15\x91a\x11\xd82\xb0\xa8\x8a\xa0\xbat\xebX=\x95JU\xb6\x82\xcdf_\xdf\xcep\x82\x88\x8d\x14\xce\xbf\xcc\xc3\xe3&lt;\xaf\xc0WI3\xa9\x1e\xf1\xd0\r$\xe33\x07\xa17K\xf3q\xa6\x14\xa4\x92\x15EP\x94BA\x94#\xb2\xa8\x84\xb3xS\xd9\x03\xa7\x85D\xb5\xd9j\xd8\xf5\xadk\xa4\x15\x86\xbf\x13\xc4t\xe1\xc2\x85\xf34\xd5`\x8e_\\$\xcf\xdf\x80Z\xc0\x9a\x19\x89\x95\xb8ul}\xabR\xf1*n\x10\xec\x16w&amp;d1"\xf3\\2\xfb0\x1b&amp;(\x81\xf6b\x92\xc2+\xac\n\x8c\x8c\xfd\xe0\x9f\xf8\x10\xd2&lt;\xce\xca\'\xcb\x02\xa7(\x8a(\xb2(\x8d\xcb\x05E0\x93\xf9\xbcg\x14\xbb\xe0jx\xb4\x1a^}\xeb&amp;Bt\x84\xc5\xa8. \xb5\x10\xa6Gj\x01\xeb\xcb/\x81E_\xe7$\xad*DU\t\x82M\xe3\xfa\xebH$\xc3\xe3\xcd\xc2W\xaa\xa00\x8c\xb0\x99M\xb2\xda\x81\xad\xa7\xba\r:\xc8\x8b\xe2\x08\x0bZ\x89\xa2(\x8b0\x9c\xa0\xc8\x94\xf0\xf1t:\x12Y\x83b\xb0`\xc7\x91\x86\x99\x8c\xef\xf5\xbcT\xc5\xf3\xea\xbd\xbdi\xfa\xef%\x16\\\xe0:\x8f\xe9\x98\x9a M[`:\xb2|\x02X\xb3\xa0r+\xae\x8dk;\xe8\x16\x9d\xd7\xb2\xc8s\xf0F6\x0c(\x1e\n\x08\x1cJ\x08q\x04\x95\xd25\xd9\xeb\xf7\xbb\xbb\xc3\xa6/\xe3\xef\x18V\x84\xa8d\x91\x13\x14\x9e\xf0DV\xc6H$MI_\xe8K\xc5\x9d\x8c\x9fi\xf4`\x12\x08\xf6\xd2\x7f~\xf2\xbd\x0f?%\xe3O\x91\\\x93\xac\x86p&lt;\r\xa7\x0b\x0b\x8b\x0b("\xc3Z\xbc\xf3A]s\xdb\xae\xeb\xb9n0trN\xb7V\xe5\xd0\x01\x93\\\x15[\t\x8a\x88H *\x99\x80\x83y\x86\x15\xc5j\xf5\x87k\xa2\x18ZB\x0f\x04\x12`\xc4\x02.\x8a\x80\x1c\xc1_+\x05\x91f\x9b\xf9\x98\xb8c8\xce\x10\xf10H\xd5S\xbd\x94W\xcf\xfa{\xe7&gt;9G|R\x00\x00\x00\x05\x0eIDAT\xcd\xf6#\xe959y\xf6T\x02\x8e\x07\xd7\xca\xec\xcc\xcc\xec\n\x13+\x91\xb8|\xe7\x83\xf5 p]\xdb\xf6\x82 h\x15\xf5\\\xb7\xaa\x86\x91\xe7U\x1e\x05\xc1+\x8a\x82i\xa2:|\x01%A\xcecg2,\xc3\xd0;\xddfhM\x96#\xe2!\x17\xe4\xa46\x85\xc0R9E\xa6\xbe\x88Rvt\xa9\xd8z\x94\xc9\xf0$W*e\xe3\xece\xef\xa7\xd4\xa5O\x7f:\xfa\xb8\x19X\x18\x1f\xd8X\x93@5WV@5\xf7\xd9\x9d;\xeb\x9a\xe6jZ\x06T\xcd]G\xd2\x9d&gt;\xcc\x9e\rWke\x8a\xee\x88\xa8\x90\xc1\n\x05\x05X\x08.\x04\xc4\x80aE\rI\x97\x8c\x10B]&lt;\\H\x0f\xd6\nLSP\x98\xce\nm\xcb\x8e\xae;\xc5n\xf9A\x84\x95\x11r}#\xfb[\x7f\x9f&gt;\xf9!\xce|\xc6QF\x9c]\xcc\xcc\xcc\x81k&amp;\xf1\x1b\xcc\xf0s$\xd6\xec\x9f\xfev\xeb\xadf\xb9\xb6\xe6\xdbA\xb3\xd94\x1cC\x92Z\x03\xd2\xaaV.ml,\xa1\x89\xb0\'g\x8b\\\x86\xab\xd05FX\x92\xae\x87\xd6\x90\x05"\x10D$\x02\xa8\xa8G\xe1]\x88\x05\x12.l\xaa\xaa\xdd1 \x97\xfe\xac\xfc\xc8\xf2R\xa8\xa3\xd7\xc0\xe9\x8b\x9f\xfa\xf3\xb9\x8b8\xd9\x07\xd6y2\xfc\x1c\x86\x86K\x1f\x9f\xa1\xf32\xea\x88\x8b\xbf\xfa\xf9\xdbu-\xb04K\xf3\xbd`su\xf7\xfa\xd7x\x92\xa8\x1b\x0eW\xe5\x89\x12\xb06"k#\xa2\xb55\xba\x14(\x94D~\x84\xa5KX\xa14\xfa\xb3\x8c\xa4\x10\xf9\xc2\x08IA\xa0\x08\xa4Y\xd2D\x83P\x9bTm\xa7\xd8\xc7iF\x83\xa9\xe5\xe7_"Z{\xcf\xff\xf8\x93\x1f|\xf2\x1e\x1bj\x00r\x89&gt;C\xba9==\xf9\x11\xea\xf9\xbb\xdf\xa2\t\xdaV\xa0iD\x05\xb5:NT\xd7uc\xc8\x81\n\xf3\xe5\xd2R\xfc\xf1\x1a\xad\xc7\x8f\xd9=y\x88\xae\xc02\x08+\'\xe5B\xe9\x89HM\xe4k5\xd0r\x88^\xec\x10X\xd0d+\x89\x8a+C`\x19z1\xf7\xa4\xfc\x00\xae\x07\x16Z\x90\x8d\x1d\x99\xdazu\xf1"a\x9d"\x81.}|\xf6\xcc\xf4\xc9s\'\xaf\xbd\xd8\xdbC\x80BU\x0b\xbd\n\xf9[\xc1y\xd80\xf7u\x14\n\xe8\x07\xb5r\xb9\xc4\xf6Q:\r\x9a\xf4c\x86EWY\xc6E&gt;0H.I\xca\xe5r\xa1\xd8D\xb9&amp;\xd6j|\x8d\xaf\xb2\x80U8\x1adQ?S\x85\x1b\x15n\xd7 \xb9r\xd7_\x97\x1fd\x06\xbdT\xcf\xb3\xadu\x1bfv+\xf5\xbdW\xff\xf9\xeb5L\x80\xd8\x81\x89\xb37\xa7\x7f\xfd\xefW\xef\xda.\xd2\x93j\x1d\x8c\xbaB\n\x91\x15\xf4\x9d\x7f\xb1\xca\xbc\x1eQ\x01k&gt;\x9dN\xc7\xd2\xb1\x18\x81\xe1\xd7\xc8D\x9a\xa6\xcf\x03\xa6\x16\xb0\x1c\'\x14+\x95\xca5Z\xac\x1dT\x91\x0f\x18\xcc\xe01\xaeJ\x07\xc2j\xd7 \xb5$\xc7\xc0\xe9O\x03ry\xb6\xd6#)@\x86\xed\xdfn\xef\xed=\xff\xea\xab\x7f&gt;}\xf1\xee]\x1b\x89^q\xc1\x0b.\x17Ryvc\xd0\xb3]mW\xd2I,I\xea\xc3W\xa5y\xac\x18\xe9\x15\xff\x0e+\x9d\xa6\xb9\xa5&lt;\x04T\xeb[\xac\x8d\xf2\x88\xab\xc6SfA+\xecH\x85g\x94\x82:\xe8\x13\x96\x94\xd3\x9d\x832\xb2\xab\x87\x06d\xfb\xa9U\x0bf\xb6,ku\xd5\nX8U\x0e\x91\\\n\xf5\x8a\xe7R\t\xbd\x81\x87\xfcu\x83\x963\xa2\x92v\x08k\x83\xa8\xe6!W,\xf6-V\x0cX\x13\x91C\xac\\\xce)\x02kc\xa3\xc4\xb8\xaa\x983\x90\x1e\xb8\xa0\x96p\x9a\xc2\xba\xfa\xa0\xc5\xd4r\x8c\xa2\xde}f\xd9&gt;$\xb0\xfd\xba\x06.\xbcr\x000\x82C\'\x0e\x02\rx\x01\x19\xca\xae\xd8t\xa7\xd9(y\xcfsw%\'\x9a#kI;\xf1R)\x0e,\xd41v\xb4\x1e\xc7PLL\x9d\xb4\x9e\x18\xd1\x16\xd4\xca\x15\x1d)\xb4\r\xac\xd2\x11\x16\xb5M\x85r\x95\xc7~\xa4\x0e/\x04\x04EXR\xb1\xe8\x18\x9d\x9d\xfe\xee\xd0\xa2*b\xf3\xb3+\xc3\xd2 \xdb*)\x086\xed\x08\x0b\xf7\xeda\xb7\xdf\xd1sz\xd4aju\x80U\x8a\xcf\x13W\x8chFT\xb1X&lt;\xc6f\x98\xf2\x13\x88\xd52H,\x83\xb06\x8e\xd4\xaa"\xe2x4J\xaa\x1f\x8d88\xb2\t(\x03\x81\x9a\xc3\x8d\x8e\xbd\x8b\xba\xeb\xad\xa6\xe9[\x81\xc5\x0cf1\xb5\x18\xd6\xaa\xe6\xe3\x80\xedz\x9em\x13\x0f%\x10\x1eLv\xc9\xe1\xa1\xba\xd4yD\xdeZ\x1a\xed\xc5X\x9a!\xd1/\xf0Y\x1ccLi\x9b\xc4\x8a\xe2\x15rQ\x86\x05\xb5\xaa\xd5\x1aE*!\xf1|\x952\xb7\n\xc5\xf8\xeaPgr9E\x89\xb0h\x03c[\xee\xcb&lt;\x86B\xca%$\x134s\x99\xcbH&gt;\x98\xca\x1ep\x8a\x8f\x8eEF\xc1\xcb`\xbbHTCj)\x8fF\x96_\x82\xbdb#sa\xc1j4\xb1\x976\x08+\xda2$z\xe3#\xac\x12ae\xa8e\x93N4\x0c\x12\x9d\x88\xa3\x07\xc0\x81PR\xd1\xc9\xe5\xe8\xa9\xf1\x12\xbaq \xe3\xc9#\x18\xa5\t\x0b\x16\xf3\x18\x16\xa3\xf4\x1a\xe8#\x85\x07\xfd\x16k\xba\xf4\x08\xfd\xe8V\',\xe8\xc26\xe2\x7f\xb7!\x05\x9e\xb6t@mc\xa0\xcb:\xef\x83\x02K\x0b\x98\xb4\xb4v\x03\x00|\xef%\xd6\xcf\x17\xf0\xdb\x00\x00\x00\x00IEND\xaeB`\x82'</t>
        </is>
      </c>
      <c r="M432" s="3" t="n">
        <v>45492.67703703704</v>
      </c>
    </row>
    <row r="433">
      <c r="A433" t="n">
        <v>1085451</v>
      </c>
      <c r="B433" t="n">
        <v>1967</v>
      </c>
      <c r="C433" t="inlineStr">
        <is>
          <t>Mateo Gamarra</t>
        </is>
      </c>
      <c r="D433" t="inlineStr">
        <is>
          <t>M. Gamarra</t>
        </is>
      </c>
      <c r="E433" t="inlineStr">
        <is>
          <t>ZAG</t>
        </is>
      </c>
      <c r="F433" t="inlineStr">
        <is>
          <t>ZAG</t>
        </is>
      </c>
      <c r="G433" t="inlineStr">
        <is>
          <t>ZAG</t>
        </is>
      </c>
      <c r="H433" t="n">
        <v>185</v>
      </c>
      <c r="I433" t="n">
        <v>15</v>
      </c>
      <c r="J433" s="2" t="n">
        <v>36818</v>
      </c>
      <c r="K433" t="inlineStr">
        <is>
          <t>Left</t>
        </is>
      </c>
      <c r="L43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47be687-04c6-4fcc-9253-93935a3e050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2\xb6@{\x00\x00\x03\x00PLTE\xff\xff\xff\xea\x12%\x08\x08\r\xee#8\x0b\n\x0f\xee\x1b0\xee 5\xff\xfe\xfe\xed\x17+\x06\x05\t\xed\x13\'\x0f\r\x12\xef\x18.\xeb\x15*\xef\x1d3\xe6\x0f#\x12\x11\x15\x16\x14\x18\xee&amp;&lt;\x99TD\xb0aM\xfa\xf9\xf9\xa3^K\x1f#5\xfd\xfd\xfd\x1f\x1a\x1d\xc2ub\xb4gS\x8c&gt;,\xef,C\x19\x18\x1d\xe2\x10$)"%\xef\x15*\xef)@\xd5\x0f!#(&lt;\x87F8\xb3cO\x85A2\xc5rf\xca\x86\x7f\xc5|e\xe6\x16+\xe1\t\x1b\x8dI;\x1a\x1e/\xab\\G0%\'\xb5kX\x93O?!\x1e$\x9eVE\xc6{l\xc7wkw8-\xbbo`\xb0fT\xaa_Ln5+\xc4\x7fs\xaecQ\xdd\x0e!}&gt;2\x9fR?\xa9aP\x9d[I\xc9\x81y\x94TC\xa3YE\xe6\n\x1d\x8fD3\x7fE9e0(\xf0 6\xea\r!6(*\xf6\xf3\xf3\xc9\x80l\x95K:\xb9nY\x9aN&gt;\xb7jU\xcb\x8b\x84\xea\x1c0\xa8YE\xee\x0f#\xae^K\xcd\x13%\xbet]\xc8{p\x95F4\xc1xi\xb9_M\x8eTH\x9cJ7\xc9}u\xbfiY\xbceT%\x1c\x1e\xa6UAI\x1e\x1d\xf0$:\x8cO@`&gt;&lt;\x7f7(wC9\xacP9\xa3O:\xcb\x8e\x8a\xc3n]o;4\x14\x18\'\xb0T?^)#\xc4\x0f!S+)J+*&gt;"#\x84RI\xcb\x84r\xc5\x85z\xbcnY\xb3YD\x848-\x96ZK\xa3aT\x95A,hDB\xabjb\x1d\x16\x17\xce\n\x1c|QL\xb3j^oE?\\2.V&lt;;\xf0\xee\xef\x8cZTtKD\xa8J5\xc5\x04\x12I\x17\x15?,-1.4\xce\x95\x8d\xbdtfh71B\x13\x1374;\xa0WN\xa2I1}LD)&amp;.V44s0$\xa2fa\xbaYE\x85K@\xb9\x08\x14\xdd\x04\x14\x9dD.N54\x85z\x81gIKnLMO\x18\x15oUYT \x1ev=4\xd6\x03\x0e?;B\x9c_X\xaafWm]dGDJ\xbbyr\xcd\x8az\x94@?\xe7\xde\xe0\x8d\x82\x89\xb5`U\x84YV\x7f`a\xc4\x1a+\x87hk\xcf\x02\x0c0\x1b\x1aD56\xa7PG\xdc\xd7\xd8\xbebM\xd8\x1b-ZW\\\xaba[wck\xafro\x8d\x89\x8f\xd2TV{px\xb5ri\x95b`\xd3\xcf\xd1\xc2\xbd\xc0h&lt;9\xc6\x94\x92\xde1=\x97\x8c\x95{US\x88os\xe8\xe7\xe8\xb2\x1f.\xd3cb\xad\xaa\xae\x9a\x97\x9bOKR\xaaFL1\x1d.\x8e67\xafTI\xe8\xce\xd1\xf3\xe7\xe9\xd9\xbb\xbf\xe7(9n\x15"\xba}|l\'#| )\xbdGS\x89bb\xc9\xc7\xca\xbdYO\xa4\xa0\xa3\xb5\xb3\xb6lin\x93\x1f\'\xa1,2\xc4bV\xa0?&gt;\xa6\x17(\xba9;\xae\x88\x87\xcb(7\xda\xa8\xae[EH\x9fpp\xdf@K\xbfYd\xd4\x88\x93\xd3\x9e\xa2\x98|\x7f\xcemp\xc5\x9e\x9d\xce9F\xbegg\xc9\xaf\xafcN\x01\x88\x00\x00 \x00IDATx\xda\xdc\x99AH[{\x16\xc6\x8b\x04\x82\xdc\xcd\xbd\xbc\x17\xc8u\xe4r7j204\xaf\x19m\x87d\xf01.TH\x16\xf3\xa4\x14\xac\xb6\x89\xf7\x15\xd2\xaa\x11\xc5\xa4X\xdb\xa9\x06k\xa2\x15nj\xc8h\xd2Z0\xb6&lt;JJ#\xb4U\x8ayJ\xa6O\xb4ji\x154\x8bYuQQ\xe1-\x06\\u1\xccw\xfe7\xda\x96\x99\xe5M\xfb\x98#\xd1\xaa5\xfe\xfa\x9d\xef|\xff\xf3OO\x9c\xf8\x7f-#\xea\xe3\x9f\x7f;L\x84e4\x9b\x8d\x05,\xe3o\x80\xc9l2\x8d&lt;]\xdb\xdd\xdf\xdb\xd9\xdb\xdb\xde\xdf]{:b2\x99\xbf.\x98\xd1\xec\xde\xda\xdd\xdeY\xc9\xe5\xd3\xd1\x84\xddnO\xc43\xf9\'3;\xdb\xeb[_\x93\xcc&lt;\xb2\xb6\xb7\x92I\xd8%C\t\xca`(1p\x06\x03/\xc9\xd1\xcc\xcc\xfe\xda\x96\xe9\xeb\x80\x19\xddk\xcb\xf9\x84\xc0\x11\x11\x83*\x94\xc1`\xe0\xc4xny\xf7k\x80\x19M\x8b{\xb9\x04\xcf`JKK\x89\x8c&gt;\xd0g\x8cMH\xe4\x9e\xad\x8f\x98\xbf0\x95ik\xfb .qL\xa3\xd2\xff*\x92\x8c\x03\xd8\xce\xa2\xdb\xfcE\x9d\xbe\xf6,-\x19\x0c\x86\xff\xc5t\x04\xc6qR\xfc`\xff\x0bv\xf2\xf3\xfe1\x08&lt;J\xb5\xc71\x18y\xcc\x9e_^\xfbR\\\xee\xf5\x83(\xeb\xdf\xa7\x040W\xe9\xe7\xda1\xf3C\xb0/\xe30\xf3\xd66Ie(\xf9\\\x18\xf4\x8c\xe7\xb8O\xac\xa6\r%\'%r{O\x8b/\x98i\xf1M\xc6\xce\x1f\x99\xeah\xfc\x0c\x1c\xcf\x0b\x12\xde\x0c\xacJ&gt;\xf2r\xbc=\xb3\xbcVl\xe7\x9b\x16\xe1u\xee\xd8\xea%\x06\xad[\xbc$\x886E\x10E\x9e\xe7x\x81?\x16\x8d\xb88!\n\xe7\x17\x95\xcb\xb46\x13\x97&gt;\xed\x14\x0bR\x8e\x0b\xc9\xa2\xa2\xca\xa1PH\x0c\x85\x04\x1el\x86\xe3a\xe08\x8a\x8a\xedbr\x99\x17g\xd2\xd2\xf1\x04\x92\xc9auXJ\x10\x15Q\x91\x95\x90(\xca6Q\xa02P\xec\xb3\x1e\x1b\n\\\xc53\xbeyk\'#r\x85c\xa6\xb4\x04\x9a\x90\xd1%\x81G\xf7B\xa2\x12\x12@e\xb3+\x8a(\xf1\xf4\x1d\xed\xaf\xb1q\x10\x12\x07\xeb\xee"\xf9\xde\xe8\xde\xcf\xc9G\xbe!C\x91\x8f\x04\xb2:\xb8\xec"\x14\x13].\x1bd\x93\x95B#\r\x9cvFb\x1e\xe23\x8b\xa6"\x89\xb5\xb6\x92(P1&amp;R\x84R\x81\xde\xa3o\x90J\xb1\xd9l\x8a\xdd\xa5\xda\xd0NF\x86\xc8(\x84\x87=\xf3\xa6H\xf6\x1a\xd9\xcb\xd85/\x97p\x024*\xfcR\x901&gt;`Em6\xe8%\xbb\xc0\'\x87\xa8\xb5\x02\xa3g\xdf\xb6\xe7\xf6\xdd\xc5\x11\xeb@\x16\xb4\t3\xa0s\xc0"9\xf0\x8b\x05\x81\xe9\xc2\x87\x00\xe6\x02\x96\x02.\x17\x9b\x00\x89z\xcck\x82\t\xf1\xe5\xadb\xb8kd\xe7\xa3X\x12VQ\xb2\x14\x11Q\x90Jx\x07ud\xd9\x06\xd3\xcb\xb6lVU@&amp;\x08\x88\x0b\x81/4\xd2\xfed\xb7\x18\xeeZ\xc3IH9\n#\x0b\xc0\x12%I\x14\x89\x07p\x12\xa5\x02BK\x86\xdbm\x90\xcb\x95\xca\xaaj\xd6\x86\x10C\t\x05,)\xbdS\x04w\x99\xb6\xf3t\xe8P\x10\x91&lt;\x18=\x81\xd1\xa1S\xe0\x89\xaa.\x99R\xcb&amp;\xa3\x85.[6\x15\x89DR\xaaM\xa1,\x13\x98\x07\xe1\xae\x03\xfd\xe52\x8f,\xd3\xdaGb\xf1\x12\x95(\xa2\x912\x15}pe\xb36D\xaah\x07\x99+\x9bJ\x0e\xdc\xf6%S\xa9\x00\x94\x0b!\xcfxf{{~[\xf7\xec2/\x1eD\x05\x83v*\xa3iH)\xd9\xa5\xba\x82.5\x10\x08\xa4R\x10\x068\xc4\xe8\xcaF"\xbe\xe1\xc9\x0b\x17&amp;\x877\x92\xc9@\xf0\x13,!\xba\xacw\x17\x8d\xa6}mq gA\x13\xcc\\ \x95\xdc\xe8\xbar\xe5\xfe\x85\x0b\x17n&lt;\x1e\x1d\xf2\xa1o\xd9\xc8\xe1\x83\x9f\xde\xbf\xba7\xf8\xa7\xca\x93g\xbf\xb9\x1f\x0b\x87\x03A\xe8\x15\xa2=\x08`\xf2\xca\xa2\xdeX#;q\x89\x05\xb7\x01\x01%\xbb\x82\x81d\xac\xebQ\xc5\xf7\'\xfb\xcfU\xfe\xf0\xc3\xb5ke\xab\x83\xaf\xe6_ln~\xf8\xf0\xe1\xdd;g\x8b\xff\xd7\xa5\xa9\xb3\xa7\x1e\xc5\xba\x1a{\x03\xe0\x12\xb4\x1f\xb4\xe7\xf46\x97ykE\xd6F\x8a\x13d[\xb0\xb7\xd1Q[U\x7f\xbe\xa3{j\xa9\xcd_\xe6\xf7\x97Y\xaa\xfb\xfa\xfeE\xf5\xfa\xf5\xeb\xa6:\x8f\xc5\xbf4\xd5\xdfQ_U{\xd9\x11\x0e,("\xfbQN\xcal\xbb\xf5\xb6V\xce.hi.\xc9\x81\x9e\xd3\xe57oNOO\xb4OM-\xf9\x9b\x81\xf5\xfb\x1a\xa7\xb5\xf3\xb5V\x9dM\xd6:O\x8dwi\xaa\xbb\xbdc\xfa\xe6eG\xcf\xa5\x05%\xc4i\x89\xba3\xa2\xf7\xa2\x95\x93h)\xc6\xa9\xa3\x04\x1b/kTc$\x96\x17Z5\xd7Y\xadu\xc4u\xa7\xb3\xa9\xb3\t\x9fx\x9a\xfd\xbfNM\xb5\xb7\x8fM\xdc\xbc~\xba\xf1\xd2\x82\xc8NPx~\xc4\xa8\xaf\xe3\xd7\xc9\xf1\xf4\xd4\xa2\xad\xf7.\xc3\x9a\x18k\xef\xa7\x1e\xd6T{\xac\x9d\x80\xa9\xeb\xb3\xa2\xd8;`Y\x98\\c\x13\xd37\xcb/\xf7,\x88\x94\xf5\x1c/\xafl\xe9\x8c\xb5\x9f.`\xc9jX\xc3\x1a\x83X\xadKm\x16\x0ft\xbas\x07\x9d\xeb\xeb\xb36iTu\x9ej\x8b\xbf\xed\x08\xeb\xba\xa3w!\xc4\xe4\xb2?\xd1w\x14\x8d\xa6m\x84)\xed\x99\xa2M\xc3"\xb1\xba\xa1\x96\xd7\xe2\xb1\x02\xab\x93\xaa\x89\x95\xb5\xae\x0ebY\xfc\xde\xd6~\xea\xe2tyymc\x00\x1b\x18-\x19:\x8f\xa2\xd9\xb4\x13\x15\x98\xdf\t\xcbq\xb9\xd0\xc3\xfe\xd66\xbf\xa5\xce\xda\x04\xa2N(\x86G\xa7\xa6UMY\x99\xbf\xad\x95\xe4\xea\x00V\x15\xc9\x05.^\xca\xac\xeb\x9b\x10\xee7Q\x8a-^\xc2\x92\x07\xac\xf2c,\xaf\xc5i\xb5B"\xc6F~G5\xd7\xb4\x94]\xf3\xb6\xb5B\xae\xb1\x89\t\xad\x8bX\xa4\x81\x15\xdf\xd6W-\xf7r\xd4\xce\x9e\x18GN/aM\x8c\xb1&amp;B\xae\x1a\xa7\x13$\xcd\x9e\xba:\xa7\xd3\xd3\xdc\xdc\\SC\x1dlk[j\xed\xef&amp;w\x1dc\xe1\xd0\xd2;!\x08\x8b6&gt;\x1c\xc5\x05,\xa8\x05.\xeabM3\xe1\x00\xab\x0f\xae\xf2P\x07\xfd\x9aVDEXU\x8e\xc0\x02\xad\x84\x82\xee\t1\xf2\x0cjIl\xd1C\xc4\x9f&gt;\xc2\x9ajm\xf5Z,\xd5\xcd\x1e\x8c#\xeb%\xd9\xbd\xc5\xef\x85X\x84\xd5\xaf\xa9U\x15\x03\x96\x88mH*\x06\x16\xb8\x14\x1c\xd1\x9f`\xf5\x13\x96\xd7_\xd6R\r\xad\xb4h\x80p\x16\x7f+j\nb\x01\xab\x1dX\xb51\x1c\x8c\xb8\xa61\xac\x13:c%\xecb\x88\xae6\x01\x865]hb+\x8by\x0b\xf4r\xd2[5\xbce\xf1\xc2WS\xad\x0c\xab\x1bXU\xa7\xc3\x01Zz\xb0\xa1\xe9\x8e\xb5\x1c\x07\x96BK^\xb0\x80Ez\xc1[\xc0\xb2X\xe0/\xf2z5\x1ep\xbc\xdf\xef]\xa2\x1e\xb6S\x01\xebQ8\x85K\x07\xd6E\xdd\xb1\xdco\x80E[\xa8\x8b\xb0\xee^\xa7\xe0\xc2\x99HZY@\x02\xb1&lt;5\x962\x82\xf3xh\x16\xbdKm\x8c\xabcl\xba\xbc\xeaJ8\xa5\xd2EM\xb6G\xf5\x9e\xc4\x9dx"A\xcb_0HX,\xb8\xda\x89\n(dw\x04\x97\xa7\xa6\xc6\xe9\xc1\xc1H\xd3\xd8\xdc\x82Y\xac\xac\xeco\xef@\xca\xd7^\x891,&lt;A|\xcf\xad7V4\x9a\xc050\x18\x0c4:\x805\xdd\x01gUz\xcf\x8c;\x11[M\xec\xe8\xa1I\xa4\\\xb5\xf6\xf5\xf59\xc7\xcf|\xf7\xbb\xcaoO\xfe\xd8q\xb1\xbc\xe1\xf6F\x127\xa1(\x9e \xad\xef6o4\xed\xa5\xe3\xd1\x04\xee7\xc1@\x8f\xe3\xee\xdd\xbb\xe5\x17;\xba\xfb\xcf}\xfb\xfc\xcc\xec\xec\xac\xd3\xd9\xa7\x9d\x86\x9d\xda\xc9h}\x87\x9a\x9d\xbd\xf5\xe7s\'\x81\xd5Q\xdf09\xec\x8bd\xb3\xf1x&lt;\x9a\xd9\xd7\xf5\x85A3Vy&lt;k\\%*\x07\xbcu\xfe\xe2\xc5\x9f\x7f\xfe\xe3\xdf\xff1\xb8\xfa\xcb\xea\xea,b\xbe\xcez\xa4\x99sv\xf6\x17\xd4\xe0\xbd\x1b\xf7+\xfe\xf0\xd7\xef/\xd67\x0c\r\r$S\xd9t:\x1a\xcd\xaf\x9b\xf4Uk=\x8f.\xe2\x9e\x13\x06U\xe3\xdd\xaa\xfa\x8a\x8a\x06\xba^\x8c\x8e&gt;\xbe7\xb8\xda2&gt;\x0e\xcdX\x9c\xce\xae\xde\xba5x\xef\xf1\xab\xd1\xb9\xb7\x0f}\xc9d\xac\xb6\xfe|\xc5\xd0\xfc\xd0@$\x93\xc1?\x0c\x1b\x84\xaeX\xe6\xb5\\\x1ar\xa9\xe1\x98#\x16s8N;\xc2\xbd\xbd\xec\x8a\x9a\x8a\xf8\x06\x86\xc0\xb6\xdaR\r\x939\xabW\x1f_\x9d\x1c\x1e\xa0\xa6\xb1R\x03\x8d\xa7\x1b\xe6^\xcc\r=&lt;\xcc\xe73\xe9\x83\xa7\xfa^\x14\x8dO\x0f\x80\x95N\x85c\xb1\xd8F\xac\xa77\x18\xa4\x17AdJn\xe4\x86\xea\x1bz\x05\xaejg\xf5\xf8\xe0\\\xc4\xa5\xd0+\x14\xf8\x06\x06\xd7\xb6\x10\xbc\x14\x1e\xda\x9c\x9f{\xfb\x80\xb0\x9e\x8d\xe8|\x7f\xdd\x9aI\xc7\xd3\xe9\x08\xb06|\xbd\xc1\x05E\xa1\xc0\x07\x97\xc0\x96C[dt\xf0\xccxKK\xd9\x99{oS"{\xc1\x0b\x8b\x19\xc4R\xd5@0\xe8{\xb99?\xff$\x97\xcfdv\xf4\xc6r\xefe\xd2\xe9L\xc4\xb7\xb1\xb1\x91\n.\x84\x94\x055y\xf8\xe0A$\xa5.P\x05\x93W\xff\xf6\xfc\xdf-\xe3\xd7\xbe{|\x1b\xd0\xf4\x155\xf2\xe0\xed\xfb\xf7s\xb8\xf4\x07\x02?\xcd\xcc\xcf\xbf|\x92O\xe7\xf7\xf4\xbe\xed\x9b\xd6s\xc0:\xdc\xd8\x88\xf9@\x12L\xf9\x86\x87\x07\x06"H\xc9@2\xdc\xd3\xd3\x18\x9b\xfc\xe6\x9fm\xde\xb6\xe7\x95\x7fi\xe8j\xeci\x0cg]\xb8\xe5\xbb\xd0\xdbWs\xb7#\xea\xe1\xcc\x0b\x86\x95[\xd7\xf9?\x0e\x8c\xa6]x&gt;s8\xd0\x15\x0b#Q7&amp;oC5W(\x94P\\\x87\xb7\xefc(\x1f\x9d\xfa\x11\xa1\xdf\x7f\xf6TC\xc3\x95\xfbW\x1f\xe6m\xf6\x04\xcf+\xaaortn8\x15y\xf9b\xfe\xc5A.s\xb0\xa83\x95\xd9\xfct%\x1dM?\x18\x06Vo\xb8kr2\x16\x0e\xa8\xae\x90\x12\x97\xb33\x9b\xa3\x8f/4&lt;\xaa\x9an\x07\xd6\xc5\x8a\x86\xfb7\xee\x8dn\xae\xa8\x89hh!\xab\x06{\xbb\xaeN\x0e\x1c&gt;y\xf1\x1f\xde\xcd\xef\'\xad4\x8d\xe3s\xc7\x1fp\x94\x18\xf1bo\x8e0MN\x08\xe4\x08\x07]\x03\x1c\x0f\x01/,\x1e7\x84\xac(\x14\xd6\xe6Tj1\x9a\x992E\xa0\xb5\x11;joF\x13\x86\x1d\x91\xa4Ac\xc9(\xed\xa2h\xc8\xec\xd1\x8c?Z\xed\xb6Q\'\xfda`jV;\x96\xe9T\xc9\x9aY\xb3\xd9\xc6\xd4}^\xdcL\xf6\x0f8\xee\xe3\xddyM\xf8\xf0}\x9e\xf7\xf9q\xde\x97\xcc\xd6/\xaf\x1e\xc4\x7f\x10\xf4\xac\xb8l`aff\xf5\xdb?#,H\x10\x90\xafb#\xd7?\x1f\x1f\xbf~\xfb\xf6w\xe3\x1bG\xebSA"\xd1\x0eX\xad]6i\x8c\tNE\x8f&gt;|\xf9\xa7\xdb\xb7?\x9f\x1c\xbf~}$\xe6\x8dLlf2\x99\xe4\x83W/\x07J\x1b\x1a\x04#\x13\xfdp\x04\x9f\x14\x7f\x00XOk\xd4j\x13\xc7\x04\xec\xf5\xf7;\x07\x07\xfb?\xfb\xe6\xca\xdcqt\n3(\x01\xabk1_\xc4\xa2\x99\xa9\xa9\xf5\xbe+\xdf\xdc\x19Z\xf7\xde\xb9\xdci\x0f\xd8#}\xf3\xfb\x80\xf5\xfd\xbb\x85\xd3g\xa7\x0b\x02\x85\xbd\xa8\xf4\xd4~\xf3\x9ec\xe8\xaf\xbf\xfbv\xbc3\xa1\x95\x12\x0cF\x13\xea\x1aS \x1a=&gt;&gt;\x8e.\x05\x97\x824\xa7\xf6\xdf\x1d;\\\xecqHq&amp;\x10\x04\x83\xa5\xfd\xf5){\xa2^\x0b\xdf\x81\xf3\xce\x01\xd6\xab_\x8ez\xd9{\xd8\xd1\x8c0#\xac\xa8\xe1\x84+\\\xedr\xd4_\x07,5\xa2"\xc3\x98\x92\xe3\x98\xa9(\xaa}KK\xd1 \x86\xab+\xee\x8e-.v9\x8cF3&lt;\x0f\x87\xa7WV\xa2\xd1);\xc7)\xb1@\x80\x01\xaeL\xf2K7\x06\xf3,\xbb.\xd0\xac(\x1a8\xf2g;\xc6\x16m\x9f\xfds\xbcS\x8b\x9b1\x92$\xc5b\x9a\xc6\xe8\xe0R/X\x94f\xcc\xd2v\xc0\x1a\x1b\xbb{\xb3\xc2h6+\xc3\xc1%X\x89\x06\xe9@ (\xa6I\x0c\xbe\xc4\\f\xf9\x8a\x11\xb8S~\xfb\xa90=W\xd9\xeb\x95\x83\xf7Y\xde%~\x8a\xb0\xa4fV\xa7#\rb=xj\x1a\x1a\x88\x95\xde \xcd\xda\xce\xb0\xd0&lt;at8X2\xd8\xdb\x0b\x0b\xd3\xd3\xf0?b1|\x0b\xcc&gt;\x98y&lt;I;\xad\xa9\x83\x03\xfeT\x98\xe0\x12\xbd\xbe\x91\xbb\xebo\xc7\xc8\xa1\xef\'\x90Z:\xc0\xb2T\xeb\xa75!\xe8i\x1e\xc2\xa7\xcbY\xa3\xbf\xbd\xe2\xeb\xae\xfc\xd8\xdd\n\xbf\xd1\xc1\xea\x0cb\xa0z\xf8pm\r\x91\x89I\x03\x89q\x83\xfb\x8f\xe7\xe9Ze\xf6\x1f?\xa5\x85\xc2\x1axv\x98\xcf\x8e\xaac\x13\xc9"\x16\xa8\xd5&amp;\xaf\xaeU(Bk\x0fw\xa1\x91\x91X\x01K\xed\xffzl\x11\xb0\xda\x8d\xb0n\xad\x85%\xa0BX\xd3z\xb1\x81d\x01+&gt;o\xc7\xb2\x85\xfc\xa3\xd0\x8eP\xb1u";,\xf8\xd5\x9d\xbfa\x91\x86\xeaZ\x8d\x82\x1a~\x08X\xc3\x8d\x12\xde\x8c\xb0`\'\xe6\xaf\xdel\xf7\xdb\xcc:\xabD\x01k`k\n\x8d\xa6V/&amp;1f0\x13\xcfD\x08G\xee\xd1\xf3\xb5\x1f\x05\xdb\x89\xb2\xe7\xbcN\xa9\xbeu\x86e\xd6\x19\xe4%\x88\xaa\x05\xfa\xf8\xaarg\x9a\xb7\x01V\xc5\xd5E\xcfa\xd7\xbdv\xbf\xd1\xa6+q\xa2\xc5\x1b\xd0:S\nE\x11\x0bbkv+F\xe6\xf2\xcf\x0fwg\x84:G\xfc\xb7\xecy\xce\xaa\xc1\x01\xcb]\xdc\x89\x96\x12IS\xe30j\xfc\xaa`\x86N\xb7\xd9\xa4j\xb5\xad\xc7%\xf3 /Jml\tP\xa9\x9a\xebn@\xffE)4z=\xcdp\x83[\xb3\x19F!\xc9?:|6 T\x99\xde\x91\x1d\xe6\xd2!,\xb2&lt;\xd9\xaf\xc5\x95\x98X_\xd9\xd4HA\xdb\xd7\xd2\xa2\xaaRyZsf\xa9\xda\xdf\xd1\xeaQ\xa9\x0e{lZ\xad\x91\xb5R-*\x15\x0cguU-E.1c\x07\xac\xfd\xf005v(;\x15\xea]R\xd9\x8f\xbb\xf9\x1c\xf5\xd1\xea]N\xf6\xbb\x11V\xad\x82\x02\xaa\x16\x8a\x92\xa1I\xd5e%\xb4jc\xce)\xab\xbb$s\xf1R\xadTWI\xb5\xa09\x1b\x86\x7f\xc0\nM\x17\xb1&gt;l\x1c\x87T\xcd\xf9\xc3]\xe1\xba\x88\x81g\xe9\xdc\xb0,\xe4M&amp;\x87\x8aX\x1a\x8a\xa2\xca[(\x97S\x86\xccS\r&gt;4\xb7\xca&gt;\xfd\xea\xabK\x9eV\xb3T\xcb\xa2\xf9\x1f\xbd\xe6\x92\r\xff\x17\x0b+b\r_\xaas}&lt;\x11n\x80-\xdbY\xcaQ\x9et$\xb9&lt;\x01X\xa4X\x13\xa2@/\x17z\x89\xa4\x82?R\xab\x95\xb2\xad\xb2k\xbf\xfezM\x96\xc6\x08\xa9\x99BO\x01\x8aBv\xa6\xd6\xfe\x87\xd9\xf5\x8f\xaa\xe6t\xef\x8ep\xad\x8dh!\xca7\xe5\xf9\xd8\xfc\xf2\xe4\x10\xce\xd0b\xc8\x0e\x92&amp;\x9f\x0b\xd4B\xef\x1f\x86\x95R\x82PZ\x9c\xcd\x7f\xb8V\xe7\xb4B\xa5Q\x86.\xfd\xbe(\x96\xac\xbc\x88%\xa6\x19{fcv*\x7f\xe8L\xaf\xcc\x08v\xd7R\x04U\x11\xb3\xb6U$&amp;\x01\xcb\x04XzMH\xd1\xe8\x04\xf3@`\xd7Q\x04\x8eqn\x13\xef\x92\xc9\xa80g\x0f\x87\x99P\xdd\xa7g\\\xe5\x88*(\x0e \x1fnq\x8e\xb1t\xf8D\xc0\x97\xa7\xa2\xd2\x13\xd6AhGo%\'\'"\\@\xac\x9f\x0e5\xfa\x9c&gt;\x8f\xc7\x03i\xa0\xb9\x11\xd7\xc6j._\xee\xc4\xf4\x1a\xac\xe6\xf2\x9d\x98]\xa9\xb9\xf4\x97\xba*\x95\xea\xc2\x85\x16*\x14\x82b]\xc4\x9aWW\xf0\xfc\xd4\x8e\x80\xfd\xa9H\xb4\x13\xbe\x87+q\x84\xe5\x8e1E\xac&amp;\x97\xd3S^~\x01\x12W\x13\x01\x83v\xf7\xe5\xfb#\xa6D\xfd\xfd\xfb\xdd\xf55\xb8\xa6\xea\x8b/\x9a\x9b\xab.\xc2\xb4\rbA#a\xdf\x9f\x9d\x9dS\x12\xb6\xc2\x8a\x90\xf3\xabH4s\x9c\xc2\xc3\xe1\xbe$$\xd43/*@.\xc0*W\xc9\\V\x9dtTK\x105\xdd\xdd\xdd#8\xa7\xad\x1957\x95W\x81]\xbc\xd8B\xad\x01\x16M\x07 \xc7\xc7\x07\x83X\x81?\x11v"k8\x8aqa\x0bd\x88\x89~\x13\x87\x01Wm\xa3\xcf\xe7\xf38\x9d&gt;WOW\x87\x8e%\x8c\xac\x920\xc5\x980\xecC\xd6\xd2\xea,/\x1f\x06%\x87\xcf"+\x10\x80d\xba\x05\xcd\xa3\xfe\xf8\x89\xc0\x87+\xa7v,\x9d\xc3\'\'\xc7\x01\x8bah}\xb5\xc4\xe7s6\xb9\\\x95@\xd5\xe10K\xa5\xe6\xb0&gt;\x18\x0ecRt\xcc\xd8\xd3\xea\xf2Q\x7f,oi\xa1 \xc3C/88\x07\xa5\x87\xe7\xc3\xc7?\x0b~Bf\xe7\xf39\xe3Dr\xbc\xdf\x8d\xb0\xc4\x16\xabD\xb2\xd8\xdaj\xedjk\xebp\x18\xa5R\x9c\xd5\xeb\xc3\x80\x85k\xd5R[GWOI\x93\xcfG\rS\xd3\xa8C\rx\x01k\x9f\xef\xc9\x1d\x0b&lt;\xbe\x96\x95=\x99\xea\xca\xe7\xf9\xcd\xe4\xe4-w\x0c\xdax\xd4DTV\xf6 \xa9\xcc6DE`\xe1\xa2)\x11\x97\xb9\xa3\xc3\xd2\xea\x92H\x9a\x14\xb5H,\xbbw&gt;&gt;\xbbnm\xcd\xf5\n\x8c%\x12\xbd&gt;\xda\xce\x7fL\x0f.\x83\x17\xdd&amp;\x9cc\x01\xab\xa4\x04\x85\x15\x14\x1b\x18\x86\xcc,\x89\xb4\nC\x7f\x8c\xabQcm\xa9\xac\xac\x94H4\xfa"\xd5\xdc|&lt;\xbe\x1e*\xe6R\xa1O\xf6\x9f\xec\xf6\x86V\x8e\xe3\xcb\x08\xcb\xc4)Ih\x04K\xe4m\xac\x19\x07*\xdcf\xe6s&lt;\xcb\xb2|\xae\xad\r\xe2\x0c\x89Wm\x95\x97\x14\xb1\xecE\xac\xd9\xe3\x95\x95\xdd\x1d\xc1/\xff\x88Jgvv\x16\x16^&gt;\x9e@X8\xc1@\x05\xb2\xb6\xe9\xcc\x042\xa3\xb9P\xd8\xe6y~;\x97\xe3\xf9\xe23\xe02\xc8\xe5\xd50\x1f1v\xfb\xdc\xdcr\xfc\xdd\xcc\xc2\x93\xf3\xb9QYV\x06\x91\x1f\x9f\xbc\xd5\x89\xb8\x94\xb4\xbe\xd6\xa2c\x95\x18M*\tc6\x95\xcd\x16\xb6s\xdb\x85\x142\x02fC\x861X,r\x03\x06.\x84\xd9uk\xf6\xed\xff\xfe\x04AP\xbdP\x88-\xacB\x13\xe16iM \x97\xde\xa0\xc30:@hk\xf6\xf6F\xd5j\x7f6\xe5o\xf7\xfb\xfdju\x02W\x06\x02\x98\xc1`@5\xda\x0bX\x99\xf8\xcb\x99\xf3\xc2:\xeb\xbc~F^t\xa3\xf0\xa2\xab\r:\x92fL\xa8\xe0\xec\xbd\xf9\xcd\xfe\xbe\xd7}\xbf;\xc114`\x19\x90V\x91\xbe\xcdL\xfcE\xc3\'\xe7ie\x7f\x8b\'o\x01V\xc2\x8430h\xd1\xb4\x12W\xef\xed\xbd\xc9\x1e\x14\x0e\x0e\xde\xbf?\x00\xcb\xbe\x19\xad\x1fI\xe0\x08K\x8cq\xa0\x95\xb7o~k\xf5m\xe9\xb9b}\xb2\xb0\x01r\x81^\t7G\x8b\r4M\x92,\xc4\x15\x04\xd6OE\xdb\xde\xde.F\x17\x01\x05\n\\\x18\x8b\xf4y\xbd\x9b\xf3\xe0\xc3\xf3\xbd\xa6[6\xf0\x02\x82\x1ea%P\xc9\x16\x1b\xaa\xabI\x02O\xa5\x00\xeb_\xc8\xce\xa8R,)\x06\x03\xb1\xfa\xc06\xb7f_\x0c\x9c\xf3\xad\xe6\xd2\xb7\xab W\'X\x02G\x8a\xc0nc\t\x00\x81\x0c\x81\xacPHeS\xac\xceR\xad\x87b\xc8!,$\xd6\xc6\xbb\xf3\r-t\xabec\x16r\x04\xc2B5\x9b4X\x8a\xc9+\x85\xc3\x1e\x04g\xa6RFB\xa9\xb3\xa0\x8c\x15\xe0b\xde\x08pmfV\xff\x1fX\xab\x1b\x8f\x11V\x02\xb8b1\x86\xb4X\xda`\x96W\xc6LO\xef\x8c\xc0#\x9c \xd86\xb9\xdc@\xdb\xb9X\x0c\xb6a\xa4\x0f\xc4\xdax\xd1p\xbeN,+}\x12\x9f\x8dO&gt;EX\x9dO\xfb\xfb#\x0c$s9x2\x8c\xc5\xdc\x11\x0e\xc30R\xd7&amp;\xb7\x180{d(\x12\xf9\x0f\xef\xe6\x1f\xd3d~\xc7\xf1\x10S\xda\x10Z\xfe\xa0\x1ab\x9b4\xa4\xa1d\x16\xd6\xb4a\xeb\xda\x86\xb6\x10J[\x08p\x90B{k\xa4\x1e\x01)\x1e\x93\xac?\xc4\x9c \x10\x84"\xbd\xb2? \xce\x14&amp;\x88\xfc\x92\xc0\xb2\x8b\x82\xd8?v\x046\t\x9b"\xaen\xb9]@\x19\xc1\xe5\x16L `N\x9c\xd3\xed\xfdy\x1e\xcf\xcbe\xb9m\xde\xc4\x8f\xb1&gt;\xd1&gt;\xf1\xc5\xfb\xf3\xfe~\xbe\xdf\xcf\xf7\xfb&lt;\xf5$\xd6\xfc\xf5\xbb\xbf\xddo,xk\x011\\\xd7]\xd7\xdd\xedv\xb7\xb7[T\n;fea\xa6\xf6B\xce\x05m&amp;\xe6o;\xb4\x02U{{\xf0\\\xfd\xc5 U\x87\xeb\xd7\xf7\xb9l\xd1\xfe\xfc\xc2\xfc\xfc\xc2|{www \xec\xc6\x98\xac6\xd9E\x15\x15SSSs\x17\xce\xce\xe1\x8f)\x99P\x9b\x9dX\x1e$,P-\xcfC\xdd+_\x9c\xdfoo\xfd\x15k\x1b\xb4\xb1\xb7\xbb\x03\x810=\x9c\x88j/\x94\x1d\x95\xd9\xa7\xda\xe6\xe6\xe6\xda4S\x15SBEby}\xb0\xbdyh8\x18\\\x1e]\xb8r\xe5\xde\xbd?\x9d\xdfo\xb5~\xff\xcb!\xf7\x93\xd1Qw\x00X$W\xb0\xbc1K3\x959\xd7\xd6\xd6\xd6\xd22\xd76%\x9a\x12\x9arX\xac\xa1\xe1\xe1\xd1\xf9\x85\x85\xf9\x1b7\xef\xfe\x81\xbb\xefX\xcd\xee\xb0{\xe8I\xd8\x17\x0e\x0fv\xb8\xdd\xcd\xc1\xf2\x89\xb3\xd0\x89\x8e7\xdbZ\xe6\xe6&amp;\'\xcf\xe6T\xc3T\xcd\xcdC\xd0kt~~tt\xf9\xc6;\xc0\x1aE\xfe\xc2\x1d\x1da\x9f/&lt;8\xe8n\xa6S\xce\xce\xbe\x96\x96\xdf\xb4L\xceA\xae\xb3g\':/\x06\x83\xc1v\xf7\xd00~\x8db\x95\x1d\x04\xd6\xb5\xfd}\x03\x8f\xc5\xb2\x02)\xec\xaf\xf2\x0f\x0ev\x00+\xb8LX} \xc2\xe7\xc4D\xe7\xf2\xf0p\xb3\xdb\xfddh\xa8\x19\x8a\r\xb9o\xb7\x9f{t\xf7\xd7\xfb\x8fU\x87&amp;\xda\xe7\xf3\xfb\xab\xaa~\x06.\xd8\xfe\\\xe7b_K__\xdf\x04~\xf7u\xd6\x9f\x0b6\xbb;:\x9e \xd7awG\xa0\xfb\xc4\x89\x8b\xd3\x7f\x7f\'X:\x9dg\xac\xaa\xaa\xab\xaa\xe7\x94\xdf\x0f\xc1 \xd7"\x80\x16\'&amp;&amp;\x16;\x81\xd5\xee\xee\x08w\x84\x91\xe5\x80\xcfg\xc5Z\xf6]`\xfdm\xb8N\xadV\xeb&lt;\xc0\xea\xea9u\xea\x94\xbf\x03i\xac\xef\x04\x11\x82\xa0H\xac\xf0\xa0\xdf\x87\x18\xf3\x05\xea\x0c\x16\x8be\xfa\xde&gt;\xbfI\xc6-\xf8#\xb0\x0c\x06p\x8dt\x81\xab\xa7\x87\xb8P\xcf;;;\xa7\xa7\xa7\x91@:\x94\x1d\xa4\x0c\x8fAP\x8f\xce\x90\x92\x92b\x99\xbe\xf9\xc5\xbe\xbe\x12\xc8M\xfa\xdd\xf5eC\rZ.\xb5uldd\x84\xe5\xf2\xb9\xdb1\x01be\x05&amp;\xb7\x9b\x0e\xa7\xab\xd8\xf0\xe80u\x03\xab\xfe\xe6\xa3\xc5\x7fP\xdf\xc3\xdd\'\xad\xfe\xb9x\xe3\x9c\xba&amp;\x15\x12|\xcd\xd5SU\xe5\x0b\x04\xdc\xee\xdb\xb0\x94\xdf\xef\xf3W\x9d\xea\xe9\x1a!\xeby\xaeZ\xa87K\xb5\\|\xf4H\xbd9\xb7\xbb\xba?]\x06w\xf5\xce\xe7:\x16\x0b\xff\x19l\x0f,\x16\xac\xab\xab\xeau\xb0\xa4\xf8\x1b\x8f\xda\x92\xaeR\xe1\x9b\x06\xcb\xf2\x8d\xe0\xfa\xda\xe6\xcb\xdd\xd5\x83o\x1b\x8c\xcbMZ\xfd\xc9\xe3\xb5\xc0h\x10X\x8c\x08\x0c\xd7\x08c\xb0\xae.\xe6\x82E|M\x95\n*U\x11\xb0\x0c\x17\x97\x83\xea\xf5\x91\xb5\xcf\xa1\xd8\xdb\xb4\x18\xbdd^pm\xef\xf1\xda\x98\xaf\xb9\x0eXfU\xba*\xdd\xc2r1&lt;#\xec\x05\x8bHn\x1f\xb3\xaa\xd1zc\xfd\xa52\xa7\x82\xebD\x9d\xc1\xe0\xe9\xe9Y\xdb\xfc\xd5\n\x96^oI2R\xea\xc1\x9d\xa7;[\xeb\x1e\x9fU\xd7\xdb 6\x17A\x87\x14\x83\xce\xea\x19c\xe3+\xac\x110y(\xac:\xac\xa9\x1332\x12\x8b\xcc\xe6\xd4\x1au\x9d\xae\xc1\x9c\xda\xeb\xe9\x1a\xd9\xdc\xd8[9\xf8VZY.\xf7\xe0\xb5\xdd\xe7\xdbQ\xaft\xab\xd7\x8aV\xb5\xb7F\x8c\x05{NN5\xc3\x05\x82W\x11\xf0x\x02\xd6@\xc0j\xc5,`\xd5]\xbd\x04*SF1\xb0\xc4\r5:k\x83\xd3\x89\x0b\xebf\xeb\xcc\xc6\xb3\x95\x82\xa4\xa4\xffS2\xca\xde\xb3\xfb;\x8eP\x7f\xabt\xb3\x17-\xf3z\r\xa3Vq"\xc3E\xba\xe8\xae\xa2\xcdf\x9e\xd18A\x9d\xedU5\xa6\x01\xb5EET\xc6\xe2\xa2"\xc2\xea\xedm\xb8\xecB\x14E\xa5\xa1\xd0\xcc\x8bc\xbb+\xab\x07\x93\xbe3\x18\x97vj\x9e=\x9d\x91\xa6\r0X5\xe0Z\x87XN\xc2"\xae\xab:\x12\xc6R]\xde\xd8\xd8X^^^\x8d\xbe\xc2b\xc0$\xa0f\xbbH\xa3\xd1X\x04\x91\xc4\xc0\x12_\xfeymee\xe9\xb64\x12\x19H\xd3\xefl\x1c{\xb6B\xe3\x92\xfb]\xb2\xc7M\x02T\xb4\xbf5!w \xd2\x1f\x91&gt;n`\xb1\xe8\x9c\xdc\x08\xdf\xe4T[\xd4:+\x18.5N`E\xd3H{l\xd5\x97\x80\xa56\xa4\'j\xb3\xb4\x8aR#%\xd1\xccb\xd5\xfe\xf4\xcc\x19\xe1\xb6~|&lt;-7&amp;\xa1\xd5\x1b\xdd~\xbeK\xeb\x9d7%\xc3\x1d\xab\xbb\x80\xea\x0f\xe9\xcbr\xd3\x80\xa5\x7f,\x06\x17\xac%v\x16\x15Q\xe3\x9c\x9d\x93\x8eiH\xa76\xa4\x94cQC\xe7\xe5\xc0\xb2\x18\x10)9\x87\xb22\xb3\xb4&amp;`9\xcdM\xb8\xad\xa6\xe9r\xed\x99\xa3\x9f\x8a^\xa4\r\xa4\xe5\xe6\xc7\xf0[\xfbC\xad\x8e\x9d\xa7d\xb37\xe3\xe2\x1e\\}\xf0\x92\xa0B\xa1\xb4\xb2\xb2\xdc\xf1PD\x1fm\x12\xd7\xac\xd3@t\x16\x15\xd3Ayvv"\xb8\xd4\xb4K\x99=\xd9B\xe7\xe5\x19\xaa\xeaK)\x86\xd4\xd4\xf4\x8c,\x84\xa2\x92\xbc\xe5t\xe2\xb6\x06\xa7\xeb\xc3_T\x9c\xfch)7-\xbf\xac,\x8e\x0f\x8by\x1d\x8e\x99\x9d\x8d\xef=\x80\xcb\xde\x08\xeaX\x94\x98B\xa1\x88$\xb9\xacl\x00X3\x97\x9d\r\xbd\x0c\x96\x93\xc1Bd\xa8R\x1bhWRua\x929\xa1C\xe1H\x07U\xa26\x13\xa15A\xaebW\xadK\\C\x8f^\x1e\xfd\xe0\xc8\xc9\xa5\xfc\xfc\xb8\xe4\xe4d\x9e\xbe5\xe4mu8\xa4\x8e\x99\xed\x97\x8cd\xff\x9b\xd1\x01\xb5\xcdB\x85Z\xa5\x92\xe4\xe4\xb8\xdcH$m\xf6c\x97\x98r\x08,\xa7\xcbh\xd2\xd2NC\x06\xa6\x97t\xea\xa5\x91TS\x06\xa8T\xd5EE*\x93V\x03,\x85\x89Lo\xacu\x99k\xc4\xb5\x95g&gt;=Yx\xffaY2\x87\xc3\x89\x07\x16\x13\xd2Y\x80E7\xee\xac\xd0\x02\x83\xfb\xdfG\xdfK@y\x89)\xd2*\xd5Kx\xf1\xc9\xf9\xe3\x91\x01\xfdv\xad\xb9\x86\xac\x85`\x0f\xd25\xc4EA\xf5\xb5\x18\xa3\x13mubNq\xa2)S\xa4A#\x0b\xacJ\x04\xb0\xcc\x95g\x8e~p\xb8\xf0\xd6\x81\xe4x\x81 /\x8f\xa3\x97\xea\xa5L8\x1c^\xafw\xeb3\xda\xee\xe5\xfe\xc7\xdaY\xb0rg#\x8a\xefz\xd9\x9fG\xaa\'\xac\xf8\xb2\x81\xc8x\xee\xce\x87N\xc2jr\xa2\x04\x19K\x15B\x91R\xa3=\x94\x91H\x8f\xb7d\x10\x11\xa55\x1b\x17&amp;\xad\xa8D$T\x94\x96\x82\t\x1f\xb5N\xb1Sq\xb4\xe2\xe4\x91\x1f~)H\xe6\x80*\xcf&amp;\xd1\xbf\xc2\x02\x17\xc0\xfa\xa3\x00\xfb\xf6w\x9ci\x96\xf9\xcbg\x80\x9a\xc1\xb7Y&amp;P\xc9y\x1cNr\xee8\xb2\xb8\xedjh079\x99$V\x02\xabD\x94u\xc8\x94M\xcf\xdc\x1cBB\x91\xd4\xac\x0b\x19\x89\xc5\x19\x8aLe\x89L\xc8R)J+\x8d.s\xb1\x10T\xc8a|&lt;Gp\xe0\xf8q\x9b\\.\x910h\xf8\xc9\x19\xc1\xbc\xd1\x8d\xbdo\xdb\x8a\xe6\x16\xac\xecmo\xf5{gf\x1c\xc4\xc5(E!\xe7\x088$W\xc2\xb6\x0b\xcejr^vA/#\xb0D\xa2L\xa1\x16\xa6:\x04$\x98\tX\x18\x05F\x93\xb0\xa4\xa4Df\x07\x10\xb4\xa2\xcfb\xa7\xb1\xe2\xfd#\x85\x85\xb7l\xf1&lt;\xa8u\xfc\x80\x9c/\x97\xc8\x81\xa6\x97:\xbc\xad^F0\xafc\xe7\xf9\xca\xbfsq\x19\xa8[;\xf8\xc2\xcc\x0cA\xcdJ\xa5\x12IBLL\x82$!\x81#\x10\xb0r}l~\x95C\x97\xab\xb6\xd4N\x07\x15\x99Z-y?\x93\xb0P\xaa\xb4\x18~\n\x91\xb2\xa4\x04\xd6*E\xd0\x86\x0e\xea\x84\xa9\xe4pa\xe1\xfd%\x0e\xc4\x12\xc4\x1e\x8fe\xc4\x02\x17+\x97\x97\xc5\x92\xcf\xde\xda=\xff\xcd*\x86\x82NPK\x07l\x10\x95\x11kv\x167\xf2\xf911|yL\x02_\x90\x17\x1fGr\xed4\x99\xcdDU\x8b@\x16e\xe4.-U\x03\x91R)\xd2h\xe8\xd9\x95\xd2R\xadF\tk\xd9\x89\xd7n\xb7\x83\xab\xd4\xa4\xf8\xe8H\xe1\xe9[\x0f1\n\x05\xb1\xb1\xc7\xf3\xf8|9\xb9CB\x06\xa3,\x92^\x0e9O\xfebo\xf5\x1b\xb5\x82\x85\xb2\xc5\xe6\xd9PP\x18\xb5\xa4\xa4TLL\\\x1c\x0fX1\x9c\xd8\xbcxF\xae\xc7\x0c\x16Q\xd5\xc2\xf3BY\x89R\t\xa8I\x8d\x92\x896\x8cM\xad\xc2\x0e\xb5D2\x10\t)\xec\xc4\'{\xbf\xf0\xf4\x8f\x97X\xaa\xd8&lt;\x0e\xdff\x93\x7f\xedz\x86kfk\x96\xc7\x93/=\x7fP\xf0J0*\t+{\x1b\xb3\xf2\xd8X\x81\x80\xb0HQ\xa9\x9e\xa8\xf8\x08@\xf1c \x97 .-2\x9e\x86\x92\n\xbb\x1bY,;\xc9\xa5\x84B\x99\x1a\x8d\x12WtI\xe2)\xdf\x13\xc9\x80#\x94\te2\x80\xe1_K\x0e\x9f\xfe\xe4\xfeC\x01\x07P\x82X\x1b\x9fo\xc3\xa7\x9c\x11\x0b\x0ev\x80+\xba\xe6\x8f\xf2 "%2\xe9\xab\xe1\xb7\xfbtg\xd6\x86;8\x02\x9b4\xd4\xdf\x8f\xe20\x80\x99+\x86\xc7\xe3\'\xf0y\xc0\x83\\yy\xf1\xf9\x03\xe3\x03\x92m\x97\xab\x98jd-\x06\x99\x90\x8e\xc1`\xaf\xcc,\x8d\x86|\x06\xa3)\xb4H\xe1{\x84\xc5\x86\x8c\xa8\xda\xda~\xf4\x83O\x8e}\xc9\xb1\x91V\xb1\x07\x04|&gt;\xa9f\xe3\xcb_W\x89-\xdf\xf7\xff\x1c\x95\xf3x\x1c\xfe\xec\x0bZ(\xc2U\x05\x0f\x9e\xbf\x98\x95\x13\x15"V\xe2\xedG\x8c\xe7\xe6\x97\xe5\x03\x9e\xcf\xe71\x82%\xf0Pn\x90\xc6\xf1\x01\x94z#\x15I,S\x18\xb5\xfeU\xc5\xf9\x84\xb6\x91\xddq\\\xc3\xf0\x86\xc7c\xfe\xd0! \x90\x11\xd3Q\x8dYk\x06\x83\t2\xca\xe2\xcc\xc5t\x0e\x9a\xd6\x08yP*\xa3BRv\xe7\x160\xf5\x12$]Co\xcd\xc1\x86=\xe4d\x1d\x17\x9fV\xb7\x90SN\xbaE\x97\xea\xe2\x93\x0c9\xec!]\xbc\xa4\xe0R\xb2\x0b\xfd~\xdf\xc8\xde\xf6\xc5\xb2eIo\xf4\x99\xef\xef\xfb\xfb3\x89\x1d\xd0&lt;@\x1a\xe2\xeb\x16\xfb\r\xa86\x80\xd5\xa3\\\xa4\xdaz\xb4\xf5h\xf7o\xed\xe1h6\xa7X\x1dPYB\xdaBX\xa6)\x1c/\xd0T\xa7\x1f_\xec\x00\xcb\x91\xd2\x96Q\xf0\xee\xdf\xff\xfac\x85\xf1\xfb\x14EBSA\xaf\xe8%\xa8^M\xd1P3z+b\xaf\x08\x8d\xcc\x00\x16\xc2\x88\xb1\xe4\xd3\xdf\xcb"\xf9\xd5:\x88T\xab\x94\x85.z\xfc\x98bi,j\t\xebm\xe8\x9f\xa9\x9a}^\x00\x88\xc6\xf2s)Q\xebM\xdf\x14\xca0\x18\xc8\x8b\xeb\xabjUc\xa1[\xca(\x82`\x15\xc6/\xc8\x85\xd0\xf2\x02\x8bQ|u\x99*\xf6y\xcf\xf3\x02\x07j\x8b\xb0o\xc8\x8ek\xe90&amp;?}\xa5\xd3\xfe\xf7\xc4z\xc0\x0cD\xf4\xe0"P=\xf9\xf2\xf1\x83R\xac\xde\x16t\xda\xe8u\xdb\xed\xeen\xf7|\xf8\xfd\xfe\xd3\xb9\xd51M\x80\x15\x8d\x1cV\xb5)\x03z#\\\x92\x9c^\xbf\xde!\xd6\x8d\xa3B&lt;"a\xb0O\x15\xc4/\xca\xcd\xc2\xb4\nSo\xcb\x13`M\r`9\x91\x87\xc2\xa5k\xa9\xa32\x03\'\xda\t)\xd7\xbb\x9f\xe0\xe6\'_\x02\rj\xf5 Mw\x97l\xa5\xb97\xd6Z\xf1__\xbb\xed\xc1\xf0\xbc\xab\xc5\x1a/WVQ\x14\x9d\x8e\xd90u\x12\xc1]H\xcb\\\xc8\xe8\r\xa8\xb0\xaak,\xa5\x1c\x14\xb4\n\x12\xd0,\xfc\xf5"Y\x80Q&amp;V*\xcb\xa0\x95\x17\'\xaczBH#\x93\x1d\xab\xe3\xf6\xa7\xe0Z\xfc\x00\x88\xad\x07\x00{\xb2\xd5\x9b\x0c\x06\xe4\x82@\xb4\x19\xee\x0c\x06\x83I\x8f\xf1\xeb\x0ej\xc3\xfda[S!\x84\x85O\xac\xa2!\x15\xacJ0G\xe7\xe5\xbb\x0f\x9ajg\xe7\xf5M\x84\x10"\x8ex&amp;\xaa\xe4\xe6=\x12\xf6\x01+z\xc9\x18\xaa\xac\xcf\xdd\x01[\xa2\x17\xe5\xc2\x81\xbb\xe0&gt;\xc90\x1a\x8b\x1f\'=\xba\x87X\x83{\xac^\xb7\xb7\xdb\x05%\x1f\xe9\x81\xaa6l\xed\x8f\xf7\x87\x88\xe0\x18=\x9aG\x87\x0f|W\x85\xd2ar\x03\r\xa1\xcc\xffI_qA-Y.\xa4Y\xa5\x01\xa2\x06\xfe@\xb2\x86\xaf\xb1~\x87j\xaeT\x1f\'\x95\x12+\x01\x1c\xca\x04\x0c\x91Cx\x95N/c\xe3\x97g\xed\t$a9\xd5\x14\xdd\xee\xa4\xdb\x9b0\x9e\x10\xabV\xab\r\xc08 \xd5x\x1fk\xbc?\xcf;\xb08\xc2f\x9aR\xd9\xd4\x1e\\i\xa6\xa4\xfb\xe6\x9bj\x95\\\'\'\xb0|(\xe9\xadP\x01\x8bLX\xbe\xd9\xa8\xe33\xc2i%\x97\xdaZ\x99\x17\xc7h\x87l\xf41\xceL*\x0f\x83\x84\x90\xfdt:M\xa3y\xed\xbc\xc6P\xf5Ju\x06\x93\xc1\x84\x8b\x11\x1c4\x9bC|\xd7\x06\xd5h|\x00\xa8\xf1\x18\xb5\x01\xe7\xeb\xda\xd2-\x90}\x8e\xad\xe3\x98\xa6\xe0B\x0877K\xae\xab7\x1c[\xc1\xc5PV|\xad\x16n\xa4j\xf0^\x94\xc0Z\xca\xc8\xd28&amp;U\x90\xc4\t\xf8\x0cix\xa8\x15v\x08\xae8[\xcd[\xc3Z\xbb\x0bM\x9a\xcd&amp;\xd4\x01\x98\x06\xe4\xbd\xe6a\x0bw\x86h\x82\xe3\x99\xe6Z\x96T\xe8\xd3E\xce#\x1b\x1a+\xc3\n&gt;\xfeas\x93\\\x08\xe2\x8b7\xb6&amp;\xc2p\x07\xac\xc6z\xd5\xebu\xadZ\xc3\x8f\xa6\x81\xe2\xee\xd4\xd3+\x08\r\xd7f\xbb\x00\x00\x04\x81IDATx\xb5\x82\x82\n{\xb1\x10\xaa\x8c\xe7\xb9Z\xb6\x006\x99`0hr\x01\xa8\x06\x99\x80\x08\x9cV\xad\xfc\xe1\x9f\xd1\xf6x&lt;\x1c.\xd1k\x91\xe38%\xcbr\x94\xa3\xcae\xa02z7/v\xaa\xbf\xaa%J\xa5Pk\xed\x8a\x06\xaa\xdf}\xa2`\xd1\xd4\xd3\xfb\xd8sh\xcd \xc6J\x91;\xaa\xef\xe4\xb6\xb0\xfb\xe0\xca\x0cr\xb5\xc0r8*\xb9\x9a\x98\xa7JD&gt;\xd2:\x04\xe0\x17-\x18\xeb\xfc\xc7E\xeevX\xda\xe1\x01\x94\x80P\x7fH\\\xb5\xf4\xbd\xd3\xefP\x18\xaa\xd5\x92\xeb\xea\x1f\xb9\xc6\xb2\xb9\xe0\xadz)\xd4\x1d\x96\x1f\xc0Z\x8a\x9b\xd9\xaa\t\x16\xc7\xd3)\xc0\xa0}\xe6`\x0b}\x97e\xe1b^k\xed\xd5\x9awX\xa3\xd1l6\xe3}\x82\xb6\xf0\xcc\xa4\xf7\x97\t\xaa\xc3\xb3\x85\xc3N\xe8\xdaJX\x9aJ\xdfX\xad\xfb\x7f\xba~H\xaaju\x8d%t\xfc4W\xa5\xde\xa87\xee\xa0\xeau:-\x89\r\xa5\xdb\x00\xdb!\x16\xdc\t0\x18\r\xf62r\x98\x12\xc7\xecgJ\x80\xab\xd6:&lt;\x9c\x8dJ\x89fGg\xc4\xd2A\x84T\x93\xee\x06[\xd2\x0f\x0bv[PIa\xe6F\x19?pe\x99\xd1O&gt;\xbc.\xa96\xa9\x17\nD\x8e8\xdbk,\x02i"\xad\x19\x0bj\x12\x18!\x8b\x07\xc9\xa5\xd2\x9d:M\x19H\x94\x89\xcc\xb1\xec\x92K\x89|1\xdf\x83\x7ff\xb3\xc3\x12\xeb\x0cX\xf4\x16b\xcbu\xde\xde\xed=\xfa3#hY\xcc\x15+\x0fKS\xa9P\xdb3\xf9xu\xaf\x15\xfc\x05\xac\x08\xb6\xba\xc7\xbacb\x04\xcb\xee\xa3\xb1\xb4\x9eR\x1a4\x99\xd6Ks\x19\x99\x83\x9d!\xaa\x1a\x86rp\x1d\x8f\x0e\xc6\xa3Q\x89\xc5\x18\x02\xa7\xb9\xf7\x05\n)\xd6\xf7\xc3\xf3g\xbfh\xa9\xb0\xc5\x16\x8eA\xa1\x89\x85lJ\xe3\x84SCu\xed,f\xe3\xd5\xc7$U\xa8@d\x0b\xd7\xde*\xb1\n\xb3#\xdc(a\xf9\x05\x95m\xb3\xec\xae}\x1fS\xb0\x94\\\xb9\x05c*^\x85\n\xb1\x9a\xef\xcf\x80u\xacC\xa7CX\xdbk\xed\r\x8f\xf9\x8b\xc3\xa8W{\xb7\xe8\xcf./Wm77$\x0e\xba\xceBhu\xf3\xe2dg\xcd\x05&amp;\x8du9\xcd\x04\xa3M,\xebW.\x1f\x13\x9a\x14Ab\x10+\xd4a\x06\x16\xb8"\xce\x12\x88$\xaa\xaa\xea\xc3^\x92\xef\xe3\xda\xb8\xad\xe6\xc7\xe3\xf1\xe8\xf0\x98y\xa8\xbd\xdf:&gt;&gt;\x86\xcd\x8e\xf8\x1f\x0b\x1c\xdf\xaeP\x190/\xa1\xc9\xb8\x8et\x05\x06\x1a\x9b\x99\x94\xc5\xf1\xcd\xd7\';%\xd7\xe6z]}xu\xe9ah\x15%\x16\xdc\xd4XS\xb9\x96p\x9c \xc0\x88\x8cC\xb1k\xdaR\xcf\x80\x11\r\xc6.\x96\xc1^\xca\xa0Sp\x05\xc3Q\xce2o?\x8f\xc7O\x91{\x87\xa3\x11\nD\xab5:\xd8&gt;:\xe3z\xff\xf4\xd6\xc4%!\x86%\x0c\xbd\x96\x83s`\x80\x88\x85B}\xf1\xf5\t\xd7\xffb\xbd\xbe\xbex\xebY\xfa\xe5\xa8[z\xce\xd2E\xbe\xc0\x18\xe8xQ\x80\xd6\x8e\x91\x8f\xce\x0e\xd9\n\x11D\x87\xc223q\xc9!\x05&gt;lQ\x8e\xbfht\xe6b\t\xc1\xf6\x0fK\xac\xfd\xf1\xf6\x91\xa6\xfa\xcf\xd9\xe7\xdb\xb2\xf9\xf3u\xb9\x14k\x8fI-\xd6\xc5w\x0f\t\x85\x8f\xff\xc7\x8ap@\x1eXT\xf4\xd1;\x96_\xaf\x9bx/\\\x15\x06R\xf1o\t\xec\xf0\xbe\xa4F&lt;U,\xc1\x9a(1\x13*\xc4P\xbf\'Z{a\xaen?oo\x1f\x8c\xb8H\xf5\xbc\xa4Z.\xf8\x12\x9dD\x85\x9fc\xa2\x03\x15\xb7\xa3\xef\xc4\xa7\xd7\x0fO\xee\xd5\xba\xe7"\x167 s\xdd\n\xe2\xe0\x9b\xd2\xb6|_\xd8\xae\x88qq(\x9dN\xd1\xd1\x1e`\x89\x87\x9f`V\x97W,&lt;_\x08\xc6\xea`s\x16\'\x95\x8f\xa9\xc3\xaf/\x0f\x8e\x8e\x90\x89\xe3\xd9\x8c\xbf\x01{\xf6\xf3\xfb\xed\xf9*\xa7\x94|\x8f\xa2\xb0pt\x93U\x02z\xa7\xf1\xf4\x9ej\x1d\xc5oK\xac\xbf^\xbcu\xf4\xf1p&amp;\xda[\xb9g\xc3\xed*t\x8di\x12\xe4\x8e(:B\x96s\r\xc6S\x0f\x97\x19\xb6(\x97,\xa9\x88\xe5Reb\xa1\xact\xfc\xdb%\xca\xd6\xf3\xa3\x19\xb5z\xff\xf3\xf3%R\xb0 \x8ak\x82\xc8u\xcdF\xc3\x1466\xb3\xff\xbf,\xa9~Sb\xed\xec\xdc\xc9\xf5\xcd\xc5[\xc1\x18\xe0l\xdc\x8a\xb4|\xcbK\xa5k\xca4\xcb\x83\xcb$\x92\x06\x13\x92\xf3P\xac\'\x1bC\xdeMg\\\x1c\xc4P\xa6m^\x88v E\x07Q\xec`\x16^i0\xbd\x0e\x96\xb7+\xb3\xc0,\xc2i\x14_\xf0&lt;\x94\xc2yrfH\xd3\xd3\xeb\xdf\xd2Uwj\xdd\xbb\xfe\xdb\x0f\x17\x97\x82\xa1\xc3\x0e\xf1_e\xbe\x8b\x12\xad\x96\x0b\xca\x00\x00\x00\x00IEND\xaeB`\x82'</t>
        </is>
      </c>
      <c r="M433" s="3" t="n">
        <v>45492.67597222222</v>
      </c>
    </row>
    <row r="434">
      <c r="A434" t="n">
        <v>1086482</v>
      </c>
      <c r="B434" t="n">
        <v>1958</v>
      </c>
      <c r="C434" t="inlineStr">
        <is>
          <t>Diego Hernández</t>
        </is>
      </c>
      <c r="D434" t="inlineStr">
        <is>
          <t>Diego Hernández</t>
        </is>
      </c>
      <c r="E434" t="inlineStr">
        <is>
          <t>PE</t>
        </is>
      </c>
      <c r="F434" t="inlineStr">
        <is>
          <t>ATA</t>
        </is>
      </c>
      <c r="G434" t="inlineStr">
        <is>
          <t>PE</t>
        </is>
      </c>
      <c r="H434" t="n">
        <v>175</v>
      </c>
      <c r="I434" t="n">
        <v>77</v>
      </c>
      <c r="J434" s="2" t="n">
        <v>36698</v>
      </c>
      <c r="K434" t="inlineStr">
        <is>
          <t>Left</t>
        </is>
      </c>
      <c r="L4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81da41-628f-4609-af32-6f5e3683c7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3\x90\xb6\x93\x00\x00\x03\x00PLTE\xff\xff\xff\xfe\xfb\xf7\xfe\xf8\xf0\xfd\xfa\xf1\xff\xfe\xfe\xfd\xf9\xf4\xfd\xf6\xef\xfd\xfa\xf4\xfb\xf6\xf0\xfc\xf8\xf3\xfc\xf5\xed741\xfd\xfa\xf6:64\xfc\xfb\xf9&lt;75&gt;96\xfa\xf4\xec@;82/-0-*\xf9\xf4\xef-*(\xfe\xfd\xf6520\xfe\xfe\xf9\xfa\xf2\xeb\xfd\xc2\xa3:41\xfe\xfd\xfc\xf8\xf1\xe9\xfd\xce\xb6\xf0\xbe\xa3\xf6\xf0\xe8\xff\xfb\xf4\xea\xa8\x85\xd2\x9e\x7f(&amp;%\xf4\xc2\xa6\xfb\xf6\xf2\xf2\xeb\xe3\xf9\xf8\xf6\xf4\xbb\x9f51-\xf6\xc6\xab\xfd\xc8\xac\xf6\xf2\xec\xf8\xc4\xa7*)&amp;\xea\xb5\x98\xe3\xa1|\xef\xaa\x87%#"\xfc\xc0\xa0\xfd\xfd\xf9\xdd\x9au\xfd\xca\xaf\xa5uV\xef\xba\x9e\xdb\xa3\x83\xfe\xf8\xf2\xf5\xed\xe5\xe7\xa4\x80\xeb\xe3\xdb\xe0\x9ex\xf4\xb1\x8f\xdb\xa7\x89\xb6\x7f`\xfd\xc4\xa7\xbb\x83d\xf3\xee\xe8\xef\xe7\xdf\x99hJ\xfd\xcb\xb2\xe6\xb0\x92\xd1\x99x\xe7\xdd\xd5\xf9\xb6\x95\xfb\xbc\x9d\xf4\xb7\x9a\xfe\xd2\xbb! \x1e\xe0\xaa\x8c\xfd\xfc\xfb\xc3\x90s\xf0\xb3\x94\xd4\xa3\x86\x9aoS\xd8\x9e~\xaeuU\xf7\xb3\x92\xe4\xad\x8f\x9cu\\\xe2\xd6\xce\xbf\x88i\xed\xb6\x9b\xd3\x91n\x90mV\xfa\xcb\xb2\xb1~`\xfa\xba\x99\x95r[\xdc\xd1\xc9\xf4\xbe\xa3\xb2z[\xf3\xad\x8a\xc2\x96{\xe9\xb2\x94\xa9y[\xd7\xc7\xbf\xa0rU\xc3\x8clC&gt;=\xeb\xe9\xe6\xbb\x8eu\xe5\xe3\xdd\x9f\x92\x8a\xef\xae\x8e\xa3xZ\xcb\x93t\xe2\xa6\x86\xfc\xc7\xa9\xc9\x9c\x81\x8biS\xd8\x96s\xfa\xc7\xad\xe1\xdb\xd2\x94\x87~\xa1lN\xcb\x8dk\xe1\xe0\xdd\xe9\xe6\xe1\xd8\xcd\xc5\xc2\xb5\xad\x80^I\xc6\x83a\xf1\xf0\xee\xf8\xbe\xa3\xf7\xf5\xf3\xc8\xbb\xb2\xef\xec\xea\xa8~exYE\xed\xa3}TG&lt;VST\x8ccK\xa0z`\xc9\x97z\xbd\xaf\xa6\xd1\xc3\xbbKHH\xae\xa1\x98&lt;::`K&lt;\xfa\xb9\xa5\xadz[i\\S\x99\x8c\x84\x85eP\xfd\xd8\xc3\xff\xfa\xf5\x1d\x1b\x1a\xd7\xd5\xcfzlb\xaanQ\xdf\xaf\x96\xcc\xbf\xb7\xa7\x99\x90\xff\xff\xfeG8-P&gt;2\xf4\xf3\xf1\x93jP\xdd\xac\x90\xd1\xd0\xcf\xfb\xd5\xbd\xe0\xdd\xd7\xb7\xaa\xa2\xfd\xde\xc9kP&gt;]Z[QNM\xcd\x87d\xb7\x88k\\@.daa5,%\xb0\x87n\x7f|}cVK\x81tl\xfb\xc0\xaaICApWC\x90\x8e\x8d\xb3\xa6\x9d\x8a\x87\x87rd[\xca\xa1\x88\xe9\xab\x8f\x8b\x7fx\x8a{q\xcc\xca\xcaZOF\xba\xb8\xb8}P7\xc2\xbf\xbe\xb4\xb1\xb0\x86Y@\x8cT7?1(nkl\xb9uR\xd9\xd8\xd7\xc1\xa7\x99\xe7\xb9\xa1\xbf|Y\xa7[C\xab\xa8\xa8\xc8\xc6\xc4\xf2\xe3\xdakE0\xcf\xb3\xa4wtu\x16\x15\x15\xf7\xa2\x96P5&amp;\xa2\x8f\x83\x98^@\xd1\xa8\x93\xa3\xa0\x9e\x99\x96\x97\xe4\x8b|\x93\x83x\xda\xbe\xaf\xf3\xdd\xcd\xf8\xb1\x9e\xdc\xb5\xa1\xb5\x97\x85;(\x1d\xa3\x84q\xab\x8d}\xed\xc2\xb0\xe2\x80l\xff\xfc\xf7\xb0\x9c\x8e\xf8\xaa\x9b\xeb\x95\x85/ \x1a\xf1\xc9\xbc\xf3\x9a\x8e\xe1\x95\x82\xd1zh\x948,\xec\xd3\xc5\x8b\xd2\x8f\x95\x00\x00 \x00IDATx\xda\xcc\x98\xfbO[\xf7\x19\xc6;\xc9\xd1\xd2iq2:"U\xc4\x85\xca-\x03rik\x87\x92\x8b\xe2\x0b\xd8\\\x82!Q\x9c\x0bPL\x9c\xe2\x9c@\xc3\t\x10\x8e\x03i\xc1\x07\x86\x0f\t\x9c@N\xc8l,+\xe7\xf8\x87\xb8\xd8\xb1\x81\x16\x8bA\x1cS\xbbf\x8e\x99=\x8b\x05\xb1\x88Dm`\x12.\x99\x88\x94\x0b\x91\x90\xd6\x9f\xf6\x1e\xb3\xfd\x07=d\xaf\xb1|\xf9\xc5\x1f=\xcf\xf3&gt;\xdf\xafx\xeb\xad_lx\xec\xbc\xf5\xff2\xc0"P\xc3S\xa0\xe6\x0b`\xf8j\xb5\xe0M\xc3\xf1\x04&lt;\x1e_-\xe0\xf3\x05\x9f\xbe\xfb\xee\xa7\xbfNf\xe7w\xbf\xc9\xcf\xcf\x14\xbcQ\xaa_m\xda\xb4)\x93\xcf\xcfTg&amp;\xe77I3\x0cF\xa3\xa6@ZP\xa0*x\x1f\xc0\xde\x8c\xa3&lt;\xc1o7\xbfw(##\x7f\xcf\xdb\xc9\x9b\xf74!(\x8a:P\xe02\xa8T*\xa9T\xd5\xd9\xf3&amp;\xbc\xe4\t\xf8\xc9\xefKG\x9bF;\xf3\x0f\xbdw\xa8`\xd4h\xbc=j4k2T\x88AeD\x11\r\x82h\xae\xf17\x9c\x8b\xc7O\xce/(\xc8\xb8v5??\xf9\xed\xcd\xc9\x19M\x06\xf4G\x83\n%\x8dF\x07i\x86?\x14\xd5\x18\x8d\xd2\xcc\r\xe6\x12\xf4\x14H32\x0e\x1dj\x04\xb1\x92\xff\xb0\xa7\xd3\x80 \x88\x11Q\xa94f\xc2\xe1 L!\x0f\xe10j\x10t\x83\xb9\x04=R\x8d\x06\xf2\xa32\x92\x88T%\xd5\xa0\x04\xc3\x98\xcc\x1aDU`4;\x8c\x88#\xc40\x1e\x13\x89\xa2f\xd5\x1e\xf5\xc6Q\xa9\xf7\x00\x95\xca\x00\xfa@\x82\x8c\x0e3A\x98,!\xc2h\x84\xcff\x92\x08\x99\x1c\xa4%\x12qZ&lt;f\xc8X#\x7f\xc3\xa8\xf2\xa5*\r\xac\x9b\xc1\xa0\xd2\x00\x1bi2y\x9c\x18\xfe\xcfh\x04\x83\xb9\xff\x17|\xc5\x19"&lt;\x91H\xc8c1kTH\xd3\x86p\xdd\xe1\xf1\xf3\x01\x07\x92\xc3J\xa5\x01yL\x1e\xc2r?\x12\xb8\x17\xbbg\x0f\xe0\x8c\xc5\xc322\x16\x13\x83\x87\x9c\x98\xe3\tbn\xda\x80\x80\xf1x\x99\x9d\x00\x85\x92l\xb2\t\xe8)\xd4L\x92&amp;\xec;\x06s\x82T\x96\x90\xd3\x02vz\xb0h\xd4i\xc1q\'\x8e9\x10\x92\x1c\xed\xe1\xbcXy\xfcF\xd0\nX ?\x1e\x07@\xa1\x88\x01!-\x0f&lt;\x1e\x14\xaa\x81\xb0`\x0c\xbe\x12\xc1\x9c\xd1@\x94\xb10\xc0\xc5\x90\x0e\x13y\xfb\xaa\x9ac.\xf55\x83\x06\x01\x1a3a\xb1\x98P\xe8\x00\xc2\x03\xfa\x98\xa0\xaa\x1c\xe0&amp;\xf8\x07\x8aE\x02\x98\x93\t\xdfs\x86\xf0\x08\x16\xc5IS\x8807r\xcb%\xb8\n\x06\x9a\xc1?\x0f\x06\xf1q \xf0\xd6\x89;C\xd0\x06$\x01\x80X\xd4\x1e\x0e\x07 [\x16\xc2\xc3\xe0\x16\xa7=\x10\xa1\x19\x0f\xec$\xd1\xc9%\x17\xafGeD@(\'\xa4&amp;D\x90(B\x86L\x04A\x92\xa4\x03E\xc0C\xe0\n\xd01\x7f\x14\xc3\xed\xb8\xc9\x041\x8b\xd0\xe1\xb0\x7f\x05\xc3\x9d\x18\xd1\xc8\xe1\x9dB\rui69\xe3\xa0J\x88\x04*\x94D\xa5O4\xf0\x1d\n\x1b\xb0\xc6`\x1e(x\xf0\x11\xc7\xa3\xe1{\xb8\xc7\x19g\x02\xb10M\xaf\xacD"8q\x953\xb9x\xf9F\x92\xfda&amp;\x10\xc6M\x84\x19\x01\x1e\xd5\x13\x95\x11\xda4\x8eG\xedv{\x14\x02\x0f\xb1b\x98\x15\x06\xa7c\xd18\xe0\x84\x81\xcb\x1f\x08D\x02\xb8c\x88+.\xbe\x01|2\x85\x98(\x00X\x08\x14\x815DM\x965\xa7\xc7\t\x1c\x0c\x13\x08\x84cn\x7f\xd8O\xdbYD;m\x0f@\xd0\xe8 \xdd0@\xdbq\x1c\xbb\xcdU\xaf\x0e!&amp;\x887\x16\x89\xae\xc4\xe3\x16\x02\x82\x8f\xa2k\xf1\xf9E\xf3||\x1e\xe6\x95\xcd\x1e\xee\xb2\xd1t\xcc:\xd6GQcc\x80GStx.Fo\xd9\x1b\x0c\x07\xa2!\x8el\xe45\xa2!\xcc\xb9b\x8fF\xe2\xf1\xb8i~mmqqq~~\x11}\xb6\xf8\xec\xd9\xe2\xf2\x17\x17\xa7_\xf4NN\xbe\xb2OuM\xf5\x85\xfdV\xab\xcb\x15\xf3[c1\x97+\x1c\xfbpKR\x92\x9f\xf9#7\xa9\x17h\xa0\x16\x02~:\x10`\xf0\xb5\xf9\xd5\xd5\xe9\x8b\x17\x97\x9f\xc3&lt;\xfb\xf9\xf5\xa3c-#\xaf\x1f\x8d,\x7f\xf9\xe5\x8b\xd5\xde\xb3gl\xb6\xa9)?\xf5\xd2EQ~\xabk\x8e\n\xfb\x83\x03\r\xb1\xa8\xa3\x87\x9bh\xa1x\x04\xa2\x0c~\xac\xbcz\xb1\xba\xfa\x05\xe83228\x92;2\x98\xdb\xf2\xd7\xd3m\xbb\x1e\r.\xe7\x0e.O_\xbcy\xe6\xacm\xccj\xf5z\x97\\s.\xca\xed\xdaA\xd9\xe9\xa0?\x1c\xc0:9q1\x93\x88\xe2\x8c\xdfJ\x07\xf0\xd5W/\xa6\xff\xd4\xdc\xfcA\xee\xb1c\xb9e--"\xc9\xf9\xac\xf4\xf4\xf4\x03\x9f\x0c\x0e&gt;\x7f&gt;}q\xb2\xb7\xb7\xb2\x7fffa\xc1\xbb\xe4~\xe9s\xf9v\xbc\x13\xb3\xc7\xa8\x1b\xfe(\xc2\x85\x8b\xbc\xa1P\x04\x8a\x88\xa2\x81jrz\xf0`NN\x8eL\xa8\x17\xea+\xe4r\xf9\x89\xd3G\xb2`\xce\x03\xd6\xf2\xf4\xf1\xbb\xd5\xd5u\xed\x85?\xcd\xcex\xbdn\x97\xeb\xa5\xcf\xf7q\x83\x9f\n\x06c\x0f8\xa9\xfakX\xe4\xbb\x98\x9b\xb2\xaf\xbc\xba[|\xec\xa0\xe8\xba\xe4\xba\xa4V^\x92\x18]VwvV\xe9\x89\xc3\xe9??\x1f9\xd9\\\xa5\xacW\x96\x97\x97\xef?5\xb305\x06\xe1\x9a\xdb\xbb\x9d\xa2\x82\x7f\x0e?\xe0\xe4\xaa\xda\xc4\x04\xc6wR\x14}v\xb2\xb8L$\xba\x0e#\x96\x97\xe8\xb2Ku\xba\xd2\x14\x85\xa2;\xeb\xc8\xe9\xb4\xd4\xf4\x91\x83eZm\x87\xb6\xe3J\x95\xb2\xe6V\xe1,l\xe5\x98\xd7\xb5};\xe5\x1f\x1f\xb7\xff]}\xe7\x97\xbf\xff\xdd\x19\x8d\xd0\xef|L\xbd\xf4\xde&lt;^&amp;\x93$\xa8j+X\xac\xd2\xec\xec\x14\xc5\xe5\x94\xees\xdf\x7f\x94\xf6\xd9A\x99H$\xcb\xc9im\xd5^yX\xfeua\x7f\x7f\xd7\x94\xd5\xe5\xdb\x16\xf3\xc7\x1a\x06\xb80\xf1\x0eo\xd4\xee\xde\xe1\x9b\x9b\xf3vU\xb7\xaek%\x96\xcb+t\xa5\xecd\xa7\xa4dgwg\x9d&gt;,\x94\x88$b\xa1D"\xca\xd1N&lt;~X^w\xe9\xd2\xf0\x94u\xee\xdf\xe3\xf7\xfc\x03\xdb\x06\x9er\xd0\xf3&lt;\xde7~\x97\xcb\xed\xf6zg\xabr\xd6\xb1j\xe5\x15\x15\xa5\x00\xc4\xea\xa5\xc8\xd6\xe9J\xe4z\xbd^(\xae\x15\x8b\x85B\x99V{\xe5qy\x9e\xb2\xae\xbd\xbf\xcf\xe5\x1b\xb8qc|k\xc3\xbf2\xb9\xc0z@\xb9\xdcp\xa8,\x14v\xacc\x01\x15x\x98\xc2r\x81\x8b)\xba\x92\xd2\x12\xa1P\xaf\x17\xc3\x08%\xb2\xd6V\x90\xab&amp;\xaf\xbc\xbd\xb0\xcf\xedJj\xb81\x9e\xd4\x80\x0fq\x81\xf5C\x92\x1b\x8e\xbb\x99\x99\xfd\xebXb\xa0\xfa/\x16LJ\xb6\x0e4\x93\x8b\xf5\xfa\xda\x04V\x8eV;q\xe5\xe1\xc3\x9au\xacm\r\x03\xc1\xad\xb1H\'\x17\x97\xfa\x1f\xdc\xde\xa9\xbe\xae\xfe\xc2\xf2\x04V\x82\xaaD\xc7\xc6\xea\x7fd)\xa5\xba\x92\x13,\x16\x84+\xa7\x95\rW\x02k\xd6\xeb\xda\xb25\xa9!Hs\x83\xf5\x94\xb2\xf6\xd9\x86\xeb\xcak:d\x121\xbb\x85\x150%P\x0e\xf0`3\x0f\x82\x95\x94T\xe8\x13T\xb0\x8d\xb0\x8b\x8f!\xf5\t\xac\x1d;\x93\xb6\x05i;\x07X&lt;\xdeSk\xdf\xf0\x85\xfd\xd5y\xcaf\x91\x08r][Q\x0b\xe9b]T(\x12\x01K\xa8%\xd7\x0ba\x1bEP\x11\xac\x8b\x90\xfa\xf6\x9ff\xbd\xbe\xdf\xfb\xb6l\xdd\x1a\xb47r\xa0\x16`u\x9d:u!OYU,\x12\t\xc5\xc2Zy\xa2\x1f\xd8\xd2R\xb0Z\xa5t\xc3ki\x85\xbcV\xc8\xd6\x03PuLL\\\xc9\xfb\xba\xbd\xb0\x7f\x01\xce\x1f\xdf\xce\xed\xdb\xff\xc1\xc5\x15B\x8d\xf5\xd9\n/\xdcR\xd6\xd7\x17\xcbd"\xb18\xb1\x88\xa5l\xc1\xc3\xa4$\xe8\x14\t\xbd\x12X\xa0\xd5DG\x07`\x15\x16\xf6\xf7\x8dYc\x14\xe5\xdb{\x9f\x8b\x7fx\xf11\xdb\xf0\xa9\x0bw\xeb\xeb;\xe0\x90\x96\x80\x81\xf2\nV\xaa\xcb\xfb\xf6\xed\xde\xbd[\x91\x88&lt;k\xa5\xaeB/\x14\xc9Z\x13X\x13\xebX]p2Rn\xdf\x87\x9c\x1c\xd5\x99xW\xe5\xa5:\x10\xabY&amp;\x83\xcc\x03Vi\x02\xaa(5\xb5h\xf7\xe5u\xbd._\x06\xbd\x12r\x01\x17\x1c\x8c\xca\x9av0\xb1kl\xcc\xeav\xcd\xed\xfc\x91\x83\x8b\roh\xe5\xab\xca\xba\xea\xaa\x8e\x8e\xd6\x04\x96X\x7f$+\xbb\xbb\r\xa0\x8e\x1eMM\x05\xc5\x14\x8a\xdd\xfb@9E\xf7\x91\x13\xfa\x96\x83e\xad\xda\xe6\x8eze\rd\x0b\xb8\xba\xba\xfa\xac\xae\x1d\x7f\xe3\x02\xeb*\xfe\xd5p\xdd\xddz-K%\x92\xc01s\xa4\xfb\xa3\xb6\xa2\xa3G\x8f~\xfb-\x0bV\xc4\xeaVTT\xb4\xef\xfbs\xe7\x0e\x9c\xff\xac\xa5\xac\xb8\xb9\xbe\xbe*o\x7f\x02k\xaa\x0f\xb0\xb6q\x825\x84\xd9*\xab\x01\x0b\xa8\xd8\xfb_K\xcb\xf94\x98G\x8f^\xa7\xa7\xa7\xa5}\x9e\xca"%\xe0\xda\xd2\xd3\xcf\x1d\xf8\x04\xb8\x9a\xeb\x95J\x16\xab\x7f\xddEw\xf0\x1b\x1e\x17j\xc5\xfb+\xab\xab\xb492\xf6ZZ\\\xd5\xdb\xdb{\xb3\xb7\xf7\xac\xcd6y\\\xa9l&gt;\xbck\x1fK\xd6\xd6\x96u\xfe\xf0\xe0\xf2\xc9\x93\'\x8f\xe5~p\x1c\xc4\xba\xb5\xffB!\xc8e\x83e\xa4\x82\x1c\xa9u\xa6\xb2\xb7\xbe\x15\x8a2Gt|va\xc1\xba\xb4\xb4\xe4]Zz\xe9\x9d\x1d\xbe\x94W\x96\xb6k\xd7\xe7\xff\xe1\xd5\xfc\x7f\xd2\xce\xef8\xde\xe5h\xb6.\x17\x93\xfd\xd0_\xceqx\xf9\x10\xaa\x9fH\t\x90F&gt;0Q\xf8\xf8\xb9"\x88\x1fc\xf9\xf0E\x10Q \x80 ld""\xdc\xe0\x96\x93\xe3v\xb5\xadx\xbbElz?\x94.\xa6\xa1\xb9\x1f\xbc\xa9Y\xef\xc2\xccVY\xb6\x90H\xe7N\xd9\xaaI\x9d&amp;\x9e\xf5\xda^\xcd\xea&lt;\xeb\xed\xf5n\xf7\'\xc0\xde\xc6\x1f\xfc\xc9G^\xaf\xd7\xfb\xf9~&gt;\xdf\x9fw{\xbb\x007\x92v\xcb\xf8\xc4\xc4\xf8\x98\xd39\x96\xf3\xbbM~\xbf\xca\xa0\xcaA\x1b\x97\xbe\xb8]\x15\xac\x86\x7f\xf7\xa7\xed\x01D\xd5Jml\xcd\xdd\x809^\xda\x98\xde\xd8\x98+\xe6\xee\x06\xf5R^c\xa3 \xc6S\xeb&amp;\x8b\x8b[\xf7\xef?y\xf2\x04\x99\xa0I\x02\xcd\x16p\x8dO,M_\xadF\x13O]\xfah\xac\x9f\xa0\xa0\x83M\xb6\xed\x95\xbb;kj\xef\x1dh\x94.\x10\xd4\rF\xf4\xddk0g.W_\xe4rn\x1c\xca\x08\\\xff\x81\xf5dk\xc2O@\x13\r~$\xa9_\xfc\xbd\x1a\xb3\xc5z\xaf\x1f\xb0\xa0\x89\xad\x89\x80YJ\x83\x0c\x80\xeb\x0b7\xd9@1df\xaf\xd4\x85K\xa5Be\x04\xe2\x98\xc5\x90s:\x9d\x96\xfe\xf1\xb9\xc5\xad\xa51\x83\x01\xaae@\xde\xf9\xde\xbb\x15\xc7b\x9fm&gt;\xfb\x9e3\xe7\xa7\xa2\xd0CY\xf7\x9aZ\xd4\n?\xa2\xa6D\x12\xdc\xcb\xfa\xbcH\x8c\x0b\x04\xb8\xb0\x9b;\x05RER\x81W\x11\x92\x1b\xbc\x9c\x9b\x9b\x00\xaeWX\xbf\xf8\x90U\xe9J\x9d{\xb6{\xeb\x9b~\x83\xdf\x8a\x0e\x9ep8\x0c\xdb\xd1\x96t\xfb\x0c\xc5\x95\x95\xd2vyu^\xee\x90t5\xd22\xdd\xcc\xf6\xb6*\xbb&gt;o3\xcaDF\xaeF\xa3\xbb|c\xdcbP\xc5\r7&amp;\x96\xfe\xfa\x8fJ{f\x16\xfb\xc1\xf1\xc1A&lt;\xe7L\xc3\xc8\xb7\xca1L\x04\x9d\xcc\x966n_\xbd\x7f{\xbaX*\xaf\xaeGi\xce\'\x1c\xdc\xe8+m\x14K*\x82\xf0\xd9)05 [\xf6P.g\x88\xc7sh\'\xfe\xb3\xd2\t\x83]s\xf4\xa2\xf5Jb\xb2\xdf\x12\x802a\x8a\x02\xd6\x9a\xdc\xdeZ\xbc\xf7\x87k\x1f\x7f\xf6\xf9\xbf&amp;\xcb\xf3\xf3\xf3\xc3\x92\xae\x18\xa3Qml\x14\xa167\xaf/N/\xad\xa8L\xa6l\xd6o0\x00\x17Tk\xee\xe6\xbb\xec\n\xdb-\xf6\xeb\xcf\x0e\xbe\x15\x8b\xedcip\x0f"\x0c&lt;\x82-[Z,~u\xf3w\xd7\xfe\xf6\xc7\xcd`v\xde6\x8f\xd5\x8e^\xc0\xe6\xb77\xa0\xabO\xff\xfc\xf9\xb5\x1f\xff\xf4\xf7[\x1b+\xaa\xb8\xcaO\x10\xd0D\xff\xd8\xd2\xd5\x9f\xbf\x7f\xaa\xc2\xdf\xb2Y\xaf\x1f\x1d&lt;\x14{d\x93&gt;\x18x\x11\xa6\xd0bQp\x9e\xc9u\xd2\xd2\xaf"\xd7\xd7\x13\x90V1\xed\x05\xc7\x95\xe4v\xa9T\xccm\xfe\xe5O\x9f}|\xed\xfa4\x08\xadJ\x15\x07,\x7f\xdc06w\xfb7\x1f\xbe\x7f\xb1\xb2&gt;\x90\xfd\xbd\xa3\x03\xb0\xc9\x98\xdf\x17E\x0eP\xd1\xe3\x81\xe9\x12\xc9\xe5\xf2V\xc8\xce\xabI[k\xb4\x15\xa3k\xb5/\xb1\xb6\xb3\xd4\xce\xd3{\xd7o&gt;\x9d\\\x84z\xc5\xb3&amp;\xc2O\xf8\r\x93\xd3\x8b_=~\x1c\x1c\xaa\xa8\x11d\xb3\x1f\xec\x1e\x02\xcb\xc2\x02`\xc9\xc1iy0\x0cC!U|%\ns\x05\xa6\xe2\x8aX\xdb\xd6\x89%U\x08k5\x99\xa0\xec\xa4\x1b\xb2E\xa9\xa4r\xdb\xe1X$B7\xa6\x17a/\x94\x83\x17+\xf9\xa5x\x96\xf5F\xe1\xc0\xc1`\x01\x9d\x11z\x08y\x07\x9c)\xc41\x85X|\x05\xe9W\x13$\x0e\x8f\xa3\xad\x16\xa3\xe2P\xae\xecz\xd2\xd6\x14\x05As\x9bL&amp;7I\xda\xdd\x04`]\x9dS\x99\xb2\'\xd9\xde\x8a\x1aT\xd6\xb9\xba+\xf4aS@\x07\x14bHbZ\xc7\xab_\x85\xc7\x83\x9a\xab@\x7f\xa5\xda\xc4\xc98p\xc5\x81J$\x17Em\t\x8a$\xad \x12\x08\xab\x7f.\xee6\x95O\xb2\x1d\x15\xfd\xae\xce&gt;}\xa4\xc0\x0e\x0e\x06u\xd0C\x0c\xdd\xd38P\xc9&lt;\x1e\xe4\xe8\x1d\x0e\x08\x1a\xf0\x8b\xa7\xb0\xa4\t\xadd\x14\xcd\x9fX\xd4\xa4IX\x93V+\x85\xb0\x9c\xe3\xd9u\xb2|B\xd5W\x14\x8bu\xe9\x01sp\xd0\xb73\x05\x13\x8f\xb0P\xa5\xd0-\xa0B\x8b\xaeF "vj;3\x19\xc0rS\xc9\xf9\x84\x06\xaa\x85\xa1\x04\x0b\xe7%e\x05+H\xf8\x9c7\x08+U&gt;Y\xae\xa9\xa8D\xcc\xb2\xde\xa4\x0fv]\xcb:#DD\x0f*\xd7\xfe\xfe&gt;\xba?B\xfe\x1d\xe2E\xad\xa3G\xbb\xbf/O\xae\xba\xa9\x00\x1c&lt;PS9\x18\xeb\xd6h\x025\x92\x04\x89\xb0\x8c\x11\x0bT\xb9&lt;T\xd9\xb7\x110\xf3u\xbb\x07\xb4R\'\x0b\xcb_b\xd1\x99L&gt;/h\x1b\x95\x0c\x80\x8f\x97\xb4uj{\x9e\xefg\x14\xb6U\x13\x19\xd0\xc8\xc2\x90\xf6_Fk\x08?V\xb7\xc9M\xf8\xfd\x96\xc9\xed\xac\xbdL\x9e\xaf\xb0\xce\xb3\xdep\xb5\xbe`\xeeLq\xe1\x7f\x8a\x87!M\xa7F%\xfcQ\x81\x80\xc3\xf9\xb4\xab]\x00\xe1\xf0\xe1\xf3L\xca!B\xe5\xe2v\x9b\x0b\xe2\xff]\xbd\x01\x16i2\xa1\xd9Z9)\x99\xdc;\xec\n\xfbS\xa8\xd6\xf01&amp;\x1c\x04,9`)\xb4\xb5\x92v\xc9(\xbf\x9d\xd3\xc5\xe1_P\xa0\x80\x9d\xc9\xa7:\x15\xd1\xa4\xdbm\xed\x16\n\x99\xe1\x02\x1a.8\x0b(2\x9b%\x88\xb4\xd3P&gt;)[{+}\x07\xc1\xfa\xc13)\xe3\x11\x0eF\x94\xd0E\xc0r\xb4I$\x8d\x8d/\x83\xd8\x05\xad\xd8\x03\xf9:\x13\xcbg\x9e\xcb5\x94\xc9d5\xe3x\x1f\x03\xe5jmBI\x11\xa9\xa9\xc59\x03X\x83\x15\xbf\x83`\x9d\xfeN\x9a\xd2\x9a_b\x89\x87\x19E\xe7(\x07VW{&gt;\xcf\x14\x86{:!O\xc7\xba8\xf9L\xc1h%\xdd\xd9\x11\xaf+E\x17\x00+:\x12 \xdd\xbeP\xc8gq\xfa\x00k\xa7\xe2w\x10\xb3\xec\x07\xd2\x94C\x1e\x1c\x94\xc9\x10\x96\xf6\xc2\xab\x06\xe6\xf7!\xc5\xd24\x9f\xcfo\xef\xfa\xa4\xab\xdd\xa5\xd4@d\xcdfG\xfaR.\x06\x13\x195\x01$\xa6!\x02a\x95NLC\xec\xcac5\xe3x\xe7\xb0.\xa8\x97a\xc3P--\x8d\xc7\xba&gt;\x1dH1xL\x92\xf2\x86\xc3BW\x8c#\xc9\x14 \xb0\xea\xacY\x95I\xe6r\xe1\xc32\r*\x16\xe9\x03\xact:^\xda\xb6wT&lt;\x90\xcd\xb2\xce\x1d\xf5\xf4\xe0\x91\xa0&gt;\x8c\r3\x8c\xc7C\x0b8]\x92\xd40\xdd\xde\xc5\x89\xf5%Vm\x85&gt;\xa9\xd4\xab3\x14\x8bqS\x960\xd9\x18&lt;%\rG\x13V\xcan\xf7\x11!\x08\xba\xf1\xb2\xdb~\xb1\n\xd7\xf2\xec\xe6\x0c\x8d\xeb\x01+\x0cXZ\x07\xec\xc4\x18\x1d. \xd9\x8a\xe5\x99p\xb8P\x80p\xe6_)\x16U&amp;\xd2\x1a\xd0\x98\x01\xab\xdb\x98\xa0\x90\x81 B\xe9\xb4\x9dp\xcf\x0c\x9e\xaf\xca\xe7\xc47\x1f=\xea\xfdr\nf\x8ba\xe8\xceZ\xbe\xc4\x15\x96\xc1^\x1c\xc8g@Z\x1b]\x8c\x11\xdde\xa9\x08\xd2:\xa2\x91)\xbd\xb8Kj\xe6B\x0f\xdd3!\x7f:m!\xec\x0b3{\r\xd5\xc0\x02\xc7{\xa9ahJ\x86a\x80\xe5h\xe3\xf3\x0bF\x17g\xa01\x85\xd3)\x1c]\x92H\x95:\x9d\x95$)\xeb\x88\xd1\xacf\xf0\xbc\xcb\xcb\x85m9\xe3\xf3\x85\xd2\x96\xd0\x8c{\xc1\xde{\xa9:X\xb3\xac\x9a\xde\x08\xc2\xa2\x1d\x9dm\x12\xbc\xc9\xdc\xc8[\x13\xd2}0Uu\xde\xee\xba\xbcKh6\x8e\xe8\xac\xd6\x11\xee\x1d\xb50\xd5\x96BX\xd0C\x98wg\x88\x9c\x99\t\xb6T\xeb\xd3\xfe,\xfb\xe2\x0e\x9c&gt;\x0c\x8d\xe4\xd4\x1c\x15\xf6I\xd7\xd6\xd6\xeaxu\xbcF\xa9\x10O\xf1xRs\xb7~*\x10\x08FP\x13q!\x88\x189\x03Z\n\x1a\x0fj\xb6\xf9\xc1\xa9j-\xf6\xdb\x9b\x1a\x194\x91\xe9\x1cm/\x98\xd5\xc2&gt;\xa1\x8b\xd78\x10\x1b\x18\x18\x10\xb8\xf2&lt;A\xa6Nj\xd6O\xe9\x82\x83\x11n7MC\xb5@\x1e\x10\xd6GC;\x91\xcd\xfa\xea\xbd\x1ba}\xb0\x07\nQ\x80\x91\x17H\x18\xe9\xd7\xd0,^,\x8f\xe3\xfb\x99T*\x83N\x1f&lt;\xd3wK\x19\t\x06\x07u#^F\xcd\x05y \xe2\xf1\xd07\xbf\xac9{\xb6\x9a/dY5\xdf\x01V\x98\xa1i\x01?\xe5\x12\xca4\xe1\xc2\xf1\xee\xf1.Z\x87\x87\xc7\xc7\x87\x87\xbb\x87\x05\xe5\xf2`028\x12f\xcc\x1a\xca&gt;\xe3W\x19\xd2\x9b\r,vU\x9fp\xb1\xd8\x1dzp\x9e\xb0\x15k\xf9\xa38#\x8e\x96\xcb\x0b;\xcf\xf6\xf6\x9e}\xbdw\xe7\x85.B\xad\xaf\xaf\xaeR\xba`p92%3+5V\xc0\xf2[.wT\xfd)\xf1l\x8b\xde\x18\x16{\xbdB\\\xd0\x0e\xa3^(\x17\x7f\xfb\xd6\x99\x86\xb3?&lt;_s\xbe\xa3\xa5~o\xf3\xd7O\xef\x9aT&gt;\x9d^\xcf\xe5*e#\xa4\xcf\x07\xfe\xe1\xf1\x87U\x7f\x85\xc7jY\xe6\xca0\xafZ\x8d\x0b8\x12\x9eTP\x08\xdc\x1ajy\xe7g\xaf\x9d;\xf3\x93\xd3\xdf?\xdd\xdc\xdc\xdc\xd1\xf1\xe5x\x892*\xb9\\\x99\xd1\x1a\xf7\xf9 Q\xff\xaa\xe1\xd4\xff\x01kJ\x16V{\xd5R\xde\x00\xa7\xae\x8e\xc7\xdf?\xdc\xe5&gt;\xdd\xab\x7f\xebG\xf5o\xbfv\xa6\xbe\xb9e\xe8\x9d\xcd\xfex\xb8[\xa91\x1a\xa7\xec\x90\xf4\xe3\xfeto\xf5\xdf\x9e\xb2..\x0fF\xf4f\xb5\xda[\xd7\x08K0\x9a\x7f\xf8\xed\xe1\xf1\xc3\xcc\xd1\xa3\xff\xf2r\xfe\xb1I\xa7w\x1c\xb7\xfc\x86C._\xb5\xad\x82P\xb0\x94R\n\xfd\x8e\xda#-?J\xa4\xf5\xb8\x02\x93\x15(?\x02\x94QF\xebA\xd7*F\xb0t\x90hM\xafu\xc5y\x85\x9c\xb9H\xd2\xac\xc6&amp;\x8d\x16\xe3\xa2\x1bg\xc9r\xb9[S3\xe3u\x17/\xa7\xc9\xcemu\xc9\xe6e\xe7\xb9\xbb\xcb\xe295\xb7\xcf\xf3\xe5\x96lY\xb6\xdd\x9c\xe5\x93BI\xff\xe1\x95\xf7\xe7\xf3\xbc\x9f\xcf\xf3}\x9e\xa7_\xf9\xfd\x7f\xfd\xd3\x0f?\x9b\xcc=}zmZ\xa9q\xbb\xc5\x89&lt;Z\xe6\xbb*\x90\xc3M\x94;\xab\x11\xe8\x9cm\xe0YxJ&gt;\xd0\xa3\x18;s\xb7\x1c\x0f\xef?|\xfc\xf1\xc7O!\xdcj\xb5\xd7\xa0q\x9b\x1d\xa1x|\xc4\xb5\xf4\x93\x13\x9b6&gt;\x10V\xd2m3\x99lj\\8P\xa7Pt\xdf\xbf{\xf7\x0c\xf4\xcb\x8f\xbf\xbcKp\xbd\xf63\xb37js\x8a\xcdP\xf0&gt;\x9f+\x1c~\xa3\x02\xe7aA-\x07\xc8\xe5\xb4ym^T^\xa9\xf610\xd2\xfbo\xbf}\xa6\xac\xd7\x93\xef\x1e\x1d=j\x88z\xc5\xe2\\\x7f(\xee\xf3\xf9\xc2\x9f\xa5+q\xd3\xe0\x8e\xd3l\x8e$\x93N\x83\xcd\xa6\x84y\xa7\xa7n`H-\x94\xdd\x7f\xf8\xf0\xeec\x88/\xa1\xa2\x1cb\xf44\xd7\xec\xd8\x0b\xadr8\x18\xfc|bS%\xd4\x12\xbb\xdd\xc9\x08\x12\xcc\xa0\x14J\xd0\x86\x8a\x02:\x07\x83[\xa31\xff\xe0\xc9\x13\xb79\xd1\x7f\x14\xa8\x0cb\xa0\x8a\x03\xd4\xf8\xf8\x83\x83\x94J`9\xdd\x86d$\xe6\x00\xac\x82\x12\xed@\xd5\xb5\xa7PGc\x16\'\x12f3\xf45\t\x8d\xc1\xe0\x14\xe7\x8a\x19X\x85\x8d\xcf\x8d\x87+1\x10\x11\x96\x19\xb4\x80\x1e\xc1i0\x98\xd4r\xc0\x82\xf6A!\t\x98lh\xf0\xe5rN\x9b\xc9k\x10\xe7b\x99l8\x88\xa8|\x0f^\xae\x00\xd6"\xa8\x05\xf6\x10A\xbd\xcb\xd7Xh\xb7\xae\'5-\x93\xc9\xfa\xa2\xa6\xa82\xaaT\x1a\x90X\xe1q\x88\xa0\xaf"X\x94\xc5;b\x8d\xe6H\xb4\x80\xb8\x9c\x1a%Q\\=\xed\n\x05\x0c\xc5!\x99U\xa6\x96A\xaf\xaa4$\x1d\xa5lp&lt;\x18\x0c\x86\xe3#\x0f\xa6\xf8\x8b\x1b.\x16\xe5\x13M\xeb\x91#&amp;\xa5!\x12\xcb9\xc5\x86\xdbByO]OJ\x81\x96\x19\xea(\xf4;j\x99L\xbd\xe0\x8c\x14\xb3&gt;\xc0\x1aw\xc5\x87Gn\xb5T\x00\x8b\xff\x89\xbb\xb5\xdek\x8aF\x9d\xe0\xaa\xab\xc9\x05\xe0\x1a\xe8\x19hG\\2e__\x00R\tb\x81V\xa0T8\x1c\x8fwt\xdc:\xb1\xf1I,c]SF\x0b^q,\t\xd3\xe3\xc2\xed/\x06\xbe\x03U\xdf\xd3\x8e\x0b\x03\xd0FC\nM\xce\x98/\x88\xb0\xb2q\x88\x8e\xdfV\xe0r\x01\x9f\xf3\x95\xbb\xb5\xf3\xb0U\r\x93O\x0e\\\xd5Ap\r\xa0\xd1(\x17\n\x95\xd1\x85\x85\x85\x82!\x92\x01\xbb\n\x86}\xd0\xd5\xc4;\xceU\x04k\xe6\xd3\xd6\xd6\xd6\xce&gt;\x99\xda\xe4\xb5\xe5b\xc9ddu\x01\x129 \x97\x08\xbf\xb8-T\x9a\xa0a\x8e\xc4\xb2\xc8E\xc3a_\x87\xc7\xd31rn\xf5\xe0FO&gt;\x14\xca\xd4/J\x9d\x9d\x9d?:l\x95\x05\x94&amp;o\xb2\x08\x8b\x89UC\xa1\x00\x1a- \xa1\x9c\xced,\xe3\x9b\x9b#\xc4\x1a\x19\xf6x&lt;\xc3\xf9w\xde\x9d\xda\xe0Qho\xbaq:[\xdf\xb9\xfb\xd5\xfa\xc32t\xd8\xa1\x00k\x9cR,\x92\x03gu:W\xc1\xdas\x91X\x06Y;\xf8\x95kd8\xb4?\x9f\x1f\xf1\x9d\xbazl#/\x16\xf0\xedU\xf6\x83\x1f\xb4e\x10\xd6\xee=VX\xdcGA\x1e\xf0\xcdR)\x96\xcc%\x931G\xc4\x11+\xf9\xc6\xe7@\xac\xa0\xaf\xa3#?\x9c\xdf\x1fr\x9d\xf4\x9d?}q\xe3\xae\xb8Q\xd8\xd5d\xb2\xea\xe2\x81\x86\xcc\xee\xfa\xdd{\xf6\xec\xb1\xaa\x81\xcbT\xb0\xd9\xc4\xa5l8\x9c-\x952\x99R\xb1\x94\xf5\xcdMN\xce\xcd-\x05A\xab&lt;\xe4\xf0\xdc\xecd\xf8\xe6\x81\x8ff\xa0\xea7\x82\x8co\xa7\n02\x99sck\x8d\xab\xbe\xfe\xd5o\xf7\xed\xe9\x93\r\t\x87\xd4\xcah\xd4\xe0L\x96\xc2\xb3\xb3\x93\x93\xe0\x9e\xb3\x93\'\xd1\t\x88\xa0\xcb5\x12\x1f\xce\xe7\xf3\x1e\xcf\xec\\py\xfb\x9aE\xdf\xf4\xfc\xefPR\xecl&amp;\x15\x13\x91\xe9d\xce\xaf\xb6\xb5M^\x83E\xa2\xec{V\xab\x0c\xe4\n\x04\x94^\xef\xc2\x1f"\xa1W\xde\x7f\x1f!A\xcc\x82\xbb\xbb:\xf2PW\xfb\xbb\xf6{\x96\x82\xe1\xe5\xb6_\xa7\xfd\xfaj;e\xf1\xb9\x0e&gt;;\x9b\xc4eQ\x05\xa2]e\xac\xcb\x1a\xa0\x92\xed\xdbg\xb5\xa2\xa35j\xa5\xd2k+\x14\x9c\x8ebh\xd8\xb5\xb4\x04?\xc10*v\x08\xcf\xfe.\x8f\'\x9bq\xdd\x9c_\xb1\xf8\xfd~K\x8b\xfdy\xed\xbd.R\xf8Ul*\x03c\xb1h\x02\xee\xae]d\xce\xda\xe6\x86\xf3\x91\x00L\xc9/\xf1^\x9a\xc6\xc1\xac \x80\xcbf;\xe2L\x8c\xa2\x83&gt;yh\xdf3\xa1PW(\xb47\x04j\xe5]\xf1W\x96\xd7\xaf^\xf2\xa7\xfdo\xf8_\xbep\x82\xf3\x1c\x9e\xe9\xa2\xb1G\xa5ji\x18\x8b\xc6"a\xd8\x8f\xe9d\xd5\xf5\x03m\xcb\x19+\x81\xd5\xdd\x8d\xe3\x12\xe1\xd0\x90D\x18P".7\xf4\x80\xfd\xc0\x93\xc9\x14\xbb\x8a\xa1"\xda\x81\xea\xea\x8a\x8f\xfb\xde{\xb4~\xfal\xdao9\xfe\xfd\xb4\xff\xf8\xb1\x99\x13\xff\xdf\xa8\xa4P\xf8\x7fa3\x99Z\x1a(\x85\x82\x8b\xd5\xd2\xc9\xf6\x0fO\xb7\xd5\x8cG\xad\x04\xd6\x98B\x91\xc2\xf1i\\\x08MC \xe0\xf5\xda\xa0\x8b/\xf6\xf7\x17KEx\x1f\x1d\xed\xef\xdf\xbb7\xe3\ng\x7f\xd3\xbb\xbe\xe5\xba\x85\xb8\xa3g\x19\x1c\xbct\xec\xd0\xd4\xb3\x83AE\xa1\xec1H$\x16\x17\xb0\xc842\x86\xd5\xb2\x9b\xec\x13W{\xb7\x9erZ\xadC&lt;\xc0joO\xa5\xc6\xc6@2\xe1\x10x~\xd4\xe4\xd5\x98s\x8e\xd1b1\xe6\xc8%\x1c\xf0io(\x18\x8f/\xfd~~\xfd\x855\xbd\xc5\x92\x1e\x1cL\xa7\x07\x0fI\x0f\x1d\x9aa?[*)|&gt;d\x8f\x89\xb4\xa2\xd1\x80\x8aE"\xefb`\xb5*\xb6jj\xa5f{s\xa9\xcf\xcaCgM\x15=\xb0x\x1d\x93\xe3P\xfa0$\x03\x81k\xee\x84\xc3\xe1\xc8\xe5\xc4N\xb1\x18:{G\xffH\xd8\x97\x9f}4\xbf\xbe\xf3#\xbdEO\x94}z\xd0"\xd5\xe9D\xd5l;\xff\x19\xe6\x186T\x14I\xabejI\xc0E"\xd1Hd2\x8dU\xc5a\xab8k[\xb6o\x7f\xe7\xc8\xbe}\x88\x8b\xc0R\xa4\xc6Rr\t&gt;\x04\x9eo\xd3\xb8\x81\x08^\x06X\x8f\x89\xcd\xe6~X%v\xbd\xb7\xde\xbb~\xe08`\xe9\xd3i\x8bE\x0fVa\x94\x1a\xa5"nc\xd5\xff$\x19\x85\xcf\xa9b3!{\x00\xa4EXZx\x07,2\xab\xb6\xaaJ\xc5\xf9\xf0\xca\xb6\xcd\xe7s2t\x9a\xb3[\xa1\x80f\x19\x9d\xeeD\x0f#$ra \x10\xf5\x16\x0c\xb0\xee\xf1\x9al\x1a\xd0\xab\xdf\xb7\x14\xefzk\xbda\xfd\xca%=\xba\x99n1\xc2/x\x97\xea\xa4R\x9d\x00cP\xbf\xf1\xa38d\x08\xa0\x11\x82\x82R\x07*\x16\xa8F*c\xd1w\xec\xd8\xc1\x99Y\xd9\xfabsV\x8d\x8e\x98B\xcd\xb7+\xda\xa1\x8foO\xc9\t0!j*\x10\x94\xa9\x8c\xe5p-\x15\x87\xff\xbc\xde0\xbf2A`\xe9\xa5F\xbdQ\x9f\xd6\xebt\xc0%\xd5\x89\x044&amp;H\xb6\xf8\x8d\xa0\xa8H\x1c\xa2\xa2\x088B2\x12\r\xb0\x18\xcc\x1d*\x15\xa7\xe9\xc6\x9b\xcd5\x97\xbd\xc4\xc9W\xe0\x1a#\xd4BX\xe5\x02S\x9a\xd03\x93(`i4nG6\x93\x98\x9d\xef\xed\xddzC\nT \x95Td4J\xf5\x16\xa9\x08QA\x89\x89\x04\x18\x8dj\xff/\x92\x81M\xb1\xc1\xa6\x80\x85D\xb8\x02\xc8\x04\x9f\x18Zm#\xaa--\xc2\xda\xa1\xe2\x1c\xbb\xda\xbc\xf9f\t\x9f\x96\x80m\xf1p^\xf9\xa8)\x8e\x03\x18`\xa9\xa3\xa0\x14,\xc8\xa0ED\x0fl\x1c\t\xc7[\xeb\xdf\x9a\xbfrIjD\xa17\x8atR\x91\xc0\xa8\x17\x08D:\x9d@\x04X\x02.\x80\xa9\xfeC\x95\xa1I\xa6\x91Ie\x92\x88\xa0\x11\xa5N j\x99\x8d\x0c&amp;\x83Nf0jQ\x16/\xdc\xdb\xfc\xe2\xf2\xc9\xdb&lt;\t\x0f\x97\xe0\x92i\x1e\x9eR\xa0\xbda\x84\x05\\J@2\xc1\x0b%q4avg\x1e\xcd\xd74\xfc\xb1Eg\x94\x02\x99^*\x10\xe8t,\x9d\x1e\xb8\xd0\xa72\x17\x17\xc3\x98t\xd5\xbf\xc9%2t\x06\nZ9{ W\x19\x8f\x04\x7fc\xaa\xd8L2\xb9\x9aA\xc8u\xf1\xf5\xe6\xad7?\x1f\x90\xf0x8\x8e#\xab\xc7\xd1n\x01\x94\xbcD(CXQ\xc0\x02*\xb18\x913\'.\xf7.\xb7\xbd~\xb6\x05\xd5\x12\xa1\x16\x8b\xab\xe3b:\xbd\x94\xcb\x05,@\xe2"\xcdD\x84f\xffz\x9ad\x11A1\x19\x18\xa3\xec\x06\x04\r\x91K\x1a\x0b\xab\xaen\xe44M\x9c\xbd@\'c\xd5U\x08kje\xe7\xe6m?\xfft\x00\x07\xa21`\x93\xe3\xc8\xb8\x84\xc4\xbc\rX\x90\xc3@\x19\x0b\xbc"\xb3\xb3a\xb9\xe1\xdd\x16\x90\x06\x8d&gt;\xbd^G\xa3\x89D4\x1apa@\x04H\x00\x86q\x91v"Q\x0b\xe3\x9f-\x03M}`\t\x8c\xaf\x05\xfa{\x10\xda1\xe9M\x17\x0e^\xbfwe\xe5 \x9d\xc1\xa2\xb1!\x8b\xb5Mk\xa7w\xbe\xd0\xfc\xcb:9pu\xf3\xba!{\xc8\xe9\x89I\x1bj\x1e\xeaK\x1d rh\x16\x8bs\x97\x1b\xb6\xd5\xbc\xb9\xd6\x88\xc1\xf7B\x8d\xeb\xf5\x80$\x10\xb0H\x0c\xa3\x91\x90\n\x05\x86f\\\x8c+B\xffV\xa2\xfa\x1f\xed\x9f\x83\x94B\xf3\x0c\x99\xc0\xd1\x96\x93\xc7`465MM\\\xbcq\xefw?\xdd\xde\xfb\xc1\x04\x9dL"S\x81\xaa\x96\x0ermi&gt;u\xab\x0e\xef\x96\x8c\x81\xc9\xa7\xfe\xc6\xc3\xf9\x85\xb4\xb1\xa6a\xdcq\x98\xcc\xff\x99\xcc\xff1\x0c\xb1\t\x8dI:m\xce\x14B\x90\xaa,\x94e\xc4z\xa3\xf4P\x16\xbaP\x8e\xb0x\xb1,$\xe4\xa2\x94C\xbb\x10o\\\x91\xa5^,n.\xca\xd1z\xe8E\x1bj\x8a\xe8\x85]\xcf\xa1+\xbd\xd9\x12Z\xa8\xd8\x05=\xac\x17\x05\x85\xca^\xec\xd2\x03go\xce&gt;\xef\xd8\x9e\x89&amp;\x11F\xe7\xf7=\xef\xf3&gt;\xdf\x1b1\xde\xf95\xa8\x86\x86f/\x9c\xa3\xc9\x10|\xb7\xae]\x1d9\x7f{\xf2\xfc\xe4\xef\xde\xbav\xb4\xb3(H\xb8&lt;z\xaf\xf4\xab\x12\x102F?\x8b\xaf2\xa4\x94\x84\x03\\\xb8e\xb21\x9c\x97u\xb4_^\x81\x8b\\\xd1q\x04\x8e\xa3t\xa2\x80\xc2#\'\x16\xb9Nc\xbf\xb7\xbb\xb7\xac\xdavhZ\x84\xc5\xe69f\x80\xf1xm}\xd9J\x87\xdf\xfe\x97\xfeR\x18!\x0f\xcb\'X\xe7\xae\\97\x94&lt;\xb9|m\x84v\x9f\xf3\x7f{\x12Y\x85\xe5\xb52\xb1d\xb2\xa5\\\x0cs\xa5RF\x06\x8d\x9d\x1b\x87\xc7@h\xd0\xcc\x04,\tH\xe0\x92\xc6\xb2\xc2\xe7\xbe\x04\x83\xe0\x14)\x1a(\x9d\x04\x96\xe7Q\xb9\xd6\xe1\xf1\xd1\x92Z(\xb8\x96\x9c\xae\xa7\xdd\xed\x16\xc3\xb3\x9e\x82D\xc5\x86\xad\x9d\xf8j\x90~\xdf\x9d\x99\xb8t\x89b\xfe\xce\x17\xb3C0\xd8\xec\xd0\xd0Y\xac^\xb9y~\xf26J\xf8\xe7\xe7\xb6m\x1d\x97E\x16\xe2\x83!W\x89K%\x83\x95\xb2\x12V?6\x9e\xcd\x1a\x06\t\x96"\xbdR\xc6XN*\x8d\t\x95R\xc9\xe1\xce\xf6K\xb1\x88C\xe48\x02C:\xd5j\xe5\xd6\xeb\xdd\xcd\x17Vd[\xbe\xac\xaa:n\xf6\xf63\x05X5\x9e\xf1&lt;O\xbb\xde\xdcvM\xfd\xfe\xbb\xee\xcc\xa5\x84\xeb\xd2\x17W.\xcc&amp;\r\x89\\\xc5\xab\xeb[#\xa8\xe0\x8d\x91\xdf\xa6\xdd\xb0\xba\xdd\xc47bG\xcd\xa4\xc4J\xefM\xab\xe3\xa0\x82\xc6(\xcfJ\xa5\xf1\xac$e\xb24\x9f$`\x991\xc3(\xc5\x82\x13\x83K\xa4\xd1\x07X"\xa8V9q\x14SCm\xf1\xf5\xeev\xdb\x82J\xb2\x1c\xc8t\x04zp\x86\xc5\x0f0e`)\x8avX\xb7\xeb\xc1w\x1f\x06/\xd2\xa681|gv\xf6\xc2\x9ff\x11\x13w\x87g\xa6\x06/^\x9e\xbc\xfd\x9b\xa7O\xbf|b[\x05\xf3\xb0\x0c\xf1Y\xd6\xc8\t\xac\xb2\xebo\x1f\xcc151\x9bAM\x8c\x12\xe2\x82\xb8\x8c\x04+\x95\x8aK\x82S\x8a\x8b\xc5R\xc3\x11\x1dp\x91R\x89X\xa2\xc8\xf3\xad\x83=\xd3\xb2|_\x86N2\xee\xf1\x00\xb5PD\xc5\x03V\x8dW&lt;\xa5V\xabuN\\\xbd\xee\x7f\xfb\xbf\xee\xcc\xe0\xc4\xc4\xe0\xc40\x06\x08\xa8u\xf1\xee\x04\xbd\xd1`\xe8\xe6\xe4\xf9\x91G7\xfe\xee\x06\xee\xf4I\x07?\xd3\xe3y`\x89\xb5c{\xda\xdd&lt;\xd8_\\\x10YQ\x10\x1dl\xd7\x92A\xa54R\xf4)\x8d\xc5R&amp;^\x14\x8a\xe3s\x8eXY\x80\xe5y8\x9c\xd0`\xaa\x03\xd5\x0ed\x9d\x80\x80\x16\x04\xf4DM\xab\xf6\xe6&gt;\xa9\xc50\x03\x1e\\\xcf(Zk/2_\x04\xff\xf8y%\xf9\xad\xdb\xe0\xcc\xc5\x8b\xc3\x13\x133\x80\xeaN\xcd\\\xb9:y\xe3\xda\xd5o\xc2\xd0\xaa\x1e5\xa9\x82\xf9\xd5Q#\'\x89\xd7{~\xd5-\xd8\xcb{\'\xbd\xb5\xc6BYt\xe28\x93\x02WF\xea\xa7\x9e\x90\x92\xde,\xc5\xa2\xd3h\x14\xe3f\x1f\xafP\xe3\xf1\x1c\x9f\xe7\xbd\x85c5\x08|\x19z\x81\xeb\x13V\xa0\x06\xee\xd2\x9a\xc2\xf3\xab\x8a\x82\xd8R\x06h\xc0Y_\xb2\xeb/\x82\xff\x9c&amp;ow\xa0_R\xe2a\xaa\xbb\xb2\xb11u\xf7\xd6\xc8\xc8\xb5G_\x85~X\xd8\xa6\xc5\xb0\xf9|\x7f\n\xe1.h\x87\xedjd\xd9\xb6\xeb\xaa\xcbG\xc7\xaf\xf7\x1b\xf3\x08\x00\xc7\xa9\xe4\x0c)\xa9#\xc5\xbd\x91+\xe5\x8a\x0bsq\xbc\xd6\xa7${!\xa4\x80\x9b\xcb\x07mh%\xfb\xa1\xefS!a.`\x02kk]axe\x15\x9d(\xa2\x945\x9c\xf8\xa6n\xd5\xebO~&lt;]Y\xe9N\r\x0e\x0f\x13\xd3\n\xa86\xba3\xbf\xbfz\xed\xe6\xd7o-9Zz\x85\xb6\xce\xb3y\x16\xfd?f\xb0\x03\x87\xf5i`\xc9\xa6j\x15\xa6\xa3\xf6\x16\xd0Z\xf3e\xb1H\\\x02\xf8\x00\x18g\x8dl\xae\xe2\xcc7\x16\xd7\xfa\xc8T\n\x9fD\x92X~\xd3\x96\xd3\xa8\x9f\x15\x12\x15\x1d:\xcc\x15\xd8\xc0R8\x9e\xc1Y\x03&lt;\xd8\x18O\xec\x9c\xf8a\xbd\xfe\x98\xb8V\xa6P\xc7\xa9\x04jc\xa5;s\xf9\xd1\xd3\xaf\x9e\xdbj\xa1\xde#\xbb\xe3\xd5%\xfaplL\xc0\xcb\xa6\x17\xd3U\xd7\nu5\xd0e\xdb\x8d\nQ\x16\x96\x02\xce\x00\x00\t9IDAT{{\xb7\x07\xab\xe5\x8c\x94\x90\x12\x9c\n\xb0r9#cT*\xf1\xe2=`\x95\x93]\x05\x8a\x89Z\xaf.\xa7U(\x15\x86r[\x97QO5Pu\x9d\xb08`!O\x07\x18\x05w\x1e[n\xecZV]\x7f\xf2\xee\x87\x8d\x84k*\xa1\x02\xd6\xdds7\xbf\x0e}9j\x1ftX\x91\xf7\xbc&lt;&amp;\xc8\xecX.\xc5\xd6\xf6\xb7\x1e\x12VZ\x87\xedB?\x90\xad(*\xb4\x97v\x0e+\xb9\xcc\',\x1a*\x0c\xa9R\xa9\x94\xee\xa1\x88\xd8\x81a\x1d\x91\xcf\x8b\xca\xebe\xa8eY\xa1e\xc9\xed6\xd9LE@$XX9\xc3\x91\xebkX\x04\xcf*\xd7\x1b/m\xdf\xb4\x9e\xfc\x05\\]\xf8\xeb\x93Z\x833\xff\xfc&amp;\xf4\xf5\xaa\xf9\xa6\x03&amp;R+\xc5J\xb8\x9e\xd4_k-\x91Z&gt;\xb0 Vh\xf9\xba\x8c\xebD\x85\x9dy\x96B\x15G\x06\xe3X\xc5\x10*\x15\xa7\xb1\xd6\x87\xc5\xd7P!\x84\x16+2\xaf\x96\x02S\xb6\xcf\xb0t\xc2\xd2\xd1\x98ikk]\xe3\xd1\x14\xdc*\x835x\x1e&gt;0#5v\\?m=\xfe\xeb\x0f\x1b0\xfeTbx8\xed\xdf\x0f,?\xf8i\xab\x07*\xe2\xe2 \x04\x8d/\x12\xcb\xb4\x96\x1e\xc2\xf3\xb2\xa9\x87\x96\r\xd5\xb0\xe20\xb4}\x17Xg\xc3\n6\xc6\xb18\x97\x85\xcd\x84\xb9\xb5\xbe\x81\x01@\xf1\xfc\xe8(\x8b\x08X?\xc3\xb2\xc2P\x05\x96\x8at\x80\xb9t\x7f\xf9PSx\x84\x1bC\x07"u\x80\xc1%\xb5\xb9\x97\x05+m\xc3_\xe0\xea&amp;\\++\xffz`\x07\xba\xbb\xd5[PX\x9c\x89\xd4\x92(\x04\xb2\x89Z\x9b\x84\x15\xa6Q\x0e\x17[\x08z+\xc4\x95\xac\x97\x1dt+&amp;N\x83\xb8\xe2\xb8\x82\x88\xab&lt;\x03\x16\x98(M9\xb8\xe0\xe3\xfe\xa6\x0c,:\x1bED\xa2\x06i]Wek\xf9U\x99\xd4\xe2\xf3\x0c\xd2\x11Fdj\x9e\xe2iZc\xd7w\xcd\xf0\xed\x1fO7\x92wlu7N\xdf\xdd\x7f\xae\xfa\xd1\xe6zY!\xa9`,\x0cH\x12\x8dV\x92\xa84\xb6\x1fV\x0b\xb0\xbc)\x87n\xe4\xda\xbe\x1eX\xb8\x90\xfb\xb2\xb3JI\x80\x88Mes1\x8c\xe5\x88%`1y\x9eOR\x1e\xbb\x84\xb7\xbf\xed\x9bX\x03L\xa9\x9amR\xcb\xa4V\xb4\xa0\x16y\x8b\xcf\x7f\x04\x1a\xb8\x14\x85b\x95\xd1\x16OT7\x1d&gt;\xff\xfe\x0f+\xdd.\x14;\xfd\xf1\xfe\xf3\xc0r\xf7\xd68E\x81\xafPj\x8cpB\x8a\x86P\x83U\x16\xf7\x80eC-\xdf\xb7\t+-\xa3\x9a\x96\xbd[\xc6\xa5i\xb6\x1b\xed72q\x8cyP\x18\xbf\xf7\xacO!\xb1F9N\xe1X\xd6k\xed\xf9\xba\x8doA\x11M\x13q\x1a\xa4Ud\x84\x9d`1\t\x16\xcb\x13\x12\xb5#\xdc_\xee\x1c\xb4#5\xfc\xe9\xc1\x07p\xad\xfc\xfc\xde\xb4t\xcb\xdaii\n\xb0H\xac~)Q\x0b\\\xf0\xd6\xfc\xd1\xf44a\x99\xb2o\x17\xce\xb0\xe8R\xc7eG\xc4\x18\xea\x00,%U0\xb1\xf6\xe7\x9a\xcf\x9a\x08\x08\xf8*\xc1\x12Y\xaf\xb1\xe3\xa3\x866R\x0bX\x14\xa7\x10\xcb\x84W^)\x84\xc50\x1fW\xd1[I\x930\x14*\xbc\xd6\xe9-Ue?\xfa\xee\xdd\xe9\xc6\x87\xef\xf5P/,\x9f44E#\xad\x10Y\xfdRJ\x1cM\x11V\x8aW\x1a{\t\x96n\x06\xa1[\x88\x08\xcbr]W&gt;.\x0b\x02\'Vbp\t\xe4{\x83\x1do6[}y\x8e\xcdS\x1f\xa2\xbe\x828\xff\xd2\xc7\n\xb0W\xd3[{eJ&gt;&lt;I\xdb[\xaf\x92"~\xc6b\xa8\x84\x84\xe5)\x9a\xb6\xbe\xfd\xd0\x95\xa3\xc7\xef\xdf=\xb0\x91\xdfK\xbd\x8eFM\x91\x04\xd6\x19V?y\x99\xbc\x05\xac\xaak\xab0\xaf\x9b\xa8\x15X\x11\xb0\x0e\x14\x0c\x14\\&lt;.\x88\x18Ga-\xc1\x99k\xce\xb5\xfa\xb0?\x80\x0bG\x11h\xf3/qj\xf8\x19+\x9dF\'\xea\x14\x10\xbf`q\xa3y%\xbfJ\x82\x11\x18*\xa5h\xfbGpr\xe1\xad\x19\x06\xae\xbd\xb3V.C\'@\xf1yd7fO1\x91 \x9bb\x99\xc5\xa3j\xb5\x1a\x01\x0b+/D\x08\x97 \x04\x96\xfeFs\x84Q\xb14G\xff\xf4\x0c\x1bPE\x88\x9b\xad\xb9f\x1fK\xeb",\xe8\x05\xb5\xec\x82\xedc\xa7N\xeb\xa6\xa9\xea\xe9\x00d\xa6\t\xcb\x9fu"\xff\x11\xfb9\x8c\xc5c\xacO\xc0\xd0\x00\xbc\xd6\xdc\x95]Le\xa1\xbb|\xd0\xd0\xc8\xe9^&gt;\x8f\x9f)H\x82A\xde\xc2\xbdPq\xf8\xda\xfc\xce\',\xd9\x8e\xaa\xa8\xa2\x8a\x9e\x8d\xa2zO\x110\xbc$X\x88\xd2X\x14\xe6ZM`\t$\x17\xcb\xc1\xf0J\x91\xff\x7f\x11\xe7\xef\x9a\xba\x1e\x86\xf1\xaa\xd8\xe4[\xf3\xabIL\xedE.\x1c!x\x82\x10\x1c\x82\x93\x87nv\xb9K\xe8?\x92\xe0\xee\xa0\x8b\x04\x17\xa7\x92\xd1\xb8\x16\xc4!\x0e\x05\x07\tN\xa5\xe8 .\xed\xa0\xd3\xe9?\xd0\xfd&gt;\xef7\x9e{KH\xa5\x83~|\xde\xf7\xfb\xbc\xcf\x9b\xa1\xe1\xc9\xf20\x12\xe9\x04\xea1\xa4\xfa\x83\xf5\x96\xdb\xa90#\xcd$~/\xdc#PP\x98R\x94\xe1\xda\x08d\xa3uzs\x14\xf2P\xc2\x12\xb0\xb6T\xf19"\xc7By\x984^\xdb\x1e\x9a\x8b\xb0l\xdf\xc6\x0b\xb9\x02\xbc\xe7]\x07Q\xa1\x10\xf6]V\xbd-\xba\x90j\xb9\x1c\x01\x8b?\n)!\xd7\x94\x04Q\x18\x1e&lt;\x8f\xa2\x96\x06\xac@\xd5TX&lt;d3s\xac\x19\xce\x05\xb2"\xe6:)G\xc3]* \xda\xbf\xcc\xb3g]o\xe9\xd9XQ\n|\xe2\xe0\xb8\x12\xd5\xed\x05K\x04\x16v\xbb\x0bVE\xaf\x03\xcb\xb3-Y\xab\xb7mo\xf3\xa9`\x93\x90\xc2\xa5\x0bIK\xeeh\xbd]\x0e\x1e\x81\xa5\xf0\x05\x9fq\xac\xbb\xe1\xab\xdf\x86QA!`i\xfa\xa5\x88\xe6\x14\xc3\xa7@43\x1a\x8b("\x130\xb6\xbf\x057R\x9c\xe1\xef\xd4\xc0\'\xa4{\xe7I\xe9\xa0\xa4\x8e\x14E\x14TH-\xba\x8b\xec\xe6\x1aXM\xc2\xb2AS\xd3\xeb\x16T\xc2\x0bM\x05\x1f\xde\x1aX\x85p\xf0C\x84c\xb9;\x9c\xfa\x7f\x1e\xd1\xf2/"-\x88\xe8\xba\xd2\x9d(\x1cS\x1f\xc3\x83P\xe48\xc0\x19\x945\xadNXsX\x11a}\xf3"6\xc8Z\xc9\xc7\x8e\xfb\xb7\xfdAV\x83\xfaf\xbb\x88\x14\xc4\xe9{\xc5q\x16\x1f}t9\x01\x01\x8b\x89\xcd\x1c\x8b\xabey\x9eU\t\xea\x16W\x0b_\xa6e\'\xe9R\xaa6\x85\xbb\x9f\x83_\xb7.c\xe1\xfa,\x7f\xf4\x1f\x1e\x86WGvs\x03\xac"\xd9\xbfp\x9cz-U\xd3u\x00\xc5\xba\x8c;\x17\xcc\xc0WB\xe0*ps\x83U6\x1a\xa8\x1e\xfeP^\xa4\xab\x8d\xbc\x89k\xe9~\xe28J\xe7\xbe\xa0(\xd1\xfb\xf4\xd4\x17\x81\xd5\xe4ja\x81)\xe6X\xd2KfYp\x08*\xa2\xe7{\xed6\xcaY\xb1\x93\xd7a\x19[\xea\xddd\xfe\xd3u\x05\xe93&gt;\xdbY\x1f\xc6u\xf5Q\xbd\xb9-\x8a\xd5.\xed\xd6\x9d\xcfgS\xd5\xb4   ]\xe5Xh|\x83\xd4*\xb3\x06\xe5\x94\xb2 I\xb3\x19Y+\n\xba\x98\xd6d9\xdedsHEgSy\x9a|\xc5\xf6:\xc4F*6y[\xe1]\xc9\xbc\xb0\xa4\x0b"\xb0H-\xbdb\xa1\xc7\x80e`yI\x0e\xa3r\xb5\xda\xbd\xeb\r\x1e\</t>
        </is>
      </c>
      <c r="M434" s="3" t="n">
        <v>45492.67758101852</v>
      </c>
    </row>
    <row r="435">
      <c r="A435" t="n">
        <v>1086925</v>
      </c>
      <c r="B435" t="n">
        <v>7314</v>
      </c>
      <c r="C435" t="inlineStr">
        <is>
          <t>Alejo Cruz</t>
        </is>
      </c>
      <c r="D435" t="inlineStr">
        <is>
          <t>A. Cruz</t>
        </is>
      </c>
      <c r="E435" t="inlineStr">
        <is>
          <t>PE</t>
        </is>
      </c>
      <c r="F435" t="inlineStr">
        <is>
          <t>ATA</t>
        </is>
      </c>
      <c r="G435" t="inlineStr">
        <is>
          <t>PE</t>
        </is>
      </c>
      <c r="H435" t="n">
        <v>169</v>
      </c>
      <c r="I435" t="n">
        <v>20</v>
      </c>
      <c r="J435" s="2" t="n">
        <v>36769</v>
      </c>
      <c r="K435" t="inlineStr">
        <is>
          <t>Right</t>
        </is>
      </c>
      <c r="L43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5eca0ed-4abd-44a5-a004-28f296122e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8\x1a\xbd\x93\x00\x00\x00&gt;tEXtComment\x00xr:d:DAEewil2SDw:3687,j:1904319450120277878,t:24032419\xd6]\xa1\xc0\x00\x00\x00\tpHYs\x00\x00\x0e\xc4\x00\x00\x0e\xc4\x01\x95+\x0e\x1b\x00\x00\x03\x00PLTE\xff\xff\xff\x15\x17\x1c&amp;$+\x1b\x1f(\x1d\x1d#\x19\x1a !"\'\x19\x1c$\x1f %\x15\x19 \xff\xfe\xfe$$)(\'-\xfe\xfd\xfd\xc5\xa4w\xa4\x82[\xc7\xa8y\xcb\xaat\x9f}X\x1a\x1a\x1c\xb8\x90e\xaa\x87a\xb2\x8fg\xbf\x9do\xb7\x90n\x13\x1e&amp;\r\x12\x16\x0f\x1a\x1a\xc2\xa2q\x1d\x1d\x1f\xbf\x96n\xb5\x87c\xac\x8ad\xcf\xa4\x81\xe1\xb2\x81\xc7\xa6s\xb0\x8cd\x96uPMF9\xf6\xf2\xf1\t\x1d\x1d\xb7\x95l\xb2\x85[!\'*J&gt;2\xa5\x85a\xc6\x9bq\x1b #\xf9\xf7\xf7\xbe\x93b\xc9\x9dw\x1b\x19\x14\xb9\x9bp\xb1\x91`\xbc\x97h&amp;\x1d$jZE\xfc\xfb\xfa_Q9c[M\xdd\xae~\xd9\xab\x87\x98qI\xaf\x8c\\**.\xce\xadx\xb8\x8bi\xb6\x95f\xbb\x89\\C8&amp;;3%YQD\xa5}Q#%2\xa5}d\x9cxR\x8fmG\x89fCbVC\xf0\xec\xeb\xbe\x90jA&lt;0\xbd\x94u\xaf\x88l\xab\x81_&amp;\x1c\x13\xd4\xa6\x83\xa0v_\xcc\xab|\x15\x1e\x1f!\x1b\x1d7/\x1f\xd0\xa0z\xbd\x8ac\xa9\x82S\x83`?\x1d*0\xcf\x9bp\xb5\x8b\\q_DmQ;VI;\x8fu\\\xab|Y\x91nP\xd5\xa7{&amp;\x14\x0c~fJ\xd4\xa8\x88\xdc\xaf\x89O;#\xc4\x93r:\'\x14V&lt;.lfUm`O.-2\xc8\x93i\x17\x10\x0f\x9d\x7f`\xcc\xa1xvaO\xef\xe6\xe1PNA[UL0\'\x1b\x98yX\x88{f\x89iLxV7\xa3sR\xe6\xb7\x89\xf56*P\x16\x1a\xab}k{pY+\x16\x1exgUVH0rl^\x88pR{[A^H/. \x14\xc7\x94^\x86t_\xdf\xb8\x90\xac\x92g\xc5\x99w\xab\x89Y\xdb\xd4\xd3\xe94)\x1c\x12\x1e\xd8\xa9\x81\xc1\x9a{mL.&amp;#\x1e\xd5\xa3p\x1e%#\x83jV\x7fra/"&amp;\xe8\xbc\x91\x8f\x7fmC0\x1c\xbc\xa4\x8fND-\xcf\x9df\xd3\xaf\x80\xce\xaf\x88&amp;-5\xd9\xc1\xb6\x92\x8ax\xdd,"&lt;\x16\x1a\xe7\xe3\xe2u\x1c#\xc8\xa9lJ1&amp;\xc4\x8df\xc6\xae\x9c\x96|a876\xe6\xd6\xce\xe4\xdc\xdb\xcc\x96u&lt;\x0e\x0b\xc5\xaa\x86a\\Z\x98nY\xc2\xbb\xbb3\x15\x14bH&gt;\xc7\xa0\x84\xbd\xa2~\xaa\x90o^\x1e\x1f317|xj\xc4\x9bi\xb3\x92u??@\xdd\xcd\xc4\x0e\t\x07\x87\x0f\x1e\x12&amp;\'KIJ\xb5~a\x85\x7fz\xb5\x9a~\x9f\x86o\xa3\x06\x1b\xc1\x8co?"\x1f\xde\xa9u\xc1\x81fh\x12\x13\xdc60\x93\x11 \xd4\xb5\x91okk^=\'|F?\x8aU&gt;\xaa\x97\x83\xd3\xb6\xa4\xa053\xe6D;\x9e\x8f\x84\xd004\xcd\xc8\xc9\xac\x98\x8f\xd9\xab\x8e\xc4\xb4\xad\xa8\x8ey\xa3fJ\x91\x8b\x8a\xca\xaf\x91O\r\x07\xbf\x85\x7f\xb6\xaf\xaf\x95cD\x8b[O\xad\xa4\xa2]-\x17J\'\x14\xb7.4\x9e\x99\x9b\x9a[V\xc7\x8f\x87\xccC=\xb7~t\xb4qV\x814-y\x05\x07\xc0F&gt;\xbeo\xb2I\x00\x00 \x00IDATx\xda\xcc\x97\xcfk\xdbx\x1a\xc6{\xf6b\x02\xd9l\xa7\x87\x9dP\xba\x89\xcc\x14%$\x93\x99"K!Sh%\r\xdb\xf6k\x04cX*\xc8\xb0\xb5\xe5Im0\xb2\xb4$U$E\xe9e\x85$\xc7\x1e\x1d\x1a\x18\x9a\xd4*r5\x851\x04\xcc8\xcd!\x931\x04\xdcm\n%\r\xa4\xa7v\xe8\x80IH\xc8\xa1l\xb6\xf4\xba\xaf\xbc\xcc\xfe\x03\xeb\xb4\xfb\x92@~\x1d&gt;y\x9e\xf7}\xbe\xef{\xea\xd4\xffX\x91H4\x1a\x8d\xff\xb7\xa2\xd1H\xe4\xd4\xffA\xc5G\x12\x89\x15\xa8\xb5\xb5E\xa8\xb5\xd9\xc4H\xf4\x83sEF\x12\x8b\x1bo\x8e\x8f\xb6\x8f\xdaG\xdb\x9e\xe3\x19~\xfb`q66\x12\xfd\x80L\xd1\x91\xd8\xca\xde\xf1QK\xa20\x0e\x130\x86\xd1\xf9j\xb5\xa0\xec&lt;8x\xf4\xc1$\xeb0m\x1co\xafk\x1a\xc7\xf1\xe5r9\x99\x84\x8fl\xb6\\o.d\x1e\xfc\x00`\xef\x9f,\x12\x0f\xcd;\xdev4\x9c\xc30\x8e\xd1\xcb\xc9r6\x99\\J&amp;u\x1a\xcf\x17J\xc5\xc3\x1f\x7fx\x04^\xc6\xdf\xa7\x99\x91(@\xbd\xa99\x94\x002\x81H\xd9l6Y\x16wy\x9eO\xea\x18\xcb\n\x82\x9d\xcb4\x0e\x1f\xfc\xba\x05d\xf1\xf7&amp;Y$\x1e\x0b\xa14\x01\xc3\x19P)4\x8e\t\x02\xbc \x08\x02.\xc8\x8e$\xc9\x02R\xdc\x9d\xc3\xe7\xcf;\x92\xbd/\xb0xb\xefHf\x05\x9c\xd7\xa1\xa1\xcab\x15G\x08\x91\x88\x90-#S\xa9x\xa6D\xb1X\xc0J~\xad\xbd\xb3\xb3s\xf8`\x0b\xc0\xde\x07W\x14\xa84\x1c\x0f\xdb\x9cgx\xa0\x12dBQd\xc5u\x95T\xbad\x93\xb2$I\x14E\xb1H\xf6\xdcL\xe6\xcf \xd9Z,~\xf2X\xb1\xbd#\n\xc3i\xbe\x0c\xde\xd14m#B!\x08\xcb2+\n\x99\xcf\x07\xb6MR\x8e\xc3r&lt;\x8f\x0bB\xa1\x90\xceU2\xaf\x0f\x16\x13#\x91\x93\xce\xcf\xc5w\xeb\x18^\x17\xa1\xa7`\xech\x9c$d\xd0\xca2\\\xa2D\xda\xe0%8\x8a0\x86g\x80\xaa\xbe\xfb\xb3\x98\'\tc\xff`k\xe5d\x9d\x8c\xc4W\xde\xbc|\x86\xd5E\xe8\xf3rR\xe7A,DX\xae\xe1\xba\x16A\x12)\xd3L\x112I\xf3\x0cF\xc9D\xb3\xb0\x0b\x7f\x15\x90f\xad}\xbc\xb1\xb8r\x92\xc9\x1f\x8dml\xb38\x07\x99P\xd6u\x91\xa7q\x01!\xd9\xf7}\xc5\xb6\x15\xc3\x0c\x8b\xa4\xe9\x80\x0e\x04\x92 \x9a\xf5\xf0\xcfl\xc2\xf2&lt;\xbf\xbd\x7f\xb0\x18\x8b\x9e\x9c\x85km\ng\xf4lV\xa4\x19\x9e\xa71A\xf6|\xbff\n4MZ\xaek\x18\xb2\x8d\x07t\xb5j\x13)h4\x92\xac\x8aU2M\xa4\x9bMJ\xb2\xf6\xb7N\x8c+\x9e\xd8\xf00\xc8\xf4\xacX\xb0\x03\x9a\xc6(\xc7o\xd7\x0c"\xe0i"4\xd1\x92\t$\xd4\xab\x80E\x92(\x95"\x03\xb1\\-4\x0b\xf9z\xb5\x8e\xe7\xd3\x87[\xb1\xc8I\xf5{\x1b\xd1a^\xd5m\x12\xd2\x93\xf2\xda\xfb5\x19g\x98\x00\x11\xd0\xef\xd0Mx\xa1\xd9,\x14J\x84e\x9a\x16a\xf3\xc9\xac\xf8*]\xa8\xd7\xebbU\x14\x9b\xfbk#\'#\xd6\xec\x81e\xc3\x94\xe9\x0cm\x13\x08f\xacVk\xc9\x18x\x89\x90 \xb0\x88\xc4\xeb\xb8\xd0l\n\x84\xe7\x1b\x1ea\x07\x01-\x8a\xd5\x02Y\xc8\x17h\xbd\xac\x97\xeb\x95\x83\xc4I\xccc4\xb6\xd8n\xd6y\x86f\xe8\x80\x94\t\xd9\xa8\xf9&amp;\xec4\x1cFu\xf2\x13\xc3q\x1cc)\n\xc9\x86\'\x91y:o\x07y\xa8R\xc9\xb6i]\xe7\xcb\xd5\xd0\xc6\xe8\x89\x88U)\x84\xe3\x87\xe1\xa4\xa5X.PI\x08\xc7U\x8d\xeaPq8\x0e\x92!\x16Q2\x82\xc6\x83\xfe*\x91$x\x0b\x9f\x10\x19\x8c.\x16~\xfaq\xb6\xfb\xb9\nb\xed\x13u\x9d\xc7Y\x16s\x0c\xc3pM\xc3\x80\xbcW\x01\t\xe7:J\xe1\x82\x16~)\xb0\x81-[)\x82H\x85\xa5\xa4\x90\r\x0b"\xec&gt;\xd5_\xfe\xfe\xc3l\x97m\x0c\xf7\x86\x03\x1f\x87\x7f\x1b\xa3X\xa9f\xc2\x9b\xec\xf9\xa6\x80\xb1\x9a\xcaA\xc1B\xa3\xaa\xf0~3\x0c\x87\x81T\xc83,\xa0J\x97Jd\x8a\xb4mx\xd6a\x17\x13\x0b\xbf&lt;\x7f\xd4\xd5T\x85\x15ke\xf1\xa0\xad\xf0:`iT\xad\x86X\xca\xac\xb5\x90\xca\x02\x0e\x87c*\xb5\x0e\x1b\xa1\x1a\xb6\x17\x8e\xd3\x0c2M\x03\xf6\x87L1G\xa6\xe1\xf9\xb6\x03\x86_J\x8e\xe9\xbb\xff\xfa\xe7\xaf\xb3\xdd|\xb6\xc3\x15k\xdfW0\x9ec8Usj\x12K\xb5j\x86\xc4\xb2\x9a\x06ra`\xa0\n\xbf\xc1\x80\x12\xe3\xcb\x8c \xcb0\xa6@Uldr\xb9t\t\xa8x}lzi\xf7m\xe9\xf0\xd1H7ct\xafm\xcaM\x9c\xe6T\x06\x86\xad\xe5`R\x18\x0e\x92\xa6j\x12\xa5\xaa\x18\xa6\xc2\xe6\x0c2\x82\x8b\xe1\xee@Az@\x9c\xa6\x16r\x99\xb9\xdcB\xba\x94\xe7Efil\xeczY\xac\xe7\x0e\x12\xd1n&amp;\x03\x12\x00\n\xf4\xc0TUj\xad\xb3\xad\xdav\xcb\x91(M\x0b\xe5Z\xef\xcc!K\x85\xbaq4\xceJ2A\x10\xe9\xf4Bn\xbe8\x1f\xaa\x95\x87I\\\xfa\xf8\xde\xef\xa7\xb3?\x17\xf6W\xba\xe6\xe2\xc8\xda\xb1\x14^\x12\x80\xa4i\x98\xea\xb4(\'\xa4\x82\x92TN\x95\xa4\x96\x07?\xa5d\xf0\xb4\x83\'\x9bJ8\x82\xb9\xe2\xdc\xcc\xdc\xd4\xd4\xfc\xed\xbb!\xd7\xd2\xd2\xbd\xb1\xa7O\x9f\x8a~\xd7\\\x8c$6\x1cU\x85\x81\x83,\x00\x10\xad\xe5P\xdb\xed\x96\xd3j\xb5\x80\n\xdeE\xc7p\x10\x92,\x8a\x85\xc0\xc2iA2\xad\x10j~jn\xe8\xf4\xd9\x9e\xc1\xab_\x87\\`\xe24P=\xddu\xb7\xba\x85\x15_{\xc7B7c@\xd0\xdanA\xc7K^\xad\xdd\x82/\x1d\x15\x87\x9fy-S\xa6(\x99B\x94\'!\x01\xb42\x95\\\xaeX\x9c\x1b:{\xfa\x0cp]\x01\xb0t\xc0$;TO\xcb\xca^\xac[\x87\xea\xe2\x11\x06]\rM\xb5\r}\xaeQ\x92Tk\xd7B\xad0\x8e\x87}\xcf\xf1\xe0\xbd\x91\xe5p\xaf\x92IR6]\xb3\x92i4f\x86&gt;\xf9\xe8\xa3\xfe\x0b\x17.\r\xdc\x99\x1c\\(U\xcb\x1d\xb5\xa6\x93\xcd\x8d.a\xc1\xf6\xbe\xfd\x04\x1cT\xd9\x10\xcb\x81\x13\xc2\xdb\x7f\rX\x12\xbc\x82\xb0\x04\xc2\xae\x80\x90\xa2(\x96\xe1\xc3r\x83\x14\xd3m\xecln\x0e\xfd\xe1t\xff\xa7\x9f\x0e\x0f?\xbe0:zc\xf2\xda\xdd\xbc\x9e\x0c\xb9\xa6\xc7\xf0\x83\xaeam\xbc\xe4V9x\x84\x9d\xed\x9aO\x99\x1e\xac3m\xc3s$V\x90\x1c\xcf3\x0cx\x1f-Eq}\x97@\xcd\x94\x95il\xfec\xf3\xec\xd9\xd3\x17\x86o-/\xff\xf5\xf1\xe3\xd1\xd1\xd1\xf3\x13\xb7_\x89z\xc7\xc6i\xfcM\xf7\xb0\x9cU\x9e\xd3$\xc9iy&amp;2\xfc\xda\x83\xd7\x86#S,\xdc\\\xa6k\xf8F\xce\xcdT\x94J&amp;\xa3\xa4\xc9t\xaa8\xb3\xb9\xb99\xd33\xd0\xff\xa7\xe5\x9b\xcb\xcb\xcb\xdf\x7f\xff\xed\xb7\xa3\x97\xbf\xbcv\xb7*vl\x9c\xee\x9eZ#\x1b/WuN[\x97\x1c\x93B\xc8\x05,_F\xac\x80\xc1\xbe\x00\xd7\x85\xef\xe6\x1a\x8db\xae\xd8pS\xe9t*\x97\xd9\xd9\x1c\x9a\xbb\xd2s\xe9\xd6\xc3\xf1\x17/^\x00\x16p]&gt;?\xb8\x90\xaf\xea\xd7\x81kZ\xe8ZoA\xcb?\x01,hn9\x08\x90\x05\xf9.\x0b8&amp;`\x81M\xc0\xd1\xda\xc8\x14g\x1a\x99L\x03\x14\x83X/6ff\xe6\x06{&gt;\xf9\xe3\xc3s\xe7:X\xcb!\xd6\xe5\xde\xf9R\x9d\xbf\x7f\xbd\xabX\xf1\x95c\xf5&gt;\xaeQ\xeb\x12\xa2i8U\r\xd3\x86\x03Q\x08\xe8\x02Q\xa9\x14a\xeavf\x1a3\xe1\xeb7\x0f\xdf\x00\xd4`\xcfg\x7fy8~.T\xebEG\xad\xd1\x1b_M\xc1\xee\xcc\x00W\xb6{\x93\x18M\xbcyr}u\xfd\xe5\xfa\xb3U\x9d\x86k0\x05\x97 \x8d\x05\xf9Ww\x17\xe6\xa7\xa6\x06\x07{\x87\x86fz\xe7\xe6\xe6~\x1a\xbc\xd2{ebb\xe2\xfc\xf0\xcd\xf1\xf1\x8eX/:\xcd5z\xe9\xf3;_\xde~U\xa5\xf9\xb1\xe9]k\xafkoul\xe3\xd9\xf5\xbfi@u\x9f\x17\x08\xb2T\xcaWas\x06\xaa\xaf\xaf\x0e\x86u\xa5\xb7\xa7\xb7\xb7wfh\xa8\xb7\xa7\xa7gr\xf2\xc6\xf0w\x005\xde\xf1\xf07\xac/\xbe\x81\x8c\xa0!\xeaw\xbd\xae\xa5\xfc\xa9\x91\xbd\x97\xf7/&gt;{\xb6\xfa\xbb%\x86EA\x15\xae\x98r5_\xba}-\x14\xe7\xea\xd5\x89\x9e\xb0\x86\xce\x9e9300\xd0\xd7\xd7\x7f\xeb\xbb\x10\xea\xb7\x86\xef\x98\xf8\xf9\x17\x90\x11\xa5\x80\xe3\x93\xbb\xeeb\xf76\x9b\x95w\xabK\xab\xab\x17\xef]\\U\x058g\xde\x8aoK\x0bSC\xa7\xfb\xfb\x07\xbe\x9a\x9c\xbc\xd3\xd7\xd7\x07&lt;\xfd\xc3\xc3\xfd\xfd\xfd\xc3\xb7n\x82T\xe7\xc6\xa1\xfe\xa3UH5\xdaw\xe3\xfc7\x13\xb7\xc9\x80\xd6\xeb~\x17\xb1b\x1b\xea\xd8\xc7\xf7\xee\xfd\x9bU\xf3\x7fM#O\xe3\xf8\xfe\x1c(\x01O\xedp?8\xba\x98\r\xba\xa7D\x0b!)\xd5r\xb3n\tc\xdc\xcc\xe9\xac\xee\xdd\xce\x9ckb\xfd\xb2j\xac\xecy\x9a\x16R5\\z\t\x1a\xf2\xc5-h.\xd8m\x9a&amp;9\x8f\x1e\xc4dS\x1b\xb2\xd5v!6\x85\x95\x86\xe9\xfa\x83\x97\xeb\x06\x0e\x9am\x08G\x97\xeb\x0f\xcb\xe5\x87{&gt;cz\x7f\xc1&lt;\x83DF\xc1\x17\xef\xe7\xf9\xbc?\xcf\xf3\x99|\xf6\xf5\x93k\xd7&gt;\xbc\xf2f\x7f&gt;\xe9k\xc7\xf4\x8a\x15\x7f\\\xab\xd5\xc7\xe1\xd2j\xb5q&gt;\xfc@u\x81\x87B)t\xf1X\x90E\xb1\xa9N\xa7\xd1&lt;\x1b\xf9\xd7}\xe1\xda\xd3\xae\x9b\xff\xf8\xf8\xe9/\x7f\xfb\xd7\'\xdf]\xbbvwx\xdei\xa4\tJ\x1bg\xfc\xe8\xf7C\x17\xfc\xbf\xf6\xf3\xb1\xe0\xe7K\x1d\xb4\xca\xc1\xfd\x1cR\xcb\xb5\x1cEj\xe9t,K\xc4\xd2C\x93k\x15\x01\xfb-\xb0\x88\x97\x97\x9e&gt;=\xf7\xfe\x93\'\xdf\xbd79\xe4\xa3\xd5l4\x1a\xddq-\x00\xc5\x85\x15\xff\xca\x85\x0b+\x08\x90\x87\x1a\x83\xebT/pyW4:]\xd2\xe9&gt;\xd0\xb1%J\x1a\x0b\x9c\xdf\xcf\xac\x0b\xd7\x9d\xa2\x8e\xab\xf2\xf9\x1f\xcf\xfd\xe2\xfd?|\xfd\x9b\xf3i\x89Xm\x9a\x9e^^X\xf8\xfem\x19\xb5D\xfa\x9e\xc7\xe2\x83\xbf\xef\xf73.\xe0*\x01\x95\x18\xb0T\xf2\xf4\x90{\xbb(\xe0AD[\xd7\xee\xc8\xbd\xcf?&gt;\xf7\xbb\xbf|\xfa^\x8fG2h\x9a^\x9eF\x8bla\xa1\x05\x04+\x8fGA\xc1c\x85\xc6B\xef\x02V\xdc\xa5\x8d\x96@-1`\xb1\xaa\xb9\xd1\x80s\\8\x7f@C\xe2\xcd\xbd\xfd\x07\x0f\xff\xfc\xd5W\x97"C\xa3\x08\x8b\x0f\xd7\x02\xca\xdbl(tJ\x84\xc4\xba\rP\xb3\xa1\xb1\xdb\xb7g\r+\nX\x0b\xe1\xa8L\xf6\x81X\xac+\x95\xc4*M\x87\xef\x99\x90\x93\x0f\xcc\xf9K?\xfd\xe9\xc1\xbd\xe7\x97~\xe5.\xc4\x94\xa7X;\xcb\x0b\xfe\x9c!4\x0b1\xf6n+sc\x80\x05`\xe8^huuU\x11\xcf\x86\xc3a\x99Jyq\x10\xb0\xe6\xe6D\xa9%A\xb1\xcet\x16\x1d\xdf\xde{\xfe|\xadR\xd8\xd0(M&amp;\xd34"\xdb\x89\xfbWZX\xb3c\xa7q\x1b\x82\xbf\xd1\\U\xac\x06\xb7\xaay+\x86\xa9Tsr\x9cEX\x1az]\xd0\xc3\xa46X\x8b\xff\xfcvm-2\xb2\xa1\x91\x80Z\x83&amp;\x13\xaczm|eu\xb5\xd9l\xf2\\\xb7[L-\xaefsuk\xab\xfa\xe8Y\xcdF:b1\xd8\x97$8\x85\xb00a\xa7j$\x97\xa7\x12\x89T\n\xa4F\xa2\x1eT\xab\x07\xc5:\x1d%\x8b+V\x8f\x8f\x9b\xcd\x03\xc0:%Bh\x08\n\x88\x1e\xef\xc5`\xda\xcf$\x93\xfc\x18\x94"Tssr\xab\xc0X\xef\x9c\xb9\xffr\xa42\xe5N\x93\x1aZ\xadV\x7f\xa9T\xc9(\x99\xb5\xba\xb5\xb5\xb4\xb4\xbe~p\xd0|\xcb\x85\x00\x9b[\x8f\x1e\xc7\xd2\x81!7\xec\xea\x91H\x84?\xe4\x9a\x7fMK\x11Vq@`\xac\xceo\x16\xbf\xa8\xb8\xd3"\xa0\xba\xa8\x96\xcb\xe70\x88g\x10?\xc0\xb5\xf4\xa8\xba\xda\x9c\xe5\x8b*4\xdb\xdc\xaa\x8d\x06\xe6\x87aC\xbfsg-\x12\x99:\x7f~rrj\xde)\x92\xb7\xb0\x84=x\x03\x8fx9\xd13\xc4c\xd1\xb4D\x03\x15\xe3\x18\xdd\xd8\x98)\x14\n\x13\x85\x82\'\xf68\xaf\x08\x86\xc0\xaeVV\xb7j\xb1\xcc\xd4\xf0\x15\xa0\xfa\xf0n\xa5gd\xe2\xc6\x8d\x1b07\xf6\x8b$sss(\x89\x02\x1fp\r\xfc\xb88\xc2c}\xe9m\xd7\xc4\xd2\xceL\xd2\xedF\xc7\xc8kw\x86#\x95\x8c\xc7\x96\xaf\xdaC\xa1\x15\xbb"\xafI\xb8\xa7 q\x930\x81\\_\xe4\xe3\xfaF\xac\xa3\x1d\xb0\xe4D\x10=\x98\x15\x94\xab\xeb\xe6\xcb\x99@\xdaA\xd2\xb4\xc8\x17\x80n\x10\x8a&amp;r\xe7\xcas$\xcb\xda\xbe\xdb2j\xb329CN\x11\xb7j\x12\x88\xb8\x07\x1a\xfd\xc5\xbf\xed-\xcex\xa0\xd1\x8fI\xda%JL%\xf7\x8e/\xf1\x0f\xf3\x04T\xac\xf7\xef?.\x16&lt;\x8e\xf1qr;3u\xf7\xee\xddH\xe4r\xe5r\xe5\xa3\xcbP&gt;S\xf3Ig\x7f\x8a\xd0\x03\x96_/\xa3\x8d\tK \x80\xb2;\x82\xa2\x90H\xf8Dr\xa9R\x8aax*E\xfe|X\xdc\x14\x92\xab\x85E\x8e\x8f;\x12\xe8\x01\xddG_@\xd5\xdcZ\\\x9c\x81_\x1e\xca8-&lt;V(\x84\xb0:,\x96D\xa003QY\x03\xa7s\xbb\x93I\xa7Y\x0e\xbd"A\xe0t\xbd\xdeh\x94\x0f7\x85:qn;\xd3;\xb0\xfbC\x01\x92\x08XN\x18\x08o\xdc\x9a\xb9\x0eqkb\xa202\x92\xc9X\x12\xc6&gt;B\xeb\x07,-E\x9b-\x89\x843Pp\xaf\xc1\xb6\xb0\xbf?\xfc\x9f\xfd\xa4Y\xd9\xdd-\x16\x03\x15\xc1q\xf5\x93FP\xa0\x13\xe7\xb6\xde\xce\xab\xbbK\x05w&amp;\xb1M\x8e;,\x99\x84g\x03\x88zn]\x9f\xe9\xa9\xc0@\x9dN$:R^&lt;\xca\xe4r\x80\xa5N\x99;\x12\x19\xdf\xab=\xf7\x9b\x07o\xdci\xe7\xfc\xfe|\xff\xef\xbb\xa1\xa3&amp;h\x1a\xe7\xca\x8d\x93\x93\x86@\x07\xf4m\x9d\xf7\x8b\xeb\xaf\x12\x19\xa7\xb3\x83\xd4\x88|@\xe5\x19\x1a*\xf4\xf4\x80YB\x962\x99d\xc6H\xe3D\xd4\xc5,0.J\xdd\xd7\'\xb2$312\x00\x1f\xa5}\xce\xa4\xd3\xd8wq\x07\xfaj\n\xa7\x89p\xb9\x04\\Ea\xcc\xbe\xf7j\xf1\xf8Q-6\xda\x9f\xec\x17\xb5\xc7FEd,\x91\x19r\x0fO^\xb9\xf3\xf0a\xc4\xb3\xe7qB\x1f\x8d\xab\xa3Q\x17Dt\xb0\xcf\x98\x02k\xb3\x91\xdb\x106\x9b\xa8\xbf\xdf|\xb1{gGF\x89q\x9c\xca\x96\xa3\x8d\xa3#a\xf6\xa0\xb6\xae\xcd\xe3\x9aJ%\x95\x9b\x9d\x96\x0e\x11\x0c_6\xd2\x97\xdc\xdf\x9f\n\xb8\xc16\xa76b\x1e\xa7\xc5L\xe3x\x89\xe7*\x99@./M\x93\xa4\x83$m5\x0cy\x83\xb8{\x07\xd5\x16\x8e\xb3TI@\xac\xce\xddGr1E\x10\x12K?`\xc91\x82FX\xeeB\xc1\xedv\x07&lt;\x1e_\xc2L\xab\xa1w)\xb5\xb0Lj\xb5\xb7/e6;H\x89\xcd&amp;\x97(Ug\xb5g\x11\x96\x8e\x85\xedT`,%NQ\xd4\xa0\x19a)1\xa2\x9e\xfa)9\x9f\x01\xa2\x8d\rD\xd5A"%X\x84\x15\x05,\xe0R\xd3^\x118\xaf\\\xae\x94\x8ae\xfa\xf8\'\xfa\x1dY7\xc5\xaaS\xc6z\xb4\x91r\x08\xb35\x02\xd6\x96R]*\x97\xa1l\x8c"\x8d\x12\x83e\xee\xd8\xf6\xf96l\xb5W{\x1b&gt;\xf0K/N\xb0\xac\t\xb0\x96\xa3\xac\t\x05\x0b#\x18\x81\x13RLv\x16FI\x86\x89\xc7\xb5\x94X\xac6\xbe8j4Nl\xbb\x82\x18D[\xef\xfdc\xc0\x02)\xfa\x8c\x1d\x08+\xcc5\xead,F\xda\x1e\xdb\xe0\x8f\xc3A\x82\x94\xac\x89\x85o\xb8\x96\xa7y*\x1d\x15\xd6f\xb3Y=\x8c\xb4\n\x85\xff\x13\x7f\\/\x03G\xc5\xbdF\xc0\xaa[\x05j\x9d{\x07\x8ay\x02\xd4*\xa7\x8cf\x1e+\xccq\x18f\xc3j\xb5\x9a\r\x02\xc3\xac2\x84\x15\x85\xa1\xc3\x15\xe5\xd5\x02\xe1\x18\xbb]\x01\xb1b\xcf\xd9\x15\x0c\xc2\xc2\xc5\x14\xee=:i4\xaa\x9b\xc2t]\xb0\x14\x9bV(\x9d\xc6k\xc0\x82\x92\x0f\x97\xcb E\x9e\x8fg\xd6|^\x9f\x95A\xee\x00\xcb\x0fX|\x16u\xf0\x1e\xcc\x15\x94\xb2\xe7r\xc0\xc7 \xb5(\x19\x85\x03\x16\'X\x8f\n\xc6U\xc5\xeb\x8d\xa3\x17\xc6&gt;\x91H"\x05\xac\xb2&gt;^E\xa1P\xa0W\x16\xc4\xc2\xd9h\x99aN\xb1\x10b\x0e\x90\xd0l\x14\n\x19\xec\x08\x8b (\x02O\x9d4\xb2\x825\x83 \xd7\x01\x07X\xafS\x80\xa5QRa\x00@\x19R\x04\x83Ax)\xf4\x14\xd4x#\xfc\x7f,\xb5\xa9\x84\xd4\xca\x19\x0c\x88*dP\x80\x9e\x04\x8e\xe2\xa4\xceU\x85{8|f\xa0\xf8\xf3\x7f\x1bG\'^/`\xa1,\x9eb)\x82\x87\xc1\xb7X,\x07w\xcb\xd1\x12\x8b\x0cB\xc7c\x85\x0c-\xb1\xf4\xd90(\xa5\xe4\xc1\xac\xeb\x9b\xc256]\x9b\xeb\xffn\x9c4\xea\x08k\x0e\x0b\xeb\x19\x85\xddn\x0f\xb6\xc2\x8e\x92\x88\xd7\xd90T9p\xf1X\xac\x96\xf1C\x06y\xc1\xecL6l\x057\xc6q\x02"_\xbc*\xe0\xf1H\'\xc8U\xe7\xf0\x96ZV=P\x05\r\x86\xc3\xc3\xc3 *\xe8,\x85\xd7\xd5D\x981\x84r\x8c\x96bad3\xc1Rd@0;\xc8\x95\x03,\x19\x85\xb8(\x19a=\x16\xf2\xff4\xce@u\xe59\x82F\'\x92\x80e\xcdV\x83\x87\x08\n\xb4\n\xda\x990Q\xafS\x9c&gt;\x882\xc6\x84)\x1d\xaa/d\x17vDe\xc8\xc5\xb5;:\x19j\xb8d\x18Y\x15R\xac\xd6b\xb4\xda\xe8v\x11\xda}\x10\x96"\xd8\xc2\x82\xca*s\\\x83\x0bsY;J\xa8\x9e\xa2dZ\xc8$\x98+\xd3\xc2\xf2\x03\x16jOqZ*\xaf\x1dlv\xbe#d \xb9l\xf2vd\x10\x18FY\xf3\xd5\xb7XY\xe4\xae\x1c\x07\xddT\x1e\xd6@\x96\xf0\xa6\xbc,\x05\x9b\xb2\xab\xccc\x19 \xaf;\x805(&amp;\xe4R\xecxW\xe8\xc1z`\xf7\xb8\x86i\xcc\x80%%\x08T^\x80e\x00}8\xae\x1c\xe6\xd8\xfa\xd1\xeb\xedq\xb0\xfe\xf1\xd4\xeb\xe4\x8b\x94\xd7\xeb\xa5`]\xdaQ\xc5\xe7\x98\xa8N\'\x86\x16Bj\xab\x1d\x17\xafv\tJ\x05\xdeu\xf5\xa0Z\xd3\x98\xcd\x12)\xact\xc2\x9a\xe5\xb3h0(\xb80\x13f\xeb\xa9\x17\xff\xe3\xe5\xfcB\xda\xca\xf28\xbe\x96V\x1c\xad^{\x9b\x9bd\xaa\xc6\x94\xde\x8bD7Z\x83\x89\xf8\xd0\xc41\xfb\x10\xf2\x07\xdd$kj\x91d\xc6)5\xdb\xb2\xb8\xc3\xbaXd&amp;\x18!\xa1\xcb\xd6}i\xe2\x83J\x16a\x85a\n5\x16\xd7\xa6A\xebtk\xa7*\xd6i\x95\x82\x88\x8d\xce2\xd4\x99\xb6h\xad\x95:\xb8-\xfb\xfd\xddt\xb6}\x99\xdd\xd9\x19\xd3\xdfC\x12T\xc8\x87\xef\xef{~\xe7w\xce=\xc7e\xef\x98\x0b1\xb6\xe1\xf7o\xa0\x87\xae\xd34\xd6c$\xa2\xd6\x7f\xf0\xc7\xf2_\x01\x0bT\x03)8)\x98]te\xf8\xaeZ\xf01|aqaM\x1d\xb0`\x9co\x8e\xd5\x87\x1a\x0f\xb7`\xb2\xf3{\xd1\xf7\x99\xb142o\xd8\xf4\xcd5-!M=IE{\x95\xa4\x96\x84\'\xaa\xf6\x14\x9c_D\x1a\x07\xe6N\t,\x87\xa2XS\xd7r\xf6\xb0X\xc4\x8f\xa1B\\\xc5$\xbc\xe1r\xc0p\xd7\xaf\xf7\xd8\x9d\xcd\xcd\x85!*\xb5\xbf;\xf6\xe9o\x1b\xcf~@\x0f\x15\x9b8\xceq\xfdbJ\xce$eb4\xae\xfc\xdd\xe7c\x9c\xc5\xc5\x85\x12E)J*\xc0\xbe\xa1z\xa9i\xa9i\xb6pv\x0c\xcf\xc3=r\x87\xa3P\x1e:{\x18\x85\xed\xd3\xe3\x18\x84D%1p\xea\xc9\xe1\xe9\xd4\x1c\xa9\xcc\xc4\x1av\x05K\x0cgqsqM\x1d\xfa;\xe2\xaa\x87`pXK\x8dR\xde\xd3C\xf3\xb6\xc6n\xb7+\x14\xe0BWs\xfc\x88H\xd5Tl\xe0\x1dww{w\xeb\r\xdb\x0f~\xfb\xb0\xcd\xe7,ln..\xac+\xa5\x1e\xaf\x9e\xc8\x90\xc7\x90\\\xaa\xea\xd1hB\x1aMcH\xa1PIT\xb2\x9c\xfc\x9c\xe3\xb99DU^nP*o\x0c\xec\xf66\xd2\x9b\\\xb1\xe1\xb963\xdc\xe3lB\xd5\xd4\x10\xd71\xd4PHT#\xaf\x00V)\xac\xae\xc1\x9a\x90\x97\xaa***d2,.\xca\x9b\x9a\x9a\x0c\x1c\xb0\xa6Sx\x9a\xb2hze\xce\xec"\xb5$"Wc=\xd5\xf9\x90\xdd\x0e\xaa\\qo\xf9*\xb8\x14\x12^*\x95\xf2\xbc\xd4\xa8+\x97$\xb1&amp;\x87\xaf\xa4\xf0\xb4n\xd5\xe0\xf0C\xc2r\x8a\\-\xa2\x85z\xec\x14=\xf0U\xa3\xe6*\x05\xda+)\xcf\xd1De\xd0j\x01U\x1c\xe68X+\x95\xa7\xc1\x8b\xa6W\xe7\\(\xe3\xc5T\xbc\xea\x90\xb3\x1e\xb9\\&gt;i\x17;h\xb4\xd24\x13\xb5\xb4\xb4\xd8\xe5J\xc6\xe7\xf5\nl8l\x80ZaN}\xf7b\xed/R\x18U\xb1\xe1\x87\xaeN\xe2\xa2\xfeIn\x97;\xb0J\x9d\xb4\xdb\'\xf1\xc1\xf9%\xe2_\x9d\x08\x94\xd66_\x87\xc7*0a\x83\xc1\x10\x0e+\xd5\xb0V*\xb1\xd0\xa8\xae\xb4\xb9:M\x94F\xea\xeb8\xac\xea\x1d\x93\x93A3\xe6\x9d\xb1\xb1\xedG\xdb\x1b\xdb\xdbO\x97\x97\xfd\'{{O\xfam\x02\xc37\x19\xdcn7\xb0\xae\x1cM%\x16\x06\xe3\xc0\x9c\xcb\x02.`9j\x1cN\xd0\x80\xa8\xe3)\xc52\x80\x12\x89\x17/\x12\x89\x84x\x80K`\x94\xbc!\xec6\x99\x98\xc9\xaf\xdaS{5#\xbb\xf6\xdb\x87\xaf\xb0x\xac\x12\xcdc6\xda\xdf\xed\xedM\x88AD\xcbO!\xd8\xd3\xbf\xd2i\x9b\x0bRP\x01\x8b\xbd;\x9dRkQ\xa3:\xfd\xd0\'`\xc5\xe8\xe4\x94\xc0r\x8eux\xba\x12\xbd\x89.\xb0\xbc\x8a \x02\x12\x06\'\xefV\xa8\xa4a\x93\xc9\xe4\xb6\xf8\xfe\x91ZkQC\x18[\xf1\t\x82\x80\xae\x9e\xb8DS!\x7fc\xc1\x9d\xf5\xf5\xf5\x1dz\xc1[\xd0E3\xb7\xbd\xc2h\x80T&amp;V\xf0\xa5\xd8Zb\xe9\x1ap\t\xaf\xb9\x1c\x84\x06qv\xd6\xbfC$_v\x82A\x87\x1cXr%\x19\xcbd\x11\xda\x86c)\xc7j\x1f0{\xad^A\xf0\x81\xcbA5\xcb\xee\x08\xba\xccA\xe2\x12\xb5Z\x07\'G[\x13r\x9eq\x9b\xdc\xa0\xf2\xdd\x18nO\xf5M\x91\xec\xf6a`Y\x01\xc62j\x07\xd5w`\xa1\xfd\x0b\xee\xec\xec\x90\xad\xe6\x90W3G\xb3\x8f\x94c\x18Q,\xf6\xc6Wo\x05\xcbj\xb3Y\xad\x82\xb8Q2\tU\xe4\x94\xc9 \xf9\x0c\xb5\xcbenkS+1%*\x95\x1c\x07,\x8b^`\xde\x12\x16\xa9%r\xd1\xd1DD\r\xaf\xe4\x94\xa8\xacc^\xef\x98\x8f\xf6WyL\xd4\x1c~\xc4\xb0\xa0\xb2\xa8\x95o\xc3[\xc3\xe6N\xc1k%\xbdX\x86KrI!\x8d\x9aa\x93g\x81\x88J\xcb\x1bD,\xa2b\xa8\xc8\xa7\xba@T\xc5\x06\xcc.\xd6\x82&lt;\xda\xf4\x16\x86\xc3\x97\xf3\x12\x95\x04\xea\x88`\x0c\x86\'u4\x12-\xba\x19\xa5\x9a\x15\xe8o\xd4\x98\xa9\x07S{70\xbbhz\x12\x8d\r+\xd8&lt;6\xab\x9ee\x08\x0c\\\xc9\x90\xd33s\x95\x8eB\xc2#\x8d\x8c\xa0\xd7\xb3\x9cR\xad\xbe\xb1\xb2\xf9\xa0=\x85\rW\xf6\xd1\xee\x0146N\xcei\xb1z&lt;6\xda\x1f\x0c\xa3{1*d\xb2\xd2R\rZ@\xbc!n)$\x85\x90\x8f\x9e\x160&lt;\xaff\xd5]\x1f\xfda3\x962\xae\xcc\xa2\xee\xd5Sc\x9d&amp;\x8e\xe7\x19\xbd\r\\\xf8ZX\x08M\xb2,\x04*:\x9et\x96^\xea\xea\x08\x8b\x11\xaczSX\xabU\xb2\xcc\xc9\xdf\x8f\x7f\xbe\xda\x9d\xa2\xdbQt\xab\xe6\x97\x7f\xb1v6\xf3R\x89\xc8\xe5\xb7Q\x92`q\x95"DZ\xd1\xd9)`)\xeaj\n\x0bE*6\x8c\x0e\xd5\xc02\xfe\xad\xd3\xe3\x1f}\xdd\x9d\x9a\xdb&gt;U\xb1\xd5\xcb\xe3\xf7m\x16\'\xb9\t\\\x1e?\xf2\xc8\xd2\xc8\x93\xca\xc1\x15*U\x88)D\x06\x95N\'\xa8\xac\x02\xb4B\x1f\xc82\xb6\xfb\xf1\xd3\x97\x12\xabWR\xc258\x90\x88\xc7\xef\xdb\xf4&amp;\x83D\xa5P\x90^~\x8f\xc7\x8a\xba\xa4T\x16\xca[BX\x8b)d\n\x9dJ%\xa5N^@\ra@\x05\xef\xb9\x19o\xefV&lt;&gt;\x91\xf8\xee\xca\xae_\xbf\xcbD\xab\xf5t"\x1e\xef%,^\x02\x00\xa9\xd3\xe2\x81`V\x9fZmvbr\x0e)0\x0e\x8dF\xe3\x05e\x9b\xcfw\xea&lt;\x8c\x17\x16\xb1\xd0\x9f\n\x9e\xfb\xf1x|a{\x9d\xb6G2wu\x0c\xd6^tE\xd7\xe2[\xf0\x93[\\\xee\x87\x14rN\xf4\xbd\xd7\xe7s\x99\xd5\x0e*\xab\xd2\x0b\xca\x0b\x17\xd4m\xbe\xf3\xe7\xcfw\xa0\x95\xd7j\x89\x0b\x9d\xa0\xde\x9a\x08\xc4\xd7^.\xfes{\xf5Z\xac\xe8\xe8nME\x99UE\xb1\x8b\xc1\x17\xc0z\xe6\xb1Y\xc2MMP\xab4\x14\x92\x8bu\xe2L\x87\xd7\xebs\xd1q\x1a\x04\xcb\xb6A\xa93g\xce\x9cOR\x81\xcb\x1d6\xe9\xf5\xcb\x13\xc0\x9a\x99\x89\xde\xff\xd3\xf3k\x0f\x06w\xe5\xb6.A]\xfbz,\x11]\x80Z\x1e\xab\xde\r,\x1d\xe4\n\xd9\xa5jK\x87\xc7\xe3\xe9\x00\x18\x16`&gt;\x84\x00\xa1\xce|(Ra\x10j\x91Sm\xd8@X\xcfH\xad\xc5\xe8\xc4\xe5_\xcf.=\xa6\xbb\x94?\x8f,3\x1bPO\x1e\xff\xf9\xf3\x89\x99\xc5\x99\x85\xf8\xdf&gt;\xb4v\x02\xab\\\x07{\xcb\xe0/5y\xdb\xe3\xef\xeaB6m\x1d6$\xb5\xcb\xef\xef\xf2xQg\x9b\xb4Fx\x8d\xb2h\xd2o,?[\x13\xd5\x9a\xb8\xf7I\xc9gS\xa3K\xcf\xaf\xc5~\xd65\xfa\xec\xda\xee\'\x8fG\xa7F\xee\x89Xk\xff\xc1\xd2!\x8d\xb2|q\xd4\tVb\xe9\xfd&gt;\xe064\x89\x0c$E\x1d\x91\xf2o`\x91Z\xf7&gt;\x89\xdc\xbe\xfd\xfe\xcd\xa9\x8f\xef&lt;\xa1\xfb\xba\x99?\xd1\xe9\x83\xd7\x1e\x8f\xce\x8eT\xf7\x8f\x07f\x16\x17_\xaem\xf9_c\xc9J\xf3+\xc4u\xbd\xe0\xed\xb0u%\xb9\xfc\x18\x9a\xe8\xa8\x19\x88E\x92\x82\xeb\r\xac\xf9\xc5\x99\x89-\xc2\x8a\x94TW\x8f|\xfc\xc5\xf3\x07?i`f\x17\r&gt;x\xbe\x04\xa6\xfd\xd5}\xc0\x9a\x9f\x7f\xb9\xf0\xcc\xaf\x07\x96D\x92Lb\xa8B\xc5S[\x05O\x81\x0ciD\xd7j\xb1X\xa8\xe3\xd1\x96\x13\xba\x02XXh\x90\xb7\xd6\x16^\xce\xcf\xcf,\x04.\xf5E\xca\xcaJ\xf6 FD\x97\xfd\x9f\'oD\xa3?_\x9a\xfd\xac\xe1D\x7f\xff\xfe\xbe\xd3\x84\xb5\xf8r\xa1Wo\x12-Oj\xe5\xcb\xb0\xe8".\x86mcY\xd2\x88e\x92a\xe0\x8d\xe5\xba[\xb7d\n\x95D\xc4zDX3\xaf\xb0\xfa2\xca\xf6\x15d\xa4gDJZ\xa7\x96\x1eS.\x7f\xb4\xc9\xe8F\x1b\x94\x9a\xad\xce\xbb\xfdn\x7f\x12+:Or\xbdxdr\x17\x13\x16\xe50\'\xbf\x82\x9e\xfa\x8b\xad\x16\xa3V\xa3\xcb\x01\x12fI\x0cB\xe3-P\x95*t\x84\xe56u\x12\xd6b\x12\xeb\\ezAZ\xda\xc1\x82\xb2\x08\xa2ujT\x04\xfbq\xb9D\xf5$\xa8\x91\x92\xbc\xbc\xdb\r\x95\xfd\xfdY}\xbf\xb9\x14]$\xae\xe8\x86\xc9\x1d6HD\xb1rrzd$\x18zft\xee\\\x98\x80\x0c\xbcV,\x0c\xba[CC\xf9\xf9\xb2\xd7X\x01\xa8\xb5\x98\xc4\xaa,\xc8\x80Xe\xe4\xb0\xfd\xe9#p\xff&amp;\x99\xec\x7f\xe62\xbb\xaa\xb6{\xf3\x0b\x18\xbd,\xefP\xde\xbb\x87*\xfb+\x0b"}\xaf\xb0\x16D,\xadQGT\x08\x99\x8c\xf2h4\xd2ZGj4V\xe80\xff\x88\xbf\x1d\x1a\x1a:\xf2=\x96\x9b\xb0\xa234\x12\x81\xd5\x7f"moVVFYCCC\xa4\xe0 \xcc?K&amp;\x8b\xd5\xfe\xf7J\x96\x99]\x14\xdb\\\x9a\x9dj\xcdz\xe7\xd0\xa1\xbc\x06\x11\xeb`\xa4o\x9c\xbc\x01\xace\x13\xe3\x0ek\x8d\x15\xaf\xb0rz\xc8_\xbc\x16H4!\x8a\xa1KR\r\x1d9"\xd3i\rM"\xd6V \x1aE\xdd\n\\\x1a?W)jUV\x12i\xc8;\x98\x91Q]P\xd6\x8az\xb1D\x05\xa3\xea\x87\x0b\x06\x86\xdf\x93;\xa3S\xad{2\xf6\xa5!\xdei\xd8\x07\xac2`\xa1p\x919^\xe8\xd1\'\x13\x96,?\x17T\xb9\xb9\xb992\x00\xa9h\xb3T&amp;\x13[fP\x1d80DI\xd4\x19\xb5\xe2^Rg\xefV 0\x11\x9d\x98\x08\x80jOV\xa4\xac #+++=\x92\x91\x9e\x9e\xb5woz\xd6\xfe\x9bS\xb3\xa3w6\x7f\xf0?\x0fT\x89\x85j\xeaf\xeb\xfe$UZ\x1a\xb0*+#\x91\xbes\x81\xa8\x88\xf5\xcc\x8a\xd1\xaf\x94\xd2\xa6-\x89\x95{\xfc8\xb8(\xf2)d\xc9\x8fG\xde{o\xe8\x00\xe50\x89\xc5y\xd1A\\\n\x04.\xdf\x1b?w\xa22\xeb\xdf|\x9c_h[\xe7\x19\xc6-\x9d\xffH\x18\x89\x03\x0bG\xf2\x81\x81\xc6\xeap\x1c\xce\xc5q&amp;\xd3\xdc\xc8\x94\xb8\xe8&amp;%\x17\x02\x9d\xe3\x1bAH`\x0e\x94\xae\x085\x81\x9a\xed"\xa6\xce\x96\xd5\x04\xc1\xac\x0b\xe1V\xa4\x0e\x96\x99=\x1b\x92\x10\xa2R3\xdb\xa2\r\x9bB\x1c\x08Du.\\\xbb\xce \xcc\x10h\xe7\x81\xc1d\xcf\xfb~\x92\x9d\xfdao"K"\x8a\xf4;\xcf\xfb\xbc\xcf\xf7}\xba\xb0\xea\xfa\x8c\xf5F\xa9\x99\xe6=\x02{\xf1\xde\xffqzQ\xd5U\xd7\x80T\xa1P\xc2\xb7\xd3iUe,2\xc7\xb3\x1f\x7fs\xaa\\&gt;\xfd\xb3\x93ob1Qoo*\x95\xc2=TZ\x8e\x0f\x0fC.\xc6\xe2\xef\x03\x81\xb5\xb2\xb2\xb2\xb88\x19\x046\xe6\x8f\xb0T5\x9d&amp;\xa0(\n\xce\x8fd\x8a\xe8\xe5\x97\x8f\xff\xf9?\xa1^=~\xd4,\x92T.\xc4R\x143\x940\x14\x19o\xa1\xa6\'\x17\xd7\x97\x96\xb0Z\xff\xe3\xf7\x1f\x95\xcb\xe5\x9f\xd2w\xdc}\xdcDpu\xba\x89J\xf5\x81-\x15\x07\xd6\xb2\x10\x0bX\xa7\x7f\xb2v\xe3Wcc\x93`\xf2&lt;\xd3e,E\x07\x15\xae\x97\xb92\x98H\xaap\xb4x\xef\xd1\x7f\x8d\xdf[\x7fx\xf5\xf8c\x98*\x1c\x8eF#\xc0R\x14Y\t%\x14\x9b\xb0"\xc0\x82;&amp;&amp;\x1e|\xf0\xe9\xa5\xb5\x93\xe52\x7f\xf5\xde\'\xb0\xae\xe4\x89(O\x95Ju\xb1:=\x04W\xb9\xbc\xf6\xd9\xc0\x18\x9c\xee\xfa\xc9d\xd2E\xc8\xcf\xf8\xbe\xc0\x82\xf9#\x910\xeb\x85O\xcd\x14\x9b\xcd{\xff\tu\xff\xab\xc7X\xfd\x8aan\xb5NX\xban\x87\x12\xa6"\xbb\xf4\x1e\x93\x93\x8b\x8bh\xc3\xd8\xca\xfb\x97\t\xab&lt;\x080t\x8ey\x86\xaf\xd0\x1d\xcb\xc5\rM\xc5\x87\xe3\x84E\xb3y\xfat\xb9\xfc\xd1\xd5\xb3^:\xed\xb6\x92\x08\x1cWu\xb9\x89\x11\xbcg\x18m\xc0\xa7A\x08\x88\x86.B\xb5\xc8\xbfg\x02;\xbd(\xc4\x8c\xe8,\x14\xb0d`\x99\xbe+\xa1\x87\x93\x88A/\xa8\xe6\xc6\xbe\xb8p\n\\\'\xbf9I\\\x84\x15\xcf\xe7\xbbM\xc4}\x1f\x0c\x0f\xb9\x04\x16\xed\xa2Au\xf3\xdc\x88\'kV\x7f2\x91\x08\xc9\xaaN\x915\x03\x9cZ\xf8\xb8\x98\n\x9f]|s\xa1yO(\x95!\xa9tY\xd1\xc3\x11\x19C\xe8\xeaJ"Q\n\xf9\x96%\x01\xab"\xfbI\x7f\xc6\xcb\x8d\x0c\xdd]C\x07\x07\xbbXW@\xd1{T,\xd6\xb0\xe8!\xbfd\xb0|\xea\xc6\xd0\xedjH3\x12\xa0\x02V:-\xdb\xb8T\x12*\x1c\xed\x96`B\x173\xc7K\xf2\x9f\xbe\xe2\xf1\x8b\xd2b\x10Q\xb9t\x1dX\x8a\x8b@\r%\xfb\xfb[\x12\x9aXQ|&lt;2s#\xe7\xee~\xb3\x8a\x1a\xe4\x8c\x80\xcb1\x81&lt;\x93\x04\xd5K}\xcd\x1fa\xd1k\xca\x97\x86n\x8fz\t\xbcU\xc2\x08)\x98\xeb\xb4m\xe2\x92gf\xd4\x88\xd0\x89gQ\xf4\t\x1e\xebN\xdf}\x01\x95q\x90jQ\x87G#\xac\xcb\xb2\x11JZV?r\x1eX\xfd\x96$+\tz\xe0\x9b\xd5\x91s\x976\x1a\x82\x8bW \xc6\x01\x1b\xf5\xb1W\xcc&amp;\xc7\xc3\xf2\xd7\'\x06\x0776^\xde\xbcp{4(%\xa8\x0cM\x96e\x12\x8bVjr;\xf9\n\x03\x18&gt;\xe2\x0bG\xbb\xbf\xf0\xe8\xef\x0c\x05"Q\x11~\x91\xae\x19\x86\xd5j\xf5s\x91^- \x927\xbc\xda\xc8\xc5O^\xce\xce\x02\xab\x8f\x83\x9d`\x10WP,\x16k\xc4\xfeL\x0e\x8b\xc7@\x85\xa5\xfa\x17}\xab\xab[\xb7\xce\x0c`\x11L\xfc\x05\xba\x87\x0cI\x92e\x1dX\xa6i\xdb\x14]:72,\xf8\xc4D\xd2\xaf\xd0\xa2\xcd\xcb\xc3f3sL\x15\x15\xe8\xba\x02,T\x7f2IS\xed[\xc0\xc2cX-\x80\\7\xb7\x08\x8b\xec\xfd\xf5\t\xb2W*\x85\xf5/\x15#\xdb\xaf2\xd72\xa9\xf5\xce;\xbd\x8d\x8d[g\xce\x8f{\xac\x95\xa2I\x92\xa4i\xcc\xc5\x15\xd8z\x9a\xb0h\x10\xc3]\xaah\xcf[\xf7_\xf06\xbd\xa9\x93|\x0c\xc5\xff\x98\r;\x8e\x04\xb5\x14\x99r+d*F\xc8\xb0$\xc9\xb2|\xf2l\xc9\xcb\x8d\x92^\x8dF=O\x8bM_\n\x18\x9cVh\xe0*\x0fd\x9c\xb0\x86\xb1$\xae\xae\xdd|{DP\xc1\xa9\x86\xe4Hh\xa3\x12\xb2\xed#.\xe1\xaf\xc8\xb1\xf9\xc3=/~\xc0\x92\xdcl\x163\x94\x17\xd1l6[\xc8v\xab Y\x9a\x12\x04\x93\x95R\xa9T\t\xb0k34\xbaR\x83\xb8\x006~\xfb\x93\xad;\x9b{\r\x1e&lt;\x8e\x83\xe5\x0e\x17\x9c\x16\x8bs\r\xee\x82\x9b\xf1\x00\x00\x05\xeeIDAT/\xc7\x1ak\x97\x07\xc6\xab\x81I+&gt;.-$\xa9\x9a\xa1\xabJ\xc8&lt;\xc6\x12\x06\x13K\x90\x08\xa7\x9e\xe7\x88\xf4(:\x18\xc5r3?\xff&amp;T\xa1\xd5j\xf9J\x80\xac\x1a\x1b\x03V\x85\nTP\x90\x021\xe9y\xe3?\xff\xfcow\xf6\x1a\x8dX\xaf\x08u\x8a\xa9\x0e\x96x\x16O\xc5\x1a\xabk\x97\xdf\x9f\xca\x05\x01\xe46\xf0\x17c\xa8)\x86JX\xa6\x00\x0bd]\x17\x81\xda\xc5\x82p=\x0f\x9b\x0f\xb1U\x80\\\xd1y\xae\xec|\x87\xaaE\xe5c\xeb\x00\xaeJ\xa9"*-\x83\x0b}\xc44\xfa\xe0\xba\xf89\xf4\x02\x17r+N\x99.\xc0\x80Hba\x12\xf3\x8d\xc6\x93\x0bg\xa7J\x9em\xbb\x8a\xa1\x10\x96\x01,\xac\x85\x9aiv,/S\xe9\xaaz\xb4\x8f\xa0~\xf6\x14k@\x02V\xf3\x18\n\xb8Y\xc7!*\xf2:2&amp;@\x1bC\x82K\x06\x17\r\x01Y?iB\xaf\xad;\xe4/\x14\xc5T&lt;\xce\x0ec\xa6\xe1\xe1|\xbe&gt;\xfb\xf2\xfa\xd9\\\xa9\xe4)@\xc2\x05\x11\x98\xa2i\xae\xecjJ\x07K\x96\xe9\xd6\xc1\xea\xa8\x06\xacf1\x1d\xa6\xf6\xcd3\x17\x98\xa2\xd1\x1aUu\xc6\xb6i\xfc\x92\xbe\xaf\x19!\xb2\xabBj\xa5%\xb2\xbd\xc5\x89\x91\xb4\xcd*\xb8f\xf7\xea\xf5\xb9\xb9_\xce\xcd\t0\xe1)\xa6\xca7\xb6\xae\x9f\x07U)\xa4\x84\x08G\xa3\x06*\x9a\xeb\x12\xa0\xc0\x92\x8f\xb1\xd4N\x81\xcb\x01V\x06r\x11Ra\xbe\x90\xc5p\xd6jO\x17\x9f\xa2\x16\xa7\xa6r\x9e\x87\xf8\xecH\x83\x1e\x90\xb9T\xe6B\xb6Z\xfd\x96n\x96\xaa\xe7\xafw\xb8\x80\x95?\x02\x1b\x1e\xc6\xf3F\xec\xe5\xf5\x01\xa22M\xa6\x82d\xf8\x81\xa9aB\x93\xe2\xb4\xd3Bv\x17\x16\x95\x08G\x98\n\xacy\xecs2@\x9a/\x14\nHx@=\xc5\xdee\xfd\xc7\xf5u\xda\xc0\xacL\x9a\x86\xd0\x06f\x821*&lt;\x8b\xd4F.\xdf\x0cr\xa3C\xb7\x88\xabNX\xac\x12QA\xa9z}u\xed\xea\x08\x0e&amp;f\xc5$ W\xe3FRl\x19\x8cH\x85\xf8\x12P:\x15\x81aE$\xac,m\xbf\n\x04Up2\xb5\xda\xe2\xe2\xc4\xfa\xe1\xe1\xb6\xa8%:9U\x8c\xfe\xa32("\xe8\x8d\x81\xd4",\xdbD\x80\xbd}sco\xb3\xbe\xb9Y\xc7\xae\x86\xc0\xe6 U\xef`c\xef\x9b\x0bgk\x98\x11\xf2\x95\x02K\x92\xe7\x05\x95"a{\x89&lt;T(\x14m\xb9\xa3\x95\x0c\xb1\xf4h\x11\xc3W\x8c\xf6\xc0M\x05QN\x95\x94Z_:\xdc~}p\xd0n\xef\xee\xee\xeeo\x7f\xbbD`\x9a\x95\xe4\xac\x82d\x16\xab%\t\xc1$j\x85\x97\x1b\x1f@\x80}\x070X?\xc6T\xf9^\xe4\xff\xcb\xab_\x8c\x05\x81\xc2&lt;\xecv\xea\xa4\xe8 \x8c\xcf\xb9\xd5Q\xac\xd3B]\x95\xe5\x08\xe7\'\x9a\x98\x15R\x15\x9c\xda\xd4\xca\x83\xf5\xa5m@\xb5\xdb\xd3T@\xdb\xdf\xfe+\x1d\xea&amp;\xb1\xd1\xa5\xac\xa2\x05H\xeb\x16\xb84_Q\xec\xc0\xcb\x9d\xfd\xf0\xfb;\xdfA\xb1:\rd&lt;\xd5{bpu\xf6\xc9\xd0h.\x90\xd9Nd%\xce\x06h\x85\xe0\xc2\x0f\x03\x17\x04\xb33\x15\x1b^\x15\x9dT\xd5p\xc6\xc1\xfe\xb3\x87r\x93+\x82\x06\x82\x8a\x94\x9a\x9e\xbe\x86\x9a\xbe6\xdd&amp;\xc5\x0e\xe9\\\x97\x83\xfd\xb1\x17\xc4\\\xc2c\n\x9b\x97\x0bOM;\xc8\x8d\x9c\xf9\xe3\xec\x1d\xf2\x17c\x81j\xe3\xc9\x99\x91 \x90)O4\xd6\xc8PD\xff\xc9\x07\xa4\x16\xf1\x98\x02\xcbVd\xf6\x18\r\xa1\xaec\xb3\xea\xba=\x8e\xc0r\xc2\xb5\xa9\xa7\xeb\x87\xdb\x07;;\x02\x8aka\xa1}\xf0z\x1f\x1e\xc3\x91%\x97\x0b\xb0\xa1\xa4\x99\xc4\xcaf\x9aGh8~\xda\x9e7\xfa\xee\xaf\xb7\x1a\xf5\xcd\xb9\xb9+t\x08Z\xdd\xb8\xf5\xeeh@H\xb2\xa4\xc9\xf4\x83\xd80\xc5l\x00\xd2\xca\xe5\xfe\x85\xd8\xf4\x08\x08\xa5\x1b\xf5\xba\xc2\xed\xec\x91\xb2\x1d\xad\xc6W\x04\x15hvH*\xdc\xa6\x17\xa8\x91\xbb\xfb\xfb\xdb\xcf0\x948s\xce\xf8\xfd\x82\xcb4+\x8a\x00\xb3,7I\xce\xaf\x0e|\xb8\xd6\xd8\xdc\x9c\xc3\x0c\xc6\x1a\x1b\x97.\x8e{\xb2da\xe4d\xcde;\xb2V\xaeF3ct\xe0\x00\xa5\xd1\x9e\x1c;h&gt;Xq\x1f\xb1\x03\xc3\x1d\x9a\x98u\n\x8e\x83`\x98\xe8R]cg-\xe0\xcf\xf4\x02\x8a;I\xdf\x1b\xe0\x80\xe7w\xe2\xdd4\x03\x85\x9d\x81\xf8\x90\xe08\x97&amp;r\xe8\xee\x06l_o\x80\xea\xb7S9\x1b\x9b"\xe2q)=;X\\\x96f\x01U\xf3\rl\x08\t\x0c:b\x8b\x0e6\x99s\xd5uU\x87\xb0\nR\xc1\x81\xb1\x8e\xa9\xae\xed@$\xc2\x12\x85\xfb\xdd\x83}\xcc\xe4\x83\x95\x9c\x97$,\x9f\x12Z`\xc1\xcaI\xb6\x1b9\xff\xf6gk\x8d\xbd\xbd\xc6\xc6\x8dO?\x18\x0bt"f*\x01\x86\x9b{\x04\x86a\xc4\x7f\xf2\x1d\x17j*\xa4\x1d\xce@8t\xb8\xb2\x1a\x86X\x84U(X\xe8\xe1\xca\xc4\xe1\xeb\xb6\x90jgg\xa7\r\xa1\xe0xb\x9a\xa6\xdb\xf44\x14\xfb\xf6\x19s%\xfb\x93X&amp;\xc7L\x1aDx,\xc9\x85\x95ir\x12\x07\x8f\x8f\x1f\xff\xf0\xea\xfb\xdf\x9d\xaf\x06\x1eM?&gt;\x1c1\xaa\xbb\xc7%IY\xa9\x80\x90Q\x0c\x1f\xe7E\x1f]\x15\xa0\x1a\x8e}3\xea\xcc\x8c\xeeD\x1dUw\x9c\x1e\x87\x16\xe5Bzqi[H\xb5\xb3s\xb0\x0b\xae\xf6\x82`Bz\xed\xf2\xc3\xddv{\x9f\xb8\x02\x13\xb3\x87\x93q\x88\x82\x8bb\xcb\xa3\x11\x85u+r\x10\x04\xc5G\xcf\x9f\x7fy\xaf\x1a\xd0\x8e\x05\x14\x14\xee\x9c\xdf],M\xcaf%K\xca"N]\x1c\xc8,\xee\xad3\xef\xc0\xf1v5\x82\xa36a\xa9*R\xde\x91\n-\xbd6\xb1\xfd\xba\xab\xd5\xeb}\x84\xc4N\x9b:\xf9\xaf\x81\xd3;\x10\xfc\xfa\xf6\xeb\xe9\xd3\x9bOA\x85+0\x81\t\xcb\xce`dd\x07W\xd9\x91@\x87\x01]\x03,\t\x80&lt;}}aY\xee\xa3\xdbJ\xa0\r)Pm\xa7\x0f-*\xf5\x81\xce\x03S@wIJq:\xc8\x96I\x01\xfbu\xc0B\x0c\xd8"\xd4\xd7&gt;\xea\xa0\x0f4c\xce\x9c9\xf3\xd8 \x8dv6\x00agq\x10p\xaa\xe1\x95\x00\x00\x00\x00IEND\xaeB`\x82'</t>
        </is>
      </c>
      <c r="M435" s="3" t="n">
        <v>45492.67824074074</v>
      </c>
    </row>
    <row r="436">
      <c r="A436" t="n">
        <v>1087079</v>
      </c>
      <c r="B436" t="n">
        <v>1967</v>
      </c>
      <c r="C436" t="inlineStr">
        <is>
          <t>Lucas Esquivel</t>
        </is>
      </c>
      <c r="D436" t="inlineStr">
        <is>
          <t>Lucas Esquivel</t>
        </is>
      </c>
      <c r="E436" t="inlineStr">
        <is>
          <t>LE</t>
        </is>
      </c>
      <c r="F436" t="inlineStr">
        <is>
          <t>LAT</t>
        </is>
      </c>
      <c r="G436" t="inlineStr">
        <is>
          <t>LE</t>
        </is>
      </c>
      <c r="H436" t="n">
        <v>183</v>
      </c>
      <c r="I436" t="n">
        <v>37</v>
      </c>
      <c r="J436" s="2" t="n">
        <v>37177</v>
      </c>
      <c r="K436" t="inlineStr">
        <is>
          <t>Left</t>
        </is>
      </c>
      <c r="L43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cb03c48-774b-4455-88ac-9e45ea872b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e2\xd7\xb9\x00\x00\x00\tpHYs\x00\x00\x0e\xc4\x00\x00\x0e\xc4\x01\x95+\x0e\x1b\x00\x00\x03\x00PLTE\xff\xff\xff\t\x08\x0c\xfd\x1b4\x17\x15\x1b\xfe$=\x04\x04\x07\xfd\x180\xff\xfe\xfe\xfe :\xfd\x1e7\x0c\x0b\x0f\x0f\x0e\x12\xfb\r# \x1e$\xde\x04\x17\xf7\t \x12\x10\x15\x1a\x18\x1e\xe4\x03\x16\x1c\x1b!\xfe\'@\xc9\x86r\xfe*D$"(\xfd\x11()&amp;-\xea\x05\x1a\x14\x13\x18\xe1\xa8\xa0\x19\x1b,\xf1\x07\x1d\xb0jX\xc5\x81o\xb8jS\xcb\x8aw\xde\xa2\x9a\xe8\xa8\x98\xb0aH\xd7\x03\x13\xcf\x8ey\xdc\x9f\x94\x9eg]\xbaud\xe2\xac\xa7\xb6q`\x7fB7\xaccR\xber[\xfd\xfc\xfc\xfd";\xc4w`\xa5cV\xb7mZ\xd0\x92~\xb3eN\x93TI\xbf|k\xc5}h\xe3\xa3\x92\xab[B\xf9\xf7\xf7\xa9g[\xbc\x04\x12\x9dO8\x89J;\xa3ZF\x9b_S\x93[O\xa2U&gt;\xca\x81j\xcazb\xd5\x96\x80\xde\xa0\x8d\x12\x15$\xd2\x89r\xbfmU\xe5\xb1\xad\x95PB\xa3^O\xb0oc\xbf\x7fs\xa8lch70\xbfxc\xe4\x08\x1c\x8bVN\xe3\xa8\x99\xc5\x84x\xf7\x0f%r?9\x9bYJ\xc7r[\xb9zq\xd5\x8c\x7f\x9bUC\xdc\x95\x83\xd8\x83\x7f\xdf\x9b\x87\xd0\x83k\xd9~w\xaa`J\xdc\x9b\x8e\x8cPC\xd0\x83x\xd8\x99\x88e@&gt;\xf1\x10&amp;\xc8\x89\x80\xd2\x92\x8a\xb7cX\xea\xb1\xa8\xcf\x01\x0e\xd5vp\xe9\xac\xa0n-\'\x80JAvE&gt;\xd9\x94\x92\xde\x88\x85\xf3\xed\xee\xf7\x17.\xc6\x04\x13O\'#\xb9\x7f{\x9col&lt;7&gt;v&lt;/\xa4rn\x86A2\xd9\x8b\x89\xd7\x8fy\xd0{t\xb2ea\xb9fL\x84PG[97\x8c_\\FCJ\xc7yo\xcf\x06\x18\x92M:\x9cwyM33\xcdpj\x1c"6}RP (&gt;\xc6eX\xec\x0c!1-5\xb2tj\xc0om\xb8\xb0\xb6\xd0\x8b\x86X\x19\x1e\xbaib\xc0\x86\x80\xb9[R\xea\xb4\xb3"\x16\x17\x826+\xc7|w$,D]-)\xcf{i\xe0\x90\x91qIH\xc0la\xf5\xf3\xf4\xc3vi\x96ic\xaf\xa2\xa8\xce\x82\x81\xda\r!\x93aY6$%\xf3!7\xab\x92\x96\x84YX\xb7ol&gt;,-\x99\x83\x8b-\x1e \xab[[M\x15\x13q6/\xea\xe8\xea&lt;\x13\x12\x9fPO\xc6ega$!eJK\x95\x90\x97\xd1mb\xd0\xc8\xc9\xafSN\xc0\xbd\xc0\xc9\x10#\xa7~{\xa6\x87\x89\xb6\x86\x83\xe1\xcd\xca\xe4}\x84\xe8\x9f\xa1\xd3\x9b\x98\xd3\xb9\xb5\x99I3\xadyq\x91C.\x8eor\x82hmpks\xf2\xe1\xe3\xe3\x96\x9c\xbcZa\xd4\xa6\xa3\xcdW`\xe2\xdf\xe1D\x1c\'\x7fx\x7f\xc0\x90\x8e\xd9\xd6\xd8\xc9\x9d\x99\xe9U^qSV\xc9!4b\\d\xed\xd2\xd5\xd4hs\x93?A\xeeCR\xc9IK\xae\x0b\x1b\xa0\x9b\xa1\x89\x85\x8cx]aUBD\xf12E\xea\x8e\x8e\xc0LU\xbd\r\x1eTQY\xa5HG\xf9)A\xc7\x8e\x8a\xd9LS\xea\xa7\xae\xe8ir\xb9\xa9\xad\xb9=F\xe42;x\x13%\xb2+7\xdf\x19.\xe9\xbe\xc3\xba\x9e\x9aG\xf0\x07\x13\x00\x00 \x00IDATx\xda\xc4\x99oh\x13y\x1a\xc7\rC\t\xcc00\xc3\xb0\x0ca\x02ZC\xd9\xecUm\xe8j\xa3k\xc1\xf4_,\xfd\xa3k\xa5J[\xdbp%\xa9\tv\x17\xc4.\x85\x9e\xa3"g\x93\x81: \xc7\xdc\x15\xce3/\xb6\x94b\xc1p\xdd\x98\xc3r\xd0l\xb6x\xbe\xa8\x88\x06.\xf4bK\xc9\xbe8Z\xf3&amp;\x87/\xee\xd5\xdd}\x9f_z\xde\xed\xeb\x9d\xd6_&amp;\xc3\xb4I\x9bO\xbe\xcf\xf3|\x9f\xe7\x97\x1c8\xf0\xf3\x96\xd3\x89\xc3\xd7\xdc\xbc\xc0Vs\xb3\xcfI\x8b~\xfd\x11\x17!\xf8\x967f\xb7w\xaa+\x9b\xdd^\xdd\xd8X&amp;\xb8\x8fG\x06$\xdfdn;o\xe8.U\x15\xd9rYF\xa5\x92\xcf.\xae\xae3\xdd&gt;\nT\xf3\xf2j6oX"\'I\x9a&amp;\t\x82\xc6\xc9t)\xab\x96n\x94vf7\x16|&gt;\xe7\xfe+\xb5\xbcZ\xd4E\x8e\x934\x89\xe34I\x12\x00\x86\x9fpRdEQU\xbd\xb4\x03\xcd\xf6U2\xe7\x01\xdf\xf2l^\x175\xa8\xa4q\x9c\x82\xf0q\x02i\x86\xc5q\xb2"\xaa.\x97*\xba\xf4\xfc\xf6\xc6\xc2\xfeq!~\xb9\xa2.C$b"(\x99\xd3\x04\x9e\x05R\x91\x81Ed\x04\xa6X\xa5\xedu\xdf\x81\xfd\x01s\xfa\xd6\xb3\x86*\x03FC\xc08\rq\x04\x94\xc3\xc1\x0b&lt;\xef\xd0dM\x93I-\x97\x0bY\xa7\xa8z~vy_R\xcc\xb9\xb0\x9a\xb7\xa0\x92K\x94\xf1\xfa\n(dQFjA;\x8d\xaf\xe1%\x00j\n\xb8DUD\x88e\x97Q\\\x9d\xdc\x07\xb0\xe5EC\x84T\xc8jU\xc1"u\x14\x8d\x174\x89\xe7\x05H\xa6\x91n\x12\x1eG4)\xe3\x14\xd52\xb2\x1b\xcd\xce=N\xab\xf5\x1d\x1d\x85\xe6\xa2\xdcQ8,\r7Nr ~\xb8I|\r\x16~\xa0\xca\xe4\xa8D\x01\xad\xba\xac\xd2\xec\xe4\xde\xa6\xd5F\xd1\x12\x11\x1eEaT\xb2\xccj\x0f\x04\x8c\tlD\xe5\xc0\xd9\xc1*\x13w\x1c\xc8\x7fcg\xdd\xb9\xc7T\n\x02\xa4\xc8\xc0\xa2r\xe34\x99C\xaa\x0b\xb8\x13\x15!9\x04\x04\xb3F\xc2s8A\x90)\xbe\xc84=;\xe9\xdb[*\x05\x05Ha\x14\x99=a\x11\x18\xdc\x94\x88\xaar\x81\x12l\n\xfc\x1f\xa2\t\x9aFFf\xac\xeeU~1*\xd8\x15G/\x83:\x94\xd1\nU\xf2\x02U\x83R\xe4\x11\x82&amp;\x10\x17\x0b\xa4C@/\xc2/\xc9e\xf1\x17\xae\xd2\xc6\xde\xd4\xa3s=\x0f\xad@\x03\x03E\t\xaa\xa2Lg\x95\x12M\x81^\x92D\xe5\xa8\x91h\x84\x05\xcd4\x89\xe0\x90\xfc\x12\xfcM\xb4\xf6(\xbd\x16\xb6ur\x04$\x14I\xa5P\xfc\xe8\x9a\xb0X\x8fF\xc4\xa8-R\xaa}\x08eM\x8d\x80r\xe0ar\x8ajlO:\xf7"\x84%\xb5\xdaT\x18\x90\x8c\xf4\xa2\x18\xd2]a\xdd\x10\xc5\xc8\xa3Q\x13#%=\xd9&gt;b\xc84\xd3D\xfc\x8dU\xca\xd9\x9f\xf5\xce\xc9\xac\xc5\x92\x1c\xf1 \x87\xc0\x18#S\xcaP\x17B\xc5\tDE\xe1B\xc6\x89\x1c3.\x1e\xa9\x06$\x89\x8c\x83\xc7\xb3`\xab\x93\xf6Wa\xae\x82Y\xcf\xe5\x925d\x16\x87\xf2G}\xc92(E\xf2\x01\x89"G\x07.%\x99\xba8\x8e]\xbf\x00-0\xd1\x90\xf4\xe2\xba\xedj5g-\xb2\x05\x8e\x97\xd8\x8b"rtX\x08\x0e \xd9\x82d\x02\xcf\xc2\xc7k\xa2L\x9455\xbb\xa6O\xeai\x18t6|\xb6[V\x05\xb1\xb3T\x84\x03\x1c\x1a\x12\xdee\xb9\xaas\x15y\x86\xc4bJ\x9e\x0f\xb5v\xfd\xabj\x15\xbbn\x01.U\xaf\xd8\xed]N\xe7\xa2\xee\xb2TE\xe25\xd4!\x06*\x97EB\xd15\xc6\x1b\xc2!?C\xa7AC\xe2\xf8\x0f@U*F\x06w\xd5+v\xd7\xa2\xb39\xab[.\x0c\x044\x8fbX\xa0\xd6"\x92\xd5c\xe6\x83+qdN\xd5,gg\xc8\xf5\x132\xcc;\x82\xcb0Jv\xe7\xbcs9\x8f\x98I\x94\xbd\xe8yx\xef\xbc\x80\xc9@\xa4\tY\xa61A\xa2\x1a\xa4\xdeH\xad\x99=\xfe\x13\xb90\x81)\xd8\x14\xe5\xb7\xed.\xc5\x9c\xa1Z"\xcf\x86\x83\x1a\x9erG\x90a\x0e\\2C\xb9%\xd1\x98*kl\x98\xa7\x9eM\xc9\xef\xd8}r\x15L\x82\x95\xe8\x95Rv\xd9fC]\xd5E\x97\xf2\x7f9\xe3\xd0\x80\x94J\xa5\xd2\x16\xf3|2\r\x8d\r:\xa4(\xd2\x8b\x0c\xc3\xc1\x9aP\xb5\x18\xf1\x90e\x18E\xdb\xb1\x0c\x98\xc3\xff\xb0\xf8d&amp;\x936c\xf3\x0fV\xe2\xa6\x99\xce\x88j&amp;\x93\xa1\xde\xa8$\t6\xadR\xc7q8\xaa\xbeE\x07\xcf\xc1\xf3\x0c#os\xbbv\x02K\x95\x1c\xd5w.H\xc9\xb4iN\xf4\xb7}~\xfe|k\xdb\xf4|\xccL\xfd\xcd\x8c\x95\xcdL&amp;\x956\xe3\xb1\xf9\x95r:\x93\xdc]\xd5\xfe\x08\xb1\xe0\xc4\xd8\xd5\xe6\xec\xc5\xf2\x11\x96L\x02\xf0\xc9t*\x15\x9b\x9e\xf6\x1f;~\xe4\xd4\xa1\x8b\xbf8\x7f\xe1\xb3\xfe\x1b\x03\xfd7\x9f?_\x8a\xc7\xe7\x13\x8fo\xde\xbe\x9d\x88\xc5\xe3SX\xe6\xb7\xf1xJ`\x8aI\x1cv#.\xa3\xb2j3\xd6,aQ\x13I\x9aq3&gt;v.|\xac\xa118\xda\xd1\xf1\xc9\xe5\xc3\x97O\x9e?\xffp\xad\xb0\xf9\xe2\xf1\xed\x17o\xdfn\xbe\x7f\x7f\xa1\x7fl,p\xe3h 0\xd2\xda\x16\xcb\xc01\x1c4\xa1\xaa\x9ah\xed\x01\x96\xc2v\xf2\x99\xf4\xc4D\xdf\x80?\\W;\x14\x1c\x1d\x1d\xed\xba{6\x1a\x19?\x11u\xf7\xb8\xdd\x85\xcd\xb5B\xc1]\xf0\xac]\xbbr\xe5\xc8\xc1\x83\xc7\x9a\x9a\x8e\x1f?\xd2\xda\x97\xca$\xa9\x93c&amp;\x93U}\xd6n,\x1d;\nAJ\x99\xdfN\xdcxvk\xa4\xee^\xf7Pp\x0eTw\xcfv~\xe1\xf5\xba{z\xbe\xee\xe9\xa9\xc7rcE\xa2\xd1\xe1\xab\x9f\x8c\x9e\n\x06\x1b\x1bj\xfd}SS)\x8e&gt;\x99\xc0\x8cf;\xd6\xa2\x8eB\x13\x92fl \x108\x1ah\xaf\xab\xed\xee\x0e2\xaaH\xa7\xd7\xe3\xae\x07\x16\xd6\xa3G=\x04\xe6\x8dx#\xa1\xe1\xae\xb99`5\x1c\x1f\x1c\x9b\x8e\xa58\xda\x84s\xca\x1e\xa8\x05,.\x13\xbf\x11\xe8\x9d\x99\x199]\xd7\x04\xb5\x80\x15\nE\xbc\xd0\xa7\xbe\x87\x98\x1e}\xdd\xc3\xb8&lt;^o$z\xb7+8\x84\xd5\xd8\xd0\x14\x0e\xfbc\xe9\x14\xba\'\xba\xe2\xac\xed\x95H[\x9d\x14\xb4\x02U\x0b\xb0j\x1b; V(\x12\xf1\x02\xa4\xbe\x1eDL\xab\xeb\xee\xeb\xd7/y;#\xa1\xbb\xa3s\xbbXuM\xc7\xdabf\x9afY\xbb\xb1\xe0[\xf8\xb7\x99\xf4@\xe0N`\xa6=\x1cn\xaa\xedndjE\xbc^\x8f\x07Qt\xd7_\x07\x1b\x85\xf0\xba\xfb\x92\xa7\xf3\x97\xa1\xae\xb9\xe0P\xc3Pww\xf7\xbd\xbapxp"f\xa2\x1d`Wf\xf3\xee\'W\xc1\x1c\x93\x9a\xbau\xf4\xce\x9d\x99\xf6\xba\xa6\xa6\xda\xda\x06\x92\xeb,\xb0\x18\x97\xdbC\xc9\xceN\x97&lt;\x97\xbc\xd1\xbb\xa3,\x86C\x8c*|nl&gt;\xae\xa7-\xbdb\xb3\xcbc\x7f\x81w\x9b\x9azv\xf4\xd6\x9d\x99\x16\xc2\xbaW\xdb\x10\xec\xfa\x14\xf6@\\\x84Ft\xd5\xd3\x17P\x8b\xb0\x82C\x8d\x84u:\xdc2\xe8\x9f^)\xeb\xban\xf7^\x11\x83\x8dn\xa5\xd2S}\xb7\x18\x16R\x0bQ\x84A0\xb5\xbc\x9e*\x15\x1d\xb4:Yj\x05\x83\x04FX-##\xfei\xb4\xa4r%\xbfn\xef\x87\x83\xce\x85\x1dCO\xa7\xbfeX\xed\xa7\xabX\x1d\xa3]\xc3Pk\xcd[p3\xc7\xaa\xc6\x12l\x9d\xa8\xc3\xd1\xd1\x0e\xf8\x16\x0b\xe2.\xd6J\xa5\xb2c\xf3\x04\xe1\xf3mW\x8c\xb4Y\xc5:\xc3\xb0\x1aNU\xb1"^O}\x01\xc6\xc5\xec\x94\xf2\x8b\xb0B\xe0\x82o\x81\x8aa\xf5\x8eM?\xd8\xda\xca\xe7\xed\xdf\xc0\xce\x96*:\xc3\xbau\xe7L\xfbiT\xe2P08\xd75\x1c\x8aFP\x87\xf50,\xf2\x077\xa5\x977\x12\x890,X\x04a\x9dn\xe9\xed\xf5\xf7/\xbd{S,.\xda\x8d\xe5\xcb\xe5K\xe5x_\xdf\xb3\x0fX\x8d\xc1\xb9\xab\xc3\xc3\xe3\x10\x8b\xec\x14Z\x81\xca\x1b\xf9\x06\x89FX\xc3\x14\xc6\xb9F\xf8C\xb8\xfdLo\xef`\xdb\xd2\x9b\x9dl\xd6n,\xfa\x140_\x02\x16Eq\xa4%\\\xdbp\xf1T\xc7\xd5\xe1qh\x85\x8c"0\xdc&lt;\x91h(\xc2\xea1\x12\n}\xda\x85\xe4\x02Vm\xf8\xcc\xcc\x0c\xb0\x12\xaf\x9fn\xef\x01\xd6r\xb6X\x8a\xf5\x11W`\xf0\xdc\xc1#\x17O\x1e:&lt;&lt;\\\x95\xaa\x9a\xec\xa0\nE\x91g,\xf9#\xd1a`56v\xd76\xd5\x8d\x00\xab\x17X\xd9\xed\x9d\xc5\x05\xa7\xad_ \x10\xd6\xce;R\xabo 0\x18&gt;x\xe4\xca\x97\x97\xaf\x8d\x7fCT\x14\xbf*[$\xea\xa1,c9\xe6\x1d?q\xf8\xd0\xc9\x8b\r\xc7\x9b\xc2\x83cc\xbd\xfe\xb6\xc4\xfdl\xb6\x08,\x9f\x9d_\xb98\x0fLf\x8b\xf9\x18\xe4\x8a\x0f\x04\xfcm\xad\x9f\xbdz\xf5\xab\x87\xef\xc7\xd7\nn\xe2b)\x0f\x16\\V;\xa3\xbb\xb0\xb6\xf6\xfe\xda\xc3/\xaf\x9c?x\xec\xf3\xd6\xb6~\xbf\xff\xc9\xe3\xa7\xf8\x07\x8b\x0b\xcd?\xe6~\\p\xda\xa7V\xf3v1\xbf\x12\xeb\x8b\xc7&amp;\x06\x06\xe6\xe7\x1f,-%0\'c\x1a]cq|\xf4/\xd00\xa1z\xea\x0b\x85\xcd\xcd\xcd\xb7/\x9e\xdf\xbc\xf98\x91\xe8ok\x05V\xbf\xff\xc9\xcd\xa7O_o\xfds\xf9\xe5w?\xfc\xf6\xe5\x82]_\xd0\xe1&gt;\x9b/\xad\xc4\xe2\xb1X\xdc\xc40\x9fr\xb9\xd2F\xb9l\xacl\xbd~\x81Xz\xeb\xff+\x99g\xed\xed_\xee\xbf~\xf3f\x8b5\x1b\xd3\xc4\xee\xa8\xffI\xa2\x8a\xf5f\xeb\x8f\x9b_\xfd\xfd\x0f\xbf~\xbeaC~9\x9bs\xff.\xac\xfb|\xab%`\xc5V\xca\x99\xa4\x96LJ\xecC5YT\xd3\xe5\xc4\xc3\xf1\xf1\xa8\xb7\xda\xa9=\xa0z\xbd\xa2[\x96\x8a\xcd6m$3\xc9L:\xfe \xd1\xdf\xff\xe4&gt;\xb0\xe6\xc7\xbe\xfa\xcd\xf7\xbf\xff\xf3\x85\xdc\xcf\xc7r\xfar\x17\xfe\xf1\xc3\x95\x97\x93\x8b\xe52\xb0\xca\x19)c\xc6\xd9\xce&amp;\x95\xa2\r\xd8\xca\xd2\xabk\'\xceF\xd1\x82\xd6\xbc\xe3\xe3\xe3\xef\x9f\xbf3\t&amp;e\xc6\xb6\x96\x12\x8f\x13q&lt;\xc9\x04\x17\xc3\x9ah\x19\xfa\xfew\x7f\xfa\xeb\x7fh5\xc3\x9f4\xd2&lt;\x8e\xf7\xb2/H\xee\xd5\xdd\x8b\xbe\x1e\xb7\xddM;\x9c\x8cF\xa8\x83\xd9N\x8a\xb8u\x936\x0c\x83\r!P\xb0\xa4c\x995t\x12R\x90&amp;J\x96\xce\xcd\x1c6\x93\xba\xc4\x90\x80\xdc\xc8\xe9D\x10Q\xe2\xc6R\xcb\xb5\x85s-\x9bZu\xbb\x8d\x9e\xda\xf4\xda3f\xad\xb9\x17n|a\x8c\xf1\xd5\xed\xfd\xc6\xde%\xf7\x07\x8c?^\x98\xf8\x86O\xbe\xbf\xe7\xf9=\xdf\xef\xc3#/\xaaq\x0b\xb8\xb0S\xfbWBz\xbf\n\x08\xdd\xdd\xdf\x8e|7&gt;=m\xb3\xd9\x92\xc9\xd7\xb6\xb6X,f\xb7\xa3n\xca\x0f\x82\x01\x93\xdf\xe1\x1f~==\x18\n\xc5\xa6#\xb0#\x86a\xcdG\x06!Ev?T\xb0\xbe\xdf\xf5\x19\xda\xf3d9^T\x03\xebit\xe7^m~&gt;s\xaf\x17\xb0~\xe9\x87\xd8jFmI7\x05\xe5\xb6\xc26\xf3\xd9\xcdV\xea\xcc\x05\xa0\xbap\xc1A%\t=a\xb5Z\x93\xd4\xf0\xf0p\x9f\x83r\'m\xe8\xfd\xd0\xf81\xd6\xecCR+\x91;\x1b\x81\xb4\nX\xa7\x9e\xbe\xac\xed\x8c\x92\xf1\xf6\xd6\x0eE\xad\xfe\x8eP\x0c\xe6\x03j6\xa3\xd1\x17Q\x14\xc7]\xb8N\x87[\xeb\xce}}\xfe\xfc\xed3F\xab\xcbE\xea\xdb|1\xfbt$2m6\xdb^\'!\xdeN\xb7\xc1\x07\xb0\xa6\x11w\x92\xacU\x97z\xb6\xd5h\xe2\xe6Fm\xf4N%\x8f\x84\x94\xb5\xd5\xed\x0c\xda\xdb\xdabN\xa7\xb3\xfb\x97\xb9\xb9\xfe\x90N\xe7\x03.W\xfd\x19X\xf5_\xd5\x19H\x17i\xf6\xe9\x9c\xfd\x8f\x1e\x81\xdf\xe8v\x86b\xa8\x15\x1a\x0e\x9aN\x0f,\xccN\xdb^$\xf3l|o}M\x8d\x0b\xb7Wbfg\xf4\x1eI\xc4\xe6\xe6\x94/\xb2\xdb\xed\xce\xde\xdeG\xdf\x8d\xfc\xf6\x93\xdf\x8f\xfc\xbc\x1a\xd2\x81^&amp;\xec\xf2W\xe7oyZ0\xd2f\xc3u\x83+??\xfe\xdd\'\xbf\x19Qlc\xd0L\xd8`\xa6\x9a\'\x07ff\'\xa3Q\x8a\x91\x02{g\xd58\x19/.r\xf1\xfd\xfdK&amp;&lt;\xb8\x05XA\x9f=\x18\x1a{\xf6\x18\xd4\x18\x19\x19\xe9\xff~&amp;\xe2\xc31\x8b\xae\xb5\xe9\x8f\xb7n\x9d\xbb\x86!uZ\x9f=:3\xdb\xff\xf8\xf1\xb3o\xe7z{\xc7\x9e\x04\xdb\x88\xfaz\x04\x9d\x8c\xcc,\xacL\xea\x1d\x9e|`\xef\x0f\x17\xd5\xb04\x8b9\xbaVcM\xce\xee\xadq\xa7\xced\n\xea\xbe\x19\xeb\x1ds\xde\x7f\x08+y\xb2\xcf]\x12\xb0\xfaVS\xeb\xf5+==|C\xb3\xe1J\x13&amp;\x08B)\xb2\xbar\x1f\xd5[L\x0fL&gt;\x9c\xc4\xb0.\xf3tdff\xc0\xd2\xec\xf5\xc4\xe9\xbdE5\x0e\x1f\xcd\xf6\xf2R\xe6\xf3\x02\xf1M\xc7\xd6x\xc8d\xb1&lt;p\x91&gt;\x9d\x8f\x84\xde\xf4\xbd&lt;\x18\x96e?\x85t&gt;\xf8\xe2:\x1d\xf6f\x13\x90\x1e[\x8cyVJ\xf5\xbd\x04`\xad\xc1\x80 \x06\xa8\xe6f\xd2&lt;035\xc0\xc6=\x1e\x9e^_S\x05kM\xc1\xe2S;O\x00\xcb\xe7j\xc5\x0c\xf5\x88\xcb\xa5G\xea\xb5\xeeTIJ9\x0e\xfaH\xcb\x83Z"@\xf3\xf1\x04\x84m#UbY\xa9@Q\xc6\x82\xd1h,455]\xbe\xdcd\xc0P\xc0ZH\xe7n\xdc\xf20oT\xb9@m\xbc{v)\xc322\x16\xdb\x1d\x0f\xe1.\x12c\rZ\xad\x95@\x10\x16\xbe^,\xa6\xfdV\xd2\xf2\x13`y\xe9\xf9D\xe6\xf3\xab\xd7\xeb\x1c}%\x81\xcd\x17\n\x85\x96\x16\xb1\xa5\xe5r\xb6\xa5\xa5\xa9\x01\x03\xb5\x8e\x16~\\\xde\xfb\x8c\xe3_\xa9r9\x0f[1\x9ca=\x0c\xfbp\xb7;x\x8c%i\xeb\x1c\x8e\xba:Q\x94\xfd\xe94S`k\x97.e\x00\xcb\x1b\xbf\x9e\xc8d\x12\xf3L\xda\xef\xa7(\x87\xc3\xc1|\xac\xcb\xed\r\x9f*M\x1c\x9a\x01\xac\xe5\xdb\xf2\xa2:\x86K\xb3\x9d\x06,\x91\xbd\xbf;\xae`\xb1\x86|A&lt;}\x9aa\xce\x14\xd3\xe9"\x93Md\xf6\x7f\xda\xcfT\x03^\x0e\xba\xa8`\xd1\xb47\x9dN{&lt;7\xc2\x9c\x97\xe3\x18\x86ooh\xd6\xa3\n\xd6\xc1\xfa\xdeg\xe9\x835u\xec\x96f\xe2\r\xcb\xa6\x19\xe1\xfe\xee\\\x0cwuA\x7f\xe2Y\xfe\xbfJ\xdc\xcc\xc6\x13\xb5//\xedg\xe2\xbc\xd7\xcb\xc7\xf3W\xff\x94\x98\x0f\xd0^.\x97\x0b{\xe1\x13\xe68\x0f\x93m\xbf\x86\xe8\x8f\xd5\x92\xbd7n\xf0oT\xf2\xf3\x9a\xc6\x7f\x0b\x98\x82\xf5\xf7\xb9 \xecv\x10+\x1e\xe0y\x86\xe7\x034M\x07\xae_\x85\xc4\xd5\nj\x05\xf88`)\xb7q\xb47\x9c[\xcf\x85\x97\x96\xe0/\xe7\xe5\xb3M\r\x06\xbd925\xf4\xd2Z\xf0\xf0*-\xadc\x1f\xdfW\x96\xf9\x9a}u+\x88\xeb\x85|&gt;\x1f\x0f\xc4\x03\x80A\xd3W\x94(\xd8\xdc\x05X\t\xf8\x8f\x82\xd5\xd0\x94\xa5i\x0f`\xad\xaf\x83bP\x0c#\x17\xb4\x88\x1e\x8dN\r\xbd\xae\xd7\x16\xe8\xaf\xb7\xd5\xf2\xf2\x9a\x8bo\xcaR\xa1\xa6[\xdd\x8d\xb5\xe9\x05\t\xb0\xa0\x02\x01\xe8\x92\x97\xbe\x99\xbd\xdaL\xb6~\x01K\n\xb0\xe6\x13\t\xd0\x92\xf7\xdcZ\xfeX\xeb{K^\x9a\x97E-B\xa0\x91\xa3#\x9b\x83\xca\x86\xcf\xaf\x9dR\xa94\x8d\xdb%L\xb0\x8c\xae\xee\xc2I"\xd4K\xf9j5\x0e\x0bH\xd1\xc2\xc3\x1bjdg\xa5v\xac\x16PI04\xf2y\x91[_^&gt;&lt;\\^V\xb0\xe2\xa21I\xd8\xd0\xe8\xd1\x94\xfb\x02\xc5\xd3o&amp;N\xa9Vw7\xd9V_puu\xb0\r\xccT)uL\x05\xcb:\xd7\xc3H\x15\x0bn\xe9\xace\x94\xae\x82Z,\x8b\xc18+K\n\x18p\xed\x85\x97@-c\xd2F\xa0\xd1\xa1\x99\xa4\x9fb&lt;\xaf\xd4\xfb\xa5S\xd3\xb8(\xb2\xb8}eu\xd0\xae\'\x08k*\x15\x87\x0e*TiQo\xb1X*_\xd6\x12q\x1a\xb8\xe6\xab\x8a\\lY\x10X\xd1\x9b[&gt;\\\xce\xed\x85iZ\xc1B\xd1\x01\x05\x8b\xf1\x1cl\xab\x98\x125k\xc3,\x1e[}\xb7\x15kC\tA\xaa\xc6\xf9p\x18\xa0\xd2\xb2[\x8fW*\xad5\xd8\x88a.\xc7\x01W^b%\xa1\xe4\x16\x04\xb1\xd8sv\x19\xf6#\xcd\x8b)k\x14E_\x0c\xbd\xa7&lt;\x1e\xcf\xa6\x9aq_3\xb1I\x98c\x0f\xdfm\x05\xedf\xbd\x00j\xf1^\xae\xa7\'-S\x94\xd5EV`\xee\xc7\xe9\xdc\xfa\xe1!\x17\xa8\x02W^\x92\xd3\x14Q.\x00W\x8e\x0b{\x199e\xb5E\xd0\x85\xa1\xf7\xb2\xc7\xe3W\xb1\x87\xc7\xf1\'\x89\xe1\x83\xef\xb6\x14\xc7\xfc\xffXu\x04n\xae\x94\xd9|\x9c\x0e\xe7\x0e\xff\x92\xa3aFH%A\xe6z\x86\x89r\xaax\x9b\xe3`\xc8*jE#\x80\xc5x\x98\xcd\xb5Sj\x96\xe6\xed\x0b\xccb_\xd9\x02\xcbl&amp;J\xa98S\xe4n\xa7\x1dT\x9dX6\xd9qR\x00\xcc\xb02B\xbd|J\xd0\x9b\xcbr8\xf7\xe3{\xb4\xec.\xa69/#\x16JDt \xb2p\xf4R&gt;\xd8T\xfb\xee\xf4\xe2\x11Zi\x1b\xd8\x05\xd3\xec\xc2\xa4TAd\x8aiG\x01\xec\x81\xe0\x1c\xeb\x08\x92)\x05\xcb\x0bg`\xaa\x1c|\xa2\x13\x8a\x1c\xc7\xf5\xf4\x99\xf5n\x7f\xb1(\x8b\x05\xebG\xac\xa3W\x8bOU~p\x00\x01\xe8\xd7I\xfb\n`\xc1\xa07H\x05Qv\xc8ZC\xd3M^\xf2\x8d={6V\x11\xbdJ\x15Sx\xc7\x98\xae,\xc3I],:\xac&amp;\xbc\x94\x82\x82\x19\x1f\x1d\x18X\x18R\x1e\x15\xab\xfe&lt;\xa3\xf1\xee\xf3_gwC!0\xa6\x88\x04\x1e\xa2\x80t\x81\x15\x15\xb5zS\xc7?\x80K\x06]RBp\xac#\xa6/9\xfc~\x87\xecpPh(X\x16$I\x82\xa3\'\x12Y\xf8a\xe2d\xdeI5N\xfc\xb0\x1a\n\xeaL.\xcc`\xc8_CZ\xc1\x9fj\xeb%\xc4\xe5s\xf6&gt;\xeb\xc5K\xa52\xee\xec\x08\xb5\x11I\xa3\xb1\xae\x8er\xd4\xc9T\x1f\xaa\xd3\x95K\xf5\xc8\xff\xb0N\x9dHi4oW\x8e\xb1\xba\x10C\x03\xe2B\x92V\x84\xc0\x10\x03\x86\xb9t\xd0\xc8\x0eg\xc7X\x87\x1dM\x1a\xc5l{\xb6]\x14E\xe0r\xa3\x90l\xb5\x06\xc0\x82\xe0\xf3\xfc\xe2Ia\xdd\x9d\x1d\x8f\x99L\x9d\xd8\xa7\x06C\xa7\xcbF\xd8\x08=\x06\xd6\xf9*\xdbe\xd1\x8dA\xf8r\xb6\xf5\xf9=p|\xd3|\x96\x17\x0b\x85T\t\x125n5*\xfe\x01b\xe2?\x1bO\x08\xeb\xd4\xc4\xec\xa0\xcf\xa7`54w\x92\x04A\xe8\xf5X\x06\xfch\x02Li\x8d4\xdb\xa8tOx\xc9\x1b\xa09\xbeZ\xdd\xc8\x94\xcb\xa4\xd9\xea&amp;(\x87\xf1\x18k\xea\xed\ta\x01\xd8\xd4\xa0\x0f\xf7\xb9\xb0\xfa\x82\x01\x03\xc3\x89\xe3xe\x7f\xbf\xa6\x80mlT\xab\xc5t\xf1\x03\xff\xe1C5U*\xef\xef\xec\xdc\x1b\xbd\xe7\xd3k)\xad\xff\\\x8b\x15E\'_L==\xa9\x17\x9e\x1a\xcdsp\\v\x17r\xedt\x8b\x81p\x99\x9e\xdc\xb9sgtg\xa7R\xabe6&gt;\x96P\xda(WvF\xef\xfc\xed\xcf\x7f\xfd\x0f/g\x1b\x93V\x9a\xc5\xf1\xa6\x1f\xa4M\x8c&amp;MHL?\x082A\x02\x0b\xd4\xe5E \x88\xbc\xce\x98\xb4\xe1MK(\x0c\xda\xf9`\xd8Q\xdc4\x01\x8c\xad\x10@c-iq\x132\x06\xab\xc3\xce\xd281U\xab\xd3b\x8c\xd2Zvb[\xdfV\x0b\xbaj\x99\x8e\xda\x1aq\x9dn\xa7\xc3\xc6\xe8T\x8d\xad{\x1e\xf4\xf3\xee\xccl\xef\x9e@\xd4\x98{\xf9q\xce\xff\x9e\xe7\x9c\xfb&lt;\xcf\xed\xb0\xaeSM\x90p\xcbI|\x11Hk\x1c\xbb\x05\xb1\xb8c\xf7g\x9b\xe5r\xb9\xa8\x0c\x7fV@\xe7\xb0%\xd1\x07\x0f\x86\xa3\xd6H\xc8\xb3\xbe9\x02\xb6\xbe\xbe\xce\x93\xaf\xf3\xa8\x1eFig=\xa4/\xd4\x1eq\xdb\xf54\x19\x95\x8a\x14\x8f\xd9zX\xdc\xedW~\xb9L\xce\xa6\xe1\x1b\xcf\n\xca\xae\xb7\x8dt\xfe\xe5\x9bN\x1b\xa42\x06\x8fJ\xe5i\xc7b\xec\xd8\xc1\xc4\xd2\xca\xc4\xf8\xac\x7f\xe4!$T=\x1e_\xc2\xd5\xa8\x01\xab\xa5w\x193i\xa1\x11\xfb\xb5N.\x97\xa9\x89\xe5\x8d\xf8\xee\xee\xeb\x0f7\xeb\xbf\xa9\x1a\x1b\x1b;\xb8w03\xb3239\xfalfrf\xe6\xd9\xce\x81s(\xf1\xf0\x96%\xa8\xc77~\xce\xe5\x8bdT\x88\xe1}\x0c\x17[\x17\xd4\x8d\xfbyr\x99\x88_~\xf1,\x91\xdf\xdd\x96\xd8\xec\xbc6\x8e\x98f&amp;\'G\'\xc1\x96\x01ke\xcc9\x92J\xb4\xdd\nZ\xf4g/\x96\xe0\xd5l*\xf4\x17\x8f\x8b\xb0\xa3B\xee\x9a\x03u\xc9\xe8\xa4\x92F\xbc\xc6\xd4\xb6\x98\xda\x0c\xe9\xbc\xee\x83\x03\xc0\x82\x170\xcd,9\x82#\xa9\x8d\xd4\xa2)h\xb1\xe0)\x17)e"\xb8\x0e\xc7{\x97\x8faiH]\xcdr\x9e\x08\xffy\t\x9e?0\xf0\xc7?\xa7v\xc1\x1e\ric\x0e\xc7\xc4\x84\xa3mq1\xb5\x91\xd8\xdeH\xa5\xda\x1cA\x0b\x89TR\x82?L\xf1\xafF\x8fa\xcb5\n)\x95WA\xe3\x96\x90\x88&amp;\x93\xfa\xd1\xe6\xee\xee\xc6\xf6\xf6\xf6\x06B\x1bJ\xff\x8a\xa0\x1e}\xe9\x08\x02\x16\xa5\x84R\xc6\x96\xf5\xf7\x8c\xdfky\\\x80-\xd6\xfdW\xb36\x89OE\xe4R \x8a\x01\xf6\xe6\xfa\xfe\xeeF"\x91|\xfb6\x99LNMM%\x93\tp\xe0\xd0\x80#\xa8\xd7\x93\x1a)D\x82\x0c\xdd\x9f\x9c\x9d\xbd\x89\xed\xfe\x02\xc0\x1a\x9cc0\x94\x1c\x12W\xaf\xd1\x04D\x90\xac\xf6wS\x89\xe4\xd4OSS\x0b?\x7f\xb50\x05X\x9b\x8f\x9aL\x8e\xa0FO\xa1\xe0\xe9*p\xd6`\x8b\xdf\xb9\x83\xf1\xb6\x87\xfb\xdf\xff}\xd0o\xf0\x18\xf9\x94\xf4]w6\x0c?\x80\x05\\\x9f}\x06\xdd}2\xb1\x98J\r5\x05\x1c\x0e\x8d\x9eD!\xd1\xd8F\xb9\xb7e\xd0\xdf\xec\xec\xbd\x8d\xad\xb7\xea\xbe\xffqn\xb6\xcb\xc5\x10\xe9\x0f\'\x03DCC\x8fR\xc0\x95H&gt;\x840&amp;\x12h\x04\x1a\x08 g\x91(|6\x0f\xcd\xbazm:\xac\xb1\xa0\x8a\xb8vmn\xce\xee2\xc3\x80G\x0bh\xa1\xbcQ\x0f4\xc1\x05\xb8\xf8\x10Fkx\x7f9`2\r\x04\xd0]7\x12I-\x93{\xbd\xb3\xb3]\xcdrgo\x1d\xb6X\x05\xdf^{\xfe\xe3l\xd8\xe0\x92i445\x9a\x0c\x08\xc4\x02\x01uS\x13\x94\xc7\x03\x03\x03&amp;\x07X\x0c\xcd\xcd\x92H|\xaa\xbc\x1f\xa8\xfc6\x9e\x0ck,\x1c\xae\xb7\xaa\xfe\xf9_\xe7\xbaJmP\xe0\xd1\xd5\x00\xa6\x8e\xc5bn\xb7V\xebv\xbbc\x13`\x0e\x14A\x0b\xd4\xf3\xea~\xf0UK\xd8f6\x02\xd6}\x8c\xb1v\xba:\xeb\x9f\xbf|\xdde\x90\xd3h\xb4\x00]\x1d\x08\x04L&amp;G\x0cA\xa1\x99\xe2 \xbc\x82z.W\xaf\x0fP\x01\xab\'l7\x1bU2\xf7=\xec\xb1\xa0l\xf9\xd3\xcb\x97U6\x11\x8d\xc6\x074\x93\xc9\xa4\x01\x1a\x87\t\x01mY`\xd0!qk,z\x93\xb6\xdf\x1b\xf6\x86\xed6#\x9b\xcdv\xdf\xfb\x0ek,\x7f\x04\xb8\xae\xf9\xbb\x0c&lt;5\x9dVV\xc6\x876\xc7\xb2e\xb1@sX3]S\xb3\xd5\xdeN\xe1\xd6\xd4X4\x01\xaa7\x1c\xf6\xdb\x19&lt;6\x14\xd7\xda{\xcb\x18c\xdd\xf4\xbb\\\x11\xe0\xea\xea\xb2\xb3\xe9\xf42\x01\x91\xa8\xb7\xb4\xd7\x80\xd5\xd6\xd6N\xc3\xbb\xbc\xbc\x1cMx\x9a\x80\xcao\x8b\xb8\xa0\xad\x84\x8eL;&gt;Z\x805\x16#\xcdUZU\xa5\xd3\xaaiD\xfc\xf5[\xd0\xf9#(d\r@U\x0e%)\x84\x10\\\x15qIT\x04:\x87\xc0\xfc\xbf`\x81E\xa2\x1d\xa5Uv\x99\x88\xce\xc7\x0b\xd2w$jj\x1bj?Z@X\x8d5\xed\x16\x87\xbb\'\xecgX\xad\x12#4\xb9t\x82\x08\xb0\x8a\xb0\xc5z\x1cfx$\xc0\xd5\xd1\xd1Yj\xa3\xaa\xe9Dh\t\xffp\xa7\xa1\x01\xc5\xf0#\x84E\xb1X&amp;b=\xe1.\x83\xd5\xea1\x12@}4\x02S4\xb6S\x879\x96\xc4\'\x91\x18\xac\x1d\xc3Qh\xa3\xb5\x01\xcd\xf5\xee[w\x1aj\xa7\xa7\x17\x00\xab\x16\\\x15DT\xf6\xc8!\x95\xe0\x08\x0b\xc3&gt;1}G\xa9\xd7\x0fX\xc0\xe5\x8a\x0e\x0fG\r^\xaa\x16r\xfa-K\xcd4\xd8\xca\xf4\xca\xca\xd2\xd2\xc4\xc4\x98Sg\x87f\xcdS\xc1\xa4\x11\x89\x82C,,[\x1f\xb4\x83e\xd0\xef\x91\xf8\x94&lt;3\xc8kx\xb8\xc3\xe0\xedq\xc6 cm\xad\xac\xacl---\x8d\xb9\x11\x95\xdf`\x8dF\x80\x8a\xce\'\n\x04et\x02\x13\x12\x17\xb8\x0b\x87U\x04\x8b\x96\xbf\x9d\x0b#,\xa3R\xc2\x800\x02\x97\xbf\x9f\n\xf9\xdd1\x01n\x82\xba9\xe6\x1ek\xe9\xf1\x97F\xa3V\x86\x92\rTD\x01\xbf\x8c\x83\xb0\xc6\xc7w0\xda\x02\x8b+\xfa\xee\xe6?_\xbf\xf6{|\xca\x8a\x8a\n\xb3\xc4\x95\xe6*\xb5\xe9\xfa\xa9T\xad\x1b\r?n\xb7\xb3\x07de\x8dF#\x0c\xa5J\xcd\xc7\xe3\x81\x0b-\x96Ri\xc7[\x06w\x96\xeb\n&gt;\xf86k\x1c\xee\xf6L\xcbkH\xa2\xf6P\x1c\xb0\x94J\x14\xc6\x8ea\xe8\xab#\x0c\x1bZ=\xa2\x0b\xebt\xfef\x9b\x1d\\\x15u1\xccF\x11\xe44\xe0\xea&gt;\x93\x07X\xd41\xa7\xb3\xa5eb\xf4Co\xff\xc6\xe1\xeaVt6\x83!\x12\x89\x84\xe2\xe2\n\xc4\x05a\x04yA\xc3\xdf\x11\x05\x81[#V\xf8\x9f5\xda\x01\x7f!*\x15]\x03X\xa0\xf83yd\xc0rB_\xe6\xf4\x8e,\xcd\x7f\xd8\xd5n\xb8\xba\xadu;\xc3\x15qY\xad\xa1\xf8S\x85BZ\xa1\xf41\\\xe8&amp;\xc8\x030\x08&amp;\xb2a\xb0\xfa\xceR\x86DiT\x11hP\xa0"gq\xc0[R\xa3L\x06e\xbd\xb79\xd46\xff\xe1\x14\x86+(\x9ao\xd8g0&lt;!W\xc8\x1a\ry\x9e\x8a\x15Rc\x85R\xe2A\\\x87`\x87\xf6\x1c\xa0\x0c\x0c3\x0fQ\xf1\xf1$\x12\x1e\x9c\x05\xda\x12*\x94J\xa9Tj\x94\x9b=\xfb\x0b\x1fF`\xe8Q\x14uk\x0b\x89\xd5x\xfci\xdc\xe3\x89\x87\xac\xa1\x10\xc2\x92J\x11\x17D-\xda\x19\xad?\xb2\xce\xd2R\x83\xcd\x9c\xa6\xa2#*\x12\x8a!\x04Q\xa8\x10\xfb\xa4h\x11\xb1\xd2\xb7\xba7\xf5\xd5Z]\xd1\xff\xb6t\x11\x1d]\xb4\xb6\x90\xdcxrc\xdf\'V&lt;\x054\x0f`\xc5\xc5\x8a4\x97\xcf\x03\xfe\x02M\x95F\x0c\xc8\xecv\x90\xbe\\fT\xb1Et\x1a\x91\xc2E\xceb\x81\xe2\x11\x96XH\x16\n\x15\n\xc5\xea\xe9\xf3{\xffH6\xbc\x87X\xfe\xe6h\xa2\xe7c\xbc\x9f\xda~w\xe3\xc6\x95\xac]\x85\x10\x9d]\xec\x0b\x85\x0e\xc5U\x99\xe6\n\x85\\.\x06\xc3\x06\xd7\xa2Y\xa7\x93\xcb\xe52\x10\x11[\xa4N\x87P\x0f\xe9\x81\x85\x9c\x05\x07**\xc9d\xb2P*|w:7\xb7\xb5\xf5\xddjba\xad\xe8\xb7E\x139\xeaw\xc9\xd5\xbe\xd3\xf9YY\xf9\xa76\xc8W\xc9\xe8\xeb\x8a\xd3Xb\x85\x10\xad\x83G\xfe\xf2x$\x123\x0f\x01Q\xa9ld"\x02\x1d\x9c\x85\'\xe9!?\x1ca\xc1\x81\xe4\xc2\xab\x85d\xf2Funvfvuu\xdf\x8d\'\xdb?\xbd\x9f\xff\xd53\x08\xe9\xe8M\xa7\xfeU\\|\xfe4\xd8\xa9\xd3{h\xa3\x80PX\xa9\x88\x87\xe2\x08KZ\xc9d2UF%\xc2R\xf2P\xe0\xa0;K\x1bP\xa5\xb1@\xf1\xc8[\x85i,aa^\xde\xd5\xabW\xf7\xb2\xb33\x91]\xee\xbbt\xe9\xfc\xde\xdb\x9f\xe7\x7f\xd5\x036\xd2P\xb5\x1b\x00U|\xa5:77;;7w/\xbdU\xa0\xb0P\x18\x8f#,\x88\n\x13qI\x95\x12\t\x1a\x8cT\xa2&amp;u@\xad&amp;\xa4\x8dC\xe3\x93(\x14\x90\x96\x80\xc5\xe2\x14\x92!\xfcdr\xde\xb93\xe7\xce}q7;3\x07,\xa3:+\x1f\xb8\xaa\xef\xbeXX\xfb\xe5\x0fK\x81\x84\xb0\xd6\xbe\x8b\xa0\x8a\x8b/]\xc8\xc9\xcc\xcc\xc9\xce\xbd\xfc\xe2\x93O\xd1\x17&amp;\x8b\x0f\xb9@,L&amp;\x81\xc0\x94*}0\x18\x01\x16r\x12T\xa2\xe8\x07\x9fO&lt;\xf4\x15\x8aa\xa1\x10Q\x15\x9ec\xb1\xce\x9c\xd9\xbe\x9c\x99\x93q&lt;##\xa3\xfa\xfc)\x00\xcb\xaf\xbe|\xf7\xc5\xdf\xe6\x0b~\x91\xc8 !L\xde9\x82\xbar)\xff\x02\x9c%#\'\xfb\xc2\x9b\xafY\xf0}\xf3\n\xd3\xd7#h\x1e\xad\x9a\xe7\xc00\x0c\xd7}E\x85T\xc5D&lt;j\x0e\xc4\x8f\xc6\xd7\x1c\x85\x90x\x84\x85vI\xb0&gt;a\xb1\xbex\x03\x8e:y\xe2\xc4\xc9\x93\x97[[\xcfg\xc1\x95\xd4\xd7Z\xbd\x97x\xb6\xf6_5\x86\xb2\xd4\xfb;\xfbGP@\x95\xd5\x9a\xc6\x029\xbc\x80\x13\xc3\xc7T\x8a\x9f\x82\xa5W\xa7s\x80\x82\xc3dV\xaa\xa4*\xc0\xe2\xa4\xfd\x05T|\xa0\x82\x18\x92\x90\xe2\xd1bkDu\x8e\xf5\xf1\xc7\x82\xed\x9399\xc7O\x9c\xf8\xfd\x89\x8c\xd6\xd6\xbe&gt;\xa0\x82\xcfx\xb2\xba\xba\xba\xf8l\xfe?Uc\xb8#\xa8\x1f\x8a\x7f8\x84\xba\x94\x0fX\xc7\x8f\x1fG\\9o\xbe\x16@\xf5\xc4a*@Y\x08\x8b\x9c\xc7A%\xf1\xbf\xeb8\x83\xd06\xd2+\x8e\x9b\xe90\xd1\x07\xae\xb4LFZu\xb0e;u\xe4%\tu&amp;\xd8\xc1R\xc0!\x10Y\xb6\xe2CA\x83\x18\x08[#o\xc2\x9a\xa1\xd8\xabSGW\x83O\xbe\x08w\xf6\xe2C\x0e\xa1\x85^\x04:\xed\xa54\xe0\x83\x0e\xf5BOY\x1a|\x11fA\xf1E\x8b@$\x86u\x1c\xf6\xff\x7f#5\xd9\xb6\xfb\xb0c\xa3x&gt;\xfd\xbe\xff\xfb\xbf\xf7\xbd\t\x19\xdf\x82\x99~\x87\x02\x84\xa5\x08\x05*`\xcd-\xce\x89\xb9\x04\xeb.\xb0\xe6W\n\xc9\xa3\x9e!b9\x8e\xef\xba\xcd\x88\xebl\xb9\x0f\xaew\x00\xfbe\x8b]\xb9\xfd\xf2\xdf\xffxwvv6\x92j\x1fXn\xa0\x14\xb9\xd2Zg\xb3PX\xba5\xf5\xe0\xbe\x04\xb0\xe6s\xd3\x80\xb8q\x8b\xff\x7f\x8cP\xb8o\xc4\x88\xb5\xb4\x04*\xc4\xdc\xb5\x02\xd2&gt;s\x97T3\xe5B\xa9\xd4Q\x86\xa1)Pi!\xb1\xf6\x11\xf5\xfar\xbf\xdfo\xb7\xdb\xa7\xaf\xfey\xfb\x17=\xf5\xf6\x15\xa1\xb0\x83&gt;\xa8\xb2`B\xcb2C\x053\x00+=8\xc2qR^x\xf2\x87\x87\x94\xeb\xfe\xbd\xbb\xf3\xb9$\x8d]\xbe\xc1\xfb\xfe\x1be\x81b\\[\x1cb\xad\xcc\xcfH,\xcc\x977\xe7\xbe\x1a`w\xa4r|\x93b\r\xb9\xfa\xcb\xc2\xd5~\xf3\xf6\xff\xce\x89h\t\xc7\xbd6\xa0\xfa}\xe4\xbc\xbe\x0f\xa2f\x1c\xe1\xda\x81\xe3@/\xb8\xb5\xbb\xbb\x98\xcc\x01\xeb\xc1\x83\x87L\xe3ub1W\xd4\x0c\xf1\xfbi\x8e24\x96P\x95\x92PK\xa0@\x95+\x95\xbap\x83F*\xcd\x16\xaa,\xa9\xc0E\xc1\xda\xfdv\xabw\xfc\xfd\xfft14\xaag\x9dV\xab\x0f\xa9\xeaB\x15w\xdd!\x17\xe4\x02\x17\xd2h8\xe7\xc5\xb9\xe9\x1bS\x0f\x88u\xff_\x0f\xaf?\xca\x8d\xd2\x95\x14\x95\xc0\x050jU\x14\xac\x9c`- \xb7\xf8\xc1\x8e\xa3\x19\xa0B\x1d\x8aX\xf1&amp;\xb2\xb1/Q\x17\xb9ZN\xab\xf3\xf6\xe5\xcf\xbb\xd8\x95+/\xbf\xeb\xb6\x82\xe6\x90j\'n\xdb.\x91\xb2 sM\x1f\xab\xb1\xdb\x18\x83/\x16\x93K\x0bO\x9e\x08\x17\xb2xG\xb0Xu\xac;\xc0\xe1\x0fjU,\x16\x17wK\x05&gt;\xa08??\xcf\x7f\xa8H~\xd5\x83V\xca\x89\xa9X`\x9bX\xb5\x19\xcf\xfe\x9c\xab\xa5\xeb\x83\xde\xf9\xfb?}\xe0bO?\xef9A\xd8\x84\xa7v\x96\x97\xf7\xcd\x8co\xc7%\\x\xdeD\x1ac\xe2{\xa3\xfb\xc5\xb5\xe9\xf9)\xf4\x04r!\x8b\x05H\xf3\xf9\xe2.\xbb\x01\xb8\x92D\x03V\x91Xs\x82E\xa8\xf2R.\xf9\x97\x9eB\xb0ei\xa1\x19-\x1d\x1fb\xc5\xddx\xff\xe2\xf0\xc5\xa9cY\xce\xa0{\xfc\xfeo\xb7?x\xbd3h\xf9\xbe\xdf\xda\xdf\xc9./\xc7Co&lt;\x83\x8bH\x05\xbd\\\x97i\xc4\x8a\xf0\x97\xd6\xfd\xf2\xda\xd2\xc2\xcc\x94p=\xbc7\x93\xbb\x06\x06\nF\xa4BA\xe4\xfa\x18\x0b\\\xe5\\nz\xba\xf0fD\xc5\x14F\x1b\x16\xb2\x9d\xfdz\xd6\xed\x1fNN\xfe\xe6\x14\xaes\x94\xd3\xea\x1e\x7f?:\xfe\x8e{\x0e\xa8\x02\xd5jf\x97\xebq/H{nv\x07&lt;\xae\xc0\x99&amp;\xd2\x88\x80\xbf\x0c\xd5IN\x97g\xa6\xa6\xee&gt;\xc1Tpo\x0fY,F\x10\x10\xab\x90+\x14\n\x92\xc3\xad\xadbQ\xb0\xca\xe5;\x05\x12\x1f\xb5\x90A\xeeL!\x85&amp;N\x1e\x93\xe7\xbf\x89\x13([_\xbe8\x99\x9c\x9c&lt;9\x8d\xd1\xc2\xba\xaeZ]\xe9\xea/\xbf\xed\x0e@\x15hJ\x1f\\\xd6\xeba\xa0\x19\xa4\xca\xba~h\x02.N\xb9\xec &amp;r\x91\x0b=\xe2\xd6\x02\x87\xbb{\xd7\xf7\x1e\x17JE@lmE\xc6\x17g\xe1\x85\xd5*\xb8\x80\x95\x03(3{\xd4\xd3D+M\x0b\x04F\xa8\xec\x0c\xd1\xb2\x17\x7f\xff\xd5\xda\xe4d\xe3\x04j\xe9z\xcc\xd1Q\xf5t\xd5\xfb\xf3\x1e\xa8\x02\x85\x17\xadAs\x1f\xf9R\x11Uh\xcb\x17\x047g\xc4\x1c\xf8\x02`\xad7\xe5\xf9r4F]\xdf\x9b\x07\x16\xa0\xaa\xf8,\xfeq\x11\xddb\x97R\xad"\xb6\x80E\xf5\n\x9b\xa5\xa4P\xf1j\xcd\x08m:\xcb\xc4\xb4\x84\xc1$\x93\xc9\xc4/~\xbd\x86\xa0Z:\x00\xf0\x89\xb7\x19\xbb\xfd\xf2\xbb\xce\xc0Q-\xb4&amp;\xdd\xb2\xacViT}2\x00\x00\x05\x14IDAT\xd3w,\xe8L\x1cl\xc5\xc5\xf0\xe12\x97\xd8a\xa8\xd1\xaeJ\xb8\x1e\xc1\xc9&lt;\xeb\xf6\x1e=.\xec\x16W\xa3x\n\x12\x89\xeaj&gt;/X\x9b\xf2\xd8]\xa1p\xf4c\xe4u\xcc\x0e\x19[\xb4B\x00\x0b\x03S\x08\xaa\xabk\x9f\x00\x0cX\x80\x02\x83\xa5\xab1H\x85\x84FRY)\x0b\xa2\xe9\x9a\x07*t\x08\xdf\xb7\xb3u0\xf1\xac\x17{)\xd91\xf2\xd8z\x8d\xd9i\x0fT\xc0\xda\xdc%\x85\xc4o\xf3\x14i\xabZ]\xadT*\x9f\xadn\xecn\x166WV\x1e?\xfe\xf3\x8f\x9a\xe3D\x0e\xf0MI!\xf5\xa2Z\xe3\xde\xd97\xb0\xd5\x1a\xb9N.\x15\x95\x11\xb01\xb8JI\x97#U\xca\xb2\xb4\xb4\x17\xdaqP\xf9\x81\x17\xe2\xab\x1b\xfa\xa0re\x7f\x01\xbb\xb4\xb4\xaf\xd6k8\x8bX\x8fWJ\x1b\xab\xf9J%\x9f\xaf\xcc\xd6jB\x03*\xbcP\xc9\x13kH\x15\xc4h\x18R\x89\xcd#2p%\x12}\x98\xfd*\xb9\xd6&gt;9\xbcDW\x8b\xb0Rc\xad\x98\n\x0c\xb1#\xc0\xc0e$`D\xf8\xdc7\x80\x07\xb1|\x1f\x0ec)Cu\xdb\x18a\x81\x8b\xc6\x12\xb16\x081\x8b\xa8moo\xd7\xf2O\xab\x11\xd7jU\x1e\x06\\\xb9\x13i%\xd7y\xf6\x7f\x82\xcbe2m\x96\xe0\xa4\xe8\xb5vxih\x82\x05q\xc6p\x06\x07R\xba\xc8\xbd\xa3\xa7,\xcd\xf3\xfd\xf8N6Lc\x1e5wv\x90I\xdf6\xddh\x8bf\xc6\xe0d)`\xc1kyDq\xb3\xb4Q\x85P\xb3\x95\xfc\x08\xab\xca@F\x89\xb5[*m\xae\x90\x8a\x9d\xc5\xd0&lt;\xb8)c\xcbG\x82E\x98i\xa3]}\xdah4\x04\xec\xe4\xd20\x1cf0\x95J\x8d\xb1:0 \xc4\x98\xfc\x18\xaa\x00\'\x9f\xbb\x93\xb5\x03\x8c\xa3\x99\xec\x8e\x1b`\x87l3C\x9b\xfa\xd0\x8b\x1f@k\xbd\xba\xb3"\x8f0\xaf\xe6E\xab\x08k\x164\x1bT+\x0f\xbe\x8d\x8d\xdd\xc5\xcd.\x9b\x91\x1c;F"\xc1{\x02\x1a\xdd\x93\xefH\xd5h\x1c \x1a\xc4:5\x8c\x98%\x91\x1a\x13\xa6\x98\x1c\xa0`\xd3u#-4N,\xedev\xe2\x81\xa3e\xec0\x8c\x1c\xc16\xe3iJ\x0c\x06\xa7\x0c\x8e\x92\xa5\xd2\xae$l\x16`\x94\xab6\x9b\x07\xcb\x86X\x1erU\xab[_v\xd1\x1f\xb9\xb4n)\x8f7=D\xc3M\x06\xbfi\x1f\xb2]\x1d&lt;G\x90\xeb\x9bS\xecXJQ\x87Z\x9c\x15\xb1\x9f\x98\x8a\xfce$\xe2\xa0\xb1R\x9a\x11\xb8Y\x1f[\xf4$@\x94\x91\x1d\xa6e\x07\xd2Y{\xe7\xc5\xadj~\xb62\x14\x8b!\x1a\x91t\x82U\xb0\xba\xfay\xd7\xb1t\\\x807\x8b\xa5I\x95\x1eO\xb0\x00\xc1\xe5Q\xabI\xe1\xfa\xfa\xf9s`}\xfaN\xc1\\\xba\x80\x8d\xa1\xa9\x92J\x91\x0b\xad\xcb1\xa8\x91\x9eB2\xfd\xac\x198:]\x81\xa3\x10kq\xb3 3\xd0]x1~~p\x0e\x80\xdaG\\T(\xa2\x9a\xa0^\xf9\xa7\x1dz\x98\xbd\'\xe5\x8cS*`y\xb4\x16\xbe6_ q\xe4:8\x88\xe4j\xbc\xc3\xe0\xe3H\xfbL\x8d\xf1Mb*\xc2\x82\xb7\xf4\xc0\xcc\xfaN*\x85V\x16\xe77\xd2uc*\x9d!\xd3x\xc4\xe5\xf0Ey\xb9w^\xb9YC\xea\x90\xbf\x91V\xacC&gt;\xe6\x06\xac\x89\xcf:\x03\xf6\x1c\x9a\xc5I\x13\x892E\xc2{\xcd\x17\x8da\x11\x8e\xd2\xd8\xb8h)Cqe`Y\xb2\xbe\x92\x83\x18\xa0N\x18w56\n\xe0\x85\xc0\xb3\xe48@\r\x91I"1nX\x11\x17\xae\x18\x9cO\xac\xa3\xfc\x84L:*\xa0\xf8\xe0):\xd8\x04\xa9XU\x0c\x87\xb7\x9ai^\xce\n\x07\x17\xb5\x1aR5D.\xa4\xf1\xc2\x87o\x1d\xe1\x1a\xd3%\x89\x0e\xb1\xe8\x00\x15\x9a\x01;\x87ag\xe3\xc4K\xf1\xef\x95!\x19\xe0~\x85K\x93\x13B\x971\xa4\xf3\xed:\xb0\xb6\t6\xec\xf5\xf9\xca\xcd\xf5\x1a\xa8\xfe\xdaq\x06C*]\xa8\x84\xcb\xf3\x88\xb5\x7f8\xf9\xdfX\x07\r\xf6S-&amp;;\xa6\xb7\xc4\xf41\xe9\xa7V\xcb\xa6F)5n\x9a\x1e\xbe\x19 \xc5\xc88\xdc\nSD\x15D&lt;M\x8f,\x83k\x9d\xee\x0f\xfc\x05\x15\xdb\x1f\x04\xabL\xac\xaf\xd7&amp;&amp;\x8e\xe1\xf6!\xd5\xc0\xa0\xd7#.\x96Of\xffP\x0e\xe7\x11\x95`=o\x9c4\r\xc5Zt\x88%H\x82\x85\xb7I)\xdb\xc7bz`\xe3\xa6UVD\x86q\x8bH,)\xec4;N\x02C}*J$\xa6\xa3\xdeym\xfd\xd9\xf6(\x95\xe8\xac5&gt;\x06{&gt;\xe0\xae\xb8\x02\x0c!}a\xa8\x16\xb6\xd7\xbc\xb8\xba6\x19\x8d\r\x84\x1a\x99\xeb\xa4\xed\xa1%R\'},\xea\x0f\xd2L\x1dlO\x85\x815\xb0T\x06\r5\xda\xab\x85\x19&gt;\x1d\x95PT\xd7&gt;\xdd\x9f6\xa2\x11\xc4\xe1\x18B\xc1\x9em\x0f\xc9j7\xb7\xb7\xd7)\x95\x9e\x1ai\x15\xe0\xa4\xf03\xbe\x97\xe6\xd6\x12\x9e\xd7\xbc\x10&amp;\xe1B\x8b\x1f\xc9u\xf0\xf5Y\x02r\xb1\xa7\x13\x8bV\x17\xb54e\xa5\x02_a\xae\xc09\x1f\x8cl\x01cE\xb6\xf2\xe8\x0f\xbcE\x18q)\xd6\xb0#\xf9W\x83\xce\x0fh\xf1\xd1\xef\x1b\xc1\xf9s\xdc\xd1cC$|\xa8 \xbc\xbc\xbc\xc4\x91\xefq!\xcf\xff\x88j\xed\xe3$&gt;o\x9c\x85\xe9\xe1\x1d\xdbO\x9a\x9a\xc6\xcdq\x0c\x02\xb8\x00\x00\x00\x00IEND\xaeB`\x82'</t>
        </is>
      </c>
      <c r="M436" s="3" t="n">
        <v>45492.6784375</v>
      </c>
    </row>
    <row r="437">
      <c r="A437" t="n">
        <v>1087399</v>
      </c>
      <c r="B437" t="n">
        <v>1961</v>
      </c>
      <c r="C437" t="inlineStr">
        <is>
          <t>John Kennedy</t>
        </is>
      </c>
      <c r="D437" t="inlineStr">
        <is>
          <t>John Kennedy</t>
        </is>
      </c>
      <c r="E437" t="inlineStr">
        <is>
          <t>CA</t>
        </is>
      </c>
      <c r="F437" t="inlineStr">
        <is>
          <t>ATA</t>
        </is>
      </c>
      <c r="G437" t="inlineStr">
        <is>
          <t>CA</t>
        </is>
      </c>
      <c r="H437" t="n">
        <v>181</v>
      </c>
      <c r="I437" t="n">
        <v>9</v>
      </c>
      <c r="J437" s="2" t="n">
        <v>37393</v>
      </c>
      <c r="K437" t="inlineStr">
        <is>
          <t>Right</t>
        </is>
      </c>
      <c r="L4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a0def3f-78b5-44e5-93d5-670a2e9bdd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af\x84\x06\x00\x00\x00\tpHYs\x00\x00\x0e\xc4\x00\x00\x0e\xc4\x01\x95+\x0e\x1b\x00\x00\x03\x00PLTE\xff\xff\xfftWK\'\',,+0yVG\x91aNvZN\xff\xff\xfe\xfe\xfd\xfd\x87]L\x8b`N\xbe\x98\x85\xb4\x8cz\xb8\x8dw}ZKnOB\xb6\x89u\xb8\x8f|sRE\xaf\x85r\x97fS\xb5\x87q{]P\x95dO747\x82\\L\xf2\xf3\xf8\xa5s\\*GH\x82gXoRG405#CD\xbe\x9a\x89\x91dT0.2\xaczb\xa2oY\xf5\xf6\xfa\xb1\x88u\x9aj\\\xae\x80o\x8c^K\x87dR\x80/B\x90kW\x94l\\\x83aS\xfc\xfb\xfbrSK\xf7\xf8\xfc:gi\x7f_P8cd\x89h\\\xc2\x9e\x8c96:\xf3\xf3\xf5\xba\x95\x84/0;\x83YH?lm\xc6\xa1\x8d\x8ek^$#)\x96hY,.8\x9diT|aV\xba\x91~\x8ceS\x9e=G\xf8\xf7\xf7\x90nd\x8ciV\xf3\xf1\xf1\xaa\x83v\xa2q_/TP\xa9|l\x97mZ\xee\xee\xf4\xaf\x80g\x9do`-MMcJE\xb3\x91\x82\xaav_\xbe\x94\x7fv\\U\x90f[\xb0\x8c}\x9eCI\x88gV),6\x9es]\xc7\x9a\x84\xaf|e\xc2\x9c\x87\xa6vbm(:\xa8\x81o\xae\x89z\'(2XDB\xc1\x90|\xbe\x8cv\xcb\xa4\x90\xa2td\x9dnZ\xb3\x85l\xa1zoM&lt;;\x9bzl\x1e&gt;A@fe5XV13&gt;\x80\':\xa2\x7fr\xb2\x80k\xa8yf\x94qg\xb8\x93\x80?&lt;?\x83bY46@\xed\xeb\xedx+&gt;\xc9\x9e\x88\x87/?mWQk/?9^^[KI\xa2x_\x8b^V\xa8\x88|\xbc\x88pJ?@\xa4\x83v\xa8LOA79\x9bui\xbc\x90z\xea\xe3\xe5\x97&gt;E\x957D\xe4\xdf\xe1=24w"5F53DBI\x8f6@\xa2yh\x97u`iPJ\x94vhaQP\xc4\x96\x80\xe5\xe6\xf0QEC=&gt;G?\\Z\xaanr\x9dyc\x90r^W&gt;9\xa3~h\x88pa`D&gt;\x9a|q\xa9r[VWX\xd5\xc2\xc299DxSPjHF\xd1\xce\xcf\xc5\x94{\x83j`3PR8-.\xca\xb5\xb5\xb0\xaf\xb0iZZc=2OJN\xa3HK0(*\xdf\xe0\xec\xaeu\x7f\x89id\xb1SXJqq\x1e\x1d#{e_\x8a&amp;6\xdd\xd8\xd8lG&lt;\x89tl\xcf\xab\x9aBuy\xd2\xd4\xdaZ4,\xde\xce\xcf\xda\xde\xe4o\x88\x88a"2\xb4\xa1\x9b\x90+;\xb9\x82i\xe8\xd9\xd9_^aigl\xa2lkqa^\xe9\xeb\xf6Fbb\xc4\xc4\xcdGFNTNS{Q@v&gt;K\xbf\xb0\xaa\x93yp\xbe\x82\x85\xd6\xb4\xa5\xc2\xbd\xbf\xab\x94\x8c\x8dQ]\xa7\xa4\xa4\x98d`\x95[b|jh\x9b\x9c\xa0\x82\x9a\x9e\x98\x82z\x9dem\xb2\xba\xbf\xb8lr\x8c\x87\x8aYw{qps\x86CQ\x7f|\x7f\x98\xab\xb2\xb6\x8b\x9b\x9eOR\xa0\x8c\x8a\x82P]\x94\x93\x94\xbc\x99\xaa\x8fUG\xcd\xa1\xa4\xa3)9\xda\xd6\xa3)\x00\x00 \x00IDATx\xda\xc4\x98\xdfK\x1b{\x1a\xc6O\x93m\x19\x8e\xf6T\x8f\xd5\xce\xa1\xe4\x0c\xcd(FJ\xc7\x08e:i\xc0\xfc0-\xa6V*\x06\xb5\xb1$\xe2\x8aF\xd8\xd8\xd5\x8bP\xb5I\xbc\x08\xc4\x96\x94\xf4\x14\x94\x1d\xb4\x06\x12\xd0&amp;\xa7\x95\xb4"\x92\x12\n\x05\x8b\xdd"\xec]B\xa1\xf1\xe2\x80\x8b\xcb\tK)\xe2\x957\xfb\xbcc\xf7?\x18\xdb\xd7\xfc\x98;?&lt;\xef\xf3}\xde\xf7\x9b\x1f~P\xa5\x98\xa3\xd7Q\xfd\xf0\xbd\xeb+\x05\xd3&gt;3\xf3d\xce\xd4\xf1\x04\x9f3&amp;#\xf3\xdd\xa9\x8cFc\xbbif\xab\xbc\xbf_&lt;(\x97\xcb\x87\x87\x07\x07\xe5\xdd\xed\x0e\xe3\xf7S\r\xff\xd7\xd8\xde1\xb3\x9d\xfb\xb2_\xc8K\\pguug\'\x1f\x94\xe4\x9d\xc2\x97\xdcVG\xbb\xf1\xbb\xa8\x06\xaa\x99O\xb9\xc3\x83U\x89\xd7\xf2AI\xcbKR0\xc8\xf2&lt;\x1b\x94X\xa9T\xdc\xdb]{bj\xff\xd6\x8aA\xa9\x8e\xb5\xc3U\xd9\xec\xf3\xd9\xcdv\x9fY\xd2j\xb4Z\x9e\xe5\xd9\x94\xc4i4ZN\x92W\x0b\x07{k\xa6o\xdbJ\xc6hZ\xfb\xb2\x9a\n\xdb\xbd^\xbb\x1d\x1f\xe1\xb0W\xe3\xd3\xf0AN\nj\x01hg9\xa8\x16\xcc\x1f|\x9e\xf9\x96X\x8cq&amp;W\x08\x9b\xc3\x01\x1f\xb0\x02\xf6@\x18O\x1a\xad\xd7\xcek\xb5Z\x9f]\xcb\xf3AV+\x05%)_8\x9ck\xfff\\L\xc7\xda\x97\xbc\xd9\x1e0\xdbI+s\xc0l\x0e\xdb\xad\x1a\x00B(\xe0\xa1\x02\x1a+\xcc\x16$\xc1&gt;\x99\xbe\x8d`\x8cqn\xaf\x90\x05P\x18=\x04\x90\xcf\xee\xb5\xfa|\x9b\x9bV\x1f`|Z\xcd&amp;t\x03\x15\x9d\x80\x14\xc0\n\xbb\x1d\xc6o\xe2\xf5\xb5\x03\x19\x02\x99\xa1\x927\x10N\x85}V\xeb\xe6\xa6\x17o\xab\xc6\xaa\xbc5Z\x8dU\xc3\x06y\x8dFB\x05\x0b\xe5\xadco$\xc3\x98v\x8bft\xce\x1c\x00\x95\xcf\x9cE\'Aa%\xb4\xcd\xa3o\xabO\x03\xfb{5@\xa4\xc3\xc9\xb1r!7\xc3\x1c3U\xfb\xe7Uj\x9d\xd9\x0b.\xaf\xcf\xea\xc3[\x0b]\xacx\xe1A\xab&lt;\x91\xc3\x80\xa9\xe5x\x9e\xe3\xb4H\x8b\xd5\xf2\x13\xe6x\xa9v\x8bY\x9c\xc0\x00\x1ce6Sby\xed\xf0\x11\xfe7\xff\xe6\rO_@\xd4\x10"&gt;x\xa2\xa4\x03\xc0\xb3\xf9\\\xc71\x1a\x9f1n\x17\xb3\x81@XQ\xca\x07$j\xa7\x1d\x81\xc5\xce\xcf\xcf\xc7\xe3q\x96\x958\xee\x08L\x91\x10~\xb3*x\xd2\xfe\xda\xf1a1\xcc\x93/\xa90B\nY\xe5\xf3i \x18b+\x1c\x80\x1e\\\x9cj\x9eC\x99)\xbc\xa8 \xd4W\xe1\xb4\x1c\'\xef\x19\x8f1\xafr%\xb2\xba\x19\xa1\xee%\xad0z`3\xb0\xb0\xec\xfcx\x0cj\xc1K\x92\xc4\xf1\xdc\x91\xa78\x9e\xc8\xb4&lt;\x87\xd0?8\xae\xf8\x82\xb1r\xab\x01\x9a6t\x08\xe9\x9bL\x96\xc5`\x0eJ\xdc\xc6\xfcQI,\x0b\x06\xb8\x89%@\x9e\'\xe9x\x12\xb18w\\]4~\xda\xcfz\xbd\x1a\xa2\xb2\x13[8\x9cM\xc9\xf9(jt|&lt;\xfe\x8f\xb8\xe2/I".\x9e\xe8X\x89\xe5\xb4\x1a\xf8\x9et\xdb\xd9{r&lt;m4\xae\xedg\x11UV\xc4(|nF\x92\xca\xf9D\xc4\xedh\x0e57\xd7\xbdly\xd5\x038\xa5\x92\xe3q\xc2Ck\xa9\x8dt\x18qF\xd9\xfd\xdc\xdc1,`\x8cqk\x1f\xad\xf3Y\xbdH\x07\x9a\x84Y9\x9ap;B\xfd(}\xbf\xcdf\xd3_\xbf|\xe2\xc4\x89\x96\x96\x96S!\x87C\xe7\x88$\x921\xb8\x0c\xc9ut\x04\xb8\xd2\xfe\xee1\x84=\xd3Q\x96q\xf2\xa8y\xe4\xac@0\n\x9d&lt;\xc4Ce\xe82\xb8\\]\xc0\xbb$\x08\xae\xf4\xf0\xf0\xcd\x91;\xbd\x8f2\xaf\x93p\x17\xf9]\xc9.yo\xc6\xa8\xb6\xbf\x18fn\x9f\xe2\nH4\r\xb3\xc9\x84\xbb\xf9A\xbf \x08\x06\x03^(W\xa7\xdf\xefr\xb9\x06\xfc~\xff\x14\xb8jFz\xaf\x02,\x92\xe4(T\x95\xf3(a\x06\xa9\xdcF\x9c\xc2\xbd\x12\xad2t\x02\xbd\x019\x11q8B\xd7\r_\xcb\xe5\xc2\xab\xd3?45\x84\x9a\x05\xd8\xc2B\x1a\x82\xdd|4\x91q\'\xc9^\x94\x13\xd8s\x8a\xdbjc\x19?\x15\xc8\xe7J\xb6\x07\xe4H\x1d\x8c\xdeo3\x18l\n\x94\xcb`\x18\xeb\xec\xec\x1cR\xaa\xb3\x13\xcf K\xa3\x16WDw\x92\xd5*r\xf1\xbc\x94\xdf3\xa9,\xd6L\xb9\x14\x08+X\xdep\xde\x1dB\x03a+\x05\x89z\xa7h6\xa6\x80\x01ol\xa0s\x00\xcd\\^^^\\\xb1x\x1c\xd18\xa7\xa4\xbdV\x92\x8b[*c\xad\x15\xe5,\xd6\x06D{0\xea\x10\xc5\xfe~r\x15\x98\x16\x16\x80\xa5\xa8f3\x00\xeb|\xc3X[\xdb\x18\x15N\x00\x9c\'x&lt;\xa2\xe3i\x92\xe6\xa3\x15]\xcc\xab;\x82\x18c\xae\x94\rc\xea\x80*\xe1\x10-\xff\xc7\xf2S\xb9\x0c\xb6\xb36\xc3\xd9\xb3\x90\xeb\xfc\xf9\x86\xb6\xb3G\xa5\xd7_\xbf\x81\xf2X,\x16\xdd\xa9(\x8b}\x07\x97\x0ey\x7f\x8eQ\xd5\xf0\xe5\x14R\x1d\x81\x15\x8b\xb8C\xa2\x85\xc2Jp)X\x04\xa5W@\xda\xc6\x1aPmg\xcf\x9d;w\xf2\xa4\xfeG\xd4E\x8f\x07X\xa2.\xe4x:N\x99\x8aMuMM\xb9\x18S9\x15F\x13}\xd2S\x07\xc4\xb2X(\x1a\x04\xa1\x1f\x8e\xb2\xe9O\x9e&lt;y\x8e\xa8\xda\x00u\x9e\xc0\xda\xda\xce\x9d\xd3\x83\xeb"\x95G\x14u:\x87\xce=J\xd3\x92]U5R1\xa4KY`A\xac\x10\xc4\xb2\x08\x16A\xf8\x8f@\xf1\xae\xd7?\xd0\x9f\x84Z`:\xff\xb5\xfa\xea\x87:a\xae.\xe1\xd2%\x0f\x15\xb8\x1c\xba\x8c.\x81K\xa4D\x91\xaanj\x85\xd1\xc4@\xd2-\x92X\x82S\xe8\'\xaa\xebz\xbd\xdef\xb0\xa1}\xa0\xe9\xeb\xab\xaf\'\xa8\xc1\xee\xee\xa6[\xb7\x86\x87\xd3\x0b\xcb+\x16\x11P\x90K\'R\x82a\xd78T1Qq[U\xd6\xbf0\x9dB\x0b\x95@\xf6z\xf0\xe0\x01\xe6\x8e\xe2\xa8\x17/\xc0\x84z\x81\x87\xee\xee\xbbwk\x1b\xab\x1a\x1bk\xd2\xcb+\xa2\x98!*]f\x1d\x01\x06w\x15\xd7LF\x15\xc7t1\x9cE\xc9Q\x87\xc5\xe9\xb48\x89\xac\x1f\xd1%`\xe6\x0c\xf5\xf5\xbd\xa0\xea\xab\xc7_\xdf\x8b\x86\x06E\xb6\xee\xbb5\x8d5\xc3\xe9E\x8b\xa8P\xad\x8bp\x17\x0b\xd7\x07\x0f\xd5\xdb#`\xad\x9d,q\xc9\x89u\xe74\xb8\xa0\x95\x88?\xe4\xd6\xd0Tw\xf7 U=Q\x81\xaeAa\x84\xc5f\xd1\xc7\xe1ep\xc1Y$Y]\x94\xe66G\xa6W\x89\x0b\x19\xbf\x93\r\x84\xb3A9\xe2\x9c\x9eV\xd4:\xa2r\xf9\xa7\xa6\x9a\x9a\x9ajjQ\x93@St\x83\xb9\xea\xfb\x88\x0b\x83q8\xbd\xb4"\x92\xb32\x08\xaf8\xed\xd2\xc1/\xaa\xad\xa9\xb8Y\xc0\xf1\xd9T*\xba\xbe\xe4T:(R\xd0w!\xe4\xe1\xed\x9a\x91JTuu\xd5$$\x1b\x1c\xec\x9e\x04"\x86\xf6\xec\xec\xac?=&lt;r\xe7\x1e\x81\x89\x19\xa8\x15\x03\x16\xcb\x16\xb7U\xc3\xfa\xd7~*\x1bN\xa5\xe4\xd7\xd4B\xa7\x13P!\xbc-\x02\xa4\x9b\x9e\xb8\xf7\xf0!\xb6\xab\xab\xf7\xaf\x9d\xbe;88Y{\xba\xb6\xb6\x06\'1\xbd\xb0\x80\xa18\xf1\x08{\xd7\xc4\n\xf4\xc2b\x98\xc4\x1e\xcdr\x85O*\x99\x8ba\xb6\n\xa9\x14\xf6\xf6\x9dw\xd3K\xd3@\x01\x95;\x92H`\x89O&amp;G\x13\x89H\xc4\xfd\xf6\xd1\x9d\xeak\xb7O\xd7NNV\xfdV{ka\xd1i\xc1\x8a\xeap\xbb#n\x9dsi\x82\xb8\xb0\xb0\xf6\xd0=\x92\xdd\xc9\xa9\x95\xa8\xcc6\xb0\xc0\x95x\xbb4\xf1\x18]\x14\xdd\xd1\x18\n\xdb\xba\x19\xb7\x08\xdc+b\xc9\xc8\xdb\xe1\xea\xdb\xd50\xd8\xdd\xaa\xa9Ku=X\xe7\xe776\xf8\rn#\x1e\x8bF\xdee2\xeb8\x8e\x91\x18\x05})gT\x13\x0bj\xbd\x06\x16\x1c\x1f\x8a\xc4\xe2\xb1\x98L\xbf\x91\xd2\r\x91\x8d\xc7\x93\xd1Dd\xba\xea\xda\xe9\xdaA\x9cL\xe1\xd7g07\xffF\xf9\xa1D\xc3o\xcc\xc7\x92Q7\xa5\x84\x83\x06\x90$\xe7\xd4\xfa\xad\x97\xd9*\xca2\xee9\x1f\x9dK\xd3\xa4\xd5h\xf2\xe3\xbb?\xff\xfc\xf8\xf1\xe3k\xead2\x99\x8cF\x1c\xba\x89\xc6k\xd5\xb5SX\x00==\xe3\xf1\x8d7ox\x9ed\x1c\xa5\xebZ26\xae\x80=\xa5.\xe6wU\xc2\xc2\x1d\xff@.\x95J\xb0\x16\x1c/\x86\x9eF\xfe\xfb\xef\x87\xbd\x0fGz\xef\xdc\xbc\xf7\xe8\xb1\xf3-l\x14Z\xba7R]]\xd944\xd6\xd5u\xf1\xa9r5\x1b\xed\x89\x84\xc4\x95ELt\x8b.\x12\x1d\x8f:\xd63\xe8"\xc6bN\xbd\xdc:$\xac\xc4\xfa4\xa5\x83\xdb\xfd\xf0\xc3\x95\xab\xf7++{+\x1bk\x9a\x16\\\x82`\x13\x16\xd3\x95\x15\x15\xf7+o\x8d\xd9l\xc2\x8d\xcb\x97\xeb._n\xf6X\x16\xfd\xfe\xa1\x01\x0c\xed\x81\xc5\xc7+\x91\x1ewfIY#\xe4=\xd5,o\xda\xcb\xcbr\x9e\xe2\xc1\x02\xb5\x1e~\xf8p\xa5\x02u\xe1~\xe5\xb0\xdf@\x9b\x95\xbe+]}\xe1\xaf\xb7\xab\x9a:\xb1\x92^\xf2`\x9d\xb9!\x08\xfe[\xa8\xf4\xd4\xec\xc0\xc0\xc0\xf2\xf2J\xdd\xa9\xcc\x1f\x99(a\x95;T\xc22b\xf8\xc8\xa5\x1dX\x8bBk\xe2\xc2\x87\x0f\xad\xad\xad\x15w\xfe\xfe6\x14z\xd9\xf2\xf3\x99\xf7?\xffr\xdd_]Qq\xbb\xaa\xbb\xd3f\xbbt\xf1\'\xd4/\xcd\xcd\x17i\xa4\x0b\x03\xb3\xb3\x0b\xcb\x8b\xcb\x8b\x9e:\xf1\xf9\x1f\x11E-\x93Zj\xb5\x7f^%\xac\x7f\x02k\xfaqo\xeb\xdfZ[\xaf\x8c&lt;\x16_\x8e\x8e\x8f&gt;{\xf6\xfb\xb3g\xef\xcf\xfc$4VT\xfcV[\xdf\xd0\xa6\xff\xf1/g\xde\xbf\x7f\xff\xeaU\x8b\xdb\xdd\xd2\xd3s\xe6\xd7\x13\xcd\x80\xeaBk=\xcf\x9fGpzK\xea\xe5V\xfbnA\xc1\xfa\x1fkf\xff\x92\xf6\xde\xc6\xf1\x13\xb7\x95\xf6`fO\x13\xa9QG\xe9\t3!j\x0b\xb1EM\xca\x14\xc5\xe1\xec\x01\xf1\tE\xbf\xe6\xd3O\xa9%C\x82j\x16\xe9\xe0\x16\x0f\x9a\xc9\x0e\xcb:\xd6\xc2f\xd4\xc9\x88\x05\x1bY\x9c\xf6C\xb4\xb3\xed\x97d\xa3\x9d\x9b\x9dnv\xdf\x8cq~8\x8c\xe0\xbe&gt;\xdfv\xff\x05v)\xe2o\xbe|_\xd7\xe7\xfa\\\xef\xeb\x0b\xbd\xd4\xae\xaf\xed\xe8\xe8\xe8\xb4\xf7rd\xb6\x00\x1c\xb8\x80\r\xc8\xd2\x84\x99\x10\xc5\x0f\xfd\x81n\xce\xe5RS\xc7\xa9\x92\x04\xb4\xd2\xa9\xe0\xd6V\xc0\x16\x97q\xd8,\x81B\xd0\xac\x88|\x1e\x9a\x98\xb8\xb1{\x8dX\xcf\xbe\xfe\xb4{\xb6s\x18\xf1\xd9\xeb\xc7kk;\xee\x87\xdb\'m?\xfdx\xeb\xe9\xcd;\xb7v\x16\xe3\x08kF\x0bW!\x83I/GX\xf1\xa1^\xce\xe4\xd9\xcd\x1b\xffxqgk\xde \x93\xe547\x83\xdb\x88\xcc\xbd\x9b\x98\xbfq\xf6\xf1\xda&amp;\x9bV\xb8\xab\xcf\x16w\x0eW\xad\xba\xf1\xc2\xda\x8eZ}?gy\xf1\xcb\x9b\xdd\xa7?\xde\t\\\x1c&amp;6J\xa8\x04\xaeY*u\xc8\x99\x0c\x11\xa9\xe4\xf88\xce\xd9\xd8\xf9\xf2\xf5\xe77\xb7\xee\xfc|\xb6\x1b\x08\x1adm\n\xc0\x8a}~9;q\xeb\xf7\xeb[WB\x87\x00\xb1\xde\x1d\xae\x8e\x95uvt\xf0j\xf5\xed\xcb\x86\xbf\x9f\xfd\xf7\xe9\xcd\xbd\xbd\xf9\x8b\xfd\x04\x87\x93 \xd0\x1a\x18\x0e\x0bC^!%\x81Z\x90\xd7\x0f\'\x7f\xdd\xba\xb1\xb7\xb7\xfb\xf5\xc2\x10\x08\xca*\x01K\xd0\xb5\xba9;1\xff\xf5\x9f\xf9\xf9\xd77\x07&gt;\xbd\xc2\x82\x1c\xf2x\xf7\xc7z\xe3\x1b\x87\'\x7f,\xce\x07\x02\x06NMI\x82\x0c\xf3s\x83\xd3\x01#\x17\xc5\x92K\x80C\xb0\x1c\x1f\xfap\xf8xook\xf6\xe2\x97\x05\x9bM\x96\xd7,\xe8\x12\xb0V7\x1fOL|\xbb}}\xc3&lt;\xb8\xea\xb3\x9d\x9d\x8b\x0fce\xe3\xb5\x1d\x9dB_;\xda\xb5\xb9\'7d28r\t\xf6\x0c\x0c\xd0"\xb5\x03\xb8\xb0b3\xad$\xbe\x1c\xe7\xb8\xddC\xb2`0h\x18Z\x88/C\xc3oS(\x04]\xf6\xcd\xc7\xb3\x8f\x7f\xbdF\x8f\xf1\xc3\x83oOq\xac\xfa\xce\xc2R]\xc8\x19\nY\xe7\xac\xae.we"\x91\xa0\xd1@\xab\xba\x06\xa7\xd4\x02E\xef\xf7H\x0b\x08\xe9\xe58\xb5\xb22\xb1\x01\xb2\xc57\x16 j89\xa8\xba"\x80\xb5\xfb\xf1\x1a\xb1\xc0\xed\xff\xbe\xf3\xee\xe2\x83\xb5\xfenq\xa3\x16\r\xcabq\xc8\xd7\x82\xcc\x0f\x1euf\xad\xc3\x82\'\x91W\xcc\xa2Q\xd3\xf1\x1229\x91\xa8\xd9Hopr*!\xf2r\xf2\xd8\x02\x16\xc2zsp\x8d\xab7\xe2\x0f\xcf\xbe\xee\xec\xbc\x8c\xd8\xcb\x8a\xcb\x9cZ\xa9\x85B\x81\t\xd4\x89oE&gt;\x81\x83-\x17\x81\t\xc3gf/O5]@\xa0B\x83e\xcf\x90\xd84\x086X~6\xba#Y\xac\xc8/S\xb3_\x1e\\\xeb\x16\xe2\xd1_\x08+\xa4+\x03\xb1\x9c\x80\x05\xa6\x02$\xd3\x8a\x00\xac\xbcA$\xf5\x16;\xc0\xfa\xa8\x1dF\xd3Q\xb1\x84F P\t$p\xb6\xf8\x8aD"a\t\x04\xb1X8\xc6\x8a\x1cN=\xfe\xf7@+1\xffZ\x04#\xe6\xe7\x13[\xfb\xbe\xe1Xb1Z\xf9I-\xc5~ \x03\xc1\xb4"&amp;SDWW\xf8\xfdj9L\xf2\xa7F\xd3\xb9G\xca"\x13\x08\x04\xeeLw\x83\xb9\xc7\x0co\xa52\xbc\x84vp\xac\xd8\xe1\xe2\xe2\xc7\xbe\xbe\x81\x07\x08-[*\xf8o\xad\xc4\xbe\xdb\xbf^\xbc{\xe9\x0b\x85\x9c\xd3Z\xad\xd3Q\x81\xf91\xc0jtj\xe9"\xbaV\xeb\xc0\xa2\x14\x86\xfa\xd4{z\xeaMF\x8d\x16\'\x9f\xc0\x05\xae:|[\xc2dN\xaf\xe8\xca\xc0\xca.\xc5b\xb1\xc5\x8b\x83\x83\xed\x93\x93\x93\xf5\x81\xec\x9b\xd7\xa3\xed\xf7\xdb\x07\x03\xbf}y\xb9\tXZ\x91\x16r\xe5\xc5\x8c\x18\x86\x1c\x98|M\xae\xedaz\xa3~(\xabd2\x89yQX\xa6\x0b\xb8\x10MU\xf8\x12\x87\xce(\xd3\x95\xe1\xce?\x16\xc9\xfbpb\x8f\xc5X\xdc\xd8vk~\x96Z=:\x19\xf3\xb9|\'\xdb\x9f7\xf7}!\xb1\xd3\xa9vXN\x01\x0b\xb8\xa0\xca\xe5\xd0\xad\x9c\x8eA\xa3Z\x8d\xa9LG\xe7G*#\xe6\xb5H\xa5\xd3M\xa4\xa6\xa6\xa6\\|\x91#\x97V\xac\xe8*,+K\xe1pD\xa1PpI|R&amp;m\x7f\x9d]\x1a\xf3\x07\xdeKV\xc6\xebG\xeb\x86\xc3\xfd\xfd\x80%\xb6T`\x18\x86\xab\xe5\xf5BG\x80\xbca\x83\xd1\x8aS\xa3\x07\xa0\x00+\x89Y\xd4\xe0\xab\xcd\x88*\xb7\n\xd2HgX\x00\xcb"]Y\x02.V3\x89\xc4RJH\xe9\xcc\xfb\xac\xe6\x08b\xebkkS-\xfc\\\x05C\xba\x84\xb0\x1a)X\x12\x0f\x84\x05\xd5\xe4\xad\xf0F=F\xccstt~~~dJb\xa7\x0c\xb9\\ja4qA,P\x0brh\x81\x90\xaeL/\x81^,\x01\x9f\xaf\x1c\x95\xd4eR\xabY=\x8f%\xf6\x9d7i\xcf\xd7\xe1\x07U\x83+.\x9f\xae\x8c\xe2\x8f\xaa\xf0\x88\x1a\xaf\n\xc9\x8bE\xa3p\xfe\x8e`\xde9:\xf2$\xbd\x0c\t\xbfn\xda"-\xcfpq\xb1\xe4\x0c)\xa2\x92\x82\xf7\x07\xb9\x80\xaa@r\xaf\xae \x93"\xbf\xca\xa2\xdbC\xbf\x1a\xb9T\x1f\xa1\xaa1\x99\x84\xfd&gt;]\xfd\xddA R\xa9&lt;\x1e\xd5\x15\x16\x86\xaaLu^\x98\x17\x0c.W\x17\xaa\x92\x16Zpok\x99\xcf0g2\xa8\xe4\xd7\xe4j\xb8\x94,R\xc64\xe2\x02\xac\x02.?\xcc\xe7\xa6\x8f\xd3\xd9d1\xbf\xf5U\xc3\xa5\xdc\x9b4\xa1\x04\xe9]v\x84\x85\xa0\xae\xe4\xba\x12\xcbh\xf4\x9bxM[/^lU\xea\xee\x16\x87\xe3{/^\x04\xc9\xccr\xc0*\x87z\xff\xae\x16\xda\x94\x00\x97\xa2\x99\xc4-\x90\xf030\xc0\x9ed\xe14\x88\xad\xeb\xb9\x97kj\xaf\x07\xa9U\x14\xb1\x0b\x8b\xee^QE\xa3(\x8bx\x18\x8d\xc6\x8e\xc1\xee\x84L\xb6/\x1c\x11\x8a\x15\x9cxp9\x87_\xc5\xcdp\xab\x98\xf459\xbe\xb4\xc4s8\xad\x04\xa3A"q\xb9|~\xe6\xf88\xf5\xc7@6j\xad_^\xae\xad\x9dFM\xaa\xa4g$\xb2\xaa\x1f\x1f,\xf4@ 2O\xd4\x88\x02\xb0J\x8bJ\x8b\xf4B\xa1\xf0\xa1\xd0\xeakiw\xc3\xfdGC\x97\x0fS.Gj1\xe4Z\x06cZ9\xad\x94\x84\xc3\xcd\x19\x027C+\xc8\x16\x0b\xd4j\xaa\x12#,OR\xba\xe2\xb2\xea\xef\x0ejx&lt;\x0f\xcf\x83\xb3E\xaf\xb00J\xa3\x18\xa0\xac\xae~\x97\xd5\xd7\xefv\xf7V\xe6Q\t\x05\x12\x11C\x8dV\xbcrz\x0f\x13m\xbb\x94\x12V8\xa6H\xa7\xd2\xe9\x0c\tO\xe2\xedl\xb0^u_6\xaeyMG\xaa\xd3\x9e\x16\xc0*\x05,\x13\n\xde\xff\xb90D\xe5s\xf5\x83\xe9\x9f\\p\xb7s\xc0Q\xc88\xe4\xe6\xba\x06\x84%_[\x93\xd3\xcdt:xX\t\xab\x05\xb0\x08\xa9T\xaa\x84\x06s5u\xbb/\x9b\x93\xf8Zw)bb\xd0\x90N\x19\xe1.\xfb\\\xd1\x15\x96\x07\xdex\xd5C\x81U8\xc4!\x97\xdb\x9d\xb7`\x08\xdad\xf0\x81fR\x19\x99/aB\xee\xd0\xb2\x92\xce\xa4kA+\t\x8b\x15\xeb\xaan\x03\x9d\xd2d\xc2\xf1\xf1\xe6A6m\x9e8pry\xd9c4\xa9\xb0S,\xb4o\x9f\x1b)\x84$\x82V\xbc+*\x10\x8bb\x11;\xef\xb5O\x1al\xc1\xc0V\xd00e@\xdb\x9a\xbd\xa0\xac\xad[\xa9\xc5\xa9\xe0Z4+\xcdf\xc0R\xc4\xda\xab\xd9i(+\x02\xf58\xf5\xf7\x83\xec\xba\xfcz\xf7e\xb9_\x05\xc3Arl32\xf6\x1d\xcb\xf4\xbdE\xf81\x10\xcby\xcf-3\xd8\x02\x81\x00Z\xd3\xc0\x97\xbd;\x88\xab\xd9,\xd2j!}t%\xaa\xf6\xab\xa1\xab\xba\x9a\x9d\x02,j\xc915\xcb\xcb\x87\xf8H\x9f\xc9\xad\xa0\xc0i\xc4V\x00K\xdfY\x88\xb2\x88\xca*\t/\x7f1\xa5,\xd4R)\x9b\xb5\xcd\xce\xdbj\xc8\x1c\x88D\x8d\r\xf4\xda\n\xc6\xdbXJ-0)\xe9\xa8\xdc[X`\xab\xbb\xaa\xab\t\x08\x8bP\x92:&lt;\xc8\xee\xaa&amp;\xf6\xbd/ \x89\xb5U=jo\x08\xb0\x1e\x8e#\xb9x\x9a\xef\x19,\xa6\xd4\x8b\xf7\x87d6\x83a!1\x0c3\xf4\xf0L\xdd\xa7n\x9a\x0c\\&gt;$\x94#\x00\x9d`\x08Dj\x81\xddg\xa3\xa7,\xd4\x14\x14\x17!]r\xd2\x97\xdd\xc0\x95O&lt;\xf0qG\x99\x97Uk\x8c\xd1\xcd\xfe\xd5\xb9\x91NM\x87F\xa5A)LBa\xd5\xeb\xfa\x17\xa6\x0c\x86I\xb7\xcb*\x14\x8a\x9f?y\xfb\tb\x86\x8c\xc0\x82\x8fs\x04h\xbb\x85\xc8 \x83\x80U]\xddK\xe6+a\xa4NW?\xcbv&lt;%\x0e\xd4\x92F\x9d\xb9\xa3\xa3\r-\x805\xf6\xb0\xb4PSX\xa8\xd1@\x9f\x1f\xf4\xfb):\xd7\x82\xcd\xb00\xd4/\x16&gt;\x17&gt;\x7f\xf2\xe4\xed\x7f\x10\xd6\xa7\xe1\x99\r[\x10\xb8j\x9a%\x12PK\xd9"\x00\x9b\x01X\xbdm\x82\xf0R\x8c\x9cN?\xcc~:m]o\xe8.\xd2\xeb\x1b\xef\r\xb7#\xac\xfb\x9d\xb5\x1a\rO\x03P\x83\xfe\xd22\xd7\x90\xcd6\xe9\x13\x8aA\xab\xe7BD\xf5\'.\xd70;\xb1`\x0b\x06m\x1c\xbe\xc4\x8cZ\x96\xa0\x99\xddV\t\x05_\xa9P\xb0\xa0\xa5\xb6mgo2\xf2\x1f\ti.a\xe8^CK\xfb\xfe\xea\xdcC\xfd}H#O3\x18\x1d\xd4\x14\x96\xda{\xa7\x0c\xbds\xf7G\xaco\xadOp\xad\xfe\xfc\xd7\xffx9\xdb\x90\xb6\xb24\x8e\xcf]\xb3\xd7\x97\xdc\xc4\xbc\xb4\x97\xc6\x92\x94(c\xb4\xc1\x97\x0c\xa1i\xb2b\x91&amp;\xa2&amp;E\xdd\x90`L\xcb\xce\xa4\xe8\x06\xa66\xcd\xa7\xd4\x97"\x8bEt\xcd\xd4\xb5t(\xccD\xa9\xd0\x1dW\x85\xa0]\x19\xe9\xf6e\xfc\x10\xacC\x11V\x90\xadK\xd9\xaa\xdd\xd6\x8eSt)t\x18\x95a\xd8\xffs\x12a\xd9\xfd\xb03\xb3f\x9f\x1bC?\x14\xf9\xf1\x7f\xfe\xe79\xcf\xb9\xe7\x1c\xfb6\xfb\xfa\xae\xd03\xe5\xb9t3(\x964`\x18\x96\xd6\x19\xcd&lt;o\xd7\x8a\x92S\xa7\xce\x9d\xe3\xe4[\x07\xb07\x9cY\xb3\xd6\xdcW\xdb\\t\xe1\xfc)`E\xa3\xfeN)\xb0\x10\xef\x07\x84\xda\x1eO\xa2\xdf\xeb\rmonoonll\xbc]\xa5\x98^\x9d\x12\xcde\xa8\xb0cc\xba\xea\x12\x14\x87\xd2se"\xc7\x8bZ\xee\x91\x06+\xb3\xe1\xe1\xb5\x9a\x83X\x90-\xf6w\xd4^\xb8\xf8\xdb\x0f\x9ag\xd6\xa3\xfd\x90K_Yi\xa9\xfcM \xd0d\xa8\xe5\xafDZ]!\x10mn\xbce\xb1\xba\xfahuz\x9a\xdeL\x88WN\xf0\x1e\x9d\xb1\xa4\xe1\xd3\xd2\x12\x86e\xd7r\x7fzf\xc4\x1c\xe4]&gt;\x88ub\xa6u\xd6ehz\xff\x8f\x97;\xe6\xd6!\x8d\xd7\x8bF\xd4BU\xc2\xa1\x1e\x1e\x8e\x86j\xe7\xf6\xf6\xf66677\xe9\x07\xdf\x1b}\x1b}S\xd3\x13\x13\xd3\xe2\x15\xd0`\x8dO5\xcb,\xf2\xa2}|\xdd\xfc,;\xbf\xa4a\xc9y0k\xeaeK%*\xe8\x97\xb3[\x93I,ie%\xc32\xb4\xb8BsS\xa6\xa9\xbd\xcdm\xb2\x16\x8b\xaf\xb6\xe9\x8b\xb8b\xbc\xb1\xceh\xac+))\xa9&amp;k\x89\xf6\x85x\xbc\x7fp0\xba4\x7f0\x1b\xb0\x99\xce\xf8\x97\x7f\x8f/;o\xec\xa2n\xf9\xfd6\xbd\xa5\x92\x9e@\x93`p\r\xce\xcd\xd5\x0e\x86B_|\xf1\xfc\xf9sT\x08\x16\xe0j6\xf3&amp;\x13Wf4V\x83\n\xe3P\xe4\x90\xc4\xad\xa1\xf2\xee\xe5\xf9\x1b\x07vj7\xb3\xc6\xe9\xac)\x7f\xa7\xfbe$\xda\xef\xf7\xdal,\x89\xf0\x96RP\x87\x06C.\xbf\xcd+&lt;\xa7(\xbe}\xbb\xfev\xfb\x93"\x14.\xb3(\xf2&lt;\xbd\x10)m(\xa9Fu\xe0!\xd7n\xf7;\x07z\xe9 3\x93~W&amp;a\xc1\xf0\x0c\x0br\x05\x02RA\xdd\xe22\x08\x8eNA]\\\xff\xc4\xed\xfe\n2\xf5a=\x9d\xad\x91k\xccee\xf8$\x9dUFT\xbc\xef\x80&lt;\xf5\xef\xd1\xfd\x92\xca\xa9E\xaf\xd7\x83\t\x8dDe@\xd9*tJ\xf56\xa8V\xef\x16\'.\xdd\xbc4\x86\x05\xd0#\x89F\xa3\xa1\x13#\xb4\x9d\xc1RH\xce\x12E\xfb\x81\xd4\x85\xff\x0c\xe7\xd2$&lt;o\xb1\xd8l@\xa3\xae+ \xb5\xa1\x9f\xb04\xa1\x8f\xa8w\x97M\x8f\xd1&amp;\xe2\xcdiMNu\x0ey\xaa\xae\xae\x8e\x0c\x7f\x0e)\xa4\x8c\xf2\xf6\x17\xe9\xb9\x9dQ\xb3\xb6\xc5&amp;\x1f`Y\x02\x16\xc2B\xbd\xff\xf0C\x8b\x83\xde)\xa1{0O\xa1\xdd\x1a\x93TWU\xe5\x97$\x83\x0e\xff\x18\xcdfpq&lt;?s\'M\x97F\xe2[\x11\xbfWo\xa1\xbaE\xa6\x87\xbb\xa8PH\x1d2uqq\xbb\xbb\xaa\xb9O.Q\xa94\xf9Uh\xfa\xe8\x0c\x0e%\xd0\x08*\xb8\x8c\xe7x\xdfzz\x8e\x9e\xa2%\xdc\x9d\xc4@\xb4X\x92T\x01\x12\x8b\xea\x84Rf\x80\xe5/\x145\xf7egg\xf7\xe5\xe4C\xab\xfc\xa4T\xc622&gt;\x15S\xa8\xf52=\x8e\xcf\xc4\xec\xb8\xe5\xa7$\xc2\xf4\x16\xbd%\x89e\xb1H\x952\xda\xcco?S\x84\xec\xe5\x17U\xe5W#\x8c\xd5u\xc6j\xa3Q\xa31cL2,\xfbl\x9aN\xf3gf\xddx\to\x01L/\x95\xda\xf0\x04\xe0\xb1\x80\xde\xa1\x94\xa5\xdeX\x9e\xbf\xd0\xe6\xbe\xe0n .#A\x19\xe9\xa5\xae\x99\xbc\x85j\xba\x90.k\xa1\x83\x9e\x8d\xfa\xbd\xa8\xa76\xf2\xbd\x94\xb0\xa4R\xa9\xd2\xe1p(\x95\n\x8cF(v\xc6\xed.\xaa\x82V\x80B}\x80Tr\xd1\xcc^\x80\xfb\x16\x16\xd3\x86U&gt;\xff\xd2\xef\xf7v\xdal\x9d$\x16\x9c\xcf\xe8X\xd8\x1c\xacz\xb5\xb9\xdb\x92id\x87\xca\xa0\x95\\\x8e\xf2\xc0q\xbeD\x1a\xd5\xa2,\xa2\xb3\xe9D$\xb1(\x99R=\x05\xaa\xaa\xdf\x15rWA-\xb4}l\x0cjPH\xcdf9\x9ce\xe2\xedi\xc6B\xc7\xe5\x17\xbcD\xb6/TJ4\x9b\x10\xe9\xa8-\xad.uS7J\xf5\n\x83\x90\x92h\xa6y\xda\xe7C\xff\x90N\xac\xc9H\xd4\xd5\x8aL\nB\xa7M\xd9\t*\xda\xc9\xf3\xb6\xfa\xbd\xad\xa1SX5\x8be\x90\xaa\xd9Hr\x99\x99\xd9E6\x0c}\xbco&lt;\xbdX\xe1\xc9\x08f\xecV\x80t\n~\xb0a\xf6\xf1\xf6\xf7G\xfb\xa3\x1dZ\x9f\xcf\xc7\x894\x17\x9aiGE."\x7f\xf2\xa4\xdf\x815\x93^\xac\xc9\xc9p8\x1cq\x91d\xad\xad\xaeV\xaa\xfa\xc0\x9a\x9c\\O\xdc\x1d\x19\xe9\x89\xf1TA15\xb3\xa2\xc0\xe6B\x8e~8.\x11O\xe3H\xec\x0f\x87\'\'\x87\x87\xc3P,\xear\xb9\xe04\xcc\xde\x18\x07\x93\xeb\x0b+#\xa3\xa3\xbd\xbd1\xb1\xccn\x8a\x998N\x17\xd3\xa5\x98\x10&amp;\x9d)\xf1"m\x97\xa3\x18V\xa4?\x02\xbd\xc2\x83\xe1\x10\xd0"\x0b\x89\x99\xf5\xad\xad\xf5\x85\xc4\xca\xc8=:\xa7\x14\x8c\xf5\xf4x&lt;\xb1\x98\'\x18\xd4\x91H\xd0\x0c\x88\x88\xb4U\xf9\x94Z\x11W\x7f\x7f$\x12\tQ.#\xe1\x95\x91\x91\xbb\x89\xc4\xca\xdd\x91\xde\xd1\x01\xba3vm``t4\x18D\xef\x15\xd4\x99t\x8c\x8bQ\xa5\x15k1\n\x8d`\xabVW4\x12\n\x81l8\xd1\xdb5p\xef\xde\xe8\xe8@W\x17\xddT\xa1\xeb\x04t\xe5\xe7\xf3\x9b\xc1\x182GP&amp;0\xe5\xeaL\xe9\xc5\x1a\x0c\xd3\x95\x06\xd8\x1d\t\x84X\xe1Z_\xef\xc0\xb5\xae\x93\xc7N\x9e\xfc\x05\xbbo\x94\x91\x91\xf1\xa0\xe0\xc1\x83\x9bA\x1d\x13\xcbd2\xe9\x92a_K3\x16\xab\x0e^\x8cC\xd2l\xb0c\xa6g\xf4\xe4\xb1c]G2\x18\xd6\x03|\n&gt;\xbf9\xe6Ijd\xa2\xef\\\xfc\xdb\x94f\xac\x10V\x15\xad\x82\xd7\xef%\xc9\\\xae\x96Oj\xb5\x10\xac\xab\xeb\xc8\xaf3\n\n2\x1ed\xfc,\xe3\xe3K\xc1\tOJ#\xc2\xa2\xd0\x99\xc45k\x9a\xb1\xd4\x06A\x10h\xfe\xf1\n~\x83\xfa\x0f\x83\xe3\xda\x1e\x80\xd1\xbd\xbf\x82\x82#\x1f_#\xaa\\\x06\xa5\x82Z\xb9),~)\x8dX\x91$\x16\xb8\x944]\x03M0\xb4\x84\x86g\xec1\xb8\x1eV\xbf\x14\x0c\x06\'\x88JE\xc1\xa9T\xb9),]:\xb1\xe2\xc0\xaaWS\x08J6#J\xa5\x00\xa3-\xdfS\x98dt1\x8f\xc73AT\xc0\xa2A\xa8\xfa\x7fa\x85\x06?\xa9W\xbb\xd4I\xbdXS\x030\xa5\x80T\xfe\xaa\xae\xccl",\x8f\'W\x95\xab\x92P\xfc\x0b\x16\x92\xe8\xcc\xca\xcaL\xcb"\xa3&amp;\x1e\xa6\xadN\xa2B`9m\xa3u\x90T\xea \xae\xdf\x97\x9e\x13i\xd8\xe5\x12\x13G\x9fd\x0e\x1f1,\x8e\xdf]\xecN\xcbm\xf9,4\xcd\x83\x84U\\\x0c.\xf8^\x89&amp;\x95\xb5\x80\x0e\x99\x80\xd6\xf4\xd3:3\xf4a2\xc9\xe5\x129Sk?\x85\xc0\x1a\xdf}\xb5\x16\x9f?X\xb4\xac\xac\xf2\xc2\xc6[\x8f\x97\x06ay\xc8E\\H\xa3\x03]=\xe5Q\xa9\x94ae\xdd\xee.\xa9\xce\xc6\xa2\x02H\x08\x92k?\x85*\xc2\x9aYXX\xd8\xda}u\xc7ypG\xd3\xb3\xca\x1b\x1f&gt;\xfe\xc7\xeb7[\x10\xab\xa5\xb8\xa5\x98\xf2\xa8 wuv\x82\xca\xa6T\x1a0\n\x8a\xdb\xdb\x1a\xf2sr\xb2Sh)\xb5\xd8\x90$o\x01\xebk\xc4\xab!\xe7A\xfc%\x0b\xfa\xeb\x18\xe55yO_\x7f\xf3\x97\x95\xafk\xc3\xa1\x16@\xd5\xb34R\x12I.Z^(\xc8o\xedg\x88\xcb\x98\xad!\xadH,F\xa4bd&amp;^;&gt;3&gt;\xb3r\xf7\x9by\'\xbd\x96\x82\xfd\xff\x97\xbd(z\xca\x0b\x0bo\xbd\x19\xf9\xdb\xc8\x8co.\x14b\xc7\x91\x8aS\\h\xe1):\x05\x99\xa0\x10d\xc5\xedG\xdb\x0eU\xe7h\xe4\x92\xfdH\x81\xa9L\xc0\xf2\x8dkg\xc6\xc7}=k\xc0rZ\xbb1.\x7f\xea\x9eA&amp;\\\xdem-D&lt;\xbd\x1b\xecMhcs\x11\x12\x8b\xc9\x85&lt;*\x84\xe4\x8a\xd1\xa64 \xa5\n\x99\xe2\x97\xef\x9e&gt;\x94\x93\xbdO\xc5\xed\xd7\x08\x12\xcb\xc4\xf3Z\xad}\xfc\xb3\xe1\xc4\xabn\xe2\x1a\x9a\x8d\xd7\xfc\xc4\xfb\x8aYY\xd6\xa1;\x8fo\xe5\x15\x166\xbeFk7\xce\xc5\xe6B\xe4,\xd8\x88\xe2\xb0\x02r\xd9`-\x14Th\xa7\x90\xc9.\x1f=\x9d\x9f\xa3\xc1@$g1\xdb\x83\xe8\x99J\x82r\x8fV\xd5\xacE"?\x1b~Ab9\x9d\xdfm/\xcd\xc3\xfd?^\xb0,\xeb\xf2\xda\xd3\x87\x7f\x05Ua\xf7\x9bX\x8c\x1f\x8fA\xadH\x8b\x9a\x18\x18\x18s\x97^oC\xd9\xa2q)\x93]&lt;z(\x99By*$\x12@\x11\x1b\xa7\xe3|\xbc\x11\x8a\x9dX\xbfce1\xbb\xf3v\xdb\x16\x1f\xfa\xb1mE\x96u\xf1\xdb\xbd\xbd\xa7\x85y\x84\xd5\xb8\x1b\x8b\xf9\xb4\xd3\xa4\x16\xc3\xa2S\xd6x\x0eC.VNe\n\x84A\xdd~:GSQ!\xaf\xd0\xc8+*\xe8L\x99D\x92Jh\xb2y\xd6\x8a\x9cX\xb65\xcf\xa8\ngw\xae_\xbf\xbes\xfb\xfb\xe5\x1f\x0cF\xff\xaff\xfe\xdb\xbd\xab\x7f\x9e{\xdc\x98\xc7\xb8^\xf5\xc4\xec\xda\xe9\x9e\xb9\xd4D\xadH\xca\xa56\xc8\x1cRi@\xda\xf4;v\xce\xac\xbd\xed\xe7\xf4\xe6\x14\xa1\xa9\xd0\xd0\x17\x10%\xc9A\xc9\xb0\xecf,\x86v\x87\x18V\xcd\xec\xce\xd9\xb3)\xb0r\xb8\xf8\x07\xd8&lt;\xab\xdc\xb9HPW\xaf\xee&gt;Lb\xbd\xf74a\xbab\xd7\xf9j\x93m\x8d\x92&lt;\xae&amp;w)\x94M\xb4e\xd6$S\x1c\xbe\xf8\xc1\xd1C\xc7SXD\x96M\xa7\xa5 \x1dRI]*\xb8\xb4Z`-5Z\x1b\xadyV\xeb\xf7;\x1f\xdd?KA`\xff\xf5\xa0\x191\xdd\x98\xdd\xdd\xbbJT\xab\xdf\x11\x16\xc4z\xef\xe1\x96\xe9\x84h\xb2wP\x13((\x1dJAP(\x0e\xab\x81%Ka\xc9\x14\x97\xcf\xbf{\xe8\xf8\xf1\xec\xe39I\xb9\xe8\x853\xbe4\xc9\x82\x0f0:\xb6\xc8q3q \xe5Y\xf3\xba\x9f\xdfG\x00\xed\xfeG;;O\xf4\xf1\x7f\xf6q\xbf\xb1M\xdcg\x1c\xc0\x83\xd4\xa4\x8b\x15#\x10\t(N*\xa1\x08\\\x1a,\x061\x9e\xc4Tk\xca \x1c\x7f\x1a\xd3\x0bW\x11F(B\xb3\xb2\xbeH`\x8dO\x16\xe9\xc6l\xb9\xb9IL0%vf\xc9\xab`\'\x1c\xd0\xde8\x034+E \x9bX$\xaa\x92\xc5\x86\x88J\xd8~\x916\x03&amp;\x8aK"+r:\xc4\xe8\xbe\xcf\xf3;\xd3v[\xf7\x8b\t\x11\xb1\xf0\'\xdf\xe7\xb9\xe7\xee\x1c\x9f}\xff\x0fF\xdb\xde\xe8\xdd\xa7s\x03\xee\x01,\xf7\xdc\x03t&lt;\xb1\xac\xd6\x8f\x0f\x9f^\xb1\xed4\xb1\xbaW\xd3SG\xf4\xac\x16\n\xb7\xca&lt;\xd8\t\xd5\xa0y\xb0\xee\xc4\x86\x8d\xb5\xeb*\xb1L\x98\xf4o\x96\xab\xb9\x92\\+\xf8\\\xa3j\xf3\xe5\xaa\x15_\x0e\xed\xb0PZC\xf3\xc8\xea&amp;\xa9\xb0\xbe\xba\xf9\xd5\xfc\xbd\xefw\xe1\xb4\xf9\xee\xd3gs\x03\xbc\xee\xb8\x07\x96\xf2\t\x9dkh\xb5\x0e\x7f\xb9v\xdb\xb6\xbf\x9e?y\xf6\xadn\xa4\xf5\xe3Nf\xe1\xc3lf\xd6\xa0\x19\xac\x86\x9dt\xc9\xa4\xa9\xf2\x1b\x15\xed\x88h\x8bdU\xd5\xbe\xcbU\xbb&gt;\x93\x81\x92-\xf20\xb1\xba@BZd\x1b\x9f\x9f\xd9\xf3=\x87=\xafn\xbd\x974L\x03n7n\xcf\xf2\x89\x84(\xa2\xd5\xf2\xe0\xd6\xb6+\xb7\xe8,\x9f.\x81\x12i\xa1\x84\xe6U\xccj\x03\xeb\xd4\x86\x8d;9\xad\xdd/Y\x88\xad\x9e]+\xf8|\xff\xf2\xe5\xaa\xcf\xb1\x1d\xca\xb8\xc9\x94V\x10q\x9d\xe3\xb8\xb0\xc6\x17_\xf8\xfeg^8\x9cJ&gt;\xfb\xb6\xca\xfd\x08,n\xae\x96\x16\xab\xef\xee\xb6\xc3\xb7\xde?{\xa6\xfb\x08]\x9b\x05\x97\x99:kpp\xb0\x93\xd6\xe0`]\x87`\x91\xccd\xb4\xbd`a\x92\x89\xd3\xfe\x8f\xf6\xbd\xf6\x19\x15\xd0b\x919\xad \xb7&lt;Wr\xfc\xdc\xf88\x05\xf6\xdfym\x1dz\x91|\xfe\x9c\xd3\xf2\xfb\xddn\xba-\x8d\xeaiQE\xb8&amp;?9\xbc\xf7}\xd4\xb0\xbb\xe6\x08\x05\xb6\xdal\xb4Vg\xe7\x9f\x88eFo\xed4.}5\\\xc6\xd1\x04\xe2\xaaZI\xbf\xf4\xb9t\xf4\x9f\xc3\x16R\xed\x90}C\xc9.\x1a\x10\x02\xc6U\x04l\xf1?\xa6\x18\x8ef\xf7\x8f&amp;\x93c\xf2\xb5g"\'\x98\xb0\x96\xc6\xb2\x14\x97U\xb8&gt;\xfe\xe2\x03\xb4\x16?\xb7U\xb3j5?\x91\x8b*\x96\xd3\x02\x8b\xae_\xae\xe5\xb6\x17(j\xfdz^\xfc\xf4\xc8\xd1K\x9f\\CP\x04\xf3\xc9CI\x0c-)(\xb1\x8d6\xc7\xf1s\x14\xd8\xe2\xdf\x87\xb6\x96\x0f-0\xa9\xf6\xcc,?]\x9e\xb1$\x9e\\%\xd2\x80\x1f*\x1b\xd6\xb2\xac\'\xcaq\xb5\xf8\xfeq\x9eN\xf4\x8fPT\xd8\xd3\x90\xcb,\xe2B)\x99\xd5 X\xcdX&amp;^o\xd2X\xad\xde\xbe\x1dyU\xad\xf8\xe8\xd2]\x9a\x82P\xc9\xc4\x02H\xea\x92\xa4\xae`$H\xa3b~~\x9c\xd7\xfc\xe8~\xd1\xfa\x18\xa0C/\x9e&amp;\xc7\x86,\xd3\x85\xdc/\xef\xdc\xb9\xc3Q\x91\xca\x96\xd4\xe1\xca\x1aq\xb5L&gt;&lt;\xc9,\xb1\xe8\x88\x94nD\xc2\xfa]\x07\xd2\xa2*\x92\xaa\xda\xc4u\x14#\xec\x87\xbc1V\xad\xfd\xf3\xc3a+\xb1\xa0\xf2\xc9\xc3`I\x92\x84*\x06#\x11\x14r|tht~\x91\\\x8b/\xe8\xe5\x8c\xaf\xfe`\xabo,9\xf2|R\xd6\x172\x1e\xed=\xc1r\xfbm\x04\x1b\x19\xb6d\x13\xd3Y#.\xeb\xe8\x99\xb7\x84j5\xf5\x96\x99\xb6E\xae\xa3\x19\xe3\xa1\xae\xe3\xd0F\x03\xc5.*\xa11\xee\xc5\x90\xd8|\xe6\x9a\x91UZ\x97\x05\x8b\xc2\x92"\xce\x844$\x00\x00\x05\xf8IDAT\x01b-\xde\xb3\xee\xf0\xcd\xbc`\xd8\xfc\x0cT\xd8%\x8f,\xcf\xc8z\xbe\x90rx\x1c\xef\xb9\xc9e\x84e{&lt;c\xc9\xea\xa5\xbc\xd5\x88+;v\xb6\xbb\x9b7DQE1Q\x01\xab\xab;q\xe2;,\x13MUc{\xac\xde\xce\xac\xcbc\xdcV\x16\xcb\xf4\x02\xb3$2!\xaf@ \x12\xec\x92F&amp;e\x1c\xd8\xed\xbf7F\x91-b\xfb\x1bK\x1a(M\xd5\x1c\xda\x8d\xef\xb0\x1e\x8dZ\xe4\xec\x93LZ\x94\x11\x07\xa9w\xcf\xe2`\xc6\xc8Jt=D\xd8\x1fB\x85i\xca\xed\xce\xaf\x84\xe5\xeb\xd0E\xdfo\xe6\xb4\xea\xeb\x1f\x0eq\x05w\xe8O\x9e\x10kD\xa2\xb8\x82\xc1P\x04\xae\xae\x9b\x8f3\xa5|\xda\xb7\x03\x1dL\x91U\x8c./\x8f\xfa\xf4\x05\xa0\xe2qU\xd5\xec\xb1\x01f\tU`iL\xceZJ\xb9\x82n5\\\xc3\x0fO\xe2\xf4\xb0M\xb80SI\x84a\x7f\xa2\x83\xc3Zg\xcc-\x98*\r\xd5fS\xf5fz\xe5\xfc\xca\xcf\'\x8d\x12\xe6S\x85rZ\xc8*\x14\x89x\xbd\x81\xae\x9b\xcfr\xceb\xa6\xb00-\xb7\xb4 \xb2\x8a\xe5\xb1\xe1\xf4B&amp;\xa7\xc6ii\x9a#\xe6wss\t\x97\xedy6kY\xd0r\xa5,Mz\xb8\xa63\xd7?\xa8\xe9\xfc\x15\ry\xc4\x85\xe3\xac\xbaS\xa7(\xb0\x0enx\xa4\xc50\x93\xd81\x82\xb5\xdb$\x9a\xec\x95\x0b\x99i\xc1Jg\xa2\xccZ\xa4"vIe\xd6\x15\x8f\xc7\xe3L\xa5 K\xcb{\xf6TLN\x972\xb9x\\\xc1b\xd6\xa7\xfe0\xb9\x0c\x95mY\xd7\xe5\x05-\x9eZ\xc8\xf2.(]\x98\xd2b{_\xa7}O\x8d\x99gD]\x07]\x1b\xd2\xd1q\x1c,~#\x01\xda\xfd4\x97;\xcbd\xa2_\x97\xed6\xbd\xf2\xdb\\\xaa\xc0.\xbd\x94S3\t#\xad\xa0D\xac\x00X\xe7\xae\xe4\xc0\xc2"Y&gt;]Q*F\xe1Q\x1a\xf1\xa1(*\xb3lnQ\xc5\x00M\x88\x84\x9e\xcd\x83]\\\x90\xc1\xd2KSSS\x9e\xd8O\xde\xa8A\xf9\xd0[\x83\xc4\xa2+\xab7\xd0\x85\xf1\r\xa2\x8a\xd4]\x95b@`z\xd1\x05\xf4M\xf5\xefD\x9dN{!\x8d\xd9\xb0\x90\x8a\xc63i\x1f\xf5\x96\x14\n\x11+\xe0\r{\x837\x89\xe5\xf1\xa4x\x153\x15\xae\xc6o-E%V\xc0\x8b"\xc2\x14\x08\x04l\xc9\xb4\x9e\xbd\x96R\xe2J1o\xb1\xea\xa5"XS\xf6\xd8\xe9\x1e\x9c\xbd\x9ay\x87]w\xaa\x83.\x8b?\xc4on`\xf4\x166\xc4\xe6f\xa3\xe1IU}!\xea\xb0;\x1c\xf6\xc2\xb4\x9c/F5\xb5\xccB\xbf\x87\x98\x15\x8e0\x8be\xc8k*U\xb1^\xac\xc6\xf5\xec\x8a;. \xad\x00\xf6\x87FZO\xa7u}\xba\xe8R\x15\xb8\x12B55\xe5\xcc\x1d\xde\xd4s`MM[gg\xdb\xaa\x13\xc7\xe9\xaa\xf8C\r\xc6\x0e\x112\xda\x10\xe1\xa2\xb0\x9a\x9aZ[\x9b\xea/D\xedvb\xa52\xa5L\x94Y:X!\xec}\x82\\\xc3p8\xd0\xb5\x94s:=,K\x01f\xb0\xfa\xe8\xd6\xd8\xb8^\xd1\xaeb\x92\x86Bb\xe7\x83\xb8\x1e_#\x96\xa2\xc6\x95x\xb1P\xa4\xe2\x0b\xd7\xf5\x9f\x1d&lt;\xf6\xc75m8,\xad;~\xa8\xa1\x81Ue\x16\x12[G\x13\xb5\x19A\xd5\xd66\xad\x8dy\xec\xc4\xb2\xe3\xe1\x8a\x1eL!\x97H\x8bY\x18\xf1\\Ei)\n\x10\\\x1aX\xceTE#\xa3\xfaDb\xeb\x1b\xe3\x03\xde;\xe1\x90\x14\x08\x87\xfdH+\x12x\x94\xd7\x13\xe9\x8c\xa2\xba\\\x8a\xa2\xc1c\xb73\xcc\xe9\x89\x1d=x\xf0\xd8\x81\xd5\x9d\x83\xc4\x02\x0c\xa6Zjxr\xe1\xab\xa6J\xaa\x1f\xfe\xc5\xf4a\xcca\xe7\x85\x1f\xc9\x13\x8d\xaa\xaa\xeazYDj.)\x82\xb4\xbc\xc1\xc8\r\x8f\'\n\x98\xe6AhFZ\xa4\xea\xa3O\nX\x88T2\xe2\xb2\x05\x1e=H$\xd2\x05%\x0e\x15:\x0f\xffu\xd9\xe5\x88\xbdv\xf0\xd8\xb1\xfe\xd7\xdbVm\xe0\x17\x97\x1aQ\xad[\x87\xbfk\xf90\x82\x98\x95+\xa9\xad\x84\xc9ig\x94\xeaR\x8859\x82\xb6\x8aD\x88\x15 V\xf0\x86\x96\x8b"\xb1\xb8F2NK\xd0\xb8\x90\x17\x89\xe5\rI\xb60\xef\xad1O\x13\x89D\xa1\x91\xa6\x07\xda/\xee \x17?\x06\x1e\xe4\xfe\xdb\xed\xc7~\xfe\xc6\x9a\xfer\x01))Pj[w\xb6\xd66\xb1\xad\xfa\xc3\xa8\xf6R\xe5!\x94\x86\xdc]\x99\x04\xb3"\xb4PF*b\xa8\xeb\x1d\xcd\x93\xcb\xe5\xa2\x8aKS\x1d\xc4\xea3T\xf8\xaa\xaf\xef\xf7~\xb0l!)\xe4\rs\\K\xcfu\x1d,l\xa4\n\xd7\x18?\xc97?|\xecG\xf4\xae:\xed\xbdb\\a,4\xb3lSoo/\xa0;+\xabbP9\x8c{3\xc8\xa5a\xf1\x96xO\xa4\x855;;\x11\x9e\xf8Z\xba\xaa\xa2\xc49\x155Q5OE\xdf\xcb\xb4\x88\xf6\xee\xdfl\x94\x16\xb2\r\xf8\xbdX\xb69b\x95\x14\xb0@\xa3\xfeS\x8dN\xa1zj\xd1\xfb[\x00\x13\xbb\xc2\xca\x7f\x89\xcbB\xe8\x9dcz\xda\xdb{\x9bv1\xca`y\xa2\xd8\xb51\x8b{+\x0b\xd6\xec\xd7\xb3\xb3\x91\xd9\t\xa8&amp;\xbc\xc4\xc2\x1d\xa2\xd1x\xa3\xe2r\xa9\x8e\n\xaa\x1d\xb7=\xad\x9f\xfe\xc1M\x9b\xab7\x80\xb8\x02\xc4\xf2\x83\x85C\x082\xd1\x08\xf9\xcbo(0\x07oWx4\xbbC\x8b\xdd\xde\xd2\xde[[[i\xcc\xf6\xa6\xd6M\xf4fI\xfd=[n\x1b(\xbe\xa3\xd3\xa1\xc6]\xcc\xc2"\x96\xbc\x1f,\x80@\x9a \x15\xb1.\xaat\x17Eq\xa1\x8e\xd4\xf2\x8dTH$\xf5\xee/~=\xe0\x9f\xa5\x06\xf4\xceJ\xec\n\xfb\xe7\x96\xb3`\xc5\xcb\xf3\xf6"\x95\xd3E0\xe3\x11\x01\xbb\x7f\xb4\xc9h\xf2\xda\xd6\xde\x9e\x9e\x03\x07\xfa{\xf6\xde\xcfi\x8c\x125\xf4hx(U\x90\xb0\x94"\x8eH\x86F\x02\xec\xc2g\xaf\xc1\xc2w\\\\\x17E-\xcf-^\x17\xbfx\xe4\x9d@Za\xefl9.\x1bXYf)0\xb1\n.\x95Le\x98#\x17\xbb\xbek_+\xf5\xfa\xa6\xf6\xfe\xfe\x03\xe7o\x7f\x9a\x13\xdf\xd7\xf8\x1e\x18U\x94\x01=(\xffQ\x89\xd5\xe2#\x16E5k\xa45G,*\td\xea\xbf\x018\xce\xef\x8c\x14(\x82\xce\x00\x00\x00\x00IEND\xaeB`\x82'</t>
        </is>
      </c>
      <c r="M437" s="3" t="n">
        <v>45492.67887731481</v>
      </c>
    </row>
    <row r="438">
      <c r="A438" t="n">
        <v>1092354</v>
      </c>
      <c r="B438" t="n">
        <v>1967</v>
      </c>
      <c r="C438" t="inlineStr">
        <is>
          <t>Bruno Zapelli</t>
        </is>
      </c>
      <c r="D438" t="inlineStr">
        <is>
          <t>Bruno Zapelli</t>
        </is>
      </c>
      <c r="E438" t="inlineStr">
        <is>
          <t>MEI</t>
        </is>
      </c>
      <c r="F438" t="inlineStr">
        <is>
          <t>MC</t>
        </is>
      </c>
      <c r="G438" t="inlineStr">
        <is>
          <t>MEI/MC</t>
        </is>
      </c>
      <c r="H438" t="n">
        <v>181</v>
      </c>
      <c r="I438" t="n">
        <v>10</v>
      </c>
      <c r="J438" s="2" t="n">
        <v>37391</v>
      </c>
      <c r="K438" t="inlineStr">
        <is>
          <t>Right</t>
        </is>
      </c>
      <c r="L43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e0a24d78-b370-484c-b0b3-662aca554b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L{\xcf2\x00\x00\x03\x00PLTE\xff\xff\xff\x18\x16\x1b\xfe$&gt;\x1c\x1a\x1f\xfd\x1c6\x14\x13\x17\xfd\x1f9\xff\xfe\xfe\xfd\x183\xfe!;\xfe\x195\xfa\x15-\x10\x0f\x13\xfd\x14.\xf6\x11)\xfe\x160\xf5\x0c$\xbe\x82w\xf1\x0b"\xc8\x92\x87\xc6\x8e\x81\xc3\x8a\x7f\xbc\x7fq\xc1\x88{\xfa\x192\xfe\x1d7 \x1d!\xef\x07\x1e\xc3\x8f\x86\xcd\x94\x88\xc2\x81q\xe6\x05\x1b\xfe\x1f9\xb7xl\x0b\n\x0f\xc3\x8b\x83\xfe&amp;@\xb5|r\xce\x9b\x8e\xf9\x11)\xca\x97\x8b\xd0\x89|\xe3\xbc\xb7\xb5ue\xe0\xa6\xa2\xfd\xfb\xfc\xc0|m\xea\n!\xb9\x82w\xb1jZ\xa4sn\xdd\x9e\x98\xe2\x04\x18\x9eoi\xeb\x05\x1b\x9fia\xc9\x84u\xa5pg\x91ca\xd0\x97\x8c\xd8\xaf\xa8\xde\xaf\xa6\xa4kb\xef\x0f%\x9c_T\x9ff\\\xca\x8f\x84\xe1\xb4\xac\xd7\x90\x84\xbc\x87~\xc3\x86v\xb1sj\xd7\x96\x8b\xd9\xa9\xa1\xdc\xa4\x9c\xbb|l\xbdxi\xadpd\xd3\x03\x15\xdb\x99\x92\xaaqj\xc7\x8a{\xdc\xb5\xb0\xf9\x1f9\xbctr\x93[S\xf9\xf7\xf8\xbbue\xc3\x84z\xaalb\x93`Y\xc5\x93\x8c\xc9\x99\x91\xde\x03\x16\x99c\\\xb3p`\xd2\x9d\x93\xb9n_\xc7th\x98g`\xd1\x8f\x82)$)\xb0yo\x16\x1c/\xcd\x9f\x96\xd9\x0c \xca\x87\x81\xd2\xa6\x9c\x80^^\xd5\xa1\x97\xabvo\xbd\x8a\x86\xc7}n\xa4\\M\x9dtt\xfe\x0e(\xa6c[\x96\x88\x93.(.\x8a^[\x8bYP\xaeeS\xad|v\x8cgh\xa4\x9a\xa4\xef\x1a1\xe4\xb2\xb1\xad\xa1\xaa\xfe*DtA&lt;\xef\xec\xee\xe6\x13)\x88PI\x80VR\x9dTP4.3\xdf\xa0\x9d$ &amp;\xcb\x02\x13\xce\x8f\x8e\xcexq\x96\x80\x89\xe9\xe7\xe8QHN\xa4wu\xd9\x03\x15\x93x~\xbe|u\xc5mn\xd1\x81w\x90qu\x1c%:\xb3\x81zvVTqKI~MH\xa9`OC=C\x95XM\xc1cg\xa8iZ\xc5vu\xd6\x9c\x9d\x95mk\xbaml\xc9\x8a\x87-\x1e\x1f_Z`b?&lt;q73\xb1\xa8\xb2\xcf\xa8\xa4_"\x1f\x8a\x83\x8c\xe0\x10%\x91QI\xaeZX\xa6\x93\x9c\xa3\x8a\x91\x7fB:\x99\x91\x9d\xb7\x0e\x1d\xd1u}\xd5\x83\x81\xb2\x85\x82\xe4\xa9\xab\xe5\xdc\xdd\x82x\x80j,(\xd2\x96\x95\xfa\x08!\xd0mpR=?\x9fXF\xdb\x8e\x8d\xb8\xb1\xbb\xa0\x82\x86\xb4_a&gt;4:Q#!\x9ez|9%%\xc1\x07\x17\x81hl\xc4\xbf\xc1\xe7\x90\x92\xb9\x8f\x8c\xf5\xf3\xf3\xc7\x7f|\xd1\x88\x87\x9aN@bMN\xeb\x9c\x9f\xf4*BJ0/\xf9\xee\xef\xc4ma\xf1;O\xea`m\\40wpwodj\xba`Z\xedLZ\x8cF9\xe9\xbc\xbd\xa6@F\xbf\x99\x98\xe4\x83\x89\xb1hf\xf5\xdb\xde&gt;,/\xe8\xb4\xb6\xbe\x7f}\xdd{}\xda\xd4\xd5\xb2LP\xff\xfe\xff\xc6\xa0\x9d\xd2\xcb\xcd\x98=B\xb3uv\xd3Yc\xea*&lt;\xa5}|\x8b".\xa1\'8\xe7rz\xea\xc5\xc8\xb9.=\xcf 1\xbfQY\xc9\xb2\xb4\xd6GU\xd16C\x95\x0c\r\xfe\x10R\xa8\x00\x00 \x00IDATx\xda\xc4\x99\xffK\xda\xfb\x1e\xc7\x93\x0f\xe1/\xfe";9\x90%T\x08\x133,\x91\xacH\xf4\xd0\x17\xe7&amp;\x15\x1c[\xb6(;\xa9\x8c\xf6\xa9\\\xe4\xc7HY,2\x93\xdd\xf5\x89\xb8\x1b\xd3\xd0\xeb-\xe6G\xe2Jg\x9b?T\x9e\x81\xbb\xdd\xeb&amp;\xc6\xbcC\xf0\x0e\xca1\xb8?\xb8K\\\xe2\xc2\xf9\x03\xee\xeb\xf5\xb1\x9ds~\xbf}\xda\x8bO\xe1\x97\xe8\xf3\xf0\xf9z\xbe\x9f\xef\xd7\xbb\xaa\xaa\xfe\xbf\xe2\xf3\xe1R\xe4\xd7\x0eN\xcf\x8e\x0e\x8f\xceN\x0f\xd6\xf2\x83\xf8Z\xd57-@\x1a\\;ZL\x94\x18:\x8cE\xd3L\xca\xb5s:\xa8@\xdao\x06\xa5\xc8\x1f\x1c%\x98\xb0\x9f\xb2\x8b\t^5[&lt;1\x95a\x12G\x07K\x80\xc6\xff6PK\xa7^&amp;c\x0f\x10&lt;\x82\xa8\x16\x08\xaa\x11\x8c\x07\xdf\x88\x00\x15f\x12;\xa7y\xc5\xe53U)\xf2gI\xc6/&amp;*:\t\x04\x02\x1e\xcb\x06d\x04!\x16\xdb\xfda\xc6{:\xc8\xbflO\r\x9e\xb9\x18\x7f\xe0+\xd2\xb9N\xec\x03\xb6\x95&lt;Bl\x0f3;KU\xfc\xff\\j\xff\x16\x01\xeaW\x12\x10\x08/|Z/\xc0\x0b\x8bg\xa7\xc2\xa9\xd3\xc1Kt\xd8\xe0A"\x1c\x10\x8by`\'\xa4\x02k\xf1\x80K\\\xfd{,|=\xe0gv\xd6\x14\xfc\xcbj\xe0\xe9\t\x98\x8a\xc0N\x01\x03P\x81L\xbfk\xa1\xa0\x1eJ  x\x02^\xc0\x9eI\x9d]\x8a\xc3\x80\xea\xa8\xe4\xb7#\x8a\x80\xc7\x83\xf5\xc7\x13\x07\xc4\xe0v\xa0\xf8\xad\xeaY2\xd0KL\xd8\x99\xa3K\xe0\x82\xfc\xdca\x90\nV 0\t\xaa\xeb\xebq\t\x02\x1d\xb4\x14\x9e\xa2d\x15*\x16\x0c\x16%u\x19\\\xfc\xa5E\xda\x0f\xe9\x89\xce\xaa\x10T\x8b\x03\x15\x93\t\xf0B\xac\xfa\xdf\xb0`%\x80\xc18\xe7R\xacyi\xcan\x07\xbf\x13\x95\\\x07\x95\x90\xb0b,p\x1a(\xf6\xabX\x08\x06\xef^\x02\xd7\x81+l\x07\xad*\x85\xeb\x0f\x1e\x8b\xab+^G\xc50]\xcf9\xbfr\xc1\xcfp\xcd\x05\xc1@\xe1n\x03Fb\xa3\t\xe3\n\xf0\xben\x87\x80H\x88)\xca\xef\x87]\x92\xf7U4\x01\x11\xb0\xfbK\xa7\x9c\xe5\x17\x9f\xbf\x96\x08\x83\xaf\xa0-\x18\xef\x84\x18u!\xd8\xa0\xc0\x82\xd7\xe1\x85X9S\xa6\xa8L\xc6^]\x7f\xbe"QB*\x9cX\xe3\nK\x91\x07\xb7S\xb8\x07\xf2P/\xc8\x05q\xc0\x0e\x88\x81\x80\x1d\xdcf\xa7bD,[\x8c\x17\xd2e;\x05b\xe1\x0f\x9d\x0b\xc6n\xdeI\xae\xb8\x06\x8f\x98\x0c\xf5u\x82\xe1a\x98\x02P\xb6\x98.\x96\xcb\xd9l\xb9\x08\x15\'=\xc1\xf8q1\x1b\x8b\xc5x\x84\xdfO\xb0r\t\xeaq=\xda\xe9\x9d&lt;7\x81up\xe2\xa7p\t\xa2\xb3\xd0P\x04t,\x1d\xf2\xf9B\xa1\xf8\xc3\xcdyuKk\xcb\xc2B\x9bY7\xec\x8b\x1f#Z\xc6OT\x1cX\x8d&amp;\x0cpd/\xfe\xa07C\xe1*\xac\x04\'\x88\x15+\xc6}-\x0b\xfd\xfd\xd3\xa3\xa3\xdd\xcan\xab\xd5:e\xfd~rhH\xd9?::\xea\x8e\x97Y\xcd\xd8\xe8\x10`LP\xf4\xa2\x82\x13\xbf\x97\xd0\xee\xb8\xf8pZ\x10\xc7\xb2ir{zhh\xb2\xf6\x8a\xf2\x8a\xf5\xb5\xb5\xd1x\xe3F\xa3qjj\xaa\xa3f\xa8\xa1\xc61|\x0c\xed\xcd\x881=pB\xe4\x11\xf6pj\xed\xe2\xe5\xe2\xf3\x0f\xc3\xd0B\x82\x1da\xe0n`nR\xbd\xd0=i3\xf4\xa9\xa6\x90\xa8\xb3s\xbf\xb3\xf3F\xe3\r\xe3\x94\x15\xd0\x1a\xa4\xf3\x0f}\xbe"\n\x06i\x06\x12\x13\x81L\xe9\x8c\x83.\xe6\x13\xf8\xd9+s\x03J\x15j__P\xd6\xd4\xd6\x1aT\xc6F\xa3\xd1\xd8\xd8\xb8\xdf\xc8\x96Q\xa52\x1aU}\x1dCRGk\xfc-xL\xcc\x06H5d\xea\xc5c\xf1\xf9\xa7\x0c\x8a\xc5\xda\ns\x00\x1a(U\xf6\x0c\xd8P-\x95j\x15x\xe0\xcb\xb8\xba\nHP\xc0Uk\x1b\x10j\xe77\xe3\xc5,\xfbY\xa0\x8b\xf4\xa1\xe2\xe2{xDC\xbc\xb3s\xa88\x9b\x0e\xb6\xab\x1dJ\xa5\xb0G\xa3\x91\xb1\\\x15\x9dV\x8d\xaaU\x95\n1U}\x86Z\xd9\xc0@\x8f\xa8w4\x04\x9d\x14W\xb0\xbc\x17\xbf\x03)\x16\xc3\x14\x86\x02L\x04\xe54\xa9n\x91v\x0b%B\x89\xf3I\x97\x01\xb1V\x8d\x95\x0e\xc2\x03U__\x9f\xa1\xcfj\xb0\xd9\x06zz$Bi\xbf\xaf\x98\xc5\xed\n&lt;\xef\xca_x\x13\xf3\xb0Gcr\xc3\xfe\x96\x0e\xaa\xa7\x95\xddW\x85\x12\x89\x06\xa8:Xu\xc0\\\x9d(\x98\x91U\n\xcb&amp;C,\x89H4\xedKgq\x93b\x97\xe2\x85;&gt;\tX&lt;8h\xf9Q,\x87P\x08\xf7\xd4\xa0\xb5@\xad&gt;l\x9c\x11\x0b\xa42\x18\xba\xbalp\xc9d\x9a\x1e(Q]\xefD0\x9d\x85h\xb1gN.\x1c\x8b\xafX\xa4)\xd8m`\x13N\x17\x00K\x04X\x1a(\x99\xcc\x06U\x0b\xad\xecB\x89\xba\xa0dOd\x1a\xcd\x13\xa7\xd3)i\x92\xf4\x0c\x89\xeaL\xda\xf6P\x11\xe6\x0eN\xb0\xf8\x874\x05;\xb3\x1f\xa9&lt;m\xbdu\xc0\xa5\x918\x9b\x9a\x9c\x1a\xcd\x80\x0c\xe1\xce\xb1l,\x19H\xe5t6\xdd\xba)\xe9\x91\xdc4iA\xae\xb2\x1f\xc6\n\x8e\xb0`2\xc8\xa4\xe9\x02\xb9\x8dX"I\xd3m(\'.F\x80B\xeb\x9f\xeb\x85_6\xe0\x82\xf7E\x12\xc9M\xb9e"XHg\xfc\xfe0\x07XUG\x0c|`\x7f\x98.\x04\xc9\t\xc0\xbayS&gt;&gt;&gt;~\xdb\xe9\xc4\x880\xb0\x0eC\x8f\xf5\xfd\x15\x1f\xb0\x8e\xd74\xdd\x92\xcbE"\xc0\x1a\xf5\x15\xe8t8\xcc\x05\x16\xff\xa0\x043g\x06\xb1\xdc\xad&amp;9\xd4X\xf3\xf8\xed&amp;\xd4\xaa\x0bI0S\xd9P\x85b\x8d\x8fr\xc9\xc7\xe4ur\xb9\xa9\xb5=X\xa0i\x9a\x03,\x18 \x12\xe1L&amp;\x9c\xa6\x83d\xbb\xd6266\xd6\x1c\x1d\xbb\xd5\xe4t\xb2q\x8a@\xab\xf8m\x9f\xadF\x003\xd8&amp;5\x92\xa61\x8biL\x0e\x9e\'\x0b\x05n\xb0\xaa\x06]\xf0\x8bY\xb1&amp;\xb4\x96\xe8\xdc\xdc\\\x14;\xa8\xf9\xd0e\xd8\x02\x9a\x07_\x00f\xb5q\xff\xcb\x97\x07P\xfb\xc6\xad\xd7\xcf\'\'\x87\x9a\xe4\xa6h\xd4b\xd1N\x90%\x86\xa1i.\xb0\x14I\x1a\xab\x10\x1c\xd6k\xa3:\x9d\x0e\xc4r\xfec\xf2\xc3\x87G\xaf\x11\xeb\xcb\x03\xd4\xab\xf1\x01R\xedw\xde\xd8z=r\xe7\xda\xcc\x8c\xb0\xae\xd7\xa2\xd7k\xb5\xad\x9e\x1crq\x81U\x95\xa4\x19\xa6P(\x90\xa3z\xbd\xcel\x9e\x1b\xbb}\xeb\x87\x7f7&lt;\x7f\xfe\xfc\xd1\xa3\xad\xad-\x98l\x00k\x1f\xa0\x80i\xe4\xfd\xde/P\xb3\xb3\xb3jm\xbf\xb6\xb5U\xab\xde\xce\x95J%&amp;\xc5\x05\x96\x97f\xe0#\x07\xdd\xa3:\xa0\xd2[L\x96\xfe\x96\xd9\xf5\xf5Y\x0fIz\xf6\xde\xdf\x01\xcd\xd8!\xa2q\xeb\xd1\x9e\'\x94\xa6\xd3\x90$\xb0h\xdd\xc3\xdaV\xf56`\x9d\xa4N8\xc2bNNJ%\xd2\xad3\xcf\xcf\x8fj\xf5\xeev\x0f\xc4Q:S\x86)\xc7\xf3\xaee\x01\xc0`\xef\xd9\xda\x1a\xd9\xf3\x14\xd2Y\n\x06\xc0r1]\x08\x85\xdc\xed\xdb\xb3\xea\xd9\xa7\xa9T\xe2\x84\x93C\xd9b\t~3`\x99\xddn\xf7\xf0\xb0\xdb\r\xd1\x1d\x8bQY&lt;f\x90\xdb\xea\xe9\x86\xda\x0e\xe3TG\xc7\xa3k\xeb\x1e\x12\xce\x18\xf1\xa0\x8f$\x83p\xfa\x08\x85\xc8\x8d\xa7\xb3\x1b\xa9T2\xc1\xc1\x99\x0cb\xfe$\x91L\xe5H\xf7&lt;\xdcn3\x047&lt;\x86[\x06}\x9b\x9b&gt;\x9f{\xa2\xe5\xd9\xccu+`}_\xf3L=&lt;&lt;\xdc\xea\xe8\xbe~\xf7\xde\xdd\x91\xee\xe9v8\x18\xe56\xdem\xa4\x12\xc9\x84w\x89\x03\xac\xb3T\x05\xcb\x9d\x0b\xc6\xe3\xf1\x90{}\xef\xfd\x08\xd4\xb5g\xd3z\xf0\x9aC\xf9]G__\xc7wW{u\x11\xbd\xb4\xe6\xba\xf5\xde\xbd\xa9)k\xc7\x15e\xff\xb0\x8f|\xfc\xf8\xdd\x86\x8b#\xac\xd3D\xc2\x9b\xca\xe5&lt;\xb9\\!\x1ej_\xb83b\xbd{\xf7\xee\xc8\x9d\x86nio4\x12\xd1\x9b\x9ad]\x06[O\x9d&gt;\xa2\xb3\x98\xb4\xfd\xd3\x0b3\xddW\x07\x06j\x84\xd2\xe9\t\xcfc(\x977\xb9\xc8\x05\xd6Z\x02\xd5\x02\xac`h\xbe\xedYwCC\xb7\xa3\xbfe}\xa1eTg\xd6\xe9"\x11]\xb3\xf3\x89\xcc9\x1e5G\xe0\xd9\xbc/T\x08B\xf0Z\xea\x84\xcag-\xdb\xb3/]\x80\xe5\xddY\xe2\xc0\xf2K.\x977\x91\xcb=\xcd\x05}\x13m\x0e\xa9Tk^\x0e\xc5\x0b\xb0\xd6vWt\xbb\x9f\x97w\xef\x8f\xff\xf8\xe3\xc7f]Dg\xba\xbf\xbc\x99\x86Cu\xac\x1c\xf7\x99-R\xe9\xb4z\xfb\xe5KW\xd2\xeb=\xe4\x04+\xe9\xf2\xbaN\x00\xcb7\xac\xb7\xf4\x9a\xcc\xaf\xe2\xc5\x18\x8f\n\xc7\xd2d\xa4\xb9\xf9\xf3\xe7\xcfo&gt;}\xfc\xf8\xe9\'\x9d\xb9N\xb8\xe2~Lf\x03\x90\x10\xe5\xe2\xc3e\x8bcZ\xab\xfe\xdb\x0b\xc4:\xcas\x82\x95H&amp;SO7&lt;\xb0\xfb\x98,\x91W\xc7\xd9r&amp;\x06g\xb3\x9cwve\xfc\xcd\xe7\xe5\x95\x9f&gt;\x01\xd6\x8a\xee\xf6\xf8\xdc\xc2\xbf\xde\xc5\xb3\xd9c2\xf4\xf6/\xcbs\xa6\xde6\xf5//\x92Io\xf20\xcf\xc1\x7f\xa8\x06\xbd)W2\xb5\xb1\xe1\xd6\xb7\x99,\xd1\xc8\xc3\xb7o\x83\xe4\xf1\xdb\xe2\xc3\xf5\x99\x1f\xfe&gt;\xde\xbc\x8bX\x9f&gt;\xdd_\x89D%\x03\xce?\xfeW\xdd\xeevO\x98_\xbd\xda\x8d\x9a\x1c\x8e\xb6\xf5\x17\xde\xa4\xcb\x05M\xc4\xba\xe0\xbf{\xef\x9c\xa4\\\xa9\xc4F{[/\xccZo^\xfd\xbci\x86P\x9d]\xf8\xf3\x1f4\xb6:\xdd\xee.`\xfd\t\xb1t\xd2;W&amp;\'\x9f\xcf\xec)\xa5\xd2^\xcb\\T.R:Z^\xbep%R;K\x8a\xfc\xd2?/\xf0\xb0\xc8W\xe4\xffG\xab\xf9\xbf$\xb6\xa7q|\x7f\xf3g\x99\xd4_R\x10q\xb8N%e\x84f\x10%\xd9\x19(\xd1\x96Si\xb3\xd8\xcd$\x16\x89\xb28237I6\xba\x12\xa8!\x9dc\xdc\xee]:\x9d\xe9\xb8\xdc\xb5\x1dR\'&lt;\x9bC\x08\x96\xac\xd08\xa3\xad\xb0\xc1\xbd\x13C)\x8c^\x9b\xc9a\x18vi~\xd8\xe74s\xff\x83\xd3\x07\xf1\xcbA\xf4\xc5\xf3&lt;\xe7\xfdy\xde\x9f\xcf\xe7\xd5\xc8\x8b\xd7\xaf\x9f&gt;\r\xacM\x1a\xa4\xc2\x81\xf1\xc7==\x16\x8b\xe9\x87\xd9Y\x19 T\xb0\xcd\x1b\xac\xb3L\xd4\xbb\xe9\xc5\x10\x99\xcf\x17\x0e\xebt\r\xe0_\x07\xa4\x03|\x91\\u\x14\x87\x19\xc2\xbd\xfa\xdf\x07\xb8\xec\x8f\\\x15&gt;\xbbo\xf1n\xe7\xb7\x17\x1b\xff~\xeer\xad[\xa4\xfd"\xa1T\n&amp;C\xc8\x17\x08\xa0\x85\x90\xe1X\xcf\xe6\xd7$\xb2Xs\xc0\xf5\xa7\xaeo\xba\xecb\xdd\x10\xf8W\xf8\xe2\x80!\x18w\xbd\xde\x98\x7f@\x9d^\xd72;\xff\xe1&amp;\x91\xbc\x91{\xf5\xb3\xb3\x01\xd5_~\xfe\xf5i`\xdb \xec\xef\x87nXh\x1e\x1a\xd2\xe9\xc4\xe2\xb0\x00o\x9b\xf3\xee.\xefz\xcfH\x92\xc5\xda\x9ck\x9b\x18tt\xfd\xf9\xdb\xae.\xb1\xce\xd1?\xd04(m2u\x1c\xb9^\xff\x889\xabD\xed\xbcV\xbe\xc7\xc96\x10\x08&lt;r^;u\x8eo\xfe\xfc:\xb0\xb6mi\x1ahjk\x1b\x95\x80\x0f\x13\xc3?\xe7\x07\'\xda\xfe\nX\x9b\xd1S\x9b\x8d\xbc\x89\xd6\xe3\x89A\xa5\xc6\xde\xd5eg\x8d\x99d\xb4i\xdc`Re\x8f\x8e\xbf\x17\x16\x12\x99\x0cIff\x97\xb8\x08\x17o\xe4]\xb4v\x1e\xa5\xf0\xce\x8d_\x03\xeb\x93\xd0\xc8\xb7\x8dO\x0c\x82sU\x14\xc0\xdf\x8c\x9e\x02\x16T\xfc\xdc\x99?\xe5\xb7MD\xbd\xc3[\x80e\xb3\xf9\x157\xd6\x1a\x0c\xd0\xe8\xb8\xc1\xd2\x91=Z\xd7\x8a\xc2(\xc1$\xaa)4\xc9\t\xd6\xd2l\xc2_;\xc1\xea\x9d\xd3\xcf\x03\x0b\xd6\xad\xad-\xf0&lt;0\xd30v\x85\x1f\x84\x1d\xb0\xdazv\xbd\x8fm\x0c\xc3\x84\x88\xcc\x9cwkb\x02\x02g\xf3\x87\xbe8Y\x8d\xb2\xc9\xd2\xad\x9e?\nl\xeb+\x95\'\xe9T\xa9J\xbd\xe7\xa4\xb4\x92\xbe\\\x89\xa0\xe70\xc0b\xc5\x14\xeey\xa0\n)\xfaX*\x96\xebt|xw\x8e\x0e\xa5\x9b\x9b\x0b\x0c\x8dy{\x94\x1a\xf6:p)X#\xab\x914m\x01V&lt;\x9e\xd5\xa3\x07\xfb\xa5T\xb5\x94\xe0\x08\xeb~\xae\xe4/Ps\xd6\x85\x00\x8b\xb5e\x90*!\x85L\xc8\tL6\x9b\xd3\xaf\xe9\xde\xf5bh\xbe\xd0\xde\x9cv\xa0\x16\xcck\xb13~\xbf\xf3+\x97}\x88\xf5\xfb\x1d\xd9x\xec\xa8\x8e\xa6\x8bU\xb2Zb\xb8Xs\xbe\xe4%\xd3\xb9\xeai(\x14\x1d^p\x05\x16\xb4\xbd[\xe3R\t`\x85 N71I\x87{\xbc\x98\xc5\x82\xe0\x0e\x9f\x03-[,Q\xcc\xb7\xd2\x17\xf2\xfbm~\xc8\xb4\xdd\xae\x13\t\xa7:;\xb21w\xd6bn/\x96N\x13\xb94\'\xb5u\xf9\x05K\x81o.\xc4\\\xebZ+\xd6&amp;\xe5\x9b5\x1a\'\x8b\xe5\x87\nj\x9e\xed\xb1\x94\xc7~Z\xee\xa6\xd1\xb2uy\xcc\x80`\x95\xc5\xe64\x13\x02f\xa7F\xa1\xd3\t\xf8S\xaa\xf9\xa3Xl\xdbK\xa6\x8b\xb9\x14Qz\xc2\xcd\x9d\x98&lt;\xc8\xa5R}]\xd4\xc9\xa3\xbd\xd8\xfa\xc3\xe1^\x83\xd0\xcc\x978\xd9\xf2\x81p\xf45/\xd6{\x90\xde_\xfe\xf6\x8fg\xc3\xd6\xdd\xbf\xff\xeb\x17\x0c\xc5\x90\xfd\xb7l\xbcX,\xcd\xd0\xd0\x10L&gt;\xf3qO\\[&amp;\x98\\1MT\x9f\xbc\xe2\x04k\xf5\x80!\xd2\xc5v\xe6l\xd9\xe5^{8\xdc\x8d\xc8q\x89Si\xb3\x8d\xda\xa0vV\xde6\x97w\xb1\x1e\x98\x94\x97w\x97\xe1\xf1\xcc[\xf6\x96\x9f,\xee\xb7\xa7\x19v1Ibf7\x10T\xd9X$\xa0\r\x1b\x8d\xb9b.\x91\xd8\x19\xb9\xbc\xe4B\xb7v\x12\xfe\xe2~1\x8d.\xafy\\\x0f\x1f\xf5\xb2\xcbHJ%h\x93S\x01T\x8bF\xfa\xcdI\x06EQ\x04\xc3,u\x8a\x88^\xed\xd2\x85\x95\xc5\xc5\x95\xb4\xc2i\x1bTJ\xf8\xb8\x1cD\xde\x1dY\xd7\xfa\x8a\xc5\\.\x9d@9R\xf9\x96{T\xa2X,\x1a+c\xc7\xee\xd8\xfa\x98\xda\x04\xbd\xa9ttt\x10\xa8\x8c\x8b\x8bF\x86\xc2N\xa2t&gt;\xecs\xe4\xc3a\x07\x1a\xf5f(\x10\x8b\xb7\xcd\xc6&gt;\x85S90\x80\xcb\xa1\xb9&gt;\x8ax\x8e\xd5y\xc0*\x95\x12uN*\xfe\x0f\xbc\xcbd\x85\xca\x01W\xc5\xba\xb1\xe7^\xd3\xaa-\x06\x04A\xc6GA%\xd2\xed\xfb\xedL\xc8O\xd0e\xd0\x87\x03\x9f\xef \xec\xc8\xd34\x017\x82q\x7f\xbf\xfd\xbe]\x83K\x11\xf9\xd4\xccL0v\xb87\xad\xa2r\xb9\\\xb5J\xfd\x93\x9bM\x16\x1e\xef\xd5\x05\x95\x86\x9fD\xd5?&gt;u\x07\xb4\xea\xeen\x83\xc1p\x83u\x7f\x05J\xfbw,\xa0:\x80\x88\xa14I\xf8C\x8c\xb1y\xc5hw\x00\xd6\xd4\x8ci\xe6#\x94\xd6\xf4L8W\xaa\xa6R\xe8\x05G\xbd3\xafe\x07e\xaa\xd5*\x89}\x7f\xbc\x17\xd8\xb6\x02\x97\xc9\x80\x0c\x82x\xf5\x19\x81*D\xd1\xe5\x0cR\t\xfb\xd8\x11\xae\xa0\x10.\nt\xc3\xc8\xaeq\x01\x96\t\xb0\x8e\xdc\x9e\xe7ZS\xb8\xe0O\xa5\xa8\xfa\xe7\x11\xae\xb0^\xd4)\xdb\x04\x99\xf1&gt;\x9a\x86\x86K\xdb\x0bX&amp;d\xc0\xecP(\xec \x9b\x14J\x97\xcb\x16\xd9\rU\xba\x90\xaf@\xf5\xa3T\x9ea\'\x9e0.5\xa9f:UGn\xf7\xfa\x18\x96w\x9e\x11\t\xa2\xfe[\x0bWXIS\x99\xc6h\xfady\xe3)\x8b\xa5Vw\x02\x16\xdb\xdahByjP\n\x1c\xb8\xa3\xc0\x14\n0Y\xe7\xf38|T\xe6\x0b\n\xe8\x1f\x1cf\xb9I\xa5\xea\xee\x8c{b\xc7\xc3t\xfa&gt;E\x12\xe4K\xeeV"\x96f3e\x93\xa3P~\xb4\xf1\x1c\xb0&amp;;\xd5\xdd&amp;D*\x01\rw8\xf2R\x04\x01\xaa\xbc\x1f\x06\x91J\xa5\x08\x8a\x85D\xf9\x0e;t=\x0e\x01\x88\x83\xaaS\x15w\xbb\x16L\x85\xf6\x83&lt;A\x12\x9f9\xdb\x1c\xe6\x8d|.\x97\xeb\x15\x87\xc0\xf4\xd3\xf3\xbd\xb5\xedI5\x84\x0b\x91*\x9d\x9a\xbc\x03\xd2\x84B\xb4(\x02\x06\tP)?A\xa0h\x05\xe7\xcb\xc2:\x85\xc6,jU\xcd\xabT\xaa\xb8\xc7\x05b\x9a.0~\xb2\x92\xe4\xec\x88\x12\x8f\x97\xfc\xa1\x9c\xafPa\xfd\xf21`Y\xd5\xea^\x08\xd7\xa0\xa4\xdf,\x90\xf1qTJ\xd34I\x92\xd7\xd7\xe4\x07x!i\x12\xadT\x04\xb2;&gt;\x9dFb\x96\x7f\x17T\xa9\x82\x80\xd5\xe1{R`@K?s\xe9| \\\x14E\x15\x04\xc3\xd3\xae\x00\x1b-k\xaf\xc5\xd2$1\x0b\x1a\x1aD8Jg\xa2\xd1h\x06:\xd8\x1a\x8ch&amp;\x13\xcd\xa0|Y\xe3\x03\xb1\xc3\xac\xc4o\xb0\xb21O\xbc\xc3ad\x12%\xea\x82S\xc3\xdf\xb2zA\x10\x85\x02\xd5\x03X\xebZu\xaf\x15\x9c\xb5T\x02\x1e\xe3\x8eH\n.\xcc{~~~u\xf5\xe9\xd3\'x\x86\xb7\xd1(\xa2\x7fpG\xd7`\x1e\xa4\xeb\xdf\x05\x83\xc1\x8f\x80eb\x8c\xe9\x14u\x91\xe4\xd8\xbe&amp;_\xd2\x85&lt;U\x9e\x0e\xb8\xd6\x16&amp;\'\'\xad_\xb0\xc4\r\x88w\xf7\xcd\xd5\xd5\r\xcd\xa7\xf3\xf3\xff\x9d\xdf\x00^y\x11]\x97\xae\xa1\x9fF\xea@\x15\x04\xd9\x8a\xd7\xd39\x86z\x97\xe4\xf8\xec\x1b\x94\xd7\x05M\xe5\xd1\x87_\xb1&amp;\xd5\x96&amp;\xe1\x90X,\xf4&gt;{\x06L\xb5\xeb\xeb\x0f7\x83\xfcp]\xab\x9d_\xbd\xc1\xccb\xf1\x10_:5\x13\xfc\xf8\x11\xba\x9aH\\\xefsT&gt;/\xb5p\xbf\xbd\xb2\xbaS\xa7\xeb\xda@lmAk\xb5Z\xd5`\xae\x01\xab\x1f;\x01\xa8\xda5I\xa4\x12\xa9T\x02\x06\x99a\xb3J\x83\x87\x14\x08Y\xac\xec\xc7,\x8bU\x9f}w;\xe7\x17[^\xbd\x7f\xf7\x12\x9a_h\x9c\'\xb5V\xd6\xf3\x0f\xd9\xbf\x15\xe3\x99\x9a\x17\xea\x9c$\x80\x88\xc5\xa2\xc0\x08F\xa3e\\\'\xbe#\xe0\xcb\xa7\x82\xc1\xf9\xf9l&lt;r\xe8y\x9f\\\xba\xa5\xe3\xb1\xbc\x96\x91\xa5\xf7\x1e\x8f\x8b\xc5\xd2Z-l\xb4\xba\xc4\x02\xb8\x11YS\xfa;V\x8a hZ\x8a\x0b\x1au\r\x02\xbd|&amp;8\x1f\xccfc\x87\x87\x87\xab-\xb7xT\x8a\xb7t\x18\x89\xadk\xc7\xb4\xda\xc9nD(j\xd0\xc9D\xfc\n\x8e\xe3\x14\n4\x90&gt;\x92\x86\xe90\x8fWDz\x81@\xafo\x05\xac`0{\xe4\x01\xac\xa5[=J\x0cXn(.\x88V/"\xe7\x8b\x04f&gt;\x9fo\x96\xc9dz\\j\xc1\xa0=\x95\x8a\x1a\xef\xe0H+\\\xe5\xb7\xb6\xca\xa7T_s\x18\x89\xdc2V$\xe2\tl\x03\x96\xb6\xd7\xc0n\r\xb3T"YccC\xa3L\xa0om\x15\x89\x1ad\x8dz\x96J(\x97OM\xcd\xa8\xe6\xe7\xc1\xf4@i\xb9\x97n\xf5t\xe0\x92\'\xe2q}\t\x17f\xb8\x013\x9b!\x97\xe2o\xee\xb2+4\xe2\xae\xae\xbbw\x1f4\n\xcc\xb8P\xcevZ*\x15\x1b,\xc8a\xcc\xf3\xea6\xb1.W\xdd\x9e\xc8^`}A;\x06\xae\x1f\xb3\x8cK\x85\x92\xfe\xff\xd3n\xfe1M\xe7g\x1c\xf7\x8fK0\x12\x91RhI\x80\x9a\x86\xb4\x92t\x94\xb6G\xaf|\xe1RZr\x85a\x0bisW\xc0\x16\xaa]\x97F\x18\x16\x0b\x9a\xb6 #H\xbb\x18&lt;.\xa3$M\xb5MGhL\xfc\x15\x88vD4\xca\xa5\x93\xe5\x0c\xe7\xb8\x8dh\x98\x90\x9c\x18\x0c1n\xe2"\xe7Dv\xc0\xde\x9fOq\xf7\xd7\xdd\xee&lt;\xfb\xd0|\xc3\x1f$}\xf1~\xde\x9f\xe7\xf9&lt;\xdf\xef\xe7k`\xe7\xdd:\xb2\xbfz?=\x0f\xb1\xff\xc8\xa1\xbc\xcc\x06\x0e\x9f_s\x80\x91\xc9e\t\xb1.^\xbd\x9d\xd43\xc4)\x9f\x1d?~\xf1\xc4q\x7f\xa0\xd4eR\xa9\xd4\xc7jD|m\x03\x8a\xfd\xad\x91\xfd\xbf8\xf5&gt;=\x05\x04\xd50H\xf3\xab\x80\xc5\xc8\x89X\' \xd6\xc0\xdd\xa4\xe60\xe5\xb3\x81\x00:\t\x95\xcb\xa8RA.\x91\x8e\xb4\xc6\xd3\xb7FF\xc8\xe9\x91\x91\xf7\x8f\x1c*\xab\xa8\x80ZUzPQ\xb1zn\xf7\x0c\x0c\xdc\xdd\x91\\,\x7f\xeb\xc0\x89\xab\x03~\x82eT\xa9\xc9\xb3h]\x89\xa1\x05\xd3\xc5\xc8\xc8\xadS\xa7p)\xfbuKK\x03\xa7\xaa\x86`\xb5\xdf\xb9\x83\t\xf1\xe2q\x7f\xb2\xd5\xba\x11\x08\xa1[\x0f\xf8!\x97\x8bp%F `\x8dTW\xe3S=\x82\xe1\xa7\xe5\xafb\x11\xb0\xe4\x94\n\x8d\xe7\x8f\xfe\x80?\xa9Xh\xd8]!_k\xc0\x1f\x00V\xa9\xcbmD\x1ak\xf8b^\xcbi\x92\xc5\xea\x0f\xabG(\xd6\x90U\ng\xc9\xa3\xedSS\x03Wz\xae\x04\xba\xa2I\xc6*|\xee\xf2\x86\xce\x9ei\xed\xea"5\xc2\xe52\xa9\x95hBC\xe4\x86s#\xcd\xe3i\x0c\xd6-\xacO\xaa\xf4JE4\xea\x9f\x9a\xbaz\xe5x\xa0\xb54\x1a\xf86\x99+\x11\xbbTWd,\xd4\xdb{6\xe4\xf5\xba\x10FpU\t8Y\xb9\xf9\xf9\xe6\xd3\xe6\xc6\xdcs\xe74(\xab\x02\x81\x83\xb1E\xdb\xfd\xfe)\xff\x80\xff\xcbVW\xa9-p\xb1.\xa9X\xb7K#\x91H\xec\x02\xa27\x16\n\xf9\\n\x93B\xdf)\xd1\xb4\xb5\xb5\xe5\x9a\xcd\xe6\xb6\\\xfc\xa2\tv:d\xd1\x00\xa8\x02]]_\x9e\xf1\xb9L\x16u{R\xcbi\xcaW\x17M*\xa7*\x12\xea\xbdy\xf3&amp;\xc8zC&gt;\xb7I\xde\x19\x0c\x06\'&amp;\xdafff\x00\xd56\x11\x0cv\xca\xa2Q\xb8\xaf\xd5\xe7\xf3\x9d\r\xb9mj\xb5%z\xe5dR\xb1\x96,*\xd5\xb0\xda\xe8%\\\x04\xad7\xe6\x05\x17b\x82\x06\x00\x83\x18*l]\xad\xad&gt;\xe4\x1a\xd9\xf6\xd9\x14J`%\xb3\'b\x87:etb\xf1\x81+v\x01T\x97\x89f1\xa3M.\x97c\xec\x02\x1c\xf612\xb9\xcd\x04$\x92f\x84\xdb\xc60\x8cR-\xefI*\xd6?\x02\x11\xe71\xa9\xa8\x06\x82\xe1\x9b\xc1u\x99\x90\xc5\xbcn\xa3\xd1d\xa1ar{c\xbd\x17\x16\x88\x90\x08\x9f\x8dq\xd8\xab\x92\x8dU\xf8&lt;\x1aq\x0e\x1f\x14\xa1\xe3Q\xc1.\x10\xae\x04\x1a\x89X/D\xbaIa\x17\x90\xdeX\xaf\xd7&amp;\xb3\xdb\x05U\xc3\xc9\xc6\xba[\x1aqJEU|\x01\xbfFa\xf2\xc6\x08\x18%\xfb\xe2\xf2\xff\xe2\x0b\xc4\xc2\x02VC(\x162\xc9:\x83\x02`\x1d\x93/%\xd3\xf2u=\xa5\xbf\x0bK\xf9|\x016\x9e\x0c\xb8BT\x9f\x05\x8a\xf2]\x00\xeal(\xe4\ry\x8d\x8c]"\x91\xf0k\x86\x8f)\xae$\xed\xed\x02X\xeb\xe4US\x1cj\xf1\x05,l\xd3\xf5\n\x93;D\xa2\xb7\xf7\xfc\xf9\x85\x85\x05r9\x8f\xc0\xea\xf3\xb9\xdd^\xaf\xd7\xad\x14H4\x14K\xa5\xbez#yX;\xb0\x10\xe3a`q\xe8F]\xaf0\xe2\xdb\xdd\x08\xdf\x993gC\xa8RgBgpu\xa1\x8d\x83\xcbm\xb3K\xb8\xf8;\xa2\x96z\xeay\xdd\xb3\xa4\xa9\xf5&lt;`t\x12,-\xe5\xaab\xd4F\xb7\xdbh\xb1\xd9\xa2\xd1h;\t9\r\x19\xa9\x11n\xb7\t)\xe4\xb28Z\xd1A\xe91\xc5\x9d\xe4\xbcRC\x1e\xc9\x17\x9e\xec\xe9\x1a\x8b{\xa4\xa2z-\x8b\xa5\xe1j\x04z\xa5\x05\xdf\x8e\xaa\xf5\xfbo&amp;ff&amp;\xf0\x83\xeb\x04\x8a&lt;\xc12\xaa\x1d\x02\tK\x82\xed\xb3H\x1aV\xb7\'\x0b\xabn\xf9\xd4\'\xed&amp;`Y\xebu\xc0\xe2b\xd0\x11\xa0L\x18MrY\'\xa1ZZZZi\\YZ\x9aA\x99\xa7XJ;&amp; \x0e\x87/\x02\x96J\xfem\x12\x9abJ\xca\xdc\xa3W\x9b\xe3\xff\x8a\x1ag\xe9#_-\x8b\xcb\xc5|*q(U\xe8\xd5\x14ki\xe9\xd2\xa5K\xbfYY\x01\x96CN\xb1\x0e\x08\xb6\xb1\x0e\x0e\x03\xeb\x9d7E\x92\xbe\xe5\xa7\xeb\xe3[/}\xa5cq`\xd5\x8b9,\xcc\x86\xf9\x1a\xa4\xd1bT)\x18\xf4\x9d\x89\x99\x95K\x97\xc8gi\xc2\xc1(l&amp;\xa3[UC\xb1\xb4Z\x82\xe5\xb4M\xdd(|\xc7\x9e\x82T/\xc6\xb7\xb6^\xc6B\xde\xd9x\xd8c\xb5\x8ay\x95ddm\x03\x97B\xa5R*\x19\x87\xcc1a\xa6X\x8d3\x9d\x8cB\x01\xcb\x01\x0b5\x0bT\xc4\xf2\x1e\xa7\xfa\xce\x8d\xc2w\xf6\x1e\xec\xb3\x14\xe2\xa9\xb5\xbf\xbc\x06\xd4\xe2b\xacw\x11XRx\xebhIK&gt;\xf6W\xb9\x9a \xa3R)\x94\x0c#\x03\x17\xc9\xe2\n\xa1\xb2@\xac\x88Q\xad\x07\x15K\xab\xd5\xd5\x1f\x94\x86\x9d*\xe2\xf9w\xf4P%\xe5\x19\x84z\xfcb\xb3{\xfc\xe5l|v1va\x11\xd6"g\x86y%\x86L6\xb0\xda\x82v%\xb9K\x8f\x92\xc08\xdaV\xe0\xac\tbw\x0bfH\x95\xd2\xceAh\xb5b\x82\x15\x87\xb9&gt;\\\x9b\xfb\xf9\xaf\xcd\x13G\xd5\xcd=\x9a_m\xae\x1d\xcc\xd8\xfcZ\xea\x89\xcf&amp;\xb0\xac\xb0&lt;\xaf\xa4\xa1\x81]P\x90\x9b/\xe9t0J%\xe1b\x94\x9d\xb0\xfd\xcc7r\x05\xb6\x11\x98l\x95z\x01\xc1"\x07\xc5I\x12\x9d\x8a\xa9?o\xbez2\xf7s\xb6\xf4\xc4Ous\xcb\xd7\xaf\xbdXM\xcb\x19\xac\x1d\xfc`\xf5\xef\xf5\xd6\xf0l,\x96\xb0\x96N\\b\xc8\xca\xaa(\x13\xb235\xa8\xf5z\x92C\x19\xa3\xd0\x93\xda%W(\xd46\x9bE\xad&amp;\'\xcf8,\x0e\x8f\xa3\xa3X*u\xd4\xf2\xef\xe9\xf5\xf9\xb5\xb7N$\xd1\tL\xaf6\xd6\xfb\x07\xd3:\xd2\xf76\x01\xebh\x89\xce\x13_\x84XaR\xb6\xc4b\x0c\xd2\x15yee\x05l\xae@\xefp`\xff\xe7\xc0\xa8c\xd7t\xca\xc8\x93\x04r0\x97\xd1\x0b\xb0\x10\x1b\x1a8\xda\x04\x96\xd3R\xeaZ\xdc\xda\x9a~5\xf7V\xc6\xdf^yO7\xd6\x9b\x9b\x9a\x9b\x9b\xd2:&amp;s&gt;h*^\xfd\xd4\xc0\x93:\xbf\xc3\xe2\x95\xb4T\xe4\x91\xfb3\x05\xb9\x12;\xb0\xb0S\xeed\xd4\n=\x8c&amp;g\x90OP\xd9\x05\xf4&amp;\xd7\x90\xb6^$\xf5\x84\xc3\xce\x88;2\xf6rk\xfc\xc1\xf2[`\xd1\x16\xb3|\xfd\xf3\xcdf\x1a\xb5M\xe9\x1d\x93\xe0*.\xff4\xaf\xb2\xdeC\xd6!\x1c\x0f\xb1\xb6\xb1\n\xf2\xf2\xd8\xf9\xe8\xd9\x02\xb2\x85\xb73\x16\x0b\xa8d\x0e\x87\x8c9\x00g\x11\xa8\xed\x96\xe8A\xe1\x8ax#c\x8b7\xc7W\xef\xfd\xd4\x9b\x95\x04\xe9\xab\xe5\'\xd7 T\xf3\xe8hsm\xed\xe0`1\xc1\x02W\xfa|\x99A+\x9d}\x83\xc5\xe3U\x82\xaaL(,+\xc8\xcb\xd5H \x8cfB\x13\xb4\xc3dT8\x87\xfe\xc0\x01;\xfa\x00\x0bI\xe4\xe9t\xe0\x1a\x0e\xc7\xc7\xc6\xe2p\xc1z\xdf\xc6\xdaO*\x14\xd4P\x8f\x1eo\xac\x03*AU\xdbL\xb0\x10\x939\x93\x0f&gt;\xca\xab\x14\xc5\xe3\xcem\xac\x12\x03\xc1:tH(,`\xe7cK\x859\x91T\xd7\xa0D\xa3!\xba\xe9k\xf8\xa0j\xc0\x87\xc7\x13\xebh9\x8d\xcf\xce:\x9d\xb3\xb3\xa3{\x9b7\xae/\xcf\xfdX\xc5H\xee\x9e&lt;~\xb1Ns\xd7\xd77\xda\xdc\xdf\x0f\xaa7X\x939\xf7\x9f\n\r\xba0\xa8\x12e\xab\xd2\x90\x99\xe0:|\xb8\x804!:\xbb\x9a\xdb\x12\x11\xb4\xdb\xab\x86\xd02\xf3\xb3\xb2(\x16\xcc\x05\xb5\xa0t8\xfe\xcf\xbe\xe2\xe2\xd1\xd1\x8d?\xad\xfd(\xb0\x94\x1d\x85\xcb\xf7\xe6W\xcb\x81\x03\xa5@UK\xa8\x9a\x8a\xf7\x16\xa5\xefNp\xed\x9b\x17V\xf0\xa4\xa0"X\x90\xab\x81\x1c)+\x13\x1e:r\xb8\xd1\xdc\xa6A#2\x9b\x1b\x1bQ_\x11\xd8X\x08\xb4C\xdcL\x04\xc1\xda^\x89P\xda\xe3\to\x96\xef-**\xea\xeb{\xfd\xf9\xffO%YzO\xe6\xefw\x97\x17\x8d\x92\xf4\xf5\xf55C+\x02\xb5\xb7(\'}\xe7\x9e\xdd\xbb\x89\xbf\x1e\xfeRXi\x95z\xa4T-1/q\xd2\r\\Bac\xae\x86K\xa8\xc8Ib3\xa9\xfc\xd8&amp;\xf3YYY\xa0B\x12Q h\x12\x9d\xa4k}\xbd\x9a\x93\x93\x91Q\x9eQ&gt;=\xbeym\xf9\x07\x05C\xdb\xab[{|?;\xb5\xfb\x8dT\xb0U3\xfe%\xfc\x14\xe5d\xec\xdc\xb9\x9br}\xfcJ\x98Yo=h\x95Z\x13u\xcb`\xa0\x05\x02\xa6g\xc3]Y\xb9\x14\xab\xd1\\`f\xe7j\x86\xde`\x19\x1aX\xdbXa\xa7\xd3S\xaf\xdb(\xcfI\x9fLOO/\xef\x1f\x9f\x1e\xff\xcfo\x7f\xe0\t\x10i\xc5\xf7\x1et\xa7fg\x03\x8bHE\x13YTN"##\'g\xdf\xce={\x08V\xc7\xc3\x8f\xd8XU\xf5V\xab\x88\xa8U\t,\xacDP\t\xd9\xf9\xf9Ym\x14\x0b\\\xe4\xe8\xb5\x84_\xc5\xc9B\xb9E\x0e+\xd1\x13u"Z\xb8&lt;V\xf1\xafV3&amp;\xa9#\xca\xfb\xa7\xc7\x11\x7fX\xfb\xde\xc3\x8bu\xcb\xd7\xe7\xefggg\xa7fw\xf7\x11\xaaQ\\\x08RZ\x1a\xc5\xcaH\xdf\xbd\x13\x82uLv@.\x03\x8f#\xae\xa7b\xf1*a\xfa&lt;`\x15\x14\x14\x98s\xc1\x85\xfd\x049\xa5n6\xe7\xb3\x04\x08n\x05\x1b"r+\xd1\xaa\x13\x05\xc2\x13\x96\xd6\x1f}\xd1\x9d\xdeA\xbc\xba\xaf\xa8\xb6\x7f\x9a\x80\xbd\xfe\xdb\xf7e\xf2\xde\xfc\x83\x8f\xdf\xcb\xce~oWj\xdf\x9b(OK\xdd\xb7\x0fXiii\x19\x19\xe9\xa9\xbbv\xed\xa2\\\x0f\xcb\xd8\xdcJ\xb2\xb0\xc4bj.\x8aE\x92H\x9eap\xb3\xce\x01\x84\x1a\x1e\xc5\xfd\xbfl\x9bOh\x1bg\x1a\xc6\xd5\xe1\xe3\xdbof\x98?\x95\xe4\xcd\x0cr\xac)\x16\x1e\xe1\xb4\x88\x121\x97J\x08,0k\xa7l\xa8\xe6\xd0\x80-\xd6\x97`e\x85\xc9\x82\xa1\xb0\x07\x05A\x0e\x0b\xd9\xbd\x18\x16r\xdfkJo\xdd\xb2\x87&amp;\xd0\xc3\x96\x06rX\x88\xd8\x95/\xc2\x10\xdaP\xe8%!I\xdd\x85e\x9f\xe7\x9dx\xd3v\xf3Y\x92%K3\xf3\x9b\xe7}\xde?c\xe3+\xd5\rpA\xac\x15\xc1b\x14\x7f\xff\x9bK\xf7fw\xefz\\i\xfb\x089%\x82\xfd\xbb\xf3\xcf\xd7Z\x7f\x96\xe7\xb9\xc2r\xdc\xc9\xe4\xe6\x04+\x9f\xf8\xbe+\\\xaep\xa5F9&amp;\xc09\xe6/v\x97\x97p 0amV\xab\x95&amp;\xb9\x9a\x95\rpq\x86^\xfd\xadL\x86x\xba*b-]ys\x85c\xe0\x87\xc0z\xf7\xdd\x0b\xbf[xw\x0f=x\xc2\xf8\xed!\xb0 \x18\xc8N\xff|\xf2\xba?\xe7YZ\xebX\xc5\xb1\xf1&amp;\x93\xa7\xe0\xcas\xe4\x1e\xb0\\?\xc5\xbdL\xb9bE\xb9\x0e\xa3\xf9\xf9\x9d\xe5\xea\x07\x9b++\xfc\xe7\xc4\xcd\xa5\x82\x8b\x96_f\x18Q;\xaf,\xad^\xbf\x0e\xe1VW!\x16\xf2\x10\xad\x07Xo!\x8aX\xef?\xc9\x0f\x0f\xe9\x08cZ\xed\xe1\x11\xaa5\xb9\x08\xf6\xc7\xaf\xff\xdf\xfa\xb6\x8e\xe3D\xf1\xc0\x85Z\x91\xefF.u\xf2\xfd\xb0\xdck!\xa1SG\xde&gt;\xf4\xf2{\xbb\xcdJ\xf5\xdc\x9bW\xcem\x9e\xc3M\xb8\xdeCc\xac,W\xab\x88\xe3\x12\xd7\xf5\xebKU\x84\xb2\xb2\xb1\x01*\xf1\xd6%1\xfd\x85\x0b\xff\x9a\xe1\xd4\x02c\x1c\xe5\xa3\xc9\xb6\xdbC\xa0\x15\x82\xbd\xce\xfa\xb1\xb6I\x16;\xc1\x04~\xbf\xd9\xea\xddl\xa1\xe2\xf5Z(Z\xd8\xb4]\xcf\xb2\xb2\x0b,\x07\xe5\xcb\xcc\xff1\xda\x85\nEIB\xd4\xf8\xa7\x1e\x94\x89\xf3\xc8\xb9U\xae\xa5%D\x91P;\x88\xe19b\xad\xc8$x\xe9\xfd\xb7.}87\x14\x8bF\rC\xa4R-\xab\xd7\tF\x8f\xdd?\xfd\xfc\xe7\\\x89m\xdb\x89N\x928\x9e|\xf2\xc9p\xd8n\xb3\x19r\x15\xdf\x8f\x00\x16\x9a\xd8!W\xa0\x8f\xd7F\xbbh6P\xe7\x9c\xb0U+\xc5\x14\xb1A\xb9`0`-\xef\x80\xaaIUA\xc5!\x026\xbct\xe1\x97+Or\xcf\xf5\x02\xc7\x89\x95\x0bc\x94\x99Q=\x9c|\xbb\x90\xec\xb4\xf3\xb3\xeb\x0f\xdb\xb2y\xd3:!\xd6\x11?u\x8b\xab`;:\x1a\xb6\xb3r\xaa$\x1b=3\xfb\x8c\xb5\xa9\xb9\xb3S\x11(4\xc6\xcay\xc6\x11\xf6:Sky\x19\xa1\x85X\x82\xb5)\x92A\xb3\xcd{3n\x0f\xb1T\x14f\xb50\x8d\x942A\x1a\x96[m9$j\xebO\xc7i@Y\x96\xad!\x18\xea\xd6P2\xe4\x7fTGl@u\xc8\x15\xc4\xca\xb0\x0b\x99\xc5\xe7\xa3\xa2j6\xc5QtW\x13\xae\'\xc72\xad\xc5\xbf+V^a\xbdI\x03~\x80g\x7f\x9a3\x03qnN\x14\xd6\xb2ZJ\xe5L@\x0b\x17\x8a\xdd\xbf\xff\x9f\x07?1\xbe\x05,\x8a\x15\xc7\xd1\x04\x86\x1a\x16&lt;\x90\x89B\xa1)\xd6j\x19v\x03w\xd1\xf6\x9ezqg&lt;\x1e\x0b\x9ap\x91\x8a\xc5\x8bX\xa4\xa4ZMfA\x95X\x92\x15xZ\xdd\\\xe0\xac\x10Ap\xf9\xd8c\xcf\xf5\xdc\xc0(\xd4\x00\'H\t\x065\xae==&gt;\xf9\x91\xc1\x08%KG\xe8\xd5\xadV]V\x9b\xa9\xc2V]\xa6?ke76\xe4\n\xcc\xfc\x0b\\\x0c\xdeY\xe3\x7f&lt;Q\xb1\n\x98\xd0\xad\xd7\x18\xc7b\xedT\x9a\xe7\x9b\xcd\xf3UY\xcb\xc0\xc6\x87\xaaOrb\xa148.\xdc\x8e\xb2\x08\x9dR&lt;F\x01\xfa\x0b\xead\xaf&gt;\xbc6\xc9\xe7\x8f\xbe~\xe7\xbb_\x9c\x05Q\x0bU\xa2\xf2\x1c\xe0\xe4\xf0SV\x072\xb6`N6F\x0c\x12\x8epE\xd1\xe2\xa0\xd3\x81b\xb8P\x15\xb0\x82j\xed=L\xf5|\x89V\xd4lbd\xdd\x10*\xfch\xb46Zk\xde\x9b9\x11\x99p\x0f[H\xed\xb2\xec\x9a`\x11\x97K\xc1\xea\xa8\x98\xb3W\x82\xd9\x96\x98\xcb\x8e\x81\x15\xf9\xe50uM\x92\xb0h\xa8\x88]1\x14\xb5\xb2\x9a\xcf2\x08\x879\xf9\xf1V\x87\xeb\x0e\xd8F\xbb\x18\xb8\xf6\xf68\xa4b\x96\x18\x8d\xc0\xb7\x8b\x1f\xed\xad1\x0b\x96\xc1&lt;\x1a\xe1\xd7\x089\xc7\x00\x00\x05\xe0IDATCk\x7f\x9dE&amp;r\xe8,\xe3gE42D\x00\xf3\x8d\xac\x90)\xd9\xeaE(\x8f"\x98\xa4$\xa1\x04K\xe7\xb96&gt;:sl5\x1a\xd3\xe9\xb4a\xe9\x08=(\r\xb1\xa76\\\xcf\xd3E\xfa\x98\xd9\xa3\xce\xa0\xc3\x1b\xc0x\xd8\xf1\xf8`\x0c\x10\x0c\xaa\xfcZ\x1b\xed\x1d\x80\x94-|mO\xde\x1d\x7f67JR\xd9\x18\xb7\x86}\r\x8b\x05\xeb\xb6\xeb"\x1b\xa9\x04K\xbf\x12L"\x08\xae\x18\xb2M-7LM,TSQ\xd0\xf1\xd2\x0cUc\xc8\xe2e&lt;\xee&gt;\x8a\xe6\x0f\x06\x83A\x07\xb7\x0e\x0f\xba\x855&gt;\xd8\xbb\xbc\'8\x07\xa3\x83\xf1\x01\x16\xf4\x03\x1f\xde\x1do\xfdj\x1e\xb0\x1aP,\x17\xe9\x93\x89q\xc9\xd5~ea,\x1fI\xa55\xc8\xe6H\xc9\xef\xa4\xf9H\xa5\xb7\xec\x06V\x84 jbY\xca\x14\x16m\xb3\xc6Bu_\x05,\xd2&amp;r\x17\xdb\x03Y\x9d\xce\xd6\xf8N\xa7\xdb\xe9n\t\niH\xb2\r\xca=\xe0a\xe1\x13\x7fYD\n\xcd\x1e1D\x12fY\x08\xdf\xd2\x15Y\xab\x9e\xb5\xcf\xb2\x0b\x8f\xad\t\x06\x06\xd6\x03\n\xf6\xfd;%x\x1d\x02\xc7P\xcc\x8d\xb4jX\xcc\x18\x1bX\xb6\x13`\xfeK\xcbh_H\x03?\x0ck\xae\x03\xb9b\xb1\xfd\xf6\xa0_p\xe1\xb8\xddnwkk{\xfb\xe0\x80wQ\xaf\xbb\x05\xc2qa\xc1\xedE\xc4\tD"X\xceXHSX\x1c\x99\x88\xcc*\xb7\xe0~\x98\x0b\xad\xae\xf5\xe9\xb3\xa7\xb9Nl\xd8\x1a\\\x8b\x87%+a\xa54I\xc3\xf6}\x88=\xb5bX\xdbn \xaa\xc6sQ\x85\xeb\xf5\x9a\xefyA\xe0\x86ad\n.C\xae\xc1z\x81\xd5\xe9\xf4\xfb\xdd\x0e\xc1\xb6\xf80&amp;f\x97\x91\xe5[\x83\xed\xe3\x08\x9d\xcb\xb0\xb4\xb8\xa1P!\xa3\xec\\+\xc3\xf2\x00&gt;$"\xf4\xf7?\xfd\xea\x9b\x1f,\xb4@\x80\xc5I&gt;\x99\xa1\x9cb3\xb4\xbbF\x14F\xb9\xa5\xec\xa9M,\xa9\xfc&amp;\rk-P\xa9\x18]\xc0\xf1\xc2T\xe1\x83\x1c\xcd\xc8\xd5\x19\xbc\x8c\xe4\xe0\xc6\x8d&gt;A\x04g\x9b\xdf\xc9Y,R\x89\xd7\xd1"B\xd6e\x1f\xd5=\x96~\xa7U\x9c\xc0@\xe2\xec\xfc\xf4\x9b\xfd\xaf~\x80\x91\xd0\xa0\x13\xce39\xb0\xb4r\x02\xa3-\xbf\x9c\xc3Q\xf0\x95v\x92\xa2f\xe8\x88\xf3V\xaa\xaci\xc3F\xb9\xc0\xfc\x05{\x05\x92\x8f\xd1\xe2b\xa7\xdb%\xda\xfa`}}\xd0\'\x13q\n*\xbc\xc4\xbb\xdd\xce\xc5\xb3\x08\xc2\x0e\xd4\n%\x0b\xf1C\xe2H\x1b\xb6\xad\x06\x8b@\xc3\x9a\x9d\xfe\xfd\xf6\xed\x8fNs\x8c~,\xeb\xacM\xa5FC\xd3\x90Z\xa3f)\xbc\x80\xf1u\xac)\x96\x86\xed"Wi\xab\x01,\x93\x02+\x8dl\x9e\x02\xachP\xee\x07}\x1al\x1d\xeb\x06I\xfa}Q\rX\xfc\x8e\xb8v\xbfX\x14Z\xd1\xa5)\xb5*K\xadv\xd1x\x8c\x96^\x0c\xaeF\xe3\xe9sP\xed_}\x9e\xa3\x19%\xfc\x82\\\xa5\xe9T+\x95 5\xa1\xcc\xddd\x8a!\xa7\xd1P&amp;\xb1\xf0\xa4(i\xb25\x9cQ\xf6\xbd\xc0U\x16GU\xe3\xe8\xdc\x99?\xea\x0e\x04\xebd\xfd\xf1\r\x82\xddx,&lt;}\xbe\x80l\xe3og/#\x88\x1e\x9fr\xbe\xcaz\xa8\xcdH\x1fF\xd2\xe8\x97\x85\xc9~\xfa\xfc\x0f\xa0\xda\xdf\x7f\x1e\xc5\xc0\x00R\xac\n\xac \x06\x04*ixh,8\xdeBq\x80\\P\xcb\x92\xa6\xa4\xec\x86\xf6\x90\xd5\xbeb\xaf\xe6h\xc6TV\xd1\xecx[\xc4:9\xc1\xc3\x8f\xb0\xfa\x92\x03\x97\x8fg\x9e\xf4fD0`\xc1\xe2\xa0\xcbI\x8b\x8d#\xf5\x1c\xc4Bz\xde\xe4\xd9G\xfb\xb2\x9eM\x18 \x19\x1a\x92\xb8\x04\x86 A\xe0\\4&gt;\xcf\xd3S;\x08l\x04\x8dX2K\x1b\x03\'(7\xec\xf5\\\x07#R\x80\xfa&amp;\x01F2\xe5\x8b\x07\x12Cr\r@\x85\xc7\x97b\xf5;\x97\x17\x91LC\x05\x95\xf4/\xf61r!\x90\xaeqP-\x91\x92j\xf2\xec\xea\xfe\x19V\xd1\x9cq\xde:)5bO1Z\xbdz\xe6\xa3\x00L\xa7\xca\x0b\xe0/\x90i8\x08\xba \x9b\xa5\xca`_8\x8e\xe7\x16ve\xd3t \xd8\xdb\xc4\x12\x7f\xf1a@\xd1`\xb9\xce\xb7s\x98\xbd\xa0\xf2&lt;R\xd1W\xd8\x0b\xf7\x03s\x99\x98\x91\x8a\xb5*\xb4b\x10\xdf\xf8\xf8\xa6\xa3P l:,)\xc1\xcc1\x94\xc9[\xed\xccU,\x14H\x01\xcd\xdc\xe3\xc1c\x94\x86\x88C$N\xd5%\xa4\x13\x1cz\x8aN\xc5\x9b\xe8\x16\x06\xad\xa2\x08b\xb1\xfa\xb2\x06\x17\x8fs\x95\xd3\x84\x8e$a*\x8eB\xc6\xe0\xee\x89\xe1\xb1[-T\xcf\xcf\xa8\xf6\xf7?\xbe\x16H\x81\xd0\x9c\x94K(lq\x03)W\xaf\x97U\xc2\xba\x84R\n\xad\x94\x0c\x1d,\xc7\xf4*N\x16\xcd\x12\xb9\xa1c\xc7\xf3\xe2"\r4&amp;`\xa5\xa7\xc7\x0fO\xbe/\xc0\x1e3|\x83\xc1\xdb/\xe6\xd0\x1f\x9f\x94+\xa6@fPI@WFRd\xb2\xe1\x85)\xe4\x84\xdb\x85\xaa\xc0\xfa\xb5\xaf\xed\xe2|\x8d)\xb98\x9cVyT\xab\xb9\xb07.\xbb\x18B+rCi\xab\x98h\xd1\xea\xd9U\xd9\x14\x93\x1c\x1b\xc1\xf7\xa8\x19X\xc8\x13\x14\x16[\xcf_\xfc\x8dX\x8f\x05k\xbd\xffh\xa1\xd0\xc3P.Q\xb3Q\xa9]^\n\xe3\xe6q\x04\x11\xafr\x12a/\n\xa0\xd5mB\x15\\_\xde*3\x0e0\x07\xb6(\xa5a\nGG=\x0c\xc6\xc4\xe2\xc2&amp;~\xc8\x0b&amp;\x19BpU&amp;Wf\xbdHi\xfeV\x80\xe7\xab8\xfb0\x94\x89\x02\x97\x050q\x98@\xcdr\x107\xc4\x7f\xc0\x0e\\t.N\xee\xd8\x08.WL3\\+\x93\x16\xbe\xba\xfd\x12\x0bTo|y\xab\x16I\xb9\xa4\x95K\xe8R\xb6v\xfd\xac\x16a7F\xda3\xbd\x90\xc9\xf8qt6\xd2\xb7z\x93\xdc\xb2\x12kqla\x8e\x08\xbc\x82\x8b\x8a\xa1\x16\xdb\xb9=\x7f\xf1\x90a|x&lt;\xb3\xe5\xe7\x18\xd7\xa4\xad\xf2\xb7P@\xf2\xd8v\x15\xeb#\x1c\x85r\x89\x8b\x9e\xf4\xe6\xb3\xdbgk\x7f\xff*\xd5\xfa\xef\x80\xf1\x05\xcaJ\x1c\xc0\x12\x14\x00A\xd79\xf4{\x92h\xe9\x00\x00\x00\x00IEND\xaeB`\x82'</t>
        </is>
      </c>
      <c r="M438" s="3" t="n">
        <v>45492.6771875</v>
      </c>
    </row>
    <row r="439">
      <c r="A439" t="n">
        <v>1092614</v>
      </c>
      <c r="B439" t="n">
        <v>7314</v>
      </c>
      <c r="C439" t="inlineStr">
        <is>
          <t>Pedro Rangel</t>
        </is>
      </c>
      <c r="D439" t="inlineStr">
        <is>
          <t>Pedro Rangel</t>
        </is>
      </c>
      <c r="E439" t="inlineStr">
        <is>
          <t>GOL</t>
        </is>
      </c>
      <c r="F439" t="inlineStr">
        <is>
          <t>GOL</t>
        </is>
      </c>
      <c r="G439" t="inlineStr">
        <is>
          <t>GOL</t>
        </is>
      </c>
      <c r="H439" t="n">
        <v>192</v>
      </c>
      <c r="I439" t="n">
        <v>12</v>
      </c>
      <c r="J439" s="2" t="n">
        <v>36705</v>
      </c>
      <c r="K439" t="inlineStr">
        <is>
          <t>Right</t>
        </is>
      </c>
      <c r="L439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75aa5e-1f1d-4228-95af-0b2b5a1b04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bI\xec\xb9\x00\x00\x03\x00PLTE\xff\xff\xff\x03b\xa8\xce\xa4\x80\xf9\xf8\xf8\x06]\xac\x05a\xb2\xc4\x9fp\xfc\xfc\xfc\xfe\xfe\xfe\x04g\xb3\xb6\x90m\x03`\xae\x07[\xa8\x04f\xb8\x05j\xba\x07G\x88\xaf\x8cf\xcb\x9fx\xa1\x82]\xcd\xa7y\xc6\xa1{\x05U\xa4\x04c\xb6\xbd\x90n\xb8\x95q\xca\xa2~\xbd\x98v\x04F\x8e\x06Q\x9b\xe5\xbc\x8d\xd3\xa4\x81\x03\\\xa5\x04U\x9e\xaf\x90l\xbd\x95i\xb8\x8ed\xd5\xb0\x84\xd3\xac}\xdb\xb3\x8c\xc3\x9by\xaa\x8ab\x02Z\x9f\xc4\x97p\x07C\x83\x07L\x94\xda\xb5\x87\xc7\xa6\x81\x97y\\\xe4\xb2{\xcf\xa1z\xc9\x98t\xd2\xa6z\xe0\xb8\x8a\xbf\x8ee?96\xbd\x9bm\xe6\xb9\x8b\xc3\x91n\x01l\xb6\xa8\x83]\xb9\x8aj\x03a\xa2.\'%\x8doQ\x06Z\xb0\x05A\x89(" \xb3\x92x\xd6\xaa\x82\x03e\xae\xcc\x9er\x07W\xa9\xda\xb0\x85\xf5\xf3\xf3H?&lt;\x9d~[\xd1\xaa\x84\xb3\x90b\xc8\xa4t\x92uW\xbf\x9fy\x84gIaJ4jN4\xa3\x86b\xa8\x7fY\xc2\x94v\xdb\xabx\xe4\xbd\x944,(lT&lt;\xb7\x95g\x07M\x8b\xb1\x8bk\xaf\x84dv]C\x03N\xa2\xdf\xb7\x92\xd6\xaa\x8a\xca\x99j\xd4\xa5r\xa3\x87l\xb8\x85c\x02U\x94\xc4\x96\x80\xad\x87^\xaf\x97v\xd1\xa1k#\x1f\x1b\xba\x9f\x80\xa9\x89h\xc4\x95f73/\xa9\x8do\xcf\xa3\x8a\x15\x1b\x1c\xcc\x9d\x85\xcb\xaa\x83\xef\xeb\xea\xb2\x8a^\xc2\xa4\x81\xc9\xa8\x89\xd6\xb1\x8e\xc4\x9e\x82\x05I\x9c"\x19\x15^D,\x97~c\xea\xbf\x91\x0cX\xa3\xa2{S\xdb\xad\x94\x021\x7fvV8\x04S\xad\xec\xe5\xe3\xe6\xb6\x83@6.\xbc\x8fv\xec\xc4\xa2\x90\x8f\x8d\x81_&gt;&gt;2&amp;\xdf\xb2\x82\t[\x99\xa7\x7fh\xe3\xdd\xdc\x038\x86\xbe\xa7\x8d\xb0\x95l|dK\x04F\x94\xe7\xc0\x9bPGD\x9d\x82j\xc6\xac\x95\x88nV\nV\x8e\xed\xef\xf3\xd8\xd3\xd3\x01:\x92\x0e\x1f1\xd2\xb5\x9d\x13\x12\x10\x1eG|\xb2\x89v\xb1\x81\\\x8dhI\xca\xc6\xc7\xbd\x9c\x8bR&lt;&amp;W?.\xb7\x9ct\xa1yd\x9byS\x8c\x84\x81\x98rQ\x1eT\x8a\xac\x85o5X\x7f\xb6\x96\x84\x96mF\xf7\xed\xeaG;0\xa9\xa0\x99\x054v\x1e\x16\x0c\x8dsa\xc4\xae\xa5\t)JZQN\xb5\xa7\x97\xa7\x8av\x0fb\xad7(\x1bGw\xa4\x0c4b\x08=zi]X\xcd\xb8\xad\x9frI,h\x9d\xdb\xe3\xeb\x13@m\xf2\xdd\xd3\x9ftZ\x7fhV\xd3\x99z\xb1\xa9\xa8\xe8\xc6\xb7K4"\x9d\x94\x90\xee\xd2\xc4c\x8b\xb0\xde\xa2\x88\xbd\xb7\xb8rig.\x18\x15hw\x89\xc6\xd2\xe0\xde\xbf\xb1c\x1f4-Hk\x96jX\x15b\xa3\x1f]\x96{\x19,\x8d\xa8\xc3A,\x16cPE\x83]LF]x\\o}\xa9\x9b\x82\x7f}}\x14Q\x81\xde\xb9\xa0\x99\x9c\xa3\xa2\xb8\xcd\x7fut\xd9\xca\xc7Gj\x8a\xb1\xc2\xd4[^_g\x16\x0b\x1ao\xb4t\x85\x94#1!G\x14"\xd0\xc0\xbaD?\\\xc2yTy\x9c\xbb-2Q\x8eC+\xafVF\xe4\xf3Y\xd2\x00\x00 \x00IDATx\xda\xcc\x97oH\xda\xfb\x1e\xc7\xc7\x04\x8d\x1e5\x15\xea\x04\x0e\xb2?\x8b\xa0\\i\xe6\xe8\xa0\xf0S$me\xda\xbc\xfe\x19%\xa6\x8dc\xe9\xd4\xdb\xc9\x8e\x86\x15\x8dh.\xfdE\xd2"+\x12\x8a\xdd9\xdd2\xc6\x19\x8a\x03\t\x1fx\xee\x93EW\xe1\xaapaO28\xa3C\x07z0\xee\xb3\xfb\xf9\xfel\xbb\xbb\xcf\xb5\xdd\xb7\xe8\xef\xf7\xd3\x07\xbex\x7f\xde\x9f\xcf\xf7\xfb\xbdq\xa3\x0c\xaa\xfa\xafn\xfc\xdf\x88B!}#\n\xe5\xfb\x13U\x91$\x0e\x7f0\xf8g\xe8\xab\x82A\xff\xb2CB\xfa\x9el\x14\x92d9\x98;\xc9z\xa3\xa0O\xe8\xfd)\xea\xcd\xc6Or\xa1\xa0CB\xa9\xfanN\xf9C\'\xde|:\x19\x08$K\nH\xd1m:\xff)\x9e\x0b.\x7f\x17\xb0*\x8ad9\x14\xbfH\x07\xa41\x904 \x05")\x97\xcb\x95\x82\x02\xc9\xf4\x85\xf7$\xf4\x1d\xc0\xaaH\x8e\xe0\xc9\'\x02\x8a\x00\x01\xa2\xd2\x07Wc\x83;\xc2\xb2\x93\xe0\xee5sU\x91\xfc\xb9h:)\x8dy&lt;\x1e\xe4\x96\x87\x1bC&gt;q=6\x9bFc\xf3p\x91w\xc9\xbc7\xe7\x97\\g\xf6)\x12\xb0*)\x95z\x08\xe1\x1e\x1c\xf7x\x88\xfay4\x84\xf8|\xbe\xc6\xc3\r\xa4\t\xc3\xae/V\xbb\xc1x&gt;\x80\xdc\xc1\x11\x10P\xe1\xc0\xe2A_\xd846\x1b\xcew\'\x12nL\xc3\x95&amp;\xf3\x7f\x84\x1c\x94k\x8bU(\x9b\x96r\x89\x9ai\x00\x0b\xd7\xe0\xc8 \x14*.\x98\xc6\xd5`\xee\xfd}\xb7\x19\x9e\xb9\x81\xcb,pU]\x8bW\x8eP4\x89\x9a\x0edC4D\xcd\xf8\x18\x86!\x10\xa9\xd4\x86\x99\xcd\x18\xc6\xc7\x10g p\xe9\xbd\x1e.\xca.P\x11HP/\xbe\xd9\x8d\xf1KB0\x88\xc4\x06\x80|H&gt;f\xe6\xc3\x03Wz\x19\xcd]C\x1d)\x92\x90\xf7\x12\xbcB-wU-\xb0\n\xbc\xc1J&amp;\xc1\x9d\r\xfd\x8a\xdcC\xc46\xe0\nV\xbc\x1f\xab$\xc1l\xfa\xaaz|,\xb1\xbf\xbf\x9fp\xf35D\t\x11\x97\x19\xde\x1a\x94:\x945\x80\x9e\x024n\xfe\xc4O\xaa\xf8\xbc:\xc9sKy\xc2\xcc\xc8*\xcc\x8c\xa1\'\x82\x89\x10F`\xd9@\xd8\xfe\xfe\x14H\x13\x88V\xba\x1d)\x8e\x7fG\x03)\xf3\x14*\x1c*`\xca\x13\xc3\x89^\x04H70b(^\xa0RC\x9a\xa7\x00\xcc\x8c\xd9\xd2\xd9\xa0\xa4\xaa\xa2fA\t=\xe0\xd2\xfeT\x02T8\r\xcf\r\x83\x14\xe1\xd3\xd3\xd3T*u\n\x03\x0cG3\x1f\xd7\xa4\x00\x16\x1ab\n\xf9e\x96\xe6\xe3~R\x05\xb9H\xcb\xb94\x8e\xb9\xa7\xa6P\xa4R\xa7\x99\xb9%\xf9K\x81@\xb01\x8c\xb8N3\x11\x85V[T("\x19@\xc4aQ\xd2\x00\x17\x92-p\x91[\xae\xdc\x94\xa0H\xfe\x8c\xc6\xccDi\x12\x89TxN\xe1;\xa4\xb6\xd644&lt;\xee\x17\xc8\x04\x02\x19k~k||~\xe7X\xa7\x88\x84\xc3\x91\xc8\\$\x83\xa7P\x13@\xc9\xa5\x9fB\x95[\x85H\xfex\xb1\x90@T\x18\x96\nku\xbe\x03\xd3\xc3\x1e\xf2\xe0\x0f\x1dC=\xf4\x1f\xe8tz\x07h\xb6\xbe\xe1\x81L ?;\xf3-\r\xcf\x85\xc17\x08!\xacD\x81h\xb0bet\xe4\xf2\xf8&gt;P\xb9\xf9\x9eXD\xbb!8\xa8a\x92\xc9\x83\xb4\xe6\xa6\xa6f\xb6\x91\xc6\xa6\xd1\xd87\xd9\xa2\xfb7\xe9w\xea\xebFF{\x17\xdf\xf9\x96\xe6\xc2a\xb0\xcc]pc\xc9\x93eJ\x85V\x1d\x7fV\xeaF\x19\xc641\x85V\'?0\xb5\x89\x07\x8d\xb4Nvss\xb3QeT\x11jf\xb3;\xd9\xb7o\xdf\xbe\xd5e\xe8\xfe\x1b"\x1b\x9e\xcb\xa4\nn7\xf7"T\x99n\xac\x92\xe4\xf2|( \x9f\x9f\xca\xcci\x97|/\x17\x99m\x061[%\x12\x01\xd6]\x90Je4\x1a\xd1\x1b&gt;\xd9l\xe3\xa4\xc1`\x05\xb2C\xb9\xf64\x01\xc3#\xe0\xad\xccP\xa5,\xc7\x93|\xf8\x03&gt;Q\xc0\xc3\x0f\xcan\xb1\xd5*V\xdd]\x05\xdd\xfdF\x04\x9dq\xb2$\xc3\xbd\x1fG?j3)\xb3[\x93\xcf\xedVffE\xa5\x85\xfdB\x01\x8f\x0c\xcb\xfb[G\xaa\xdb\xba\xc4\x86I\xa3\xea\x8a\xe5\xee\xff\x92\xa9\xae\xc8\x0c\x86\xae\xda\xd1\x8fgaH\x17\xd7\x1b\xac\x80]\x94\xdd\\\xde\xe3N\x14R@u\xd0Z\xcdl\x13\x8b\'\x81\nx\xbe\xf5\xea\xe9\xdd\xd2\x17(fF\x02\x0b\xf9\xf5\x06\xf9e\xbe\xac\x84]\x94\xe5lR\x93($2\x8a3e\xefL\xa3\xd5 6\xa2\x94\x97X\x9e\x12\x17B\xabWjF\x8e\x11X\xd6\x1fG\x05Z\xf0K\x1a\xf7\x97\xbf\x19)\xfeh\x80\x9f(\x14":\x99\xd24\xd3m5\\Q=\xfdV\x8c\xa7\x9cU\xf4j\x87\x1716\xc4\x90\xfb{\xf7\x1a\xa9r\xc5i\x01\xbf\x08\x95\x7fv\x91\x82y\xee\xe7\x8495\xbcC5\xcd4v[\xc5\xa5X\x01\x0b\xef\x8a\x89\xc7c\xf0\x18\x1c\x10\x83\xc3h\xe7\xb4\xb7\xb77\x89\xd8\x9db\x83\xd5j\xed\x9e9\xf0\xcd\x9d\x9e\xa6s\xe5\x9f\x11\xa4\xd0\xa5\xeds\xe23\xaec\xb5"*4\x1aVK0\x84\x18\xc0B\x88\xc3\xb9\xba\xe8[Z\xc0/d\x17`)\x05K\xe1L1\xee\xa8*\x7f\xe2\x01\xeb3\x1e\xd9`\x99\x1a\t,#\x81\xf5\x85\x8a\x03`\x8c\x85\x85\x05\x06\xe3\x0b]KK\x9f\xa8\xd98I\x8c\xaf\x19S\xbf|8\xac\xc8.\x97\x1dk\xf9\x8f$`\xc5\xb4;\xfd3\xdd\xdd\xd6\x92[\xab\x1c\x0e\xef\x0b\x98\x9a\xa7^\xf8\x82\xc5A\xb5l\xef\xeb\x13\xa9J\xf3\xcb:P\xf3\x80\xa5\x9bSd\xfd\xe5\xc6"\xf9\xbd\x01\xd8\xde)6d\xcaG\x88\xca \xeed\x8b\xa0\xe18-\xbc/Bf\x11\\\xa5\x84\xad\xf6\xf5\xa9\xae\xb0\xc8\x0f\xab\x1b\xb6\x8e\x15\xc5h\x90R\x01,\xae\x07\xcc\xfa0JPM\x02Vs\x1f\xa8\xa5\x85\xa3\xe7\xe9\t.\x02\x0b\xc5\x8c\x07P b\xaa\x02\x15\x8d\xdcS\'\x1c?.\x16\xa3\xa1r\xef\xba`\xc6\x07\xb8\xb1\x88\xee\xe3\x87G\xf7\xac\x06\xf8/#\x9b\xcd\x16\x89\x080=\x87\xc1\xfb\xca\xc5X\x80\x07\x02\xeb\x9f_\xb9\xc8=\xf5\xc2\xf1\x9db\xf1"W\xee\t!\t^\x04&lt;1\x85\xeeP\xf9\x08\xbc\x02\xb3\x80K\x05~\xad\x82]z\xbd\x1eUn\x81Wz\xa1\xec\xab9\xed-\x08\xb9\x9968h\x1c\x9c$3\x1b\xd7v\xb4\x8a\xf4I\xb9\'\x84$t!\xc53\x80\xd5\xdb\xd8\rT\x93Fb\x9a\xaa \xd6\xa2\x16\xbdZ\xadF\x91\xe21J\xf1Z\xd8\xdc\xdcT\x03\xab\xcb\xd54=\x08\xfb1\x18\xf6mL\x98\xf4\x91b\xbc\xdc\'FI(\x0fXs\xbaCS#\x13\xb0\x8c\xa8\x86\x90\xad\xf6\xbe\xb1\xb1\x16\xf5\xca\x8aZ\xaf\xd63\x88\xd0\xaf\xac\x10P{\x08k\xcc9M\x07\xaeI\x03\x99L\x1e\x11\x0cG\x8a\xd92\x9f\xcc`\xb3\x95\x8e\x01\xd6\xd2\xc1\x0c`\x89;\xc5b\xd4\x89"T\xbf\xf3\xcdM Q\x13Z\xd8\x04*\xb5\xde\xe5tv\xfc\xd21;\xeb\x84\xeb\x10l`\xadV2\xb9A\xa0\x88\x14\xbd\xe5&gt;0\xee\x96\xb0t\x075\x8d\xcc\xb6\xae\xae\xae[w~\xb8966\xe6z\xf2\xe4\xfc\xfc|o\x0f\xb1!\x9b\xe0\x03\xa0f\x85\xf6\xf1\xf1\xb5\xb5q\xfb\x84\xc524D\x1e\x04\xb3\xdaFdZE\xd1[\xee\x9d\xb3#\x97\xf6\x00\x96\xaf\x7f\x80Y\xfb\xec/w~\x02\xcd\xfe\xect\xce\x82~\xfe\xab\xeb\xc9\xde\xf9\xca\x956]\xb3\xd0v\xf3,\xd9\x99niI\'g=h\x1d`\x02X}\xc3\xfcF\x05\xb0\xa0\x88x*\xa3\x90S\xab\x01\xeb\xd9\xb3\x9f\x84/^\xbc]{\xc3\x92\xc9\xde\xac\xbd\x10B\xb5\\\xe7+\xff \xb0\xd4\xcez\xf0j^\xb6\xa3C\x07\xdb\xe1%\x9f\xfc\xe5\xe2\x0c\xb3\xa7\xae\xce\x0e\xf3\xd4\xeb/w\xb6BiM*\xa3\x15Pkjk\x85/\xde\x02\xd2\xc7\x9d\xb3\xa5\xe1\xe1\xa53\x01k\xed\xadp\xc8\xa9\xdf,\xb9\xa5\xef\xa8\x17"\xaey\x81`\x07I\xee\xf3\xbd[4\rT\x0b\x8f*\x80\x05\x1b\x88&lt;\x9e\n\xebdTSM\xf5\x8b5\x16:\t\xeatZ\x02K\xd6\xbf6R\xeft\x11\xe1\x82\xc0\xdf\xa7\xcfZ,B\xbb\xdd.|\xb5\xben\x99\xb0S\x0f\xde\xbd;P\x8e\x08\x8f`\x9ef\xcb\\D\xd8\xc9\xe7=\x04V\xefh\xcd\x9aL\xee;;\xdb\xd9\x91mA\x86X\x0f\x1e7\xd4C\xd3\xb9\xd0\\@\\\xae\xe9i\xe7/\x16\xa1\xe5\xd5\xfa\xf6\xdeo{{\xdb\xce!\xe5\xc1\xe1b\x8d\xf0\xe8}:]n,X|.\x02xx\x83\xd5o2)\x0f\xe5r\x96\xfd\xd7\xf5\xed\xedu\xb0C8QW?D\xa7O\xb7\xa8\xd1\x90\x80\xc5\xa7\x896\xf4\xfa\xf5\xc4\xc4\x84e}}\xfb7\xc4\xe5\xa2W+\x17{G\x8e\xb6\x8e\x8f\xe3ew\x0b\xf6\xcc%,\xe5\xa1\xef%\xd5\xb2\xbdG\xc8iy\xfd\xba\xae\xe6aO\x0f\xad\x89S\xda\xd8\xb4\xd3\xc8\x0f\x9f?\x7f\xde\xf0\xd8~t\xf4\xfb\xf6\xde\xbf\xce\xf7\\\xf7\xe9\x8d\xa6\xd1\x11;\xc2*\xf7\xdc\x82#u\x12\x0f\xebXT8\xc4\xbf\xec\x7f\xedBL\xdb\xeb\x13v(a\r\xc2"\xd3\xfa\xd0\xb6\x94\xb7J\x1bd\x0e\xb4\xb6\xb6R\xfb\xe7\xc7\x8f~\xff\xf5\x15\xe4\xcb9v\x9f^[=b\x1f\xdfy_~,G&lt;\x1d+a\xfd\x9d\xfa\xbc\xc3\xe5r\x02\x14\xcc\x01\x19\xab\x9f\n\xeb\x11\x13\xb8\x9a\xd0^\x86-\xb66\x0e\xcc\xf4R\x0f\x04r\xb9Nw\xfc~\xebHh\xb9\xe9\xba\x7f\xabv\xa4a\xfc\xfd\xfb\x93rc\xa1\xa3\xbe4\xa2EX\xca\x9e\xc1\xe9i\xcb\xc4\xc4\xd6\x86N\xab\x93\xcbd\x87\x1fF\t\xae\xceft\xd4!w7\xfe\x87V\xf3{M\xa3\xcd\xe28X\x88\xe2\x95\xa3\xc2\xa8P!\xe3\x8f\t\x03F\x9cT\\\x99\x01/F\xc4\xa0\xe6\x97UJ\xc4)\xbaDb\xa1\x96\x88\x89\x8dB\xb2\x18B\xc1wsax[J|\xd9B@\xc5\xb7Q$\x18Y\xa8\xd0\\mra\x9a\xa6\x84\xb0\x17\x81\xdct\xdf\xab^\xe46w{\xce\xa4\xef\xb2\x7f\xc0\xe4 \x13u\x0c~\xfc\x9e\xf3\x9c\xe7\x9c3\x93\x88p\xbdVk\'\xfa\xed\xfb\xc6\xc2\x97\xdffs\xa6\xb0\xdf\xc5\xa8\xd5+\x9f\xf6\x86\xb2O+\xa1\xb2\xf9\x0f`\x858.2\xb3j=x\n\xf9\xf2\xe3\xf7\xef\xdf\x9e;\x9d7=1N\x92\xa4\x97!\xa6\\.\x17k\xb10d\xac\xb5\xe3\xf3\xcd/\xfc\xbe\xf8qa!\xea\x13Yx\x1b\xdc\xe8&lt;&gt;\x19\xc8\x8d\xa5\xdc\xfd\xfb\xbf\x16\x16\x9d]\xae\xe8\xd1\xad\xea\x9f\xce/.F?n\xfc\xbe\xf1\xa9\xdd?\xbb\xe9TI\x92\'\x19\xc2e6\xbb\xd8L&amp;\x8eX-\xdf\xf3\xdf\xbf/.\xbe\xdb\x8e\xeeTH6\x00X9\xe7\xf1\x9d\xecj)\xdf\xfc\xf3\x1e+\xa1_\xd5\x8f\xfb\xb6\xa3\xcf\xdf\xbd[\xfc\xb8\xf1[\xbfqs\xd3\xe1\xc1\xc88\xeb2\xfb\xcfY&gt;C\x925pbk\xfe\xf9\xbb\xcd\xcd=\xe7\xecY\xcc\xe2eY\x06\xb1N\xe4\xc7Z\xfb\xfa\xef\x85h\xa8\xcbQ:\x9d\x87\x83\x80\xde\xdc\xdb\xfc\xf4\xe5\x8fN\xa3\x06\xbb\xa2\x98\x91\xb0\xce\xcd\xe6s\xd6\x0b\x88\xc9\xdaY\xab\xe7\xec,\x1d\xf7\xdb/\x05\xb1iq3\x01\x86\x14g\xf7\x86\xb2\x8fPU\xff\xf8\xfa\x05\xd4\xd2Nx\xf4c\x16\xaeR\xc9\x99^\n\xc2!X\xad\xc6\xf3\x99L\x86\'\xbd^\xf6\x1c\xa8\xbcnx\x95\x89\x9d\xc5\xb8\xa4 LB!H\xba\xddn/\xe3\xe5\xc5\x9e\xb3\x7f;\x90\xb9\x9aWM\x7f\xfd\x12]\x9c\xcd\x8d\x1f@a^,Z\x18\xc2h\xa4\xe3$\x9f\x14\x91"\x03_\x9dqC\x08y\xdd\xf8\x0c\xad)J\xe1\xe6r\x11\x01\xca\xe2\xb6X,\xb0&lt;;\xc3KY/\x15\xabT\xca\xe9\xbbO\xd1\xa8O\x0bX\x0c\x05}5\xd6\x82\x0cDz&amp;\x83\\&lt;j\xe4f\xcf\x03\xf0\x17\xb4\x012\x8c6\x86%\\:\x97.\xc0P\xf0\x1f\xc9&amp;l\x0f\xd5\xad\x8b\x91|\xabQ\xa5|4\xbdv\xb7\xb9\xb0\xe0\x0b\x8d{\x00\xcb\xed\xa6\x18\x86e\xbc\x94\xdb\x82\xd1nqK\x9es\xb3.\xc2\x9bif\xdc\xe0H\xde\r\x19\x03\xb0\x08\x17\x14\xfd\xd2\x0f\xb1\x88\x95V7n\xde\xba\x1e\xc9\xd6\xfe&lt;Z\xdb\xfdp;\x04\xb5fCo\r\xd4\xabW\xf0`\x03\x01\xc4\xf2R^\xc9\xdc\x99f\xd3\r.c\xdd\xcdf\x86a\xbd\x90\xc7\xbc\x12\x17`\xd9\x88\x00ri*\x15\x8d\xf1\xfc&lt;\x7f=\x90\xc7\x8d*\xe5\xda\xedpX\xef\xfb\xa2\xdb\xa1P\x82Jx_y\xff\x1a@c\x18\xa9\xacGw\x02V\xc6\x8by\x8bi\xc62\x98&gt;YF:\x8b\xcd\xb7M\xe7"\x98\x84E\x13\xd3\xaaa\xa9\x16\xae\xe5Z\x8e\xd3\x1f\x86\xfdv_\x98\xdd\xde\xa9T`\x9fy\xc5@\xef\xe3\x9a\x82XF\')\x14.\x82\xf5Z\x9a\x88\xe5\xf7\xfb\x89\x0c`\x99\xfd\x90W\xe1\xe4}\x83d\x9b\x9a\xd2\x8dQ\xead,F\xfa\xaf\xce\xaf.\xde\xc8\xb3\x1aU\x83\xbb6$ \x13\xd7\xba\xc7b\xd8\xc0\x14\x1a\xac2\x85\x19LA@\x0em6y\xc6\xe5\x0f\xa6]|S\x94ds\xc1\x01&gt;\x02\xdd\xa4\x156\xcb\x19\x86J\xc6\xb4\xbcYF,\xe5\xda\xb0\xdfo\xaf\x97\xc5\xa3\x9dS\xc4\n\x108~\x003\x9b\xf1\xa0 \x182#\x8a\xbc\x970\xdbSv3 \xf2q\x96\x8d\x13\n8\x0b\x81\xe5\x87\x96\xdf\xa6#\x18\x8f\x9a\x03\'\x9e\xcb\x88\xf5\x06|XN\xd3\x88\x15\xb3\xb8)\xa9s\xc5\t\x83\xdf\xeaO\xfb\xcd\x04\xc43&amp;yc\xda\x9ez\xff~+M\x93\xf0\x8a$\xe3.\x84\x06\xaa\'\x0e\xc4\xf2\x98$,I-\xa5\\j\t&amp;\xc0j\x9e\x1e\x9dV\x8a\xeeWP*\xf8\x83\x0e\xbb]\x1a~@\xcdB\xf2\x16\x9e&amp;\x8ci(\x9b\xb1\xf51\x92\xf18\xdf\xe4\xf9\xb8\xd9\x1e\x04z\x07NQuc\x0c`UD\tK\xae\x95\xb8v\xd2h,\xa7\t\xc4\x8a\x15!e\x05\xa6\x82A\x9c\xac\x01\x99\xddO0\xbc(\x92D\x9c\xa4S\xa9-x\x94h\xd2hT\xc7\xe0=\x05\x80;p.\x88X\xa8V\x97SHX\xf2,D\xe5\xf4I\xe3\xf0\x7fXPO\x01\x96\x03\x87m8\xb6\xf5\x1b\x11\x8b&amp;\xbb\xad\xb3\xb8\xc2\xa8\x08\x1b\xabg=\x91\xae\x8a\x9cH\x1a\x83\xa9\x14\xce\x9d\xef\xb1\x0c\x1am/F\\]\xc9\x86\xa5zt\xdb\xaf\x95\xc3\x8c\x84\x95-Z\xa8\xb1)\x10\xeb/\x8f\x9f=K=\xb1\xfb\x154)\x8a\xa6\xd8\xf6\xc66\x07\xed6M\xc3\xb3\x1d\xce\x90LB\xb0\x05\x9f\xfd\r\'L\x7fb\x85\x00\xeb\xfcj\xebB\xa6,\xafR\xee\xfez\x98\'\xa8\xd8\xe9\xd1Q%\x96\x8dP\x8c\xce\xefx\xf2\x18G4\xf6`8\x0c\\\x1a\xeehg\xa7\xa7V\x83F\xc9$\xd44\x9c\x9a\x9eT(\x14A\x886\xc4\xb2\xdaf&lt;\x06\xf5D\xa5+\xb2\x80u)\xd7\xe6\xa3z3&lt;4\x92\x96f\x05c&gt;\x1b\xb1P36\x90\x0b\xa8Rvk\xd8j\r\x1bM\xa2\x984\x94\xcb\xea\\Rm(O\xd2US9_\xb2\xe3\xe4\xeb=Nw\xad6\x10+\xa1\xe1\xba\xa1d\xdc{\xf5c$Wm\x831o\xd2\x14\x8b\xb1\xca\x11\xce\x13"\xd4\x98\xce\x16\xc4!`*h\xb5\xda\xed\xa5\xb4\xa2L\x97\'\xf3\xeb\xe5r&gt;\x0fG\x13P\xa5\xd3\xa9\x14~\x02#\xcbf\x9b\xb9\xc7\xd2&amp;I\xf7\xd5/#\xd9.\x94\r\xee\x04\x81\xe3\xb2\x80\xd5\xeb\x02V\xc23\xa3\x83|\xf4\x0c/T\x04\x11+&lt;I\xa3@\xa5t~=\rp\xcb\xcb\xc0WJ\xa5\xee\xb1$\xb1&lt;j\x8d\x16\xb0x/\xe6\x07\xd9Z\xfd\xdb\xf6x\xa5\x12\xab\xe0\x94\x83\x93\x82~Fg\xb5\x83\x1e\x8e\x12\xe4\x88p\xd8(\xf9-\xbd\xb5\x95/\x14\xca\x85\xfc\xbd^\xd2L\xf5\xd9c\x87M\x07bQ\x89\tm\x97S\x93\xe7[\x97\x03\x19\xa7\xf2u!\x14\xaa@l\xf5\xba\x15\x0e\xb0\xb0[\x85\x9d\x06\xad\x84\x17\xcd\xe3t\xb9\x00"\xe5\xf3p\x8c//\xc7\xab\xcb\x05E\xfaO,\xa0\x02\xac\xac\xb6\xab\xa1Y9}\x081\x7f"\xac\x08\xeal\x05B&gt;\xd6\x84\xd4\x05\xd1%\xa5oG\xa9\xb4\xaa\x9f\x9b\xa3\xe38 ,T\x97q"W(\x14\x96\xe3\xf1B&gt;]\xb2\xa70\x99\xda\xc6\xc6(\x92"\xc5JW\xa37\x83X\xf25?\xaa\xc1m\x7fI\x983Y\x8eNOcM\xe0\x82\x1ca\x95\xa8\xac\xe1\xd5\xc99\x93\x81\x04\x8cB\xbe\xba\x0cl\xf9\x02\x82!W\xb8\x94\x92|\x08X\x14If\xa1\n\x9cS\xfc2\x92\xb3\xc7\x98\xde\xfd|,\x98\x0c\xe2\x11$\xd4f\x16\xe5\x9a\xb1Y\xad?\xb1^\xbf\x9e\x03\nP\xea\xb0\x01jU\x1b&lt;(\x16\'\xe3zc\xd8\xfeX\xf2\xe1\x18\x95 \xd5\xd9\x187&gt;\x97\xbf\x94\xb5\xafV\xae\xdd\xb5\x85\xf1$\xd7\xeb\x9dJNL\x80\x17\xadh\xa5U\xc0\x9a3U\x93I\xe8\x17;\xb5ZG2\xb1\x81\xf9\xde\xb8\x8a\x8a\xde\xab\x95\x80\xfa!gZ\xdd\x97U,\x9co\r\xdb\x82\x90\xec\xf4z\x88\x95\x90\xb0\x1c\x90KW\xc3\xeb\xaf\x85\x9cV;\xebt:\x0f%\xabu\x9c7&gt;gNm\xd2+\xc2\xd6\xfb\xa4\x05!o\x18\xd7j\x93\xfa\xd4\x85\xccC\x08\xe5\xf4\x87\x93a\xfdW\xa1s\x86\xbbb\x02\xe4\x02/:\xd0\x85\xa6\xdclk~\xd6\xb7$\xf4\xf7\xf7\xeb\xf5\xfa~[8\x9e\x9d\x9f\xf7\xcd\x8a\x06\xbd\xd5\x8eIk\xc6\xe3\xf1\x1c\x18\xc6CZa\xfd\xc7H\xe6\x8b&gt;x\x0f\xf3\x87\xdb\x93\xa1P\xebp\xd9H"\x12\x89x0\xe8K\xab\x06\xdfv\xf4\x8f\xda\xcb\xfe\xfe\xf5\xf5%\xd8\xe8\xf2z\x7f\xbf\xbd\xe4\x9c\xdf\xde9\xca\xea\xb1\x04\xc4\xf4p\xe0y\xb1\x12Z*\xef\xcb\xd5\xf4\xfc?\x97rz\xf0f\xf7\xa4\xbf$a\x15#\x92\\\xa5\xd5\xdc\xf6\xb7\x8d\x9b\xf5\x1f\xfb\x17\x97\x17\xc0t9\x1a]\\\\\xfc\xa8\xf7\x9d\xd1\x8d\xed#\xb5\r\xb1&lt;\t\xe0z\xb1\xb2\xb7\xb2\x7f1z\x88\xdb\x92\xb0\x89\xdd\x1d\nO\x7fb\xa1Za\xa3\xba\xb5\x11\xbd)\xd7\xfb\xf5} \xbb\x06\x03W\xf6\x05A\xc2\xb2\xd8\x1c8JE\xaa\x17K{\xc2\x8f\xcb\xc1\x03\xdd\\\x06+\xb2\x9f\x93\xb0\x8a\x89\x19\xeb\x13{Xo\xaa\xf9Z7\xb0\x08\x1b\xfd~\xbd\xde\x96\xac\xd1\xe9\xd4\xcevZ\xa71j\n\xb0@\xac\x83\xb7\x80\xb5\xd4\xbe\x18=\xd4-\x82\xaai\xc8\xab\xdc\x04\x84V12fs\xd8\xadF\xda\xa0\xae\x9d\xdd\xdc\x9c\xd5\x1a\x92U\xdb\xcb}\x9c-\xd5D5$\xb7)\x87\x15|\x988\x18\x7f!,\x1d\xd7\x1f\xc6\x87?/\x1b|\xbe\xc7\x9a\xc0\x98\x87ZKO\xd3\xa6jC&lt;\xacb\x8a\xc7$\x0fY^2\x86\xa2\x00\xdc:\x93\x88$\xe6\xde\x8e\xaf\xec\x1d_\x8f\x06\x0fu\xff\xa9J\xf9\xe1\xf3\x9e\xf6\xa9&amp;"\xc5\xbc\x0eK@\xda\xb4L\xe3\xf6\x0c;\x0e0mmIe\x04\x181\x86\xfb\xa6mL\xc2ZY\xda;\xbe\x1c\r\x1e\xec\xfe@\xe5\xee\xe7\xbd\x90\x16\xe4\x9a(&amp;\xa0\x18\x04\xb5L&amp;\x9a\xd6\x1b\x15\xe6t\x1e+\x9b\xad{.\x85\x91 \x088\r\xeb\x10\xca\xb3\x84&amp;W\xdb\xeb_\x0e\x1e=$\xd6\xa63\xf4T\xa3\x99\xc8JE\xaa\xcd\x88P\xff\xe5\xe5n`\x9a\xbc\xf38\x80\x87\x97\x15RM\xd6\xd6\x9a&gt;\xed\x99\xb2G\xb6Q\x08\xa1\x11\x83\x84\x80Wg\x15\xe7\n\xb4\x85\x87&amp;\x07T.%\x15\xe8\xc9\xd3Cd\x107i\xb6\xc9\xc8\x11I\xcaHY\xc6(\xa39\x90s\xe2\xb4\xb8\x98(\xb2`dq\x82\xa8w\xea\xdd\x10A\xc0DE77_\xa2\x9e\xaf\xf7\xfd=\xadfw\xb9\xdc\xdd\xee|\xee\x8f!\xbeQ&gt;\xfd\xfe\xdf~\xff\xa7O\xc1\x89\xc7\xe1x\x86\xfa\xc0\xe1\xc8\xc1Q{\x11\xb5&lt;\x84\x95\x0b\x15\xbf\xa7\xf5\xd8\x89\x03\xe2\xdd|\n\xd6\xa0Y\xaf\xd0\xe9t\x18a(R\x17)\xf3\xd48Lh\xd7\xa0x~=\xcc\xda\n\xe2\x9aH\x01\x95\xbe4&gt;7W\xa6\xe3[\xc7\x07\xce\x1e\x10\xf1\x8e\xebX\xb0\x0cf\x13\xa7C\r\x9d\x9b\x8e"5/O\x1e\xea\xaf7\x85\x9ap\xab\xf0Y\xd8tH\x85\xac\xeaP:\xf0{.\xf6\x9e\x10\xb1\x0f\x85\xb4\xac\xe4R(2\xebP\xd3\xd3\xeb\xd0\xd9\xd9\xd9\xe8M\x1c6\xb6n%\xd6\xd6\xad\x98\xa1\xaf\ta--&amp;U\xe1\xfb\xe3\x17\xc7w\x9d\x10\xf3\xf6\xf4\x98&amp;\xb0\xacf\x93\x02\xac\xd0\xab\xd0\x12\x89|\xf9r ^\xc3\xd1\xcc\xf1\xaa\xc3\x81\x03\xc7\xab\xaf\xbeI[t\x1e\x85\x05\xd5\x86}}}\x03\xc7N\x88y\xbbuL\xd3a}\xa9\x15e\x8cI\xc1\xf1:\x96I\x90\xd0\xe5\xd1\xc8\xd0\xf8r8\xb4\xf8\xf4\xa6C\x9b\x93\xb3&amp;g\xf92\xf4\xa1O\x86\xde\xe6\r-}\xbd\x17\x9ab\xc4ey\xda\xa9n!\x98\x82c\x99$I6\xb9"s\xb4Z\xad\x83.\xc2\xfd\xf9u\x876\x12\xb0er\t\xc3\xea8\x0e\xf5\x97\xb5\xd4`\xbc \xea=\xf38`;\r\xd6R\xb8\xccf\xbdY\xcf\xd9\x99\xf4$\x8c\xf8H\x9c\xf9\x91\x97v\xcb)-\xa6\xa1\x16\xbf\x8f\x94\'h|:\x85\xc9\xb4g\xdc\xdab\xd5k\xc4e\xc5\xbc}\xcce\xb266Z\x91\x18\x9a\x9e\x93I\x19\x8d\x04\xcb)-\xa0pQW\xae\x01K\xad\x96\'02\xce\xa47_\xeckl1\xb7V\\h\x125-\xb08CKccKK;\xd1L\x1c+\xa5\x17\xabS\xd4J\xa5\\M\x9d\xa8]\x93\x93CG\xc7\x04\x867\xe9\xf5\xe6\xbe\x96\xc6\x16\x83\x82\xaf\xf8\xaeI\xec\xb48\x13\\\x05\x8d\x8d\x8d\xa5\xe8L\x0f_\xcd2`\xd5\xa6(\x95\x94\xd6\x1a\x0c\xb3\x9c\x9c\x14\t#\xe5M\x06k{;\x9e\x81\xc1\xc4\xdbm\xdf\x89\x9e\x96B\xa7\xe8k\x14\xee\t)*j7{\x9c\xd5\xae~Kmm\xed"\x9a\x8e\x08J\x1dY[k)\xd6q&amp;\xb3\xb5\xb4\xa0\x00\xc5s\xa6\x9d\x95\xa9&gt;8\x11%nZ\xd5\n\x99\xee\x0b\x0c\xaf\x82\x86\x86\x86\xfc\xa2\xf6NO\x07\xb9\x10\x17\xfd\x8a\xacMQ\xa7\xa4XX\xa003\x8a\xf2\x8b\xac\xfbZ\xedR\xd1YH\xab:S\'\xcb\xfc\xc2\xd0RDonh\x80k\xd0\xe3t\xba\xaa\xea\xeb\xebSRB\xbf\xaaX\x85\x80*((\xb2\xea7dI\xa5\xb2\xba\xffCZ\x99p\xf1\nC{Q\xfe\xe7\x9f\xef\xce/*=9\xe8\xa1\xc4\xaa\xd0\xe8\x0e\xa5w\xaa\x8c\x1d\xe6N+\xd2D\x96z\xde\x9e\x95e\'\xd6Y\xb1\xd3RT\xcad\x98\xfb\xe6N\xc0\x84\x8e\x84K\xefq\x1a\xd1\xaav\xed\xaa\xfar\xb8\xc3|\xb2\xbd\xb4\xe1s\xfc\x83\xde\xc9\xaa2\x90\xd6\x06\x95\xe3\xac\xb8i\x1d\xae.$\x16O7C\x9d\xc4\xe8\xc9o\xa0\xc0:)\xb1\xe1\xe1^\xa3qx\xb8\xc3\xd3\xd9^\xd0@\xfd\x8b\xe9 \x95\xaaT`em&gt;\x1b%\xee\xe6\xc3\x12\xcb\xce\xa2\x0e\xf6\xe0\xfb\x03\xd6\xb0\xbb\x81^P\xa7{1\x86\x87\x9d\xa4\xa2\xf7\xd4@5\xe8t\x19\x19UV\x98%\xe2V\x8d#\xc6\xa7v\x1c\xf7\xc1b\xab\t6\x18\x86\xe5c|\x97\x0e\xe2\xcfh\'1\x19\x1a\xf2\xb1\xa1\xd3\x14\xd5\xd8Bim\xf9\xa3\x88\xac\x98\x03\x7f\xfdrCa&amp;\xe2bY\x17X\x1d\x1e\xbd\x99`\r\xe8K\x8a\x8cn\xeaB\xbf\xa2[\xdb;iEc\x19Mj\x92\xe8,\xbap30^XXY\xf9,.t\xa4\x9e\x16\x03\xac\x06\xd0\xc0\x86\xd9\xd9P\xd0\xde\xd9\xd9i\xd6;\xab\xab\xab\x19[j\xaa\xc0\xaa\xb8p V\xc4\x01?&lt;&gt;\xfe~f\xa5\x8e\xde\xa4\x05\x17\xcf\xa1F\xc0~\x0c\x99\xd5\xdaBK?\xd6\xf5R\x03\xf6BC\'X,\x0bV\x06X:;X\xa2\xed&gt;\xeb\x7f\x1c\xbc|q\xbc0\x93TR)`\xac\x93X&amp;\x13g2y\x14\n\xbd\xa1\x0f\xbb\xb7\x9e\xe3(A\x03\x16\x07\xb0\x92\x04\x16/&amp;+\xea\xa33\xbb\x0b\xfa\xc6Q.\xcbP\xcf0F\xd6\xc7\xf2`\xa1\x80\xe68\x9e\xf5\xb9|\xbc\xe2\x0b*[9N\x01\x97\x9egy\x99J|VT\xd3\xe1\xcb\xf7w\xb7{P.S\x95\xa5\xd1 /*\xf4\xe0\xd0\xb1\xbe~\x8b\xc5\xd2O\xe5(\xa9\xf0\xb7\xfa\x8e\x01\xbbT\x95\x91\x9a\x9a!ex\xe7@\xf31q\xea\xc0\xd8\xa8\xa6c{\xa6\x88\xc59\x9d\xf8\x866\x9b\x06\x07\x1b\x1dGY\xf1\xa4\xaaO\xa9\xb7X\x18t\x9c\x8e\x06\x9c\xa2\xc39 %T\x86\x8a\xadr:\x07z\x0f7\x89\xb1\xcc\xc7`\x12^\x9c\x9b\xbb\xf3\xa7R\x0fz\xcc.m\xb6\xd9l8B\x90\x8b{\xce"\x17:\x96\xd2RpN\xde\x8e\xb0\xc0\x92\x1a\xab[[\xb3v\x89\xf0\x1e\xb2\xd8\xa8\xae\xcfN\x9f\x9c\x02\xebN\x0b\x8e\xd42A\xa5\xd1\xa4\xf7\xfbt\xe86\xa1\x12\xa4\xe2\x81\x02\xeb\xc7i\x87"Td\xf2v\xfa_6\x06{\xe2\xce\x9d\x1b\x07~\\\x1f\xfb\xc2/\x9c~t\xfa\x87\xafv\x87X\xefc\xd5\xcajn\xc6\xb7\xc4`\xf2\xf9x\x9e\x1f\xb0#\xac\x94P\xab\xb7\x80%\xb82u\xac\xd1\xa8if\x98\xb4\xb4\x8d\x0f\x1f&gt;}\xba\xeb\xa3\xf51/\xf0\x87\xa4\xc4\xc6t\x8d\xfee\xc7\xed\x15\xbf\xba/\xb0\x9e|SY\x17\xafRQZ\x16K\x95\xcbU=0`\xef\r\xa5%\x94[\x16\x86X\x9c\x02\xcb\x88\xcf\xe52bWLK{\x08\xd6\x93\x8b_\x1e\xfb\x91~\x10\xc9\x0b9/\xc6\xac\xef\x1a\xbd\xf5\xfd\xf9\x07\xbf\xbd\xb7\xfa\x19kg]|ZFF\x86MC\x15\x96\xcb\xd8;\xd0k\x97\xc1%d\xa5\xb4h\xb0x\xc2\x95\x89\x1d\n,\xb4\xe247\xa9\xe6\xe6.\x0f^\xdb\xf1\xfd\xe9?|\xf6vW\xd4\xffB\xa3\x8b\xcb]\xa3\x937.\xdd\xbd\xf28\x10X\xbdm\x02\xac9\xb0\n\xff\x81\xd5\x9be\xd7\xe9\xe8\x9c\xa1$\x15#\xb0t\xba\xca\xbab\x86T&gt;_\x1d\xd2z\x8a/\x9d\x9b\xfa\xdd[\x9f\xdc&gt;\xff\xfd\x8d[\x93\x93\xa3\xff\x1d\r\xa4\xa8.\x98n]:w\xf3\xe6\xfe\xe9\xa1\xc0\xeaM\x87&amp;\xeeOMM\xdd)\xd8G,\xb7;#)\xc1B.MsV\xd6F\x19M\x03t\xaa\x86a\x18T\xeeP\xc9\xear\x97j\xfa\xd1\xc7&gt;_n\xfc\xceo\x9e\xcc\xe1k\xef\xaf\xbe\x17\x18z|\xe5\xe6\xd1\xa3\xe7.\xdd\x9a\x1c]\x1f\xf5\xf3FZl,L\x14\xd3\xa3sGo\x06\xaf\x07{F\x025\xab\x91\x16\xb1V|r\xb2\xb0\x92X\xee\xe7,UV\x96Tp\t&amp;lJ\xa8\x12e\xf6\xf8x\x95M\x83)\x81V\xdd\xdaW0ug\xea\xfe\xc4\xa6{\x81\xc0\xd0tpvv\xf68\xc9~fd1d\x02\xe9\xf8\xf1\xd9`I\xc9\xcb\xfe\x9e\xa1\xc0\xb6m\xf4&gt;\xe4\x15\x0f\x1e&lt;x\xfc\x95GQ\x19\x9f\xbe\xd4\xed\x96Xp\xac\xa8\x7f\xc7\x96\x91\x96&amp;P\xa4\xe4\x12hv\x99]\xaa\xb1e$\x95\xb9\xe3sY\xd7\xfc\xdeo\xbf\xfa\x84\xc2\x9a\xd8TS\x13\x18\x1a\x0b\xce&amp;/Y2{\x1c\xb2\x1b\x93\xa3\xffa\xcd\x1a\x1b\xca\t\xa6Y\xbf\xbf\xdc[R\xe2/\xf1_\x07\xeb\xd0\xa1C5\x81\xc7\xd3\xfb\xa7\xa7\x1f|\xeba\x8b\x8b\x8b\xdde\xe9\x12\x8b\xb2\xbe^\x99\x90\xe4N+\x96Rc\x98\xe7.\xa9\xb1\xa2\xc2\x96ZV\xe6.v\xcd\xef\xb8v\x1bO\xe7\xad\xfb\x13\x13\xdb\x9e\xb1\x16\xbf\xb7\xf8\x15/"{D\x91\xfd\xdb\xc4b\x9e\x9b\x82\xd7\x81*)\xf7&amp;\x97\xf8\xfd\xfe\xeb#H\xeb\xd0\xefk\x02#=\xc1\x9e\x9e\xe9\xdb?\xcc\xbb|\xc5\x92\xdf\xa4K$J4yj\x99;\xec\xd1P\xeb\x87\x0b\xc4\x8a-[N\x95\xb9\xdd\x8c\xeb\xcc\xdd\xab\xf4d\x1e\xffrb[\x98\xe5]\xb2n\xdd\xe2\xc5!\xd8\xb9K7&amp;\xffU_\x86\xc6\xd3\xadPN%/\x97\x94\x97\xfb\xcb\xcbW\x96\x87Y\x9b\xb6!\xac\xa1\x83m\x1f\xbf\x9b\xdc3}u\x07\\@I$yJ\xb5Z\x9e\x9d]\xa6I\xc7\x075\x0b&gt;44\xf05\x02\xabL\xd2?\xbf\xf7\xea\xfe\x9e\x9e\x9e\xb1\xc7\x81\x9a\x10\xab\'\xe8M\\\xb5\xea\xc3\x0f\xd7-\x8cK\xf4z\xd1\x97\x8fn\xd0\xf0\xffg2Z\x0b\xc2\xa6\x99\x99\xf7\x12\xbd\xe5\xa1\xe6]\xe9M.\x07kl\xa8f\x13\x1ep\xe4`[\xf7\xbb\xbf.\x99\xbe\x02W?]\xa1\xcc\x93\xab\xe9f\xb7\xec\xec\x84pS&amp;X\x12\x12\x08\xa6I\xa8\xd8Rq\xaa,\xdb2\xbf\xf7\xfc\xfe`\xf2\x1bm_\x8f\x0c\x05j\xa0\n\x8c\\\xf7\x97\x0b\xacU\x0b\x16D\xc4%&amp;\xce\xcc\x84\x06\x19"\xfb{Yx\xe2\t\xa6\x85\xd1G\x8e,|e\xc9\x92\xb0j\x86\x06\x97\xdf?\x86\x87\xc4\x1c\x1a\xd9\xde\xd6\xdd\xfdqrO\xcf\x95kg\xaa\xfa\xd3\x17-Z\x16)\\\xc9\x92\xcb\x13\x94?ma\xa3\\.\xb1T\xed8\x7f%\x98\xfcqw\xdb\xf6\x83#\xa1\x07\x19\x03+.z\xd5\xaaU\xd1\xd1\x0b"""V\xa2\x11\xec\xdc\xa5\xd0Z\x16\xfb\xd3\xcd\x85LG\x8f\x1f9\x12\xb1pat\xf4\xc2\xb8W\xd0\x12\xd1VF\x94\x0b\xbdy\x1d\x0f9\x84\xb0\xb6o\xdf\xde\xd6\xf6\x8b`p\xff\xd5k\xf3U\x96\xbc\xe5Z\xed\xe6\xcd\x9b\xb7\xa8\xc3,55\xa5:\x85\\\x18rr\xa5\xb2j\xfe\xcc\xdd\x9b\xfb\x83otww\xb7\x1d\x1c\xc1\x83\x10\xcb\xefM\x8c\x88^\xf0\xd2K\xd1qq\x82jm\xc4\xcaD/d\xd4\x99]\xcf\xae\xfbF\xad\x0f/\x0633G\xd6\xae\x8dX\x8b\'\x10\x17\x17\x97\x18\x07\x1e\xb5\xf2\x12\xb0\xbc\xfe\xaf\x81\x1a\xfb[\x11g\x0c\xda\xc6\x19\x86aI\xdc\x85\x1e\xba;a\xec;\x10wD7\xc4\x14WB`\xb2\t\x04\'\x88|\x8b\xc8\x9aE\x83h\r\x1eJ\x96P\x81Do\x11\x18M\x19\x04\x12\xdc \\&lt;h\xc9\x14\x8c:X\x90"D\xa2!\xf5\x12\x08\x81\xe2!8tp\x82q\x8b\x07y\xca\xd0\xf7\xfd~\xb9\xf9\x08\xf2)9\xfb\x7f\xf4\xbe\xef\xf7\xfd\xbf-\x93eqxH\xb08\x06\xd7\xcb/\x9d{\xbb|\xebB\xb8\xc8\x91\xcfg\xca\x992\xd1\xca|\xb2\xf9\xb8\xf3\x14Mx3\x9dx\xc7\xac\xe1\x92&gt;\xfe\x01\x0f\x07\xd5zV7\x88\x05\xa8t5\x9d\xae\x1b\x8btO\xcc\xc4\x94\xfdMF\xc6\x9f*\xe4\x03\x81\x92*\xb04]U\xef\xa8y\x80)\x93\x9b\xcd&amp;\xcdf\xe9X\xb8\x8e\x11\xfb\xcb\xbf^\xfe\xce\x9fg)\xac\xfc\xf7\xf2\x06\x0b*_\xe6O\x02Q\x99\xcd-R]N\'\xc5\xa1`\x1d\xd7rgo\xf0\xe2\xae\x06\x03!1\xd2\xa4\xaarQ\xc3\xb6\x8dl\xbd^\x1d|z\xfd\xe1+\x87\xecw\xa9\xbfo\xde~\xfa4\xd81\xa1\xaa\xb2\x1a\xdeA-b\xb9\xaee-\x06\x07%\xaf\xe4\x97j9\xf4O\xe0\x0b\xd7\xf0\xd8\x9b|\xbc\xfc\xf7\xfd\x8bn\xe6Y\x06T\xf73|\x87e#O.\xbe\xcf\x92\xc9\x13\xb1\xdc\x99c4|&lt;[.\x0f\x85\x0b=\x0c\xae\x19\xc4\x1a@#`\xa9\xe5\x80S\xafg\xb3F\x85NU/&gt;\xbd\x95\xe9\x9f\x82P\xb8+\x0b\x06\xd75p\x07\x90\x90)\xa4*\x9b\xe5_U\x07\x07M\xaf\x84JJA!]\xf0=\xd1k\xb6\x9cL/\xcf\x9f\x9f\x8e:\x8f\x1fo"a\xbb\xcc\x17jww\xe3q\xa3\xd1\xce\xffZ~\xf6\xcb\xfc\xf4\xfa\xf6f2Y.g\xb3\xc3e\xb1\xe6%~\x10\xe0\xeb\\\\T\x91\x10b\x19\xa0\xc9*\x83\xe4\xd9\xfar\xb5\xfa\xf0\xf5\x9f\xd4\x00\x04\xa4\xb2,\xcb\x95`\xed\x04\xc1\x80\x9e\x83\x0b\x8a\xa5\x89\x95\xf3X\x07P1\xf0\x13\x80a\xa1C\xb4\xe3\xf9\xfbS\xe4~\x93\xbf\xfb*T\x08\xd4\xee\xe6\xe6\xbd\x1f\xf2\x8dF\xf7\xc5\x8bw\xd7\xe7H{\x11b\x81\xaa\xe8Ar\xc7\xbcX,V\xe8+\xac"$z\x9d\\\x05\xad\x8e\'\x95\xba!\xb2\xe1r\xb5z\x9dR\x82\x92\xcar%\xec\x81\x1f\xa0UTi\x1a\xd5*\xd6\xa4&lt;_\xb8`\xe8!\xb0fg\x1f\xa1\xd7\x97\xa7\x9d2\x7f%vw7\xbf\xc5\rr\x0bX?=ltG\xf3\xf9\xf5\xed\xe5\xc7I\xae6D\x15s\xb9R\xc9\x0f\x1cm\xb1Z\xad\x0c\x86E\xd3\xeaF\xc5\xb2\x8c:\x9ei\x82eTP\x06Il\xa3\xb2J\x89\x82\x96e\xdb\xe0\xa2\x7f\x01\x16\x0ev\x18\xc6*\xa3?8j\x16\x8b\x8aK\xe4\xea\xf5z\xe0\x82\x933\xc5\x05\x1f\xcb\xf9\xfb\x8f\x1e\xee\xe6;\xa3\xd1\xa8\xd3\xd9\xd8\xdb\xdf\xdb\xcft\xe7\xef\xe0\xe0t\x82\xde\x1d"\x89IB\xa8(\xd4]\x1be\x81\xcb\xa4\x8d.\x05C\xa4\xd1\x96\x86\xe2\x824 \xb1+\x95T]0+6Y\x11w@!\x03\n\x8b\xcfp\x80\xf8\x86\x15\xec\xf4\xa4b1\xf2l\xcd5\xea6\x1a\x0f3e\x084\x1fu\xb6~\xde\xdf\xdf\xcb\x8fAu9\x05\xd6\xe10I\x10\xf6\xb8\xe5DZh\xb9\xe0Z\xa1\xeb\xd0\xf3\x88\x97\xa2\xc1\xa4PTPO\xb4!\x95\x91\xaa\xfc_\x86\xc1M\xc7\x97I*X\x01\x9a\x90PwXx\xc9\x84\x8aB\x07\\3\x8cG\xc55\x1ew\xcb\x99vW\xb0F\xe5\xfd\xbd\xbd\x8d\xee\xab\xeb[\xee\x83E\x0e\x130\xb5ZT\xcauuM\xc7,\xb0u\xa3\xc2\xb8\x98\x1a\xc18\x85\x0c\xb6\x1b\xca\xb6\\v?\x08\xbfa\xe15(\xac^\xcf\xc1\'U!\x95\xa2B`k\xc5a-\xb7\xc6\x8a\xa2~\xdf\xf1\xbd%\xb0fg\x93\xe9\xf9\xf3w\xafF\x9d6\xb0F\xc4jon\xe4\xc7\xaf\xae\xcfAU\xe4d\x88[}\xa9\x10\xcb\xe9a\x08\x06.[7\x15\x16\x9b\xca\xd5u\x95l\xe4\xcaP\x03\x01&amp;\x1a\xc4\xdc\xe0Y\x00\x00\x03+IDAT\x15\xaaV\xa9p| \xdf\x01V6M~\x16\xa0\xbc\x9c\x12K\t\xc6f\xf2\x85\xaa\x1f\x05\x07\xcd\x1c:\x7f\xb9$\xd7\xe9|\xd4\x16\xaeQ\xb7\xdb.w\xc7sP]5OD+E\x15\x02\xcbu\xf1\x18f\x89\xa1kf6\xabq\x1f\x11.(D\x91\\\xc32\x84\x104\xa9\x8aD\x8c=@\xac\x01\x04\xe1\xedf\x00\xa8\x1a\xa9r\xc5\xdc\x1d\x95WJ\xfc\x16R\x02\xb5\x02\x08\xdb\xaca\xb2\x1eN\xa6\x9f\xe1c\xb7-\xd5m\xb4A\xc5\xdd\xb9Y*.\x878\x06\x81\xa4\x1fB\xa6\xd0\xe5\x03\xb6g\x08\x06\x16\xc364\xaa\xc5\x120)\\P:\xb0\xa4\xd8\x1b\xb6\xa2Js\xc2;\x0b9\xa1\xc9\xa4\xca\xdd\x15\xb0\xe0!\xc4j\x81\xab%X\xec\x07\x1c\x0c\x86\x87gk\xae\xed\xedG\xdb\xdb\x8d\xee\xf8\xf4\xf9\xe7\xe9\xc9I\x13\x93\xa1\x96\xc4\x0eY\x80\xa5\x87n\x88\xd0k\xe1B\xd7\xc1F\xac\xac\xa9\xe4RX0\x90\x82\xb1\xbea\xd9\xeb)\x0b\xef\x82E+\x8e\xfd\x04S\x99\x16\xae\xb1jE\x06\xbeg.\xa2\x96\xc2\x92\x9d\xa0\xe0\xc4&lt;\xb0\x9c\xe1Xx:jo\xf3?\xd7i\x80\n\xe7\xab\xa3#O\x06\x9dc\x8a@\x11\xc9\xa2\xbe&amp;\x88p\xd0\\\xe84L\xd3"\x15/]\xedtlD\xe1\xb2\xac\x14;\xd2\xc6=\x0b\xdcm\xa6\xb5\x82\xef\xc4q\x92x\xa0\x82\x89Er\xe1\xa4\n0b-\x16a\xe4\x00\x0bNB\xae\x02\xdcl%\xb5\xd9\x1b\xe1\x1a?x\xf4\xe4\xc9\x83.\xa8nN\x8eJ\x1e\x1b\xb7\x148\x053\xc2\xe2\x18Y\xa1\x16\xe1*\xcc\xf2Tb\xb2\x07\x11\x1eW|\xd4\xd7V*,I\x99m\x0b\x96\xc5Yk\xf6z\x85\x82\xe3\'\xb1\x1f\'t\xb0\xa6\xa2\xbeV\x0c\xd1\xc2L\xec\xf1K\xf7\xa9X\x80%#\x1c1\x9dx\xcd5\x1f\xff\xd8htxB\x06Ur,[`\x8088h\x12\'\x8a\xd4\x830\xc9\x91\x0e\x0f\xba\xde\x8f"\\g\xd5\x1f\xf6\xa8l\x81\xdf\xb0H\x85m\x873!\xf1{\xb4P\x02\xaf\xfaP\xa8\xa4\x11\x19.\xa4\xa5\xdf\xe2,\xc2\x8ah\xc9\xc8)\xd5\x96K\xe6k&gt;\x1e\xbd\x10\xaa\xa6\x8fY\x15\xfb\x0e72\x92\x05\xe8\x12@\x99\xe6\x1d\x16\x0f\xc0\xc4\xb2-\xcdq\x98{\x1c\x9f\xf9\x01\xce*\xc1lK\xb2\x05\xb1HE,?\xe1\xa6G\x07\x10-\x8cx\x92\xe5\xe4C\x8e\xa1\xe7r\x11\xb9\x08\xc8\xd6\x08\xd4t\xc3\x9c\xb8\xbd~\xff\xf2\x9cZ\x1d\xb0-\x1c\xc74\xf1\xcf\xd82\x1c\xdc\x89k`\xf5\xa8\x8d\xc9\xf9c\x9a\x17\xc8\x17\xb1\x82\x02s\x1f\x8a\x8f\xd8\x05m\xe1\xb2\xec\x94\xf4a=+\xe7\x19t\x17\xd4*!\xec^\xa9\xe95Y\xe2\xe0\xfa#G\x84\xec#\x11\x96j\xc5t\xd2\xe7\xae\x00\xb0\xda\xd5\xf4\xe6\xfc\xfc\xe6\x12Z\x1d\x04\x9c\xeaf\x01wq_\x17~\x98ej\xc0\x84P\x18\x89 \xeb!\xc6\xdaB7\x9d\xc0\xa1pY5+D.\xf0\xc0\xc4\x8a`\xa5\x05\x0b3\x14\xbb*\x84\xc2)&amp;\x07\xacRS\xa1I\xe8A\x87\xc1E\x7fZb\x0c.\x02~\'\x82=\xd8i\xe1\x95\xe0[\xf8\x93+\xe4\xca\x0fZ\xca54G\x1c\xc3x\xaaJ\xfb"*\x088\xd9V/\xd2i\x0cH\x13\xdf\xc5\x16L5)d\x82Yj0\xd8\xff\x01\xdaH\xb2\x15I\xb9\x88s\x00\x00\x00\x00IEND\xaeB`\x82'</t>
        </is>
      </c>
      <c r="M439" s="3" t="n">
        <v>45492.67756944444</v>
      </c>
    </row>
    <row r="440">
      <c r="A440" t="n">
        <v>1093196</v>
      </c>
      <c r="B440" t="n">
        <v>1977</v>
      </c>
      <c r="C440" t="inlineStr">
        <is>
          <t>Rubens</t>
        </is>
      </c>
      <c r="D440" t="inlineStr">
        <is>
          <t>Rubens</t>
        </is>
      </c>
      <c r="E440" t="inlineStr">
        <is>
          <t>LE</t>
        </is>
      </c>
      <c r="F440" t="inlineStr">
        <is>
          <t>LAT</t>
        </is>
      </c>
      <c r="G440" t="inlineStr">
        <is>
          <t>LE</t>
        </is>
      </c>
      <c r="H440" t="n">
        <v>178</v>
      </c>
      <c r="I440" t="n">
        <v>44</v>
      </c>
      <c r="J440" s="2" t="n">
        <v>37062</v>
      </c>
      <c r="K440" t="inlineStr">
        <is>
          <t>Left</t>
        </is>
      </c>
      <c r="L44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164fd21-24d3-4f2c-84ed-ce9ae6b5618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8cG\x95\x00\x00\x00&gt;tEXtComment\x00xr:d:DAEewil2SDw:3759,j:3325205453230688475,t:24032721W\xbf\x04\xf4\x00\x00\x00\tpHYs\x00\x00\x0e\xc4\x00\x00\x0e\xc4\x01\x95+\x0e\x1b\x00\x00\x03\x00PLTE\xff\xff\xff\x06\x05\x07\xff\xff\xff\r\x12\x1a\x05\x03\x04\xfe\xfd\xff\xfd\xfd\xfe\xff\xff\xff\xff\xfd\xfd\x0b\x10\x18\x08\x0c\x13\n\x0e\x15\xfc\xfd\xfc\x02\x01\x02\xfd\xfe\xfd\x08\x07\x08\xfe\xff\xfd\x05\t\x10\xfd\xfe\xfe\x0b\t\n\xfb\xfb\xfb\x03\x05\x0c\xfb\xfd\xfe\x0e\x0c\r\xf8\xfb\xfd\xe5\xb3\x9c\xf5\xf9\xfd\xe6\xae\x9c\x12\x0f\x11\xea\xbb\xa8\x17\x12\x13\xd0\x88y\xe8\xb8\xa5\xe9\xb4\xa1\xf0\xf7\xfd\xfe\xff\xff\xe2\xa9\x95\xe3\xaa\x9a\xe5\xb5\xa2\xde\xa6\x97\xe8\xb0\xa0\x10\x15\x1d\xee\xbd\xac\xd7\xa7\x99\x1c\x16\x17\xe1\xa1\x8f\xe2\xae\x97\xe2\xa4\x94\xe3\xaf\xa0\xd7\x9f\x8c\xc6\x83p\xd1\x8f|\xe7\xa8\x98+\x15\x12\xf6\xf8\xfa"\x1a\x1b\xd0\x95\x89\xcb\x8by\xc9\x9b\x91\xdd\x9e\x8c\xea\xb9\xb0\xed\xb9\xa8\xea\xf0\xfa\xc9\x84v\xee\xf3\xfb\xcb|q6\x1c\x19\xec\xb6\xa4\xd7\x98\x8a\xd2\x83t\xdc\xae\xa1\xbf}j\xdd\x9a\x87\xb9\x84x\xc6xk\xef\xbe\xb2\xaf\x85\x7f\xe7\xb6\xa9\xd1\x9c\x90\xeb\xec\xef\xf4\xf5\xf8\xb7vc\xa8~y\xdc\xa2\x92\xb9\x87\x7f\xc9\x8e\x82\xd6\xda\xe1\xdd\xa7\x8f\xdc\xab\x98\xa0g^\xc4\x94\x84\xcc\xa0\x96\xd7\x95\x82\xe8\xe7\xea\xbf\x8f\x84\x8cVM+,536@\xd8\x8b}\xdf\xdf\xe2\xc7\xca\xd2\xf9\xf9\xf9% $\xcf\x9c\x8a?# \xd1\xa5\x99\xd9\x9d\x87\xba\x93\x8dZ4-\xcc\x93\x82\xd4\x93\x7f\xc2\x8b\x80\xc8\x93\x8a\xec\xaf\x9c\xcb\x98\x87\xda\x9c\x93\x98\\U\xc0\xc2\xc9\x8c\\V\x15\x1a#\xce\xd2\xda\xf1\xf2\xf4oC?/\x1a\x19bGH\xa7nb\xd7\xa1\x92\x13\r\r\xd2\x9a\x82$\x0f\rf?8\xb0rb\x94c\\\xc2\x99\x8f\xa9\xad\xb5\xb2\x83v\xd3\xa9\x9f\xe6\xed\xf9\xbel`\xd3\xa0\x96\xd0\x8c\x81\x82\\V\xb0jYoRQ;?HQ+&amp;\xc1\x88y\xcd\x80\x7f\xde\xe4\xeb\x9fzu\xa4wk\xc2te8!\x1fy}\x86\x7fROG\'!\x1d!+`dm\xba\x7fr\xdb\x93\x84\xed\xb1\xa1ILU\xb6yl\xe8\xbd\xaf\xb3\x8d\x86\\&gt;=\xe0\xb0\x9b\x84NE/#$\xadxk\xbf\x80v\x94\x97\xa1\xe3\xa1\x9b\x9fcS\xa9|r\xb5\xbb\xc6{I?\xf6\xef\xf0\x8a\x8e\x97P:9jmv\xd5\x8f\x84vMHo:3\xe3\xea\xf3\x9cnd\xd6\xa5\x8f\xda\xa7\x9f\xd5\x86\x88\xd5\x94\x91\xde\xd5\xd6\xec\xdd\xddP2/\xcb\xa5\x9d\xa7\x84\x7f\x98sn6+-\x9c\x9e\xa6QT]\xaf\xb4\xbdd2*\x83\x86\x8fB,*\xa9dX\xdd\x8b\x8e\xb1{rC35\xea\xc0\xbcX[e\xee\xb1\xabpt}\xe3\xb0\xac\xbeXV\xc3uw\x91mgzA;\xb9dY\xd6\xc8\xca\xba\xb8\xbc\xd1\xad\xa9\xd9w\x8b\xf5\xc1\xbf\xaaI^\xdb\xaf\xaa\x88f`\xa3no\x98=?\xce\xb7\xb6\xbd\xaa\xb0\x8fNH\x9cSI\xb0mk\xe7\xa8\xa4\xe3\x8c\x97\xa5\xa5\xab\xbejj\x9e\xa4\xae\xe9\xd2\xd0IDK\xaeZN\xe4\x9a\x91\xb6\x9d\xa1\x9c\x80\x83\xe0\xb3\xa5\xa7\x8a\x8e\xcaql\xc7f^\xb1E&gt;\xe9\x96\xa8\xc1\x9c\x9a\xd3\xbf\xc0\xccWpx\\b\xd1h{\x89sx\xa6\x95\x9b\x12\nZ\x97\x00\x00 \x00IDATx\xda\xbc\x98oL\x13y\x1e\xc6i\xaem\x9as\x98\xc1N\x97!q2\\b{h\xb6\xe5\xaf\xb6\xd7\xad\x89\xd9\x0b{\xc8\xa9G+\x1b\xfe\x1d\xd5r\xd0\x81\xb0\xbbxQAkq\xcbZ\x0f\xcdy\x08K\x04\xc1[\xd9@\xaek\x91\xe8](!As\t\x9eEc7\x82\xc1\x84\x17\xee\x0b\xb9W\x97\xf0\x82K\xdc{cb.\xf7|\x7f\xd3u}}\x19\xfc\xa6\xadcm\xd2\x8f\xcf\xf3\xfc\x9e\xdfo\x9a\x93\xf3\x7f\x8c\xf5\x871[\xccV\xb3\xd9\xcas\x1c\x17\xb6\xd9lxr&lt;\xcf\xe3\x1d\xbc\xc5sV\x935\xe7]\x8e\xc6\xc4\xf3V\x93\xc5l\xb6Xla\x8c\xdb\x1f\xf1\xfb\xdd\xb8\x00\x1eg\xe6l\x1cg\xe3\xad\xd6wM\x95\x93\x93\x07]8\xdeL"\xb9#5\xc1\xba\xa5\xf1\xd9\x99\x8d\xee\xd6\x1ab#\xd5\xb8|\x88\x96c}\xa7X\xf44\x9b!\n\x8c\xf3\x07\xdbf\xe6nL~\xb5m\xf7i\xb5\xe5\xe1\xec\xa3\xb6\xd6H\xd8\x96\xcf\xe1\x9f\xf1\xd1w\xc8\xc5\x1c\x84I`\x8a\x04\xeb\xda\x1e\xad\x0e9E\x83\xc1\x88\xa7\xc1h\xf8\xc9W\xa1\x873m\xadn\xf2\x92\xb7\xbe\x13\x1b\xf3\xded\x9dQ\x85\xdd\xc1\xfe\xb9\xc9\xd0i\xc9 \x88\x18A\x90$Q\x90\xc4\xf7\xb6\x9f\x0e=\xddh\rS\xfc\xad?.\x8f\xadB\xd4\xbeB\xd3\x8a\xe7\xcc\xb6H]\xffjH\x16\xc0$0,\\l\xa7?EI\x92du\xae;\x186\xf3\xfc\x96S\xe5XM&lt;\x1b\x8b\x99C\xa0\xddm\x8f\x1f\x86v\x8b\x02 \xc8=A0\x18\x8dx\xc1\xc3 \x10\xd7\xee\xa1\x1bK\xadn.\x8c\xcfRY\xf0[f(\xb0\x88\xc7FAw\xd7&lt;z\xaa*\xb2\x94\xc52"U\xb9F\xbcB9B\xdc\x0e\xfd\xb6\xed\x86\x95AZ\x13ar\x1c\xcb\xd2\xb4E&amp;R\xa2\xe8\x19\x0e\x07g\x87\x9c2\x80\x98e@1B\xab\xdc\\#S\r\xf3\x9e\x81|\x95\x95\xd0xw\r\x15\x19U\xd9\xd6\xa9e\xcd\xcf\x87Z\\\x81\xbbu\xa6EQb,\xe6\xa2\xc8@\x18\x8e\x91]\x19\x8c\x82Ho\xe0\x9f$u\xf2q[$Lrq[\x85e\xb2\x9a\xf2Q\xde\\\x81\xff\xccjH\x91c\x12\xa3bH\x1a\xe0\x0fd\xe4f\xae\x91!#\xfb7\x1e\x05\xb3\x95O\xcbe\x0b\xda\xcab\xa5N\xcf\xf7\xb7\xdd\xf0\xc0@2\x8f\x00\x0c"\xbbd\xb21\'s\xf1D\xd2(\xfeH\x99\xacNn\xc0H&gt;\xbb\x16M[R\xa2H0\xa8N\xcb\x0cK`qbR\x19\xb2"\xe1\x85\xbdItFrV\x80^\x93\xfd5\xd0k\x8bz\x82\x9d\x18\xcc6F\xc5\xb4"\x04-UB6Y\x02\xbb024\x8c\x81EM\x94\xd5\x87\xfdA\xacaj;&gt;Og,&amp;\x96\xd9\xe6&gt;\xb3\xaa:c"u\x15\xbeW\x10\x18\x8b(1\xc5\x88J\xc8"\xe52+\xb55\x00\xbd\x96\x82\xb4\x86Y\xef[uw\x91\xb3\x15\x04\x1f\xabN\x05\x18\xcc\xa3\xecz\x13YSh\xda\x18\x08\xf7-,V\xaf\xf2\xe9\xa1~?6\xa3-\xa8\t,#\x9e+\x08\xce\xb48\x9d1\xa22h\x9b\x8e\xa4\x8d\xd6\xa2\xd9\xb6\x7f\x83\xa5\xb5\xbe\xd1\x00\x1f\x9f\x9e\xa1\xf6\xe2\xcd&amp;\xdd\xb1\xd0\xee\x91GC\x8aS\x89I\xf8f@\x11\x8f\x8c\xf4\xc3\xc0l\xc8\x08\x15\n\x19\xdf\xc2\xa2\x08\x12\xd7x+\x8eaPK\xc7\xa5\xb8\x93\x8e\x0e\xe8x[\xdd\x9c\x135\xca,$\x89@\xa5\t\xa5\xc5\x8aq\n\x06fq\xd6E\xea4P\n\x92\x12\x9a\xa9!.=\xd5\xca\xcb\x9ee"\x1b-\xb2\x82\xc0\xe3\x8bDY\x82\x83\xb2\xc8\xb6h\x83\xb6\x03\x89P\x0e\x91\xa7\xf4\xbfe#\xf2\x86n\x95\x94\xa1\x8d\x1a\x1bu\xbdI\xcfU\x08\xa9l\x05us\x1eEQd\x91T\xa0\x95\xc7\n\x8b\xa0D\xeaS\xa3@X\x0c&amp;\xbbC\x1a\xdf\x0c\xed\x90-\xcfmZ\xd9[u\xc42\xe3\xd4\xd76\t\x0beE\xc4\x7f\x9e\xf2Nu\x00\xa3@#f)\xb5\xe6\xa7\x15H(o2\xc6\xaaV\xda=\xd7j\xe3\xf5\xc5\xe2\xe9\x06\xe7\xea\xb8*\x03KfX\x08\r]\x19\xd9\xc9F\xd0\xb6\x1f\x896Av\xac`\x84\x86\x1f\x97$V.b\xbf\x14\xe1\xf4\xac\x08l\x87\x16\x0b\x17\xee\xde$\x0b\x15\x19v\tt\x16\x95\x19\xc6\xb6\x9ffa\xb4u\t#e\x8f\xc7\xe9\xf1\xc4\xa8\x1a42\xc4\r\x91S\xe4\xc9:\x9b\xbeX8$[\xdc\x7feX\xb2"\xc09\xa6\x13ph\x1f\x8a\xc5b\x8a\xe2t\x02\xc5\x83WE\xd9\x1b\x8d&amp;Q\xba\xd9\xad\x9c\xb8\xd8\xbe)\xc9-(/\x1d{\x1e\xfd\x8e;\xd2\xc8RH\xc3\x8a\xb1Tc\xd5K\x8aS\x06\x92\'\x1aMgR\xa9\xc5Tj9\x93I\x8fu\xa4\x12\x8bc\x1e\xfa\xa0\xac\x9du\xb4\xcc\xc3c\xb5?b\xe3uU\x0bw\xa3WW\x9dD%;\x15\x81\xe5\x19\xa7O(\x94\xcc\xa4z\xe7\xe7\xaf\xaf?x\xb0\xb6\xb6\xb6&gt;008\x88\xeb\x81\xde\xe5$q)(\x0cV\\\xac+$y.\x18\xe6\xf4T\xcb\x84;\xfa\xb6\x87\xe4\x10X`\x8f\x91J!\xe6\x8c\x82i`mt\xfabu\xd3\x89&amp;\xcc\xd1C##\xa3w\xaa?\xbexdm0\x95dA\x14\xb3\xedj\xa4\x9e\x9d\xacs\xdb\xf4\xc4\xc2\xf9\xcf\xdf\xdf\xa2a\xe1\xce"&amp;*\x9eXloG\xe2\xfa\xfa\xc2\xe8\xc5\xe1ao_gYYg\xd9\xdd\xbb\xedMG\x9b\x9aN\x9c8\xd1\xdethd=\x91\xc4\xe7\x15,\xc9ly\x89\xd2f]Xg,.2\x13\xa2@Sd\xa4\x98\xe4\xf1|\x11\xfdt\xbe\xa7q\xbaz\xd8[\xd1\xd5\xdc\xd9\xe9s\xb9|&gt;W=\xd1\xd5\x97\xf9\xca\xca\xda\xdb?84\x98JG=\x940-^\x924\xd4\xa63\x96\x85\xf3/\x85h\xa9\x91^\x14\xf3\xbd\x1d\xe7\x07\x1a\xcf\x05\xca+\xfa\xfa\xc0T__Bc\xb7\xd7\xd7\xd3\xb5\xbd\xa8\xf6n}\xc3\xe5\x8fG\x07\x06\x13I%\xdb\xb1tP\xdd\xf0k\x997\xe9\x14yK\x18j\xb1\x02 \xc9\x9c\xd1_\xfe\xf9\xfc1F\x05\xa1:]v\x9a\x12\xf6\xe2r\xb9pQ\xec(\xb27\x14\x955U\xdfY;\x9b\xf1\xc4h\xab\xa4\xe2UV\x83\x0c\xcb\xa4\xcb/&amp;\x84e\xf3\x03\x8b\xb2B\\\xd1\x0eP\xdd\x8e\x07\xaa\x80\xd5\x0c\xff\xec\xc5DT\xa2Q\xb9\xea\xed\xc5\xc5\x8e\xe2\xe2\x86\x86\xf7\x7f\xd34&lt;\xd5x=1\xe6\xa4M@\x10c\xf2f\x1bv\xeb\x9d:\xed\xd7V*\xae\xc8\xac\n,$\x1e\x92u|\xf9\xe9\xcd\xdbW\x02UU\xe5\xde.X\xe8+\x02\x87\xc3nw\x10V\x89cG)\xcd7\r\r\rw\xdb\xbdU\xf1s=\xbd\x19\x0f\xbb\xd7\x95\xa5\xd0\xf3\x024\x84\x99\xd7I\xad|\x1c\x01\x19\x96BX_,\x9e\xfd\xdb1\r\xab\x10.\xfa\xca\xea\x8bw\xb0q\xec\xc1\xec\xfa\xd9\xcfKKw\x94:\x8aj?/k\xff\xac&lt;\x10?\xb7&gt;\xb8\xac\x88\xb8\xb1\x94\xe5\xd0\x06\xb0\xcc\x84e\xd5\x07+L\x91G\xaa`\xa22v\xfe\xe6\xb1S\x1a\xd6G\x15\x90\x0b\x8b\xcf\xeep8\x80Ex\xbb@\xf5\x8d\x03\xa9/\xeb\xec\xeb\xab\xf0V\x05\xe2\x0b\x03\xbd\x1e!F\x8bE\x9du\xf3\x16\xb3U\x9f\x1d\x88\xf6\xc4\xb0_\x8b&lt;5{\xe6&lt;\xc4\xfa\xf6J p\xed\xda\xaf\xcb\xf7\x17\xa2!\xfa:}\xb5%\xe4"\xe0 SmmYe___W\x85\xd7\xeb-\xaf\n\xc0\xc6dL\xa2]S}\xec\xe7x\x8b\x95\xd3\r\x8b\n\xc2\xa9-EOrq\xfe\x14\xb00\x04\xf6a\xb9f%\xad@h\xb6\xc7\xee\xab$\x950\xfb\xcbi\x90\xae\x0b\xbd\x19\xa7\xe8T\x93I\xa8EH\xbc.\xe1b?\xb4\xf97Z&lt;\xaa\xcaN\tQ\x04^\xc3\xfa#\xe4*\xff\x10\x8a\x81\xcb\xb5\x87\xf9h\xaf\xedl\xee\xca\x12\x95Wa\x02\xf1F\xec\x91\x1eQQ1\xb3Z\xb6\xac\xfaD\x9e\\\xec\xde\xf4$\x89\xca\x13\xed@;\xdc\xfe7\xa8\xaeU\xc1D\xccG\x85\x85\xde._\t\x89e\xaf\xef\xec\xab\xa8(\xcc\nU\x15\x08 \xf2\xb7\xaf\'\x96=1\x19:\xa7\x97\nl:\xaeD\xde\xc2\xd9\xce&lt;U\t+:\x96\x01\xd5\xb7\x10+\x80\xde\x82N\x85\x85\x85\xe0\xa8\xe8\xaa\xf4Q\xd1\xd7\xba:)R\x85d\xe2p\xb9\x86uj&gt;\x95\xc1\x89B\xf1\xa8\xa1%P\xe5\xe5\xe9\xd5\xf2\x16\xc8Uw\x03\xe1H\xa6S\t\xf4;\xa3\xa2\xda\xaah\xfe\x1a\xf3\xbb\xae\x8a\x8a\xae\x03l[\xf4\x1d8\xd0\xdc\x85\xbf\xe2\x8d\xcf\xbc\x9a^\xf1\xdb7\x13cIU\x81\x8b\xe9\x8d\xecM\x86&gt;jY\xcc\xbc\xf9\xeaj2\x9d^\xee\x1d\x18\xe8i\x8c\xc3\xc08\xa4\x82D\xae\x92=%\xbe\xaf\x81\xd2|\x80\xa6\xb9\x99\x1e\x95\xcdT\xfe\xbe\xce.\xaf\xc6\xd5x=\x13M:\x9dIu\xf2\x8c.[5\xfdRf\xdaIX\x9c\xa5f\x1cT\x89\x81\x85\x85sq\xc2\nT\xed\xffSe\xe5\xc9\x92=;v`\xdf)q\xf9\xb2X\x98\x03\xd8\x81j\xc9P\xc4l?a\xc5\x17`\xa3GM\xabsA=\xbaa\xe7\x9b\xdf\xe1\tk6\xbd\x9c\x9a_\x98\x9e\x9e\x9e\n\\\x89\x07\xa6ny\x7f\xf1\xf7\x93\'O\x16\xb1\xad\xa6t\x97\xa3\xa8\xa4\xd6\xd7\xe9C\xb7\xd6\x02u\x97\xc3\x81\x9e\xa7\x9a\x1f\xa6|M\x8f\xae\xf7&amp;\xd5tr&lt;\xa2\x07\x162E\x0ff\xa2%2\xb3\x0c\xb1F\'&amp;\xa6\xa6\xe2\xf1x\xe3\x85sO\x8e\xff\xfe\x83\xcb\x97\xef=;\xbc\x8f\xe6\xd9\xf7\xa5h\x07GQQ\xe9\xae\xc3\xf4\xce\xe1\xc3\xdf\xdf\xbb\xf7\xfe\xe7\xed\xc7\xf1\xf9\x89\x89\x89;k\td`\xc6\xaf\x0b\x965\x8f\xf6\x89|\xea\x9a\xfc\xc8\xc6\xe6\xf2\xe0\xda\x13`\x05\xe2\xff\xea9{v\xbe\xe7\xc2\xda\xc8\x91#\x87&gt;y\xf5\x1d(V\xc0\x81\x87\x86xpeee\xdf\x8b\x17/.]\xba\xf4\xdb\xa6\xe3\xb7&amp;&amp;nUW\x1fZ_N\xb7&lt;w\xeb\x83\x85[\x0b\x1e\xed\x80\x1d\x83\xf7?\x9fL\r.LLTOMM\xf7\x9cM`z{\xf1\x18\x1c|\xfd\xe0\x93\xfb\x97\x9e\xad\x80\x06t+\x07\x0f\xee{\xf1\xdd\xfdW\xaf\xfe\xf3\xf2\xe5\x08\xe6\xc1\x83\x7fV\xdf\x9a\xa8\x1e\x1e&gt;:\x92Hov\x87\xf5\xf8\xc5\x99~\x96\xa4;W\x1b\xfd\xc2\x1c\xee~\xca\xb0&amp;\x9e\xdc\xe99\xbf\xb8\x98\x19K\xa2\xc6\xd4$\xee\xc5z_\xff\xe3\x0f\xbf\xda\x07\x1eM\xa8g\xf7\xff\xf2\xf2\xbf\xaf\x07{S\xcb)6\x03O\xaa\xff\xc7\xaa\xb9\xfe\xa4\x95\xa7q|\xdeh|\xc1\x8b\x89!\xa6\x89\x99\xb0\xc6"d\x8c\x11/\xe9\x00\xd2\x9c\x9c.\xa0\x80\xd0U8\x1b\xf1\x02\x1b\xba\xc4:\x96B\x845[\x8b\xbc\xa88\x1a8J\nQ\xb3L"\x1b\xacka\xb0)\xdb96\r:Vmv\xdbz[\x17l\xd91\x8d\x97Fd\xc7xi-03if\xf69\xd8\x99?@\xf6\x17\xe2\x1b\x13\xfd\x9c\xefs\xf9=\xdf\x87#R8U\xf3\xe6\'\xff\xf8=\xf5\xff\x83\x95\x0bDT\xea\xb9\xf4W\xab\x7f\xfe\xfa\xf0\x14\xcb\xda\xd5e\x1e\x7f\xf0\xfc\xea\xcd\x9bp\x13}v\x13\xba\xc6\x8bv!\xef\xc3\x91\xacn\xfe0\xb4\xf5~|\xe5\xc9]\xb8l\xe0\x1a\xbc;&gt;\xac\x12)\xf4\x8d\xb5\x8e\'_\xb7d\x8aUXX\x98\x0e"\t\x14\xbcr%x\xe1\x02\xf5\xca_\xcc\x03\xdd\x10D_\xa7u\xfe\xce\x9d\xf9\xa1-\xb7\xc3\xfc\xf8\xf9\xd5\xab\x8f\xcd\x03\x0b\x8d\xc2\x0fi\xc5\x1b\x1b\xdbl_\xd8r\x8c\xaf\xdc\x05\xe8\xcf\xeeB\xf5:\x86\xeakUz\x15`\xfd\xfdr:\x88\x85Y\x1f\x15\x9e\x99\n\xb8N\x17H-\xaf\xef\xcc\xbf\xf9\xe6\x06\xb5\xe5\x99y\xc0\x07X}\nn\xff\xe6&amp;W\xb1\xfd\xc8\xda\xe9\x9e\xea\xea\x9a\xe8\xdc\x16\x19\x18\xac\x02\xe9\xc5O?\xe5IO\x84M\xaa\xda\xfa\x85\x01G\xd7\xad[f\xc7\xd6\xd0\xdb\xb7\xf3C\x03[\xb5*\xd5\x1d\xc7\xcaw7\xb4\x1f\x16\xe1Yg\xa7\xca:]\xb6\x05\x7f\xc4\xc4G\xbb\x0b\xaf\x83\x97\xbf"\xb1D*\x80\xda\xe0\xd6Z\xd5n`\x9a\x1a\xe8\xecT\xabM\xddN\x0b\x9d\xc9d\x16\\\xe4I\x85m\x06\xd1\xbdGVkg\xa7\xf5Q}\xfb\xdc\xc6F\xff\xdc\x0f\x0b\x8e\x17\xaa\xdeZ\xc7\xe1\x9f.\x90\xcb\xe6l(\xf0\xdc\x0c\xc4\xfa\x18F\x10\nuvf\xfd\xd8\x13\xdd\xb1\xben\xf9\xce\x01Xz\xa0\x12\x1a\xb6\xad\x03\xe3\xb7!\xb9.=7\xbbMp|2\x16\x1d\xfa:\x9d)=\xe9\xef\xf5Y\x01u\xc2\xedvw.\xd4\xab\xb8m\xc05\xff\xa2\x96[k\xfe\x17\xb8\xd7s\x14\xe85g]r\xfd\x82\x05e\x18\xdc\xd8_\x0fTjl1\xeb\xbb\xb7\x8eN\xdf\xa8\x93\xdb/\x94\xc1?\xee2\x9b\xef&gt;\xf9\xc3\xe1\xe1\xbf\x7fr\x9b\x94\x93J\x1d\x9d\x7f]\xa3i\xfe\\\xce\x12\xaa\x94\xa6N\xf5\xd4\xd4\x94y\x9cln\xdd"n\xdb\xc6\\-\x89\xf5\xec\xb2\xf6w-\xdf\\\xb9\xa1\x85?\x9b\x93\x19V\xde\xac&gt;\xe2\x9a\xf6\xd4x\xc4\xb1\x89\xfb\xf7\xad=^\'W(4\xf4Y\x9f\xdez\xf73\xb4\x00\xf3\xfb\x7f~\xbb\xf5\xd24\x19\x1be#b\x18U\x05\xcd\x16\x83\xcf\xa4V\xbb\x1d\x0fnB\x91^\xba\xe6\x06\xe7\xdd\xd8\xbf1\xd7\xde[k\xfe\xe2F\xcb\xb7o\xb7\xe7\x7f\x0c\x9e\xb5\xa7\xfe\x1a\xc4\xec\x0b\xff\xd9\x8fL\xa3\x82\xe3\x80\x07\x8dN\x827\xf4:[\x85\x9b2\x91\xfa\xa1z\xb9\xfd\xfd\x97_\xde\x1ex\xbb0\xf0\xf0\xe5n\xac\xa7\xda\x16\x8d\xdal#(\xe2\x9dTO&lt;t\xbfy\xb6\xb2r\xb8\xf2\xe4\xd0\x0c\xf3\x86\xa2ic\xae\x97[\xef\xf8\xe3\x95w\xea\x98\r\xb1\x1fh\xcf\xb8\x08\xffU-\xca\x85\x8dHr)!8\x0e3&lt;h\x9dI\xd9SW\xdea/\xc6\xbc\x8b\xdd{J%\xa4\xb5r\xdbd\x02\x15c0\x80\x1d\x1dEm\t\x00\xab\x9b\xdc}\xf8pb\xe8\xa7\x07\xcfWV\x9e}\xf1\xfe\xb1\x1b\xc287\xd7\xdb8\xe4\xf8yh7J\xb3\xe0\xc8j0;\xc3\xdc\xa2j7#\x91\xa5\xa4 \xc0\x0b\xcbk\xca\'\xbba \xc5\xd9\x98\xdf\x8f`l\x03\xa6\xd7+\x14\xfe\xf5\xc5\xdd\xfb\xe4\x0c\xbdx\x14\x1d\x11\x8b\xc5#uu\xdd\xa6\xdd\xdd]\xb5zj\xfc\xf1\xf8\xbb7/\xae=U\x8b\x9a\xfa\xfb\xb9\x8d\xc3\xea\xdd\x98\x8d\x16\n\xb9l\xa1`^&amp;j\xc1\xe4@\xd5\x86#\xa9DRP\x12\x0f\x18Ku\xcanr\xf8\xe3\xc0\xf4\x8e\xb1ev\xbb\x91\xcd&amp;0\xbfr\xe2%\x04\xf1h0:\x82\n\x04\x02\xe0\xeaQ\xaa\'\xd4J\xe5\xbd\xfa\xfam\xf2\x98\x94N{\x7f\x1bW5&lt;Y\x8dT\xc8\x03F"\x89\xcfRr\xce\xde\xb8\xb2\xd2\xddt5\x99\x8a$\x05U\x01&gt;\x9f\xde\xd1\xddM\xee\x1d\x10\x84\x83\xe9Ze\x16\x8b\xd1n4\xb2\xfd\xdd\xbb/\'b\xa4T@E\x13\x08\xd0j\x12\xcb\xb4\xb7,R(\x14*\x83A\xefwb\xf6b\xbbA5\xbc\\&amp;\x17J\x03K\xae\x08z@\xcd\xc9\xca\xa4\x9d\x92mk:\x95Jx*\x99L\x06\xd4X\x8f\xd7Kb99:\x1d\x9b=33c\x9c\xc1\xaa\x07c1\x92\n\xa044\x8d\x00&lt;Ou\x9d\xd2\xd4\xad0\xc0\xe1re2\xb6\x0e\xc3:d\xb2F\xc5\xb0\xaa\xe1ocR\xa3&amp;Abe\x7f\x9c\xe1\x869\x18J\xa5\x04\x95\x01#\xee\x1d\xd5\xfb\xbc~\xf0\x15\xe5\x88\xdf\xe9\xe4pp\x82`C\x9a\xd5\r\x82\xdd\x88\xdaP\x14\x05[\x06\x1fr~\xf7\xf6x\xf5v\x18\x02\x8b\xdb\x8a\xed\xb2\x0e\xe0b\xb3\xf5\xa2{\x1dr#\x93\xc5G#)\xd7,%7\'\xb3\xb9&amp;O\x0bQ\xf4\x94\xf2]\xfbG{}\xbeQ\x7f9\x89\x05\x8a@\x9e\x108\x8e\xc3\xa8\x0e\xc57b\x13\xa3\xe2t\x14\x05HE\x05\xfc\xde\xef\xc7\xecB\xe1\xc9\x890Tlo\x05,\x9d\x0e\x13\xddk\x95\xf3\x19,\xbe-\x95\x9a\x01\xac\xdc\x8c\xe6\x9a\xecl\xeaA"RC\xa0\x89h\xd4\xbf\xecs\xfa\xc1\x94r\xc0\x07\x92\x06\xbf\xe2:\xceA\xaa\x81\n\xfa(\x8a\x8e\xd8l\x80\x85\x8a\xcbi\xe0\x1d9\x1cLV\x1c\x12\n\xd3X\x1d\xa0\x17\x07s\xf6ae\xf9R\xa9\xdc\x96\x8al\x063\xc4\x82)\x902\xebJ\x12(t\xcau\xcc\xe7\xd5;\x11\xa0\x02\xa0\xeb\xf0\x81\x1fH\xf9\x08\xb4vR(\xb1\r\x02I\xd3\xa0b1\xc2\xe1\x80\xa5\xc5\xd9\x96PCCC\xb1E\xd6\xda\nz!\x1c\xbdho\x0f\x0f\xf1\x8a\xca\x8f\xd0\x03mnfX9\x80\xd52\x9d\xd4D\xa0U\xa2.\xef(\x86qH\x9e\xe6\x1a\xd2~5W\x94\x8b\xc9\x03j\xa1\xe5 \x96X\xa0i\xa6\xa1(\x026\x1b\xa7qp#\x03\x0e`\xc9d\xad\x1d\x18\xc8\xa7\xd8[\\\x9faI\x89\xa4q63\xb3\x98~\xfb//8\x93\x14DR\xc0\xc5\x19\x15A\x924\xf3\x81\x08\x0c4P!\xa8\xf8\xf4\xa0#\xfbP\x89\x1aOM\x8d\x07*\x11!\xc1\x10\x0e\xdb\xc8\xa070,\x962\xd2\x96q0\x83J\xbf\xb7\x8e\x1b\xc3%h8\x98\xfdq\x86X\xe4v2\x94\x14\x1c\xed\xa4"#\x98H\x04}\xa1\xac\xaa\xaa\x04\xa8Jj\xae\xd3\x04P~\xa7d\x83\xfb\x88\xe6\xb84PZz\\C\x94W\x93X\xa0\x18_~&gt;\xbd\xedb0\xe4|\x1d\x06\xed\x02A\x11\xc4XE[\xd5f\xb6v#;\x17\x85\xaa]M\x08\xf6wv"b\xe7\xb2\x08\xeb\xe0\xcb\xd3\xabn0\xd1\x80E\x13\x90\x9b\x19\x14\xdd\xdf\xc7\x8f+\xff\xbaF\x9e\xb8\x91\xf0#\x10\xc3\n\x1a\xde\\%?\xcfd\xa6\x97\x97r\xb6\xc1\xd0+\xe3\xc03\xe0\x1e\xe2\x80\x8ca\xe1\xd9\xb1&gt;"\xb1\xa0\xa1\xae\'\x96\xa2;;G\x83\xca\xbeFvY)\x9d~\xbe\xb2\xb2\x04\xe2\xa5\x81CC\xd0r\x04]\'\xe2kk\x92W\xe4\x91\xac\xc5\t\x17\x9b\xc0+p\x82\xcf\xff\xbc\x84\x9e\x0fC+3\x9f!\xe3r\xb90\xfa\xd8l\xd7=\xa7\xa9\x95\x95\x11\x16\xf9V\r\x99\\\x9e\xc1\x9d\x9d\x1d\xd3\xb2\x9e-g\xa4\xb7\xa4\xa5\x10E\x8f\xc7CT@;@\\\xc65\t\xef\x94\xea@"\x91\xc4g\xd8l\x1d4[~U\t&lt;\x03\xb3\xa0\x80\xc9\xa2\xdbe\\\x19`\x1d\xd9\xf8\x9eP\x0b%\';3W\x06XZjp,\x19\x11p@/\xb5O\xcf\xb60\xe8,P\xa0\xb2\x12\xe2XU\xe3!p\x1a\x8e\x1fK$\xed\x0b}\xf1W\x12\xc9\xabpSS\x18\xb8\x00\x8c\x0f\xe1\xae\x84;\xab\x00\xacv\x11\xab\xd8\xceU\xb1\t\xdb\x91\xadJ\x13\x0eRrr2\xf3\x8a\xb9\xd9\x14\xf0\x88\xb3\xd3\x91\xa8,&gt;\xdd3\xe9St\x94Y\x1a\x8a\xa4Rf~e)\x80\x95\xf0\t\x02w\xb9\xe2\xaf\xb0\xa7\x97n\x8b \x8c&lt;\xc3\xd45e\\\x120\xca\xca\xe4r\x90*\x9f\xf9\xdb\x8b\xbc1\xc0\x12\xb6\xf5.\xfbGb\x8b\xba\x12\xcd\xaa\x96T+\x93 \xe6\xe4f\xe7Q\xb2s\x82\xe1\x84\xcd(a\xea\x86\x87Ep\xe9\x16\xc3\xe3K\x99`(\xd2\x8a\xd54\xbb\\\xdf\xaf\xb9\xc0e\x18\xe2k\xbc\xf0L\xe7\xed\x97Kk\x80%\'W\x96\xf9\xa0\x15oL\xc2+b\x85\xda\xee\x98vbQ&gt;SC\xccR\xf3(Y\x19a\xa5\x1bDN\x9e\xf6`\x06%\x02\x01lxXa\x90YX$VA&gt;\xe4=|J\xab&lt; \xd7\xd2\xf7\xffu\xb9\x02\xf1p\x98\x177\xec\xed/\x01\x15\xc4:?\xbf\x12\xc4\xfadL2&amp;\xf9\xa4\xa8\xb8\xa9ow\'J\x044#p\xf3P(gud\xbf\xa8\x95\x0b\xb6.\x8f\x12\\%\x04\x04!\x9e\x1c\xee\x83\xe4\xa2C\x10\x8b\x98\xf9\xf4J(|:`i\\hbz:\xb1\xce\x0e\x87\xc3\'2\xbdkz\x1a\xb2\x9dA\x96`&gt;\x9d\xf5\x9b1\xf2\x80y\xec\xed[F\x02\'x\x12?\xd0\xa6\xdf\xd2\xc8`\xb0!_\x17!WH\xe7\xb4\xb3!\x8d\x06\xb5-\xfaD\x8d\xad\x96\x06V\x11\xeb\x7f\xb4\x9c_LZy\x16\xc7\xfb"\xe1\x81\x10c\x8c\x99\x8d\xd9\xd4MUL\xc8\xb6\xdct\xd8\xe0u\x92F\xc2\x90:\xb9\xd2\xe6r\x99\nTHl\rP` HI\xc5\xc2*\x03\xc1\x84\xba\x134\x10\x02\x89\xdd8\xb4DC\t\xa6\xa9\x84\x8a\x8a\xf8\xb0\xc6\xd6l&amp;\x1dK\xectm\xadt\x1ccL\xfc\xf7\xd0?k\xbb\xe7wi3\xbb\x0f\xfb$\xfc\x88\xa0\t\x92\x8f\xdfs~\xe7\x9e\xf3\xbb\xe7\xc8\xe3\xd5\xd2\xa7\xddgZ\xcew\x9d\x84\xe4ae\xd3\xaa^\xc7\x07\xa7U\xeb\xf2\xb1s\xad\xad\xb7D\xb4_\xd5\xd66\x16\xb1\xc4\\\x9d\xde+i\xfa\xea\xc9H\xeb\x8bN\xd8\xdb\xcc\xe3\x1dDT\xd2\'nP\xef_\xdc\x89\xefv\xb5\x8e\x07\x01K\xc2\xe5\x1d\x14\xb1\xbe\xac\x97\x82V_\xb7n\xff\xed\xd1\xbdd\xcaew\x13\x84\xcd\x9e\x8a9F[\xcf=h\x91\x9e9\xddP\xfb\x87\xba?\x16\xc5\xe2\xe2\xd1\x04\xf6\xf7\'OD=;\xa8\x7f\x91\xc9&gt;6\xd6\x89J\xd46:\xf9\xaf\x9f\xbe\x14\x91A\xaf\xc2\xa2\xe1\x8ayw\x11V}\xfd\x99\x16\xd1\x83\x91o\xb6\x1f\xfd\x9aL\xf9\xb5\x11\xbf}\xc8\xe6\xf2G\x0cI\xf9\xf67\'\x1f\xc0\x95\xe7tmS\x11\xeb@\xacS\x10\xcb\xb7v\x7f\x8b\xcf\xfc8Y\xcd\xaa\xa9\x81:\xf18F\x04\xae\x13\x95\xe8\x00\x95Q}a\xe7\x9f\xbf\x1c&amp;h\xb5\xc4w;: \xd4s.a\xa2[\xc3c\xdf[c\xf9E\xbf\x7fq1e\xb7\'S\x86\x08pY\xc7&amp;d"LZ\xcfkjl/b)\xf5\x04u\xbbk\xb7\xe7\xc5\\5j\xf2\xaf\xaa&lt;\xb6Z\x15\xf4\x05\xbb\xe6\x8b\xc9\xce+\x05\x92R\xe0\x12\x1f\xc2\x82\x9c\x05\xa8\x8c\x13\x0e\xab:\x0fDy\xeb\xe6\xca\xc8\xca\xe6\xa3\xcdM\x9b\xdd\xb0\x98\xb2\x8e\x99\x04\xa2\x1e\x0e\xaf\xb1\xae\x1d\xc9u0\xa8\xd4\x93m\xf1\xdd\xf8\x93\xb9\xee\xcf]\xce\xc7R\x0b]\x80P\x98`\xb2j\x18\xd5\xbd\xd7s\x94J!\xf1q!\xbd\xe34\xa0\xb4`T\x1eK\xa6R\xa9\xfc\xa3\x15\xd8\x7f[[\x8f\x1f\xef\xee\xceL\xb8\xed\x8by\xab\xa3\rBIGc]]\xfb\x8f\xed\x07b\xc0\n\x10\xd3?}\xb53Y\xc3\xfe\x04u\\\xacb\xa9Q\x03\xa9\xc4\xc5\xd5C\x84\x05u\x03\x97\x03X\x98`X\x9e\xb4\'\x931\xf9\x04@e2\x8f\xe9\x05\xe5\xd0r,\x19\x8b\xa9\x97\x8d\x02\'\xaf\xae\xee\xa0\xbd\xfd\xc5\xa0N\x19=\xdcX\xdd\x99\x9b\xfc\xa2\xa6\xb4]#\x8c\n\xc8pf\x0f\t\x84\xc5u".\xa9H0\x9eLM\xb9\x1d\xa3\xb72H*\xb4\x1egh\xb0Qw\xccnW\xb7Y\x9cw\x1b\x1b\x01K\x0c\xc5k\xf4cgoow\xb1\xc5\xa6\xa4XP2^\xd9#\x14\x16%\x88\xc5\x95r9R\xc1\xb05\x15\x0e\xaa$33\x00\x93\xc9\xac\xac\x8c\x1c\x1d\x8d&lt;G\xdf\xce\xa8\xd2Cv\xbb\xdc\xa4\xe9\xe0\x1d\x00\x16\xb8\x96\xe7\xb0\xd0\x8bz\x16\x99\xcc\xd2v$\xb1+\xaaj\xaa/\x14(\x0bNc\x81ZN\x01\x18k\xdd\x0cF\xcbd\x8e(\xfd\xdb\xc2\x9e\x9e\xa2\x08r\x13\xb9\x99\x04\'\x86\xec\xb1e\x0b\x97\x07\\\xe0Z\xb8\xfe\xf0\x19\xc4+\x08\x0c\xa5\xc5:\x85n\xb40z7\xa2\x8a"\x16\xaa\x1d,\xe3\xb1\xf02\x05\x18#\xdbk\x1f\xaf\xdf\xe8\xec\xfc\xf6\xc6\xd5\xab\xff8\\\xdf~\x9e\x19\x91Q\x89p&gt;\xe8\x81\x10\x87\xa8\xc0\x86\xfb\xd7Y\xcc\xaa\x8a\n\xfa`\xa3DT\xc5\x96\xc5SU\xcc\xee\xd5\xa8\n\xa7\xb9\x00\x8b+\xf1\xaam\xcb\x9b\xbf\xbe^[{\x95\xdf?&lt;\xdc+\x14\n\xefV\x0b\xfb\xe1W\xef\x8fV\x1ci\xca\x9dJ\xe3\\\xa8\x14\x81J\xe9!\xf6o\xa0[\xaeU\x95\xcc\x12w5\xa3v\xd8\x9a\xd9==\xae,Z\xb1C\xec#l\xf2\xe1\x89G\xaf^\x01\xd7\xda\xa7\xb5\xb9\xf6\x8a\xfe\xfe\xb5\\\xe5\r\xbb\x95bq\x07W\xa7\x9bWzr\x87W\xd8\xacr4\xcc\xd3X\x9d\x05=P\xe9P\x88\x10O\xe3A\x9b\xc3$\x83\xf2\xe2\xe7\xf7Gh\xbd\xa7\x17\xbcl\xff\xbc\xb69!\xc1m6\xfc\x00\xae\xd1\xf0\x0bJ}n\xefB\x15\xbb\\X\xec\x8b\xef\xde*A.\xa5\xd27-\xe6\xaa\xd2i\xafL x\x90Yy\x7f\xf4\xfc\xbf\x17\xecI\xa3\xc6gN\xbbUb1\x97\xab\x9b\x9f\xf7Ds\x85\xde\xf2a1\xbag\xf7&lt;\xe8\xafW\xfa@-sp\\\xa1\xe9\x91b\xd2\xdf\xe2\x8f\xb7\xde\xfc\xbeff0L\xe2\x9b\xc6\xbd\t\x1c\xc4\xe2\x0e\xce\xe3zb\xff\xd9EV\xb9\xb0 \xc3\xe9\xdc\xd3\xcf\xebt\xa0\xd8\xa0XG\xb8\x97)S\x0fG\xda\x03\xc5X&lt;\xfefk\xeb9\x04\xd47[PK\xdf\xe58\xb9\xd3&gt;\x8a\xe2\x02\x96np\xde\xa3\xcf\x056\xaa\xcb\x84\x05i\x04\x8b\x05Xo=\x1e\\9?(V\x92AJ\x81\xea\xb3x\xbc\xa1)\x1e\x9f\xc9\x8c\x80\xf1F23\xf4\xd1\x03\x94G&gt;/\x85\xb6\x06\xf8;P\x91\xab\xac\xd2c\xfd&gt;\xa25Y \xf4\x1e\x88\x11\xc0\xa5#\x13*\x8bDZ\xdb\x84z|\x04\xb2\xd1q\x87\xdb*w@\xe1\xadqrx\xbc\x06\xd8\x11\xd4 8&lt;\xee\xd1Gs\x01b\xb5\xbalX\'\x00k\x83$\xa2z\x8fr^9\xaf\x1f\xb2%(\x85E\xda\x10o\xe08ec\x0ew\xd8\x9e\x8c\xa9!u\xd0\xa0\xbb\xd7\r&gt;U:\x01~\xe8\x01\xaah.\xa7\x9fe\x96\x17\x8b A/XoI\xbbk\xca\x96n3K\x1bj\x1b\xa4\xc6sc\x0eu&gt;\xa9\xbe\xf7\xbdI\x00iV#\xaf\xc3\x9cH\x93z=\xa2"H\x92\xf0\x94\x07\xab\xd8S\xc1\xae\x99\xdcPQH.\x90\xe0\xe9\xfd\xa5\xac+\xbc\xaep\xd2\xa9\x97lL\xfe:\x95R\xcbGE\x9c\xa6?5\xf2\xeev(\xd2n2\n\xef\x8c\x929\x92P\xe1;\xec2\xa9E\x0fkuo\x98(/pE\x89\xdc\x0fZm\xc40\xe5n3\xf74pD\xc3c\x0ekr\x11\xd2\xbfMYO\x03\x8f\'\xf6Y\xbc\xb6!2JD\xa3\x81@\x0e\xb2!\x84U\x86Y\x9aOw\xf9\x99\xdd\xef\x86\x87)\x02\xcc\x12\xcd\xdd\x14\x86\xb4\xd9\xa9\xa1\xf4\xb2I6&lt;v\xef\x9e\x1c%\xcf\xf9\x98u\\\x86q\xb8&gt;U\xd06\x15\x867\x11\xe4\xd3\x05\x920\x1b\xf1Y&amp;\xb3\xaa&lt;j\xa1\xa3\xd4\xeew\xa6f\x13E\x06\xd6\xa3\xe4\x9dPH\xeb7\xb8\xc2n\xb9\\n}m\xb5&amp;\xf3\x90&gt;\'c\xf7\xc6\x86ef*a\x03\xcf[\xc8\xe5r\x0b\x0b\x01\x92\xb2\x18\x91o\x95i\x88\xac\xaa\x92\xc1\xe8^55\x1bU\xc8\x89\x03w\xb4!dF\x97\x1d\x12d\xd8\x81\xea|\xca\xee2\xa4\x92j\xb9c|\x19\xb42\x18\xa6\x9e\x02R \x10\x80"\xae\x88u\xa2,\x8by\xe2\x13\x96\xd1\xe4EX\xa1&gt;0\xa3\x1f\x04K%\x93y\xb5z\xca\xe5r\xf9\x17!F\xa8m\xb6\xb0\xfdN6r\xf3%\xe2"\xa1\x88++\x16*\x80\xbage\xcd\xfdF\x8b\x8a\xa4\xc8\xfb}\xfc&gt;\xa4\x97\x1f\n\xb0T\xca\x9et\x19\x0c\x86,\x88\x97O\xe6]\x86lvI{\x07\xb0H\xd2K)\x8c\xc6f|\x96]^,s\xf3e\x91\x08\'\x88\x85\xac\xb0\xafO(\x14\xd2\\\x8b\xa0\x94!\xe2\xf7#\xed\\`\xcbHH\xa8\xd5\xdeAb%\x90\t\x8d\xcd\x9e96\xfb\xd8\xa5\xe1\xff\xbbX\xa3\x1bS\xe6\x93\x97E\x98\xc6L-\xdc\x0f\x85\xfa\x06&gt;c-\x1a\x0c\x11-&lt;\x10\x98\xc1\xe0\xf7\x0b\xf9\xa1\xa5\x1f\x02\t\xa0RY4FY3&gt;\x07j\x95\r\x8b\xcd\x9c\xc3\x01\xeb\x1a&amp;0\x93\xe0\xf2\x80\xa5\x15F\x0ch\xf9#BaH(\x8cD\x96\xb2\xd9lD+\x1c\x10f\x87\xc8D"\xd1f\xb1\xf4\xf7\x1b\x11\x16\xbbl\x03\xccl\x16\xa3Sy\xab\x88\xa5\n\x83\xa5\xc0\x8a}E\x89\x10\t\x9f\xcfG\xeaE\x80P\x18\ne_&amp;\x82\xc1\x04e\xd1 ,\xe5\x1c\x83Yq\xaa,X\x954\xd6\xfc\xd9\xcb\xfd"\x0c3\n\xbca0U_\x1f\x1fD\x022!\x7fi`\x00\xfd\x8c4\xe3\xf3\xfb\xb4ZC:\x18\xf4R\x16\x0c\xeb\xef\xefoV\xce\xfe\xa5L\x93\xc2\x95\xc8\x88\x8c\xc9y0\xa2\x08s\n\x04f*\x1c\x01\x0c\x10\x0c4\x8a\x08\x07B|\xf04P\x0f6(\x7f\x80/\x8c\x84\x83\xc1\xa0J\xf3\xf0\x12\xddB\xac*tV\xb1+JN\xf4)\x83\xa0\xb1\xba\xce\xb7`\x1a\x81\xc0d\xa2^\xba"\xb4`|\xbe6\x04O\x00\x13BH}\xfc\xbf\x0eh\xa7\xbc^o\x9b\xe5\xe1C\x8c\xc6\xa2&gt;~[U\xf2\x89\xf4\xaa\xca\xcfi cr\xf0d\xd7e\x0c\xc34"\x81L\xa6P=uii\x9e\x90\x10\xbd "x\x82\xaf\xc8\x90\x17\x8d\x8d\x80X\x97\x80\xaa\xffl\xdb\xfe\x8d\xff\xc5*QO3\x101\xd0\xa4w\'\xa8uY$\x95b\x02\x11\xe8eV%\x86\xb2\x08\xa3H\x05H\xe8\xc1\xd7N\x05U\xa66\x13MU4b\xdb\x87\xabt\n\x81\xd0X\xf0i\xa5j\xb5f3\x10V\xcd\xc5g\xc4\xd7]\xb7\xaf\xb5H9NL\x00z\x99\xcd\xd4\xcb\x9b\xd9\xa5%d&lt;D\x85\xf6\xa2a*M)L&amp;\x85\x06{X\x7f\xba\x9e\x96\xcb\xe8\xfdp\x95\x9e\xb6c\xb1\xd0hv\xc9\xb0h\xa9\x18\x0c\xd6\x95\x0f\xe9\xae\xae\xdb-\x7f\x96:\xa5R\xa7Sc\x91\xf8|\xaa\xc4\xfa\xfaPV\x0b\x1bP\x18\x81\x08o\x0f\x07\x15\n\x85\xc5$\xd3&lt;\xe4pN\x9f\x06.\xac\xff\xbb\xb3\xe3\xff\xbe\x8e\xfe\xcf\x07|FqT\xbe$=\xb1\x08\x0b\x9d\x0f3\xba\xaf\xdf\x94wu\x9d\xbfv\xe6\x12\x06%OG\x87\x13\xb0$\x163\xe4|\xe1\xa9!\xb7;\xed\xfd\x0f\'\xe7\x1b\xa2Fz\xc7q\x8bdYG\xf1P\\\x19\x95%:\xd9\x18\xdd\xb0f\x93]\x84\x10\xd6\x0c\xec\xdd\xe5\x8e\x948\x902\x9a\xb6[\xb4*!9.\xad\xd7\x8ac\xe1B\xe8\xa5\xb6r/N\x0e)\x08\xda\xac=\xea\x8bZ\x90\x8a\x05\xc9\x8b=\xaeEE\x8e\x82\xec\x8bBv_\\K\xf2jY\x8eK\xd37]\xc2]\xbf\xbf\xdf\x8c\xdb\xb4o\x9a\xeb\xe3\xae\x8e\xee:~\xe6\xfb\xfb\xf3\xfc\x1e\xe7\x99\xe7{\xdfBy\x7f\x13?7\xdf\xb9\x9b\x8c,\x01+\x91\xa0\xc9\xba\xef~\xc0X\xae\xa8\xa8_\xc2\xff\x7f\x9e\x8ar\xce\xbe4\x9d-\xc1\xe2r\xd1\n"\xb9\xf2on|\xff\xc1\x1b\x97\xce-A\t\xdf\xeaj\xf2l2y\xe6:\x02\xe0\x9do\xff\x00Q7k7\xaf!\x02#&gt;\x1f~\x96\x12\xd7\xcf\xdf[\x9ba)\x83\x81\x12%\xd5\xfe\xdb\xfd\x9d/\xcdE\xa7eN\xcc\xcee\xb8\x94x-\x1e\x9d\x8b\x1e\xfc\xf4S`\xad\xd0\x8ca4\xbe\x12d\xf5\xf4\xf5D2\xd9N\xb6=\x1e\xba*\xe4,H\xe9\xcb\xd5\xb6\'\x14\x08x\xc0u\xe6\xd2\xed\xb5\x8b7\x80\x95s\x8b\xf2@\xebf\x14\xdb\xbf\xafR4.\xe3w~\r\xb5\xe8\x8a\t\xfd\xeaK{T\xedf\xd5\x81\xe4\x8e\x96\x7f\xf2\xe9I\xc2\xf2m\xf3iU:\x83\x19\n\x9d&gt;\xdd^]\xf5x\x82\xab\xc1v\xfb\xd9j\xdb\xd3\xa6\xe6\xf1\x04B\x1e\x8f\x8f\x9c\xeb\xf6\xda\x87\xf7\x9fk0\xa0W\x92\xb3\xbdBIT\x94\x9c\xbe\xe2\xc5\x1c\xcd\x01\xa6\xb5R\x9c_\xc3\x9d\x90\x15\xe8\xcc\x9f\xcd%\xc6\x87\x93l%&amp;{\xa3{\x1f\xdc@:]Y\xcaooo\x06H/\xdfj(\xe4\x01\x9d\'\x88\xf6,\xd8\xa6\x87 \x98@\xe4\x81^`\x8f$n_\xfc\xed\xfd/3\xa2$\xc9\x924\xd0jr4\xae\xd2\xea-6\xa3\xcd\xbd\xfc\xac~`\xb9\xe7hto\x9f\xb7\xbbrb&lt;\x9b\x1dT*1I*&lt;\x07\xd6\xab+\xeb\xdb\x9bh\x01\xfa\xd4U:\xe9\t{\x05\xfd~\x02\xc2/6\x00\t\xb5\xf2\x01\x98\xd1\x13yx\xe7\xe2\xaf\xfe\xfaU\x8c\xa9$\xa96&gt;(d\xb4\xf1\xb0\x9c\xddR(&amp;]\xb4\xde\x8d\xe9%=\x8cW\x13"y\xed\xa0R2\x05\xa2\xaaTdI{\xfe\xe3\xcb\x06\xd6\x06\xb5 \x9f\x8a\xc6\xc7\x07\xfc\x8b\x8b\x8b,\x156\xc0\xe4\tl\xd2\r\x92&amp;\xce\xdf\xb9\xf0\xde_\xf6\xbc\x0c%\xc9\xddV\xea\xf3\xddr\xb6\xdb\x99\xf4\xf62\x0c\xf6\x82\xff\xff\xef14/\xe9\xe3\xce\xb9lJ\xe6\xa0\x99nj\x95A%\x16\x93k_\xde\xbf|\xf2\x0f+\xeb\xf9m\xc2Z^\xde\x00P0\xf0\x02\x16=\x00\xab\x1d"1\xfd\xfe\xcd@$\xf1\xea\xc5+\xef\xfe]#&amp;\xafW*\x1d\xa6\x1b\xc5b\xba\xd9\xe9\x8e\x87\x9d\xb2V\xca\xb9\xe0b\xc6\x87\xfe\xa7Z\x86\x84\'N\x9dz\x11\x19C\xd5h)\x1e\x8fg\xca\xcdT\xa31\xca\xc6X\xae\xcaW7.\x18X\x9b\x84\xb5\x0c8\xff\x8c\xca\xcfT\xcb\xac\x16\x90\xfc\x1b~\x7f\xc0\xb7t~\xed\xc2{\x7fz\x12\'(49{x8\x99\xa6\x1b\xa9\xd6\xa4[\xd0j\xc02\x92&gt;\xfc\x9f\x86\xa2\x94\x96L\xb3(\xd5\xf1h\xd6\xe5&lt;\x0f3\x9dsv\x97\xb2\xa5f\xb3Z\xb9\x99N\x8f&amp;\xc3\xb2JT\xd0k\xefoWN\xae]\x02\x16C\x11\xd62\xe9\xc3"\x11\xd6\xf1\x06^Z^\xf4{\x92\x0f\xefA\xac?\xeeDe`\x89\x90\x0b\xa2\x0f\xd4\xeed\x94NW\x9b\xc3\x82\x1aW\xe8\x92y\x1b\xb3\x99N9y\xde\xa7.\x1b\x15,,\x13\xcbu\x8a&amp;\xe6\xba\xa3\xf1\x8c\xd6\x1dw\xc7\xf5juw\\\x83J \x82^1Y\xfd\xc7\x95\xd7\xee@\xad\xfc\xa6\x81\xb5\xc9\x0f\xcb\x8b\xf4\xebg*?#\xf1\xd3\xa0\x0f=\xe4&amp;S_\x00\x00\x08%IDAT\xe2\xc5+\xbf|R\xf2B-1\xea\xf5\xc6T\xb5\x86\xdd\xc4j\xddN\x7fT\xad6\'\xc3\xbd\x9d\xb8\xc2`\xb6y\xbb\xed\x05\'\xa3b\x98{b\xd0\x81\x1a\xc1\x81\xdc\xa9f\x0b\xddr\xbd\xd5\x9adcR\xa5\xa6i\x03Y\x06XL\xae&lt;\xfd\xf5k\x0f\xe0\xf2\xf9\xc0\xb1Z\xcbW\x8d\xdbG,\x1a\xab\xb7|\xf5*\xb0\x02\xa1\xd3\x89{o_\xf8\xf3\xd3\x0cd\xf2\x8a\xa2\x18U\xb2\xbb\xd3\xddNA\x1dT$\xaf\\\x1b\xd7\xa7\xd5FzZ\x1f\xd2BT9\x0eK\xa7\xdbN\xd1f\xd2\xbf \xb2\xf1\xece\x1b\xaf\xc7\x04\xfb!\xb1\x94\xeb\xd3\xd6\xb4\xa3\xc5\xa4Za\xb8;j\x16dpA2\xe9\xd17/\x7f\xf7\xd2\xb9\x10\xf2\x16A\x01\x8b\x84\xb9\xca\xed\xa3E\xba\xe9z\xe1E\x7f\xc0\x13I\xc0\x86o\xbe\xb5\x13\x95$\x91\x9a\x14\xaf\x9b\x05\xa1\x08\x92\xc3\x82Z\x8b{\xc5A\x16\x9eVMUG\xfdN!\xc3\xa7_\xd8\x9c:\x96\xd3\xce3\xbd]\xba\x99\x91\x0f\x86\xfdV\xb5\xb5[V\xa5\x98V\xee\xa7\x1b\x16K\xa37 \xae\x98\xac\xc4\x9f\xfc|\xed\xc1\x17\xeb\xe0\xd2\xbdk\xc3p\xb2\xabl6f\xd2\xe3\x11\xd9\x0b\xfd\xf4\xf9{\x1f\xfelG\x81Vn\xb7(z\xa3\x85\xaa5l\xb6Z\x05s#\xddj\xd6\x0f\xbbZ&amp;.g\xb2\xe5^\xb3Z\xad\x8e&amp;\x85\xb8-\xc7\xa7\xab\xec\xa6\xe3\xef\x1f]\xb4\xeaFI-\x1c\xd4[i0\x1djq\xb9\xd6\xed\x8d\x1af\x8b9\x1c\x0e7U\xe4\x1dp\x95\x94\xcc\xd37\xdf\xf8b\x1d\\z\xe6\xda\xdcX\xf4o\xc0j\xcb\xe4\xe1A\xbe\xb1\x8b!ID\x92\xc9\xf3\xb7\xdf\xfe\'Q\x89.\xb7+\xe7\xf5\xc6\xeba\xb3\xd9b1\x83\xccj\xb5\x84\x1b\xa9\xea\xb4\xde\x19k\x83\xd8\x966\xeeM\xab\xd5\xfe^\t\\\xb0\x1b\x97x\xfa\xc2UJf\xdc\xeb\xb7\x10x\xfdIY\xab\xc5\xc1\xd4L\x17\xb1\x1bs\x18\xb7j\x01\xa1\x04.YQv\xde\xfa\xe1\xca\xb9|\x88S\x04\x92\xd3&amp;\xa7\n=\x00\xb9\x0b\n\x06\xc8\xe9\x99*\xf1\xf0\xe6\';\x8aK\x14q\xc4\x10\xcb[Hcw\xe0\x02\x13\x1e\xb0a1\x17\x91+\xfa\x93\x83lm+S\xe85G\xf5,\x85&amp;2\x19\x95\xb0H\xe5\xa5l\x0f\xe9$\xdd\x9c\x1c\xa2S\xdeR\xc1Tm\x84u$\xa8en\x0c\xe3\x94udY\xf1\x96v\x9e^[_\xf7moS\x0f\x94\xcf\x13\x18r\x14\x1bo\x15P\x1e\x1d\x0e\xd5\x04\x8a\xad[\x8f)\x93\xd3rO6P\xc5w\xc3:\x16\xf10\x98\x8e\x18.\xa6\x10\x93e-\xa3\x95\xeb\xbbC\x15\xdd%\x92\x03\xaf:\x96\xed\xb5R\xa9io\x8c\x18\xa1\xb4\x02Bf\xd2\x1b\x8c\x18\xaeoQ\x80\xa3_\xf3\x8a\xca\xce\x93\xbb\xeb\xeby\x1dk\x9b\x93\xe9\xa6\xeeSP\x8azi\x90y\xa0U$y\xebh+\x8a\xb8\xb7\xcf\x9fp\xbbDI&gt;L9\x1c\x020t.\xc6\xb3\xf2S\xba/\xa6Z\xf5\xb1\xa6\x8e\xeb\xf0\xe9\x92\x89\x96\xae*i\xc3Q\xba\xda/\xab\x83X\x85tJ\x1b\x0e\xa5\x1f\x19\x839F\x9a7\x8aX\x82\xf3\xba\\\xd1\xcc\xe3\xf7\xd7}\xf9&lt;r}\x80\xb1\x02\x9b:\x14\xe1D"\xe0j\xb7\x93K\x91\xb3\xfb\x8f\x10l(B\xe0%\xd0J\xeeV\x1d\x0bh\x0eA\xb0\x18\xa2Y\rF&lt;X\x05\xabPL\x8dz\x85\xeca\xbd^6\xa1\xd3S\x0f\x9a\x08\x83n\x8dt\xea\xe8Ll8\xbd\xd1\xbb\x04\xc7B\xaa\xb3\x15\x15\x11N^\xd1m\xcb\xb9\xb6\x8en\x9d!\xacm2!q\x01\x08\xe5\x15AE\xa8\xac\x01\x15\x0c\xf8\xf1\xef\xe1U\xd4m\xb8)\xbfk#a\xc1h\x0e\xf6-\xf6{\xdd\xd7\x04\x81\x9fX\xcc\x8dj\xbd&lt;\x1e\xd6M\x80\xea\x8f\x9a\x9dlm\xa0\x8e\xd9\x9f\xf0\xb70\xb9#\xc3\xe1=\x82\xe0\xc0A:\x1c\x9f\xef)\xc0B\xa3Y$\xae\xf8\xa3\xfd\xdf\x91`\x04\x16\xf2Q\x01\xc34\x84\x15\xf1@/\xb8\xd5Q&amp;\xea\xa6\xa5\xa4\xe6\x88\n\x15\xcdnx\x06E\r\x14`\xd1=\xdf\xcaP\xba9-\xc5t\xbf36\x95\xfbS$\x83A\xad`\xf88{Txf=\x8b\xe0\x98\xed\xcb\xdc\xd4D\xe2r\xf2h\xc3U\xda\xd9\x7f\xff\x1c:!4\x1fc\x91Vm\xb6 m\x91\x01s\xdc\xd599cIr9\xc5\xbb\x01\x14\x1d\'\xa3\tV\xc3\xc1t\xb1\x0c\x83Z\xc2\xa9\xa6iZ\x87\x9b\xab\xddzKg"\xa72\xcf\xccg=\x86ZXxEhtdp\xd1\xb5n&lt;\xae\x82\x83]C\xfeb.\xd4\xce\x11\x1e\xe7\x18T\xed_\xe8\x118os\xdap$\xb0\xa0\\\xe9\x84_!\xa1\x04\x81\xe4w\x90\x05\x168\x00\xc0d\xb1\x90p\x96c7\xb3\x86M\xf0s\xad\xbc[m\xccl6#\xc3\x1f\xf5\xb7;fh\xc5^\x05\x8e\xe5v\xce\x1b#\xec\xdc\xd6\xd1\'?b,\x0c%"|\xd9~$\xe2\xf3\xa0\xcbi\xef?\xda\x8ar}7w\xc2\xeeb\xad*\x95\x8e\xf9\x1b$\x94\xa0\xefV\x10t.\x87`)\x86I.\x8b\x9e\xc7H:\x98\xd64\xd0\x0e\x915\xf5x#K\x93o\xe1\x8e\x0fI?\x16A?\xb2\x85\xc6\xb0\x02.\x8a\xac9\xba\xb2\xccf\x8b\xc2\xc1\xce\xae\x87\x10\x8cp\xf5\xa5\xa5\x95\xa5\x04s\xb5\xf7\x8f&gt;.\xf1\xf2\x8fT#\xb9]\xa8\x1b$T\x1f=\xf3\x024\x99i\x05\xc0\x05\xde\xbf#U\xef\xb7Ra\xc1\xc8\x18\xfc\x81\xc0\xeaP\xf7\xa2\xa76\xab\xf5\x05\xeb\xb1\x9f\xe3\x15\xe3_\xf14U\xae\x0cb^\xd1eGMv\x82&amp;;c\xec\xbf\xf3\xf8u_\xc0\xc8\x0b\x18\xd7\'p\xff\xfac\xf2*\xf8\xd4&lt;\x1d\x80\xe1X\xb1\xd8`bvX\xd9\x84\x06\x17\x85#\x9a\xa3\x95\xade\x87\xfdjQ7\x91E\xd0\xb1\x8a\xe4w\xe6\x99Y\xb1U4\xb3\xb5q\x1c\x0b\x0bz\x86\xd1S\x84#\xdd\x8d\r\x88\x8b\x07ytv\x11\xa3\x03D\xe4g\xcf\x82~\x1a\x10\xfah\x04\xfd\xf0\x16\xec\xa7\xb0\xfd\xe6\xb9\xa7uSNA\xe7 \xd7v9!\x08V\xc3\x84\x0e\xc1\x90g\xaa\xa1\xc8\x19t\xfb)\x8e3\xc1\xc02:\'\xc3\x84\x14\x9eH\xc5\x0e\xb6)\xdb\xd1b\xa1\x10\x00\xb1\x90\xeeJT7{\xc9\xedQsP\x9e\xb0\xb9\xc5R\xe6\xe8\xb36\xd2i\xd0\x93_\xba\xfb\x9d\xfd#*Olsv\xbd\xabe\xaa(\xd5\xcbQu\n&amp;\x046\xef\x14X\x82\x05\x99\x91\xbc\xbb^C\xc7\xe1\x95\xd4N\x0b\x95\nI\xc2X\xe6\xe3\x0c\x85\x7f+\xa6Q\x8b\x8e\xe8MV\xca\xf2lK+u=\xf8\x17k\xba\x8b\xec#\xcbT\xa3\xb8\xe7\xfe\xd5\xc5\xd9\xf3&amp;\x08\x85Q\xb8\xcd5FDIh\x90PF7\xb6N\x8c\x84_P\x99\xba\x99@\xaa\x93\xb3\xb9\xfa\x07L\xddYLp i\xbat i:u\xe8\xd6vw+\x1d\xebh\xbaw\xeb9/\xba\x94\x89\xa8\xc8\xc3y\xbfo\xaero\x9e+\xfd\xd9t\xf4\xfa}wu\xf9\xf0r\xfd\xbb\'\x14\n\xa0D\x04*\xad+T!\xab\x83\xb7\xf8\xb1\x8f\xbea3\x98\xba\xbc\x1d\x19\x8a\xb7\xc8s\xa0\xe7p9\xd9dp1\xf3\x1fV`\xa8lW\xe5I\xb8U\xbcL\xaa\x0f\xc0`I\x93\x05;0\xb2\xda\x93\xc1\x18\x0f\x07\xacN\x9bK\x1d\xd27\x86\xe3\xcf\xaf\xd9\xfdl?\xc99\x93\x82Y\xfe/\xf6\xa2\xed\xb8L\xa4\x9e\xe3\xd0\xc1&amp;\xd9)7\xd0\xef\xcd\x86\n/\xa5\xabd\xea\xc7\x11\xda\xc4a^\xedR~\xc6l\x8c\xd8\xe4\x04\xa3x\xae\xc6\xb1\x9f\x84\x1b\xdd\\\xa1\x02\xcd\xd8\x85^\xd0;\xd0*\xab\xf1\xedL\xd8\x08Gr\xe1\xb0\xdc^\x87?\xabL\xc6u}3\nO\xb3\x02\xc7x\x94Z\</t>
        </is>
      </c>
      <c r="M440" s="3" t="n">
        <v>45492.67839120371</v>
      </c>
    </row>
    <row r="441">
      <c r="A441" t="n">
        <v>1094179</v>
      </c>
      <c r="B441" t="n">
        <v>1963</v>
      </c>
      <c r="C441" t="inlineStr">
        <is>
          <t>José López</t>
        </is>
      </c>
      <c r="D441" t="inlineStr">
        <is>
          <t>José López</t>
        </is>
      </c>
      <c r="E441" t="inlineStr">
        <is>
          <t>CA</t>
        </is>
      </c>
      <c r="F441" t="inlineStr">
        <is>
          <t>ATA</t>
        </is>
      </c>
      <c r="G441" t="inlineStr">
        <is>
          <t>CA</t>
        </is>
      </c>
      <c r="H441" t="n">
        <v>188</v>
      </c>
      <c r="I441" t="n">
        <v>42</v>
      </c>
      <c r="J441" s="2" t="n">
        <v>36865</v>
      </c>
      <c r="K441" t="inlineStr">
        <is>
          <t>Left</t>
        </is>
      </c>
      <c r="L44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2283313-563d-45e5-bf5e-f4d0551a229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e7\x03#\x00\x00\x00&gt;tEXtComment\x00xr:d:DAEewil2SDw:3479,j:8640573334177784359,t:24020218X\xa8\x8b\x83\x00\x00\x00\tpHYs\x00\x00\x0e\xc4\x00\x00\x0e\xc4\x01\x95+\x0e\x1b\x00\x00\x03\x00PLTE\xff\xff\xff\x00O9\x00K4\x12\n\x06\x0f\x07\x04\x04\x01\x00\x00P7\xff\xfe\xfe\x00M6\t\x04\x02\x00=*\x00B/\x00R:\x16\x0e\n\x00D1\x019\'\x00@,\xf0\xf2\xf6\xf3\xf6\xf9\x00G3\xf5\xaf\x89\x00T=\xf4\xac\x87\xf9\xaf\x8c\xed\xa8\x83\xf2\xaa\x84\x1b\x12\x0e\xf4\xb7\x95\xfc\xb7\x95\xfc\xb3\x90c&lt;(\xfe\xbb\x99\x01P=mC._9$,\x1a\x0e!\x16\x12G(\x18\x9a`D\x003#Y5",\x1e\x18\xdd\x9dxtG/ \x13\r\xfe\xc1\xa09!\x13\x1c\x0c\x07\xbb|\\V&lt;,\x01YBbC2\xe7\xa7\x83\xee\xad\x8a\xed\xa3\x7f]&gt;,3\x1e\x10\xfc\xfc\xfc\x02UA\xeb\xef\xf2P8)\x8bV&lt;T1\x1fA.!\xe3\xa1{\x86T;%\x1a\x15\x01_H&lt;(\x1b\xf2\xbc\x9d\xfe\xc0\x9c\xe7\xa5~xL6\xfa\xbc\x98\xc4\x84cN,\x1a\x91]B\xa2eG\x01dM\xbbsSj?(\xa8nP\xf2\xb2\x8f\xd6\x95s\xf8\xb5\x90H5\'A"\x13qN;\xcc\x86f\xea\xa0{gH8\xb1mL\xcc\x8dk\xc5{Y{H0\xd6\x91n\xed\xeb\xec1$\x1dL1!\xf9\xf9\xf8\x9bhM\xd0\x93q\xda\x99tg4!\xd5\x8cjyYF\x85L4\x93wh\xb2sT\x7fR&lt;\xfa\xab\x87\xe4\x9bu\x01I8\x88\\E\xd8\x9axn|}\xf6\xa8\x82\xfb\xc3\xa7\xaahI\xf2\xa0y\xd9\xe3\xe8\x94Y=\xeb\xb4\x95\xcb\xd8\xde~N5\xa2qYXB4\xbd\xcc\xd2)\x10\x07M!\x11\xe0\x94qU+\x19=\x19\x0bnWI\xee\xe5\xe1\xf5\xf3\xf3\x1a[9\xe5\xae\x8f\xe1\xa2\x82\xadx[7+&amp;\xd4\x86e2\x14\x08\xf4\xa5\x7f\xe4\xe1\xe1\xdb\xd8\xd9\x93bI\xa3\xbc\xbd\xe6\xba\xa2\x84ma\xe3\xea\xef\xd7\xa6\x89\x82cR\x0eP4\xf2\xd5\xc9\xd1\xce\xcew_R\xb1\xa3P\xa5\x8d\x7f_,\x1b\xb3\xc3\xc9`NB\xec\xc1\xabq=\'\xec\x99z\xb9\x85g\xfc\xc9\xb0\xd7\xb2P\xb0~d+`9\xce}^=3.\x93\xa0\xa6\xa4\x84r\x98\x80r\xb2\x9c\x8f\x9d\x9bQ\x11_NQe5\xba\xac\xaa\xdc\x9f~WzE\x91kV\xc2\xa5Kh"\x13\x91\xb5\xb0qmh\xc3\x8cm\xe8\xd9\xd2\xd4\xba\xb1\xcf\xc4\xc37f&lt;k~E?xo\xb1\x89uG=8\x7f\x8b\x8f\xc1\x9e\x8d\xa6\xa5\xa3\xd9\xb1\x99OJG\xd0\xacL\xcd\x9c|\x84~|\x9e\x9a\x99\x95{/0Q,$sd\xe5\x83fGp@\xb9\xb8\xb6d^Z\x01*\x19\xe8\xc0a\x8e\x91\x91\x85\x90P\x19hVz:*\x97L8i\x8aP\xe1\xb7M\xc6\xb3aj\x9d\x97\x7f\x83D\x90\x8fG\xe8\xca\xbd\xfb\xf3\xf0\xcc\xa9\x96\x17F*\x89s,\\\x91\x87\xdf\xcf\xcb\xc1aPC\x86z\xd9\xb8_\x7f\xa9\xa7\xa3\xac\xb7\x1bMFZ\x17\nrn1\x8d\x9bW\xa5\x8e@\xf2\x8el\xf5\xcds\xa9UB\xa6\x853\xa4\x98\x8b\xbc\x92~\xd8pX{%\x15\xb9\x959\xf9\xe3\xdc\x8f/!;^]\xb0\xadh\xd0\xc1~)\xcb\xc7\xcc\x00\x00 \x00IDATx\xda\xcc\x99\xcdO\x1a\xfb\x1a\xc7\x9b\x0c\x84\xb0\x98\xcd\x89\x11\x1cP\xa3\x0cF\xec\x1cF\x02\xa2\xe4\x80\xd8\t^\xeb[|9\x02\x95\xfa\xc2\x80\xefV\t\rW\xa3)\x06QKT\x04155\xa1\xb1\xb1\xd6\xc4HZ\x17\x1a\x17\xd8\xba(\xa9%\xe2\xa2\x91\xa4\x8b\xee\xce\xbd\x8b\xfe\x07\xed\xf6&gt;\xbf\xa1\xb6\xf7\xee\xef\xd8\xf3\xc4N\xa9\x89\xe9\'\xdf\xe7\xfb|\x7f\xcfo\xbcu\xeb\xffP"\x91\xc1m@_\x06\xd1\xad\xbfM\x89\x0c\xebg\xf1Xl}=vv\xb6\xee6\x88D\x7f\x13\xa8\xa3d6\x99\xf9\x94L\xa7\xb3\xc9\xe4e\xdc\xe9\xfe\xf5`"\xd1oG\xe9D8\x95L1\x04\x8e\x8a`\xd3\xe7\xb1?~\xa5d`$\x91!\x96\t3$\xc30T\x8e\n\xc71\x9cId/c\xee_\xc6\xe56\xdcr_\xa5U$\x01D\x04NQ\x14\x81&gt;a\x02 #\x13\x99\xf8/\x00\x83\xd1C\xd3\x07R\xa9\xa0y\x02\x81\x00\xc0("\xa7\x18\x86\n\'\xc2\xc93\xc3\rS\x85bW\xe7\xe7\xf1\xd8e\x9a\x05\xad\x80\x83\x83A\xc6\xe2\x98@0\xf8\x83\x11\x89s\xe7\x8d\x06F\xe8Sv\'\x15N\xa5X\x15s\xdd\xb9\xefD\x98@\xf0\xe3\x89\xe3L\xf6\xca)\xba\xa1\xee\xc1\xd7Q"\x9d\xd9aU*\xc0"(\x86$8\x89\xb8\xfeA;\xc5\x02\x0e\n=p\x86\x050\xc3M\x84\x94\xdb\xe0\x0e%S\x97Y\x98?\x8a\x04;\x91\x0c\x81\x89\x85\x18\x83\xba\t&amp;\x13_\x17\xa7\x1aF2l2~\x03\x99`\x089\x9d\xb1t"\xcb\xfe\xf0\x94\x00\x13\x8b\t\x15h\xc6\x90$.\x10\x0b\x85\xd7`\x9cb\x90\x1670\x93\xa0\xd6\xe3X&lt;\xadR\x91$&amp;\x80\xff\x98\xc0\x11\x00\xf1=#\xe0[ \x97\x10\xd0\x849.\x04Ff\xafB"\xbe\xa1\x9c\xce\xf5\xd8U\x1a\'\x18\x0cD\xc2\x08\x12\x03\x00\xaeyB1\x0e\xddD%D\x05\xff\x16\xe7\xec\x8fQ\xa9+7\xcf=\x0c=\x8e\x1fe.\xd3\xd0?\xb1@(\x16\x80@B\x90\x84\x93\x07\'8\xb9rT\xc2\x9c`\x00\x06\x83\nI\x11\xe2W.\xb7s=\x9eL\xa7\xc0C\x08\x0b\xc5\x82\x18\xcfQ\x81\xd7\x08\x82\x93\xed\xbf\n9\x1f\xce%2|e\xe0\xb5\x89\xcex\xfc2\x9b`\x91\xb79C\x03\t\x81\xfa&amp; \x088q\xe0#\xe4\xa8\xf0\x7f\xc0\x04$\xcb2D:&amp;\xe2Q\xab\xf5\xb3\xab\xf3d\x82!H\x1cE(\x06\xf1@\x92\x04\xca)\x1c\x9a\x8a\x0b\x84?\xbd\xf5\xb3\x91\xb8JE`d\x92?\xdb\x1b\x9c\x8f\xd7\xaf2iX\x16P\xc3H\n2K\xa5\x82\xa0W\xd4\x04h\x14\x14X\xee&lt;\xcc\x8d\xe3\x0f,\x8c`a&gt;\x98K7\x7fX\xcex&amp;\x9c;m`\x16!\xe5Y\xd6j6\x9b\xb5\x8ej\x97EAQp\x12\xa15\x02\xfbi\xfc\xef\xc1J2\x18\xb1\xb3\xce\xe3\x1ez\x99\x82\xd0DbQ\x0c\xcb\x9a\xadF\xa3\xc3n\xf7\xee\x9f\xaez\x1dF\x8b\xdaf\xb3\xd5\xd4((\xc1\x8fF\n0nD1&lt;\xcc\x10\x898o]\x0c\xc5\xb3,\x03\\$\tT\x16\xabF;\xe1\xed\xa8&lt;\xed\xf1\xd4\x1d\xf7\xec\xfbOZLw\x1e\xf5\xb5\x97*\xd5\x01:\'W\x0eOL\x85\xd1\xcf\xa4c|\r\xa3\x08\xc4b\xc1Y\x80\xa5\xa8\xb1\xb8\xb4\x13\x1b\x0f\xeey&lt;\xdd\xfa\xa8^\xaa;\xbe\xe8\xe9\xb9\xd7T\xf9\xa0\xa3\xd5\xd4W\xb4\xb0\x18\xc0~8\x1f\xb0X8&lt;\xc3g"\xde\xbcu\x94R\xa1\r\x99TXjKZ:*G&lt;/=\xd3\xd3Q_\xb4\xa0@\xa7\xab\x18\n\xf6\xf7\x8f\xdc\xebm\xe3\xc0l\x91k0\x01\x19&amp;1\x8cV\x1d\xf1\x87u\x05X*\x8aT\xd8\x8af\xdaF\x82\xdd\xd3\xb9\x8a\xfa|\x05\x05R}\xb7\xc7\xe3\t\x06G\x0e*\xa7f\xa0\x97\x0b5\xdf\xb9pK\x18"\x8e\xa62|\x8d\xa2(t\x9eP\xc1m\xa2\xa6\xb9oj\xcd\x83x\xa2Q\x0e+_"\x91\x14\xe8\xbbQ\x01Y\xef}\xd0\xab\xbdh!\x92\x0bV\x9ce`\x18i"\x13\xe2\x13\x0b\xaa\xd9\xd4\x1b|\t8\xbeI(_4\xea\xcb\x03\xac\xfc\x1c\x16\x80\x8d\xb4\xb5\xce\x8c\xdd\x06\xef\x07\x04\x9c\xb7P\x90\xd1\x14\x91\xe4\x0b\xcb\xe0\xbe\x0c3*ViZ\xeb\xf6\x80R\xbe\xc9\xc2\xc2.I^\xbeo2\xaf\x0b\xfe.\x00$=\x94\xa7\xbf\xf7A\xd9\x9d\xbe\x92\xf6Z[ wBBt\xd14\x9dZ\xe7\xcb\\\xa1\xa3\x84\xca\xe2j\xe9\x07\x00\xa4\x95D.\x97\x03\x98$O\x82\x9e\x05\xfa\x97\xddz\xa9T\xef\x19\x01,S\xdf\xed\xf6\xa2Z\xa5\x02\xcb\xad\xab\x08+\x11\xe3\xedL\xfc\x14V\x99\xed\x83:D\x15\x9d\x9c,,n,.\x96\x83P\x12N-\xc0\x02\xbd\xea\x82\x1c\xd6#\xc0*-w\xa9\x03\xdc\x0e\x06WG:\x11\xe7\xcd[\x990k\xf6\x1e7@TE\x91X\xc5\xc5\xff\xf8\x1daq\xde\x02,d/\x0f\xcc\xe2\xfd\xd6;H\xad\xd2\xea\xf2Z\x8bB\xc0\xed\xf58\x1e\xe6+\xe6\r\xa1\x0ck1\x0e\xac4\xe8\xf5\x88\xaaP\xdeX\x0cm\x94\x03\x93\xa4\x10&lt;\x86\x9a\x08\x93\xd8?\x02\xd15\xf6\xe8v\t\xe2\xd2\xb8\xd4\xe8r\x0b+\x06\x9e\xe0\xcd[\xce,k\x9d\xf3W\xd4I\xf59\xbf\x03S\xa3\\\x96S\x8b\x8b\x08=\x12k\xed\xa0\xad\xf5\xce5\x96\xc6B\xe5n\xd9\xf8N\x88?\xac\xb0\xd5\xe1\xafh\x90\xea}\xbe|\x90\xab\x10\x89%/Djuuu\x82^`\xf8`?`M\xcd\x8c\xa1.\x16\x15UW\xbb(t\xc3\xc6p:\xeb\xe6\x0f\xcb&lt;7\xea\xaf\xd3\xeb\xa5&gt;\x1f\xea"p\x15\xcb\xe1)\x01\xcfw\xc9\xc1\xf5\x05\xd2n\x84\xd5{\xbf\x8c3\x17\xc8U\xed\xaa\xa1`\xc7\xc7q:\xcd\xd7\x05[\x14JZ\x1d\xdeU\xc0\xcaY\xbe\xf0Z.`\xea\xea\x92\xc9:\xf3\xab\xa4\xdd\x9e\xfe\xb5{\x805\x06\xc1\x85\xe4\xd2\x1a\xd5\xb0\x89\xd18\xc1_n\x01\x96q\xf4d\xb5B\x8a,\x7f\x8d\x85\\\xdf\tb\xe5\xc9\x1ae\x9d\x9dU\xba\xba\xa1\x915\xc02q\xe6\x02\xacje\x8d\x82\xa1h\x1a\xe7\x0f\xeb\x8f\xe4\xdc\xd6I%8^\xefC\\\x08\xaa\xb1Q\xde(\xe3\x94\x92\xfd\xb3\xbeS6\xab[\xa9\xe8\xefiz\xd0Qf\x82\xa0\x07*\xadVc\xa9Q\xa9`\xa5M\xc4xS+\xb3t\xb2\xda\x03I\xde\x1d\x8d\x16\xe4K\xbad\x8d\x8d\x88\xa9S\x06XR\xc0\xaa\x9a]\xd6\x1d?\x1cl\xaa\\\xf5\x0flx\'\xee\x96h\xb5\x1c\x97\x05\xbdo\xe2-\xb7\x00\xeb\x99\x7f\xef!\xc2\xd2\x17\xe4W\x816\xcb\xcb\xcb:\xdd\xca\x8a\xae\xb3^\xd6]U_\xbf|&lt;x\nk\xaaw\xd4\xeep8 \x1c\xaa\x1d\x0e\xadC\xab5\xc2\xbe\xaf"y\xc4\xfa\xb4\xb5\xbfW\x87\xa8t\xc7\x83\x83\x83\xfb\xfb\xfb\'~\xff\xde\xe9\xde\xde\xc5\xf2l]C\xbdl\x05\xa0F\xab\x8df\x8b\n\xed\xaf\n\x85\xa2\xc6\nj9\x1cF\xab\xd1\xcc\xf0\xd7D\xf7\xe5\xf8\xbb\x0b\x1d\x0c\xe2\x85\x7f\xc3;\xba\xe4\xd0\x18\xab\xed\xa3\'\xfe\xd5\xfd\xbd\xc1\x15]]\xd5\xec\xc5\xfe\xc9h\xb5KMR\xdc\xfd\x0c\x1e\x18\xcdj\x00kgn\xce\xca\xf2gy\xc3\xd1\xabw\x0f\x1bt\r\xfb\xd0\x19\x8d\xd5l1;\xb4\xf6\xd1-\xaf\x7fu\xb5IW\xa5[Y\xbe\xf0{\x1d.5\xdc\x1a\xe9\x00*\x9a\x86S\xa7F\xa3\xb5/\xed\xec\xcc%vx\xcb-\xc3\xd9\xb7o\xc7@\xa55j\x8cF\xb3\xd2U[2a\xf7nl\xf8\xfd\x80U\xaf;&gt;&gt;\xdd\xb0\x97*m\x8b\x8b\xb6\xe6\xa2\x92\xdb%h\xb1\xa1i\xca\xa5\xb5?[ZZ\xdaY\xe2\xed}\xa5\xe8\xcb\xfb\xf7\xc7\xbaA\xbb\xc6\xa8-\x99\xf0n\x0c\x0ct\xb4ButT6\r\xc9\xea\xab\x86z:\xee\x96*\x01j~awl\xa6\xac\xc5\xf4\xa8\xa4\\\xadP[\xb5\xa3[[[\x9b\xcf\x9e\xf1w\xdd_\x7f\xfb\xef\xa7\xba}\x8d\xc6&gt;p\n\x96\x87|\x824\x1f\x9b\x99\xea\x1di\x90\xfd\xde\x19l3\x95\xdb"\x91@\xc4V4\xd1RV6\x03X\xa5\xb5J\xeb\x1c\xf4yss|s\x93?,\'`-\xfb\x1d\x13\xab\x83\xc7\x15C\x7f6\xb5\xdc~&gt;\x0f\xd2|n\x1b\x91v\x15\xe7\x05\xef\xef\xda"`\xa8\xc5"\xbbC\xe3\xaa--\xd9--oV\x1a\x9fm\x8d\x02\xd5\xeb\xd7\xaf\xf9{U\xe9\xfe\xf2\xe1\xc3\xf2\xe9\xc9\xfe\xe0\xc3\xa1\xfe\xa6\xd6\xbb\x0eMy\xf9\xf3\xe1\xb1\xd6\xfbkzIa\xf4\xe3\xd4\xeeb\x80\xc6"\xcd\xae\x9d0\x1a\xc2\x80\xady\x01amn\x8d\x8fo\x7f\xdd\xfe\xca\x1f\x96\xe8\xcd\xdb\x0f\xb3O\xdf]&lt;\xec\x1fi3i!#1\xb5cx\xac\xed`mzr2\xfa\xb1\xad\xcf\x06bEl[\x97\xc9\xb4\x80VP\x006\xafl\xb6\x03\xd6\xeb\xed\xc3\xedC\x1e_\xa0&gt;\xfe\xeb\xc9\x93\xe5\xa7O\xff\\{0V\xee\x9aK\xa5i\xe5+\xffL\xdb\xc7\x8f\xd3\x93\x92\xe9`\xafi!\x00\xd1\xa0\x1d\xff\x1a\x06$\x8bE\x11\x88\xcc77k\xb7\x00\xeb\xf0p\xfb-\x8f\xef\x03\x9d_^&lt;\x99\x9d]\xe9\xef\xfd\xfc|\xc1?\xae\x0eD\xca_u\xb4\x1d|\x0c\xfa$\x92h\xf0`f\xd8\x16\x08Dj\x97^\xef\xc0&lt;\x1a]J\xf5\xe2\xfcBm\xf9(\xa7\xd6\xe1\x19\x8fX\xffz\xf3\xd7\x8b\xfaY]\xb0\xf7\xf3n\xcb\xb7\xf7[\xc3\xc3w\x80*\x18\x9c\x86%g\xf2\xe5A\xd9\xf0\x82-\xb2\xb8\xd0~\xd7\xde^ZZ;\xbfh[x\xfe|\xb8\xa8\x04\xb0\xc6\xb7\x0f\xbfp\xbf\x02\xe1\xc9\xf3o\xde\xbe\xa8\xef\xd4y\xd6\xa6fL\x03\xfeU\x7f\xc7\x14\xa2z\t;\x0e`\xad\xb5\xee\x967/.\xce\xff\x87w\xb3\xf9Ik\xdd\xc2x\x13\xbd!\x1d83b\x8bB\xb6\x02\x11\xf9P\x82\xbb\x9b&amp;|\x88A\xba\x11\x89J\xc1m\xa1r/H\x0f\x05\xa4\x06Sh0J\x0eE&lt;)Vob4\x1a/\xc1(J\x8c\'\xea\xe04\x86\x1c\xb5\x03o\x8c\x89#\xa68\xab\x0e\xea\xc8\x811\xb5F\x07w\xbd\x9b\xe6\xfe\x05\xc0\x92\xb9\xbf\xac\xb5\xde\xe7]\xcf\xdek\xbb\xf3^{\xda\xed^\x89\xb9\xed\x10B\xcc\xb3\xb7\xbd\xb0\x90\xfa\x0er\xfcG\x89^M=?8\x99\xef4\xa1\x91}f\x0bb`k\xe6\xe3\xc8\xc8\xfa{48\x03VH\xd8\x143D\x81F\x19&gt;\xf3z\xbd\xcap8\xac\xd1\x90B\x12\xb0\x92\xc9\xaf\x7f\xfc\xe7\xc7\xce_%\x10/\x06:\x8a\'\xf3\xac\xea\x1a\xf4|\xe6\x15\xb8\xd5\x7f?\x81{\xfb\xd5{4\xa72\xdf\xaf\xbf\xb5y\xd9\xaaX,\xd6\xeb\xe5\x87l6[(d\x0b\x19\xf9a?I.\xed,D\x9c\xab\x7f[\xd9\x98\xe7\xaf\xa2\xcb\xc4\xd0\xfd\xfd\xf9\xf9\xb7\xc51\x16X\x89\'555`\xa6Y\xf4#\x08\xf0fL\x1a\xabG\x895\xc5b\xee\xdeq~\xa8\xa7g\xb0\x07\xc2f\xe4kH\xca\xe3\xf3I\r*\xe8\xb3\x15\xb7\xe6\xa0\xc8XC\xdfL\xb58\x0c\xc5c&amp;@\x82\xd1\xb4\xbe\xce\x8c\xcc\x180\xd5\xd7WCo1\x9f\xcd\xf4t\x0b\x1b\x00\x0bnD\x845\x08`\xb6\x10_\xe9\xa7\x96\x10\x96\x01\xfa?\x9b\xbd;..\x16\xe3\x1e\xafe\xbe{\xc7\xc4\xc7L\xd5\xef\xc0\x18"\xa7\x0f\xf6\x02\\\x062d\xc8j\xd4\xbe\xed\t\x93l\x95a\x05\xb0\x8c6\x8458h3v\xfbI\xc0\xda\x8e\xf0\x0c+\xd9\x95\xec\xdd\xddf\x91\xab\xb8vy\xb9\xce\x04\xf3\xd5\xc92\xd7\xd3P:\xb1X\xc7\x81\x00\xbb_\'\x16g\x82m\x03!?\x86\xb1\xa3\xd0[\x08\xab\x90.c\x98\xa4\xa8\xa5\xed\x94\x95\x17\xbb\xcaf\xddww\x13\xe7E\xc5bt\xfe\xcc\xd5\x05\xf5\xf5\xac\xceN=\xcd\x14\x14\xebt(c\x1cN=P\x893k_\xba\x94 W\xa0Wp\x12\xa1\xe7i,\xf0\xb1\xa4\x90\xdaK\xed\xc6y\xd1\xe8\x95;\x7f\xf70\\\\\xacG\xc1\xdc\x07NF\\\x83\xb0 O@\x05\xb9\x82?\xb1\x98\xc3a\x99:\xf5\x9d\x9f^\xf6\tU\x06\x9eA\xd5\x0f\xe3\x16:\x8a\xa8\xe3C\xdd\xe3\x18F\xed\xdd\x02\xd6dt\xc5m\x7fx(r\x11\x19\xc1\xebw\xa0\x99O\xf0\xb5\x02\x16\x84\x0e\x05`\x99\x07\xbc\x9bcxb\x80\xcf\x96WTN\x1a\xfa\xa3\xee\x82B\xd8\xd09\x14\xf6b\x94ow7\xber\x05\\\xc2\x87\x87\xdb"\xb7|\xe6\xba\x9e#\xd6\x8f\x8c\x00\x96\xbe\x00\xf4\x8b\xae\xfe\xc9\xe5]\xd6\x98x\xd9:\xde_\xf9\x8f\xca\xd9(\xfc{\xc0\n!\xe1B\xa3 \x9bM\xc1M\x1d\xc7\xb2WW\xd1\xf4\xd9\xc3a\x91\x05\xe2\xfe\x03\'(\xfe\xf0\xf3\xd9\x1a\xf4\xbc\x1e\xb5\x94\xaePK\x1d\x87\xb95\xf8\xf1\xe3\xcb.\xbe\x9b\x1e\x02\xe1\xf6I\x87AIC\xa0\xa5J\xf4Z\x83\xf0l\xef\xa6\xac\xec&lt;`\xb9\xcf\xce\x8a\xad[\xe7u\xcc \xf3:\xc7Z[c\x99A\x0e\xd0\x93@\xa0\nBk\xd5=\xcb\xad\xe3\x89Vol\x16\xe6\x87Y\xb8\x13\xed|T\xc1\x901\x0c\x86\xbf\xa1\x89\xf0\xc0\xb4%k\xcaC\xba\xdc\xe1"\x1fD\x88\xe5:\xce\x87\xdc\xba~\x1e\xb0\xea\xcd\xb4B\xc0q\x0c"\x850%F\xf77\xf7\xfb\xec\xaaI\xa024\xa4\xbd\xc6\x82\xc0\xa3\'\xa84VjG\xaar\xdfe\xaf\xd2\xfc\xc3\xa2O\x11\xe7\x99\xfa\xeb\x1cS\xdf\xb9\xd6i6\xebQ\x1d\xe9\xde\xd2\xd5\xd5\xe3\xa3\xd3\xae\x00\xe5w\xb9(\xde\xac\\b`\xdb\x95FP\x87ac\xb7\x06a\xa1"\x02VC\xf6.\xbbb?*\x81+[\xae\xbb\xce\xbd\xd7\xb3\x10\x96Y_W\xe8-\x8e\xb9&amp;\xb1\xef\xf2\x07(\x95J\xe3\x91\xf1\xe4\xb3\x8d\x12\x15\xdc\x89\xc3]\xe8\xdd\x8f\x1f\xccb\x03A\xc4wR;M\xd1,\xa8\xe9\xdca\t\x06\x9b\xfb\xba\xeb\x9f\xd7L\xd6&lt;\xf4\xbcY\xafGX:\x9d\xa9\xb9kz.@\x92\x98*\x1a \x9bx\x93\x92F\xb9\x9c\xd70n\x1cnm5v\x93\x05,\xcfNj\x01T\xc3\xed\xc6\x8e\xa6J\x805\x94a^\x7fX7\xcf\xcf\xb3X,TC\x9dN\x8f\xbf\x9e\x08\x04\x02\xdd\xe1\xe1a#\xdc8\xdet\x0c\xbd\xe8\x94K\x9c\x18\x7f\xb8\xc7\xd8\rTl6!\xf3\xec\xec\xc6AK\x85Br\xbb\x14\xce\x9aq\x0f\r\xce\xac\x1e\x03,\xbd\x9e\x16/\xbc\xd5EY\xc9\xbe\x81\x91\xc4\x97\x8fo\xb7\xa0n\xe1^^?zT\xc3c\xf3mF\rz H\x00\x96\xef\xc7*`\xa55\xae\xe3\x12\x982\x06\xe3&lt;\x13\xccd88T\x91Ec\xb1\xf6\xe7\xfcV\xac\xafyd\xeb\xf2rp\xa0\xe7\xe6\xcc\x9bO\xbb\x9bx\x92\xdfE\x02-\xc6\x07\x85\xc7d2B*\x8b\xfbR\xb2\x15\xb7;\xef?.E\r\x1f1\x86\x963\x99\x8c\x8e\xf5\x0bK\xaf\x1fE]5=\xdausvsssv\x96\xcf\xa7W\xa2\xc8\xb2\xf2$r\xb9j\\\xe9\xc7\x08\x19\x9b\x90F\x92\xbe\x1f4\xd6\xc4Ti&amp;y\xa8b&amp;#\xd6\xcf\x8f\xb1X\x9d,\x93\x9e5\x1d \x85\xfc\xd6\x10\x08%I\xba\xf3\xd9\xec\xd5\xe4\xec\xef\xb3\x93\xfd\xfd&lt;\x15Ob\xc04$F\x10R\xa9T\x96\xf4\xa5\x88\x15w\xdeuP*\xe73\xb4\x1c\xcc\x04\xf5`\x15i,S\x9f\x1f\x03k\x93\x7f\xb8\xb9\xa4\x032\x96\x8f\xce"\xa1\xefe\xf3\x0c\xecq\x12\xa8\x14R\x94\xad\x14f\x9f;\x9e*\x9d\xad&gt;_\x0e\x8aY\xf3kc\x10,\xc8\x96_\x13&gt;\xbb\xb9\xfc\x99\xcb\xad\xe7r?!.\xcf\xf2+\xb1h\x7fL\xe9"x\r$%\x93*\x14\x8a\x88,\xb9s|\xf8u\xaa\xb4k\x82\xe7\xcbkk\x80\xd5\t\\\x89\x00\x19\xda\x1aY\x7f\xf6l}}=\x91\x9b\x99\xd9\xba\xbc9\xb3\xa7\xd3\xee\x86t\x98Oi\r2+\x01T\n\xc2\x9a\xdc&gt;,\xf5\xe2.\x83\xc1x~\xfem\xfe\x13\xca\xd7\x86\xac{\xe0Um\x8d\xc9\x84\xb7\x7f\x9c\xe9\xb1\r\x83\x9f\x08\xa3k\xd0\x9d\x0e\xbb(\x85DE(\xa4\n\x95"b]J}/\xfdF%\x831\x04X(&amp;HW;\x93Y\x8d\xe3\xed/\xbb\xfa\xfc\xa4p&lt;\xa0\xf1\x8f\xdb\xd3B\xbb=\xec\xb2Z$&lt;\x85\xc2\xa9\xb0\x00\xd6\xc2\xeeA\x19\xf6)\x19\xcf\x0f\xe6\x17\x17\x01k\x83\x02,\xb3\xb9\xba\xf6\x9f\xaf\xfbH\xb6\xd3\xa9"z1\xa5R\xe3\xd5h\xc2sV\xb5D\xebT[\xd4\x80\xb5\xba\xb0;U\x8e5O\xc6\xd4\xda"\xe2\xda$\\\xa3x\xb5\x19\xc7\x9b\x7f\x9b\x166h%\xfd&lt;\xcc\x1b\xb2\xf1\xf9\xddJM\x80Rw\xc8\xd5\x10\x80\x15\xf7\x1d\xff\xf1\xa8\x1cX\xff\xfav\x02X\xa7KD`\xa3\x19\xc7q\x13\xfeb\xda\x8f\x9e\xde\x1a\x84}0\xd0\xf0\xe7\x02\x94U\xaa\x15\xc9\xb5Z\xb5\xc5b\x01\xac\xc3\xa1r`\x81\xc1\x86*.\xbe\xd9#\xa8\xbd\x8d\x97\xcd\t\x1c\x1fu\xc9\x9c\xfd*\x15\xaf\xb7\xaf\xab\xab\xd5\xd5\xed\x97)\xd4\x82\x96F\xad\x9a\xc6J\xa6\xbe\x96iU\xf7`\x1e\xd2u\xba\x17!&lt;K\x13\x1b\x1b\x1b\xfb\x13~6\xc1\xa6d*L\xe9r\xb9\xe6(\xc2\xa9\xd5r\x01\x8b\xe6\x8a@\xc7?*\x1f\xd6)`)\xa4\x04\x15\x08x\xf6&lt;V\xab?\x10\'(\xcc\xea\xf7S@\xa5vt&lt;\x155JP\x11\x15\xab\xbe\xdd\xa92a}?&lt;\x01\xae%t\xd0\xa4V\xab\x8c"\x142\xcf\x92U!\xa3\x9c2\x90P\xa7V"xZ\xd9!\xd0\xa2\xe6\x82\xd6*\x1b\xd6\xf2\xc9\xc9\xc5\xe9Q\\\xed\xd0Z\x9cR\xb5\xc5*\x95Z"\xd6\x08H:\xb4\xb9V\x02\xf3\x83\xa0\xa2B \xa0\xa9V\x93;\xa92a=GX\x17G\xf1\xcf\x02\x01\x12\x01\xb54\xf2Y\xa0\x86FRk\xb9\x8d\xa2F\xf4{ZY\xc1u\xd0T\xab\x0b\xbe\xed\xb2e\xeb\xd3\xe2\xc5\xc5\xed\xc2\x9f\x02\x87\xda\xe1ph\x15\nA\x87\x80+p\x08\x1c"nU\x8b\xa8\xa5ETUY%\x00*\xe9j&lt;\xb9\x90&lt;*[\xb6&gt;%..\x8e}j\xb42\x8f\x16*\xd5\xdc\xa7\xdc*\x91\x88\x0bP\x15\xf0C[\x9e-\x05\xaa\xf8B\xd2S\xc6l\xb5-\x02\xd6\x7f!U\x02\x01W$\x10\x14\xbezhyJo\xef\xa3\xed\x95*\x91%"\x85\x12&amp;\x17\xe2e\xc5J\x1c\x1fo\xc7\x11T\x07\xb7\x8a\xfbk\r\x96\xdeDG\xfb\xf3\x8f+:\xd4\x8a\x88\x14\xd50n-#\xd6Xm\xe2\xf4\xf8\xd6g\xf9\xec\xa0\xf7\x88\x81\x85\xfe\xb0\xa0\x80\x846\x86?[`0\x8d\xac\xc6W#\xe5\xc3z\xb4\x8c\x03\xd6\xed\xe9m\xfcO\x01\x97\xde\x19~\\I/4\xd3[dt\xc6&gt;\xc3\xb5\x03\xc3\x83\xd4\x02\x8aV\xbel\xe1\xb5m_\xde\xeco\xec\xc1\x11\x14\xa1~\xfa\xf5\r\x06\x9d1\x14-\x0e\xfa&gt;\xb4\xa8\x9de\xc52\xd5\xb6\xb5}\xd9\xdf\x98\x9e\x88h\x11\xd7\xe3\xff\x7f\x1a\x82\x96\xc8\xa0\xdf\x1d\x12\t\x88)\\\x8dj\x05\xe19*c\xb6^@\xba66\xa7\xf7\xacN\xb9\x08uz\x01\x88\xee\xaf*\xb0\xfb\x88K\xad\x95hy\xce\xb2b=\xa9mko\xde\xdf\x80|\x05\xac\n9(h\x0b\xad\x0b\x15-"\xd0x\xb9C\x0e!\x81[H\xc2sJ\xcb\x9a\xad\xda\x17/\xdaG_C\xbe&amp;\xe6\xfc\x94\xd4i\xe0\xf5K\n$\xe8\x11\x04Z\x18\x91K\x10Z\xd9\xb1\xda^\xb47\xff\x06\xf9\xda\x9cv\xcd\xf9\xc1@\xabT*\xa7\xc1\x00&gt;\x9f\x86B\xbb,\xb3r\x98\xa3\xcb\x9e-\xc4\xf5\xe6\x7f\xbc\x9c\x7fL\xd3g\x1e\xc7\xd3\xfeA\x9b\x96\xf4\'mJHH!\xa14%.\xb5R=\xda\xc1\xdap\x1c\xd8\x15G)Q\xe68JB\xdbp\xa3\xc4Z\xe2\xd2\xd9zML\xa6\x08Y\x02V\xeb\x19\xdd\xa51q\x8c\xa5z\x02\xee\x0c*(\x86\xb1p\nd\xde\x05H\\P3\x86a@\xd4?\xf4\x12\x13v\xf7\xfe&lt;\xdf\xb2\xbb]r?\xbcY?*V\x0b\xe5\xf5}\xbf\xdf\xcf\xe7\xf9~\xfb}\x1e\x9a\x1c8\x1f\xedq\x1d/\xafa\xab\xc8\n+v\xa7\xd5"6P\x01k\xcf\x85#\xaf\xe7\xec\xb4\x0c\xd9B\xb8\x90.p\xd1\x82\x88&amp;\x90\xe9\x9c\xb8\xb4\xa8\xc9\xaf\xa0\xf7E~A&amp;\x82jw\xd1\xdbP\xeb\xc2\xf5\xd7\xb3#P\xf0\x10\x91W#\xf46\x83\xdb\xe7w\xfb\r~"\x0b\x04\\.\'\xdd\x8b".FUTDX{.\xfea\xec\xe8k\xd1\x0bX\x90\x0b\xa9gX!\x83\xc1\xef\xf7\xd0*\xfe\x1e\xaf\xbd\x04z\xedF\xf4I\xaa4V\xfb\x85\xf6\xc9^\xc1\xebQ+\x97\x96\xee#] \xf2\x1b\x0c\x06\x12\x0e\x8a\xb9\x8ew\x14\x14\xd2\xa8d\x06\xa2**\xb6\xeemo?\xdb\xfe&lt;\xf3\\\x822\x0eK\x93[m\xb3\xf9\xa9B~`\xc1I\xa3\xcb\t\xac\n\xe2\x82P\x15\x15\x1c\xd6\xef\xce\xfe\xf6\xec\xc5\xc9\x96\x8cc\x1d=gV\xab\x19\x18\xc9\xe5v\xfbC\x06\xdbe\x0cK\x07\xb0\xe0\xa2\xfemf_\x85\x1e=\xa3B\xbfu\xdbo\xce\xbe\xf9\xd1\xc9\x8bw3\x9d\xfb\xb2#\'\xd2X\xb9\x1c\x96\xdb\r\x1bC!\x88\xe5u\xdak\xc8EF\xa5g\\;\xb6\xed\xf9\x08\x17\x8b\xb7\xef\xb4dZ\xac\xbe\x13\xb9\xea\x1c5\xc8\xa8\xd5\x03+\x14B\xc2Bn\x87\xb1V\x07\xac\xbaBv[Q_XX\x082=\xb0\xf6\xbe\xf5\xe6\xc9\xb9;g\xca2\x9b\xac\x96\xb1ctg_\x9dC+\x0f\x90.7\x94\xf2\xf9\xdc&gt;G\xa0\x96S\x8b2\xa5/Ds%\xac\xad;\xb6\xed(\xfa\xe5\xc9;w2\xbbKQ\xd0\xda7l\xce\xe5\xb8\xccj\x8d\xad\x9a\rF\x9f\xc7\xdd\xe4H\x9b\x88p\x81\xaa\xae\xae\xae\x90\xf9\xa8\xdf\xb1\xb5\xe8\x8d\xdbk\x93\x99\r}\xd9\xd13_jr\xc9\xc5\x1c\x92k;\xc5\x8b\xc8\xdc\xb48\x17\xb3P\x14XDU@+\xd3\x19\x96^_\xf4\xc6\\rr2\x93{`\x05\xad-c\x7f\x05Vn\x0e+\xf4T\x1b\x8a\xc0&lt;\xb4)JW^C7\xeb\n\xebJJ\xd8\x8ay\x10\xea\x0b\xf5Eo\r\xc7R\x93w\xfb\xca2\x895z^\x03\x0f\x99Z9,\xf6\x08&gt;\x92\x0f,c\xc0\xeb\xec\x00V~AIs3qq\xa1/,\xda:FXw[\x05\x99zk\xb7L\xd12\xfc\x99&amp;7\'\x8d\x95\xa3\xd6l\xd7p\\l\xfaqy\xcbK\n\n\n\x9a\xa3(\xc2\xa2\xca\xcf/:\xdb\x07\xac\xd4\xdc\x99\xde\x0c\xadI\x12\xb4*\xac\xc3\x81\xed\x9bj5\xd0\xd2}\x14\xe6!L&gt;\xb4\xb7\xcdKw\x11K\xa2v\xbb=\xdaL.\x02\xaa \xbf\xe8y8977\xd7ygr.i\xcd\x80b\x822\x85B&gt;\xe6\xda\x9e\xbb)VN.l\xd4\x98\xe9\x8a#\x04\xb9\xc8\xc5hII\xcd\xfb\xce\x0f\xed\xf6fJ}~]\xc1\xde\x82\x1dg\xc2k\x13\x13\x13\x9d\x13s\x9d\xeb\xe3\xa93\xf2W\xfaS,p\x98\x80R(\xfa\x0e\xbd\xcbV$qXD\x85*\xbd\xec\xf6\xd0Jy`5G\xed\xe5\xec\xe4\x0b.b@\x96\x94l\xbb\x98\x88\xa4:Q\xb7\'\xc6\xc5\x92\xe0\xe0r\xfc\xd5\xfdx\r0EVG\xe4V\xb9"\xf1\xfb\xc3j\xe6"\xd7"@\x05\xb1\xba/\xbb\xdd\x9e&amp;21Z\x13\x05\x95\xce\xfe~\rB\x0f\xe5jj\xf6\x8c%b\x13\x8c\xaas\xbdX*\x92h\x07\xc7G\xc2\xaf$d\x82\xb2\xd6\xd8\xf2\xac)NX\xf2Q\x87Z\xcd\xb5yP\x01K\xc3&lt;dX\xe8\x10\x1d\xd1r\x1dNU\x11.p\xd5D;:j\xda[\xc2qP]\x9d\x98\xdb(..\x16\xc9\xa0\x98e|$\xf1\xb3\x15\x13\x08Z#\x8b\x0b\x95&amp;m\\\x01,E\xef-\r\xa2e\x06U=;\x8f`ba\x02\x82\x87\x1f\xe8\xca\xe1\xa0\x8e\xde\x9c\xef\x88B\xa8\x0e\xbb}\x7f\xc7\xa8\x95\xf3p.\xb5\x0e,\xa9H\x0c0\xa5vv5\x82\xfe*\xf89R\x85\x17g+-\x16\x93*\xae\x90[\x91\xafa_C=\xa0\xccj\xb39=\x10m4/\xb2~\xea\xfc\xd0Y[[K\xf7\x0c\xa2`*\xdf\xef\xdcOb\x91\x87\x9d\xa98&lt;$.\x91X\x02\xc5\xb4\x0b\xcb\xb1\xff;d8\xa0\xf0\xc8l\xa5\xc9\x82R\x8d(\xe4r\n\xfd-u=\n\x82\xa9s\xcd\x8c\xab\xdb\x10\xa2I\x11\xd3O\xad\xae\xd6\xe5"\xd1\xec\x1d\x04\xe5&lt;~|lS\xac\xb5\xe4F\xb1T*\x92\xe2\x0f9)Q\x06+Y\xc8^\x9e\x0c\xf6\x85WgwY\xb4\x16\x86\x15\x87T\xc0\xb2\x0e75\xe4\x81\x8b\x86 K\x96\xa6\x1b\x91\xc7\xc5\x99\x91\xc0\xde\x0b\xd0\x8a\x11t\xae\xfd`\xf2\xeanY\xc3I\x12k"\x95\x8cm\xc8xJ\x89X&amp;\x02\x9aH,\x86bA\xcb\xec\xe2KK&amp;\x10\x94E\x16I)\x9e\nP\x10,\xc9a\xc9\xfbn\x95\xe6\xe55\x00+\x87\xae\x18\xdf\xad\xa6l\xf9i\xaf0\x04\x0bp\x0bY\x18\x95\xd7\xeb=\xf4\xc8\x1aYC\xcb\x9aH\xad\xc5"\xe3R-^\x89/\x96\x81\x0c%#\xc5\xb4\x83+/!\x19&gt;O`\x8d!\xe8\x16\x95\x16e\xd1jU\xaa\x85\xb0\x82u.\xc8u\x8dv\xd1\xd4\x9b\xeb\t\xcbFsO\xc8\xef\xf6\xb4\x11\x17*\x00\xac\xf2rP\xb9\\\xae/\xad\x89Xj\x82\xa8\x92\x91Hg\xb1Hh\xdaUi\xe1)\x11{\xc0\x91bJ%\xcf\xb2\xb0\x98L\xfcOd\xe4^|e\xc1d\xb2hyT\xf8\xa8\xb2\xacX\xd3X\xf2\xde[\xdd\x8c\x0b\x82\xd19\xc4\xbe\xc3\x86\x90\x81\xb0\x1a\t\x8b\xd6\xd78\xcb\x9d^\xaf+\xd0\xd3s\x1d\x1e\xa6\x88*\x1e\x8b\x84S\xd2b\xa9DUi\xaa4\xf1\x82D\xa6\x94P)\x83\x90l|5\xf2_\xba\x7fZ(rO\xab\xe2\xa8\x08LeA\xb48,\xc8\xf5\xd9\xc14\x97\xa6z\x9f\xe10.bC\x0c\x0b`\x0e\xc7;\x1f\xa0q\x1dw\xb9\x02F\xe3\xb7\xd6D$\x99J\x81*\x19\x8b$b\xeb"4\xae\xa0\xb6r\x17\x8eW\xa8\x84`\x12~P\x19TJ\x82&lt;\x0c\xcc\x95\xf8\x7f0\x13:%b\xab+hS*b\xca\x122&amp;-~\x8f\x93X\xad\n\xc6\xd6\xd7\x1e\xaa\xaab&gt;\x02\xeb\xf0a\xb7\xc7\r,\x0fa}\xde\xd6\x88\xae\xea\xd4y\x03=F\xc7\xf9\xeb\x84\xb5\xc6Q\x85\x13\xe1q1\xb8\xa4\xb2`\xb6\n\x8a\xe1\xe5\x95\\\xf0YiU\xa6\xd9\xd5\x7f\x93\x7f\xe8\x94\\\x1c\x1f\xa4\x86\xa0\x02\x8e\x90\x97\x95\xc5\x89%\xd4\x0e\xc6\xe4\x1c\x92\xe2\xa8B\xde2|\xe8X\x15\xe9e6W\xef\xf3\xa0p\xfd\xe3i#\xb9\xda&lt;m\xbf~O\xa7\xab\r\xf4\x9cw8NY\xad\xe1H,NT\xc0\xb2&amp;\xd6$J\x11\xb5T\x99R\x88\xec\x9bL\xd9B&gt;\x91\x89\x83ZpA1\x13\xe6\xa5\xbe\x7f\x05C\x8f\xb2\xc6\xc1dQ\xb1\x9c\x83E(\xcc".\xfc-\xe4-\'\xe4i\xaep$\x12\xee\xfb\xa3\xaf\nz\x91\\\x06\xf0\xb4y\xdc&gt;2\xb1\xc9\xed\xdf\xe7i\x0c\xb0\xfd,MMM\x0f\xe5\t`%\x93\x8c*aM\xc4\xa5\x12\xa5L\xca\xf5z%\x9fgQ\xa9,\xd9|\xa5DFc\x92G\x8ai\xb5\x83\xb3\xcb\xf1\xc4O\xbb\xb95\xbe\xb2\x0b:a\xd41\x81\xb8\xc2\x03&gt;&gt;j-\xcb\x11j\xf1\xe1\x91\x95\x8d\xf5\xf5\xc5\xc4\xf0\xa1\x83U\xccG\r8\x1a\xc1\x05,\xfc2\x94j\xf65\x06\x10+\xc75\x9f\xefO}\xb1\xf8\xea\xea\x08\xd3*\x12\x8e\xc47\xa4\x7f\x91!R$\x18k\xf6J!\x8f\x92"D\xf4A\xa6\x04\x1a/\x08\x9b\x06\xc7\xff\xd9&gt;y\x92\xa0T?\xa6\x9c\xa3\xe2\x0b\x99\x97&lt;m\xd6\x8d\xf9\xe7\xa9\xe1\xbf]:\x8d0\x98\x16F\xe4\x8f\xbe\xe5\xb8\xcc64\xd2FO\x9b\x9b\xa0\xba\xd13l\x1f\xbfc4^\xf3\xb9O\x8d\xf6\xc6\x16\xd94\xb8\xbe\xbe\xb1q\xf5\xea\x9fg\x96\x8a\xa5b\xbe\x90/\x11I\x19\x98\x94\x9a=\x1d\xb20\x98\xee\x18J%K\x9a\xe5\x1fT\xf2\xe42\xeb\x07\xdc\xe0\x13\xf28$&gt;}\x15/+;+k`~\xfeF\x97\xea\xd27OxA&lt;S98"o\x19\xfd\n\\U\xf5\xb6F\xa3\xa3\xb1\r\x99\xf7\xdb\xccyU;\xf3\xaa?\x86\x81\xbe\xcb\xa3\xbd\x89\xc8\xea\xba\x18s\r\x00\x96\x1eO?{\xf6tz\x08\xe75\xf8j\x89L\xca\xc06\xd1\x940\x92\xba\xbf\x0cd\x12\x8a\xdafG(\x8b,\xef\xa2\xb1G\xd9\xdet\x0fL\xa0\xe2\xd4\xe2\x7fq\xa5\x7f\x80\x97\xddu\xa5\xff\x1e\xfeC\xc8\xe7\x81K!\x7f\x04\xae\x9d\xf5\x86F\xa3\xb1\xd1\xe3\xbeL;\x02\xab\xb6\xfc*\xaf\xba\xad\xc9\x17\xfa\nc0&lt;\xb2\x8eo%\x82]\xa2\xa1\xe9g\xd3CC7\x87\x86f\x96$xU\x04\x8c\xe6\xc6t\xd1\x14\x89\xc2\xe7\xa2\xfd\x8b\xe9_\xe9L\xa5\xbb\x14\xbaf:J\xc4\xb3Y\xc0\xe8\x9a\xbf4\xf5I\x17Oxc\xea\x93\x1bic+\xe1\xa3\xbcw\xf4\x04S\xcb\xd8\xe8\x0b\x95\x1e;Xu\xe0\xc0\x96\x9d\r\xdb\xf7\x19N=lI$\x12\xabZ\x99\x98\x9bf\x08k\x08\x00K\xd3O\x9f\xde\x1f\xbawz\x00|\xf8\xf6\xb2\xa5\x81\x1b\x03K"\x06.c%b\x87!#*\xeb\x08\xebR\x1cRZ\xa4\x9f`\xf1\x07\x9e|\xfdE\xff\x93\xd3|\xe1\xc0\xd7]\xd9\xd9\xf4\x0c\x8f\xf3Qn}t\xe2 a9\xdc\xdd\x8c\xea@\xd5\xce\x06M\xe9\x89#V\x0c\xbbE-\xa7\x01\x1d\xbe\xec\xf1\xb3\xa7\xe0\x9a\x99~\xf1\xe2J\xff\xfd\xfbS\xfdSW\x86@u\xffJ\xff\xf7?tI\xc4?\x92\xd1!\xe0!\xa4\x8a\xac\xc0&gt;\x0bQq*q&lt;\xdc\xc3,\xaa\xae\x9bO\x06\xf87\xfb\xef\xb1\x01\xa9R\xe1\x19%P\x95\xc4e\x95\xcb[\xc6N\x01\xab)Tz\xb0\xea\xdc\xa7\x9fn\xd9\xb23\xef\xdcu+*\xbc\xac\xa5\xc0P\x90\x91\x1e\x99h\xe8\xe6\x8ct\xe6\xbbg/^&lt;x\xf0\xf4\x9bO\x1eLM=\x98y\xfc\xdd\x8b\xa9\xfe\xef\xe7\x07\xe6\x7f\xf8{\xd5\xe5\x0f\xda\xb8\x19\x86\xf1\xc8\xc3\x87\xb0?d9B{6O\x07E[\xedQt\xe9\xe0\xb9c\x96\xee\xa5\x10\x08\xcd\x90U\xd7\xad\x04\n:\x10\x1c\x85Fh\x93\rB\x14\nR\x86r\xa8`\x05\x81\x85\x0ed\x9d\x05g\xdfQ\xdf\x10\x1bsK\x86\xb4\xcf\xfbIN\xdb\xcf\xc4\xf1\x1fa\xfd\xf4\xbc\xcf\xfb|\xafb!S#\x18\x15\xf5\xe4\xcbk\xb4\x9f\x90\xaa\xb5\xf8Q"\x8a\x06fcY\x8e\x1b1\xb9p&lt;|\xc8\xe1&gt;|\xa1u\x18\x1d#\xf4B%\xdf\xff\xfa\xc57\xdf\xbf\xfc\xe1\xe2\xf6\xf6\xe2\xc5\x8b\x8bW\xe7Du\xf5\xd7\xd9w\xff\xc1\xea\x91\x0c\xe4\xfbU\xba^\xb9\xae\x13&amp;\x8e\x87w\x8fN\x96Y\xab&lt;\x7f\xd2\xd4v\xf5\xa8\x88\xfd\x93\x9b\xfb\xc9d\xa4s\xce\x9bDhL\x0e9l/\xca\x82U\xed;\xab\xc0M,\xc6\x02\x0b\xdfr\x1c\xc9XSD&lt;\xe9\x93\xe9k\xe2:\xfd\xe9\x8f\xaf\xbf\xfdQ`\xdd\xbe:\xc7\xbc?\x1e\\\xdfK\xd4]\xb4\xedQ%\xc5\x90\xd5\x85Z\x0f\xebn\xe4\xa2\x82~l\x01r\xfe\x18\xc6\x91\x15o\xab\x80i-Ts\xe0\t\xa8\x80\x85\x08\xe0\x12\x17y.\xc9\xb6\x1d\xc5\xbe\xe3\xf8u\x11\xc7\xe12\xa9\x97\x0eC5\x89J\xd7\xb9\xc4\x84\xaa\x9c\xd4\x1a\x19\xe6\xdbk\xc15\xfe\xf8\xfe\xcf\x97_\x11\x14\xca:\x18\x8f_\xdf\x9fu4\r\x9d\xaf\x08(\x11\x978\xdbp\x8d\xfe\x83Xu\x1c\xdb\xf6\xea\xf3|\xf3\xe0\xaf\xb6[\xa7\xf0\x18\x97\xb5\xb6\x88\xc2]\'\x13\xc2\xa2\xb1\x05\x8aa\xbf\x81J\xb1\x13\x94e\xe6Y(\x9f\x17\x84\xcbp\xbf\xac[\x9bqRU\xd8\r\xbe\x87\xa4\xba\x81~\xbc\x1a\x88u\xfe\xf1\xcd/\xbf\x93R\xa0\x1a\xdcLu\x99\xb0z\xa2\x8c\x14L\xd8`\xba"\x12\xba\xc3x\xb9\\\xe6\xbe\x12\x87\x9f\xe7i\xd7\x0e\xb6y\xbe\xcb\x8a"\xb0E\xa0\xf6\x84\xc9\xba\x02\x8bl\x8cmP\xb7\xb2\x95\xef\xf8E\xc6\xad,F\xfdH\xb1d\xe98n\xd0\x91\x04\r\xb0$\x14\x1b\xaf9\xf4\x03\x96.s\xf3\xfeJ\xb0\x00\xec\xbc\x01\x1c\x0f~\x9b"\xff:\xa4\x14\rT\x02\x8b\xfe\xa9MT\xa9Y\xb1+\xbdY\x12\xeeS\x84\xebl\x9b;u\x9e\xe7\xdb\x92\x0e\xc4\x03\x9f\xa9\xa4\x9691qm\x185\xca\xaa\xda\x05\x9e\x15\x95^\x9d\x84\xab \x8b&lt;\xcbr\x96\xbe\x1f\xd8\xdc\x80\xa7x\xb3\x90\xf9\x84\xc5\x98\xd6\x81f\x92n\xde]68\x83\xd3\x86j\xfciJ\x87\xfc\x0fK\x11\xe6o\xf5R;\xdc\n*7D`t\xd3pYA\xb0mQ\xae\xedtM\xc7\x0cU\x94\x93\xb0\xcc\tF2\xdd\xd8\x1d*\xcf\xca\n\xb0yaR\xcb\x0c.\xb2`\xf7\x801\x1d\x9b\x12\x7f^L\xa8\xc5dM&amp;,i4\xa1\xd1\xe2\xdf\xf5\xf3;\xf4\x05\xed\x0b\x1d\xc2\xc2\xea5\xb3q\x13a\xd4\xfd]\x8d\xf9y^e\xd8\xb1\xd3}\xb2-#\xbc\xb1\xd3\x95\x13\xee\x1f\xd6\x18/z\x9a\xaaQ\x111\x91\x01+;\x1c\x9ev\xd5\xdfO\x81\xc5\x81\xb5G#\x92\xefK\xabCT\x86~Dj\xcdE\xfd(3j_n\x10Ws\xa7\x86\xe7\xcb\x0f\x18i\xe1&lt;`i\x02Ki\\\x8f;C\xb2}\x9f&amp;\x075\xa2kW\xf0\xfa\xe11\xd9EQ\x95W3\'\t\x9d\xfd|\x93\xf6\x17=\xad+\x11\x16\xaa(k&lt;8\x80\xab|K\xf3\xac\xe5\'I\x18:~\x19\xd9\xb0:\xa7A\xf2Y+\x9d"\x02.\x93@%\xc6\x0c&amp;\x8d\xcc\x0fc*!=.\xef\xd0&gt;"m$Yk\xd5j\xb0\xa8+\x91\x95\xc0RU\xdb\xb3P\xe4\xe1\xa2\x9f\xd6\xfel[mJ\xed\x8dt\x00\x00\x00\xfeIDAT\xdd\xdaq\x13\xdfK\x1f\xc0\xb5P\x15\xd5\x10\x967MY!\xac\x1d\x86\x7f\xda\xb0\xb9\x15\x91\xafl\x92\x04\x04\x8dX\xfa\x91\xaa\xa9"\xedT\xad\xcf\xc0\xfd\x0e\\c`]\xdeQWs1\x83\x1c\xb1Z\xb5Z{\xf5\x87\xc0R\x18\x04%,\xd5\xb6\x0b\xd8\xbd\x88]7\x8c\xd2\xd9f\xbe\x99-\xfa=\rX&amp;aI\n\x8f\x0f\x87\x1263\t\x0b\'\xa4\xd3\xe1\x8a\xe4\x96\x8aI\x8d\xe7u\x9d\x9d1b\xa4\n\xb6a\xa1\xeb\xc6\xf4\x93\xb0\xfc\xd5\x9d\x98\xd6\xf8\x19\xa7\r_\x13\xb7[\r\x97\xb8\xc3\xc1\x9fJ\xad\xa8\xf6:\x184\t\x0b\xd3\x84\x9d\x05\x99\x1d b\xf7\x9b\xcdf&gt;[\x00K\x1f\x9d\x98\x13\x11\x11\x8a\x1c\xe7\x87\xd2\x00\x94A\x82\xe0\x87)\xe1\x94#\x15\'.\xa2\xd1\x8f\xe5\x84\xe5$v\xc4\xd2\xcd\xe9\xcd\xe9\x18Z\x9dQ\xfd\x8e[\xc63V\xb34J\xaf\x9e*n\xa8\xd1\xf8\x92\xd6_\x0c\x15\xea,\x84\xb3\x1d\xfb5\xa86\xb3!\xb0\x14c\xf4\x0f\x83s$[j\x9a\xa9\xfb\x00\x00\x00\x00IEND\xaeB`\x82'</t>
        </is>
      </c>
      <c r="M441" s="3" t="n">
        <v>45492.67684027777</v>
      </c>
    </row>
    <row r="442">
      <c r="A442" t="n">
        <v>1097858</v>
      </c>
      <c r="B442" t="n">
        <v>1999</v>
      </c>
      <c r="C442" t="inlineStr">
        <is>
          <t>Guilherme Lopes</t>
        </is>
      </c>
      <c r="D442" t="inlineStr">
        <is>
          <t>Guilherme Lopes</t>
        </is>
      </c>
      <c r="E442" t="inlineStr">
        <is>
          <t>LE</t>
        </is>
      </c>
      <c r="F442" t="inlineStr">
        <is>
          <t>LAT</t>
        </is>
      </c>
      <c r="G442" t="inlineStr">
        <is>
          <t>LE</t>
        </is>
      </c>
      <c r="H442" t="inlineStr"/>
      <c r="I442" t="n">
        <v>31</v>
      </c>
      <c r="J442" s="2" t="n">
        <v>37300</v>
      </c>
      <c r="K442" t="inlineStr">
        <is>
          <t>Left</t>
        </is>
      </c>
      <c r="L442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5-03&lt;/Attrib:Created&gt;\n     &lt;Attrib:ExtId&gt;b3d2b417-e3f8-461f-b22c-97cc15dbb124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06U\xe0Y\x00\x00\x03\x00PLTE\xff\xff\xff\xd4\xd1\xd3\xec\xea\xec\xea\xe8\xeb\xda\xd7\xd9\xd6\xd3\xd5\xdc\xd9\xdc\xfe\xfe\xfe\xe8\xe6\xe8\xe5\xe3\xe6\xf4\xf3\xf4\xd8\xd5\xd8\xd7\xd4\xd7\xdb\xd8\xdb\xd2\xce\xd0\xdd\xdb\xde\xf6\xf5\xf6\xf0\xee\xf0\xe8\xe7\xea\xee\xec\xee\xd3\xd0\xd2\xe6\xe5\xe7\xe3\xe1\xe3\xc1\x7fl\xe2\xdf\xe2\xe0\xde\xe1\xdf\xdd\xe0\xde\xdb\xdd\xcf\x92\x81\xcd\x8e}\xc9\x87s\xd0\xcd\xcf\xf1\xf0\xf1\xa4cQ\xed\xeb\xed\xc7\x85q\xb2q`\xcc\xc9\xcb\xa2aN\xacl[\xcc\x8by\xc5\x83o\xafn]\xbbxg\xc3\x80n\xbf|j\xce\xcb\xcd\xb4sb\xa7gV\xb8ve\x12\x0f\n\xa5eT\xcb\x89u\xf0\xf0\xf3\xf3\xf2\xf3\xec\xec\xf0\xbdzh\xaaiX\\6*\x9cbQ\xe0\xdc\xde\xea\xe7\xea\x9e\\F\x8fXD\x0c\n\x05\xa1_J\xee\xed\xf2\xb7tc\xc7\xc3\xc5%\x1f\x19\xca\x91\x82\xa0eT\xa2hX-&amp; c9,\xc2\x85u\x97_N\xc8\x89x\x98[F\xc9\xc6\xc8\x1a\x16\x11\x94U&lt;f@1\xbf\x80p\x8a\\N\xc9\x8c|N+\x1fS-"\x92[J\x98X?\xaesa\x90R9\x84M:\x9d^L\xc3\xbf\xc0\xb6yhK\'\x1a\x85J1@!\x13rH8\x1f\x1a\x15\x8bN5\xc0\x82rE%\x18\xfb\xfa\xfa\x17\x10\nX2%mD4|TGzG1\xbc~m^&gt;1\xf8\xf7\xf7\x7fI5F0(\xa8kZ\xd1\x8fz\x84WH;\x1f\x10~N=\x06\x05\x01\xb9|kj:(\xb2wesB.\x96cSl&gt;-\x8aVD\x82QAQ3&amp;/ \x18\x89Q?\xb7\xaa\xa7\xba\xb7\xb7\x88`U\xa8p_\x9cZA\xc6\x86vtN@\xbe\xbc\xbd\xc4\x89{b4#\xb0\x8b\x80\xc9\xbd\xbc\xce\xc2\xc0;/*\xd4\x97\x85\\/!\xe1\xe0\xe43-(\x99rh5)#\xcf\x8cugI&lt;\xef\xf3\xf6yJ9\x9c{tt9\'\x8dh`:%\x1b\xd4\x93~\xd3\xc8\xc6\xa2\xa0\x9e\xb5\xb0\xaf\x9ciX\xb0\x97\x90\xe6\xeb\xed\xe6J`F=9\x94k`\xa5\x8f\x8b\x8ecW\xd0\xb6\xb1\xc3\xb8\xb6?62\xac\xab\xa9OC@\xff\xff\xfe\xd9\xcf\xcf\xb1\xa1\x9dO80UNI$\x14\n0\x19\x0c~A,\xf3\x141\x97\x95\x93\xa4\x88\x82^[W\x8b\x89\x86\xdc\xca\xc6\xd9\xc0\xb9\xe0\x04(\xa6xk\xe2\xd5\xd2\xcd\x95\x87\xe5\x9c\xa9\xf2\x1f9\xbf\xad\xad\xc1\xa4\xa0\xd2\r)nhd\xeb\xe1\xe1\xb6\x82r\xdc\xae\xa8\xe8\x86\x94\xeb\xbd\xc3\xe9asg)\x1d\x8fnh\xa3\x80x}\\S\xbb&amp;8\xc8c]l\x15\t\xeb\x90\x9c\xea\xac\xb5\xef\x07)\xc6KS|yu\xf2\xe7\xe6\xe8\xcc\xcb\xed2K\xec\xd7\xdb\xce\x9f\x94\xf2\xf7\xfa\xd0\x9f\xa3\xba\x9e\x95\xe7p\x81\xa8\x07\x1e\xda\x9c\x8djUO\xc9\xae\xa6\xc2\x06\x1f\xbdWP\x9fM?\xe4"D\xc7do\x8a=1\xf3\xf0\xf0\xe7\xdc\xd9\xb1dU\x93\x04\x15\x85\x13\x1b\xd25F\x8d|v\xd4to\x9a.8]\x1e\x0b\xacFC\xd6be\xf2\xd4\xd2\xabXb\xc0w~\xd8\x80\x82K\x1f\x10\x90\x11\xda\xc1\x00\x00 \x00IDATx\xda\xc4\x99]L\x1ak\x1a\xc79\xbb\xdde\xb7\xfb\x91\xeev\xb7\x9c\xddVz(\x14\xcaW\x81\xa1i@\x1a&gt;\xc2\x99\x95)\xc8A\xa5\x16\xebw\x1d\xad\x08\x88`(~\x1d\x11\xa5~\xb5F\x89\x19\x89\xa9\x95\x88m\x825\x02UQC\xe1$\xbbM\x9a\x90^y\xce%{\xdf\xcb\xbd\xea\xfd&gt;\xef\xd8\xee\xc5f\xef\xb6c\x9f\xc0H\x18|\xe7\x97\xff\xffy\xff\xef;\x19\x16\xeb\xff)6\x9b\r\xef\xff\xfe\n\x15\xeb\xcb\xd5\'\x80\x81\xefR\x85R\xa5R*\xa4\xdan\r\xfcO\xd6S\x85\xa2\x01X\xe7\xb2y\x123\x0eA9\x1c$\x95O]\xfct\xee\x8b)\xd5\xcbb\xf5~W\xc4\x86\x8c\x98\x11^\x98\x03\xe0\x8cd\xbat\xa6\xf7\x0bY\xf9\xc9\xa7\xb3\x9bE\x02A\x81T\x98\x03\xc3I\xccM\xe28U,\xfd\x05\xfd\xe4\xd5)s}\x82\xea\x05\xfb\x8c\xa8\x90\x83C\x18F\xa4A2\x9c$\xa8|\xb1\xf0\x87Sw\x12]\x0b\xde\xbd\x9bE\x07\x86\x81}Ft\x1cB\xfe\x11\xd0_\x88,]L\xe7\x0b??].t1h\xaa\xeb\x15|\x08C\xbd\x8e9\xa0\xd51\xba\xad\x1cCC\x04\x81;\x8c\x8eL\x8e"\x8aW\xe1\xb7\xac\xd32\xf2D\x82_\x97\xe2 \x15\xe0 u\x1c\x0e\x1c\xa3\xbb\xcb\x88\x14\x03*\x10,S\xcc\xe5\xb2\xe0\xf3)\tvB\xd5\x96v\xe0\x0e\x12\x84!)\x0c\xc3\t\x87\xc3M{9d\x84\x0f\xd0dn\xcc\xe8\xce\xe5\xa9t\xe5\xe6)\x19yr\x95,\xe1\xc0I\x9c\x80\xee&amp;p7\x00:(\x12\x84\xc2\x90\x8d\xe8\x80!\x1d\xc9L.\x87\x97/\x9f\n\x17\xba\x06\x8b\x9d\xa2p`\x8a#\x1c\x8a\xa0p7\xcc\xc18t\x17\xa4\x03\xd0\r\xb9q\x9ct\x10\x19\x12#2\x19&lt;\xf7\xe8\xe4\x7f\x98\xa6\xeae]\xa9\x10T\x9c\xa2pP\x8a\xca\xe0x\x9c\x80\xa8J\xc4\x13\x04\xe9v\x83\x95\xc8Gh9\n\x92\x1f\xc7\xd3\x14\x99&gt;\x05.4\xfe\xd9"Fe\x88x\x9c\xa02\x89t\x86 \xe2\x93\xc9h\xb4\xf1\xc1\x83d&lt;NBO\x19\xddH6#N\x11\xc8f\x87\x83(_d1\x9c\xf7h\xf4\xb3e\x8c\xa0\x12D&lt;\x91\xd8\x0f&amp;\x83\xc1\xe0~\xb4\xcf\xe3\x0b\xf8|c#}w\x1b\x83\x93nT\x08.\x91\x81\xf9\x90\xc9\xe1D\xbat\x96\xc5\xb0\\\x80\x95"\x01\t\xb8\x92\xc9\xc6\xea\xeaz\x8f\xe7iK\xd3\xeclSS]s\xe7\xd1\xb3g\xcfF:\x1eN\x1e\x1e\x1c\xb8\x8dd"M\xb8\xf1D:Ne\xf2Y\x86m\x84\xd1\xbf)BO\x11\x89\xc9\x87\x8d\xb7}\xe1\x88\xcb`o\x15\x9a\x84B=\x90uCuv\x1e\x8d,\xdf\xed\xb8\x9f&lt;p\x93\xf1\xb8\x1b\'\xe2\xe9\\:\x0f\xb9\xcaf3\xeb\xe1\xe5\x0c\t-\x9e\xec\x18\t4\xd7\x01\x12\x8f\'\x04,\x9eI\x0fz\xd5\xd55wwv\x83h#\x0b\x8d\x0f\x0e@*\xa8|\xbe\x98I\x17\xcb\xe7\x99\xe4BN\\\xcd@&amp;\x04\xfb\x02u\xb3z}\xab\x90\xc6Br!\xaeYp\x92V\xccw\x04`\x07\x18\x1e\xcf\xa4s9\xd0\xabX\xfe\x8aA,:\x16K\xd0\xefQ\xcf\x94\xdd\xaeoETj5\x8fw\x826\xdb4K\xeb\xd5\xdd\xdd\xd2\x12\x08&lt;\xed\xf2\'\xddn"\xfd&gt;\x1d\xcf\x00\xd6e\x06\x97F4\xf2\xe3\x0cET\x87\rv{k\xab\t\xcc\xe3\xa9\x95jD\xa6V\x0b\xf5z=\xf8\xd8\x0c\x05\\-\x13\xa1\xd0\xbc?\x18\xf5\xaf\xee\x07\xa1\xb9\xca\x8f\x995\xf1\\\x91H\x04\'\\6\xbb^\x88\x0cDX\x88\x0b\x8e&lt;\x13\x18I\xcf\xc8\xba\xe6)\x1a\xcb9\xed\xdc^\x9f\xfei\xf5}&gt;\xfd\xbet\x939\xb9`\xdcG\x141\xd9\xe5r\xd9[\xa1\x9dxJ\xa0Q\x0ej\x95Z-\xfc\x05\xc9L \x18\xccH\x90\x0c\xe4j\t9\xd7\x8f\x8f\xd7\x8f\xd7~\\\xfbP|_\xfe\x96I,v\x85 \xfc\x06\x83K\xaf7\x81oJ\xad\x88\xae\x19t\xd0"\xc1L@\x86\xb8h\x1b\x9d+k\xc7\xd3\xd3k/_\xa7R\x1f*)\xe6\x82\x8b\xcd:\x9fw$\xc3\x11\x03\xa8"\x04*\x91H"\x11\x08\x14\n\x01}\x10!\xc1\x84\xb4\x93((:[\x9c[k+\xce\xd0\xd6\xcbl\xdb\xf5\xd4\x87\xd2o\x18\xeb.6\xebf\x1e\x8bF\x0cv\xbd\t\xa8\xb4\x12\x81B\xa5Ri\xe4\x1a\xb9\xca\xac\x92\xaa$\x83j\x9e\xfa#\x17\xcc\xc7\xce\xc0\xc4\xf6\xca\x963\xb4\xfdr\xe7\xcc\x95\xdf\x95\xca)\xa6\xb0P\xc4\xe7I\x0f\xc2\x82N\xd7J\x80E\xa3\xd1\xc89\x1c\x8e\\.U\xa9\x14\x12-\x92\x0b^\xfaY$W \x10Z_\x87\x06{\x1d\xdb\xfd\xd5\xd9G\xe5R/C\\0\xea\x85t\x12\xc2\x01\x1cT*E\n\xa9F.\xe7\xc8\xc4b1\x02\x93\xaa\xc0\xc6\x8f\x19f\x9a\xadC\xa1\n\\P[\xaf\xf76\xbe&gt;\x7f\xa6P\xe8e1f\xe2W\xf1\xe8\x14\xac\x82&lt;\xa5R\xa2P\x01\x93\xec\xc6\r.\x97\xcb\xe7\xf2\xc52\x8eT!Q\xf2\xe8\xd4055\xa3\xe6\xf2A\x85\'\xa6_\xc7\x96.\xfe\xecb!\xc5\x98Z\xbd\xacG\x84?\x82\x16g\xa0Rh8bn\xd5\xa5KUU\x97\xaa\xaeqk\xf9\x1c\x8dT\xa0Eq\x0fj!,$\x97\xcf\x17\x98\x08\xad\xc5\x16w\xbf\xbe\x95*\x9cc\xce\xc4\x14\xe11\xb8\xc0D\x91\xd9,\xe5\xc8nT]CLP\xa0\x98L\xaeQ\xc0d\x84\xa67}\x9c\x8a4\x97/\xbc\x12[\xda=sa\x13ng\x99\xc3J\xd0Y\xaaTH\x81\x8a\x0f&lt;7\x00\r\x19\xc9\x17C{\x99!\xbc\x80\x0bV\xed\x8fXP\xbe\xf0Vlc\xf7\x17\x17\x1f\x17\xfe\xca\x1cV6\xd1\x05j\xf1\xb4\x02\x95\x86#\xe3rk\xc1=DU\xcb\x95A\xdbKU\x02\xc8\xfbOXh\x8b\x83\xf4\n\xac\xc7\xae\xef\xfev\xb7\xad\xf0\'\x86\xb1\xf4\x10Y\x80%\x16\xcb\xf8|1\xbf\xf6c\xcf\x8b9R\xa9Y\xab\xa5\xd7l\xe4"\xadW\xa0\xb33&lt;\x1d\xfb\xfd\xe5\xdd\xdd\xcd\xd4\x9f\x99\xc3*\xc5\x11\x16\x0f\xd2\x01\xc2\x01%\x96\x98\xe6\xe2\xd7\xceAN\xc85R\x88.\xd4\\z{\x13Z\xaf\x03\x81@g\xc0\xf9clicc#\xbb9\xc0\x14\x16\xab\xb7\x1c\x9f\xa7cK$P\x99\x15*)$\x17G&lt;\xc7\xe5\xf3\xe7\xf82\x99X&amp;\x97\n\x04\x12X\xbf\xd5\xbcV\xbb\xdd05\xd5\x12\x06\xb0\xe9\xbd\xcd\xb7;;\x8b\x9b\x0cb\r\x94\xf7\x11\x96\x89\'R\x98\xd1R\x08\xd9%\xe3\xd6\xde\xe0\xce\xd5\xf2\xb9\xb5\xb5s\x1c\xa9\xd9\x0c\xa1*\x1a\x1c\xb4\xe8Zm\x06C$\x12\x99\x98\xd8\xda\xdb\x89\xc5bK\x9bY&amp;\xd5\xda\xf7\xbah,\xb3\xca\x8c\x16h\x89\xc523\xda&gt;\xdcc\x9d\xab\xba\x06\\\rr\x8d\xea\x9e\xc5\x15\t\xd5G\xa3\xd1\xea\xfa\xfa\xae\x10,\xd7\xb1E\xc0\xda\xd9\xcc\xf62\x87U\xc9yQ\x9a\xaa%f3\xcf\x15\tw\xf9\xa3\xfb\xfb\xf3a\xa7\xd3e}\xf3\xa6\xaa\xea\x8e\xb5\xa1\xbf\xdd\x05\xf7h\xd1$\x81\xc3\xdd\xe2\xc1a2\xf8\xd3\x8b\x9d\x8d\xc5\xd8\xceN6\xcbX\x9c\xb2^}\xc8\x85\\(\xe4\x05\x12\x97\xc7\x1f\x0c\xc6\x83\xfb\xfe\xd5\xf9\xf9\xd0|\xe8\xc9\x9b7\x97\xaaj{\x86\x05\xa3\xce\xbb~\xfaLp\x92t\xc3\xdd\xf5\xe4\xfb\xb7\xbf\xdc]Z\x04\x13\x19\x8bS\x16\xbb\x02X6]\x8dV=Q\x1f\xf5\xfb\xfd\xab\xab\xf3\xab\xf5\xab^\xef\xbc\xb3\xe7\xce\x9d\xaa\xb9\x06X\x16E\xce\xdb~\xd0\x10N\xee\x03Y299Y\xbezkiqc\'{\x859\xac\x12`\xe9t5&lt;O\x9f\xbf\xcb\xbb\xbd\xbe\xb5\xb5\xb2\xb2\xfd\xfd\xf3\xe7\xce\xe7\rV+\xac\x8af\x89\xb6\xc6\x15\xf6z\xbd\xa1ig\xc8\xb9\xed\x0c\xd16\xbf\xdc\xddX\xdcX\xcc\xfe\x91\xb9\xdc*\xe4B\xb6\x9a\x1aK\xd7\xdd\xf9\x99wOP\xbd\x1b\x1d\x1d\x1d\x1e\x1e\xbd\xd7\xde\xdf\xcf\xd1\x08\x04Z\xa1\xcd0\x11\x89\xb8l\xdf\xd7X,\x16\x9d\xce\xe6\x8c&lt;\xad?\x86\xeeZZ\xdc\xbc\xc9\x18\x16\xbb\xb0\xef\xd5\xd5Xl\xe1\xe7\xef\xfev\xe7\x89\xf5\x89uX!\xd2\x8a\x14\xed\xed\xa3(\xc3\xa4"\xad\x1a\xe2\xca\x17\x98r\xe9`\x9b\xa8\xac\xd1\xd9\\0/&lt;\xd3o\x97\x00\xac\x8d\xc1m`\na\xd5X\xda\xad\xa8\x9eX\x1bT(\xd6\x07\x15Pf\xb4\xf4\xa8Mu-\xbeq_\xc4\xa6\xbc\x07[{\x08UCd"&lt;&gt;\xbf\x07\xbdEc1\xb4i~\x95\nz\x81\xea^\x7f\x8f\xb5\xa7\xa1\xa1\xa1\xa7\x7fT\xd9j\x9f\xd5\xabE\x12\x84\xa5\xd0\xf2\xf4\xdd\xbe\x85e\x9fA783c\x81\xa07L\x85\xc3O=\xb7\xd7\x16\x976\x96\xdaN\x1el|^6\xf6\xc9\x984\xd6L{\x7fOO\xffp\xbbJ\xa43\x8c///\x1c5\x0bac\xaf\x91q$\xc2\xa6\xa3\x85\x8e\xe5\x80\xed\xf9\xf7\xa1\xae\xfa\xbe\xbe\x85\xf1\xb1\xb11O}5\xb8\x08X\x03\'\xcf[&gt;\xa3\x95\'\xcf\x9c`w\x1a\x03,\x10\x0bt\xea\x17\xb4\xb6\x8c7\x06\x0f\xdc\x93\x0f:F\xbaa\xab\xa3\x91\xc9\x14\xc2\xe6\x91\x07\xf7\x17"\xb6\to&gt;\xe30\x1e\x1c\x1e&gt;l\xac\xbe}\xbb\xba\xeb\x05`m^a}\xee\'T\xff\x19k/\xea\xd5YF\xc1\xc2v\xa1o9W\xa6\x8a\xa41]\xe9\x1a92\x89\x90\\\nS\xe7\xf2\xc3\x87\xe3\xae\xf1\xe9\xbdJ\x057\xe2\xf9\xf8\xc1a\x07py\xd6\x10\xd6\x85\x81\x7f\x9c\xf9\x86\xf5YM\x04\xaa\x7f\xfd\xf0\xc3?\xcf\x1fGA\xada\xabuXk\x18\x1b_\xdb\xcb\x1d\xb8\x0f\xca/\xfe\xae\x9c5iE\x02\xa9\\a:\xea8\xbc?\xb6\xf0oZ\xcd\'&amp;\x8d&gt;\x8d\xe3\xdc\xba\xe9ios\xd9\x97\x84\x17\xc2\xc8\x0c\x13\x86\xc0a\x06\x12\x0c!y!#%\x81R\x06\x04V\xc4\xf8\xa7\xf8\xa7\x12\x90\xae\x88\xa8\x8bEk\x8a\x1aH\x88o\x14_L_\x0e\xa2\x1e\xaa\x89\x98m\xb6\xa6n\xa2\x89\xf5@5zhlb^\x13c4\xb5m6\xdb\xb7\xed\xbb\xdb\xee\xf3\xb3\xbb\xd9\xcb\x1e\x87\xb9\xb4^\xc8\'\xcf\xff\xef\xf3{\x12;\x0b\x7f\xfd\xf3\xdd\xbb?\x1d\xfc\x18\xac\xc4x\x8es\xe4\xa1@&lt;\xf8\xe3\xd3\xf9\xb5\xd2\xe4\xae\xb0N|\xfd\x82\xd5\x8c=\x9f\x1d\xe93G\xfa\x1bn\xabX\x1a\x84=\xb1t\xcf\x15J\xbbS\x06#\x08l\x18Xe\xf2fW,\xc8e|\xcf_LN\xf0\xae\xf8F!\xe7r\xb92\xc9\xce\xfc\xca\xf4\xf4\x83\xc7\x7f)\xcf\x15\xaa\x93\x02\xee"n\x88n\xbe\x18\xc7q\x89\xb1\xfe^\x9fe\xac_\t*\xc7\x84\xcb\x98\x9e\x86\x17\xb6\xe6\xab\x8d\r\x0fM\xd0Hb\x13\xf2Vp"\xefs\xfb-\x11\x0b\x0c\xcd\xad\xcd\t.\xde\x99h\x99\xcdoOCS\\Y\xcbT\x8f\xfc\x10\x10O\x04\xc3:n"\x1e\xb6\x11\xb8\xbc\xc5\x19i\xec\xc1\x90^e\x18\xc5\xad6\x99\x06\xb4\x97].c5\x04A\xa8\x00+\x13\x8c\x05\x92)\x9b\xdfoC\x0b\xa5\xe6\xee\xb0\xcfw\xff\xfe0\x0c7S+k\xdb\xf3\x1f\xabG\xde\xb7"\x01\xadu\xdc\x86e\x8b\x0c.\x99\xb5\x02\x96R\x01C\xbcR\x89Q`\x1f\x8f\xc7 \xc1q\r\xdb\x88\xb6$\x12\xc8\xc4X \x13\xb6\xd9lh\x93j\xf7\xd6C\xe9\x1a\xee\x83\xb9\x19\x82k\xbb\xd4\x02X\x7f\xdf\x14\x12\xab\xf7o\xd2\xb3\xa2\t\xa7\x87\x06\xf1\x01R)\x15k\xc50#\x83\xd2\xd1\xc8i\x9c\x85\x8fhD[\x1b\xdaSh\x0f\x062\x85V\xbb\x07&gt;\x9b\xc1o0@7\x1aN#kMO\xef\x94\xd2\x1f\x8f\x8e~@of\x82\x85\xfc\xde\xccY\x1d\xd9$\x19\xfa\xb9\xb1\xa9\x1f\x03\xac:\xadT\xc1\xc0\x88J\x10\xf8\xf5&gt;I\xadVS$;\x0eX\xed\xb9\x02\x84\x95\xd7\xee1\x18\xe5F\xa3\xdf\x93Bz\x7fjez*?\xb9&lt;{t4)\xa0\xb5 \x13\x01\xab\x8e\xd1;\x01\xeb6\xa5\x10\xd7\x81jU\\\xefCd\xa8\xed\x10&amp;RM*\x19\xd6S\x08\x04\x83|\xa1\x19\xfcg\x1f7Jh\x8d\xdc\x0f\xd6Z|:\xba\xf2`j\x85\xfb\xb8\x98\xffxt*$\xd6\x93\xdf\xa4\xd1\xef\x142\xbdS\x0f\x11\x7f\xad\xa7A\xb6JQ|a\x98\x12SAOT\xa9\xd5&amp;\xd6\xbe\xe1\x82\x98\x8f7\xdb\xc7\xe1\x03\xe1F\xcbm\xf5\xbe\xd9\xa5\xd2\xe8\xf6\xe3\x95\x85\x97_\xab\xf9jaWPk\xed2\x8a(F\x0e:\xf5\x04\x12\xaeu\xd1\xe8\x8cvF+\x05\x89\x08l$d\xa1I\x06Z\x087l\xe4\xdac\xed\xf1f/x\xd0h@\xaf\x1bv_8\xd1W\xde\x06\x95\xb1:\x9a\xfb8X\x10\xb4nA*bT\x94j\x02,\x9c\xc4\x14b\xf1\x0cp\xcd\xcc\x88\xafC\x1f\x93\xe1*\x12\x9c\x88Q*\xda\x9e\x0c\x04\xdb\x0b\x80e\x94\x18\x8d\xa0\x17=\xde\xa1\xfb\xc3\x8b\xfb%\xe0Z\x9dn\xf9\xeavn\t\x8b\xf5\xfb;&amp;\x85i\x00a\xa9\xc1Z\n\xc0\x02.\xad\x16\xa1a\xc8\x81$\xe4\x81\x94\xc1\xe5C\\{0Wh\x1d\x97\xd3\x12\t\xab1x\xea\x07\xf3\x8b\xfb\xe5\xf2\xda\xda\xe8\xea\xc2\xc1\xd7\xd4i\xaf\xb0\xcd\xa7\xe3\x84\x95\xc9\x1a\x07\xddV\x16$+v\x8d\x05_\xb1X\x8c*\xa0n\xc0\x00!\x05\xeba2\x89&gt;\x1d\xfa\x9a\xc9d\xbc\x12\x1a\xf2\x93\x86\xfa\xe0\xce\xef\xcf\x95\xcb\xe5\xd2\xe8\xc2\xc2D\xac\xba#\xe8\x1e\x1c:\xc6\tA\xb0c\x83VkD\xcdP\x94\x02\x18\xa2E\xa0\xcaF)(X2B%\x8d\x16\xb3E\xb1\x9a\xf6/v\xe5\xba\x13\x81\x9c\x87\x85\xf2J\x1bmV\xf7\xe2\xd3\x97\xf3ss\xa5\xd1\xe9\xe9\x96x\xe2TH,\xf8\xa5\xde\x13\x8c\x94\xc8\xf4V\xab\x19J\x14%\x9d\xb9\xb6T1\x1a%iB!\x96RT\xf4\xeclo\xef\x0f\x0c\xeewwu\xfa|\x99J\xc6\x86\xcbT,$bjin\xfe`&gt;_\x82\xd2\xd5U\x18[\x10\x18\xeb\xed\x0fZ\xa9\xba\x1fT\x83\x1e\x84&gt;&amp;\xfe\xaf\x07\x19\x9aUG\xb3\xf0\x9fb\x16\xb0\xb2\x14\xebO%\x92)_&lt;V)\x18\t\x15.\xf7\xf8\xba\x9d/\x0f\xfa\xd2K\xe5\xb5\x95\x9d|rhSH\x9d\x812\xf1NT\xabPX\x00\x8b\x05,\xa5\x18\xe2\x1d\xc80\x9c\xa0\x94\xdal6\x1b\xd5j\xa3\xd9\xac\xd6$\xb1\x85\xb9\xa4/\x9c\xa9\xac\x07\xbc\xd0+\xe56_bv\xfe\xa0+\xbdX^\xdb.O\xb4d&amp;;\x04\x9e\xb7\x14b\xa8\xed\x11\x84%SQ\x14\xb8\x11\xb2P\xab&amp;(\xb1V\xa16\xeb#*\xea\x96VK\xb1\xd6a\x0emE\x02\x95J\xa0\xd9O\x83\xf8I%&amp;\xd2]\x13\xe9|\xa94:\x17\x08\xf0\x8b\xdf\x0b\x8b\xb5\x07\xfd\xb9\xa8E\xdaO\x83\x93(\x17\xb5Z\xa8Y*F\\7\xa3\x95y}\xf5\xe6\xc6\xfe\xb6\xb6&amp;\xfd0\x17\\_\xaf\xc4b1W\xbc\x15Z\xa2\xdf\xeest\xf6Mt\xa6\xe7J\xa7k\x07:\x87.\x7f,\xb0\xb5\xea\xa2\xd9\xe8\xde9`\x99\t\x86\x92J\xa5h3\x891\n`\x13+`\xc2!\x1bz\x06\xc6\xac\xb3|\x05Q\x05\x03\xa8t\x19\x8d\x1eO\xeb,\xa7\xebt\xdc\xeb\xcaO\x96\xd6~\x0c\xa5\x97\x9e\xbe\x154\xb8D\x1d\x9b\xd9\xe2I\xef\xae\x05\xd4+j?\xc0\x84\xb0\x14h\xc7\xacP2\x14v\xebNC\xff\xcf\xc3q\xe8\xd4\xc1@\xc0\x95Kv{$r\x83\xc7\xebk\xe1t\xf7t\x0e\x845\xb5\x16\xe2\x9c\xe7\xa8\xbf\n\xf9F\xdd\xf1\xdb\xeb\xb7\xa2\xe3\xe7~\xb3E\x06\xcdY\x81\xfa\x0e\x90\xa1\x81\x90R\xab\xd4\x03\x03\x96\x08\x8bG\xea\xe3!&gt;\x80\xb0\xe2\t;M\x1b\x90\xc6\xd6\x85Fx\xb0\xd6\xd3\xf2\xaaht\xbe\xfc\xbd\xc0\x05\xe2\xfa\xb7\x9etL\xda\xccf\x15\xcc\r\xdf\xb0\xea\xa4$\x8c\x0f\xb4\xd9\x1c1\xff\xec\xae\xf7\xca\xcd\xa9x.\xe4\n\xb4\xb7\x07\xf8P\xb7\x05\x97{\xbb\x13\x1c\xfc\xedr\xf4\x81\xb5vE\xa2\x9b\xd7\xbf#\xa0\x13\x9f\xfcG\x12\x9f\xba\xf5\x80\xa5\xc4\x94\n\xa5T+\xaeS\x13*\x8d\\\xef\xae\xb7\xea\xf5~\xaf\xd7\xa6\xd7\xa7\x12\x19\xc0\x8a\x05\x831~hL\xd2\x9a\x88\xeb\x80\x8a\xe7\x9c\xf9\xfd\x9d\x8eoH\x82\xeeGn\x88\x9e\\cm\r\xea-*\xb4\xf9V\x02\x96VI\x03\x88?b\xb6\x8c5\x0e\xc8XV\xc3\xb2F\xefF!\x9e\x03\xb0\xf5u\x9d\x85\xf6\xc53\x9c\xab\x9d\x0f9\x9c\xf9\xb9e\xd1\x8dZ\x9d\xa3B\xb1\x7fn\xb5\xc8H\xa5\x92!Q\xd87\xb9[\xee[\t\xb5\xa9\xffQ\xc3m\xd3\xfb\xf7\xef\x8d\x97\x97WWW\x1b\x85L\xae\xbdr\xb72l\xf1e8\xce\x15\x08\xe9\x10\xd6B\r6#\xff\x1b$&amp;\xad\x16\x024\x06\xa6\x86\x92\xaalt\xf0n\x9c%\xde\xb3\x04\x8d\xee\r.A3v\xa3\x9b\x91L.\x10\x8cUt\xd6p.\xae\x0b\xb8t\xba\xcet~\x7fWT\xc3\'t\xd1\x8e\xd5\x12QCs\x06\xa1HR\x16\x9d\x0e=\x9b\xcb\r\xe3\x97\x97\x92F\xc9\xa57\xb5Q\xd8\xa8&amp;;\x03\xb1\xca\xba\xcb\xe1\x18J\xe48\x9d\x8b\xd7q-\xe9\xc5Ro\xedn\x7f\x00k\xd9j\xb6\xa8\xd0{\x0f\xe2\xd2\x87`\xb4\x1a\xc4\xc7p\xf5\xc9w\'\xcfN\xc8\x93\xf31\xfa4_~\x19X\xff\xd3\xdd\xa4\xdeZ\x9f\xcc\x00VH\xa7kY\x9a_\xa9\xe9\xd9\x88\xe8\xdd\x98\x1e\x15.\xd0\xfb\x0cc2\x87\xe3\x95\x9fJ\xcb\x9b\x9b\x9b\xef\xf6^\x1fo\x9elm\x9d\x9fO\xaf=\xfe\xc7H{0^O\xe0\xf5\xc9\xa4\x03aq\x13\xe9\xc5\xd5\xda\x9e\x8d\xf4\xa2\xe0b\xd0\x03\x0f\xc3\xc0\x9c\x97\n\x87\x9f\xff\xf2\xec\xd9\xb3w[\xefv\xb76\xb7V\x97\x97\xa7&amp;\xf7\x9d\xd5j!\xec\x97ER\xf1\xa4c\x04\x9c\xe8\x98H\xcf\x1d\xd7\xf2\xf6\x072i\xc7j\x8e\x0c`\x08\x8b\x94\xa9\x9b4\x1a\xf6\xf2\xe2\xe1\xa3\x7f\xed\x9d\xfc\xb2|\xbe\xb3\xbc\xf3\xa2I\xfd\xe9\xd7\xabj5\x97\xa0\t\xcd\xfd$\xc7\xf1&lt;`u-\xed\xd4\xf2\xac\x0c\x85\xc72T\xaeF\x06\xedFH\x93\xa9G\x8d\x0f\xe0\x9f.\x0e\x0f_\xbdzu\xf1\xe9\x9fo.\xe0\xdfO\xbf\xa2\xfd\x91\x8f\xa0m\x898\xa7\xe3\xf9\x10\xd7\xd95\xbfZ\xd3c]TP\x17\x07\xcd\x11\x13\x85b\x0b\xbd\x0c\x93\xaa\x1e\xd9\xc5\xc5\xe1\x87/\x1f\x00\xed\xf3\xe7\xcf\x87\x17\x97\x85*\x1f\xc8\xd946_\\\x17\xe2y\x17\xef\x98\xe8\x9b\xfb\x9d\x90-\xfa\xffa\xdd\x9ct\x9b-\x84\x9aD\xca\x90RJ\x15LO\x1bsx\xf8\xe1\xec\xec\xc3\xe1\xe1\x97/o.&gt;]Us#\xae\x84\xc1\xe6\xed\x86\xbe\xcd\x87\xf8P\xe7Dz\xad\xf6\'\x8b%\xa7\xde\x1c\x91\x99@\xdb\x93\x0c\xf6\xf0\x96\x14k{\xd4f\x02{\xbd9&lt;|s\x08T\x05\xf0\x1cg7\xd8\xc3\t\x8ew\xb9x\x9ek\xe9\x9a_\xa8\xed\xc1\xf5u\xb7v\x0e\x9a5\xc0eR\x99H\xea!\xba5x\xd8\xd0@\x12\xdfzOk8\xe1pp\xc9\x94\xdf\xd0\x9aLB`\xf1#!\xc8\xc3\x97[\xa2Z\x1f\x9e\x8a\xce\xad\xff\xe6\xe5\xfcc\x9a\xbe\xd38\xbe\xb6\xf4\xc7W\xa0_W\xe8\x97\xb6\xa1T\xa4\x95R\xb4\xc8I\x05\xca\xdd\xbaA[~\xb5\x16k\x8b\\\x03\x85P\x07H+e\xed\xb1\x86\xdf\xa5\x0c+\xd4\xe3\xe2\x8d\x1c\xa95p\x99\x08\x11\xcd-\xde\xd8\x1f\x1b9\x14]\xd4\xcc\x13N\xe5\x9c\x1aoKvG&lt;\x93y\xdb\x81\x9b\x17uw\xf7|\xbe\xad\xcae\x97\xe5n\xb3\xfb$\xb4\x01\x92\xe6\xd5\xf7\xf3|\x9e\xcf\xf3|\xfa&lt;\xed\xee..\x81rK,\x06+\xe6\xa4\xe4\xe4\xe8\xcb\x1bv\xd5ZJ\n\xaa\xbc\xde6\xaf\xd7\xe3\xadV\xed\xa8\xd9\xd9UV\xa6T\xf65\xefF\x9fY\x1d\xf90\xca]\xcdh+\x16O\x9c((\xde\x96/\x93!\x0f\x83&lt;B*\x95\xea[j;;\xfd\x13\xdd\x13%\xc5\x055h\x81\xbfw(\x95\x90\x02Bt\xd8?6{;\xda\xcd\xc3\xcc\x17No-\xe9\xeeF\\\xf9\xe8FdsJ\x8eT(\x14\x0e\xb6\xb4\xb7\x17\x89-PI\xa7o+N\xdd\x94\xfa\xd3}e\x1d\xcdF\xa7\xb2\xd9i\xbfvel\xf8\xf3\xe8\xabu:\xdd]\x0c\\\x05\xe8\x96\xa16s\x0b\x92K\x98,\xd4\x83\x83%efge\x89\xdd[SS7\xed\xecQ*\x9dF\xd0\xcb&gt;46\xb6\x7fx\xfd\x0f\xa0\x96L\x9cOrms\xfb;k\xf3 }N\x91J\x85f=\xecI\x84%\xcbGX\xfd\x10\xe0\x83A\xa7\xd38tm\xec\x84)\x9a\xe9\xc3\x13\xac9YQV\xfe\x04\xb2c\xb1\xdb\xd2Y\x94\x04\xa5O\n\xeag\x81\xf3\xa8H&amp;KG\ro\xa9\xaf\xbc\xd6c\x0c\x06\x83F;\x04\x87\xfd\xa6\xb6?3\x7f\x08\xac\xec&lt;q~\t\x02+\xb1X,yi\x9bQ\n\r\x99a&amp;\xe0\xe6\xa7\xbet\xe0\xc0K\x9bvt\x95\x19\x87\x86\x8c\xf6!\xa0\x1ar\xb4]\x88\xbak1O\x9d\x95\x15m\xc9+\x92!\xae\t\xbf\xdf\x9f\x95\x91\x14nzK\xca\x12\xcb\xd2\xf3Q\xdf\xcf\x81W\xfa\xedA\xc7\x9d\xa0q\xc8\xb1\x7f\xbf\xddh#\xab\xc3h\xf7\xcb\x7f!\x13\xe7%m\xc9Nw#\xae\x89\tK{RvvfK\xf9.HsR\xf3\xb7\xa1\xae\xd3\x9d\xaa\x903x\'\x18\x04*\x87\x13%\x81\'\xa3\xdb\xc7O\xbe\xf8\\z\x11\xca\xb72\xc5\xfe\x89\x13\xa6\xb6\xb6n\xff\xae\x96\xa2\xac\xce\xce,\xd4@\x9cZ\xd3\xff\xea\xab\xd5\xfb&lt;6\xe7\x1d\xc0r\\\x1bRVV6{\x8e\x9f|\xee\x95\xd87\xc4z\xf4\xf7\xadE[6\xa3\xab\xb6Z\xcb\x84\xc3\xe9\xf4\xe8,\x9d\xe0b\xee\x1aU\xb5\xaa\xaa\xd7\xb3\xafk_Os_\xdf\xcc\xbb\xef\xce8\x1c\xc6\xca\xc6\xc6F%T\xfa\x17Z\xa39_\x80\xb0\x16\x97\xdcb\xc8\x1c\xd2\xf4\x83\r\xed\x9d&amp;\x97\xcb\xdef\x82\xd3\xa8[\xa7S\xbd\x16\xf2\x1a\xed\xa12e\xdf\xb8o\xdcuht&amp;\x08\xb9s}}]\x99c~\xfe\xfa\xa7\xa4[F\x8fj\xe1\x0c`eBH\xc8\x91\x0e\x96\xefr;GglC6\x8f\xb7-\xe4\xb1y\x8c\x10\xd6!\x84\x8e\xfb\xf6\xf8J5\x1aW%\xd4\xd6\xaf\xd7\xd7\x19\xdb\xe6\xaf^_\xba\x1d=\xb9\xd0\xfb}xq)]\x9c\x99\x94&amp;\xd5\xc3I8\xd8\xe0\x18=4\x13tB|\x02"\xa5\xcb\xe5jt\xb9\xc65\x9a\nM\xa9\xc6\xd7\x08PP\xf5\xd7\x19MW\xe7\xaf\xaf\\\x8e\x9a\xd7\xa3\xb7\xbbp\xf1.\x89\x95\x91\x82&gt;_1\xeb\x1b\x86\\\xa33\xae&gt;\xd4\xed\xe3B\r5\xbeQ\xd4\x8a\xb4\xd7\xa7\xf1!(\xa0\xaa\xaf\xb4\x9b\x86\xaf^_\xb9\xff\xe8\x85hU\xfaPTO\xdd\xbd\xfb\x80\xdc\x89i\xe4\tm\x96\xfa\x9d\xe3\xbeR\xdf\xa1C@\xe4\xdb\xb3\xa7bO\xc5\xde\x1f\xed}y\xaf\xc6\x87\x88\x10Ycs\x18k\xe9\xa3\xa8x}\xf8\xfe`\xe1\xe2\xc5\x95?\x00\x16\xba\x80\xc8A\xbd\xb0\xd2\x06S\x1f\x00\x95j\xd0, \x9a\xc0C\xc3\xa6\x15\x1a\xdf8lA\xe4Y\xf5a\xac\x7f\xac.-.&lt;\x7f3F\xeeZZ\x1f~\xf5\xfb7\xdf\x14C\x81\x91\x91\x96\x16\xceh\xcc\r\xddA\xa7\xcb\xa7A\xf3\x93\x15/\x93#\xb0\x15\xa5\xbfq\x85\xa9^\xafol\xdc\rX\xb3\xff\xba\xbe&lt;u\xf9\xf6\xf3\x1er\x8b\x8c\x047\xfd\xf3\xab\x9f\xc4\xbaz\xb2\xb3\x11VJJ\x0e\xe9^\xc9\xe6\xf2K\x0e\xd7\xa8O\x83\xc6\xec\x00MS:\xeer\xf6\xd5\xa1\xd8\x00Z566\xdbN\x0c\xcf\xee\xfe\xdb\xca\xd2\xe2\x8d\xe7\xdb\x9d\x11\x81b~\xf2\xf0\xfe\xd9Bz\xb0\x1a*\x1e\x12\x0b\xc4\x92\xe6\xe8\x85\xc9Z\xed%\x13\x84\xf4\xa0\x0by\xbc\xeb\xd0L__3y%H\xae\xba\xe6\x10`\xdd\xb1^Y\x9dZ\xfc\xe0\xf3\xf0-\xd9s!cF\xa6J\xe7n\xdd_\x98\xa4\n\xae\xa9\xb2\xf3P8\r\x8b\x05\xa9\xbcT{\xee\x9c\xb6|\xfe\xd2\xfcD\x9b7d,S6+\xa1\xb4\xa8\xac\xac\xac\x0b/\xa5\xcdti\xf6\xdao\x03_~=u\xf7\x8f_D\x86N\xbf/\xd8\x937\xd7D\xe5\xdf\xbb\xffHA\xa3r\xbe\xac\xca$\xb1r\x84d\x93\xb5&gt;Eo\x06\xaesZ\xd0\xccR\xa2\xf3\xd8\x8d\x88\x0c\nDD\x06k7`\xcd\xcf^\x13\xc5\xbe\xff\xf6\xa7K\xcb_\'41\x9f\xbe(\xf3{1\xa1\xd7\xd9\xc0\xe3\xc7\xde\x9aR\x14Ri\x8aiU\x1e\xe41\x11\x87\x17\n!\x014\x0b\x81I{N{\xf0Rm\x89\xd7f\xb7\x03\x17\x14\x17$\x1a\xba\x81\x00\xac\xe11\t\xe7\xad\xdf\xa9/\xac&gt;\xf8\x85b;\xf9\xc1\xfew\x06{6E\xce\\\xc7\x12`\x98\xe0\xde\x99\x1b\x87\xa9\xb4\xc3\x03\xddy\x90\xf6e\xa4\x90\x19&lt;\n\x11$V2\xc9\xd5R\xec\xb1!.P\x8c\\\x88\xae,tb~\xf8\x08{R\xfd\xfeQ\xc3\x83\xd5\xb7D\x0c\xec\xc5\xd6\xef.\xd9S\xa1Z\x13X\x04\xc1a\x11\x93\'\xcf,\x16&amp;P\x0bG\x86\x8b\x00+\\X\xfc:\x19\xb8\xcc\xb0\x1bI\xacs\xda\x96\x02O(\x04\\==\xf6.[WWOGG\xd9\xcfI\xaci:-\xf6\xe8\xc0\xb1\xd5\xfe\xb7\x03\x06\xb9\xe8\xc7\x9c\r\x88\xec\xd4\xff\xdb\xcf\xf5T\xa8\xa6\xed\x1c\x82\xe0\x12\x18\x07#\xb8\xd8\xd4g\x9f(h\x1b\x15\'\xb3\xb7l\xde\x9c\x01\x0e/\x04\xb1~\x89\xf4\x82g\xb0\xa2\xd9\\n\xa9\xf2x\xbc\x9e\x90\xcdf\x0by&lt;h\x92\xb2\x07\xb0\x90o\xbd\x83sp\xf5\xd1\xaa\xd5#\x03\x01\xab\xc4\x1a\xa0\xc7\x0b\xb8\x1bZ\x99kl\xc2\xfc_\x0e\x99\'BQy|.\x8d\xc3\xc5h\\\x1ccM^\xbeyYA\xdd\xa88\xdb\x10\xc1B\xf3\x0e \x98PHb\x99\x07\x1bjKz{U\xa8\x1d0\xe4\xed\xef\xed\xed\xf7\x84\xf6!\xc1l\xa6_\x1d\x19\x10`\x02\xf5\xf4\xca\xea;V\xeb\x80\x95\x1d0\xc4\xd0E\x14\x1cKXC\xf6\xed\xa21\xd7\x08\xc5\xe5\x8fph,r\xe18\x8b5y\xfa\xcc\xd4\x87\xb9\xd4\\\xc5_\xf32 l\x91b\x81Z?CO\xc9H\xabvK\x81NW\xa0\xab\xea\x05\xa8\xaa\xaa\xaa\xde\xdej\xe0\xea\xe8\xb0\x9b\x8eO\x8b\x18#x\xe0\xf8JM `\x08\x1cU\x8b\xac\xa2\x98D\xb9H"\xa7\xf37\xb66\xa1OG\xbe]\xb45B%p1\x0ccqY,\x0e,\x1e\x03Ck\xf1&amp;8}\xeeaBK\x86-3\xe9\xf2\xc8\xbb\xc2\\\r\xed\x167j6\xd5\xa9P\xe3\xa9NW\xa5\xea\xad\x06\xb9zl\xde+Vv\xac\x80q\xf4\xc1\xcat\xc0jP\x07\x06\x0c\x06\xb5\x88\xce\x16%\xca\rj\t\x1dgmX\xbb7\x99\xff-\x9d"\xffu\xaai\xfd\x06\x1a6\xc2\xe7c\x18`\xb1h\x1c&gt;\xce\xc3\x04#\xf8\xe4\x077\xa7h\xb9\xb9\x85\x87\xe7\x0e\x86O\xc4\xe4g\x0b\xb6aC{m\xa7\xdf\xef.\xd6\xa9T:\xa8!A6\x15\xc2\xea\xear\xbc!\x92\xc7\xe1\xb1\xb3\xcb\x0f\xde\x18PK\x00+`U\xab\x01J\xceNdK\x0c\xa0\x19\x83\x1b6\xe7\x0b\xdf&lt;\x02\x9e\xc5\xa8\xa6uT`\x12\xc4\x0b0\x16\x0b\xb88,\x01C\x80\x10\xf1\x91\xb3\x1f\xbf\xb7\x00r)\x14\xa7\xf5)\x83\xfagX\xe8\xfc\xd1\x1e,\xdf\x05\\\x16\x7f1\x08UP\xe2v\x17\xd7\x00\x16r{\xdb1\x91ABaH\x1e/?\x06\x1b\x1a\xd4\x03\x80e\xb5J\xd8l\x89D\xc4f\xcb%\x12\x00\x8b\xc5\xf9\xdc\xed\xad\xe1\xb0qj\r\xd8\x1a\xa8\x84\x91xz\\\x1c\x83\x07&amp;\x84\x1f\x0e\xf8\x15O\x10\xcfc\x8d\xf0\xb8\xb9\x1f\xdd\\\xcc\x05\xb9\x14\x85\'\xf5\xe8\xe8\x11F\xc0\xb4\xe4F$\xb9,\xfe\x92\x82\x02\xa8\xb6e\xeem5;\xc2X\xd3\x89j\xb5\x84\x8d_X^&gt;/\x91\x1b\xacV$\x97\x1a\xfd\t\xb8@/\xb9D\xce\x8e\x8b\x8fK\xa4P\x04\x1b\xd75\xfd\xc7i\x1e9\x8c\xc1z4~&lt;N\xe01\xb1`6.\x97\xc7gq\xe0\x81\'`\x10,&gt;\x9f\x93\x90\xfb\xa7\xcf@\xae\x08\x97\xd4Lr\x91\xfb\x10m\xc4\x83\x07\xcb\x1bZ\xc0\x8c\xe0^n\xa8\x85H,4\x8e1K7X\xd5\x06Q\xec\xbd\xe5\xc7\x92D\xba$@\xda\xd1\xaaFz\x89\x90\x1da\xb1%\xec\x18:%\x0e\'F8\xeb\x98\xcf\xb8\x9e|\x15\xc6\xfa\x04~\x1c%\x86\xc7\x17\xf0x\x04\xc6\xc5F\xc0\x8c\\\x9cA\x80\x05i\x04\xce\xdb\xa8\xa0q\xffrs\x91VHr\x9d\xd6J\x85\xe1\xfc\xd4\xfcT\xad\x16\xe4]n\xb7\xdf\x02U\xa3ek\x01\x1a\xc7\xf0\x0e\xc7\x88\xc0f\xea\xc4\xf3K\xcb\xe7\xd9\x14\xba\xc8:\x00\x01\x15|]m\x05\xf7\xa2PD"\n\x9d\x02\xbf\xca\xe9\xf4\xd8x\x01.\xc0\xa8\xadOx"{`;\x8b\xcf\xc3\x198A\xc4\xe3|\x90\x8a\xe0\xc1Nd\tbp\x9c\xe0P\xb9|\x01\x96\xf0b\xc2\xe4\xdc\xc7\xef\xdd8\x1c\xe6\x9a\xd3"(\xbd\x1e\x9d=\xa4Z\xe5\x08\xcb\xe2GT\xb5\xb5\xb5\x96\xad\xa8\xa3Yu\x0c\x8f\xb3\x92.~\x0b\xc4\x02\x93\xb1%\x81@@\xcdf\x8b\x0c\xe0e\x06\x11\x85\xc2\x16\xb1)\x14\x89\xd5\x00\x8f\x14\xb9&lt;\x96`\xd1\xb6G\xbe\xd9"\xfc\xa5/,F"\x9dO`\x18\x11\x1f\xc7@O\x04@\x11\x82\x7f\xf3l&gt;\xa1q\xa3g\x18\x1f}\xfa\xf4!\xe5\xd3\'Y\x7f;\x92\x12$\xd4\x1d\xd2\xa6T\xdb\x1eft\xe8\xe82\x98\x10\xf0\x06\x1fL\xa0\xec!\xb9\xf9h\xf6jr\x0e\xc5lI\x8a\x99\x93o\xa50sq/\xb9\xcd%\x99f\xed$\xa4\xb1s\t\xd8YX{\x9dxK\x03Y\xd8C\xae\xbb\xf4y5N\x95\xb1F\x9eI\xf0\xcf\xcf\xfb\xbc\xcf\xfb*\xd8I\xea\xc6\xban%n\xaa\x97\x01\x8b\xa3\xbd\xd9\xf4\x94\xb8\xfa\xfd\xfe\xa3o\x16X\xd8 (\xe2/,\x8f\x03P\x9b\x84\xf5\xc5\x9f\xbfx\x97\xaa\xd5{\xf7\xee\xdd^\xfe\xf9\xfd\xeb\x7f.\xa3\xebz\xbd\xd5\xdb_\xdf\xaez9*\x07\xc1 U\x98\xa3\x90\x15@+\xcd\xa9\xec\xc42\xf5O\x82\xa1~^\xc2\rCS\xe0\xb1R\x8e\xc1\xdc\xedFQ\x94(\x9ev1\x0f\xcdn\xeav\x11\x14\x96\xc5&amp;\xe7o\xce\xeb~\xcb\xb5\xf3\xe4\xfb[\x9f\xc0n\x91\xb5\x08\xeb.\x94\xda\xdc\x84\xc7\xae\xd1Or&lt;\xb3Tu\x9b:\xef\xd9\xeb\x1f\x9eI*\\\xb5\xdc\xcb\xf1\xd4\xa3\xda!\x1dB\xdb0\x8c\x10\xc5E\x86\xadV\xd0\xce\xe1\x00\xf3\x97\x16\xde*\xe0r\x1b\r\x17[\xf0\x15\xd2\xca\x82\xb7p\x16\x1c\xe54\xa38&amp;\xcf[&gt;Fc\x19=\x9c\xce\x0ev.\xb8\x86o\x17u\xbc\xd5\xfeD?a\xddi\xa166\xee|v\xf5\xc6\x9fn\xfc7r\xf36\x0f\x9e~\xfc\xe1\xe7\x10B\x11\x10\x92\n\xc9P\xc1\xfe6\x11\xe1\xac\xc1\xf4\xa1\xd6[\xcd\xf3\x10\xc9\xcf\x13\xbd,\xfb\x08\x8b%=um8\xae\x8bDpUlF\x8b\x18\x85d\xd0*B9)\xc3H@\xe8kN\x0eO\xf6\x8f\xfa\xfd\xd1h\x84:Z\xbb\xd7/_\xb9y\xeb\xe6\xd6\xd6\xd6\xca\xfa\xfa\xc6F\x8b\xb4\xb6\xb6\xb6q\xe7\xf3\xab\x7f\xf8\xcb\xae\x9fj\xab_\xa3\x82\x0f\xbe}\xffc\x0e\x9eU\x80\xc1\xee=\x1a&lt;\xab\x0e\xc7aW=\x14)\x84\xc1B\xaa\xa6\x83KE_\x86\xd5^\'N\xba\xe3\xc4\xc5\x97\xc6\xaa\x10/\xa8\xc0e\xb9\xc4b\xc5\x9c\x8b6\xb8\xac4F\xe2\xb3\xf2\xecx\x7f\xffhg\xc15\xf2w\xaf_i\xa9\xfeJ?@\xbf\xb1\xb9\xb1\xb6\xbe\xb6\x82\xcb\xcd\xbbW\xbf\xdc\xf5\x13\xd9\xbbM\xfa\xfc\xf8\xfe\xdb\x87\nT\xcb\xcb\x95V\xe5\xd2\xa6\xc0B\xf1l[\xdaZ\xcf!\xb9\x90](\xa4\xd3\xab4[\xa5q\xe4c\x0b\xee\x8c\xc7(\x0f\x05z\x14Q\xb0[\xf1\x18\x8d\x18\xb9d\xb18Nl\x83+\xb7\x9b\x8c\xc7H\x0c|#\xfd~\xcb\x05$"\x1b\xe9\x7fC\x0f\xae\xd3\xef\x1a\xac\xaf\xaf\xb5J\xadl\xd1\x7f\x9a|v\xf71K\xb8\x83\xd4\xcc\xc3_\xde\xbf~\x94\x1a\x10\x88"\xd4\x00\n\x1e\xa8\x1f9\x89\x1c\xd6\x9e*\xaac\x88i\xd0rA\x17\xb3CM\xe7\xc3\xd8\xad\x1exB\xb6\xd3\xb9\x0b\xa8\x18!\xe6*[a\xf6\xe0\xbd8\x89\xd9`i\xb0s\xf4\x89\x0b\xa7\xfa\xef\xd7\xd7\xda\xdf4h\x1fk\x1b+h\x83\x9b+\xbf\xfb\xf7\xe3z\xac4$\xb8\xa6\x0e\x9e\xbf\xdeMA\x82J9d%\xfc\x91\xb6\x01\x98\x1e\xe5;\xa5Vh\x90\xe7{\x15\xc0B\xcd\xe0nJ\xb5\xeb$Q\xbb\xbc\xf8\x16MA\xba\x86t0\x15Nh@\xf8\x8br\x9e\x94\xa3\x07\xf3\x06\x97\xfa\xfe\x01\xb8\xbc\x1d\x8f\xc8\xea\xfa\xe1\xfd?\xb62-\xd0nbD\xde\xfc\xd5\xca\xa3:\x16\x06\xa2H\xa6{\xcf\xdf\xbf\xd5\x90J\x92j&amp;1d\xc0\x84H\x97\x06\xed\x0f\xa1m\xdb\xc0#Tmu\x95t\x83\x8e*\xa5^\xeb\xf0n\xe4\xfbMC;\x8c\xd9\xb5\xb0\xc7\xe8f\x9a\x10\\WqA\x9a\xb5`.\x8c\x17\xf9\xcc\x1by\xa5\x1e\x1d\xec\xcf\x0e\xbc\x9d&gt;Y\xbf\xae\xf9\xfd\xab\x9b\x0b\xc5\xd6\xb7~C\x93\xfb\xd7\xb7\x1e\xd5V\xaa$WbLT\xc8N\xcd\xb09Q\xc1Z\xf0\x94\xcd\xf1\x19\xa6!\xc2]BGD\x16\xa1:\xc4\x04\xa3i\x02%\xeav\\\x01\x8f\xe9 \xd3\xf5(\x89\x1a\xc6|\xab\xeb3\xa6[B$4\xb0-\xe2J\x15\x12\xc5\x82\x17\x19C\xe2M\x8e\xf6g\xe7\xe5Y\x9f\x8e\xbaN\xde-~\x97e\x0b+\xd8\xf6\xf6\xf6\x95o\x9e\x8c"4\x11\x8a\x01\xaa\xe7oC\xf2\xba\xc1\xb9\xe1\xa0T\xa1\x86\xba\x82%\x94\\s\x80\xb1\xf5\xac\x10\x00\x00\x07\x0bIDAT+%\x97\xa8!D\xa3\xc0h\x8fPS\xdd\xae\xdb\xe9b1\x868:\xa1\x01\x8713Bt\x94:r\x0c\xadGa\x11\xe1{w9\xa7Pk-h\x99\xfd\xbd\xfd\xd9\xab\xd3\x0b.}\xfc\xf4\xc6\xe7\x17L\xff\xd9\xbe\xfc\xfdO#\xdf\x1a[\xe8$\x1fT/\xdd\nM\xb8\xea(l\t\x0e\x84A\xc58\xd7\x8cJ\xe3(\x1cb\x15\x9f\x81L\x0b\xdb\xd6\xc4.\xdd\x06\x99L\x92\x0e\x8a\x16\x99\x80b:iQ\xea\r\x0b\x82\xc0+}\xcb,Kh\x86Xht,\xa8\x02%\x87`t1\xd6\x07;{\'\xb3\xe9wg\x1e\x15\x92\xf9\xfe\x83\x7f]\xdb\xbaLP\xdb\x97\xdf\xbe\x18\xe9\x142\x915!\xad\x92!\xc2\xa9\x02\x82\x12!\x96\x86\x1c\xfah\xdc\xc6\x90F%e\xd8\xcb\xb9\x84vR\x12\x94m\xa3IB\\;\xb9\xe1v\xa0\x15\x89\xd4\x98z\xc9\x08\x84\xa0&lt;/\xf0}\x0c\xe7\x00I\xc5J\x93\x05,\x8a\x13\xecjh\x03\xb4I\xa2{\xe6\xe4\xf8dvr|\xd6\xf7\xc8_\xbe\x1f\xde\xbfJ\\\xdb\x97_\xbe\x18\xf9~D\xabvKe\xe7\\\x85\x86$Sg\x1c\x8b\x8c\x01\x0cT\t\x18\x0e\xacf\xe7\x8e\x84j\x92\x0ej\x03j\t\xbc\x82t\x0b;zK\xa5\xc7]*\x1d \x08\xca+\xbc&amp;\x18\x14E\x10\x14E\xe1\x95\x0c\xaf\xf8I\xc4X\xd7\x05\x1c2\x17jL\x0e\xa7\xb3\x93\xbd6X\xeb\xda\xd7\xd3w\xd7~\x8b;\x8e\x97\xe6\x88\xdc\x00?\xd4{\xf3\xe7oe\x18\xe6\\\x08\x85\xdewdfP\\\x82\xd2\x96\xe8\x07#D\xfd@\x84"\xca\x0b\xc9p\xad\xec\xca\xa6\x9a\xe6\x1dFX\x8de\xe9\xa4\x0c\x16\x85\x80T\x02Lq\xe9R\xe1]\xc21\x08\x1ao\x008\xaf\xd0\xb1|%\x94\xbdH5\xf3\xect:\xdb?*\xfb5qa\x90?\xfd\xf2\xf7W\x1e\x97u\xeb\x06\x9c\x8e\xe6\xcf_F\xb6\xe3\xd8\xb6\x12\x1c\xa6\xcas)\x10\xcd\xdc\xa8*\xf8]\xa11C\x9cAF\xe6\xc2\x85\xa2\'\xa1\xb8\xedh\xc4\xd5a,(\xf5\x98\x8c\xc4\x1ar|Id\x81W\x14\x83AP\x10\x96\x87\xd7\x06\xed\x85N\xa3\t\xbd\x08\x8fa\xff\xaa\x7f:\x9f\xcd\xce_\xf4Kl\xd25n\'\x1f\xdc\xdf\xd5/\xa8\x18;\x98\x7fx\x99\x88a\x18J\xc7\x11&lt;\xa7M\xd4Q\x99\x92\xd8\xb9\x9c^N\xc2\xd0A8R\n\xae\x14=\x84 \xb9\xa0\xa24\xf2\x0e\x18X\x14\x11\x0ek\xc8\xf4\xed\xa1\xb7\xb5D\x05!Y\x03\xf9\xca`@W\x8876\x08h\x1bkp\x0b9\n\x10`\xd3\'\xb8\xed\xa8\x19\xb5q\xe2\xb7B\xe9\xcd\xc4&lt;\x9f\x7f&lt;\x1c\xc3PB\xc3^\x10\x0e\xed\x9cn\x0bU\xe6\xc2\xe4\x0eV\x1a\x0c!\xa1@\xa1\\\x05-9]K\xd1\x1eJB2\xcc\xcdN\xe1y\xcc\xd2\x83\xf2\x13P\xd3\x909\x08\x93\xd0\x02\x0f$A\xd9\xb4z\x05x\xcf\x03\x9c\x195ed\xe1\xed\x1a\x016=\xdc\t\x02\x12\x8c\xf9\x84\xa7\xeb\xe6\xe4\xc5\xab\xf9\xc7\xc7\x16\x17\xf05\x07F.\x87p\xb1\x91e&lt;3h\xc6\x18\xb9\x83ze\xae\xc8\x04\x1e\x19\xc9\x04\x16\x95e\x99\x90@\x84b\x86\xd6\x19\xc07P\x83&gt;\x02\xf2&lt;u&amp;d\xd3[\xe9("\x90\xa2$\xd2\x00\x83\xa7\xd0\x03T\xb2\x81\x98~\xc4p\xa5\xd7\xc7\'oN\xf6\xeaQM\xce\xf7\xf1\x0c\xb7ON\xa7\xf3\xe9#\x17\xb7O\xae\x86~\xc3\xc8\xcb5\x15\xca\xa1\x82\xd1] \xd1\x0cT`J\x05@\x89\x88\xf3\x0cP"\x1bfm9\xdb\x1c\xeb\x90\xa9\x89\x0c%\xa3`h\xc1P\x08\x9aB$\x1e\xb0\xb0\xf1\x98^\x11x\x8c:\x01\x85DU\x1b\xab)\xbc\x08Q[\x1fN\xdf\xec\x1f\xe8;\x01\x06$\xd4\x82\xf7\'\xdfM\xe7\xaf\x9e\xb8\xb6\x16\xf2\xa1\xab\xe5PH\x0b+\xee*\x98L\xe1\x8bj\x90\x0f\xd6r!T\xb6\x90\x0b\\$\xda\xd0\xc5\x81\xc2\xe2M\xa5\xe5\x84EG\xd1\x1f\x80\x0eddx\xb2?\xe5&gt;\xc2\x03&amp;\x8f\xb1\xa5"dax\xb003\xc0_*\x9b\xa0(\xad\x96\xeb\xf4\x15\x19\x7f\x07\xfb\x84\xcf\xa0\xd6\xe4\xf0\xc3\xfc&lt;\x13\xc8\xc6\xd0\x18v\x85\xcd\xa1\x01\xf6q\xc1\xb1\x84j\x02w^y\x88l\xe5\xf42\x88\xf0h\x1bP\xb9\xee0\x15\xae\x8bN\xa4v\xd5\x96;KKK\x97\xe8\xa3=\x08\rd\x14\xf4\xd4\x9a\xe0\xb2\xb0g%\x18\x8eM\x84\xad"\xf0#\xb4-)W\x0c&lt;,h8L\xd6\x1c\xd1$\xc2\xe4F\x11\xd9\xe4\xf8\xc3\xfc\x80\x96p\r\xbb\x8c\xc2\x90\x17|(\x11Y\x0e\x17v\x98\x13\x9eF\xeb\r\xa4\x1a\n1\xc4\x93\xb4\x85\x02\xa2\x9bB+\x88Iwf\x99\xaa\xeeA\xad\xa5\xf6X&lt;-J\x1a,\nJ\xb2a\x92`\x18\x9aM\x8c\x89\x88 \xa1\xe5\xa6,\xa9I\x03\xd2\x8a\x16\xec\xa0\xbfw\xf2fzzFE\x9c\xec\xcd\xe7{\x93\x94C,Cj\x90k8\x04\x97+\xd1\x8eb\xc8\xc9d\x02\xbb\x83\xc1\xc5\x90\x0c~\xe1\xf9!\x94\xa2\n\xc2\xf1\xf8g\xe8J\xfb\xde?:_-\xa8\x96\xbe\xba\xf8\xf8?\xdc`\xc1\x86\x0c\xed\x9a&gt;\x9d\x02\xd6\xde\xa81\x12\xab(\x18\xa6%q\xe1eL"\xe22\xeb\x12qu\x1c%\xb1\xc2@\xc6\x88\xd12\xe4\xef0K\xb8\x86\r\xcf\xce\x12\xb4\x80\x06\xe3T\x8e \xa8\x85\xb7\xc0\x97\xb6P0\x16J\xfc\xbf\x9a\xcb\x1f\xa7q \x8c\xe2`\x1c\xcb;\x8e\tN\xd8\xc8\xe3)bY\xe2\n\xaef\xba\x9c#g\xc8%\xb8D\xca\x14KI\xbd\x91"Ql\xb5\xd2B\xbb\x14\x80"Q\xe6\x10\xfc\xde\xd8XN\xe3&amp;O\xef{\x7f\xbe\x8f\xe4p\xe5\xdd\x1e\xb6\xbeam\x8d\xd9nGhP\xa8\xb7\xd5L\xe7?B\x05MWU\xc7\xcc\xb4Q\xc4@\x93\xf8\xe9\xf8\x9f\xb9\xcat\xf7\xf1\xf2\xfa\xf0\xb6\xfb\xfb\xf9t~\xfe\xc5\xba\xe4\x86ZI\xed\x12\xba\xbc\xd7\xdf\xf1fM\xb9ZA\x17\xae\x04\xcc\xac\x1cd\x0fS\xcd,\x03\x9aP\xdd\x16\x08,\xbd?l.n\xfa&gt;Np\x1b\xc1D4\x03\xae\x916\xa3\x91&amp;p\xd4\x06\xb6/``Z\t\xb0\xad\xb4\xd2\xe6\x90F\'\x9c\xaa\x7f\xbf\xcf\x7f^^\xcf\xcf\xbb\x9c\x13\x18\x00\x942\xf7\xb0\xd7\xae\xe6\x1d\r\xc83\xc9|\xc1r MI[\x92=\x03l"Y\r\xe1\xa0UZV\xb8\xde\x1f\xd6h\xab7\xc3\x10\xe1J\xb8\xfaA\xfd7\xf1{\xf4\x019\xdaQE!n\xd7\xe0\xa1\x98*\x92.\x84N\xa8\xba\x84\xd85\xa7\xff\xefOb,\xccY\x1b3W\x13F\xa9\xb5\xce\xc3\x17\x8c)\xae\xe8\xc7\xd2M\xc9V\x17gG\x16DU\x89\xac\x99O\xa7\xa5\x0eYD7+6\xc7\xfd\xfa\xa2\xed\x8d\xf8\xfa\x16\xd5\xc8\x97\x19\xad)P\x94u\xa7(\xcd\x19\xdb&lt;i\x87\x11.\xba&lt;O\xaa\x05\xa8\xb0\x06\xc0\xfa\xd3\xdb\xc3\xe7\xc7.\xc9u\xd6\x81\xcb.\xad+\x9d\x15]\x10\x96r\xdap\t\x16\xceq\xb0d\ntW\xe0E\xef\x1bk\xe1\xcbi\x91\xa6-/\x05\xf7\xf2\xf1\xf8\xb8!\xe5\xf5\x8cN4\xad\x19\xf3b\xd0}\xd4~\xfcAV@GA\xa9;\xc0bsM\x16\xf9\x153M\x82\n\xd4\x84\xae\xa5\x0f\xac\xf6\x9e\xba\xb4\xcbl\x8a\xc9\xea\x88\xabv\x13\xbcx\xbb\xe2\xae\xc1\x9a\x84\x95\'\xaaJ\x07Qu\x9c!\xa53\xd1a$\x87\x16\xeb\xc3q\x7f\xff\x05p)\xc5\x13~C\x88\xd3\x00\x00\x00\x00IEND\xaeB`\x82'</t>
        </is>
      </c>
      <c r="M442" s="3" t="n">
        <v>45492.67612268519</v>
      </c>
    </row>
    <row r="443">
      <c r="A443" t="n">
        <v>1099163</v>
      </c>
      <c r="B443" t="n">
        <v>1958</v>
      </c>
      <c r="C443" t="inlineStr">
        <is>
          <t>Mateo Ponte</t>
        </is>
      </c>
      <c r="D443" t="inlineStr">
        <is>
          <t>Mateo Ponte</t>
        </is>
      </c>
      <c r="E443" t="inlineStr">
        <is>
          <t>LD</t>
        </is>
      </c>
      <c r="F443" t="inlineStr">
        <is>
          <t>LAT</t>
        </is>
      </c>
      <c r="G443" t="inlineStr">
        <is>
          <t>LD</t>
        </is>
      </c>
      <c r="H443" t="n">
        <v>183</v>
      </c>
      <c r="I443" t="n">
        <v>4</v>
      </c>
      <c r="J443" s="2" t="n">
        <v>37764</v>
      </c>
      <c r="K443" t="inlineStr">
        <is>
          <t>Right</t>
        </is>
      </c>
      <c r="L44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cc67493-a7b9-4143-8555-2bfb04ca41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/E\xb5\x00\x00\x00\tpHYs\x00\x00\x0e\xc4\x00\x00\x0e\xc4\x01\x95+\x0e\x1b\x00\x00\x03\x00PLTE\xff\xff\xff\xff\xf9\xf3\xfc\xf7\xf0\xff\xf8\xf2\xfe\xfb\xf3\xfe\xf7\xf0\xfd\xf9\xf2\xff\xfe\xfe\xfe\xfd\xf8\xfe\xfc\xf7;75\xfc\xf6\xef\xfd\xfc\xf5\xfe\xfd\xfa510\xff\xfc\xf5\xfd\xfa\xf4\xfd\xf6\xef\xf8\xf3\xec\xfc\xfb\xf7\xfe\xfd\xfd2/.\xfa\xf6\xef\xfb\xf4\xed&gt;:9\xf9\xf4\xed\xfd\xf9\xf4+(\'A&lt;:\xf0\xba\x96\xf6\xf1\xeb&gt;96753\xfa\xc6\xa4931\x1b\x19\x15\xf4\xef\xe8C?=\xf8\xc2\x9c\xf6\xf1\xe8\xf8\xbd\x98\xf0\xbc\x9a/-+\xf0\xeb\xe3.+)\xe3\xa7\x7f\xea\xb5\x8f\xfd\xce\xb1\xfd\xd4\xb8\x99lI\xfa\xc5\xa0\'%#\x9fqM\xde\xa5\x7f2-*\xfa\xf9\xf4\xf2\xed\xe6\xbe\x84^\xf5\xc2\xa2\xa5sN\xf4\xbb\x96\xe9\xad\x86\xfa\xc8\xa7\xe8\xb2\x8b$" \xf9\xf7\xf2I:.\xed\xb7\x92\xf1\xbf\xa03)$\xd2\x98s\xcd\x94n\xed\xe9\xe1\xe8\xa9\x82\xf1\xb4\x8e\xee\xab\x84\xb8\x81[\xff\xff\xfe\xdf\xa8\x84\xe3\xac\x85"\x1f\x1c\xf6\xf4\xf3\xabwR\xe5\xaf\x89\xabyW\xcd\x98w\xf6\xc5\xa5*"\x1d\xfb\xbe\xa1\xb1yR\xfc\xc1\xa5\xfd\xd0\xb5\xf6\xf3\xee\xc9\x90k,\'"\xdc\x99r7/*\xabsM\xd3\x9cw\xf4\xbf\x9clM9\xb4}V\xd9\xa2}\xf4\xb8\x91\xee\xb1\x89\xe9\xe6\xde\xfd\xcb\xae\xc1\x89d\xfc\xc5\xa9\xe4\xa1xbQC;-%=3,\xf9\xb8\x96\xd9\x9ey(\x1e\x17\xd5\x9fz\xda\xa5\x82\x1d\x1c\x1a\x91kRQC9\x90fI\xde\xa2{\xf9\xf8\xf7\xfd\xcb\xab!\x1a\x15B2\'\xd4\xd1\xce\xf2\xf1\xef\xde\x9fx\xe4\xe1\xdb\xbf\x8do\xe7\xe6\xe3\xfb\xb9\x9e\xe7\xa3{\xc9\x94r\xf8\xc4\xa1\xfb\xbd\x9cYK@GCB\xa3tS\xee\xec\xea\xbbzV\xc1}YlWG\xfa\xb1\x962%\x1b\x82`I\xc5\x8cg\x80X?\xf3\xad\x8c\xe1\x9cs\xc9\x85a\xf9\xf1\xeaO=1tU?\xae\xab\xa9\xeb\xa7~\xec\xb2\x8f\xaf}]\xc0\xbe\xbb\xeb\xb8\x96\xce\xcc\xca\xc5\x90p\xaejG\xe2\xaf\x90p_P\x9a^&gt;\xbb\xb8\xb5B6/Y&gt;-\xd4\xa0\x82\xd9\xd7\xd5\xe6\xbc\xa4\xf2\xb0\x95\xf6\xb5\x8f\xb5\xb2\xb0\x99pS\xa4lJ\xb5sQN3$tpn\x14\x13\x0f\x9bu^}zx\xa6\xa3\xa0\x90\x8e\x8c[XV\xfc\xd8\xbd\xd7\x92l\xbb\x88h\xee\xab\x8ddD/KGF\x86\x82\x80\xc7\xc4\xc2\xdb\xa9\x8bbJ9\x86o_OLK\x9c\x99\x98jgf\xfa\xca\xab\xce\x8dg\xa4a&gt;\xe9\xdc\xd4\x9dhGYF7&lt;&amp;\x1b\xb9\x8bp\x8c[&gt;\xa3~hygZ\xd1\xa8\x92\xa5yZ\xe8\xcc\xb3\x84hT\xc6\x9d\x86sB)a_]\x8c{oUQP\xde\xdd\xd9\xe5\xa8\x8b\xe1\xb4\x99\xc5\x96z\xf8\xec\xe4\xc6\xa5\x94Y7#\x7fO5\xf4\xb5\x9b\xf2\xa2\x92\xaf\x83j\x8eS1\xb4\x83f\xb6kK\xdc\xca\xbd\xb6\x94~\xe1\x94z\xeb\x97\x85\xc8p_\xfa\xe0\xc4\x91t_\xeb\xa4\x89\xd8\xbc\xa9\xd5\x84h\xf0\xd5\xc4\xf2\xe2\xd9\xe1\x87s\xb9\xa4\x95\xa0\x84r\xae\x8as\xcb\xb5\xa5\xa0\x8f\x82\xa4\x98\x8f\xb3T6\x81%Lj\x00\x00 \x00IDATx\xda\xcc\x97\xffS\x13\xf9\x19\xc7\xfd-3\x9d\xc1_L;\x9d\x1e\x8e\x87[3\xf1F\x04\x042\x83\x01M\xf7X(\xc1\x19\x03\x1el\x80v\xb3\xe8*\x8c\x92\xdd\x85h\xd8\x88\xbb\x10\xf9\xa2\xd9S\xc8%\xe6\xc8$\n\x1eJ A\xab`\x04\xaf\x8a\xcd\x01\xc9y`\t_\x82\r\\\xce\xca\x1ct\x90\x1e\xd7\x19\xea\\G\x14\xa6\x9f\xd8\x7f\xa1\x8b\xf7\xfc\x90I~{\xcd\xeby\x7f\x9e\xe7\xc9\x96-\xff\xc7\x12\x81\xda\xf23)\xd1\xff\n|\x11\xc7\xc4\xc4\x88\x7f\x16d\x80A\x0c*\xa6\xeew\xbf\xf9\xd5o\x7f\xff\x9f\xbf\xd6\xd66\xe4\x89\xdf\xb74\x11\x10$\xaekx^\xfb\xc3\xab\x1f~\xfa\xe9\xd5\xdb\xef\xa7\tsd\xa3\xb6\xaeF,\x8e\xda{o\xdd\xdbv~\xf8V\xf7\xc6P(\xb0\xf6\xe7\xf5\xb7o\xbf\x0c\x900o\xf6\x92\x1b\xc3\xcf\xeb\xde\x9b2\xa0\xea\x0f\xc3\x112\x12\xf13\x0f\x1f\x92\x9f~\xf8]d\xe8S\x86\xff.\x12\xf2\xb8"\x91\xf5\xe7\xa2\x9a\xbc\x9a\xf7\xc1%\xbe\xdc\xf1v-\x1c\x89\xacL{,;\xdd:\x08#WC.\x98w1\xa1\xd7\xeb\xc4\xc2\xea\xd5\xee\xeb\xb55\x9b\x0e\x15\xd3\xd0\xbd\x1erZW\xde~\xbf\xf2\xc6\xea\x87\x83;\xf5\x18l6\xbb\xcc.\x9auEBVg\x90s\xf3\xae\xbbu\x9b\xeaK$\xae\xeb\x88\x04y\xb7\x85Y{\xfd&amp;L\xf8\xcd\xa4\x03\xed\x87\x10\x0b\xed\x86y\x19\xc4Q(l\xb6\x92n\xd4\x1d\xdaL.\x91\xb8\xa6v#\xe4\xf1":\x14\xa1C$n\xe1H\x12\xd6\xf5\xab\xb6"8CA\xc9*\x95jO,\x0f\xc4\x05A\xfe\xaf\xe7mV\xf0\x81\xaan\x17\xc7ya\x0c\xb5\xa0{\x10\xa8\x9fE\x18\x9e\xc4!\x08\xc5e\xd4\x0e}2\x8e\xbbi\x14\xe19\xce\xc10\x81\xf5\xe1\x9am\xa2Mru\x95\xa7\x11\nW\xa9\x107\x8e \x08\r\xc3\x1c\x0c\xe3*\x88E\x11\x85"Y\x87R$\xa9S\xed\xa0Y\x88\xe3I\xfe\xfe\xf0\xad\x9aM\x10\x06\xa8\xee\xba\x80(D\xafOF-\x88\x8e&amp;I7E#(\x8a\xc9\xc0\'\x80\x83X\x16fP\x95\xe2\x03\xa8\x1f\xc2\x10\x0b\x13y}&gt;Fx,qL\xb7\xcb\xeffq\x04B\x15\xac\xc5\x8da4\x053\x0cM;`\x1a\xb7\xe80E?Ky\'P,\x19E\x15*\xa8_\x850dh\xa8v\x9bXhY\x977\\&lt;\xacCq\x14\x95\xed\xc1a7\xaa\xd2\xc1$C\xb9iD\x01\xc2\x85%\xb3:\xca\xe3\x99\xd0\xab0\n\xa6P\x85\x02\x02\x8f\x80b\x9e\xd4\t\x8d\x95w\x95\x0c\xc2(B\xd1\xb8l\xa7LF\xd3\x18\x8b\x90\xb0\x85b\xe8~0 \xdc\n\xbd\x1e\xc5)\x14tRE\xf3\x8cL\x91\xbc\'\x1a=\xd77\xdd\xc2\xce{QL\x87\xcb\x11\xa4i\x0e\xe6\xf9\x1d(h\x94\x0c\xb1\xc0\x1cG\xfaI\nq\xc4\xe2\xb8\x0e\x02t\xa8\x0c\x85 \x0c&lt;G\x05\xf8\xc1\xeah\x98w?\xb8,h\xeaEu\x1bp\xd0\xec\xe08\xb3\x83BX\xccM\x83\x9cs\xc1@ l&amp;\xc1D\x05\xafR\xc7"`0\xc0\x18\x8b\xc9\x00T?\x04\xba\t\xde,u\xff\xbc\x90X"\xf1-\xd7\x04\xc93\x8c\x99G\xfbY=\x0b\x930ea\x02\xab\xab\xaba\x17I\xf2\x0e\x8a\xa2i\x1e\x0c\x0f\xda-\xa3\xb1(\x95j\xebVl+\xbe\x07e\xba\x85\x0c\x978\xefK\xc6A:\xb8 \x89\xb0\xac.\x99\xb5\x98\to0\xb0:\xb0\x1aXuE\xf7\xa1\x99\x8f\xc5\xa3\xa3B\xcf\xeat\xbah\xc0\x14\x18\x06\xe9\xf1\x8f0j(OH\xac\x86\xfb`\x18\xf0$\xd8\x80P\xbf\x8e\xc2\xb8\x80\xd5\x17\x1eX[\x9b^\x0b8\xc9\xc0\x9b7\x81 GQ\x1c7A\xa1,(0\xc1 P:4\xd9\xcd\x90\x1d\x02R\x89kw\xe1n&gt;\x10p\xc1\xc0\xc6\x04\x0c\xc3\xab\xd3\xb6\xf0\xd2\xec\xca\xcc\na]\x99]\xaa&amp;\x16\x16|&gt;\xc2\n\x0e\n\xca\xc2\xbec\x82\x14\x08\x85bL\x88\x1f\x12\xee\xc6\x11o\x1b\xdeA1\xa1\x90\xd9\xccY(\xd8\xe3\xf3q\xe4\xb4\xcdP\x7f\xa3\xe7\xc5\xf2\xd2\xab\xdb\x93I\x8b\x8b\x8bS\x06\x83\xcdf\xf6\x93\xcc\xc4\xc4\x84E\xc7\x82E\xc4qn\x9a\x8f0\x0f\x1b\x84\xc3\xaa\xb9\x1e\xeb\x06\xc9fx\x07\xbc@\xd8\x16\xe7&lt;\x0e\xeb\x94a\xb2\xe0\xf4\xa9\x9e\xbf\xcd\xf4\xbd\xec\xeaz\xd9U\xd4\xfeI\x92\xcd\xe77\xbb\x08\x82X\xd0A:\n\x86A\x18y\x12\x8d\xed\x10p\xeft\xec\xc2wQ\x16\x98t\xf9}]\xa5Sss\x1ebq`\xe5F\xfd\xc8\x8b\xc7/_&gt;\xbdw\xef\xe6\xcd\xa2Ci\xf2\x97\x8bS}\xf2K\xbdV\xe0\xd4\xc2\x05\x83\x1e\x92\xf9E2\xf4\xc1\x13\xb1\x80\xd9\x8a\xc5\x10\x9cb\xccV\xdb\xe2\xd3\x96\xd2\xb9\xb9\xb9\xc5\xa9\xe9\xf6\xe3=\x9dc\xffl\xc9\xce\xfa\xf1G\x8d\xc6h\x1c\xb47\xdfk\xb6\xb7\xdc\x1b\xb7\xd9\x82\x0e\x8f\xd7C\x04a\xf8C=\xa4\xba_\'\xdc\xd8\xaa\xfd5\x8a\xd1n&gt;\x14\xb6v=\xb5\xb7D\xa9\xc6\xfbJ\x0bR\xb3\x8c\xe5\xe9w&gt;\xffwn||F\xbcV3hOK;U\xda\xb5\xe8\xf3.\x10&gt;\x9f\x93\xe0\xe8\x8f\xf4z\xf6\xdb\x06Am\xfd\x12C\xc8\xc0t\xca\xf8M{s\x97a|\xbc\xb4E\xd3\xa6,O\x97H\x1a?\xfbWSFFFN\xce\xd9\xb1+W\x8e\xcb\x93\xa6\x9c\x0b\x0b\x00\xdb`u:\x10=\xa4\x87\xbe~.h\xb6v\xa2\x16s\xb8\xb7\xbd\xd4no&gt;t%-\xadJ\x99~1n\x9fDj\xaa(\xfeL\xd9\xa6T\x96\x1f\x8e\xd7de\xa7\xf5M\xd9|\xbe\xc5qy\xa9&lt;\xc9\xe0\x07+\x12\xd2\xef\xea\x10\t\xf6\x12\xbbw\xd24J\xf9\t\xc3\xa1\xb1\xd6A\x8dF\xab\x89\x97J\xa5\x17\xe3\xe2\x8a\xd5\xfb\x0e\xc4\x99\xa4e\xca\xf2\x8c\xf8\x9c\xdc&amp;\xcdXZ~_W_QQ\xd1\xf1\xfc\x94^\x02\x01\xb2\xa0\xafo\t\xb8{d\x08\x8epA"\xe9\x94\xb1\xa9\xa9)\xb7I\xab\x94\x96IM\xc5\xc5\xc5\x12\x89\xe4X\xbaR\t\xa0\x00V\xee\xb5V\x10\xb01{Kss\x91\\\x9eDP,\xab\x87\xbe\x12\x10\xeb\t\x82\xe04\xec\xb3\x1e\xd2h\x9brsrs2\xcaL&amp;S\xa5Zm2I\xa5\x92\xb2\xf2\x8c\x8c\xf2;\x9f\xffEY\x9e\x9b\x03\x82?h\xb7\xa7\xb5\xe4\xbf\xc3\x8a.\xc8\xafn\x89\x84\xb3E\x83\x7f\x82\x1e\xeb\xe3*\xadV{\xedZSn\x99\xa4\xa2\xa2"Jej\xacT\x96)\x95\xe9RSe%\xe8\xe5\xc1\x9c\xd6\xc1\xb1\xb1wX\xf9I\x04\x87\xa2:\xf6\xdb\xcb\xc2\xd9\xba\n\x86\xb6\xc7:\x9fz\xf6\xacV\xdbt\xedZy\xfa\xbe\x8a\x93%\t\xc5ju#\xc0\xbaS&amp;\x95HL\x8d\x8d\xeaJ\xe5\xc7G\x8cUY\x17N\xa5\xb5\x80&amp;\x1a\x08\x0e\xc1P\xd5\xfd&lt;\xe1\x96\xcfU\xd8\xe1pN\xf6T5i[\xb5\xf1\x19\x07?\xde_Qq21q\xb4\x108\x8bj\x02\xadT\xab\xd5\x15\xea\xdd\xdb\x8f\xa4\x02\xae\xb4\xe6\xe6\xfc\x94\x14`\x0b\x07\xe7\xceP\x8cpX\xdd\x0e\xc6\xdf[P`lm\xd5\x183\xca\xb6o\xdf\x0fd=z\xf4(\xb1\xa4$a\xf4"@\xfa\xd3?\xd4\xc5\xe7\x0e\x14fff~1r\xe6\xcc\x1f\xd3\x8e\xcb\xc7\xfb\xe46/MS\x96!\xb1\x90XA\xe7r\xf6Q\xa3F\xd3\x9a\xd3v\xe6\xc2\xfc\xec\xec\xfc\xca\xca\xec\xcc\xed\xd1\x84\xc4\x92\xd1\x03 f\xc5\xa3\x07\xf6\x8f\xcc\xcc\xcf\xf7\xcc\x82\x9a\\n\xcf\x1f\x1f\x97\xa78\xc1\xb9?\xf1@,\xd8\xee\xa9\xb9K\x9a\xad\x8f\xb3\xaa\x00VS\xc6\xb2\xcd\xe9t\x12&gt;\x8f\xc7\xd9;9S\x98\x08\x8c\x95$\x80\xca,X\x1a\xb0\x12&gt;\xc2\x0c\xcai\xf8D\x9e\x94"\xefu:\x1c\xd4\x83\x1a\xe1l\xdd5\xbb\xaa\xeb\x8f\x9eh\x1dl\xed\xe9]\xf0z\x16\xbc^pu\x11\xbdK\x93/J\xa2\\\t\xe7\xce\x8dv\xb6W\xdb\x08\x078\xb6\xa2\xe5\xb5]\xea\x1bO\x91W\x13\x0c\'\xdc\xaa\x06\xf7V8&lt;p#\xb5J\xd3Z`\xf3\x12\x03K\x93\x93\xf3\xf5\xf5\xf3\xf5\xf3g\xfe\xbe{\xb4$\xb1\xe4dEq\xdc\xb1\x91\xfa\xe5g\xbd\x86)Cu\x18lC\x8b\x85H\x19OJ\xb9d\r\xc2\xdf\x087 \xc4\xb5\xab\xd5\xcf.T\x19\x8dg\x9f\xd9\x96fn\x17\x16\x1e8\'I/\xcf9\xdc\xd6\x06\xde\xe4\xc9\x84\xe2\xca\xf4c\x07S\xabN\x1f\xcd\xca\xd6\xc4w\xbe\xe8\xecY\xae\xf6s\xb6\x14\x80\x15\xf6{"\x02\x1e6\xe7\x07z\xdb\xa3X\'\xe6G2\xf7g\x16\x82\x92\xa4\xe7j\x8dFmN\x99I\x1d\xd7\xd8\x14\x7f\xf8tv\xf6\x15\xfbXV\xfc\x91\xbd{;GN\x14,\x85\x89\xea\xa4\xa4g\xd5\x84\x7f\xbdF0*\xf1\xf9g\xbdK\x05UgS\x0fw~\xb1\xfb\x98t{\xdb\xde\xbdG\xb2\xec\xf6AM\xab1\xe7\xce\x7fy5\xbf\xd04\xf73\x8e\x97],W\xbdY\xa5cc)t\x8c\xccR\xde\xda\x82/\xcc\xe8\x1bi\x1b^\x8f\xef\xfb\xc6\xac\xc67\xf8\xa7A4\xf5\x0f\xfe\xe1\xa0(\x12O\xc6\xe6DMX\x8e\xe2\x8e5\x86NC\xd0\x1ca!\x8aZ\x08\x875z.\xecM\xa2\xa5IH\xba\x841\x93\xb4\x8dM\xcdbv\xd2\xfc[\xcf\xe8\x1e{\xce\xcdv\xbd7\xbf\x1b\xf1\xee\xc3\xf7y~\xcf\xf3\xfd\xfaS\xae\xdcA\x10{\x84*\x04C\x85\x90\xc8n\xb7\xeb\x9dz\xdc\xfbf.\xc7\xe5\xcar\x8f\x1e|\xc5bf\xf9\xb4\xb5]\xba\xbf\x97\xcb-i\xdd\x08\xda{wj*\x81\x8ax\xc5I\xd7\xf2rZ\x13\x9b\x1f\xb7b#\x9c\xe1\xc1^\x91"\x9fJU4&lt;\xb3\x99\xa7S\xf0\xf0\x80\xf7\xed\xa4l\x8c+\x9b{\xf4\xe0O,\x163#\xe2\xd2\x8b\xb2\x99\x9b{\xeb\x00\xb1\x84\xed\t\x94\x97~\xf8\xe8\xeb;?\xfb\x14bF*\xa6\xb6\x92\x83\xc3\xc3\x83(/_IWdo\\O\xff\xfc\xf5\x03\xb0\xaeo\x8b&lt;\xd9\xf7Xg\xd5*\x13\xbf\x8f\xb4\xb5M\xec\x1f\x1d\x05?b\xf5M\t\xc8\xc5\xca\xc6\xabG_\xde\xf9\xc3\xa7O\xcf\xd6\xd21\x8f\x15\xd6v\x07\xa1\x0e\xe6\xd3\xbb\x9a7\xff\xfa\xcb\xcf\x7f\xfd\xc7\xe7w\x1e\xbfZ\xd6\xe8@-&gt;`=\xfab\xecm\x95\x81:\x02Vs\xdfz\xa4+\xda\xdd\xbd}\xed\x02R\r\x1d4\xb0\xe4z\xf8:?\x13k,\x1a\x11?i\xb3\x91\xea`\x05b\xd9\xfb\xbd\xbf\xddy\xfe\xf8\xe9_\x1f?\x7f\xb5\x9bR\xe8\xf8-\xac\x87\xbb\x95\x0f\xef&gt;c1\x80\xb5]\xdfG\xacf\xaf\xdd-\x11\n\xd8\x84\x1f,\x84Q\xd8\x87\xce\xc7B\xb1y\xd4\xe8\xb7\xc6[X!\xc0\xca\xd3\x9b[\x10b\xc7\n\xe9\xdd\xddtJ7)\xe5\xaf\xcd}\xb1\x9cO}\xa0\xaf0\x83\xd5\xf4\xeb\x07\xbcvDbd\x1bH2\x1a%\x04\x02"\x0eno\xde\xdd\x87\x8c[?\xaaU\xa8T\xd2\xd4\x00\xee\xc1qp[A\x85\xa2P\xe0Q2\xa9ln\xe8\x99L\xf3\xe1`\x9b\x11,("*\n\xc0|0\x12F\xa3\xcd\x965\x10\x98\xd8:\xeeAH\xf8\xf0\xc7\xc9p8\xaa\x86\x04[\x91F\x16\x17\x8f\xe6\xd5\xf3\x8b\x11\xf3@,\x14\n\x02\xd6\x8a\x8b;\x19\xfcpp\xfd\xff\xdf\\\x1f\xb1\x8cbQ\xd2\xe1A1#\x01\x16\x9em\xc8\x92`\x05\xc1\x95\x92\xe0\xeb\xc9h\x0b+\x98j4\n&lt;\xdc\xedny\x9f\xf9y\\d\xd6\xe9dck+9)\x05X\'\x8c`\x1db\xec\xf1\xc5$\xdcD\xb1\x91 \xd8J\xe5\xa8\x8d\x88F\xa3\x06[F\x0cN\xd5\xff\x1dV\xa3P\x80^\xb3#~\x8f5\xee\xb7z\xec"\x9eN*][\x99\xcb\x07)\x86\xb0&amp;v\x04Y+\x9e\xd4\xeb\xdd\x98\xd1HtX\x94\xbep\xeb\xd8|Y\xb1\x1fd+\xb5\xb0B\x8dF0\xb4\x08c\xdf:&gt;n\x8d\x8b\xddn\xc0\x92\xad\x81Z\xe9\x06/u\xb0\xdd\xc6\x04V\xa7/J\x94\x8b\x0eG\x0b\xcb\x00\xee\xd8g\xb3\xd9\x80\xcbg\xcb\xc6\xe3PC\x9f/j],\xa4\n&lt;5\xd2r\xfa\x90B\xac\x1e|\xc0L\xc9\xd6&amp;W\\\x95F\xa8\x91\xdc\xbe\xc8@\xcb\xdf~\x919\x1c\x9c\xf6\xd2z7\x02\x1d/W*A\xaf\x8f\xc7\xe6\x1f\x87\x12\xfa\x94\xca0\x89\x07a\xf5\x880\x92,E\xa3\xa4\x18q\xe3\x11\x9eB\xb6\xf6f%\x97J\x05\x83\xab\xf7\x99X?\x97\x8e\x9b\xa7\xd9\xa9$\x8d\xbaQ\xcc\xc0V\x9aT*\x93R\xde\xa2\x12\xab\xc7\xe1\x1a\xca!\xeeG\xdd&lt;M\xaaR\xb0\x1b\xb3 \xa4\x8d(I\xb4\x11J\n\x17qn,XI\x85\xf6&gt;c\x02\xab\xed8~:\x8e\xd1[N7*4\x8cZ8O\x9ep,r_8JZ\xfd\xd1l\xd8gQY\xc2a$R\x08\x85R\x05\x8fm\xd4\x06\xd11S\xd3\x0fP\n\xc0\xfaF\x16\xdc\xad\x84\xaa\x8c\x98\x88\x9ec\x8cP/\xd2^=\x0c.P\x0b"\x0f\x18\xbfp4n\x8dg@5\xb9\xea\x9f*\xb9\x0f\x8d\xc4\xec\xb0\x81\x82\x98\xcd\x07\x99\xf6;,\x19\x8c\xad\xc9\xcan\x8aw\xc2bdW\x1f\xf7]\xcb\xf8\xe9%\xad\x075\xdaF\xe5\xa6\'OL\xf2(I\x1e\xfa1\xc1T\xad\x96\xe9\xbfi\x92\x0b\x03\x14\xa5\xb5\xc7\xd2\x15Q\x06@\xe5\x99\x9a\xc3\x0c\xf3A6\xf7\xcddZCy?a\x04\xab\xe7Dxw\xa1C[\xa4=h\xc2`\x1bU\xaa8\xfd;\xd0\xdb;;\xb5\xf9FJ3\x90\x90\xfb2\xa2\xb1\xe5\x8de\x1d\xf4Q\xa44:\n\xdf1\x11\xd4\x106uN\xa1\xf3\x06W\xaf0\xa3\xd6\x0fg\xfbF\x04\xee"mE\xfa\x88\xec\xa8\xdcb\xf2\x95\xc4Q\x9fR\x9e\xd9?\xda\x9f\x8f\xe1\xb5\x84^\xfaz\xe3\xf5\x06\xb8\x063\x8eeGG\xd9%7$X)wmnH1`\x96\xee1\xf3\xac\xc8b\x1d\x93$\x06X\x1e\x98\x10\x84m\xf4\xaa%c\x15\xfb,J\xf9N\xa6t\x88\x89\xf1@`2\xfd\xec\xd9\xb3\xbc&amp;4\xa0u\x8b\xa3\xb02\xc5j3\xa5\xe0\x8f\xad\xb9\x86\n\xc1\xa0\x97\x99\x8e\x07/\xbf}#nHxi+\xac\x1f2+\xe8\x1aQ\x8b\xeev\xf6\x8ft\xdf(;\xf5Z\xbd\xde\x91\xa4\xa8I\xb0\xa2\xba\x90\x88v\xd8\xed\x98-\nXPC\xfeX\x8e\x9bJ\xa5\xd6\xaf\xb0z\x98\xc0\xeai\xbbt\xdc\xc7\x16l\xd1\x10u\xe2q11\x82+$\xdd\xfd\xd7\xaeM9i\x9a\x0e\xcc8k\x12-^\x043\x9a\x97\x16\x934\x8d\x8b\x90\xcc!\xce\xd3\xf0[X\xfcP\xb0\xf0\x8e\xa9\xa7\xe1\x1e\xd6\xe5\xe3\xee\xcdU\x1a\x96\nI\xc6m\x88&amp;9\xbd\xba9\xfd\xfd\x99*\x95J\x87\x12\xc8:\x00&amp;+\x06\x02\x81H\xe4\xb0\x84\xf3\xa4\xdc\x16\x96,\x96\\\xfd\x05\x83\x8fQ\x97._\xae\xceX\x11\x84 \x8d\xec\x185=\xbd\xb9\xb99\xd5\xde\xdd-Wr\x86\xa1\xc52\xa5\x12\xe2\x08D\x8a\x14\xe5\xf5.%\xcd"\xc2\x0eX\\\xbe\xec\xfd\xcb\xbd\xea=F\xdf\x85{z\xee\xaf\xba{\x85D\xd6(\x98\xd7NI\xa6\xbb\xa7\x84}\xa5Rf\xa7\xb33\\\xaf\x1f6\x9bj\x1c\x17\x89\xcc\xbcb\xb2\x98\x0c,\x12\x08O\x03Xk{\xf7.2\xfe\x86\xce\x9aE\xb1&gt;\x83A\xcc\xc6\xc4\xedz\xdd$/\xc4\x8b\x1d\xed\xef\xe3GG\xa7G\x07\xadS\x80!\xd6\x08\xea\xf8\xc9\x9aG\x80P\xd0[\x9a\xb5=\xc6_\xf6/\xf4\\8v"\xbd\x80e\xe8h\xbf\xdb\xee\xddx&lt;\xb4\xbe\xbeZ^]\x9dY]\x8d-y\x83T&gt;\x9d^~\xb8\xb1\xb1\xb1\x8c\x1ao\\\xd5*\xf2|\x19\x7f\x85\xa1\xd1\xf0\xdfj\x9d\xcc\x88\x8dB\x03\x91\xed\xea\x1a\xecZX\x7f=\xb7W\xbd\xbe}\xf2\xcb\x93+\xd7_T\xab\xef\xf6\xbe=;\xfb\xf7\x97\xbfy\xfe\x9af\x13\x9d\xfd\x03\x1a\xbeT\xca\xff\xc7\xe7\xe7\x80\xd5v\xbd\xdc\x8b\t\rl[\x17g\xc1tSU\x0bm\xcd\x9el\xdf\xbf\xf8\x83\xdb?\xde\x9e\x988\xd9\xae\xfe\xbdz\xf6\xe5\xab!g\x87\xc0\xd05Mi\xa42\xe9\xd8\xb7\xf7\x99\x99X\xffs\x1b\xdf\xe9%BC\x07{\xc4d2q8\x9c\xc4\xd1i\xbd&gt;{\\\xfd\xd5\x8f&amp;~2qR\xdd{9SH\xa7\xec\xed\xd7\x08C\x87H\xaa\xd0\xc9\xf8s\xbf=\x87?\xb3\xc0\x0e\xda\xa3\x9d\x12\x8c\xdd\xc1\xbe:\xbc`\xe2\xa8T;\xfb\xa7\xcdf=\x03\x13\xed\xdd\xect\xf3\xf4\xe0\xa0\xd1X\x94\x08\xfb0C/\xa5\x80\xdc\xc3}\xff{\xd6\xb9`U\xb7h\'\x02\xd9\xb5c\x81\xd3\xd2\xcb\xd4y\xd8\xac+\xe5\xe1\xd3\xd3\xe6\xfe\xfei\xeb&gt;\x1ei\x9d\x12\x8901\xa0\xa0t\xd2\xb1\xdc\xd9\xe7\xe7\x84\xb5\x9e\x9c\x91\x00W{?\xd4\x10\xc0n\xf6\xd7}*\x8e\xbc^\x0f\xd73u\xe0\x8a\xd03e\xa7D\xe8\xd0)\xc0?\xdc\x1a:\xfb\xddy`\xb5\xb1&gt;Y\xf7n9\xc0\xa1\x12\x83\xc3-*\xd5\xcd\'*\x13g\xc1Wo\xd6\xe1\xec\xdb\xcb\xad\x059#A\xcd\x1fK\xe8r\x9d\x9dK\xc7C\x8e-{\xbd\x01T\x8c\x11\x82.\xa0\x82\xc6\xff\xe8\x9f[\xbb\xe7\xb0Y+\x97\x9dZ\xda\xae\xd7;E:p\x0f\xb7\x86\xce\x0fkb3\xb9\xb4D\xbb\x11,1\x02E\xec\xea\xb2XL\x1cK\xa6\x96\x98.\x97\xcb\xd3\xd334\xd8\x1a\xbdS\xcb\x83\x89\xc5\x1f\x1a\x9as\xbd&lt;\x17\xac\x0b\x17n\xcf\xaa\x97\xde{q7\x8a\xb4wqL\x16%\x1c\x8b/S\x93@\xe5j5\x89\x1e\xa4\xb2\xeb\x1d\x11\x05\x9f\x9f\xe7\x82X\xb7^\xde;\x1f\xac\x9f\xce\x8ek\xdf.\x05\xb4\x0eT\xd8\x01R\x81?\x05\xb0\xc1L\xadVK\x18\x12Xo\xaf\x04\xd5\xebi\x8a\xcf\xe5ro\xe5\\\xaeg\xe7\x84\xd5\x06Xn(\xe3\x96\xd6\x8e\xde\xbd\xaa\xb4\x0c[ \xf8+\x95\xe0jJ%p\x16b\x0cC\xed\x81\xa2\x0c\xa8r9\xd7\xd0X\xfe\x1c\xb1\x10}\xf2\xcd\xd2V@\x8bN\xc9\x95]\xc3\x90q|\x80\x15-\x89\xc5\x98\x18Az\xff\xc3\xbb\xf9\xc5\xa6u\x9ea\\9\x81c3\xb0w8N\x0f\x03\xef\xa0\xb1Q\xfe\x04C\xeb?\x0c\x8c\xc1@ \x80=sp\xc0\x90Y2^\xe1\xd8\xd8\x96\x15u\xb2\xc0.\xc9\xb4:\x8eU\x90\xe2L\x93l_\xb8\x89\xec\x12\xcbZ\xe4\xa4R\xd3\xb9Z\x96Jn\x9a%k\x12)\xc9\xd6NQ\xa2hQ\xd6e\xd3\x14\xad7\xbd\xecn\xf6|x\xbb\xdb\xaa6\x8d\xf9$,\xae\xec\xdfy\xde\xe7}\xbe\xf7;\xe7\xd8\x1e\x9a$T\x1d\x17g\x16[\xbbj\x85\x15\x05V\x8f5L&amp;\xbdd\xb2\xc0\xbb\xc9\xcd\x87\xbf\xff8\xb8\xea\xc1xj\xb5\xda\xed\x82\x10\xee\\\xebh%\x15,\xb6vej\xa9V\xcf\x1bS\xe1\x12bb}\xbd\x90\x08\xb8\\\x1b\xc1\x97S\xfc\xea\xea\x07\x1f\xac\n\xd9d\x16M\xd8\x8a\x05\xb1\x8a\x1d\x99LW\xed\xb0\x8e\xa3TY0\x9d\xd8^\xdb^\x8f\xd9\x84\xf3o\xbf\x1c\xe4mBL\xd8\xb8\x96\\\x7f\xba\xb60\xb3X$`D\xac\xcc\xbb\x0f\xb4\xb5H\xf9\x1d\xb5\xc0\x95\x84X\xdbk\xc5\x99\xedl:|~c#f\xcf\x16\x92\xa5\xd2\xfaZqqqd\xf9bkU\xb0*\x96\xbe\xa6X\xb9R)\xb9~b\xe6\xf4\xe9\xdf\xac\r\x0cL\xe6\x97~\xd1y\xe2\xe9\xc0\xc0\xbd\xd3\xd7\xafo\xde]\x04Rk\xebBW\xad\xb1\xc6{zby\x1c\x06\x93\xeb\xf7F6G\xa0\xce\xbd\x85;]\x0b\xad\xc5\xe2\xc8\xd6\xd6\xd6\xe6\xe2\xc5\xd6;\x10\x0bT\xf1L\xd7\x03g\xad\xb0\x8ex\xc6\xc7\xc7c\x85,N9\xc9\xe4\xd3\xe5\'[[W\xae\x8f\xec&lt;#\xde\xfa\xc3\xd6H\x11A\xbaS\xc2\xc1\xc1x\xe6\xb3H\xad\xb0\x8ez\xc0\xe5\xb1\x1e\xcd\xe2&lt;\x9d\x84\xef\x8b\x7f\xbb\xf2\xe4\xc9\xe6\x95\xcd\xcd\xcd\'W\x96\x8b\x17;`v@\xc5\xe3q\x82\xf5\xc7\x89Za\x1d\xf7x\x03c\xbd\x1e\xab=\x8f8X?\xb1\xd4\xd9\x17\xbfs\xe7W\x1f\x7f\xbc\xbc\\,\xb6V\x95\xba\x88\xf3a|\x14s\xe0`\xe6\xe9\xed\xda\xa95&gt;\xe6\x1e\xeb\xf5\xc6\xec\xf9\xfc\xd4\xf9dz\xb2\xb3s\xb2\x0f\xca,t\xec4`k\x079L\x8f\x8e\xf6a&lt;\xedZ\xbb]\x8bY\x9e\xa4\xfc\xd1\x9e\xf1^\x93\x9b\x0f\xd8\x00\x96+\x14\xf2\xa1\xf0\xd2d\'\x18\x06\xe3\xe4\xc9\xf4\xc2\x02&gt;\xf1\xd1\xbeN\xac\xbe\xd1L\xc7?\x8f\xd5\x80+\x1au N{\xc7L\x06\xd1\x0c\xb0D,\xe1\xf5\n\xb9P\xba\n\x06\xb2\x01\xb2\xe2k}\x93d\x81k\xb0\xeb\xf7\xef\xcc\xee&gt;W4J\xbc5\xe66\xb5\x91\x97\xb6\xb0\xe5\x04x\xbe\x92\x88\x15r\xd9p8\x9d&amp;t\xdb\xc0\xeb\x9bL\x935\x89\xda\x8e\x8e|\xff\xcc\xa1\x1a\xd8\xcb\xff\xf6\xf1\xf11Q\x04V[Y\x0c\xd8x1\x18$\xba\xc50i\x91z\x96\xaaV[J\x92\x17\x0f\xd2\xc4r\xc5\xc3\xfb\xcf\x1c\xda\xf5{#Q\xee\xf1O&lt;\x01CYg0\xe8te&gt;\xc0\x07\xbbo\xb9D\xb3\x99\xe7E\xb3-&amp;\xe4\x92\xa5tg\xe7R)_\xc8M\xa1\xb4\x9d\x83\xf1{o\xfe\xe0\x85s\xbb,W]\xdd\xbe\xdb\xe7\x8f[\x03b[\xb9\xdc\xa6\xeb\xd6\x19x\xb3\xeb\x16\x99\xe8\xbbS.W\x90O$\x84|\xb24\xb9\x14N\xe6\x84B\x0er\x01km\xf1\xe0\xf4\xc3\xd9\xdd\xc6z\xf4E\xe8\x8d\x1e\x9b\x1b\x15\x04Kw\x9b\xc1\xe5\xea~\x89\xbc]C\xb0\xcc6[\xa2\x90M/\xa5CyA\xb0\xdb\xd1\t8*\x0e.\x1c\xf0\xbdxv\x97\xe5\x9a\xbd\xb4h=b\xf5\xf2&amp;h\x85SO\x9b\xe8\x02\xd7\xad\x9f\x91WHR.s\xa5\x92\x10\x80\x15\xce\xe6\x042\xd4\x87\xd2\x93\xa3\x03\x99\xae\xeb\xbe\xe6\xdf\xce\xee\xa2\xedQ\xc2s\x8d\xf7\xadGz\xbcn\x93\xa1\xad\xbb[\xa7k\x13\x83.W\x8a(E\x96\xb9\xb2A\xc2"]\x02\x16\xeaIr\xa3/\xfen\xe6\xf4\xe1\xe9K\xf3\x11\xed\xb1\xdd\xba\x05\xde \xf3_\xee_&lt;b\xf5\x04x\x93\xc9\xa0K\xe9t:\x03\xb0\x82(\xdf\xce\xaa$\ny\xe4D8\x1f\xf3&amp;b\xc2\xd1lx\xb2s4\x13_\x1e\xee\x7f\xffQd\xc22\xd4T\xf7\xdc\x07\xd5\xba\x86&amp;\x9a\x91\x0c]\xea_&gt;nM\xd8\x02&amp;\xe4C\x1b\xd4\x02Vp\x07\xab\xc2W V!WJ\xa7CB\x02X\xd6)`\xf5\x8dve\x80\xf5\xe1\xeb\x13X\xac\xe69\xffGY]\x83L\xa9\x02\xd6\xa9\xf7|#\xd9\x98\xa7\x97\xa8E\xa8\x80\x05"|*\xc8\xaeU\x14\xae\x90\r\xa7\xc3\x85\x84\x17\x1b\x93u\x8a&lt;}\x1d\xed\xfa\xf5r\xfb\xf4\xc9\xb3\x91\x89H$bq\x1e\xdb\x17\x8d&gt;?(\x8d\\\xa9RI\x18f\xf6\x92\xef@\xc9\xe3Y\x1d3\xb9\xabj\xe9\xca\x08,"\x95\xb9\x12\xb0\xa1\x0fc\x85d8\x94\x8bym\x01\xaf\x15X\xe1%\xb4bf\xc47\xfd\xd1\x05\x0b\x98,PL\xabiz&gt;g\x8e\xe8\xbe&amp;\x8e\x95K\x95R`\r]\xf5\xbd\xb2\xfd#O\xef\x98\x9b`\x95\x91\\\xa2\x9b`\x99\xf9*VL\xc8g\xb3\xb9\x98\x8d\xec\x96VRD\xb4\xe2h|sz\xfa\xfd9\x8b\xc5i4F,ss\x16\x96\xd6|\xf3M\xb2\xae\xae^\xa3ZQI\x81\xa5P\xecQ_no\x9e\x19\xf7\xf6\xba\x81e \x11\x81\xb0\'\\\x15\x9e\xe7\x03\x01\xaf \x14\nv\xa2U \x90\xb0\xdaw\xb0\xfa\xee\xfd|\xba\xff=\x8b\xde\xa2_Y\xb1X\xb4ss\xce\x15\xed\xd07\xec\xca\xba\x86\x06\x19\xadR\xc9\x95R\xa9\x9cV0\xb4\xe3F\xbb\xef\xba0\xd6k2\x91V$\\\xb0\x97H\xe4\x12\x11Z\x15\x1b\xe6\x89D\xc2\x1b\x08\xd8&lt;V\xc1\x9e\r\x85\xc8F4s\xd0\xe7\xbb\xac\xff\xd4\xc8\xaaT\xce\x88\xda9\x171\xaaX-\xa7\x91=\xf3\xfb\x07\x88\x04\x05M+Ur\x9aRJ)F\xe6\xa0\xeb\xdf\xfan\xfbO\xff\xe1\xeeu\x03K$\xa6G\x19\xcbHTWJ\x87\xf0\x82j6`\xa1\x9a\xab\x98]\xc9\xb0\x8f\x89"}\xda\xe7k?\xa3\xd6\x1b\xd5\x94\xf2S\x0b\xe7\x9f\x98sr\x94\xd1\xa9\x95k\x1a\x9e\xc9dQ\xb4\x9fF\xaa\xc2R\xee\xa1\x95J\xe9\x1e\x19#\xa9?u\xd3\xd7&lt;\xb2\xe1&amp;X\xc4]d_\xd4\x91\x80\xc7\xa6\xd8\x9dB\x9e\x12\xbd\x02;X92C,-\xf5\x1d\xf0\x1d\xfe\xf0\x02\xa7\xe5\xe4r\xb9&gt;\xa2U\xa8\'",%\xd7[\x8c\xac\xff\x19\xc0\xa2u\xf5\n\x88\xa4\x94\xabX\x95t/\xc5\xd1{)\x85B\xa2p\xdchn\x1e\xfe\xc2\xc4\x83\xcbP5\xbdNW\xd5\xaa\x1b?\x82U\xb5l6`\x8d{\x04\x82\x05\xae\xd0\xccp{\xff%N\xcd\xaa\x95R\xb51\xe2\xa4\x18\xe7\x84SN\xfb\x9d\x16\xbd\x96U;\xbe\xde\x83\x97h\x14\x9e\xe28\x8a\xa2 \x97\x14\xc6\xe2\xa8\xbd\x14\xa3\x908\xea/\x9clo\xbe[0\x88\xa2\xc9\xf4\x9fHu\x89\xa2\xe8\xc2&amp;\x94\xc2\xee\x13\xf0\x02\x0b`^\xc1^ X\xa1\xa9\xf5\xbb\xbe\xe1\xef\x9ds\xb0\x9cJI\x01\xcb\xc21\x9ceBO\xcb\xfcz\x8bS\xab\x1db\xfd_\xe3\xf5\x08@14\xa7\xe6h9\xf2\nvWR\x9c\\\xba\x87\x91(\x90\\W}\xfb\x87\xefW\xca\xa2\xe9\xbf\\e\x97\x19\xb3\x96Y\x14wjh\xb3\x91,\xb5\x17\n\xb9\\6\x9b\xcf}&gt;&lt;\xdc\xffp\x9ef\xd5*J\xce\x19#\x11\x96\x96p\x13\x13\x9c\x82Q[\xa0\x97\xd6\xa8\xd7\xfa\xbfb\xf4G\x1b\xd0s\x94\x8a\xe3\x94Jb,P\x01\x8b\x92R\x94D!\xa1\x1b\xce\x9e\x1cn~\xe53\x8c~U.`\xa5\xca\xa2\xdb\x8d\x80\xe0\x89\xdfc\xa4\x88\x81\x04\xc4BT\xd8\x0b\xd7\xfe\xf2\xa6\xaf\xd9w\xc3\xafR\x91K$XZJ\xc1\xe8\'\x9c4M\xb1\xa8#\xab\x07\x1a\xcb}\x85\x1c\xab\xdbW\xcfP\x14\x80\xfc\x14\xb4\x82XX(\xa2\x8a\xa2\x89\xb9\x18\xc7\xece_K\xfbk\x7f\x05\x97\xa1\x8a\x05k\x89\xc8\xacj\xc8c\xad\x92\xaf\xe4Ne\xc1.$\xae]\xbb?\xbc\xdfw\xf3\x11\xc9\x18\n\xd7f\x84Br\xa6ZFFB\xab\xe1{\xad^o\x04\x98\xa3\xe1\xcb7%\xb4\x1f\xa4B(\xa8\xe4\x0cq&lt;\xd4\x92+)\x8a\x83\xcfd\xb4B\xc1(\x14\xc7^\xff3\xfe\xd4/\x1f\xa7\\e\x03\xaah\xa8b\xf1\x84\xca\xe6\x85\xb3xl\x8e\x88U\x01G\xa2Db\xe3\x93W\xdb\xdb[\xde9\xc4r$aT+Fg\xc4\xa2\xa6h\x89\xda\x12Q\xd34\xa3vZ\x8c\xa8"Ji\xd4\xfa\x1b\xbed\xbc\xc0F\xd3\x04\x1c\x0e\xa2S~\n.\xe5Tr9\xc5\xf9gO\xf9\x19\xa6\xc9\xc1|[!\xd1\x1c:\xd3\xf8B\xe3\xc1\xfb\x8fS\xa96C\x19S\xaa+\x88\xb3Y\xa5\xc2W%\xab\xc0c\x15o,F\xac\x9f\xb0=x\xcd\xd72}s^\xcdAj9\x0c\xc1Z"NVN3\x0c\x0b\xefK4\x94&gt;\xe2\xd4\x02K\x0f8\xe7\xec\xffO~\x92T\x1a\x8aS\xabQ:\x9aC\x8er0\x95\xdf\x7f\xea\xec\xe5\x1b\xf3\x0e\x9a\xa65\n\x85\xac\xa9\xe9\xd4\xd5\x1f~\xab\xf1\xd5OR)\x940\x85\x90\x00\xd5\xce\xb2\x05@\x85\x0e \xd5\xb4\x81\xf4\xf1\x9f|\xfb}/\xfe\xee\x10KQ4:hE\xcdB-\xa3\x9c\xde\xc3P\xa4\x1bi\x862b\xa7\xd4\xb3\xc4aC\x96\x88\xf6\x7f{\x1f\xaeR\xd0\x1aZ\x0e,8\x1c\xc9\x00\xb18\x7f\xd3\xfc[W?j\xb99\xef\xc0\xaffd\xf5\xf52Y\xc3\x85\x87\x8d\xdfi&lt;\xf0\xaf\x97Rb\x1b\xd2T\'\xf2cD\xaa\n\x8eAb0\xd5]\xc6\xb91Q=\xa8}~\xb0\xa5\xa5\xe5\xc6\xac\x9f\xc35r4\xad\xf6;\x86\xc0\xf5o6\xce\'4n\xf4\x0c\xe3\x1eY\xd6\x8e\xbeQ&gt;+R$K#u\xa4\xa8#\x86\x95E\xc70 \r!\xb8#j\xc3\\\x16&lt;\x97-\xac\x073\x90\x93MHs2\x81\t\xd8\x04\x1f\xc2\x0e&gt;\xf5d\xf0\xc164\xd8\xe0\x82/.\xfewI\x0c\x99\xd8\x97^\xb2\x98\xc5\x89Y\xe8\xb5{0\x84\x1e\x96\xa5\xf4y\xc7\x0e\x81\xb6"\xc9IX\xbf\xef}\x9f\xf7y\x9f\x0fC\xd6\xee\xe6T\xd5n\xcek\x10\x8b\xb0V\xafhT\xaf\xb2\xad\x8d\xcf\x8f\xb7\xee|\xf3\x7f\x83\x1eT\x043&amp;%\x15\xc6\xd6\n`J\xaf\xd6\xf7{Il\x9c]}\xc6\xca\xcb\xf9t;\x0c\xdc\xe0\xef?\x9e\xdc\xa7u\xfd\xedK\\\xfc\xc1\xb5\xf9\x9b\xafqO\x9b\x9c|\x04\xc5\xffesj\xea\xfc\xe7\x9d\xb9\xa8v\xb0\x92\x99\x92(\x11W\xb6\xb4\xfe\x02vU\xb1\xd1EQ\x9b\x1f\x97r\xb9a\xb3&gt;\xaei\x10=)\xac&gt;?_\xee~\xf3\xbf\xa1\n\x96\x87\x993I\xe1B\xc1\xd6L\xbd{\xf5\xee\xd80\x0c\xc6\x82\xcb]\x9d\x8aOXy\x05\xd3\x18X\x8c=\xf9t=y\xbep\x0e\x83\xa0\xfc@]|Hw\xc7)\x18\xc5O\x9b\x0f\xaa?&lt;sx\xa3\xbf\x94\xc1\x86i\xec\x80\xb5\xcd&gt;\x1e6M\xad$\xa8\xd2H\xa1\x8eiT\x8bE\xe2*\xd14\xd6\xeb\xe5:\x92u\xf6\xd5\x7f\xab\xca\xd60\xc5P\xe7H\x01]4\x85ty\xe9\xa8\x1fE\xdc7,\x16\x1co\xa5\xe4\xf3\xa3r\x9e\xc8\xee\xad\x9cE\xeeN\xe7\xcf\x17\'\xd5j\x15\xf5\xf9\x82E\x9b{\xea\x0f\xbf\xdf|p\xfe\xd3\x93\xd80\xfc\xf5\x96 \xc9\x8a"\x98\x9a-e{~#9^_\xcd\xda\x924"h\xcd\xa6 \x00,\x1b\xaf\xdb\xdaZ\xa5\xd4.\xd5\x11\x14\x9b\xe3\xd9\x97F\xc2\x16\x06\xa3bf\x92@s\x08I\xb5VO\x8f\xfaN\xcc\xb9ep\x97\xb1\x8f[\x8a0&lt;2,\x0e\xca\x05\xd9o}\xec\xec\xb0\xa7\xbf\xfck\xb6Z]8\xa7\xfd\xf3\xf0\xe1#\xac\xc6\xe7\xb81N&gt;\xda\xfc\xddT\xf5\xe2\xfd\x1c\xe7\xd1\x11\x08\xc8V\x84\n\x02Dk\xddH\x82Zt\xb0\xb5\x9c\xe2;B\t\xaa\xc7\xd4\x17\xb5\xf1\xb2mk\x1au\x11\xb6\x06\x95\xc9_\xdd.\xc0{y\x0c\n\xf6\x8c)\x8c\x91\xfd\xb6\xb3\xd6\xca\xc6A\x8f\xfb\x8c\'\x9c9\xbeEX\xa8\xd6\xc8]U!\xd1\xeb\xa9\xde\xdd\xee\x19^\xf2\xf4\xc7\xeb\x89\x89Y\xb4\xf1\xc1\x83\x97\xdf}\xf7\xf8\xf9\xf3\x85\x05p}\xbd9u~\xf1K\'0\xe2\xfdUE\x14\xc5QD6\xad\xa2\t\xadC\'\xf1\xbc\xb8\xf1\xfa\xdd\xee\xb2\x9eei\x1dQ\x023* !j\xf4\x00\xa9\xd9,\x97\xebm\xfds\x033\xa8\x9c\x0c\xca,\xdc\x95\xb4lu\xe9p\xdfm\xc4a\xe8\xa3\x87\xdc\xb1,f\x11\x96t\xd7\x96\x06\xe5Ju=\xdfz\xd7y\xba3\xf7\xfd\xaf\x03\xae\x97(\xd4\xe3\xc7\x83\xdf]W\x9f\xdf\x9f\x9az&lt;\xfb\xb3\x970\xe7l\x17\xaa\x02\x96"\xd9\x95\xca\x9a\xb9|\xe4\x18\xae\xc7\x9dF\xed\xf8\xdd\xe9J\x96f\xcd\xa6i\xda\x92l"\xb4\x0e\xb8Je\xd4k\x1ch\x83\x06\xcaE\x01b\xc2\x04J\xa6\x06{ho\x1d\xf5\xe3\x9a\xc1&lt;\xcb\xe7q\xcc\x9d$\xb4,\xab\x7fJXc\xa6H\xdaB\xc9\xe0^G\xd3\x1d\xcb\x81\xecg\'\xaa\x93\xf7\xe9\xb7\x8a\xb3\x13@\x04\xd6\xb7\xf7\xcf\xff\xf1,\xf2\x9c\xe3\xad\xae\x8aG\xc9I\x92V\xaf\xac\xd9\xaboj\x89\xe7\x1a5\'vbw\x7f}i\xb5=\xdeF\xe2\x81\xdb7\xc75[\x03Z\xb9N\xd7\x90\xe68\x95*\xcd0zp*x\'\xc6\xd8Nw\xcf\x8c\x98\x86\x8fY\xbe\x11GQ\x83\xbbh\xe2\xeb\r`\x8d\x8c\xd9\x12|K\xc9+T\xb0\x95\x03\xc7\x0f\x92W\xe0\xaa.L&gt;^ (\xe2Z8\x9f&lt;\xf9\xe1{\xee\xcd\xf5O\xbb\xb8Z*\xe2\xa8(\x15*uM\xb3W\x0e\x08\x8b;3\x91\xcf\x9d\xc8=&gt;\xd8Xme\xf82vw\xb3L\xea"\xa3\xc04\xbehb\xdb \xec\r&lt;\xa1\x80\xbf\x19\x9a\x99\xbf:\xe3A\xc0\x82\xc0e&lt;\x8a\x938\xb6&lt;\x0f\xd5\x02\x960|\xd7\x16\xc0D\x7f\x94\xbc\x94]\x9d\xfd\x91Y\xc9+\x8c\xe3\xc2\xf9\xf9g\xac\x89\xea\xf9\xc4\xa7W\x06\x0b\xc2\xedL\xc7{\x08\x1d(\x16\xa9\xc7~qFX\xcc\x99\xa9q\x96\xd0\x8f\xef\xedo\xb4d\xa1\x9d\xc9\x98FS\x1b\xec\xa0r\x85nmC\xf7\x8ab\x96\x15\xb3A\xe2\x03\x17j\x9e_}\xe3\xf3\x801\xe6\xfaQ&lt;\x97\xc4\xcc\n\x98\xe7\xf672\x81\x12\x8e$\xd2\xa7h\x1a\xc5\xb4\xbbt\x1cs\xc6\xdf\xff\x156\xf1\xbcZ\xbd\xc5\x9a\x9d\xb8x\xc5\xad\xc4]o\xa5)\xac\x01\x97\x01\xa9PF\x0f\xd7\xec\x17\x97\x8d\xc8\x0b\xbdx\xa6a\x04\x0e\xf7\\\xcf\xe2\xee\xc1V\xab\x8d\x08Vj\x96\xccA\xc8)\xc3\xbd\x80\xa5\xb7%3\xc3\x1a\xa4\x8c\x80[\xb3\xa8Jz\xeb\xc8\xe7\x1e\xe3\xbe\xe5G\x8e\x93\xc0\x1d\x02/t_\x0f\xb0F\xc8\xe9\tK\x96eU\xd1\xbb\xa7\xfd\x98=\xed\xbc\xbd\x98\x80M\x0c\xb0NfON.\xde&gt;eIx\xb8\xac\xabx/O\xc5\xb2Q\x84\xb5\x8a\xbd{\xd90X\xe8\x19\x8d\xc58\x88#\xe6\xb1\xd0\xf5\x9c\xfeRZ\x12D\xa9L\xa2\xa7%T\xc6\xf2\x9e\x1f\xea\x96\x04\xac\x82l`\xecj\x1e\x83\x03\x7f;D}\x02\xee\xfb\x1cX1s\xf9\rV\n,i\xb0\x80\x14Q\x1e`)\xf9\xeeF/\t|\xe3-\xf5\xf1\xb6Z\xd7\x17\x1f\xfe\xc4|v\xd8\xa5N\xe35Q\x84\xe3\x94Kk\xc0Z:\xae\xa1w\xae_[t\x98\x11SC\xac\x90\x85\xdb:\x16\x80\x84\x1e\xdb\x04EO\xa9&gt;\xd4.\x9b\x88\xc2hb\x06\xdb\x93\x15 \xaa\xfa^\xc8\x19\xf3}\xdf\x88\x9cF\xecAe\x9e\x8b&amp;\xa6\x12\xb0\xb0\x7f\xd6o&amp;t\x00\x00\x07\x92IDATTYD\x19\xf2\xb2"KR\xaa\xef\xf5\xa0\xfb\xe9\x0fT\xafY\x1a\xc5\xeb\x7f\xbe\xed\xb0\xd8]/\xa6\n\r,\xa8D\xc9,\xd5K\xdaZ)[\xea\xd7"\x83A\\\x8b\x8d\xc0\x8f#\x9c\x1b\x029^\xba#ak\n\xc0\xd2J\xf5ri\xd0\xc9\xa1R\xc9\xc6\x02\xa0\x0e\xe2h\xa2\xac\xaa\xb9b\xfe\xb4OX\x8c\x1bF&lt;\xc31\x918!Uk\x80UT\x8b\xaa\xa4\xd2\xbe\xc6D*Y\xb7\xbb\x17\xce\xed\xf09\xf4q\x01`\x13\xd7\x9f\xdeO\xf3\xa8\xb7\xde\xd2\x95\x1b,\xb40g\x96\xeb\x9a\r\xac\xd3^-NXhE3\x8b0i\x1c\x8737\xb8\xbc\xca\x17Q\x0b\xecL\x04\x97[.m\xa8T\xb6\xd5b\x9aA\xeb\x08\xea\xa2L\xb18\xbf{\x19\xf9\xa8\x16\xb0\x9c\x9a\x17\xe0qCk\x80%\x15\xe9\x01\x96LL\xb2\xac\xa3\xfd\xed=\xb7\xc6|\xe8\xebd\xb6:q\xfd\xeb\x93\xe9 \xfe\xb8\xdd\xd2\x81\x05\xcf\xcd\x8b\xa2P\x18\x86\x8d\xa3ZZ\xb6aQ\xb5B\x977\x16\r\xcbq\xe0?\xcc\xe2\xfb+\xc5\xacH\x11\x07{F\xabP\x0b\xcb\xe5\x0cMDz\xcd2\xa8]%-\x03[RW\xcf\xa0(\x80\x19F\xc3\x08q$\xe6\x86\x1ea\rK\xd8\xf89:\x9bJXXB\xb2*\xa4m\xf4\x91\x05\xc4ur\xfd\xefg\x9d`\xfa\xf24KuzA\x91\xc5\x81\x18\t\x0bwB\x04\x08\'2\xfc0\xa4\xff\xf2\xc0\x8ak\x16K|\xd7?Z\xa65,\xa89x\xa6F\x16AK{\xa8]j\x13\x89L\xa2B\x0bin\x84\xec\x8d\x815\x88j\xc5\xd8;\xdc\x80k\xb9\xac\xb7\x9d)\x18\x0eI\xcc!(\xa2\xed\x83ra\xd6\xe44k\xed\x855\x8e\x14}q\xf1a\xa7\x13t\xf6\x97\xba:\xb5OQF\xa9V\x98\\`\x91\xa2\xbb{\xbe\x93`\xef\x87\xcc\xf9[\xcd\xe25\xcb\x8f\xb9\x17\xaew\x05\n\xc2\x12=\xe4\x11\x88\xf5fs\xa8\xddn\xa35\xb41Q-|\x90\xb0\x94C\x1f)\x8f\xfbq-\xb0 \x00+\xc4\x01Q\xad\x0c\xef\x14s\x84E% \xcd\xd3&lt;\nj\xb7\xb5\r.\xa3\xf3\xfe}\xd0\x89\x83\xa3\x15]\xd7Iy\xa3\xa2\x9a\x1b\x1e\xc3\xea\x07\x16\xb4\xa5\xb5q\x07 ,+\xf4\xa2\xdf\xd6\xfc\xa8\xe1\xfb\x8e\x11`\x15\xd8\xc0B\xf4\x14\xb0\xa3\xa0\xc2rY3\xe7\x81U\xca\x94\x0cf\x8a\xa8X,\x0e\x98\x05y\xa3\xc7\xbd\xc0`N\xcd\n|\x08\x1eX7M\xcc)_\xb0@\x84\xb5\r\x9bP\xb3\xb4\xbb\xd7\x8f\x8dx:\x08x\xef\xb0\xa5\x93\xa9\x81j\x14G\xbc\xc1\x92*H\xc6\xb6MX\x11\xb0z\xae1\xd3\xf0\x13x\x98\x13\'H\xbd\x12JE\xdb\x0fd\x02\xadE\xad\xfeb\x08\xa7XE\xac%TT\x8d\xda,\t\xfa\xd61\xb0\x12\x16#k\x11V\xaf\xe7\x06\xafOS\x80\xdfT\x8b\xbeG\xf6\x85)A\xc6\xc1v\xec\xde9\xed9^\xcfK.7\xba\x10\x1c\xe5\xfd&lt;\x96\x0e\xb6U\x01\xd7KE\xa2\xc0&gt;\xa6!n9H$V\xe8\xfa\x8dE\xe69\x0e\xa6\x91\x1f\xe0\x8e0B\xeb\x0f\xe1\xc5\xa6\x7f\xa1\xf9y`\x99\xed\xbd#\x8a\xdb\xc2-\x16~\x98\xb4\xb2ox&lt;\xf1\r\xb0\xf9\x8c\x85\xb7XH\xba\xaat[\xada\xbc(\x11\x95\x9e*R\xd6]\xde8\xe6\xa1o\x1d\xecvu`Q\x0bI\xedf\xe1?EX\xcdj\xf2Z\x14\xad\xd1\x86\xdb\xc4/\xe4\x87\x1c\x13\x13z\x82~\xa1\x103\x13\x92o\x983s\xa8s)\x9d\xf6\x05\x9c8h\x08\xce\xc4\x07(tP2\xf2\x82\x03\'B\xd5\x91vP\xfb\x0cE\x9f\xe5\xae\x1d\xef\xe5J\x10!\x12\x97{\xed\xbd\xd6\xda\xe7\xd6\xb8\xc2B\xacQ\xa9Zp~\x1aE\xf4|\xe4h^\x10\xf5\xedS\x9eB\xc7\xa1\r\x88{\x18ET\xcb$XX\x01\x8f\xf32ua?\xc4\x1f\xd6Ll\xf6\xf9N\xd3\xd0\x05\x1d\xa4\xc0@q@\xa2O1\x10\xf7\xff\xef\xad\xeaj4\xf3\x91\x95b7:\x1d`\x06\x87\xd3\x02\xba\xa0\x9324)\xbd\xc37n\rU\xbe\xc2zh\xb9\xa3-\x05\x92\x88\xe4&amp;\xeaRgiv\xd6y\x1b\x11U\xd5\x81N\x8b\xb9\xc0t/zEqc\x8a\xd9\xb7\xb7\x9e\x92S\xd7oo\x99q\x8b\xedW\x12[-&amp;T\x01`\x11(\x9fS\x96\x97\x1b\x8d\xaa\xfb\xea\x15\xa6:@\xea\x7f]\x96\x8b\xe9\xb4\xdc(\x9c\'\xe7enA4t\x1d\xac\xe2qM\xc0j\xd7[*\t\xb0\xf9\x80\xdeb\xa3\x138DsAo\xb4I\xd7\x0e\x90\x9e\x86\xca2\xa5\xbd\x06\xf6\xc4$S\xb8\x0f\xcc\x9d\xbd\x14\x97\xe2f,\xaf\xbe\xb2\x8f\x05\x9eC\x07\x91\xf4\x86\x94\x90\xbe;\xf87\x90;,=@\xc59\xff{_Z`Zo\x03\xd4\xf5U\x83\x90\x08\xeb\xf2\xbd\x9b-\xcfH\x03\xc9\xa6\x1cMi:\x9b\xa9\xb5X^\xc8\x0b\x98\x0bX\x8c\xd4\x04\xd9\x14,!\x9c\xfe\x07\xab3\xec\x82\xc2\xd8\xc9\x88(P\x8dYe\x86)\xc0`\xbe\xdd\xbc\xa0Zch\xef\xf0\xab\x14\x14!@\x9fj\xd4\rUJ\xcbp\x18(~\x94hP\x19\xa0r8\x16\xb2T\xe8\x12U\xabF\x88jh\x7f\xc8\xf0\xddj\x1fn\x0eZ\xa8\x05\xc7\xd9\x94\x84A\x97\xc4\xb48\xfe\xbc\xc09\x00K\xae\xab\xb0\x0f$\xf9\xd7\x07\x93!\x9cz6\xe1\xea@"\xbcn\xa6\xd9\x9e\xd3\xdf_t\xd7E\xef\xf4\x06."\xe6\x9f\xfbtuv\xde\xd1[P\x93\xd8\xb3\xb7\xe31\xc5\xf8\x16\x823`\xc9\xd6\xea\x9cAP\xbd\x08\x16\x0f\x069\xe2)\xf6D\xbd\x01\xf7\xa1\x06\xacI\x15,&amp;\xa7i\xf93\xf7\x15\xde\x99o\x17\xbf,\x04iK\x97G\xe5&amp;\xfb\x98\xc9m\x90\xe8\x8a+,\xbdE\x81XT\xb0b\x92\x88\xd0\x89\'\x13[y\xec`Yo\xba&amp;X\x1a\x0cZ\xaf-\xa9w\x9f\x9f&amp;\xc1z\x00X\xf9.\x8b\xb2\xfdET\xb0\x18\x1d\x1d\x19\xac]\x9c\x87\x01\xb7=z\x00\xa7j\xf9\xca\xcf\x0b&lt;\x91\xd6\xba\x1a\xd5\x8b.2\x84\xbbr\x1f\x1e\xe6\xda\xfesD\x90\x9a\rf\xe5\xef\xe78\xd9-\x18\x9d\x90\xb9R\r\xcf\x82\xad\xd1\x88\xb9b\xf1\xe1\xd9I\x04\n\x94PA\xe6\xf2\x82\xc4\xeb\xff\x14 \x11}\xfd\x0cX\x8c\xf5\xc6\xa5\xd3\x9d\x1c\x11\x03\xc5l3\xb4\xedh\x8b\xac\xaf\xaafK\xa5\xb3,(\xc4\xb7\xa7h\xb1\xa7\xa0\x14\xe8f\xe4\x1a\xe7{\x95\xa6r\x05\xabz\xc9dD\xd0\xae\xcfsx\x08\xe1kVJ\xf1\xaa!F\xcb\x83\xed?\x9d\xc6t[r\x19J\x0fX\x8dj\xf2+X\xc0U\xc1\xd2\xc0b\xd4\x89\xfbaI-/\xb3b\xe0\xbe\xaafo\xf11\xc9\xba\x1bd\xf9\xf4\xe5k\x88\x9d\xeb|\x11\xa0\xd1\x05\xacV\xdd\x90\xd8\xech+\xe0\x16\x91-\xe0\x1c-\x1a:\x9b\x02+FC\xaf\xac\xbe\xaaV\xbb\x01\xb7\xfb\xb5&gt;\xc0\x02\xfc\xc36\x87\xb8\xde5-\xb1&lt;\xf4C\xae\xbc\x8di2$\x93\xa1\xc0\xa4tWX\xb3\r,*I\x12\xb8\xb5\xa3\x81E\xaf\x93\xc4\xf6\xdb\x08!Pw\x8bg\x13\xb0\xc4Z\xcb\xb2\xee\xbc\xfcs#&gt;\xfd\xbe\x8dEd7\x1a3:\x034\x8c\xba*\xfd\x1e\x9cl\x8dV\xcd @\xb4\xe5h{\xffc\xa6_\'P\xba\xc2\xa2|#\xa7\xd3\xb79\xdd\xe4\xca)\xb7(^\xad\xb1\xd3\x86\xdcY\x0br\rT\x8b`\xd1\x84@\x96\xdc\xf6\x15\x16\xa4K\x03\xac(\xebfOOI\xbc[\xbcJm\xfd\xf7\xe5\x19\xdf\x10\x97\xf3\xd0\xebw\x83\xf7\xde\r\x00\xc6\xf8\xf1\xf8\xf0i\x8d\x19\x9d\x94\x02\x96\xfe\\\xa0;=\xce)\xd7\x82E\xd4\xc39\xceP)\xa9r\xf2\x7fa\xe1CszB\xef\xc1\x07\x14g\x9bO\xad\xf1\x9b\x1f\xc3\xabx\x88\x80\xadW$JFe\xb6\x12\x9dM\x89\xe2\xfb</t>
        </is>
      </c>
      <c r="M443" s="3" t="n">
        <v>45492.67814814814</v>
      </c>
    </row>
    <row r="444">
      <c r="A444" t="n">
        <v>1101061</v>
      </c>
      <c r="B444" t="n">
        <v>1962</v>
      </c>
      <c r="C444" t="inlineStr">
        <is>
          <t>Leo Naldi</t>
        </is>
      </c>
      <c r="D444" t="inlineStr">
        <is>
          <t>L. Naldi</t>
        </is>
      </c>
      <c r="E444" t="inlineStr">
        <is>
          <t>VOL</t>
        </is>
      </c>
      <c r="F444" t="inlineStr">
        <is>
          <t>VOL</t>
        </is>
      </c>
      <c r="G444" t="inlineStr">
        <is>
          <t>VOL/MC</t>
        </is>
      </c>
      <c r="H444" t="n">
        <v>177</v>
      </c>
      <c r="I444" t="n">
        <v>5</v>
      </c>
      <c r="J444" s="2" t="n">
        <v>37120</v>
      </c>
      <c r="K444" t="inlineStr">
        <is>
          <t>Right</t>
        </is>
      </c>
      <c r="L444" t="inlineStr">
        <is>
          <t>b'\xff\xd8\xff\xe0\x00\x10JFIF\x00\x01\x01\x01\x00`\x00`\x00\x00\xff\xe1\x00\xa2Exif\x00\x00MM\x00*\x00\x00\x00\x08\x00\x06\x01\x1a\x00\x05\x00\x00\x00\x01\x00\x00\x00V\x01\x1b\x00\x05\x00\x00\x00\x01\x00\x00\x00^\x01(\x00\x03\x00\x00\x00\x01\x00\x02\x00\x00\x011\x00\x02\x00\x00\x00\x11\x00\x00\x00f\x01;\x00\x02\x00\x00\x00\n\x00\x00\x00x\x82\x98\x00\x02\x00\x00\x00\x17\x00\x00\x00\x82\x00\x00\x00\x00\x00\x00\x00`\x00\x00\x00\x01\x00\x00\x00`\x00\x00\x00\x01paint.net 4.2.13\x00\x00ALVARO JR\x00\xc2\xa9AlvaroJr/Ponte Press\x00\x00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*\xc6Kk\xc2\xc1\xaf\xbem\xd8\xdbW\xf4\xcd:\xd2K\x86;\xdb+Y\x99\x9d\x1e\x9d\xa7A\xe4\xe0\x8c\x8fz\xbd\x0e\x9dj\x8b\x84\x81\x7f\x1a\xda1\xd2\xe4s;\x96\xa3\xb5\x81\x06\x16!\xf9T\xf1\xa2\xe7\x95\xaa\x11*\x05_\xbcx\xa9&amp;\xbc\xb5\xb5Ek\xbb\x84\x8fs\x05]\xed\x8d\xccz\x01\x9e\xf4l\x1a\x91O\xe2O\x0e\xe9\xc4\xfd\xbf\\\xb5\x83o\r\xe7\\*\xe3\xaf\xa9\xf6?\x91\xab\xb6\xb7\xd6\xb7\x89\xe7X\xdc,\xca8\xdd\x19\xc8\xed\xdf\xf1\x1f\x9dO&lt;\x1b\xb2a\xcb-\xcb!\xd7\x8f\x9a\x92\xec\xa9\xb5\x90g\xf8\rP\xa3\xf1\x1c\xdf\x810..H\x1f\xf2\xd0\xd7Y\x10`\xc4\xee\xfc+\x87\x01\xfc9z\xb3Z\x9d\tC\x11\xce*U\x93+\x9a\xee1]\x81_\'\x18\xa7n c4\x05\x87+=\x14\x12x\xe4~\x12\xd3\x85\xc2\xdcD\xbby\xc9\x1e\xb5=\xc6\x9d5\xa3y\xb6P\xfbt\xac\xe5\x1d46\xe6\xeek\xe9bSn\xbebb\xad\x82q\x81V\xb6\x13\xdc\x99\xa4\x8e5,\xed\xb4(\xcb3t\x02\xbc\x7f\xe2\xff\x00\xed\xcf\xf0S\xe1H{k]j\x1dj\xea8\xcbO\xf6\x1b\x94\xfb=\xb8\xdd\xb7\xf7\x93\x13\xb4\x12\xc4\r\xa3s{V\x18\x8cE&lt;=&gt;i?\xf8&amp;\xb4(T\xc4T\xe5\x8a\xff\x00\x80|\xbb\xf1\x9b\xfe\n\xa7\xe2\xcdB\xd5\x97\xc2\xbe$\x83J\xb2Y\xd2+\x8b\x9d3K\x13\xacn\x0f\xcf\x1f\x9b\'\xdfa\xdc\x85E\x1e\xa7\x1c\xf9\x0f\x8c\xbfk-s\xc4\xb7\x11\xeb\x9a\xbe\xb5\xaa\xf8\x8a\xd6\xf82\xc3$~.}\xd3\x00y\xc4y\xf9\xb2I\xc2\xa2\x05\xc1=\x88Q\xf2\xb8\xac\xcb\x13^Zh\x8f\xa6\xc2\xe5\x94i\xc2\xefV\x1e\x1c\xf0/\x80\xbe6X\\k\x9a^\x93\xa9\\\xbb@\xb1$WW\x91J\xb6\xac\xb1$\x862c\x88\x92H\xc3\xed\'\x01\xa4&lt;\xae\x1b5|_\xe1\x9d:\xd7G\xba\xd7 \xd5\xb5O\x07]C\n\xe6\xe2\x150Z\xcd#3+}\xd2\x9b\xdf{\xb0)\xb3\x00F\xe1\x8b}\xd1\xc7\xed\xabsZ\xe7g\xb0\xa6\xa3k\x19\x7f\x0b\xbfi\x0f\xdbO\xe0=\x89\xb5\xf8{\xf1\xcaY4{i\x19\x92\xc6\xeb\x17\xa1c\xc0\x92I|\x89\x03\x15;\x98nn\ti\x0e\x07j\xfa\x83\xf6\\\xff\x00\x82\xcb\xc7\xabj\xb0\xfc1\xfd\xac\xfc\x18\xfe\x1f\xbf\x91\xddW\xc4\xd6\xf0\x94\xb5pY\xd9\x0c\x91\x11\xba%\x0b\xe5\xae\xe0X\x12rB\xf7\xf609\xa5\xa5\xc97ty8\xcc\xb6&lt;\xbc\xf0Z\x9fh|9\xd5\xb4\xfdb\x13\xaai\x97i=\xb5\xd2,\xb6\xf3F\xd9Y\x11\x80*\xc0\xf7\x04s]\x9a\x92N{w\xafc/w\xa7/Vx5tj\xe4\xa0\xf7\x14\x02s\xc5w\x18\xc4\x95T\x91\x9c\xd3\xd7=3@\x0e\xce:\xff\x00:((\xf8\xd7\xc3\xdf\xb7\x97\xc3\xfd{\xc4Z\x87\x87\xac\xa2\x90\xb5\x8b\x05fXX\xe7\x9e\xbd;W5\xe2\x7f\xf8(n\xa1\xa6\xebR\xe8\xfa\x17\x80\xaf\xae\xbc\xb9\xe4\x88H\xb6\xed\x86+\xd0\x8c\xf5\x15\x1c\xdd\x8b\xd0\xf7\x1f\xd9\xf7\xe2\x8e\xbb\xf1G\xc1\xd1\xf8\x87]\xd0\xe6\xd3\xe5uV\xfb=\xc2\xe0\x8c\xd7?\xfbO\xfe\xdb\x1f\t\xbff\x1b\x08c\xf16\xa0\xd7Z\x94\xe1\x8c:m\xa9\xdd.\xd0\xa5\xb7\x10\x01\xda\x0e0\t\x1d\xf3\xc8\x06\xa2\xb5eB\x8b\x9c\xba\x0e\x8d\x19V\xa8\xa2\x8f\xce\xbf\xda\xab\xfe\n\xb7\xf1\x07\xe2\x8a\xdeizJ\xcd\x0e\x9b6a\x82\xc6\xc6\xe5\xe2]\xcc\xbf2\xb0C\xf3l\x0e\x14\x96#q\xc9U\x1c\x1a\xf9\xfe\xf3\xc6~?\xf8\xb6\xb1\xe8\xde0\xb8\x93P\xb1\x8e\xe9\xb6\xa2\xb3\xc1\x0c\x92\xb0\xca\xc7\xb3\x8d\xa5\x14\x10H\x18\x18\xcf\x03\xe6?\'Z\xa5LEGR\xa3\xf4G\xd5a\xe9S\xa3\x15\x08|\xcd\x8f\x01\xf8r\xff\x00\xc1\xf2\xc7\x1d\xa6\xae\xaa\xf6SK\xe5\xda\xc7\x0b\xb0\x90\x01\xe53)#\xe7\\\xa9\xc3\x1e\x08\xc7\xa9\x07k\xc3~\x1b\x9e\xc5\x9b@\xf0\xad\xd5\x9c\x8d\x0c\xe1\xa3\x9a\xebO\x8dd\xe43\xecV\x08L\x7f7P\x08\x0cNI\xc9\xcdrT\xb75\x8fJ\x9c}\xdfC\xab\xf0dWWz\\w\x9a\xce\xa77\x94\xba{[\xc9$ZzIq$\xc4\xf2\x91\x85\x08#\x19\xc6df&lt;\x8c\xf7"\xba]S\xc5\x1e8\x9a\xd2?\x0fx{\xc0\x1f\xdbQ\xc3b\xb6\x7fl\xb5\xb7\x92H\xc2\xf5\x1bD\x8c\xcb\x1b\x04&gt;Z\xedR\x15\xbc\xd6\xe7p\xaeg(\xa94\xb7:c\x87\x95Khm\xfc;\xf8/\xa8\xbd\xe4-\xa1\xf8^\xefE\xd5\xbe\xc2\r\xe6\x9b5\xb4\x85J\x19s\xe5\x19\x18\x8eJ\x8d\xc7h\x1d@\xfe\x0c\xd5o\x8d\x7f\xb3\xfd\xee\xf6\xf1t\x9e\x18X\xef.\x1b|\xf1\xa4L\xa8Yz\x83\xc8U9\xc8\x1b@\xc88 \xf5\xae\x17\x88q\xaa\xb5:\xde_7Oc\xa8\xfd\x8b\x7fm\xbf\x1e\xfe\xc9?\x10\xed&lt;\x13\xf1"\xda\xfa\xe3\xc0\xba\xb5\xc0I-n2_H%\xc2\x89\xa1;y\x8cn%\xd3\x9e\x84\x8ez\xfe\xb0\xe8\xf7\xf6Z\xde\x99o\xabiW\x91\xdcZ\xddB\xb2\xdb\xcf\x0b\x86Y\x11\x86C)\x1dA\x1c\x8a\xfb\xac\x8e\xbcka\xda\xb9\xf09\xc6\x16X|G\xa9t"\x8f\xbc\xc0P\x0c*~i\x97\xfe\xfa\xafh\xf1\xc9\x91~]\xeb\xc8=\xc5#\xcd\r\xb7\xcd9\xc5\x00\x86\x9d[N^\x03\x1a(+S\xe0\x8d\x17\xc7?\x0b\xf4\x03\xe7\x1f\ti\xd1\xde\xcc\xbc\xc8\xd1\xb24\x9cu\xdb\x8e\x7f\n\xe4~#\xfcU\xf0N\x83\xe3{\x0b}n\xd6\x1b{\xcb\x893k\x05\xd7\xee\x9al\x8eV5\xee\xd8\xf5\xebY\xf3X\xbb\x1e\xb3\xf1\x1f\xf6\xbe\xd0~\x12\xfe\xce\x9a\x8f\x8ct\xe4\xb5MIm\xd6\xdfJ\xf3\xa3\xf9Zw;Sr\xe4\x13\xb4\x9c\x95\xc8$\n\xfc\xc8\xf8\xb7?\x8d\xbe3\xf8\xb2\xe3\xc7\xde2\xf1$\xf7\x17R&gt;\xd8u\rb\xd0)h\xcccdP\xc2c\xdap1\xf3\x9e\xbc\x05\xc0\xc9&gt;Ng_\xf7\x91\xa6\xbdOW-\xa3\xbc\xfeFy\xf0\t\xd2\xaf&amp;\x8e\xd3L\x91lt\xbb\x8c\xcd\x1d\xd5\xb7\xcc\xdb\x92Q\xbeWBA\x19B[\x91\xd0\x7fw5\xbb\xa5hS\xdf\xe8\xf66\x1e\x1a\xd3\xa1e\xb1\x1el\xd7\xd7V\xe0N\xf7&amp;8\xf0?\x88\x1f\x98\x14\xe7\nB\xb1\xef\x81\xe1JG\xbfN\'o\xf0\xf3\xc0\x90Oq\x0f\x85\xf5}\x16\xfe\x19,\xff\x00{\x1d\xe6\x9a\xcb\xf2\x17]\xe4\x9d\xe3q\xeaT\x8c\xfd\xd4\xc0\xf7\xf6\xaf\x04~\xc5\xbe+\xd4\xb4\x16\xbb\xb5\x89\xf5K\x89\xbf{\xa6[\xb2\x9d\xd2\x7f\x08&amp;F\xc1\xc8\x1b\x8f\xcd\xce\x00\x1e\x95\xe5U\xad\xca\xcfg\r\x87\xe6\x8d\xbb\x9fR~\xcf\xdf\xf0LK\xdb\xe5\x8e\xf7\xe2\x0e\x94$\xb4u\x07\xc9\xb8\x8dW\xc9\xc8\x07`8\xce\xd0z\x04#\x1c\xfe?[|1\xfd\x8f\xfe\t\xfc+\xb3G\xd1\xfc\x1b\x1c\xb7j\x14\xf9\x92G\xbb\x04\x01\xd39\xf4\x15\x949\xaa]\xb5\xe8uU\xad\x1a\x1e\xe4\x1e\xbdM]S\xc2\x1aM\x84\xcd\xe4xv\xd1W?*5\xba\xfc\xa7\xf2\xaek\xc5\x9f\x0e\xbe\x1d\xf8\xc6\xc5\xf4\xcf\x13\xf8\x0fK\xbb\x85\xb3\xe6$\xd6\x8b\xc9\xfc\xba\xfb\xd7\xcdb%Z\x15\x9ag\xb5\x86j\xa4SR&lt;\x0f\xe3\xd7\xec!\xfb9|M\xf0\xbc\x9e\x14\xbe\xf07\xd8\xc7\xd9\xe4\x8e\xd6\xefO\x99\xe3\x9a\xddX\x1eU\xb3\xeex9\x04pEq\x7f\xb0]\xaf\xc4?\xd9\xab\xc0\xba\xd7\xec\xe9\xf1\xcf\xc5\xadq\x0f\x85us\xff\x00\x08\xae\xb5zv\xad\xe6\x970-\x12)$\xe4\xc6\xcb"\x95&lt;\xaeU~\xee\xd2~\xab\x841\xd3\xfa\xf3\xa37\xba\xfc\x8f\x9d\xe3L\xb6\x9f\xd4V"\x0bT\xd5\xfeg\xb9M\xf1\xc7\xe1U\xa0\xdds\xe3\xdb5\xc7\xfd6\x15B\xfb\xf6\x9f\xf8\x17d\x8c.&gt; \xd9\xe7\x1d|\xe1\xc5~\x95\xcd\x1e\xe7\xe5\xaa\x9c\x99\x95\xa6\xfe\xdf\x9f\xb3v\x9a\xf2\xe9\xda\x97\x8f\xac\xd5\xa3\xe7/p\xa3\xf1\xeb\\\xcf\x89\x7f\xe0\xa7\xbf\xb2\xb5\xac\xec\x92\xf8\xf6\xc9\x963\xda\xe1\x7f\xc6\xa7\xda-\x8aT\xd9\xca\xea\x1f\xf0W?\xd9&gt;\xc1\xf6\xc5\xe2\x8bi&gt;\x92\x03E/i\x13O\xab\xd4&gt;=\xfd\xbb\xfcW\xae|;\xfd\xa3\xbe\x16\xe9\x1a/\x88\xaemt\xeb\xfb\xe8\xd2\xfa3 \xc3/\x92\xc7\x04\xe3\xd8T\xdf\xb7W\xc24\xf8\xb7\xf1\xd7\xe1\xfd\xf7\x84nZ3c\xb6\xeei\x91\tv\x02\x122=99\xfe\x94\xfe)5\xe6I\x9b\xfbt\xd9Og/\x86\xfc\'\xafj\xef\xba\x0bp\x9eL\x0c&lt;\xdb\x9b\x80\xa8\xab)\xfe\x1f\xe2s\xc8\xe4\x06\xe9\xd4q\x0b\xad\xe8\x1e&gt;\xbc\xd3\xf4\xbf\x0f\xb4zf\x9e\xbbmmc\x9a6\x91KoTQ\x12\x0e\xbd\x18\xee\xe4\x82\xa0\xe7\x81\x9f\x9d\xcc\x1f\xfbK\xf2\xff\x00\x80}\x16_\x1f\xf6tv\xfe\x1f\xf8e}\xe3]+X\xd2\xee/\xedV\x1f!D\x11\xda\xbf\x9awym\x18\x80\xb0\x19e#\xe7l`a\xd9~P\xdbY\xdf\r?g\xddV\xca\xf4\xe8\xbe&amp;\xb4_\xdd\xb1\xf3\xa3U\x03f\xe6\xc6\xec\xfd\xec\x0c\xe7\x8e\x84\xf5\xe6\xbc)\xd4\xf7u&gt;\x82\x95\x1fv\xe9\x1fA|-\xf8\x07\xa1N\x8b\r\xd5\xb5\xa9Y&amp;Q3,?\xebLgj\x958\xce\x18no\xa0&lt;\x9cW\xda\xdf\x03\xfe\x1eh:f\x90WT\xbd\x92\xf2\x1f3u\xbc\x7ftG\xd3\xa3\x0e{\x01\xd7\xb7\xadyX\xc9\xf2\xab\x9e\xd6\x062i\xa4\xb5=\x9e\xdf\xc5\xb0A$Ry\x9f,g\x83px\x1e\x9f\xfe\xba\xdf_\x16iWP\xef\x8a\xdf\xcc\xe3\xee\xc4\xf8\xc9\xad\xf0x\xca|\xbc\xafS\x8f\x15\x97\xd5\xe6R\x8e\x9f\x91\xcbx\xc2\xfaY\xd1\xda\x1d1\xb7\x926\xee\x90\x1d\xbf\xadrW\x172|\xea\xe1\x95\xb6u\xf5\xaf\x130\x8b\x95V\xf9l}\x1eWN+\x0e\xae\xees\x9a\xd5\xb5\xcd\xdd\xb7\x9f\x05\xd8\xf36\xe7\xe6\xc75\xf2\xa7\xfc\x14O\xe0\xf7\x89\xbe.~\xcd\x9a\xe4&gt;\t\xbe\xbd\xb5\xf1\x06\x93j\xd7\xbaU\xdd\x9c\xa5%\x17\x11\x02\xc6!\xb7\xaa\xba\x82\x98\xe9\x92\xa7\xa8\xa9\xc9\xea\xfb\x0cu:\x89\xec\xd1\xbeq\x87\xfa\xd6[V\x95\xbe\xcb?\x14\'\xf8\xc9\xf1R\xe8\x95\xbd\xf8\x83\xac7fW\xd4$\xe3\xd8\xf3Q\x8f\x1ax\xa6\xe9\xb7^x\x96\xfeM\xdf\xf3\xd2\xf1\xcf\xf35\xfb*H\xfcN1W\xb5\x85\xfe\xd1\xb8\x94\xef\x9a\xed\xe4\xc8\xc7\xcd!$\xd5\x88\'\x0e~f\xfaQ\xca\x8dl^\xb3e+\xcbQN\xc5\xea~\x91\xfc~\xf8O\xa3\xfe\xd1\x9e\r\xb0\xf8\x93t\x98\xd6\xb4R\xa2\xd5wm\xd9"\xae\x00\xe3\xee\x8f_j\x9a\xf6\xef\xc2\x1e\x11\xf1\x7f\x86\xee\xfck\xab\xc5\xf6\xe9\x15c\xd3\xe1[\x86\xe3u\xbe\x18\xff\x00\xb4\xb9\x1d+ku&lt;\x93\xc3?o\xeb\x88\xb5\xff\x00\xda\x12\xd6\xfcM\'\xd8b\xd0\xa1+\x1a\xcb\xb5\x99\xe5q\xb4\x81\xbb\xb0\x1c\x91\xceJ\x8e\x0e\rbxc@\xf0\xbe\x9d\x15\x9e\xb4Zw\x9a\xd5\xa2\x8cZ\xddF\x02*\xa2\x13\xb5\x19Ob\xa3\x03\xb7\x1c\xe4\xe4|\xde9\xa8\xd6\x97\xa9\xf4\x99o\xf0\xd1\xe9\xbf\n\xfceee\x15\xe4W2#\'\xd8\xd8C\xe4\xdc\x04\xf2\xff\x00{\x13;q\xc1l\xf5\x04u\x0c:`\x1f\xa0\xa1\xf1\xaf\x81-\xa0\xd3o\xfc&lt;m\xeen!\xb7d\xd4!\x86 \xa6B\xe4a3\xdfkF=N\xd1\x9e\xa4\xd7\xcf\xe2"\x94\xae\x8f\xa6\xc3\xcbK3\xae\xd0\xb5\xa1\xe1\x9d)\xf5i\xad\x1avmNI&amp;\xfb;\x10\xa2\x05v\xc1P\xb8\x1bv\x926\xf4\xce?\xbd\x8a\xfa#\xe1G\xc4\xdd\n\xeb\xcb\xf0\xdd\xbd\xe9\xf9\x11\xcbm\x1f \x927(\xe1{\x80\x180\xfc\x0fz\xf1q\xd1n\x8bg\xb1\x84\xfe"H\xf4\x81\xac\xe9\xfa\x84,RVi\x062\xbbz\xd6\xef\x85,\xef]\xa3\x91\xac\x9a8\xd9~]\xcd\x9cs^f\x05Nut\xe8z\xb8\xabS\xc3\xfb\xddN\x8fS\xd3\xed,,\xda\xea\xee\xe5W\xe5\xcf\xd7\x8e\xb5\xe7~$\xf1\xdf\x81\xb4\x8b\xa5:\xae\xbfe\x0b;m\x8d&amp;\x99Q\x9b&lt;\x01\x83\xeak\xd5\xc7\xc6\x9d;+\xdd\x9c9d\xaaT\xbbZ\x14\xef\xb5\xdd"8\x85\xcd\xa9\x8c\xc7 \xda\xac+\x9b\xd7\xfcC\xe0\xcd:\xdaI\xf5\xfb\xabh\xad\xd6\x17\xdd4\x98UQ\xd4\xe4\x9e?:\xf3h\xd2\xe5\x95\xcfVuR\x8e\xa7\xe0\xbf\xfc\x14\xbb\xe0O\x80\xbe\x13~\xd0z\x87\x89\xfe\x0fjv\xf7^\x15\xf1\x15\xd4\x976\xe9m2\xc8\x96W\x05\x89\x96\x0c\xa9\xe0n\xcb(\xf4$\x0f\xbb_&gt;%\xca\xa9\xc0j\xfds\x01\x88\xfa\xc6\x12\x13\xf2?\x1b\xc7QX|d\xe0\xbb\xfe\x05\xd8\'-\xb4f\xafE)\x18"\xbb\x0cV\xc5\xfbk\x97\t\x9f\xcf\x14UXjG\xdd\x7f\x16&gt;\'x\xf3\xe0\'\xc6\x1f\x0f\xf8\x02T\xff\x00A\xf1~\xbev\x94\xdd\xc2\xc8\xa5\xbebz\xf0;T\xbf\xf0Q\x7f\x0f[h?\xb4W\xc1\xd9\xec\xe6u\xf3\xb5\xab`\xca\x1b\xe4Q\xe56\x06=)\xcbf\xbc\xd1\xe5\xa3\x8d\xfd\xbf|C\xe1\xcd\x17\xf6\x87\xbc\xd1,\xe3\x9d\xef$\xd2\xed\xe3\x17\x13O\x88\xe2_+s\x05\xf4\xda\xb8\xf7\x1bF9\xe4\xf9V\x8f\xad^\xea2Ae\xa7\xc9#,sy\xf3I\x1f1"\x82\xbbH\x1c\x13\x80;\xe0cp\xe9\x92|,doZW\xee}\x0e\x06V\xa6\x8fU\xf0g\x8b\x04\xb0\xea\x9a\xc6\x9b\x14\x869\xac\xe5\x8e\x1f\xb47Y\x18\xe0\xb6\xd0\xbfyX\x000zg\x8c\x82Oa\xa1|Em"\xe6\xce\xefM\xd4\xe2\xb4\xb8\xb5\xbe~\x14\x16\xfb@\xde2NI\xce\t#\xeb\x9008\x1e\x05h\xf3I\xa3\xe8hK\xddL\xf5\xfd+\xc5\xbe$\xf1.\x99o\xa8xu\xd9a\x8e\x1f.HF\xdf\xdd\xa67\x0f\xc5\xb7\x0ex\xe9\x9e\xf5\xec\x1f\x00\xa1\xf1\x9d\xee\xac\x9a\xad\xf7\xeem\xec\xe1x#\x8e8\xd7h;\x8b3\x16\xc6w9\xe7\x8e\xc7=\xeb\xc4\xc7Z4Ow/^\xd2\xb2\xb1\xef\x9e\x12\xb8\xd6Z\xfc_&gt;\xae\xb0\xdb\xa9\xc4\x83\xaekS\xe2\x97\xed\xa3\xf0\xc3\xe0\x8e\x81$7z\xed\xa5\xc5\xec1\x06\x91f\xbbX\xd2 z\x96c\xc0\xe3\x9c\x7fZ\xf1\xf0\x92\x959]\x1e\xee:\x9a\x95$\x9fC\xf3\xcb\xf6\xd4\xff\x00\x82\xc7x\xf3\xc7s]x;\xe0_\x8a\xc2\xda\xcd\xba9\xae\xa1B&lt;\xa5\x05\xb8F\x04e\x8f\xca|\xc08\xe89\xc9\xaf\x94|!\xf1\xd7\xe2\xd9\xf1\x1a\xf8\x9f\\\xf8\x8b}\xa8M\x1e\x0c?l\xbay\x186\xed\xd9\xcb\x1cg8\'\x03\xadw\xca\x12\xde{\xb3\x82\x8c\xb4\xb44G\xdf\xdf\xb0/\xc5\x0f\x8d\xdf\xb4\\\xf1xr\xe2;\x89\xa2\xb7\xb7H\xcd\xc31\xfb\xa0\xf3\xd7\x9c\xd7\x96\x7f\xc1Q~,\xf8\xff\x00\xe1\xb7\xc4I\xfe\x0cx\x8f\xc4w:e\x9f\xd8\xd6H\x92\xd5\x88iU\xcb\r\xde\xfd\x08\xf6\xe6\x9e\x16\x9a\x95u}\x89\xc6T\xe5\xc3\xb4\xb7\xfe\xb5&gt;\x03\xf8\xdf\xf0\xea\xf7\xe1\xff\x00\xc3\xc6\xd7\xa4\xd7\xae\xae-&lt;Au\x11\x86\xde\xf1Y6\xc8\xa4\xb0\x93np~P\xe3=\xb3\xf8\xd7\x8c@\xee\xdc{\xd7\xe9\x99b\x8a\xc2\xaeU\xa3?/\xcc\\\xbe\xb4\xd3\xdc\xd2\xb2c\xbb\x07\xd2\xae\xac\xaa\xa3\x01\xab\xd09\xd6\xc5\xabk\xacw\xa2\x82\x93&gt;\xfe\xfd\xb5\x17U\xf8\xb3\xf1;\xe1\xf7\x8d\xfc/\xa1\xca\xd0\xf8n\xf6)\xee6z*2\x90\x7f\x13[\x1f\xb47\x86&lt;_\xfbP\xf8\xd7\xc1\xbe0\xd2tO/\xfe\x11\x9b\xa8d]\xd9_\xde*\x15\xc7Oz\xf0q\x19\xb5Z\xd4\xe6\xa8G],}V\x1f\x84(\xe1\xebC\xebu\x15\xba\x9e\x07\xff\x00\x05(\xd0\xf5\x7f\x0c\xfe\xd0\xba&gt;\xb3\xe3\x1b\xcd\xad\xa8hp\x8c\xb4\x84\x15\x8f\x05\x18\xf4n\x01\r\xc0\x03\xe69\x19=8\x1f\x87\xda\xe3k\x93\xb4RY\xc7f\xc8\x922\xc4\xacw8|m\xeaz\xe1\x88\x19\xecs\xcf&amp;\xa6~\xd2TT\xa7\xbfS\xcb\xf6t\xa9\xe2\xa5N\x9b\xbcS\xb2=3I\xf0\xee\xa9\xe1\xeb\x88mo\xae|\x9bK\x7f\xddF@;C!\xda\xdd\xf1\xd4\xfdO\xe3^\x95\xe0o\x0e\xc1r\x82\xe2\xd0@\xb7Vs\x18V\x0e7\xc7\x1a\xb8m\xd9\xe3\x93\x96\xed\xc0\\s^MY^WG\xadF6Vg\xad|6\x86\xf4\xc8\xda\'\x9b\x0c\x7fi\x99\x16\xf1ZN\x04}\x88\xe0\xf3\x85\x1cp\x06q_[x\x1bG\xd6\xb4\x9d*8d+$\x12B\xaf\x01X\xf6\xb2.9\xdf\xd8\xf4\xe0\xf7\xaf\x98\xcd\xa4\xe3\x14\x8f\xac\xc8\xf9\\\x9b\xec\x86|@\xbe\xf1\x1e\x8da;io$\x92M\x11\xf2c\x8dH\xc3c\x1d\x87\xf5\xaf\xcf/\x8c\xdf\x03\xb5\xff\x00\x19x\xfemW\xe3\x85\xde\xa1a\xa0\xb5\xcb\xb4\x160\xc8|\xeb\x83\xb8\xb3`s\x81\x93\x92\xca\x920\xfe\xe9\xe81\xc0(\xa5\xcc\x95\xce\x8c\xc2\xa74\xb9\x0b\x9f\x15?k\x1f\xd8\xcb\xf6U\xf8]k\xe1\x9f\x87\xff\x00\xb3\xe5\xe7\x88\xb5\x8b\x8d\xb0\xb4\xf6\xb1\xc7\x02\x87`?\xd7O"4\xa4\x81\xfc@C\x9cc`"\xb9\xbf\xd8\xe7\xf6+\xf8\xa7\xfbb\xeb\xba\x87\x8b\xed\xbc\x07w\xe1\x9d,\\\xf9\x81\xaf\x01\x96\x12K\xb0\xda\xae\x0e\xee\xd9\xf9\x86pA\xe8A&gt;\xcc\xb0\xf2j5\x1f\xdd\xd7\xd4\xf1i\xe2Ty\xe3\xda\xda\xfa\x9f\xaa_\xb2\x1f\xec\x99\xa8\xfe\xca\xfatwZ,\xfb\xa7\xb8\x8c\x19\x95\x86F}\xbd\xaa\xaf\xfc\x14\xdf\xf6\x19\xb2\xfd\xb4~\x02\\x\x9f\xc0\xfa^\x93i\xf1#\xc3\xb0\xc9s\xe1\x8b\xcb\xfbp\xd1\x1b\x8d\x99\xf2\xa4\xcf\xfc\xb2\x90\x8c\x1c\xe4+mn\xdc\xe1\x85\xe5x\x99\xc1\xad7_\xaf\xde\x8e\x8a\xbc\xae\x8c\'\x1d\xda\xe5\x7f=\x9f\xc9\x9f\x84\xff\x00\xb4\xc6\xbd\xf1V\xd6\x18~\x1d\xfe\xd4\x9au\xbc&gt;"\xd0\xed]ma\xb4\xb1\x16M\x04\xc5\xf6:\xb4`b@\x0cc\x0cGN\x87\x0ck\xc2\xe0\x90\xb3t\xc5~\x83\x96\xc3\xd9\xe1TS\xba\xe9\xe8~m\x989K\x16\xf9\xbe.\xab\xcc\xbd\x14\xaa\x87&amp;\x9e.\xd9\x8e\x01\xff\x00\xeb\xd7\xa0sGk\x93\xc1r\xcaO&amp;\x8a\n?k&lt;W\xe1\xcd\t4\xc9\xa1]6\x18\xff\x00v\xcb#m\x1e\x99\xcd;\xe1\xce\xa5\xa3X,\x90\x0f/o\x99\xbb\xa0\xc0*\xb5\xcfJ\x8d\x1aiim\x0e\xcc^?\x15\x88\x93\xf7\x9b\xd4\xf9\xff\x00\xfe\x0bW\xf0\xc6/\x17|\x19\xf0\xff\x00\xc5\x9d\x13\xf7\x97^\x1d\xbch\xae\xa3\x8f\x9d\xb6\xb3`\xef\xeb\xd9\xd5s\xc1\xe0\xf6\xc7?\x02\xfc)\xf1\x06\xe5\x8d\xef\x8a\xaeo\x172G\x95h\xdf\x1c\x10\xde\xd9\xe9\xc7\xe1\xc0\x1cX\xcbJ\xfc\xa3\xc2\xc6\xa4%\x1e}.}o\xe1\xef\x86\x7f\x19\xfc}\xe0\xbb\x7f\x12\xf8{\xe1\xdf\x895-6\x19\x16K6\xb3\xd1n\x1a&amp;^\t&amp;UB\xa4dg\xaflg\xd3\xa5\xf0\x95\x9f\x88~\x1f46\x9e)\xd1\xef\xb4\xe9.\xaf\x01\x98\xdcX\xbcl\xc9\x8e9`\x0fS\xdb\xde\xbeJ\xb6"\x9a\xa9\xc8\x99\xf64\xf0U\x9d\x1fic\xdf\xfe\x0e\xe8^\x16\x9b\xc4\xd0\xdd[\xc3\x1c\x92,\xca\xab\x1eG\xcf\x1e~F\xfa`\x90~\x95\xf5\xf7\x854\x8bq\xa6C=\xfc\xad\xf2\xb1*\xa1\xb0\xa0\x1c\xf0=F+\xc1\xcd\xbd\xeb6{\xd9\x1a\xe5\x93]\xce\xef\xc1\x1e\r\xd15)\x87\x9d\x1aM\x11o\x95d\xc0\xc7\xe0k\xb8\xd7&gt;\x06\xf8\x03\xc4\x9e\x1b\x9fH&gt;\x16\xb5\xd9q\x01\x8efX\x94\xb3/\\g\x1c\xf3\xdb\xa6kL\x9e\x9f5)#\x9f8\xc4{&lt;B\xed\xd4\xf9\'\xe2\xd7\xfc\x12\x7f\xe1F\xbd\xaa\xbe\xa3u\xe3]J\xde\x1f=\xa4\xfb\nG\tQ\xec\tM\xcb\xf8\x1e1^\xb7\xfb,\xfc\x19\xf0\x87\xc0})t\x1d\x06vkp\xb8\x8e&amp;l\x93\xcf,Os\x9a\xdb\xebq\xa5[\x91\xb7}\x8d~\xae\xf18w4\xb4=\x9f\xc4\xda\xd6\x9bo\n8U]\xa3j\xa8\xeak\x13G\xf1\x05\x91\xbb\xfbN\xac\xc9\x0c\x08\xc0\xc9\xe7}\xd0\xbe\xb5\xac\xaaB8\xa4\xfa\'\xa9\x86\x1b\rQ\xe0\xdb\xeb\xd0\xfc\xd0\xff\x00\x83\x84?c\xdf\x87\x1f\x19&lt;\x0f7\xed;\xf0\x9fU\xb3o\x11xJ\xdd\x9bR\x8e\xdc\x8cj:\x7fW\x18\xfe\xfc\\\xb8=\xd7p\xe7\x8c~-\xdb^\x10F\xd1_s\x92VU\xb0\x8d\'\xf0\xb6\xbe]\x0f\x83\xe2,4\xb0\xd8\xe4\xe5\xa3\x94Sk\xce\xda\x97\x05\xc9\x93\xf8\xa9\xf1H\xd9\xdck\xd8&lt;X\xbft\x9d%\xf7\xa2\x81\xf33\xf4\x8b\xe2g\xed\x93\xaf\xdb_\\[\xc3f\xdeS!VP\xa3q\xe3\x15\xe7\xdag\xedK\xe3\x99\xe5kh\x11\x91$rKo\xf5\x18\xfeU\xf9\xbdn*\xadV\x8b\x94\x15\x8f\xdcp&lt;\x0b\x81\xa3\x8a\\\xce\xebC\xde\xbe\x11|4\xd7\xff\x00mO\x07\xea^\x12\xf1&gt;\xbe\xcbe%\x9c\xb6\xd2"\xb1\xe4\xb2\x10\x0b{\x0e\xbcb\xbeA\xfd\x8b~\x02\xe8zW\xed_\x07\xc2\xef\x8aZ4\xf7#\xc3\xda\x9d\xf7\xf6\xb6\x99"\xe1od\xb2Id\xf2\xb1\xc1\xdb#*\x8c`\xe5I\xe9\x90+\xd2\xcb\xeaV\x9eC,d\xa5w4\xdf\xa5\xb4G\xcc\xf1\'\xd5\x1f\x16R\xcb\xa9B\xd1\xa6\xe2\x9f\x9d\xdd\xd9\xf6=\x96\x81\xff\x00\x05.\xf8\xb9\xf0\xda_\xda\xbb\xc0\x7f\x15u+Y\xa3}\xdag\x82\xb4;\xd6\x86\xde\xc6\xd8}\xc8\xa3\xb5Q\xe5\xb8\x0b\x8e\x18\x16n\xf9\xae\xd3\xe1o\xedU\xe3\xdf\xdb\x17\xe1\xea\xfc\x06\xf8\xa5\xe0\xcb=g\xc5\xd6\xf7Ikugon#\x92\xder\x80\x999\xff\x00Vq\x96 \x9e9\x1d\xab\xe3a\x17\x19)\xb7\xab\xfc\xcf\xb5\xc6,=HJ\x9ccnW\xf8~\xa59&lt;\x07\xf1\x13\xf6P\xf1\x9a\xf8\x7f\xc5\xba+G#\x05{y.\x86\xe2#\xc88R8?Z\xf7\x8f\x87\x7f\x1dS\xc5\x16\xab\xb0:\xb7e\xff\x00&gt;\xf5\xb62\xf5\xa3s\xc9\xcb\xfd\x9d)i\xd4\xf5\x1f\x08\xfcc\x8e\xcaXb\xf3\xf6\xf6o\xaf\xe7]\x9d\xa7\xc7\xdbh\x99l\xa1\xd4Z6?\xf4\xd3\x02\xb8\xe8\xca\xad\x1db\xce\xbcF\x0f\x0f\x8a\x97\xbc\x8c\xbd\x7f\xc6\xd6:\xd0m\xda\xa3;?.\xdeg"\xb4\xbc\x1b\xa9E%\xbcm\x0337Un\xf5\x8d\xe5\xed\xf9\x99\xd9*q\x86\x17\xd9\xc7B\x8f\xed\x15\xf1?C\xf8\x1f\xe1u\xf8\x91\xe2\xef2\x1b9\x18G%\xc0\xe8\x8eG\xcb\xd7\x81\x9cb\xbf/\xff\x00l\x9f\xf8)\xe7\xed\x87\xfbG\xf8\xa6\xeb\xe1\x87\xec\xd9\xf0\xb2\xfa\xd7\xc1\xfaM\xb8{\xdf\x13=\x94\xcd\x1c\xd8\x1c\xaa\xb4`\x01\x8e\xf9l\x93\xdb\xbd}\x06\x0e\x9ckTj{Z\xfen\xd6\xd0\xf2\xe5\xcb\x0c\xbe5b\xae\xee\xd2\xf2\xf3f/\xec\xcd\xe2\xcf\x89?\x18\xbc\x1f\xe2\xbdg\xe2&gt;\xa1\xf6\x8f\x0e\xe9\xfa;\xd8M\x89\xb6\xa4\x97\x97\x11\x14*\x14\xb1b\x166bY\xb8\xcb\x007\x10q\xf9\x82O\xd9\xeeZ$9\xda\xe5s\xeb\x8a\xfb.\x1fJ1\xa9\x15\xb6\x87\xe6|QS\xdaT\xa7&amp;\xfb\xfe\x85\xe8X\xb7**Df\xc6s\xed_D|\xc4dL\x92\xb2\xf5\xa2\x82\xf9\x8f\xd3-\x07\xf6C\xb2\xf1U\xc1\xbc\xd7\xf5\xc0\xdf9\xdc\xb9\xc6F3\x9e+[\xc6?\xb2\xa7\x81\xbc5\xe1I&amp;\xf0\xf5\xb3Mx\xbft*\x9e\x0e:d\xd7\xe64\xf8z\x9cr\xf96\xef+?\xc8\xfe\x82\x97\x14r\xe6\xd0\xa5\x08\xda\x1c\xca\xef\xcbC\xd7\xbf\xe0\x98\xdae\xf6\x8c\xfa\x9e\x9b\xa9\xdb\xb4R\xac\xdf4m\xdb\x8a\xe6\xbf\xe0\xa6?\xb3\xcd\xe7\xc1/\x89\xfa?\xfc\x14\x87\xe1M\xa2\x9b\xaf\x0f_[\xff\x00\xc2s\xa6\xe1\x89\xbc\xb5\xe2\x1f=G#r\xa1\nG\x00\xa8\x07\x93\xc5}FC\x85\x95^\x15\x85\x19\xadl\xd7\xe6~i\xc6\x18\xd8\xd1\xf1\x02x\x98=9\xa2\xfeZ\x1fB\xfc\x08\xf1\'\x83|w\xf0\x82\xdfI\xf8?\xe3\xcb]6\xdb\xc6\x11\xad\xc6\x8b|\xd2lE\x97o\xcfm\x9c\xfc\x8e;\x03\xc9\xfa\xd7\x92\xfc=\xff\x00\x82q\xfe\xd5\xdf\xb1G\x8a\xee?h\x7f\x86\x8f\x0f\x885+\xdda\xee\x1a\xd6\xde3q,\xd1\xbb\xc8\\:\x11\x9c\xe1\xc88\xe7\x9c\x8a\xfc\xe6\x9d\x1a\x95=\xa4z\xad\x1f\x96\xa8\xfdC\x15\x8b\xc1\xd3\xa9\x05/\x86\xa2\xba}\x1ak\xbf\xc8\xf6\x8f\x8b?\x18\x1f\xf6\xa5\xf8K\xff\x00\x17C\xe1f\xa1\xe1\x1f\x14h\xf7B;X\xf5}:H\x96\xeb\x08\x0by,\xea\xbb\xc0\xc8\xc8\x1c\x83\xd7\xa8\xaf\'\xf8oh\xfa\x15\xf2\xc92\xc5\n\xf2\x92fM\xc7;\xb8 zWde)E\xc6[\x9e\x1b\xa1O\x0b%\x1an\xe9l\xcfTu\xb5\x96\t$\x8c\x06\xf9r\x1b\x1d=\rr&gt;#\xd45/3\x16\x17\xf23\x0c\x8c\xa9\xe9\xf8\xf7\xac\xe3\x13\xaf\xda8\xect\x9f\nl\xfcAu\xfb\xcdJ\xed\xe4\xdd\xcf\xcc\xe7\xa7j\xfaK\xe1o\x87\xd6\x1bT\x92p\x18\x81\x85\r\xcf\xebY\xfb/\xde"jb\x1f\xb1g\xa3x\xc3\xc1\xff\x00\x0f&lt;o\xe1;\x9f\x0bx\xff\x00@\xb1\xd54\x9b\xab\x7f.\xee\xc7P\x81d\x8aU\xf4*\xdc\x1f\xe9_(|D_\x84\xff\x00\x07u\x15\xf8o\xf0\xdb\xe1\x9e\x9b\xa7\xe8\xb7\x1bR\x184\x9b\x10\x14;\xb6\xd0\xcc\x07c\xd0\x12@&gt;\xd5\xee\xd7\xa9\x1atR\xa7\xb9\xf3\xb89\xd6|\xd0\x93\xf7_\xe6|e\xfbh~\xce\xfa7\xc2\x1f\x05\xaf\x8d\xfe\x1b\xd97\x87\xee\xbcauu\xa3j\xf0\xc5."Y\xa4\xc8Ivn\xf9q\x9c\x83\xd8\x9f^\xbf3h\xff\x00\xf0A?\xda\x92\xe5VK\x8f\x10\xd8*\xb0\xc8e\xb7f\x07\xe9\xcd}g\r\xde\xa5\t\xb7\xdd~G\xc3\xf1=\xe8\xe2!\x1f\'\xfa\x1dN\x8f\xff\x00\x06\xff\x00\xfe\xd02\xa8\xfbW\x8d\xad\x97?\xdd\xb3?\xfcUt\x1a\x7f\xfc\x1b\xd7\xf1ZL}\xb7\xe2J\x8f\xef\x05\xb5\x03\x1f\x99\xaf\xa5\xf6/\xb9\xf3*\xb3\x8e\xc6\xe5\xa7\xfc\x1b\xc3\xe2\xc7_\xf4\x9f\x89sg\xfd\x98\xd0\x7fJ(\xf6&gt;d\xfbi\x1d\xd5\x97\xc6\xcf\x04\xc3m\x9d%\xdaO/\x97U\x93\xbezU]C\xf6\xb8\xf0\x96\x9c\x9fg\x8bG\x12H;\x18\xcbn\xe7\xbek\xf3\x0cG\x13`\xf0t\xb9\xadt\xf6\xf9\x1f\xd1\x14x?\x17\x8f\xc4r9ZKW\xe8z\xef\xec\x07\xe3\xab?\x1d\xf8\x97U\xd5\xec\xed|\x9f\xde\xe3n\xd0;{W\xd3\xbe&lt;\xf0W\x87\xfe$\xf8/T\xf0\x0f\x8b,\x96\xebL\xd6,d\xb3\xbe\x81\xba&lt;N\xa5X~F\xbe\xd3\x86\xf1\x11\xc6d\xf4\xea\xa5e+\xbf\xc4\xfc\x87\x8e\xb0\xd2\xc1q5Z-\xdd\xc7\x95}\xc9\x1f\x94\xbf\x0b&lt;S\xe3\xbf\xf8\'\xc7\xed\x19\xe2\xaf\xd9C\xc6\x91\xc7\xaexf;\xbf&gt;\xd7M\xbcb#\xbc\xb3p\x1e\t\x91\x871M\xb4\x8f\x99pU\x81\x1e\xb9\xfb\xab\xe1\x0f\xed\xcd\xfb&lt;i\xefc\xe2\x0b\xdf\x8d~,\x12X\xe3\xc9\xf0\xcf\x88\xae?w\x18&lt;\x15\x12\xf0$\x03\xb0\xcek\xe1\xb3\xec\xb7\xd8\xe62\x9d5\xbe\xa7\xe8\x9c/\x9aG\x1d\x94\xaa\x15\xda\xd3D\xdfN\x9a\x1d\x97\xed\x11\xfbc\xfe\xc4&gt;%\xf0*\xdfx\xeb\xc6\xb1\xa6\xa5\x1cg\xfb#\xca\x95\xcb\xdb\xcey\x1bW\xdc\xf0Gq^+\xa5\xf8\xc3H\xf1\x06\xbfc\xa8Z\\\xaa\xdb2\x99$\xdb\x8c7\xfb \x9e\xbc\xd7\x99J\r]\xd8\xf4+Q\x95\x1bS\x93O\xb5\xbb\x1e\x8dk\xab\x1dCOi"\x91a\xca\xed\x11dnn3\xd7\xf1\xae3\xc4Z\xbe\xb7\xa7K#\xd9I\x1c\x92n\xcf\xcc\xdc\x10=\xc7N\xbe\xf5\xacl\xe4g\xef}\xc7\xa3\xfc.\xf1\xf5\x84Q\xa7\xda\x1e5i\x00fb\xd9\x1f\x815\xef\x9e\x0f\xf8\x85l\xf6Ca%P\x80}\xce:V\x12MN\xe1\x1eZ\x8a\xcc\xf0\xdf\xdb\x1b\xfe\n\x15i\xf0wO\xb8\xb2\xb1\xb9\xfb&lt;\xf1\xf9\xd1}\xa2r6E\xb1Aw\xc7p7\x01\xeeA\x1d\x8d|9a\xfbb~\xd6?\xb5\x7f\x88\xeet\xdf\xd9#\xe1\xbd\xf4\xf6\x92X\x8b;\xaf\x1aj\x92\xc5co(Gf&gt;\\\xd7,\xab\x8c\xb7\xf0\x16rz\x01^\xae_\x85\x96*\\\xf2z#\x8a\x9a\x8c\xb1*\x9cV\xcc\xe55\x9f\x81\xdf\xb5\xfe\x8f\xa5\x9b\xaf\x8e3i\x7f\xd9\xd6\xf7\x9eZ\xa4\x1e%\xfbt\x924\x8c\xa5\xa5@\xa3h\x00\x959\'q\xdax\xee\x7f`&lt;1\xa7&amp;\x97\xe1\xbd?L\x0c\xcc-\xec\xe3\x8831$\xedP9=\xcf\x15\xf7\x99*\xa3\x1arT\xfaY~g\xc4q\xde\x1e\xae\x1f1\x8a\x9fU\x7f\xc9\x1a\t\x81\xc6)\xcaB\xf1^\xd5\xcf\x84\xe5D\x8a\xd8\xebE\x01\xca\x8f\xc5\xff\x00\x857\x8b\xa75\xdcw\x96?\xc1\xff\x00-8\xc5e\xc5\xe1o\x11x\xdb\xc4\x13[xoD\x9a\xe0\xbc\xbc\x08\xd3\xa7&gt;\xb5\xfc\xfbZ\x84\xf1\xd96\x1b\rN\x0f\x9e\xf2\xbf\xcc\xfe\xc3\xc3b\xa9\xe5\x9cA\x8c\xc6\xe2\'\xfb\xa7\x18\xdb\xb6\xc7\xdb\x1f\xf0O_\x81\xde4\xf8]os\xa9\xf8\xaa\xdf\xc9\xfbSn\x11\xfa\x0cW\xd5\x8a\xe0\x8e9\xaf\xda8w\x03S-\xc9\xe9a\xea|QZ\x9f\xcc\xbce\x9aQ\xce\xb8\x92\xbe.\x9f\xc3\'\xa7\xa5\x91\xf1\xa7\xfc\x15\xe3\xf6VO\x1e|4\x83\xf6\x98\xf0e\x8b\xb7\x89&lt;\x0e\x16K\xc5\x85\x0b5\xde\x9b\x9f\xde&amp;\x00$\x94\xce\xfc\xf0\x02\xef\xc9\xe0W\xc5\x96\xd7\xf6z\xf6\x85\x1c\xc5U\xa2\x92 \xde\xbc\x11^v}MS\xc4\xc2k\xa9\xe9\xf0\x9dg,=J}SM\x10x\x17\xe0\xd3x\xdf\xc4{4\x1f\x0f\xab\xc9\x19\xdd\xb9W\x81_D\xf8;\xc4\xb3\xf8^\xf2?\r\xea~d\x7</t>
        </is>
      </c>
      <c r="M444" s="3" t="n">
        <v>45492.67791666667</v>
      </c>
    </row>
    <row r="445">
      <c r="A445" t="n">
        <v>1102383</v>
      </c>
      <c r="B445" t="n">
        <v>49202</v>
      </c>
      <c r="C445" t="inlineStr">
        <is>
          <t>Rikelme</t>
        </is>
      </c>
      <c r="D445" t="inlineStr">
        <is>
          <t>Rikelme</t>
        </is>
      </c>
      <c r="E445" t="inlineStr">
        <is>
          <t>LE</t>
        </is>
      </c>
      <c r="F445" t="inlineStr">
        <is>
          <t>LAT</t>
        </is>
      </c>
      <c r="G445" t="inlineStr">
        <is>
          <t>LE</t>
        </is>
      </c>
      <c r="H445" t="n">
        <v>184</v>
      </c>
      <c r="I445" t="n">
        <v>20</v>
      </c>
      <c r="J445" s="2" t="n">
        <v>37817</v>
      </c>
      <c r="K445" t="inlineStr">
        <is>
          <t>Left</t>
        </is>
      </c>
      <c r="L44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8e96b4a2-8837-4af7-97f1-198210ba18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4\xbf\x00\xf2\x00\x00\x00&gt;tEXtComment\x00xr:d:DAEewil2SDw:3197,j:2859061571337059036,t:23090301\x03\xa6\xfc\x13\x00\x00\x00\tpHYs\x00\x00\x0e\xc4\x00\x00\x0e\xc4\x01\x95+\x0e\x1b\x00\x00\x03\x00PLTE\xff\xff\xff\xff\xf27\xff\xf6:\xfe\xe8+\x0f\x03\x0f\xff\xf56\x12\x06\x12\xfe\xfe\xfe\x0c\x01\r\xff\xf43\x16\n\x16\xfe\xf13\n\x00\n\xfd\xed3\x11\x7f\\\xfe\xf3;\xbf\x84\\\xfe\xee9\x13\x86a\xc4\x89c\xc0\x87b\xcb\x8cs\xb6z_\xfd\xe5.\xcf\x9au\xfe\xea0\xbb\x7fX\xbb\x7fd\xca\x91j\xca\x95o\xce\x96q\xfc\xe99\xca\x88o\xff\xf97\xb8wY\x14\x8be\x11zX\xb7{S\xaeqS\xc8\x8df\xbf\x80g\xc7\x87l\xc4\x84l\x17\x91i\x1a\x10\x1d\xc7\x95y\xd5\x9b\x85\xcf\x91y\xc1\x85h\xd1\xa2\x89\xc5\x90l\xd2\xa0{\xc1\x8fp\xb2wO\x0enO\xa7hG\xd0\x9cz\xc5\x8ch\xce\x9d\x845\x1d!\xd5\xa6\x8e\xd3\x99\x81\xfb\xe2)\xa2cH\xbb\x86i\xc8\x91p\xcf\x8eu\xc0\x8ck\xd6\xab\x98(\x15\x1e\xfe\xfa=\xc5\x89s\x0ceI\xa8gR\xfb\xfb\xfc\xadqJ\xb0uZ\xb1iO\xd4\xa3\x7f\xd6\xa1\x89\xcb\x9a\x7f\xfe\xef.\x9ahU\x0ftS\xa6nL\xbd\x86p\xb6~hB%&amp;\xcc\x96z\xa8p\\\xd1\xa6\x93\xc5\x96\x81\xd2\x93\x7f\x98`L"\x0e\x17\xfa\xe64\x90X@\xbez^vJD\xa2kY\xf7\xed&lt;R.)\xd2\x96|\x83SF\x9c]B\xf7\xe13\xd6\x9b\x8b\xcb\x8ez\xf6\xdb)\xeb\xdd&lt;qB5\x9cfB\xcc\xa1\x93\x0b]B\xb9wdY98\xc3\x8fx%\x1b(\x90aV\xbd\x8d\x81g&gt;5\xb5q\\\xdc\xa5\x8b\x8e\\K\x8cV6\x1b\x95n\x95^&lt;6,7\x85P8}J5\xde\xa8\x92aBG\xf4\xe5?/#0\xc3\x80d\xa2\x92L\xb0j[\xaftc\xd8\xa0\x91\xb8pS\xe4\xd6D\xd1\xc4J\xf7\xf7\xf9\xb6\x85x\xf3\xebI\xd9\xae\x9e\xb7\x83`\x85WP\xf3\xf3\xf5\xe3\xe0\xe6\xe9\xe5F\xeb\xd63\xfb\xf3DI13\xdb\xd09\xc3\xb5J\xd7\xd8\xdc\xab\x99:\x94nf\xd8\xa8\x83\xa0tk\xee\xed\xf2sTT\xb4\xa48\x8b\xaeP\x93\x85M\xc2\x99\x8d\xdc\xd1N\xc0\xc3\xc9\xc4\xa3\xa5\x1b\x81_\xb2\xbf:\xae_H\xb8\xa9K\xca\xba@\xab{l\xa0\x8c7k\x9aL\x90~-\x8b|A\xab|_\xa1\xbaP@7C\xea\xe9\xeb\xceu\x86~y]\xad\\bd4(6\x87R\xc5\xce?\xad\xa0X\xdd\xdfDlO?\xb4\xc8H\xa9\x80{fV\'Q\x8aI\xd5\xc26\x07Q7\xc1\xb17\xb6ek\xb2\x86mH@Q2wM\xb9\xb1\xb8\xcb\x9e\x8cTD(!}W\xa0\x94Y\xc4\xb9^\'\x87`td.}o9\xcf\xd9O\x81\xa2C\x96\x88b\xaaO9\xbfjt\xb5\x93\x96\xda\xc6\xce1xfvm|\xa3VWS\x9bX\x1eoY\x9e\x98\xa2\xb4\x92\x84\xe3\xd4\xdaV{^\xcf\xcf\xd6\x1fhJgao\x8b8G&gt;\x90_H\x81z\x82_`\x80}\x89XPa,N;\x96GQg\x8ak\x94\x91\x9e\xa3\xab\xb6\xd1\xa6\x83\xd9\xb5\xacUnK\xe5\xe4\xcd\xd3\xb6\xbd\xa4\xbe\xc2\x89\x87\x94\xd6\xd2\x9a\x85\xa7\xa4\xd8\xcdyx\x9c\x96d\x93\x8e\xa8\xba\x97b\x90\x1e\xcd\x00\x00 \x00IDATx\xda\xcc\x98Oh"i\x1a\xc6s\x90\xaaPx-\x0f\xebE\x84\x11\x95\xea\xc4Y\x1a\xc2Z\x1d\xcc8]H\\\xb3\t\xd2Z1\xfeAK\xaa\r\x11\xdc\x90RS\x8dM\'\xd9\xc2@\xa7A\xe959\x08Al\x0fM\x1a\x06\xbc\x04s\xc8%\xf4\xad%}\x1ff\xf0\x90\x19B\x0eI\x0e\t\rCn\xf3\xbe_U\xb2\xb0g\xed\x9e\xd7\xa4RX\x81\xfc\xf2&lt;\xcf\xf7~\xef\xe7\xd8\xd80\x8a\xa6\xe91x\xd1c\x7f\xa1\xa2\xff\xbf\xfe\x1aL\xc1\xda\xee\xfe\xd9\xd5`pusz\xb4[\x0b\x06\xbf5\x18\xda\xb6{ttpw\xb1\xc11\x0c\xc3q\xa5\xfe\xe0\xec\xf4\xf4\xe0(\xf8-5\x83?\xbd{puq]2\x99L\xd4Cq\\\xf5\xfav\xef\x9bIF\xd3\xb5\xf3\x9b\x8b\r\x86\xa2L\xf75n\xe01\xa5\xfe\xd5)\x92}\x03\xa8\xe0\xfe\x15X\x07P\x94i\x9c\x94\xcee\xe8\x06dg__2\x9a~wz\ry\xd2\xa5"Tf\x04\x1b\x87\x97\xcee2\x95\xae\xcf\xf6k_\x15\x8c\x0e\xee\r\xaa\x0c\xc50\xba@&amp;\xf3\xb8\xcef8\t7\x80E1\\\xeff\xbf\xf6\xf5\xbc\xa4k\x07\xfd\x12\xa3\xebd6\x9b\xe1\x87\xd9\xb0\xd1&lt;N\xb0\xcc\xf7\xba\x956\x06\xa7{\xbb_E2\xc8\xfa\xa9\x9e*\xd3\xbdF@\x80|h%\xbeI\x11@\xd4\x0c~\x8b\xeb\xdfA\xc3\xf8\nb\xd5n\xaa\xd0\xa5\x18\x12 =\xe8$P\x0f\x92\x91\xb7I\xdaL:\xd8\xc5\xed\xfe\xc8\xf5\xa2\t\x15\xe6\x8a2\xc4\x82o\\{\x86^D.\xd3\xc3\xeaDM\xa1\xcd\x1e\x8cX0:x\x80\xbd\x8aA\x19H\xb2H\x9a0\xe1&amp;\xddOb\x1eE\xfc\xd5\xbf\xe1\x9e\xe1\xfa\xe7#\xd5\x8b\xa6\xf7\xa01P\xba\x89\x90 36*b\xa1n\x1a\x89\xff\xbd\x8dz\x93\xa5t\xae\xb3\xbd\x11r\xd1\xbbW\x84\n\xf5\xa2Lz|\x10\xcb\xf4@5N\x96&amp;1\x97H\xa8\xb31\\\xe9\xea\x1d=\xc2`\x95\x08\x15\xa3\xf7\xccq\x1d\x8b\x88\x03~\x92E\x00XD(\x8a\xb4\xaf\x07\xcd\x98\xea\xc1\xa8|\xc4`q\xf7T\x86Nh\xa7\x1es\xbdq!\x96\xd9\x8cO\xefu\xa3\xf4\x0b\xd5\x1f\xd5z\xa4\xf7\xfb\x1c\xb1\x8f\xa1H\x92I/g\x18\xc6d\xec\x85\x86i\xd8b\xd1a\xb24\rg\xe1\x17\xb8\xc1\xeeH\xb0\xe8\xa3\x81A\xc5\x19B!VJ\x10\xf4\xe6\xca0),\xb85#\xad\xc1E,&amp;|T\x7f$\xa9\xa7kw%\xc6("\x0fI\xbe\xc0\xf3"\xcf\x0b\xc0\x83w\xcd\xa6(\xe0}J\x80\x97\xbe\x18\xee\x97\xa7\x89\xda8\x1f\x05Vp\xbf\xc7Q$\xf0\xc41\x94I\x00\x14Y\x95\n\xea\xb1\x0c\xa5(\xea\xc9\x89\xa4\xc2\x9d(\x8b\x00\x0b\x8fS\xc6\xd2 n\x96NG\xd0T\xe9\xdd\x1b\x8e\x81a\x86\xa3\xc6u\xef@\x1aEVN*I\x9f/\x99LVr\xe9\\\xae\x9c\x8d\xbd\x8e\x85+\x92Z\x008\xb1\xc9\xf3\xa0\x1b\xfe\x1b\xba\x8b\xcc`\xf8=\x82\xa6\x0f6(\xc3A\xf8\x99\xe2eEjT\x1a\x95p\xcc\xe1\x98s8^\xbcx\xb1\xb6f\x89F\x02n\xb73\x9aM\x86\x93\xd2\x89\xa2\xc8 X\ns\x87!\x83\x98\x8d\xa0G\xd0\xc1+r\x8e`8\x01\xbe\xf8\xa6z\x02\xda\x808\x16\x8b\xd5b\xb7d2N7T\x80\xcd\xe7\x03\x01\xb7\xd3\x1a\xb5\x80h\xb9\x82\x8c\xa9\x03.\\\x9b\x90y\xeel\xd8X4}\xd4\xe7`\x01r$\xe3\n0\x95\xb3\xaf\xa3\xd1h\xc4\t\xb5\xed\xdcv\xdb\x026\x17\x9b\x9f\x9c\x9cdm6\xb8\x0bX-!tS\x11\xf9\x14Y\x94\xb8S2w\xc3\xc7: C\x16(\xa5\x9c4*\xe0]\xc8\x02P\x91\x80\xcb\xe5\x02\x99\xb6].\xa0\xc9\x03V&gt;\x9fg\xfd6\x96\xf5X\xad\xa1p2\xb7\xa5\xca|\x8a26)\xeev\xf8Xg\xa4;pB3W\xc9&gt;\x8b\x85B/,k\xce\x088fsa\xd9\x00\x0b\x1cD\xb9P1\x96\xfd\xbb\xcbiw&lt;\xf3\xa57\xc1IF\xdf0\xa9\xde\xfe\xd0\x13\xff\xee\x82\xec\x86)1\x97\x0c\xcf:\x1cv\xbb\xddb\xc1&lt;\x19TX\xac\x9fe\t\x95\xdf\xcf\xfe`\xb39\xedo\xe6\xa6|\xaf\x80\x0bm\x04.\xa6\xbf7\xfc}\xa7\x87\xa3\x03\x88U\xf1\xcd\xce"\xd5wv\x82\xe5\xc6(\x01\x92\x81\xe5\xf7\xdfs\xb9\xb6\x11kj9\xbd\xa9\x82\x8d\xa3\xc2:\xef\xe1\x16\xcd\xf1j\xf2\x99C\x17\xcbnu\xeb\xab\x8f%Lz\x01\xd6s\xc4\xf2\xb3\xb6m\xfb\xdc?\xa7\xa6|\xcb/\x0b\xb2\xc0\x90Y\xe3\xfah$\x89g8N&lt;\t;\xe6\x00*c\xb1Z\x9dn\x8f\x8b\x00\xd9\xd0E\x02\x07W?Q\xcb\xefw\x03\x16\xa85\xb5\xfcj\xeb\x98O\xa1\x8b\xdc\xe0\xdd\xd0\xbb\xd6m\x89\x83\xe2\x9b\'\xc9\xd99;0Ay\xd0A\x94\xe8&gt;\xf5xA\xbd\x90\xca\xe6\xca\xbcA\x13}\xcb\x90.1\x85#Yo\xe8{"\xbd{\xc7a\'\xe5e\t\xda:,B\xa0\x82~\xe5v\xb9\x02\x86{\xac\xcd\xc8\xbd\xae\x15\xeb\xda\x06,\x9d\x0b\\$j\xf5\xf6\x87\x8eut\x01Z\t%^id\xa1cAo\xb0\x92&gt;\xeaF\x85~`\'\x17\xf5\xae\x008F\xb6\x10\x0b"O\xb0\xd2[\xb2@\x91\xfe0\xech\x8d\xed\xf7 X\x02/j\xe1\xd8\xa1n\xa1\xd5\xe3\xf1l{\\\x81\x7f\x80@\x8b\x8b\xcf\xa7\xa7\xa7\x9f\x1b\x85r\xd9\xdc\xdb\x99\xccw\xc05\x07\xe1\xdaTx\x1c\x85\x86\x8fE\x9fWQ,\xb1)\x85\x0f\x0f\xa3\xa0\x94\xd5\xe9q\x03\x97\xdb\xf5#\xcb\xe6\x17\x81ez\x02\xb8\x08[\xc2\x8f\xca\x01\xd6\xdf2\x88\xf5\x13\xb4.\x95\xc71{\xe8\xf3\x16=v\x00\x89/UE\xa5\xd3\xea~\x9a\xf1x\x00\xca\rZ\x81X\x01v21=\x01\x05\x17\x02\x85j\xe5Y\xd6\xe5\xce\xd8\xed:\xd6r\xba\x00\x1b#\xc3\x94\x86=@@\x7f(qBu\xa3\xa9\xfd\x0f\x0b\xa2\xe5q\x07\xf2\x8f\xf2@5\xffdgg\x05\xd1HA\xb8&amp;\xf36\xb7\x13\xc2E\xb8\x08\x16\xb4\x97\xe1O\xa7\xf4\xfeF\t\xa8\x14Mj}\x8aD\x9c\x86\x8b\x01L\xd5dbbeg\xe7?;;\xf3\x13\xf3\xf3\x80\x06\x97i\x94\x8c\x05=\x9dk/\x1c\x98\xf9\x82\x08\xf3\r3\x82Y~\xaf\x0fT\xcd\xceI\xa7[\x7f\x1c\xb1\x92\xf6\x10\x08\x04\xf2@\xb5\x98\x98\x06\xac\x9d\xf9\x95y\xf8Z\x99XYA\xd1\x12\x89D\xbeX\x0cD\xa2\x16\xd8\xae\x11\x0b\xe5\xba\x18\xfe\xc9g\xef\xba\xda\x04\x0b;(\xd6\x8c\x15f\xbf\x99H\xa0X,\xe6\x13\x8b\x0b`\xe2\n\x16\xb1q\x02\xc0&amp;\xbc\xde\x85\xc4b\xb1\x18_\xaf\x7fz\x1dr\xf8|\xd0!x\x81+\xdd\x0c}\x94\xa7\xdf\r\xaa=M\xeb\\\x82X?\x02\x95\xc5\xd2\x8dF\xd6\xa1\xe2X\t\xef\xca\xf7\xe8\x1e\xa8\x06x\x9f?\x7f\xf6.\xc4\xe3\xf0\xf0c\xbb\xdc\xa8d\xb3\xc9dN\x05\xacQ\x8c\xcc\xb5\x1b\xcc\xfbe\xbb\xbe\x0eX\xd1h\xb6\xdch\x94\xdb\x1f?\xd6\xebu\x9d\xcd\xeb\xddY\x02+w\x96V\xdf#m\xbd\xden]6$M\x91e\xb5\x91Lb\xb8\xb8\xde\xf0O\xd5\xb0\x14{=\xc0\xfaX,\x82\x89\xdd\xb2\xd6\x84R\xe0\x8d\x16T\xbb\xdd\xed\xd6\x17V\x80ku\xe5\xf3\xfbz\x17\x90%\xa5)\xc2\xf1\x91\x9c!E\xa9R\xc9\xc9\x02w=\x82Cu\xf0\xbc\x0f\x14\xad:PE\xda\r\xa0R\xf0\xaf\x8ax(\x83S\x99\xd2\x88E\xf2\t\xaf\xf7\xf3B&gt;\x92\xcd\xa9\xe4\xc4\x03GXx\xac@\xc9\x85rN\xe1\xb9\xc1H&gt;~\xb8\xd6\x10\x0br^ou\xa4\xce\xe5eGk\x8a\x0f\xa7i5\xfc\xda\r3\xf3b\xde\xedHJ2\x9e\\\xf9\xa6\x06R\xb6[\xe1l\xb9\xa06\x00K\xb8\x1a\xc5\x91z\x8f`E\x8a\xf1x\xbd\xd5\xfe\xe5\x97\xdf\xd6\xeb\xddv\xab\x8cf\xf1\xa2\xac\xe6\xb2!\xab\x07\xcf\x1a\x16_2-\xa9\xaa*\x95\x0f?\xad\xc7\xd7\x8b\x11\xebL4,\xe5\x1a\x80u7\x82\x0fl`\x96\xd7M\x84%\xf6\xdb\x87/\x1f\xde\xae.\xc4\x1fE\xa2x\x86\xde\x92r\x95p\xc8\x9e\x81\xcd&amp;\x93y3\x05G\xecW\xaf\x92\xbeX\xe80\x1ay\\|&lt;33\xd3\xadH\rE\x10\xceF\xf19R\xed\xaa\x07\x1b\xe2z\xf1Q\xfc\xfd\x87?\xbe|YZ\x88\x1c\x86s\x05U\xd5$ik3\x9d\x9eu\xbcyc\xcf\xc0@\nc\x1fL2\x85BA\x92\x1ax\xe6\x86q#\x9am\x94\x15\xa1t;\x82\x85H\xd37\xbd\xa6\xd6\x82\x0e\x1a_\xfd\xf2\xe5\xed\xea\xa7\xac\x84\x07@\x8a\xaaj\x9aT(lm.;\xac\xfeD\xc2\xedX^\xc63\x98,\xa6R\xf81\x85\xacn\xfa\x1c\xa1X\xb8\xac\n\xb8Q\x0f{\x82\xa8\xed\x06o\xfbM\xad\r\x89\x8f/\xbd}\xba\x10\x83\xc5\xd8\xe9S\\ic\xe3\xecR\x93\x8e\x8f\x8f7C\x1e\x7fb%\x1f\x02\xaa\xad\x82\xd2\xd1\xa8R\xb5T\x1a\xf4\x04Q}\xf5,\x9b\rKB\xf5\xf4\xe8\xd7\xe1n\x8a\xc1\xdf\xa1G^B/h\x83Z\xde\xa7K\xdeOe%\xa5\x9d\r\x18F\xa8^\x7fhi\xa2||\x9c\xf6\xb8\x00k2\xb3\xfcr\xf3X\xd6Z\x03\x98\x83\x84\xde\xd9\xa5\x90\x92\xb7\xfe\rX9^,wc\x1f\x7f\xa7\x87\xe8\xe0\xd1j\xde=\xe7\xcb)J\xb7X|\xb4\xf4ti\xa1+\x89\xa2\xa8ux\xe8\x0eZ\xa7p,\x03V\xd6\x06\x1eN$&lt;S/_\x82\x89\xaa\x06\xbd\x03\x9eA\xaf\x90\xb7|\xa1X\xb6\xd1\x94f\x7f\x9a\xf5\xfdR\xa3\x87\x87\xf5\xeb\xda\xdc\xc2\xe2\xb6%\xa7u\x03q\xef\xd3\xa7O\x1eE\xc3\xe5V\xab\xdc\x80N \xe5\xca\xe5\xdc\xd6\xf1q%\xc2\xfa\x9f?\x9fH\xb8\xd6|\xe9\xe5d%\x97\x93\xb0\x1a\xe5J%\x9dv\xfc\xf70V.\x84g}s\xcb\xdd\xa3!&amp;\xeb\x8f\x9f\x7f\x9e\x9e\xff\xd7\xe2\xa1\xd4-\xc6\xbf\x7f\xf2\xc4[\x9c\x89F#0\x1d\xc4\xb2P\xe1Jn\xebO\xda\xcd\xe75\x8du\x8d\xe3\xdde\x1bh\x1c\x8a6"B\xed8\xa0\x8e\xc1\x92d\xae\xe2\x18\x03\xc3$c\x14\xd19\xfe\x1a\xd0\x08\x1a*$2\x04\xed\x98P\x12\x0b2&amp;\x101?v\x97b\xbb\x087 dS8\x87ts\xc9*\x85\xb8\xcf\x0fN\xe04\\\xb8p\x17]\xa4\xd0\xed\xfd\xbe\x93\x16\xce\x1f\xa0oM\x16]\xd4\x0f\xdf\xe7y\x9f\xe7\xfb\xbc\xef\xdbmE\x0ea\xd0\xcf\xe5&lt;\x8cE\x13E\xfc\xadXL\xa7\xdbm\xf8\x07,j\x7f_\x8a/\x8b\xc0\xea\xabGC\xc5\xea{\xdc\r\xbf\xaf\xdc\xc9\x0e\xbc\xfe\x07W\x98\xe5y\xd8\x1b\x99\x92\x1cbP\xd9\xd8P\x12\xf6\xb0\xc0 \xb7rs\xb4\nOJ\xa1\x9e\xe9\xc6 Ba\xd2u\xc0\x05Q\xf1ee\xfa\xaa\xdfW\xef\x87\xb7\x1b\xc7~\xf4\xaf\n%[#{\xd0!b\xc5\xc2\x13,\xeb\xf3\x85yJ\x02V:M\xc9\x92\x9d\x16X\xda\x06\x9b\x9ac\xec\xa8\xaa-\x01\x06PU\xc9\xe0\xcd\x1a6H\xa6\xe2e%\xd2\xc7\x9f\xdb\xa1y.\xe4V\xff\xeaj\xae\x15\xc8\xd6\xea\x83L\x86s\xf9|&gt;\xecH!\xcc\xf3\x18\xca\x92&gt;\x81\xa7,\x82\x89\xb1y\x88\x1b\xacXP\xeb\xd9\x8a\'W\x11\x9c\x8c/\x94J\xb9\x84$\xc0\xa4bY\xd9\x05V\xffva\x88)\x7f\x85(\x96J\x9d\xff\xd5\xab\x99\x8c7\xe6r\xb9b\xb1X*\x86\xefL\xa5R\x15\x81\xb6$+\x02Sq\x13S\xffZ\xa04`\x05\xa2\xd1\x87%\xf7\xd2R4\xca\x95*\x10,\x1d/\xc7\xed\x11\xad\x1f\xb9\x1f\xe2N\xbc\x8f\\\xa9\xddh$\xfd&gt;;\xc8\xf8\xbd\\\x8c\xe3\x10K|#\x871\xc7C\xb0\x04WR\xa8\xbcv\xe7\xe0\x03+\x16\x87\x9d\x9d\xc30\xd4h4\xb1\xfc\rw\x0c\xbd\x13XJa\xb7p\xa5\x0e\xf1\xccf\xec\x88\xb9\xaa|\xb7\xf5\xc5\xf7\xc7U`y\x1f@\x15\xf5\x130L\x13\x1e\x93@\x93\x13\t\xa8\x05;\xdf\xdd\xa9\x14"\x1a\xeb\t\xb8\x1f\xa9\x9a\xf3\xcd(\x17\x13\x80u\xa0\x14Z\xbb\xfd\xe3aZ\xc1\xc3\xea\xd5\x9c\xbb\xb0\xdb\xeee\xab\x19\xe8\xe4\xf5F\x1ff8p\x91!,gb\xa8\x88V\xa0+\x95\x1c\xb0\x9an\'v"=Wr?R5\x9b\x188b&gt;\x03\x8bvF\xd4!V\xf9\'c\x0b?\xfa\xb6\xd6n\xe1K\xaf\xee\xcdd2\xa8\xa7^/\x07\xac\xe6&lt;\xb8\x02\x02\xadk\xc8\xf7\xe8N.\xf7\xba\xb9cj\x15Z\xad\x02\xe3!Al4\xbb\xcd\x1d/\x97r\x85\xf9v\xfc\xa0f\xb1\xd9\x8f\xf7\x86\x8au\xaf\xd9v\xfb\xb6d\xefx@\xa8\x9a~\xb2\x10\xc6\x9dF#\x1a`\xd4\x08\x83!,\x80\xd4\xc2p\x88\x04\xb2\xd9Z-S\xa0AV\xb3\xd9\xf0s\xae\x10/\xb7\xe3\xe5\x9a\xd6\x92\x7f\x0c\xd7C|\xa8\x03+\xf7\x0b\xab\xfb\x13\xcc\xdf\x88\xa2$\x984}\xa7\x1b\xa0\xd3\xbddV\xa0)1\xaf\xa8\xadV\xcb\x16\xf8I\x05\xee\x94@Q\xed\xf8rM/\xc8\xb7C\xc5\x1a[8\xb1\x15\xae\x98J\xef+\xb0\xba\xdd\xef\xdd&amp;\xd1\n\x1f7\xf2\xc9\xa3\x8a\xb9\x9c\xb6\xfa\xdb\xe7Z\x9d\xb7\x8b\xdb\xbf\xfd\xe3s\xbfPp\x06\x8c\x94\x07w\xc0\x13rR0\xb1\xcb5\xb1\xd5\xb9\x1f\xb2\xe3\xba\xad\xd8\xaev\xb3\xbd\xf3\xe3A\x95`\xcdw\xbb~r\xe4\xf0:\x87\xbd( \xb7Tq\xe3\xf44)k\xa2\xb2\xb1\xb5\xbd\xb2[\x983vb\xc3]*\x95L\xb3\xac\xdc\x86\xe1:\x082\xc9!c\x8d\x1d\xd5K\xbb\xfd\xf5\xf7=\x825O\xa8\xba\xd1\x80Q\x1fr\x81\x92\x89\xd6EQ\x97eMSu]\x8f\x90\x96\xccz~a!\x84\xa8\xa6\xedb\xedMY\xa4\xdb\xc3V\xeb\xa8C\xd3}\xb9\xf7\xfek\xb5:?O\xb2\x0beb\tT\xa5\x94g\x0e\xe5T_YI\xeb\x11]\xd3(\xc7\xf4J~Es\xa6\x8cz\x1a\x9d\t\xb8Sa\x96j\x03\xeb\x9dbQ\x87\x8e\xf5\xa1N\x07\x9c\xbe\xf3\xf3\xaf(\xa8\xd0\n5\x02\xe5{\xc9\xa029\x19Z\x95\x8ai\tP\x94\xdav\x88\xa2\xc4\x9a&lt;\xa5\x00\xd4\x0c&lt;\xb3ZC\xac\x81u\xf0F\xb1S\xe9a\x07q\xefF\x88\n\x85\xd3\xd3\xf3\xe3*\x92k&gt;\x93\x19\xf8\xa3K3\xe4\x04\xde\xe4\xa4U\x8a8\xaf\xb4\xd4n\xc3M\xc8\x14e!X%\xe3\xc4\xd2\x1a\x9abi)\x9d\xc6\xa8-:\xda\xbd\xdb!c\x1d\xde\xa8Y*\xd2F\xceC-\xacL\xd5\xef\x9d\xb1Z\xe7\xe6Bh=i|m&gt;\xaf\xe4\x95\xb4\x12\x944I\x96\xf90\xb9\xfb)\x95\x9e\x01\x8b\xdc\x94a#\x96W\t\xf6\xc9\xc2\xb0sK\xed\xb4\xf5"\xb0\x8e3\x8f\\^\xee\x99\xc7\x1a\nM%\x8d\x19VQ\x8a\xe9"\x92=\xadjbZ\x92\xf9\xa4\xcf\x17\xb2Z\xad\x9e\xe7\xcf\x81E\x11\x03\xb1\xaa\xc1G\x9c\x0f\xf9&lt;\xf0\xb6\x93L\xaa\xdaJ\xcfH\xae\xcc&lt;\xda\x8e\x97\x9byf\r\ta\x82\xa5\xeb\xf8\xe8\x17\x17\x17\xea\xb5\xaai\x9a\xee\x90\xe4$\x1f\x0eY\x9f\x9bl\xb3\x13\xc4\x06\x16\x95\xe57"K\xb7Oo\x87\x8cU\x17*\xcc\xee\x1dQ\x0b[\x11\xd9\xe5\'X\xa1\x90\xcf\x97\x94eY\xbd\xb88#\x8b\xfc\xbe\xd0u\xad-\x06\xa5}&gt;L\xae[Z\x84J*\xd6\x96\xdf\xbd\x97-r\xe7~\xb8X\xf7]wl\xfd\xf8\xf6\xf2\xbcn\xa8E\x9a5r\x0bX\xbc\x0c{\xdc~\xa4:;\xbb\xbb\xbb;\xd3u|\xd2b\x91\x92Y\xe7\xd3\xa7-\xb3\x9d\xa2\xb4\xe2\xc6\xf2\x9f\xff\xbc?\xa9\xff\xd8\x1b\xf2\t\xc4\xfd\xf7\xdb\xa3\xc3\xb1\xa3s\x14\xae*\xd2\x9d\x8bB-`\xf1RZn\xb7\x81\xf3\xed\xdb\xb7\xbb\xb3\xb3od\x81-H\xee\x1c)\xf6)\xba#1\xf2:\x82\xf8\xd7\x02\x19\xcd\x87~bC^D\x8e}\xb8\xf9\x8a:\x9f\xc1L\x06\xb9f\x9eMNI\xca\xc6\xc1A\xed\xee\xdb\x7f\xc92~\xaf\xe2\'\x9f/\xe7\x15Ga|b|\xbc@\xceY\xd3\xc5\xda\xc7\xcb\xc7W\xe2\xc3?J\xc2\xbfzx\x89\xaex\\\xed\xfa9\xe2\xb8f\xac\x13\x89\x95\x8d\xe5\xd5\xda\x19\xb2\xfd\xfa\xfa\xfa\xe2\x8c\xe4\x18\xf4\xc2X\xbb\x9a\x0f\xda\t\x96\xdd.Q\xc4\x04~\xfc\xcf\xe8^\x95\x8d-\xdc\x92z\x9a\xe9f\xa0\x16\xf70\x13\xa2H\xa5,\xb6/\xae\xff\xf8\xdb\xba\xbe\xb8;(o(\xc1]\xf3\xf8\xb8\xd9\xe1\x900M*\xcb\x7f~\x18\xe5c\xb7\xa3\x9b\xaf\x03\xb4\xc5\x8c\x97\xac\xc0\x94e\x7f_\x96;\x9d\xce\xf5\xf5\x1f\xd7\x7f\xc3B\xeb\x16\x1d\xd2\xab\x9fXvG\x10\xa95\xd2\xb7\x81{\x97$\xe7\xbb\xf3\x03/&lt;\xfd\xcc\x14;;\xcb\xf2\xbe\xf5\xa4\x90$14&gt;\xd7\x17\x17\x9a&amp;Iv\xf3\xb8\x99`I\x8eE\x87#\xbe\xf1q\xb4O&lt;\xc7noP!\xba]"\x17\xb0|\xa1I\x94.A`d"\x10\xb6\xa0\xa8\x8bzD\xc3\x88_@\xb6\x9b\xc7\'\xec\xe4\xba\xdd\x11?\xf8\xf3\xf7\'\xa3\\$\x8aHy\xf4j`q.\xd7\xcc\xe4T(\xe5\n\x85-\x8e\xa0\xb8\x82\xa5\xa048\xa0\x95\x05\xd9n6\x9b\x0b\xaf\x08\x95\x88\x18\x1e\x8e\xf4\xdd\xe9\xd8\xef7F\xfb\xc9\x18\xd9\xc5\xc5R\xd6\xc9I\x94/4d\xf4\x1c\x08&amp;F$\x94O\xb0X&amp;&amp;\xccv\xbb\x19X\x8eD\xb0\xfc\xeer\xb4\xcfa\xa1V\xa7&gt;\xa8\x1aX\x1c\x87\x89?\x95\x9a\x89\xa5&amp;\x9f\xcf\xb2\xb4ZPU\x15\xd1\x03\x90\xc5LR\x8b&lt;\x95XL$\x16\xa77\x96?\xfeka\xa4A|rts~\x9e%\xf3\x8fw\xc0\xc5\x0c,\xac\xc9\xa9Y\x96\xa1[\x8c\xc9\xc4\xd0\xd8\x05\xb3O\x9f\x8e\xbfx\xf1\x02\\\xfat"\x91X+\xaf~\x1c\xf1\xe3a\xd4\xf9\xcei\x9dpe\xaa\x03\xc8\x952\xd0\x88Z\x0cy\xfdc\xb2\x11\xae\x97/_\x8e\x1bT\xbb\xfd\xe9\xc4\xf4Z~{\xfb\xe0r\xe4X\xf5N\xa7\x9e\xe5\xbc\x04\xeb\x01P\xd0\xcc\x15\x82q\xfe\xf5R\x03j\xd9^N\x98\x81e\xb6OC\xac`~k\xbb\xbcq\xb97b\xac\x93z\x16\xde\xcb\x05.\xef\xe3\xe1M,\xe5r\x99L\x02\xc30N`\x91\xf7-SN\x96lC\xea\x15\x89 \xa8\xf2\x1b\xb5\x93\x91ce\xb3\xd9:\x9f\\Oq\x1c\x92\x1eT.\xac\xf5\x90@\x9e\xbd1\xac\xcdIn\xfbYv\x02\x9e\xf4\x95\x83DpkkkEQNF[ \x9e\x18X\xd9/&lt;j\xbb+F\x1a\xb6\x81\x152\x85\x84\x9fW\xfd,\xc3\xd2\x16\x8b\xc5l\x91@\x15\xcconm\xe5\xd7\x82\xf1\x9b\xc3Q\xab\xe5\x8ae\xb3\xeb\xbc\x85\x0f\'\x91a\x83,\x97u\x81l\x1d\xa5\x9e\x06\x0e#0\xac\xc5N\x19n\x86\xdc\x9dono\xe5W\x82\xd3\xe2\xcd\xc8\xd5"\x07\x94\xd9\xf5$\xcf\xf3a\x17\xc7\r\xa0\x1d\x89b\x92\xb6P\xaa\xa6Zh\x86F\xeb!\x87\xbd\tr\xfb\xf3H\x95\x189\xd6\xe1\x89qpJ\xae\x86\x11H(\xf7\xa5\xd3I\xfa\\.\x9f\x85"g\xf0P\tm\x10L\x89\xc4\xdb&lt;"\xb8M\xa8\x1c\t\xf1\xfc\xc3\x93\xd1c\x19\t\xe5\x0b\x87\'\xc2\xbe/\xa7_z\xbdS\x9fk\x9d\'/\x1e\x12\x8e\x04\xc9\xa8\xc4\x1a\x98\xb6677\xb76\xdfB+P\xf6\x8eF\xfb\x9fD\x0eOR\xa4\x84f\x1f\xb1\xf8\xf0\xa7Z\xbcV\x8b\x9fB\xba\xfd\xc4\x1a\xa9\xe9\xd3k$v\xdb\xdb\x88\x1f\xb8\xde\xaeM/:\xec\xaf\x16G\x8d\xb5\x07\xb58c\xff\xf9\xc0\xb5\xbf\xff\xa9V\xfe\xf7r\xb9\x96\xfe\xb4/\xa1\xff\xa1N\xbd\xdd\xdcz\xf3\xf9\xcd\xea\xea\xb6\xa1\xd5\xca\xf4\xe2\xffi9\xff\x906\xf3;\x8e7\x15\x11\tyb\x92g\x97\xc4&amp;\xca\xe6\x13\xfd\xa3;(\xd1&lt;&amp;\xb7\x11\xcd\x85\x1d\xa1Y\xa5\xfa8t\x94\xf1\x94-\xb6\xf7@R\t\xb7\xde\n\xad\xda2\x8b\x7f\x9c\x8a\x04\x9bxQ\'=s\xe8E\xf4\x8c5\'R]\xda5V\x8e\x1c\xe6Z\x7f\x1c\xdc2\xcc\x86\x13*\x87HE\xe7\xb4?\xf6\xf9|\x9fxc\x83\xe3\xb6\xbb\xfa!}\xb4\xb66\xaf\xbe\xdf\xef\xef\xe7\xf3\xfd\xaaOL&amp;\x83\xa9\xb6\xe6\xcfG\xbb\xdf\xea\xfc\xe8\xb7\xe7\x10\x0b\xb9\x8c\xf6I\xa8\x9aKW\xae\\\xb9w\x15\xdck\xacml\xbcv\xe3nC]\xc3\x15\xa4\xbaF\xa8\x9c&amp;\x83\xa1\xb8\xb6\xe6\x1fG\x8b\x05\xd9:\xfb\x86\xd9l\x06,[\x99\xbd\x12\xe4\x9a\xbcz\xa5\xa1\xee\xee%\x90\xa6\xb1\x11\x7f\xc8\xb4\xae\xae\xe1\xaeh\xe0\xb5fB\xf5#\xc3{gj&gt;;r,Mi)`\xc1\xe6\x0fm\x04\xb0\xda\xab\xbf\xbeX\x03\xf6a]\xbft\xf7.\x04\x8bH\xd5\xdc\xdcX\x0b\x0eB9\xcfT|y\xd4\x91\xb7\xd5WU\x01W=\x86\x0b\xb9*}\x93\xc5\xc5&amp;S\xad\x93\x905_\x13\x91\x90\xea\xed\xf2b\x13Ll\x83\xe1=g\xf9\x9f\x8e\xf2\x06\xb7\x1cT\xab\xbe\x14\xe5\xd2\x80\x87Peee\x95&gt;\x83\x89Le\xa4j\xc6\x07y\x07\x17!\xee\xba\x00\xcbT\\\xfe\xee\x97}\xb7\x8f\x8c\xab\xbb{\x8a\x98Xj\xd6\xd4\xdb\x8cv\x9aF,4\xd2gr\xd6VT46b\x87\xa8(\x87&amp;\xd1\x0cm\x14\xd3\x0e;\x89|\xa0.?\x7f\xf5\x83\xafn\x9f&gt;\xa2;W\xfe\xf9\xd5G\xbf{\xdd\x8cU\xaf\xb7\xd9O\xd10\x80\xca\x10\xccN\xfb\x0c\xc5\xce3\xc5\x90p\x93\xd3Y\x8e\\\x15\xa8U&gt;\x1e\xcbP\xae\xf2\xb7\xcf\xdf\xf8\xe4\xc5\xdf;\x8f\xe0\xc4\x9f\xd3\xfd\x97\x1f\xff\xbe\xe6\x17\xafk\xcc\xe6\x0b\xb0#\xb5\x19O\x9d:\xe1#\\Fc%\xed#\xc7\t\x13\x14\xc1\x02\x07MxP&lt;\x01\' \x03|\xa8\xf1\xfc\xa5MG\xea\xa0\xef4\xb9]\xfd\x95\xc6\xea\xe9\xe5w\xde\xfdM%b\x99/\x14\x00\x96\x05\xd4:QI\xb0@/\xda\xe7\xcb7\xbcf\x10\xd5*\xcfP\xc1\xb9,\x8f\xa8\xd5x\xbea\xd3\xc1\xa67\x9e\x0f\xdf\x9e\xea~U!\xc3\x9f\x1a\x99\xdaK\xb5\\\xaf\xf9ee\xbdFc.\xd5\x14\xc0\xfe]e\x81\xdd\x1e\xc1\xa2U\x103;\x8d1r\x12,\xa7\xb3\xd8\x80\x87\xea&lt;r\\\x846_q\xbd\xce\xeb\xe5\x18\x8eIm|\xbe\xbf\xfbjn\xd5\xcd\xc9\xe9\xdb;x\x11N\xb7\\\xac\xfd\xb9\xbd\x1e\xd4\xd2\xe0\x17\x91\x8cp\xd2G\x1a\\\x91&gt;_\x1e\rz\xe5\x1b\x9c\x99\x82\xce@\xa4"\\\xe8\xe2\x8d\x16\xaf7M1\x0c\xc3\xed\xb4\xb7\xef\xef\x9e\xfe\xdeV\xe6\x1c\xeb\x1c\xdeH;X\x8a\xd9\xbc^\x01Xf3\xf4\x073\x9c[u"\x178hG\x07\xf3\xa1Q\x90pa\x01\x15\x1c\xcbh\xbc\xc0)\x08\xb16\xbd^\x96\nS\x0c\x17\xf1\xf3\x9e\xa1\xfd\xdd\xee\xefs\x0f1\xfc\xa7:\xa7\x86S\xac\xc3\xeb`\xa8\xcdK\x80\xa5\xc1li4\x9a\x82\x02\x1dpY,v#D\x8b&amp;\t"\x03\x10\n\x1b\x03\xad\x12K\x0c\x97\xd3y}\xf3\xa1\x97e\x94a\x8a\x8b\xbad\xbc\xe0i\x7f6|\xab\xf3\xbb\xdd\xdbO\xbe\xd2\xb6\xbb\xff,\xba\x8eX\\\xd8\xfb\xce\xaf&amp;\x11\x0b\xd4*x\xb3\xe0\x90\xcb\x02X\x16"\t\xf1\x8e\x80\x01\x95%CE\x13\x17k\xefy\x1f:X\x86RR\x89e\xa9T\xc6\xf3Bpg\xe3`\xf8\xf6w\xb9S=\xe7t\xf7\xee\xb3\xa1\xf6\xc0H\x82c\x1d\x0e6\xcc\xbe\x7fu\xb2\x0c\xb0`\xf8\\((xS\xf7\x03\x1d,G\x8b\xd1\x061\x83\'\'b\xe5\xfb\xb0\x81\xe6\xe5\xa9\xe0\x0c[\x82\\\xb4\x88\xd5\xb8\xf9\x90`QL\xdc\x9f-\x95i\xb5\xda\xd9\x04\x93N\xbd\xf8\xac\xef\xff2\x13\xe5\xed\x9c\x02\xa8\x80\xdb\xed\x9e\x8bs\x1c`Q\xd4\xe6EP\x0b\xb2\x85m\x1e\xd5*!Z\xd9\x80KEl\x84D\xe1\xe2\xcbC\xadJ\x08\x18M\x8b\x99\x07\xb1@o\x86b\x92\xd1\xe3\xd9\xb9\xd52\xad4\xc4A\xfe\x9fD\xb7^\xec\xfd\xeff\xe2\x8b*\xf4\xed?kG(\xb7;\x10a\x10\x8bQz\xef\x01V)b]\x00,M\x81\xceB\xab\x8c6ha6\x94\x8b\xc8\x04+R\xa5\xb2\x10\xa6\x12\x1d\xea\x05\x1f4\x98\x9aQ,\x07Gq\\\xdc\xff\xc3\xdc\\iuuk\x9c\xa2\xc2\xe1d2\x99No\x1c\xe0\xbc\xfcv0\x14j\xef\xaf\x8fD(\xab\xd5\xea\x1eL2\x1c\xcb2E\xdc\xc2kF\x18\x89U\xa8\xd6\xbfC\xaf\x87B\x1b\x11\t:\x18Zg\xd1\x01\x94N\x87&gt;b\xe4kwP,\x96a\x1cl\xe8\xad\xecl\xe0\x92\x06\xe3\xe1p\xf8I$\xc9PO\xe2\x91G\xcf\xbe\xd5Lt\xaf\xef\xe9\xc6Z\x87[\x10\xacV\xb5U\xadV\xbb\xe7f(\x86e9\xa5rsR\xaf\xa9\xaa\x1a\xa8"{\x08\x8d\xe8\xa2\xc5\x88\\\x16@\xa2!\xdf(\x96\x8a0\xe9\xc4t\x81\x8a&amp;B\x05)`\xbd3\xcb\xc7\xb3%\x12)\xa4~9\xb4:\x13\x9a\x9dQR\xab1\xffH&lt;\x95z.\xbe\xea\xc67B\xdd\xee{\xb9\xe1p\xc4g\x05AP\xab\xb3\xb2\x00K\x1dX\x81\x85\xcdr\xd4\xc9\xf4\x1f\x10\x8b\x148\x89\\(\x8d\x11[\x18\xe8\x84r\x11\x17\x89\x83\x84\x0c\x1b\x84ai\x1d-d\x19\xce\xbb\x1e\xed\x91KA+,\xb9\x7f6\xd6\x1aW*\x1fGC\t\x88Yz\xeb\xf9\xd3ox\xa5\x06\x10\xea\xd6\xd3\xe7\xa1\x04\xfc\x1blb%\xd6\xcag\x01\x17\x80\t\xf33J\x86\xe3\x98\xa6\xa2\x9d2s)\xa8\x05\x8a\x89X\x16\xe0\x02\xc9\x8c\x16\x12\xee\xbc\x8c\\\x08\x05\xedV\xa7B\xac\xfci\xa0\x02\xb18\xc6\xeb\x88\xc7\xa4\xd5D,(\x89\x1cj62\x03fB\x9b\xa5\xc2\xa1\x08\x19\x99\x9d\xff\r\x86\xee\x1d\xa4\xd2\xd1\x91\xf8:\x9bfY6\x1e\xf5 \x15\x82\x05"\xb0\xb4\x19N\xd9\x94\x9e&gt;k\xae\x1a\x18\x18\xc0|i2j\xa9Tv\x9a\xceL\x1a1_%\x00\xa5\xd7\x89\x7f\xe8\xfb\x9a\xca\xe1\x9d\xb9\xaf\xc8\xaa\x96\x13,\xb8H\x10\xcc\x15\x8bF\x9e$!f3\xc9$H\xb6\xf1\xf2?^\x0eD\xec\x9c\x07)\x87c=\x11\xea\x08%X6\r\xce\x0bY\x99\xb2\x8e@\x08\x18\x86j:\x99\xf8\xb8\x14\xb1 ^\x10z\x1c\x8c\xe8\xa2\x85&gt;\xd4\n\xa8,*\xbbM\xaf\x87YN\xa8&amp;E*H\x00\xebeB]\xd5Y\n9\xac\xc3jQ0\xa9B"\x95d\xbbb\xf7C\xa1\xe5\xe5h$\tk3\x14\xda\xd8\xfb\xfa[\x0b99\xa7\xa7\xf6^&gt;\x8a\xac\x83{\xecz&lt;\n\x7fo$\xc6k\xd5\x87X&lt;\xa4K\t\x82\x155)w\xca\xb6\x11k\x00\xd5\xd2\xa3y\xc8\x85m\x93&amp;\x17\x1a\x0c%k@O\x12?\xb9\x93\xa1bX\x07\x17\x89A\xbf\x92Kd\xd5(\x96B\xaePH\xd1P\xfc\x9d\xcb\xa5P\xc8cq\xf0ru9\x9ez1|\xb8\x97\xba\xb5\xb7\x91ND\xee\xa3\x7f\xec:\xbc\xe3\xe1\xd5\xa4\xb2D2\xad07S\x04zQMM\xe1\xb5s\x03\xa2\\\xd0R\xf5\xa2Z\xf8\x00\x1cd\x84\xa6\x8fR\xa1\x87\xba\x12\xbaf\xc7A\xd6 \x03+\x86\x89\xc4\xe4\xd5\xd5`\x9b\xbf=\xd8\xd11\xd6\x0b\xd5\xd1\xeewI\x0f\x85\x93\xa2j\xabO\x96W\xa8p*\xa3\xd4\xfe\xd6:|\xb2#\xb1r?\xba\xb2\x12\x9d\xf5\xf0|\x06J}H\xe7^y\x0c\\\x94\xb2\xa9)9\xfd\x06@\r\x90pA\'-)\xc1\xd8[\x8cvl\xf50\xb6Q\xaa\x02\xe4\xd2\xeb\xe8\xe9\x04\x0b\xfb\x06\x90\x8abY\xe5j\xec\xad\xe3RO\xc7\xe8\x1f\xdb\xdaFGG{{\xe7\x07\xfb\xdb\xda&gt;\x1f\xed\xf0\xcb1j\x18\xb8\xdcl\xb9\x7f\xd9?\xbb\x1a\xa6p\xf0M\x1dlE\xa2\xa1x"\x11\x8f\xac\x8cy\x04!\xc3D\x8a\xe7\xf9\xc2B-\xf4/&gt;\x18/*\xa2\x08Wx\xeb,\xaa\x85\\\x98 \xb1\xa1\xdb\x8cb\x81V\x9a\x02\xec\xb5z\xe3\xa7k)\x1c\xa58r\xa0\xe7\xcd\xdc\xef\xe9i\x9fXj\xeb\x1d\xeaX\x1a\xea\x81\xb0\xb7\xb6v\xf9\x87z\xdb\xee,\x8dv\xe1\xaa\x94 \x1a\xbeE\xd1 \xe8`\x1f\xf8\x17\x1dj\x0fz&lt;\x02\x12\t\xa4\x87B\x15\ns\xa3\xfdP\xa3\xed\x82\x95\x17\x06\x1f\x9fT\xc2\xac-j:\x19\xde:\xf7\xd3\xedm\xe0\x82F\xaf\x17\xfb&amp;b\xd9\xf4F1U\x00\xa6\xd7\xdb\xbfX\x0b\xe3h\x80O\xe1`\xf713\xc2\xbb\xe6\x17\xc7c]\xae\xc0\xe2\xcd\x0f\xbb\xe4\n\xcf\xc4\x1d?0x\xe6\x06\x17\'&lt;@\x03r\xe5Js%\x92\\`s\x1d\xdb\xdd\x0fEB\xd1e\x7f!\x0f}@\xc4\xb1\x92\x07\xcf\x07{\xdb\xc6\xfb\x07\xc7?\xbc\xb3x\xaf?\xe0\xb6\x06#EJ\x86p\x15\x85\xd7\xfe\xb6\xbd\xbd]Jz\x04\x82a\x9b\x02&lt;\x9c\xd9\x00\xa6\xc1\xb2O\xa7\xc2\xb8va+\xc3\xc2\xe6#1\xc2\x17\xce/\x8e\xf5H\x14\xc2\xd2\xcd\x96Oz{\\\x13?\xb9\xd9\xd6#\x91\xca\xacB\xf0\xc1\x9d.LW.T\xb6D\x8e\xa3\xe9\xd8\xb2\xcb\xe5*\xc4\x8d\x86V\x8b\x8d3+\x03&amp;+\xf4\x0c\x8e\x0f\x8e\x05x\xb5;076\xde0\x01\xd3q\x1e\x9b\x04&lt;\x8d\xf2$p}q\xb6\x8a\x8cF"\x17\x96\x11;\xa8\xde\xa6\x17\xb1&gt;]{\xacD\xcb\x95JhW\x1c\x03T\xea\xe0b\xaf\xa2Z+\x8c/\xdeiiY\x18\x1a\x7f\xff\xf2\xe5\xbay\xb9\xc2\xea\x96\xc9\xc7\x16:\xb2!X\xa0\x14\\\x10.\xf7\xd8\xb2B&amp;\x13\x99\xf0\x17\\\xd0Ean\xb0\x7f|0 \xcc\x05\xb2\xb4j^\x08\x04&amp;\x16\xe6\xdcB`E|*\xf2l\xa9i\xbbFl\xf4\xa8\x15\x12\xe9qO\x81\x8b\x10V\x02\x18\xa8$\x05\x06z\xb9d$(X\xb5\xfdK\xad2\xadupa,\xf8\xa0\xa5\xe5\x83\xa5\xde\xc5\x9f]^\xe8(t\xaba\t&gt;h\xeb\x01\xadp\x86g\x13\xc5r\x8f)\x08S\x86\x8b\x90\x15\x06\xc6\xfa\xc7\xc7\xc7\x022upa\xa2\x95\x17\xdcn\xb5z\xae\xa1\x1f\xf6\x12\xff\xaa\xc2\xfc]\x1bG\xd38n\xcb\xb80F#\xb4M\xc6\xc5 \x84\xd3y\xa6\xd9\x1b\x86\x83\x051[\xac\xb9V\xa4\xd8\xd2\x8d\xaf\x10D\xc5\xb2\xa44nd\xd4H\xa0\xca\xd6\xd8\xe8\x1aG\x08\xc6\xc88\xf6&amp;`\x88\xe51Zc\xd28\xfe\x95\xb8\x19\x08\x1c\x03G\xba\x81\xfb\x07\xee\xfb\xbcr\xb2\xb9\xd7\x89\'\xd8\x89\xf5\xd1\xf7\xf9\xbe\xcf\xf3}\x875/\xe8\xc5\xe0n\xc7\x7f\xfcL\xf1\x99\xb0\x08\x89\xd6k\x84\xd67\xaf\xff\xfe~\xfc5\x81\xfa\xe1\x18;\xf1\xe4\xf6\xbey\xa4\x14\x84\xa1/)\xa7\xf3\xe5\x97\xb0?\xfc\xa5q\x159\xf6\xb2^\xdf\xe9\x19AP\xab\xf1\xc8\x05\x14S+\x97&amp;\x7f\xa5\x12\xa8\xa4i\x16\xe8\xd1\xea\x0e\xc2\xf6\xe0\x9f\x0b\xe9\xc8\x18\xfe\xf4kWSP\xbeJk\xd9\xc5?Z\xfb\x82\xfcr\x9cp}\xfe\xf6\xaf\x8f\xef\xdf\x91\\\xa4\x13B\xebk\xb6\x05\xdf\xbd\xb9!\xa9\x8ax\x90T\xff8\xbe\xbe\xbf\x9cM\xee\xa6\xcd\xe1H;m\xc7\xbb\xee`\xb8\x8b\x1b\xf5\xdf\xfd\xed\xa7\xfa\xd5\xd5\xc0-\xe7\xd4\xf62t\x99\xb1\xd8\xca\tB6\xc5p\n\x99\xe7v&gt;\x1fvu\xa3\xfb\xd3\xdbe\xbb\xd2\xfd\xb5Q_\xce+\x15\xe84_\xda\xdaiKo_&gt;\xd2\x0c"\x83Q%\xbf\x8e\xff\xf8\xf8\xf3A\'\xca\xac$\xde\x9b\x9b\xf151\x15\xb1?p\x02\xf8p{1q\x9a\xd3\xc9\xac7\x1b}\xe9\xf5\x86q\xaf\x8d5Y\xd6\x1bK\xaf\xbf\xad\xd7\x7f\xb7]\xb1:\xdc:\\B\xc5\x8c\x95K\'X\x19\x86E\xfd\\\xe9\x0e\xdb|a\xb1&lt;{\xfbv\xdb\xd9\xee\xeagg\xdbVE:U\xbcx\xd2\xa35\x03\x17E\x89W\xacD\xe4\xfc\x8f?2*\x9c;\xfeF\xff\xc1\xf4~\xffmS\xa4\xc5\xa4\xfa\xed\xe4\xfa\xbc\x89\xe4\xae\xaa\xbcd\xcc\xb7\xfed\x92|L\xef&gt;^.G\xb3\xfb\xab\xfa\xd5\x08"\xc4\x81[\xe6\x88\t\xb3R%,.\x95A\xabL\xa61\xf5\x07o\xa8\x17\xa4y\x1c\x0e\x1b\x8d\xfa\x17\xcf\x8a\xcf\xce~\x19\xe2\xe6z\xf1\xfdd\xd2n\xb5\x10\xc10\xb3O&gt;0\xae"\xbe\x8a\x9b\xf1\r,N\x9d\x82\xd2\xe1\xbb\x9b\xf1W \x95hN\x81\xea\xc3\xf1\x9f\xb3j\x9e\xa7=\x85[?E\xdb\xd2q9\x05\x9f\xa2\xe9\xed\xf6t:\x9dt:\xa1\xe5\xc5}I\x92\\F&amp;\x1fTK\xf1h\t\n!Q\'\'*\xb1\xb55\x9b\xfd%\xb8\xbc\xfe\xee\xacq\xd6\xd8A\xfb!\xf2\xb3B\xf9\xb9\xa2\xf5\x1eY\x97$.\x00\x94J\xdf\xf6\xef(\xe5@+\x92\xaaT"\xa5@\x85\xfe~\xb29\x9f\xe6y\x96a\x18X\xab;\xc2N\xd2\x0ec6\x83wx\xd7i\x0f\x87\x81\x94\xac\xaaP\x96\x13*9\xc5q\xf9B\x81\x98\x14\x85o\xc76\xc4\x1e~\x1a\x8dF\x9f\xea\xf5\xc6\xd5v\xb7=k4\xe2\xf9\x80\xa8N\x15M\xd1\xd0\xd7$\xcc\xac\x13\n*\xaf\x12\xae\xda\xe6\xfb\xbf\xffKi\xf5\xcd\xfe\xfb\xa6\x94`\x11\xd5\x87\xdb\x87Y\xf5\x90`\x12\xbd2\xad\x8592\xfb\x96\x8eqV\xc0\x1b\xd9\xb4a\x9b;\xcf1\x0cI\x12\x89\xab\xc0\xa7s\x0c\x8cK\xe5\xd3\xe5,\xcf\xabj\xa1 \x8a\xdd\xd8\xd2\xb4E\xecu\xbb^\x187\x1a\x8d\x9d\xde\x1et\x17\xf6p\xd0:\xd5\xd8a\xa3\xa2\xa0\x18\xe2\xf4|C\xc9\xfePG\x90\x10\xd8\xeb\x1b\x06\x05,jV\x90\xf3\xfa\xb2\x99\x7f\x8eU\t\x96\xa2\xb4\x16\x83\x91\x1f\xad\x03\xc300\x0f\xbd\x91\xd9\xb1`\xbau Q\xa5\xf1\x9d\x97\x81\x85b\xa6\xd4\x8c*\xe7\xf2"\x8e\xb9\x9a6\x88u\xad\xb5\xedJ\x12\x06\xf4b;\xf2\xfa\xd0G\xd2=O\x9f\x87\x0b\x8d\x8ax\xa4`\xd7\x8a\x823\xfb\xf3\xf6\xc9\xf7\x0b\x9a\x13\x1c\x00\x00\x03\xd4IDAT\xd0\xacT\xab=~\xff\xfeX+%XE\xf8\xeaxsqG\x91E=\x84\x03\x1c\x0c+Z\x01c\xbfb\xb4\xfb\x88\x10lE\x9d\xc0\x91*\x92\xd1\t;\x96\x88\xaeNK&amp;\x87\x11\x96\xaa\xa8Y\xe5\x94rCe\x11\x07G\xf3.$\xa5]\x00\xf4|\xe1H\x9b\x0f\x06\x86\xee\x99\xdd\x96B\xce:B\x9b\x13\xd3Byz\x7f}p\xd7\xc1a@\xab=\x8b\xf5\xea\xf3\xe3\xa5#\x03&amp;\xc7\x8e\x13\x8cK\\t\x820\xe8\x07\x86.\x94\xddj\xb3\xe9\xc0\xe3\xe5l\x9aG\xed\x90\xbe\x0c\x91\'.\x91O\x97\xc1%\xcb\xc0R\x15\xbcW \x89\xacx`h\x15\xd4Ya\x9d5S\x11\ro\xb40T\xad\x0f\xad\x11w\x10/\x80\xc5cNp\xd5\xc9\xc5\xe7"\xe9\x94\x08DP\xb5\x04\nks~\xe7f\x19R.M\xcf\x94\xa5\xaa\xe6~\xb5^\x8fV+3\x10\xf4\xc0i\xba\x02\x97\xe5dN7\xe0*\xa3*\x91Z\xa2(J\x90K\xc6\xcb\x84\x95\xc9\x88"aa:\xc7\xa6\xaeInEQ\xd8$\xaa\x06\x83n\xb3\x82\x9aS\xa6M\xe3\xaf\xd8\xf4dy\x8d+7g\x0f\x9bZ-\x11\xe9P\xbf\x12\x8d\xcbb\xe9a\xe6p\xdcSg\xa4YB\x8a\xe9\xa6\xbf\xf7W\xbb\xbd\xb9\xee8\x8b\xd5\xda_\x05\xb6\x05\xbc\xbe\xed8\xe4\xf7\xa7"\xe6\xcb\x84\x95M!\xef\xe30\x82\x0bBM\xcd\nw\xa3N\xd04\x0c\xb8\xc0\xd0mo\xd8wE\t\xfa"\xe9V\xe9\xf8\x94g\x7f\x99\xc6\x12\x08\xec\xf2\x81a\xfdU&gt;\xda\x00\x8f\xe7M\xe6\x0f\xdaQ\xf4\xabD\x86\xacR1\xac`aw\xc2\xd0\xb7\x1do\x1f\x8d\xc7k\x7fm\xfb\xebU\xd4Y\xdb\x81c\xd0e\n\x89\xb9d\x19X\xd0XU\x89U\x82\xa7\x0c+\xf4}3B\xa2\xed\x84\xa6\xef\xf5u(d\xe1~,;\x188\x02e5\xd2Ld\')\x81+\x13\xd8\x93\xab\xc8e\xa5\xda\x0f\xd7\xa8_\x99c\xb6M\xa6\x1c\t\x96$\xbc|NH\x0b|U\x17\xaa\xed\xfez\x1dF\xfbU\xb4\n\xa3\xd5x\xbc\x8f:\x9e#\x11\x94\xcaW\xf0\xa92,\x8f\x18\x81\r,&gt;u4dm\xd3G\xdf\x1ax}\xcb@\xf5\xacf\'\nW+\x7f\xed\x07\xa0\x12\x04\x91\x0eQL.\x81\xe3\x04\xd9E)\x0f\xf6\x82P\xc5\xcd\xfd\x9d\xe3r\x1c\xcc\xc1%hY\xca\x05\x948\x9f\x8e\xd2\xe8VtpE\xc8\xc3A#\x8c\xd6\xd8\x8f\xbe\x1fE\xa6%\xf2\x12aIi\xa8\x95\xcd\xa5(\x13\xf2\xcfX\xf8\xc1\xad:\x8ec\xb8\xaea\xe8z\xdf\x1aE\xe6~\xfc\x9f\xb1\xbf\xf2;.\xa3I\'T\x14\xba\xb3\x1cn\xad\xec\\&gt;\xd0\xb8\xc1\xda&lt;\xcc\xa0\x14i\xc5%\x8b\xa8\xf0D\xe7\xd5\\.\x89\xc4\xf4\x9c\xec\xce\x1c\xdd\x97\xa0;\xbae\xf7C\x13\x13\x9b,\x8f\xaa\x95\x89\x8ba\t\xcc\xf2\x0cK\xa8\x1aR`\xb9\xd5n\xe0\xed\xfd\xf5\x08\xd5\xc7\xe6\x89B\x1b\x86K\x8aHudx\x02[D6=\xbf\xa6\x16\xf6x\tS\xb9\xb8\x14\xa1&lt;q\xd1\xb7\xc0J\n\x10\xfc\x84\x9a\xbe\xdc\t \x85\xab\xc4*k\xf4\x0cL\x82\xb58\xec\xc4&lt;\xc3bP\xba\xd1\xb6;&amp;NL\x8e\xeeG\xfex\xbc\xda\x99\xbe\xdd\xb7\x9b\x8eC\'\x95\x03\x14c:@e\xc1%\x94\xcb\xee\xdd\xc5\xed\xed\xc5\x9d\xeb&gt;\t\xf5$\x97\xcc\xfdUM 1\xf1(\xef\x1d\xeaK\x80y\xd6\xaf\xc4j"\x95\x98\xe7\xc9\xf2r*\xa7\xe2&amp;\x18\x96\xeb\x0c\xd6\xe6\xda\x1c\xaf"\xb39\xf7\xf7Q\x80\xd3\xa5E@\xe9\xffc\xc2]\x1e^\xa2*\xe0\x1a$\x98\xd3\xeb9\x89\xd5\xf1\x1a\xf7\xac\xd6\x8bu aJ&amp;`\xb9\xa4\x87\xa4y\xc6ERQ\x07\xcf\xc8\t\x16\xea\xec2,1\xf0\xf7\xfb\x15\x19p\xed\xeaV\xd3\x11I\n!9\xbb\xbd\\\x89V\xf8`\xe1 YN\x86\xc5\xd0\x14\x04z\x10\xecK\xc182\x1b\x97\x10\xd3\x17{Gx!WZ|\xe6\xe2Uh\xc7\x91\xb7\xfe\x07r59\xc4Ui\xb1\x17\x00\x00\x00\x00IEND\xaeB`\x82'</t>
        </is>
      </c>
      <c r="M445" s="3" t="n">
        <v>45492.67686342593</v>
      </c>
    </row>
    <row r="446">
      <c r="A446" t="n">
        <v>1104068</v>
      </c>
      <c r="B446" t="n">
        <v>2020</v>
      </c>
      <c r="C446" t="inlineStr">
        <is>
          <t>Hércules</t>
        </is>
      </c>
      <c r="D446" t="inlineStr">
        <is>
          <t>Hércules</t>
        </is>
      </c>
      <c r="E446" t="inlineStr">
        <is>
          <t>VOL</t>
        </is>
      </c>
      <c r="F446" t="inlineStr">
        <is>
          <t>VOL</t>
        </is>
      </c>
      <c r="G446" t="inlineStr">
        <is>
          <t>VOL/MC</t>
        </is>
      </c>
      <c r="H446" t="n">
        <v>178</v>
      </c>
      <c r="I446" t="n">
        <v>35</v>
      </c>
      <c r="J446" s="2" t="n">
        <v>36818</v>
      </c>
      <c r="K446" t="inlineStr">
        <is>
          <t>Right</t>
        </is>
      </c>
      <c r="L44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9599d02-3a3d-4701-b4dd-f94e3f5b470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0\x9e(\x9a\x00\x00\x03\x00PLTE\xff\xff\xff\x95QB\xdf\xe7\xf2\x014\xa7\xfd\xfd\xfd\xca\x01#\xc6\x01"\x00\x00\x00\xfe\xff\xff\x03\x02\x01\xcd\x01&amp;x=1o6)\x9cVG\x99SD\x027\xa9\xd2\x01)(\x11\x0c\x80B6\xc1\x01\x1eq:.K%\x1d\xda\xe3\xefE!\x19\x93N?\x07\x05\x05\x8fL=].$\x86D6\x9fXIY+!\xdc\xe6\xf2\x0e\x08\x060\x15\x10!\x0b\x07\x80F;D\x1c\x14\x84G;\x85K?=\x1a\x14\xaabR\x89H;6\x15\x0e\xbd\x00\x1a\xd7\x01/}&gt;0l2%\xbdwhS%\x1c\xb2\x01\x14\xd5\xde\xec6\x1a\x15i6+\xb8\x01\x17\x99]Pa3)\xab\x00\x13\xd2\xda\xe8u8+{A5K\x1f\x18\xa5\\M\xb6m]\xb8qa\x16\r\x0b_+\x1f= \x1bg/#p&gt;5\x8aNAR)!Y&amp;\x1b\xc3\xc7\xd2T.%\x19\x06\x03\xb3iY{E9\x8dJ;&lt;\x15\x0ec0$Z2)uME\xa5`Oc7-xTM\xadhY`?7!\x14\x10\xa0\\LvA6\xe1\xe9\xf5\x95UJ.\x11\x0bC("\xf1\xf1\xf3\x026\xa2k:/g3\'qF&gt;vE&lt;h=5\x8eQE\x83A2\xa2XJR4-\xbc\xc0\xcc\xf8\xf8\xf9p[U\x8bF7\x03&lt;\xaf`GAI0*\xaecT^90\x91WJ}LBU:3\xea\xe9\xea+\t\x05\xb0xl\xbe\x85yS!\x16K,%\xdd\x013d+\x1f\xc5\x00\x1c\xb7~q\xc6\xce\xdaWB&lt;\xce\xd5\xe2y9,\x96bY\xa3aV\xc5zl\xa2\x01\x0f\xbdqb\xb1eU\x8bI?\xcd\xcf\xdc\xca\x83u\x9feY\x021\x995\x0c\x08\xadqd\xa7k_\x9ej`nmnx_Z\xbf\xba\xbf\x02C\xb6C\x13\x0f\x18I\xad\xb6\xb5\xb8K71&amp;\x1f!\xc7\xd4\xe5\xdb\xd6\xda\xd0\xce\xce\x8e\\VL\x1a\x12\x15\x16\x16\xe1\xdf\xe1\xd0\x8c\x7fjC&lt;\xbd\xca\xde\xa5rg\x012\xa1\x84SKeTM}nja\x81\xc2\x08=\xaaA&lt;:\x05;\x90=1,\x9c\xae\xd1\xc7\x1fFlNH\xb9\x9c\x9d\x86\x83\x85\x9d\x9d\x9f\x8aWN4\'"\xa6\xad\xb9\x81\\T\xbe\x135\xc8\n/\xe5Kv\xae\xad\xaeXTT\xc5\xc1\xc6/Z\xb4\xc7`r|xyOGI\xb1\xb7\xc7\xc1\xac\xbf\xa6\xa6\xa9\xbfs\x91\x8f\x8f\x93\xb7\x99\xb6\xbb\xa7\xaf\xaf\xbe\xd7\xd4\xbc\xcf\x96po\xcc0W\xcb\x9b\xb1\x93\x01\x07\x06/xFl\xb8\x96\x9e\xbf\xb4&lt;i\xae\x17+\xbaN]\xa6\x97\x97\xb9\x89\x9b\xb7ek\xb2 D}\x96\xca\xc0nzj\x02\x07\xd3\x87\x9e/13d`_\x9b\x8d\x8b\x9f}{\xd0\x0f;\xb0CT\xd9\xb0\xb9\xbe2K\xefZ\x84\x7f\x04\x06\xb3\x8a\x87\x8ci`\xabU^\xbc\n&amp;\xbaU\x81\xd5\x97\x8c\xdbp\x94\xe6\xed\xf9\x83\x8e\xb4\xaaN{e\x1d%\xd1Rw\x1dF\x82\xa1w\x9b\xc9Feb}\xac\xad*XMj\x99\x99\x16&amp;~%*(R\x95\x01\x1d_\x9d4e$6i\xf1P\x99,\x00\x00 \x00IDATx\xda\xcc\x99\xdfO\x1a{\x1a\xc6{\x92I\x98\t\xb4\t\x04\x82S&lt;\x93\x01\x04\xb6&amp;rH\x86`\x02\xf48\x0c\xbf\x16j\x05\n\x85\x1a\n\x01\x05\x8fq\xcdZPj1\xc6\x18m\xb2\xbbYs@b\x1aK\xfc\x81!\x86nbHNT\xe2\x856\xa9I\xd3\x9b\xbd\xdeK\xbb\x97\xeb\x7f\xb1\xefwPk\xdbs\xce\xcd\x0ev_\x03\x8e\x18\xc3\xc7\xe7y\xbe\xef\xfb\x8e\xde\xba\xf5\xbf\x15\x8e\xa3\x07&gt;\xb1\xb1\x91\xc4\xf0[8\x86\xf3u\xeb\x1b\x17b\xc0\x92\xc9\xcdw{g\x95\x83\xf7\xebo7\n\xff\x07`\xf8\xc4\xce\xfa\xc1~\xe5\xe4\xe4\x8c&amp;\x08\xb2V\xabV\xcf\xf6\xf6?\xbc\x7f\xbf^\x98\xf8fhH\xa7\xf7g5\x92$\x08B\x04T\xf0,\x82\x0b\x12\xaavz\xbc1\x81a\xdf\x02\x0c\xf2T\xd8&lt;\x03\x94v\xb5\xe9\x00\x8f\x7f&amp;kg\xef\xd66\x93\x10\xb6\x1b\xa6\xc2\n\xc7\xfb\xfb\x15\xf6\nK\x84\x90\xf8\'\xfe%BD\xd7\xaa\'\x07\x1b\x13\xf8\xcdJU\xa8\x80}\xf4\x05\x04/\x17\xdd\xbe\x047E\x17d"z\xef\xa0p\x93Nb\xd8A\xed\xe2\xdd?\xb9\xd8\xd6\x8b\xa0\xc9O\xac\xa2Z\x05\x8e\xe6Mi\x85%\xdf\xef\x91\xa2\xcf\x8b\xb8\xb2Qt\xc5\x0b_\xd3\'\xeb7e$\x86\x1fW\xc9O0\xd7\xc9\x00\x84$&gt;K\x1bQ]\xbb\x19.\xbcppy\x02\t\xfa\x9a:D;Y\x9f\'\x1f\xdc\xdd\xbb\x11.l\xa3R\xbb.\x12yM\xb6\xabT]SLD\x9cu\xdeG\x1c\xdf8%E|\x03\xfdU\xeb\xda}\x0b\xc9\xd6&gt;\x94\xfcK\xc0\xd5\xe9\xb4o\x9e\xf0G\xee*\xf1\xe4U\xef"/]l7{d1\xc2\xe5\xf3\xb5\xde\xd9&gt;\x81m\x9e\x12\x9f\xb9\x05\xcd\xe9\xda\xb9C\xcd\x9e\x17\xec2p\x04\xcb\xf3\x93\'\xc9Nr\xe1\xc9\x8f_6\x86\xcb \x11\x17#\xe8\xa2\x85}Q\xb5\xcaN\x07\xfb\x17vm\n\xfeJ\x11\x04A\xfe\xc6\xf7\xe9\xca\x06\xd61\xacB\x85&amp;~\x97\x89di\xd1\x97._\xcc\xa6\xd3\x1d\xbcSy_\xaf}ME\x904M\x93\xe8t\x12,\x0b\x170}\xd09\xfc\xaaU\xd4\x8e;d#\x96&lt;!\xbe\xd4\x87\xa4\xd9X,&amp;\xf5\xb3\xc0\xc6\xc6\x18N\n\xe3\x1b]\x92_\x05\x8c\xfc\xd8\x19\x1bq|\xbdv\x1d\t\x01\xa9\xd5jN\xa9P(9\x03\xc3p\x1c7\x17\x9dS\xc7\x10\'\x0bE~\xe6$\x8c\xc7\xd3\xcd\x8e\xa8\xb5\xf3\x91\xbed\x02\x91\xfcRF\tD\n\x8f/\x18\x0cz\x82&gt;_0\x17\x1d\x19\x89\xce\xcc\x8c\x8f\xcf\xcd%8\x8e\x89!\xc9\xae\x91\x91d%\x89w\xa09\xec_R\xd1~6\xa6f\x18\xa5\xc7\xe3\x03\xa8\xfe0T*\x1c\xceE3\xf5P$\x12\x82\xaaGg\x80\x8d\x8b\xd1\x90\xb6O`\xc4\xde\x8e\xf06\xe2\x85\xd3\x8b\xc1\xe7\xd7H\xd5\x86\x1e\x90\x8agJ\xc9\xe5)\x97\xcb\x95\tg\xea\xf5\xd0\xd1Q\xe3\xa81\xdd\x98\x06\xd9rA\x9f\x82QKc,}%Wu\xb3\x03Mug\xaf}\xf4i)cP*y*\x1fe\x1e\xb6\rj\x07m\xc3\xc3\x00V\x0f5\xb6\xb6\x1a\xa8"\xd3\xa1\x91\\\xbf\xca\xe3Q\xf2^^5\xafw\x05\\\xf0\xc0\xaf\xd5\xdaZ=e8\x9eJ\xe1\xa1(UjX\xab\xd5\xe9\xb5\x8068:\xdd8\\\xde\xda\xda:l4\x0e\xb7\x8eB\xf5\xb0\x8a\xa2(\x93\x82\x93\xfa\xaf5\t\xe1\xb1&gt;\xf0\xd3\x17\xfc3\x18\xf8\xac\x9b\x00+ \xb7iu:\xbdN\xab\x87jl-//\xaf\x02\xd9!\\DB\x19\x15\xa5RQ\x1e\x93\xdd\xa0\xb9\x9a\xe6\x1f\x84v\x11\xc3&gt;BS\xf0\xab\x19\x03\x87be\xf2xL\xf0\xaei\xb9\x0c\xa8P\xb9\xdd\xf9\xad\xe5U\xa8\xe56\xdcac\xd4\xac\nP\xa0\x98Iy\xc9E\xd4\xd6\x84\xc6\xc2w\xce\x08&gt;V\xc8AD\xe5\xa1T\x01\xa3D,\xd3\xf1L\xd9l\xd6\xb2|\x89\xb5\xba\xfb\xcf\xe5\xc3C\xbd+\x10P\x05T\x0e\xcan7H\xdb\\\x90y\xa1[\xfcq\x8d 4\xcc\x85\x81(V\xaa@\xdah\x15\xcb\x10\x14T&gt;\xbf\xbc\xb2z\x85\xb5\x0bj\xe9\x87\xcd\x81t \x10\x80|)\x19\xfa\x12Kh\x13\xf7i\x82\x8e\xf1ioS\x05\x9ci\xa3\xc4*\xb6\xe9\xdcY\xf8\xc8\xe7-\x88\xaa\xbc\xbb\x82\xb0\xc0\xc6\xad\xac~Xn4K$f\x87\t\xb8\xda6\xd6\xde\n\x8c\x85\xe6!\xc9\xaa9\xee\x92*\x9d\x86\xb7\xb4.\x89e\x7f\xcb\xe7\xb3\xd9|\x1c\xa8v\xcb\xbb\xbb\xbb\xabe\x80[\xb1\xc0\x8bZ\x9b\x1cJ,WyMJ\x85\x9a_=\x84\xc7\xda\xd9#i\r\xc3\xb5\xc7\r2P\x82\xa8\xfad\xf7\xb2\xf18@YV\xca\xa5\xddRi\x16\xa1\x95v\x81\xcb\x92\xd7\xcb\xc4\xa8\xe4\xc8E\x85\x81\xef\x125\x81M\xc4\xb1\x8d3\x84\xc5k\xe5Q\xf5\x07x\xad Y\xba\xae80YVVJ\xb3\x0b\xb3\x17U*\x95\xcb\x80\xe5\xd6\xc9l6\xe02\xab(\x85\t\\\x84)\xc4\n\xbd\xd3c\x7f\xac\xd2~)\x97\xe0\xb5\xeaGP\x90+q\x9f\x0e\xb4\x8a?Y)\x97\xcb\xb3\x0b\x08\x8b\x7f*A\xadX\xb2z\xbdN&amp;\xb3\xc9l\x92\x80\xd7\x04Xhn\x93\x07B\xabu\xcc\xd2,\x93H \xad\x00\n\x85\x06\xd2\xaes\xc7-q\xcb\xcbr\xa9\\j\x13\xbdx\x81&gt;\x01\x96%\x9e\xcf\xba\xdd\xf7d\x00&amp;q:(\xaf]C\xa3mQ\xe0v\x8aO\x1c\xd0t\x8cK$\xe6`:\xf3T\x83Z\xe8\xec\xee&lt;2\xb0\\\x06\x0e\xc0Z\x98]x\x81\xb8\x10\x1f\x84\x0b\xf9\xd8=6\xd6g\x95\xa4\x1d\x0e\xbb\xc6O\xfbiZp\xac\x0f\xbcX\xe3\xe3@e\x96\x8b]\xaeA\xfd\xb4^\xab\x83\xb7Fa\xbf\xc0Z@Xm\xb0\xf2\n\xaa\xb8\xbb\xbb[&amp;\x13K\xd2\x01\xfbS\xbf\x1f\xb0\xde\t\x8e\xc5\xc6Z\x89\xa9\x99\\8\x9c6\xa7\x82\xb0\xe6%\xa6\xa6\xa6\xc6\xa3\xf5h\xa8\x91_A.\x82V\x88\xea?\x805\xbb\x8b:\x05&lt;V,\xdf=\xec\x96\xf5Y\x8d\x0eo\xcf\xf36\x96\xb0\x89\x9f\xd8\x8f\xb5\x9aS3\xe3\xb9p\xbf\xca\xc7\x81#,\xcbo\xc6\xd5jk*3\r\'\xf1q\x9b\n\x1e\xb3\xbb\xab\xcbG\x91\xf3\xf3\xf3\xa3\xf3\xf3\xad\x86\xdb\x8d\xb0\xe6\x1d&amp;\x83\xa6#X\xd5\xe6\xeb\x99\x99\\.\xacRJ5\xbc!4\xda=\x81,\xc6\x05G\xf3\xf1\x97\x03m\xac\x12\xcc\x9dH\xb4\xd9j6\x9b\xadV\xf3u"\x91\xd1\xda\xacF\xa7\xc3\xd4\xf3\x14~\xa6"\xf0\xe8\x99\xf8Pm.\xbe\x89\x82XJ\xa9T\xcd\xc0\xad\x85\x06\x89\x85nx4jejP\x7f\xfb\xc7\x01\x84U\xb2\xe4G\xe6\x18$$\xdch\xd4b\xd5\xaaT\x1dt\x89\x01\xab\xd8\xd3\xab\xf1\xb3\x02cA\xb6Z\xaf\x17\xff\x0cX\xbe\x1e%\xd5oN\x99\xcd\xfd\x1e\xa5\xd2\xd0\xfb\x14\x94\xd3p\xfd)\x9b\xfb\xf1\xc0\x0f\x80U\xce\x0e*\x18?/"O\x06;\xbf\xd2\x17N\xf3X\xd2\x0e`\x1d\xb4^\xcf,FaC\xcf\x8c\x0eB\xf3\xee\x83\xfe\xe0\xd6\xa1V\xb9\xdd\xfbt\xa8\x18\x90\xdf{T\x02\xb5\x16^\xeaS\xe0\x16,\xfbj5\xc3M\xe5r\xb9z\x06vzU\xdaQ\xb4\xc3\xaf\xc0\n\x9c-h\xa7\x80\x15\x8dF3\xa1\xc6\xf4\xb0\\n\x15\xeb\xb3\xd0F_\xc6\xddZ\xb1\xb3h/:$\xba\'\x8fA\xad\x1f\x1e\xe9\xcc\xca\xde\xde!\xbbI\x95\x1a&lt;D\xab\x84%\x9buy\x94i\x87w\xdb\xa0FX\x02w\xf9\xf5&amp;\xc2\xaa\x87\xce\x8fF]r\x89U\xc6/Yn\xfda&gt;\xaf5z\xbd\x0e\xa3\xec\x0e\xc2\x1ax\xe2\x1e\x948\x9d\x92am\xd6R\xe6\xbbj&lt;\x9b\xd5IL\x01\x87\x17\xb9\x18\xdb\x17x&amp;\xe2o\xf7x\xac\xa3\xf3\xa3\x11\x97+\x95\x86\xb5\xc0C\x85\xa1[\xa4\xf4Z\x89\xb7\xe8u.\xdd}4\xf0w\xc0\xfa\xce-\x83\x85u\xd0\xe5\x1a\x9e\x86\xdd\xdeb\xb9\xdb\xddm\x83~\nXv\xc0:\x10\x1ak\x13\xb0r\xd1\x10\xdc\xd2\x8c\x84F\x82\x86!\x03\xc3%^/\xfe\x12\n\xab\xe4\xe9\xe2v\xd1+\x19\xbb\xfd\xe3\x8b\x17\x7f\xb8\xddu\xafO&amp;3\x9bL\x1e\x932W\x0f\xaa`tZa\xd5\x80\x0c\x02\x96&amp;v,\xf4\x06\xb1q\xda\x1c\x9f\x89F\xb6"\xf5\x91\x88\x8f\x81\xdb?\x9a$\xd9Z,\x91\x19M\x19\x8b\xdb\xdb\xc5\xf9\xa5\xbb\xf7\x07\x06\xbe\xefz8\xb6$N\x17M&gt;N\xcaV\x9b-\xce\xdeSt\xcc\x1b% \x97\ta\xad\t\xbe\x06\x9e\xa0pE"#\x99L\x90i\xa1\xbf\x7f\xa0\xff\xd4\xc5\xc6\x95\x99C\xadw\xbbX\xf4\x1a\xc7\xee&lt;x\xd6\xf5pr\xccjuR\n\x86%\xc9\x1aI\xb3\xbdC?\xbf\xf2:\x8dF\xe7&lt;U\x04,A\xd7@\xf4?\xba\xc2G\x98=\xd1\x11\xb8\xa9\x0f*\xa5,{\xba\xd8\x82\x05\x8an\x9e\xd7\r\xe1Cg\xd1\xeb\xf5\x1a\'\x7fzv\xbfkrrlI\x9b\xb2\xf7D\xab5\xbaJVaI{\xfe\xf3\xf6\xbc\xd1\x88\x1a\xea\x90\xa6\xb5! \x15\x86M`X\xb2\xd2\x9a\x1a\xcf\xa16J\xf5&lt;\xd70\x7fz3\x05z\xc4\x16\x8f"\xd1W\x0e\xa3c\xde1\xbf\xd4u\xff\x01\x8f\xd5\xa7\rG\xeb\x91&amp;,}\xe4\xdeI\x8b\xf5?\x07,\tJ\x97A\xb3W\x10\xb07\x14\x8e\xff\xb5\x96\xc4\xf6[S\xc1\xb0\xdcl\x0eP\xc5\xa1\xde^C\x8fR\xdd\xdb;Wwi\xb5\x8em\xc7&lt;T\xdf\x9dg\x03\x7f\xbd3\xd9\r\x0b\x16\x15\xaag|R\r\x1b{\xf3\xcb\x94ah\xdba\x94,-Y\xd3\x94AsR\xc00\xa1\xfe&amp;\x98\xfc\xf7\x0c\xc3\xfdcs?\x81\xb0\xe4r\xd8\x06\xbc\x94G\xf1jh\xa8\xc7D\x99\xe56\x99\x1c\x98\x9cN\xeb\xe4O\x0f\xfe\xf2\xe0\xfb\xc9\xff\xd2j6\xafi\xedi\x1c\xef\x01\x17\x01=\x07\x14E\xd1c\xb8\xe6\x9c\xa3\xc7\x03\xbe@E\xc1W\xbcj\xc4\xf1%\x89\xe6\xb4\x8a&amp;\xf8\x1aK\x13R\xa3\x8d4A.!(*\t\xde\x19R\xe4\x0e4\rM\x18\x92l.\xa4\x9d\x96.:\xa5\xb3\xb8\x8b\x0b\xddN\ttq[n\x17\xf7\x06\xb2\xe9v6\xf3\xfc4\x85\xf9\x03\x8eOZ\x926\x0b?|\x9f\xe7\xf7\xbc\xfc~\x0fIB\xcc32\x89F\xb3q/2\xeb\x1e\x0e\xb7\x9c\xd0\x0b\x92\xa4I2\xad\x9c\xf9\xf7\xf2\xf2\xe1\xdbea\xe2\xeap\xe7\xfb%N\xb7\xb4\xf4\xfd\x83H\x01\xdaw\x93i\x17\xda`\xab\xfbh\xcb\xaa\xb1\xb9d\x0c\x05\x85\xd8l\x96\x98T\xb5\xae\xa5\xeb\x01\xac5c\xbfOI`\xa2\x86I\xc4\xdf\n8I\x15\xb86N\x8a\xe7\x14\xd2\x17o\xdf\x17\xcb\xef\x85\xb8\xb6\x11\xdd\xfaE\xfa\x97\xef\x15\x86\x04\xf4}\x11\x1b\x8c:q5\xea\xec\xc0+b\x98z\xecY\xcc(\x96@\xe88\xc9j\xb4\xd3\xe9\xf4Tkd\\\xa5\xc2*\x0cLc\x14\xcc\x18\xa4\x9a \xaa\x1e\x1c\xc8L\xb6Y\xddv9\x98ws?\t\xe0\xc7\xa9\xa9O33\x89\xf9\x88r\xe9\x1b\x16\x86\x13\x04F`\xb8\x87\xe7\xdbv;\xd67\x81VN\x13V\xf3v\xf6:Q\x1c\x84Q\xe1`\xc96XZ\x9b\xe4\xf9Z\xad\x96\xd4bq\xf0\xa2a\x9e\x8a\x85\x9b3\x9f\x84\xc0\x12}j6\x13\x8ard{\x1b\xfax\x08\xa58^\xf5 cy\xaf\x17&gt;\x97\xc0LP\x03w\x8dU\xa0\xda\xebx\xab\xaax\\\xa5eY\xf8\xad\xe5\x87\x1f,\xc8|^/\xab\xc5\xd4+N\x8d\xb2\xcc\x04\x8e\x86\x89\xcf\xc2\xa8\xd5\x1c$\x86\xa9\xf2\xf6\x83{\xf3\xa9\xbcX\xa6\xc6=I\xb6\xd6\x8b\xfa\xd0\xc7\x01\x1efn\x05$&amp;5\xdb\xdd;\xde\xdb\xeb\xd6\x08\xf5Z\x9c\x00b\xaf\xcf\xb27\xb2\x0e\x80\xd5pB\x05\xc1\xa5tHZ\xe1\xf0\x960X\xcf\x07\t:\xa1&lt;\xb9w\x0fa\xc9\x01\xab\xea\xa9\xf5\xbc\xdd\xae/\x1a\xad\xb1l2\xde\n\x07\x9c&amp;\xb5\xa7\xdb\xd9;&gt;\xeeDA\xae5\x15\x0b\xbf\xf5Y@&gt;\xf8/\x04\xc6k\t\x95\xc99\xa7\xb4\xca1\xc8\xf7\xc2`=\xe6\x00\xcb\x10\xb9\x87\xe6\x8b\xbc\xdce$n\xb0\xbc\xdeh\xaf\xd7\xf3\xac\xb5\xb6\xbea]_\xefu= \x97\x8a\xf5Y,\xf0o\x04z\r`\x1d\x1e\xc7\xd4&amp;\xa7\x9f\xa6\xc5\xf8\xaeX\xfc\x87 \xb1uh\x18\xba\x13\x83\xe66`m\x943\xb1\x90\x8a\xf0\xd4\xa2\xe0\xa5h\x14\xfe\xf4&lt;\xa0\x96\\Fb=p\xe2\xf5\x97\xe3N\xafz\x83\x85\xc4\x02*\x84e\x89\xe2*\x94\xb8h\x05C\xec\xba\x98\xe7\x82d\xd4\'K4=h6\x1f&lt;|x\xe7$X\x82^\x19B\xba\xd6\xeb\xc1\x01\x03\xb0\x9e\xc7h\x16\xab15\x11\x05\x86/_\x8e\xbb\xde^U\x05\xf9\x1e\xa8\xc6X\xf0\x05N\xc4\xd7L\xce\x805A\xef\xe2\xa4X\xffE\x90z\xfd\xe4\x81b\xd8l\xd2\xd0\xc9\x9f\x9c\x14K\r\x8a\ta\x04\x8e{\xaaUO\xaf\x17\xadiMb,\x99\xcef\x93\xe0\xb1\xeb\xebN/\xda\xf5\xd6&lt;\xd1\x11Vg\xef\xd11\xd8#\x0b\x9bV\x91\xbbf?\xcd\x1d\x05V\xfa\x12\xbd0m\xc4\xb3\x87\xb3\x89fs\xfa\xe1\xce\xfaIq\xa1\xd1\x88Qz\xa3\x11\xe5&amp;-\x8b\xb0\xe2\xe6J\xbb\x9d\xd5\x9f\x86\xf0\x9a\xd7b\xe9i!QtY\xde\xd7\xed\x8e\x92\xc3\xa3\xbd\xbdG\xa3\x80_q\x06\xc2\xb4\xa1\xd0\xda\xcd\x8aO\x9f\t\xf3L\xb03\x0bjM\xcf\xaf_\\,..\x94J1\x8ab\xfa\x18A\xe0\x10\xf9=Bb\xdb\xafd\x1c\xf3\xe5\x18\x89\x11i\x16g\\\xfa6\xefa\x01\x0b\x1dF\x10\xcd\xe7\xe3=\x90LW\x9c\xad\xad\x84Rf\xdem\xcb^\n\xd2FL=[W\x0c\x07Mzc\xfdl\x15\xb0\x8ac.\xa80\x04\xc8\xc5\xca\xc2\x8e\x97\x81\xc1w\xdf\xdd\xdd\x96\xcb\xc4.}\xfe\xf6\xdd\xbb\n\x06K\xc2A\xec\xfax;\xef\x8dB\n\x81cH\x9a\xccaZ\xa7\x909W\xf6\xa9?7\x85x\xf9\x11m^ \xac\xc1\xfc\rV1S\x8a\xc5d\x8c\xd1\x08\xe5\xa7W\x13\x1f\xb9m-\xf7\x00f\xd8Y\xc7\xf4\xb4\x86\x9e\x99\x99\x19\x04L\xed\x0e\xca\xee|\x9b\xe7\xf9d\x1a\xa8\xd6\x90X\x9c4bZ!\xdb\xb2\xcf\xcb\xc2`\x1d(hH\x10\x11\xc0:@Xc.\x19\x19\x87D\xc1\x93[C:\xec\xf7\x1f\r\x87\xb4\xd5\xed\xb6\x91$#\x0b\xb4\xc4^\x84\xe5\x05(6\xe9\x81\xf2\x14\x1f\x89\x95\xcb9\xd4k\xea\xb6\xeb\x0fa\xb0\x96\xcf\xe9y\x87{\xb0\xbd3\xc2\x02\xae\x12\xf8\xd1%\x93\xad\xa9&lt;\xbd\xa8\xd6\xd4\x1a\x0e\x8f\xc2-\xbf9\x10\x0e;\xdb^6\xad6\xb7T\x90\xe1;\x80\x05\xa51\t\xe1\xae6B\xc0o%r:\x87\xd3\xa9\x0e\xc9\x9f\x0b\xb2C"\xba\xff\x89\xdb^p\xd0\xf4\xf6:`-\x8e\xb02\x19\x97\x0b\xe4\xaa\xd6j\xac\x87X\x81\x9eY.\xee\xdb\x89\xbe\xc7b\xa9\xe1\xc6]\x92\xedBv\x80J\x98L\xa7\x91\x0b\x8d\x90J!;\xe48\xbf\x04\xcb\xca\xa9/\xc2&lt;*\x8a\xden+\x16R4g\x00\xacU\xa4V1X,\xb9\\.\xe4E6\x99\xacbqt\x9f\x1c\xb2\xff\x08\xe5\xd9\xc7\xa6Y\x16r\xd7(\xb6 \xd8q\xa0bd&amp;$\x16\'\xbd-a\xda\xf6\xccS\x81\xc6\x0c\x08\xae\x8d\x85\r\x9aK\xec\xac"\xb9\x8a\x88+\x03z\xc9\xd60m\x15z\xaf8\x85\xb0\x98z\xfbG\xfe\xaf|6\x0b\xe7\xd3\x8b\n\xb9/\x8a\xc2\n3\x922\xb1\xd3\x1c&gt;J\xe4\xa4\n\x8a\xac\xd4\x1b\xef\x85z\x19\x16=\x86\x91A\xc9%\xfe~\xb6\xba\xba:\n\xfa"r\xa3\xcc\xa8\xc2\x08\xb5\xb1\xcf\x88\xd1k\x85K\x1f\xaa\xa3K\t}(\x9bN\xa2\xb2\xc4\xb3Z\x02\xe2\x8aAcukk\xc8\xe5\xa4\xa9\n\x13\xaa4\x1e\x0b\xb6wp\xff\xc3EQa\xe0\x96 \xe6W\xd1[\xf4\x08+F\x19C}#\x13se`\x1c\x82\xce\x82\x1a\xbfw\xc6\xa8\x98\xbe\x82C\x93\xc8CK\x8aA\x83\xed\x94H\xcc0#r\xb9\\\xa9.\x93\xc5&gt;\x0b\xf8\x8c\xbe\xfc\xebA\xc4\x90{\xb0\xbe:\x92k\x1c\xf5\xe8\x06\x9c\xa2\\AP\n\xf94\xa3\xaf\xec\xff\xe3oO_\x9e\xea\xd1\xcdW\xd6\x9en\x03\x96Z\r%Z\x02\x87\xf4\x08B+\x97\xa2\xe4\x85\xd7O\x04\\\xd2\x10\xdd\x7f\xf6\xeb\x877\x87\xe7#/^,\x8cR=`\x81\xb9\xe4\xf2X\xac\x14,\x07A\xbf\xc6\xd3\xd3\x97O_\xd6\xeb\xf5\x90\x1e\xdd\xd7\xa7\xa1\xe6\x18\xc9]\xc97\xac\x9d\xf3???\x17\xf6m_\x04}\x17d\x8a\xb3\xd5Q\xeaBr\xa1\xd7\xe9\x06\x14\xeeR\xa3\x91\x9a\x9f\xdf\x08\x82~\xf0\xe3\xe9i#\x98\xa9\xd8\xeb\x80U\xc7\x08\x95\x91\\\x11\x03V\x0ba\xbd\xfa\t\xed\xed\n\xfd\xf8\x8a\xec\xcd\x08k\\\x18\x1b\x14"\x02\x0b*\xd0c\x1e\xf4\xd3\xf9&lt;Z;\x98\x9d\x8d8J\x08\xcb\x9e\xcd\xaa\xd1\x88\x8dnk\xb6\xe8\x84\xee\xe7C\xd1\xadI,qM\xdd:\x04\x1f\x1e\x1c\x8c70\x1aH\xacR\xb1\xb8\xa1\xe4t\x03\xe8\xf6\xddV\xabF\x13\x86)zH\xd3\x8a\xbc\xbe\xbe\xbfo\xc7\xd5\x88\xca&lt;\xbef\xd6\xedlNhSjj\xf9\x1ca\xbd\x06\xb5\xa0\xefjP\x8dR9\xa2\xb8\x9d\xcbq\xd0\xbb\xc2p4t\xbb\xa1\xb9\x1e\x0c\xe1/\xed\xc8\xd4\xf7\xedv\xa3I,GX\xd3\xee\x04\xa7;\x9f\xd4\xde\xa2H\xf4\xe1l\x8c\x85\xd4j\xc42y\x85nf\xa6\xc9\x1d}E\x16\xfe\xea\x9e-\x07\xbf~\xfd\xef\xd7\xa3A\x93S\xa6\x1av{\xc8%\x97\xd8\n\x81\xb90\x9d\xe0n\x7f\x10Ml\x7f\xeb\xf1\r\x16\xc4Wc\xa1\x14\xccGnK9\xb7\xcdX\xfd\xfd?`\xbf\x83\xc1\xb7\xcb\xab~\xc0\xd0\xcc\xcdf\xea\xf6\x90Ln+\x14\xe6ZV(\x88\xaf\xdeN\x0c\xeb\xd6\x93\xdfn\xd4z\xfd\xbaQ\x0c\xe6\xcbp\x06\x1d\xc1F\xa5Z\xbdz7\xb6\x8f\x1f//\xaf\xf0\xbeM3\x1f\xd4\xd7+\x8cK\x8e\xc4\xf2o\x19 =,Ol7pj\xf3\x05`\x01\xd7\xe2\xe2\xebE\xc0\x82\xec\x1e\x84\xccp\x9a\xc5\xaf./?v.\xdf}\xec\xbc\xf3^\xb5\xb3}(A\x95z%D\xa1\'\xbb9\x7f\xd8\xcd\xe9\xa4\xe7\x13\\\x89\xbd\xfff|\x14\x11\xd6Ipl\xa5\x12$\xf5\xeaU\xed\xf2\x92\x07\xb6K\xbe\r\x99!\x9b\xad\x00\x96&gt;&amp;\xb694\xfe0\xf2\xe1\xdd\x7fNp\x93r\xea\xf0\x00\xe5\xf9U\x04V\x84\xcc&gt;\xe2\xcadJT\xbf\x12\x82\xa2\xd3\xafd\xed\xe8} \x0b_\xaa,`\xc9\x1d\x1a\xcd\xb4\xd5\r\xdd\xc3\xab\xc3I\xee\xc3n\x9e\x9f\x9d\x9d-^\\@e&lt;)\xe7\x83y\xe4GP\xc4j\x9dU\xd0\x06\x83\xd2\xaa)\xe4\x83.\xa6\x1f\xaa`\xaal\x88\xca\x14\xd0\x8a\x8d\x1b\xc4\x92Nb\xa3\xec\xff\xce\xe2\x0b\xc0\xba\x18\xd9\xc9\x9dT\xaa\x9cJ9\xe64\xd3\xe1\xd1\'Kg\xa49\x8e\x0e\x17\xe4\xd0\xf2\x84\xb0J\x88\x89\xe5\x1d\xd3\xd61\x95\xf4_\x13\xc5\x9a\xfa\xb4&gt;2\xc0\xbasgc#\x85\xb0\xfc\xd3a\xf8p%\xad\xa4A07\xbaNu\xa1\xbd\x1b\xc6\x95\xb1i\x10UB\'\x95\xde=\xdb\x9c \xd6\xad\xa9\x0f;;c\xae\xf5\x13\xc0rl8 \xa6\xe74s\x85\x82FS(@$9@,F\x8f\xf6\xcc\\b\x10K\xe1Fo\x8e\xa0\xe3o\x9b\x13U\xeb\x97\xf5\x9d\x9d\x1b\xb2\xff\xd1r\xee1MgY\x1c\xb7\x0b\x93\x90\xf4\xb54\x14\x9a\x96vRi)%\x8b\xc1\xb6NS\x8b\xc9\x00\n\xedH\xa9\x81\xccPV(\xb0\x8b\xd0"\xd8u\x03&amp;\x10\x13\x1e\xfaO\x1bk&amp;\x15\x07\xb4&gt;B\x96\x10y\xeb\x80\xb2\xb3\x11Y(,\x03\xe3N\xd0\xa0\xf8\xc8F\x8d\x99d3\xfb\x87\xfc\xe1\xae1\xebd\xf6{\xee\xafu\x1f\xd9\xc7\xec\x0c=E\xf954\xf1\xc3\xf7\x9c{\xee\xb9\xf7\x9e+\xb0\x0e\x98\xcdf\xa7S H\x91h\xad\x12\xbf&gt;C\xcbjA\x94\xa8\x99%%V\xc4{Q\x94j{\xf2\xb0;\xaeX7\xbb\xba\xce\x9dk\xed\x8ab\xc1\x8b&amp;\x93\xc0*\xd1j\xfd~d\x05\x9e\x90F\xe2\xc1}\xacJ\xc50\xb4c\x1c e\xc1\x87\xea\xb8b%n\xeb\',\x8e\x8b\xceb\xcbQ\xcf\xf0\xe9\x1c\xd6\x7f\xe8\xbd\x93\'?\xfe\x98\xf6q\xdf\xfbe\xa66\xc3j\xad\xacUH\xa1\x95\x1a\xf1\x9e\xac6\xc6Y\xad[]\xad\xad1.`\xd5\xd7\xd6\xef\xb5R\xfb\x08kiaM?t$\x9b\x99\x01*s\x11Q\x91XF\x8d.\xbeX\xdb.B,\x8f\xcf\x07\xae.\xe2\xaaG\xf2BU\xcf\xb0N\x9e\xa2\x16\xa0S\xa4V\x89\x95\x9fbRHuF\x8e*//-\xaeX\xb4}\xe3\xf3x|\xe7|\x13\xec@\x1dX\xf5\x94\xe6K0\x07\xeeC\xbc_?A\x1de\x99\x95XvpTUUD\x95\x9b\x1bg\xac\xc4\xb6+&gt;_G55\xb2p\\\x1f\x11\x17\xad|0\xf2L\xb5?\xbf~\xe2\xfau\xd4a\xe5\xd4\x8f\xa0S#\xae\xaa\x92\xd5i\xc8k\xd2\xf8bmk;\xec\x01UAu\xf5D\x8c\x8b)VYR\xb9\xb7VQ\xbe\x97\xca\xfb\xdar\xf3\x81r\x04\x169P\x9d\xac\xceS\xe5c\xb6\x8e3\x96\xfb\x0c\xc3*\x00\x18\xc7u\xf4(e\xfbZ\xe22\x9b\xcb\x81Xo&gt;\x00\xb3\xa71\xa8d\xb5\xd4\xe9,&lt;\xae*\x1a\x8eo\x96w\x0f{X\xd7\xb9\xd1\xc8\x81\xb5z&lt;\xf6\x0e\xbb\xddn&amp;\x8d\xec\xd4\xa3n/\xc2\xdb\xa2\x02c2\x99Zjfk\x8c8cms\xcf\x13\x96\x11\xc1\xac6R\xaf\x94\x07\x91\xc6u\xa2\x16\x15I\xdfZ\x14\x8a\xa8R\xb0\xc8(T\xc4[\xad\xa6)O\x87\xb4\x80\xb2\xe4\xb1*5\\I\xd2\xe9X\x93,\x93PW\xa0\xd3\x81\x19\xd3M\x05f\x9c\xec\xdc\xba\x14&gt;\x9fa\x9d\x89+\x16V\xd6\xa4\x16&amp;:\x1a\xfaj8\x92yT\xcd\x8cb\x89l;gU:\x95\x80o\xcd\xc1\xb2\xbaP\xa1:&lt;\x10_\xb5\xee\x03\x8b\xe6\xdfc\xb0\xe4\x02\x9f\x0f\\\\\xd2\x8c\xc2P\x87\x12\xbd(1\x98\xf8\x12\x89\x84\xbf[P\xe8T]\x1b\x88\xdel\x8e\xcb}\xd8D`\xd9;\x18\x16\xc0\x92\x8d\xd5\x1e_\x14\x8b#\x8a\xd9\xf6\xe4\xd2&lt;\x15\xe6pI\xba\x04r\x15:\x15\x1f]t\xb7\xb5\xfdh\xa0\xad\xcd\x1d\x8f\x0b\xc4\x1cVuA6\'WU\x1ab\x1eXU\x0c\xeb\x83(\xd7\xf6cU\xd9\xba\xbc\xe2:\xabV\x9f\xcev!\xea\x9c\n\xfb\xb27\xe2\x8d\xcc\xccD\xbc\x9dm[w\xfd\x8e\xd3?\xb1\xc9\xdd\xf6\x94.\xa6@\xae\xd3\xa7OC1]G\xab\x07\x90U\xc7\xdej\x85\x98\xca\xd6`\xd9\x9f\xeb\xe4k\xfdQ,\x13\xb0\xe6#\x91\xc8\xcc|hjy\xc96\xb0ek\xb3$\xf7\xc0\xc5[\xbd\xfdK\xd3\xd3\x87\x81%\x95rX\xa7O\xeb:X\xbe\xc0\x08 \xed\xb2\xb3u\xbaX\x8f\xbf\xc2$\xd9\'\xf77\xa77\xf01k;\x9d\xf6\x10\x94\x9a\t-\xcc\xce\xce{;-M[\xb5\xab{ky~~\x18_\xa1#\xad\xadvi\x9aFWJ`\xd9\xa5i\x1d(\xaaJ\xb3a\xa5\x9av\xbaKPdW)\xc8\xea\xf8\x99r\xb9\xdc\xd1\xdc\x90CX\n\xd5\x95i\xc2\x1a[X\x08\xcdt\x06\xb6&amp;[$\xb9m\xfdSO\x9e&lt;\xb9\xf2dv\xb6\x8b\xae\x17Iu\xa5Q\xd3\xa5\x81\x91=i\xf2r\x15f\xba\x15\xc2U\xd2)\x12?m\x9d6\xa7K\x08\xcb\xac\xf0\x84\x18\xd6\xd8\xc2\x93\x99\xc1p`+\xe4JJ\x1c\xf0\xf6O\xcd.\x90\x8d\x9dkE\xcc3\x14\xcd\'0r\x1a\x16&lt;:\x8d\x06XL\'\xb3\xc9d\xaa3\xed\xe0\xfbEB!O&amp;\xd7\x03K\xe0\xc4\xc4\xd4\xba&lt;\xb3\x14\x1a\x9b\x18#\xac\xc1\xad\xe8\xd0Hj\xb2\xd9\xbc\xcb\xb3\x13c\x13\x137\xceWc\x1a\xb4K\xc1\xa5\xf9Ds\xf92\xd1\xe4\xe1\xaf\xcbyd\xe02\x9bh7|\xb7`\xb7\xfe\xa0R\xa9\xa4\xb31`\xed\xa8\x03VQ\xd7\xd44a\x85\x08+\x90\xb8\x15\x91e\xb3\xd9\x96fo\x9c?_QQQ\xed\xa1\xd9X*\x05\xc5\xe5\xcb\xed\xed\x0c\'\xaf\xbd\xbd=\x97L\xa50\xa5P\xeb~N\x8e\x84\'\xa4\xb3\x049s\xa2\x00k5\xcc\xe0\x9e+\x0b\x137\x18V\xd8\xbb\x15\xfb7\x17\xbc\xb6\xceH\xe8|\xc5\xfb\x1f\xbc_Q\x80*\x01\x15\x02A\x14\xa3\x90*.fO\xc5x\xce\xa7\xe5b\n%v\x89\xa4A\xcf\x83VB\x11\x8fs"\xe4B\x91a.?\xdaa\xbc\x81\x90\x0f\x87W-[p\xb8\x7f\x11X\xb6\xe5\xb1\xd9\xb1\x8a\x8ad\xa3\x94\xca)\xd4\x0b\xc5\xf9\xc7\xa9\x8b\x8d\xc8\xc0t\xfcx!\x96\x8b|&gt;\x1d4\xc2\xd2\xe5\x88,\xa1R\xc9\xb0H.\x14a\xb4\xebT+U\x87"\xc0\xf2z\x9b~h\xb6OjZ\xe9\xf5vvF\xa6B\xb3T\xd7\xa5\x15\xd9\x0f\xd0\x80#*\x01\x9d\x05\x80\xa9\x90\x1e\xe19L6z=\xf5\x06\xa5\xcb\x94\x8d{b\xb1\x05,S\xb9\xd9\\[)\xc9\x90\xa8\x8c\xf3\x91\xb0%\xbc\xbat\x81\xb8~\xd0\xe6R\xdb\xe3\x15\xc8\xd5\xb9\xb4\x90\xbc\x1du\x82NJ\x99\tX\x84\xd2\xd3C`\xec)\xa7\x81dB\xae\x92\xc9\xe4\x0e\x87\xc8\xb5gO#F\xa2\x9fS\xcbTW^\x9e"\xd1\xcb\xb5\xce\xb4)/aM\xffy\xf3\xee`\xaa\xfb{o\xd5\xe3W\xba\xf0|\x03X\x01oH\xadFI\xa5\xc9cw\x8f\xf2\x9d\x8c%\xa7\xa7G\xb0\x83\xddaihv8\x1c\x80\xe2\xc1d&lt;%Q\x89x~\xbfV\x82\xc5YJ\xad\t\xcb\\\xad\x8c\xe7\xcf\xf7M\xdb,\x96\xc1\xd5\xfb_o\xbe\x1c\x7f\xf3j2\xec\xfe\x1e`tt\xe1\x0e\xcc&lt;\xff\xba\x97\xe4\x9a\xe9B\x89\xa7K\xc3\xfa\nZ) \x11\xa8\xd8\xa5\x06P\xc1{\x00\x92\xe1\x8fH\xc4\xa3\xe3\xf5F\xa2:\x04\xb1\x80EGh{\xf7\x96\xc8EJ}\xf1\x91\x99N\x03\xb06\x1e\xce\xbc\x1e\x1f\x0f\x06\xfb\xeeL\x1a@\x96\xf8\x7f\xe9\x94\xe8\xb6L\xbe~9}\xef!\xf3\xa2m\xd9\xa73j\xa44\xf0\xf2\xf3\x9d\x85;R \x11]\xb6\xe8\x81/\x1b\x1a\x9a\xe5\x8c\x8b\xa9ETJ\x0cC\xbf\x1eb10~%_\x8b\xc1))\x1e\xf6v\x13\xd6\xef\xd6?\xdf$\xac\xe0PM\xdf\x08\xc8\x92\xbe\xe3\x08\xc0\xe7\x12S\'G\xe6\xc6\xd7^\xde}\xb0\xfeG\xaf\r\\\xdeP\x81.\xadHU\xac\xa2(\xaf#\xb5\x1a\xd2\xa9F \xd1\xe0C\x9a\x03\x99\x17EJx\x90\\\xa8\xd7k3\xb4Z\x94\x82|+\x96\xde\xa2F\xd1\xee\xa3\xd3\x9d\x06Cx\xd0\xfb`}e\xf2\xcdxp\x88,!and\xf5\xa7\xdf\xc1\x99$\xd4\x8b\xc1Gs}-\xe2 \xb06\xd6\x9f3/v\xde&lt;\xa2\x93\xaa\x10V\x850\xd6\xe3\x06*jRlHo\xd6#\xb0\x10\xec\x8c\x8a\x1a\xcf\x1a\xe1K$\n-\x99\xc4j\xcd\xc8\xf4\xfb\x85.y\xe1\x99Hw\x14kq\x10X\tbqBB\x02\xc8\xfa\xe6\x1eY\xfeG\x85HP\xef\xae\x8e\xf4\xb5\xb4\xb4\x88k\x08ke}\xfdS\x92\xab\xbbs\xd9\'U`\xc2\xc3"K@\x17\x90\xa0V\xb3COm\x8ar\x99\\\x16s\xa2\x88\xe2\x9d\x9d\xe8\x83\x0b\x19\x03\x9e\xd4\xfae"\xa1K\x99S?\x1d0\xa4Z\xc2\x83\xb6{\x9f-\x86_3,p\xd5\xd4@1q\xdf\xc8\xe0\x7f\x03\x83\xf7\xc2\x8f\xee\x10\xd4hMp\x08X\x9b\xbd\xcfw&gt; \xac@\xb7m^\xaa0\tR\x04\x026\xf3\xf1\x99\x13\x1d\x8ef\x0cB\xc6C1/\x12A\xadF\xa4,\x1e\xe3B\x1e\xa3\xbc\xc1\x13\xba\xca\xcax\x85\xc3^K\xaa\xc1\x82t\xfa\xd5g\x8b\x96W\xe3\xe3C\x1c\x17)\xc6\xc0\x0c\xff\xa1-\x15J\xbd\x08\x8f\xcc\x11\x13\xa0\x825p\xe2\xda+\xef\xe3\x9d\x0fWl$W\xb7\xf7\x8c\n\xd3\xden\x9a\xf8zz\x18\xd6n\xbd\x9cR\x83\x8cp\x84\xe4Adw\x86\x05\xfd\x1c\x0e?E\x9c\x1cc\xb0\xb1\xac\xcce\xfd\xd5R\xc0` \xac\xc5\xab\x1cV\x90A\xbd%\x1b\x9d{d\xf87\xe9\x9f\xfe\x1f\xa6AxO,n\x19\x15\xd7\xd4\x88[\xce\x9e\x1d\xfff\xedude}\xd7c\xe6EKw\xff5s\xa5\x15\t\x1dq\x9eCX\x0e\x07\xfe}\x18xP2\x88x\xec;e\x07\x04\x1a\xfb\x01\rM\x91\xab,++\xcb_&gt;o3\xa4\x92Z\x96/\x7fs\xf5\x0b\x03a\rq\\\xecE&amp;F\x8c5\xfd\x0b\x17\x12\xc2\xea\x9d\xbeQ\xb18\xc6t\xb6\xa5e\xed\x9b\xb5\x973\xbd\xf7vR\x8e\xb0\x05,\x96\xee\x9b\xd7\x04\x92t2-\xcd5\x94\xaeD$\x0c\xe14F\xd5\x12*]B\n4^\xf4\xadHY\x96\xf5\xe1\x87\xae\x94k\xfd\xdd\xa9\xef\x02\xcbb\xf9\xc3;\x0c+\xb8\x16\x1cJ\x88\x82\xc5\xb80,\xc3M\xff\xb4\x8ax\xc1\xa0\xf0\xb9(\x14\xb0\xc4\xc0Z\xdb\xf4n\x90\\^\x92\xcb`Y\xfa\x19_\xeb\xe0Q\xdch\x11\xeb\x0ey,\xa4\x84.\x97R$b\xbe\x14Rh\x1dDmC*\xb9\x94J\x17\x1d\xf4g\xd4?\r\x10\x15\xbchy\xfc\xceW\x01\xa6V0\x98\xc0\x85W4\xc6\x18b\xdf\xc8?@5\xc1} \x02SM\x02\x07uv4\xa1&amp;\xf8\xed\x1a\xbc\xd8{o\x17\xc9\x15\xe8\x0e\xdcZ\\\xb9\xff\xeb\xeb\x87(\x97\xcb\x1dz\x07%Q\x91\x88i\xa5\xe4\xb0\x08\x90\x8a\x1a\xe1A\xe1\x9e\xac_\xec\xdfO--\x10\xab\xec\x90i\xb8\x17r\x93\x13\r\xdd\x7f\xf9\xf1\xef\x03\x14[w\xe6\xfa \x03\x82F\x1c\x0b}\xee\xe1m\xf2tO\x8e@\xa9\x1a\xe2\x12\xb7\xc4\xa4J\xe8\xbb\xb39\xf5\xed\xf8\xcb\xbb\xb6\x8d?\xedzl\xb3\xf5?\xbb}\xe9\xd2\xed\xfb\xfd\xfd\x9f&gt;;\x01\xdf\xc8X\xe8\x88\x10R q\xb9\\4\r\n\xb9\x8a\x86\xde\x02f?^Ye\x14X\xa7n?]\xdc\xb8}\xe2\xd2\xb3\x15\xfcr_\\\xfd\xc9o\xbb;_\x8f\xbf\x99\xfa|\xf2\x11y\xa8%\n\xc5a\x89\xc5\xb1H\xb70(\xb2\xbfC\x8d\xce\x8d\xdc\xfd\xf2\xc1_\xcf\xaf\x8d\xbf\xfa[\xd7f\x10\xda6\x96\xc6q\xaf\x16\xe9 (#\x10\xf8\xb2\x14]\r\x12\x14\tT\xe4C\x9d\xab\xc0\xb7@ h`z\x98\xc3\xe0C!\xb79\x18\x11\xcc\x0e\xde\xe0\xc3\xc2\x80\x99\x86\xc6;K\xc1\xcd\xa1\xa5X\x84\x81AJI\xc3\xd6\xd5:q\xecL\xe3\xa4\xc6i&lt;L\xdd\xa4\xe9\xd6&amp;\xa9\xc9$d\xd3\xa1\xcc\xff{R\xdaa^@I\xa4\xe4\xe9\xf7\xfd\xff\xdf\xf7\xbd\x17x\xc9\x95w\xd4\x83\xee\xc6\xfb\xc3\x8b\xb7o\x96\x9e?Z)\x95\xe6_^\'\xa7(}h\x0bs\xf5\naA.4w*\xc5\x1b\x94MS\xd9l&amp;\x03\xb9\xbe\x99\xfc\xe6\xdeZ\xa9\xb4\xb2\xf6\xe2b\xf3p\xef\xfd\xf7/\xdf\x06\x83\xae\xbd\xf5\xebO\xff\xb9\xd8~\x15\xd6\x9f\xec\xde\x7fL\x19\x1d\x93\x91\xa3\x91\x7f_\xd4\x1e3\xa8\xc58\xa7\xa8\x8f\xde~\xb6\xd5x\xd1\n\xcc\xc3\xef~z\xf8\xdb\x8f\xf6\xd2v\xf1\xfd\xe1\xa6\xa5\x1ft\xd7\xea\xe5r\xae\x94.-]\x07\x0c\xe9DG\x89\xbf\x828\x18\xd3WAv\xf5\xea\x8dI:\xcf2\x95\xcdLLLd\xa6p\xfb\xde\ng\x94J\xcd3A\xdf&lt;\xc4\xd8\xdb\xdb\xfb\xf2\xcb\xbf}\xb7W\xb4,}\xe8\xef\x84\xed\xdc:\xa1}\xe2b=a\xfd\xd9\x83\x9b\x9f\x94\xa2\xe6NBu\xcf\xbc@\x12\xac\xcd\xbd\x9f\x1f&gt;\xfc\xff\x7f7.6\x8bE\xddT\x85\x83.a\xcdb\xc1]\xfb\xfb\xf4\xe4\xf4WXhR\x93\xe0\x98&amp;\xaf&amp;\xd9q\xe7\xc9\xd4\xccT\x96\x9d\x1f\xbe61\x91\x9d\x9a\xfe|\xc3\xe6\xb8d\xba\xd4\x1f\xe4%k\x13\xf3l\x82k\xef\xf0p\x13X\xa6*\xcb\xb2\x7f\xb0\xda\xad\xe7"?\x19\x19\xf6\x9e\x0b\xf7)\xb3c* \xddz\x80\x8cj\x84\x07CI\x03\x15\xa6\xf8\xe7\x9d;w\xfe}h\xc94\\W&gt;X*\xaf \xfb\xd3\x86Q\xfe\x96\xb1\xccL\xd1\x01\xb2T*\xfe4y#5\x07\x992t`\xf1\xda?2\x99\x14Q9\x9cb4[\x9a&amp;\xb9\xba\xe9\xba&amp;\xa6-\x16q\xb1t\xa2R\x05L\x0b\xb4~\xbdF\x9a\x91Z\xce\xeem2oq\xf1&amp;\xcb6t\xf7\xc7\xbbO\xba;\xdbC)\x9f\x97d\xbdx\x19\x9a%\x0b\x82 \xab.\xcf\x0b;u\xc2*0\xae+Tl\x99\x89l\x96\xa9CGw\xe7fR\xec\xc43\xa3\xbav-3\xf3\x97\r[Q\x92\x8ab\xb4\x03Q\xe2]\xd5uy\xd7\xd4-\xf8\xa7\x17u\xc4\xe9R\xb8\x98\x9c\x17\x03o\'\x04\x19\xd6\xbd\xc43Zc\x16\xb1\xed\xa1L\xbbu\x0b\xe65^\x1cl[\xb2\x96\xd7\x04\xdd\x02\x95\x85\xa00\x80\xc5\x0bPK\xe4U?\x8c\xb00\xca\x1b\xd3\xa9,\x1d\'\x8b\x0fs\xc2\xb3\xb9\x999\xdc\x89\x8e\x9dB\xad\xec\xf5\r;I\x83K\x86`PU\x86\xa5\x9a\xba\xa9\xeb\xa6e\xc9\x08\xd3u\x85\x98K\x94\x02o\xb5\r\xc9\x12\x80\xa2\xbd\x18K5\xec.\x1a\xfd\xb3!"!*\x15\x01YE\x1d\x83\xe8\xf4\x08K\x10\x05\xd3\xf4\x97\xec\x18\xcbX\xb9\x07\xae9:\xdeLlS\xf8j.E\'\x9e\'\x88\x91\x0e&gt;_!*\x83\xb8\x9a\x1etQM\x80\xf1&lt;\x0f\x91@fZ:\xc9O&gt;\x80\x0b\xb7EI\x12\x83\xb3~=\x01\xa8\x9b7Y\xbf\xa0\xd2[\xf5\x86\xaa^\xb4\x04P\xc9:\tm1,\xabh1,\x01\x17D\xaa\x1e\xb4Y\xc3\xa7\x8e\xbd\xb2\xf1\xed\xd7_\xbfy\xb3\xf4i\xbc\xc1\x8b\x96\x8dq\x00\x00\x03\xd3IDAT\xa0\xffb\xa6T\x9b\xfc\xfc\x7fe#\xa6:\x93H+U\x95]z\xbb$\x9a\xba\xaa\xea\x96\t.&gt;Bc\\4\x02/\xc1\xa4\xc2\xc2\x04\xa8\xf6\xaa/\xc8\xc8F\xa2B^\x99&amp;tFDf$8\xc3b\xf9e\x9a2\xe3\xa2\xb7\x19\x86mW\x00\xc8q\x9c\xe38\xb8r\x84p7]\xf9\xd7Jym\xe9\xf9\xcb\x97\x97T\x95\x13-\xc2\x8a\xa9\x08\xcbT!\x97\xcc\xff\x81\x8b&gt;\x08,\x01\xa5\xc0\xf5\x80A\xc9\x8cJ\'*\x8d\xa7\xd7C\xac(@\xaa\x97\x8fX\x18B\xab=\x8b\x85D\xe1\x14\x90)\x8e\xc2\xfdy8\x04\xe9p\xe9\x92\x81\x9f\xc0\xe3\xf4\xaa\x86H\xa9\x92\x05&gt;\xc2\xe2\x81%\xab\x88W\xf8\xc8\x15Dt"\xcf\'&gt;\xfb\xeb"\xba\xd4.\xec\xc3\r\x88j\x99\x02jP\x93\x90Hd\'\xb0\xe4\xd8w\xf6; \xa7\x8a\x96Ep\x15H$\xc6\x15a\xb1k2\xc2RH9\xc7 E\xe9i\x12-K\xe3\xa1\x14A\xf1L,!\xc6\x8a\xe4\x02\nAE\\&lt;\xa9\x85\xd6\xd9X\xf5qC&amp;u@\x85\xc4\x92\xf0c\xccO\x93U\xef\xa5\xe9\xe2\xa5\xdc./\x9d\xd5\x99\\\x1c\x8a\xdf\xf8\x88\x15\x01:\xccP\xc7I\x16\x98V\n\xe74[y\x8d\xb00\x15\x93\nb\xc9d\xa2jFr\xb1\xb9\xc5\x8fnB\xad\xdb\x80\xf2D^P\xa9\x97\x982/\x91\x85\xc0\x12\xa8i\x11\x16Y.R\xf1"D?`\x91b\x02)x\x11\xc9E\\\xc9\x18HQ\x14J0\'r1YH\x13TRq\xee\x9e\xa0\x91J"\x94\x17\xfc\x9e\x1f\xd0T&lt;\t\x15a\xc9\x97A\x13\x99\xc83\xacg[\xa1\x17\x902\x16-\x04\x02~#\xcf\xa6\x00\'\xfa\x82)\x7f*\x10I\xd3:\x8dnO\x8b\x1e\xf3\xfc\xa0_`r\x11L\x92]\n\xb4M,P?P"*\xa6\x15\x80\xc9BI\x13!|\xd0\t\xc3p4\x1aw0^\x9do\x0f\x89Kei\x1e\xc5\xcb\x1c\x01V\xbb%\x08&amp;u\x00Z\x9dxz7a\xe1)aY\xaa\x10\x19\x8f\xa2\r\x82\x816\xae\xd6\xce5\xcf\x1b`UR\x05\xa9\xd5L\xc7rQ\x86%\x8d\xd9\x1f\x1e\xe5\x9e&gt;\x9a/\x95\xe7\xe7\x0b\nsP\x89\xa8\xf6[\xa4?\x89}&gt;\n\xf7+wQ\n\x85\xe6\xd1\xf2\xc9\xc9\xa8\xd7{\xb5\x8d\xc2\x8e\xb0\xb4\xe8\xc5\x04\x96\xf0e=\x12\x8al\xd7"(z\x88J\x81\x85\xae0\xf4}\x1f\xcb\xc2y\xd8h\x9c\x9e\x8f\xd7\xb7&gt;\x84\xf5\xdc\x18Xp[Z\xc5_Wq\x11*\xd8r\xda\xbf&lt;\xb2\x9f?\x9d\xb7\x9f\x16\xc8\xbd\x98\n\xcf*\'H\x0b\xea\xe0\xbd\xd1\xd1\xeb\xd7G\xfd\xf6~\xe5\xf8\xf8\xb8\xbf\xbc\xbc|\xf2\xa1\xd7ht\x86n\x8c\xc5\xde\x8d\x97Kb\x82\xcc\xa5\x16@\xb9\x88\xac\xca\xb3\xc4"E\xb1Jo\x0f\xfdq\xb7Qo\x8c{c{67\x9b|\xf2.Y}g\xa4\xeb\x1d\xb4\x0f\xb2{\xd0\'\x17\x1d6\xc05\xfb\x83]\x80`\xf6S;g\x1bp\x90\x84"\xae&gt;\xa3\x12%\x9f\xa8^\x03\xa6_9v\xf6\x97\t\xab\'\xf7Ns\xa1O\xef#I\xf2\x04\xa6\rFa\x82*^\xa5\xa4\x1ax\x9e\xd7j\xb5\xc8\xf4\x96\x87\xcd\x83z\xf1\xb6{zZ\xad\xed\xd6\x16\xd2\xef\xd6\xd3\xa7\xbd\x8e\xedl\x19\xd5\xda\xf1V/\x10\x91p4Qk\x9f\xb2=\xe6J\xa6\xed\xb4\x91\x9b\x9f\x9f\xb5\xe7\x7f\x9cM\xa7\xe3\xca\xbc\xb4\x10\xa9pNT\xc0js\xc7\x1c\xa3Z\x1eo\x0f\xcfO\x17\n\xe3\xceh\xd4\xf1\xa8\xd4\x001\xc8\xb7\xaaJBpQ\xa9\xba,j\xa30l7+\xd8\xab\xb5\x8f\x8e\x8eF\x03\xf1\xd5in}=]\xad\xd5jU\xa3\xb6P\xfd\xa0y\r\xa7\x86\xef\x9d\xd3\x00MG`Y\x98?k\xc6\xfd=\x02cm\x9f\xb5u#nc\x1c\x87\xed\x0c3@\xd4:L\xac\xa3\xa6s\\\xe9GT\x17\xba\xdfX\xa8\xdd\xaf\x15\xd6\xd7\xab\xcd\xd0\xf3\xc2z\xb3\xd9&gt;\xe9&lt;\xa9\xfe\x0e\x19r\xa1\xb3\x91\xfc!4\x00\x00\x00\x00IEND\xaeB`\x82'</t>
        </is>
      </c>
      <c r="M446" s="3" t="n">
        <v>45492.6762037037</v>
      </c>
    </row>
    <row r="447">
      <c r="A447" t="n">
        <v>1104714</v>
      </c>
      <c r="B447" t="n">
        <v>1980</v>
      </c>
      <c r="C447" t="inlineStr">
        <is>
          <t>David</t>
        </is>
      </c>
      <c r="D447" t="inlineStr">
        <is>
          <t>David</t>
        </is>
      </c>
      <c r="E447" t="inlineStr">
        <is>
          <t>PE</t>
        </is>
      </c>
      <c r="F447" t="inlineStr">
        <is>
          <t>ATA</t>
        </is>
      </c>
      <c r="G447" t="inlineStr">
        <is>
          <t>PE</t>
        </is>
      </c>
      <c r="H447" t="n">
        <v>179</v>
      </c>
      <c r="I447" t="n">
        <v>18</v>
      </c>
      <c r="J447" s="2" t="n">
        <v>36533</v>
      </c>
      <c r="K447" t="inlineStr">
        <is>
          <t>Right</t>
        </is>
      </c>
      <c r="L44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b\xe0\xe4S\x0f^)X\x90\xc6\xa3,\xc4\xe74\x00\xfaGf\x14\xa0\xe4f\x8e\x94\x01\x19$\xf54\xe5S\x9c\x9aL\x12\xd9\xdbR\x01\x9eI\xc0\xa0\x04\xac\xbf\x1ax\xf7\xc1\x7f\r\xbc3u\xe3/\x88&gt;+\xd3\xb4]&amp;\xca3%\xde\xa5\xaa^$\x10\xc4\xa0\x12K;\x90\x07\x00\xf1_\x07\x7f\xc1\\\xff\x00\xe0\xba_\x0f\xbf`\xbd#[\xf8]\xf0CD\x83\xc6\x1f\x12\xacb\x85\'\x8b\xcf\x8d\xecti%\xce&gt;\xd0\x15\xc3\xbb\xa8\x00\x94\x00*\x96_1\xd35\xf89\xfbN\xff\x00\xc1I\xbfj\xef\xda\x97\xc7\x90\xf8\xf7\xe3\xa7\xc6\xbd[\xc4/\x04\x8c\xd6\xdaC\xb9M2\xdd\x89 yv\xcb\x88\xd4mb\xa5H$\x82rMR\x8bbm\x1f\xd1\x7f\xc5O\xf8.\x0f\xec\t\xf0\xcfZ\x8f\xc2\xb6&gt;:\xd6|K\xad;M\x9d\x1fA\xf0\xf4\xe2x\xc4K\xb9\xcb\x0b\x91\x10\xc0\\\x9e\t8\x04\xe3\x00\x9a\xf2\xcf\x86?\xf0qO\xec\xed\xe3O\x1f_\xf8k\xc4\xbf\x05&lt;a\xa5i\x90\xc1,\xb6Z\x8d\xb4Iw3\xaccs\x19`\\ych-\x90\xcc\x069\xaf\xe7\x04\xf8\xd3\xc4:\x8d\xb4\xa5n\xfe\xce\xad;\xce\x8bn6\xa8v9g\xf9{\x9a\x83K\xf1g\x88U\xa5\xb8\x8fX\x9c\x83\x8f\x94H\xc3\x9f\x7f\xad\x1f\xbbN\xcc\x9bUj\xea\xc7\xf5[\xf0\x8b\xfe\x0bC\xff\x00\x04\xe7\xf8\xc6\x16\r\x17\xf6\x82\xb5\xd2\xef\r\xd9\xb7{\r~\xc2{Y#q\xdd\x98\xa9\x8dW\xfd\xa2\xf8\x1c\xe7\x18\xaf\xa6|;\xe2\xaf\x0cx\xbbO\xfe\xd5\xf0\xa7\x88\xacu;R\xe5\x05\xce\x9fx\x93\xc7\xb8u\x1b\x90\x91\x91\xe9_\xc5\xfc\xfe3\xd6e\xb1[=FG\x9d`\x9f\xce\x89X\xee\n\xf8*[\xeb\x82G\xd0\x9a\xf7\xff\x00\xd97\xfe\n\x9f\xfb[~\xc8\xda\xd2\xcf\xf0_\xe36\xa9\xa2Y\xdc\xdc\xdb\x1dKN\x94\x0b\x9b\x1b\xa1\x13*\xa9\x92\x17V\xc2\x88\xf2\x9f&amp;\xd2F\x06x\x18\xa7\x04\xf6\x12\x9c\x97\xc4\x8f\xebB\x8a\xfc\xef\xff\x00\x82}\x7f\xc1\xc4_\xb3\x07\xed_\xac\xe9\xbf\n\xfe9[A\xf0\xe3\xc6w\xd6\xc1\xa0\x92\xf7Q\x8d\xf4\x8b\xe7\x18\x04Gp\xc4\x18Ib\x00Y@\xc9!C\x12F\x7fCm\xee \xba\x81.m\xa6I#\x91\x03G"0*\xcaFA\x04u\x04w\xac\xda\xb1\xa5\xee&gt;\x8a(\xa0\x02\x8a(\xa0\x02\x8a(\xa0\x06?\xde\xa8\x80\xc9\xc5L\xfd\x7f\n\x8dG\xcd\xc7j\x00\x91\x14\x1eM#\x80:S\x94\x8cc4\xde\xa7\x9a\x00\x15s\xc9&lt;W\xe5\xc7\xfc\x17{\xfe\x0ba\xe1\xbf\xd9z\xc8~\xcb\x7f\xb3O\x8f.d\xf8\x83\xe7\xb3x\xa3S\xd1.\xc2.\x87\x11\x82E\x8e\x13(\x077\x1ek\xc5!\x8ctX\xf6\xb9]\xf8\xae\x93\xfe\x0b\xa5\xff\x00\x05\x89\xd6?b\xbd\x0e_\xd9\xeb\xe0LJ&lt;c\xa8\xc1k\xfd\xb9\xae\xc3\xa9\xda\x8b\xad\x12\xce\xe7~\x1e\xda\xdaG\x0f$\xe5\x11\x88\x90\xaf\x97\x1eW\x92\xcc\xab_\xce\xbf\x8a\xaf\xbcQ\xf1+\xc5\xd3j\xb2\xcd&lt;\xd7\x97\x97\x0f:\xf9\xf3\x19%.\xccY\x99\xd9\x89.\xcc\xc4\x92\xc4\xe4\x93N\xea+\x9a[\t\xc6\xa4\x9a\x8cV\xe4\x9f\x11~0\xf8\xc7\xe2V\xa7\x1d\xff\x00\x88\xfcAwvD\xd2\xc9\x18\xba\xb8.\xd2I#\x97\x91\xce\xef\xbc\xee\xe4\xb3\x13\xf7\x98\xd6.\x9bi%\xf5\xc3\xe9\xf7\t4E&gt;uM\x875\xf4g\xec\xd3\xff\x00\x04\xf0\xf1\xcf\xc5\xf9W\xfe\x139\x0e\x9b\xa7\xcc\xa1\xa4\x938\x90\x9fA\xe9_r|\x12\xff\x00\x82x\xfc\r\xf0\x9f\xd9,\xef|-\x0e\xa95\xb8\x00\xdc^\xc6\x0eG\xd2\xbc|Vw\x85\xa2\xed\x1fy\xf9\x7f\x99\xee\xe0\xb8w\x19\x89\x8a\x93\\\xab\xcf\xfc\x8f\xcd\xff\x00\x84\xdf\xb2\xf7\x8e&gt;&amp;:\xaa$\xedj\xd9$"`\x8f\xa9\xed^\xa0\xdf\xf0LO\x8a\xa1f\xbe\xb2\x9f\xed0C\x16\xed\xb0Dp\xaa9\xaf\xd6\xed\x17\xe0W\x81\xb4\x8b(b\xb2\xd1\xadm\xa3\x8d@\x11G\x12\x85\xc7a\x81[p\xf8\x0f@[O\xb1\xdaX$D\xa3\x0f1x\x1d+\xe5\xf19\xe6&gt;u\\\xe0\xd4Wc\xec\xb0|9\x96B\x82\x85T\xe4\xfb\xec~\x16\xf8\xa7\xf6h\xf8\x8f\xe1\xa3&gt;\xa1\xa9\xe9\xf7\xe6\x08\x9fc\x81f\xd8c\xd3\r\xc7\x15\xe6:\xd7\x84\xbcc\x1d\xcf\xd9\x1bMu\x90\x1c\xb6\xf5!Pv\x15\xfb\xeb\xaa\xfc/\xb3\xb9\x85\xed\xee\xacb\x90\x1e\xed\x16r}+\xc5~8\xfe\xc6\x1e\x1b\xf1\xd5\x9d\xc4\x97\xbe\x04\x81\xcc\x8b\x87\x92\x18@a\xef\xc5u\xe18\x9a\xb4U\xaa\xc2\xfe\x87\x1e7\x83\xa8\xca\xee\x85O\x93?\x1e\xfc;\xe3\xbf\x13\xfc?\xba\x92\xdfI\xf1\x1b\xab\xcc\x10]%\xad\xc1\\\xecuu\xc1\x1d\n\xba\xab\x03\xd8\xa8=\xab\xf6\x8f\xfe\r\xfc\xff\x00\x82\xc8.\x99\xe2?\t\xfe\xc1\x1f\x1a|e}\xac\xe9\xfa\xcd\xb2\xdbx7[\xd5YVm6\xf5T\x96\xb0\'8{v\xc1\xf2\x86w\xc7\x8d\xb8(A_\xce/\xda[\xfe\t\xf3\xaa|4\xb5\xbc\xf1g\x80\xac\x9a\xf2(\x83\x19\xad$L\xba\x01\xe8=\xab\xe7\x7f\x06\xf8\x9b\xc4\xde\x12\xf14\x17\xd14\xd0\xdc\xda\xce\xb2\x9f!\x9a9#d9\xca\xe3\x95#\x19\x04r\x08\xaf\xaf\xc1\xe3\xb0\xf8\xfaW\x83\xff\x004|.;-\xc5e\xd5\xb9j\xab~L\xfe\xd5\x81\x04dQ_\x08\xff\x00\xc1\x04\xbf\xe0\xa2W\x9f\xb7O\xec\xc9\xaah\xfe=\xd5\xeef\xf1w\x83u\xa9m\xee\xd3P\xbby\xa7\x9bO\x91\x8bZ\xcad\x91U\xe5\n7Bd9$\xc5\x92I5\xf7ul\xd3N\xc7:wAE\x14R\x00\xa2\x8a(\x01\x8cr\xc6\x85\x00\x9ehn\xa7\xebB\xf5\xa0\x048\xcf\x15\xc0\xfe\xd4?\xb4/\x81\xbfeO\x80\xbe%\xf8\xf9\xf1\x12\xf9!\xd3|;\xa6\xbd\xc0\x88\xb8\ru61\x14\x08\t\x1b\x9eI\n\xa0\x1f\xedW\xa0l\xe3\xde\xbf8\xbf\xe0\xe6_\x89\xb7&gt;\x11\xfd\x8c&lt;1\xe0M*\xf6X/\xbcI\xe3=\x8a\xd0NQ\xcc\tcr\x93.\x07\xdeVY\xc20&lt;\x10\xf8=hn\xca\xe2w\xb6\x87\xe1G\xc6\xff\x00\x1c\xfcC\xfd\xa7~*\xeb\x1f\x16\xfcu&lt;\xb7:\xa6\xb9{-\xf6\xa5q3\xb9\xf3\xa6\x90\x96$\xb3tP\x08\n\xbd\x15T\x01\xc0\xafa\xfd\x8c\xff\x00f\x9f\r\x82\xfe0\xf1U\x84s\xcc\xaf\xb6\x10\xe3 {\xd6\x0f\xc3\xdf\x04\xc6\xd6\x11\xc5=\x98 \xc4\x00\xe3;\x8d}\x0b\xf0?M\xb3\xd0t\x96\xb3T\xd8Y\xf2y\xeb\x9a\xf8\xdc\xd75\x9dH\xca\x9c]\x8f\xb4\xc8\xf2\x9aq\x94jI]\x9e\xc3\xe0\xb9\xac4uX\xe0\x85\x11\x13\x85\x080+\xd1|\x17\xe2\x98-\xaf\xa3w\xe7,2\xc4\xf1\x8a\xf2/\x0e\x18\xdaU\x8ey\xba\xb1 \x0e\xf5\xea\xfe\x01\xf0\xf5\xbe\xa7\xe4\xe6\x07\x90\x8e&gt;E\xe2\xbeo\x9aO\xa9\xf7T\xe3\x14\xb5G\xa8Xx\x8e\x1d@\x89\x16\xe64\x07\xa9f\x00V\x9d\x96\xb1\x0bH\xc5\x9dv(\xfb\xe5\xb2\t\xaa\x9a\'\x84-\xadm\x95%\xb1l\x102\x08\xad+\x8d\x15\xda\x11\x14VA#\\u\xe3#\xda\xb3m\xdc\xd6*;X\xce\xd5|C\xa5n\xc9a\x19\xe9\xbb&lt;\n\xa7\xa9x\xcbM\xb1\xb405\xc2\xc8\x19q\xd7\xfa\xd5\xbb\xcf\x0cZI\x13\x1b\xabB\xc0\x0e\x1b\xbdr\xfa\xef\x85\xad\x11Z(^T\xdd\x9e\xdct\xad\xa8\xb6\xb6fuc\x17\xba&lt;\x9f\xe2\xe5\xb6\x95\xaa\xde\xc9,P\xa3+}\xf0GL\xff\x00:\xf8\x97\xf6\xa7\xfd\x8e\xb4\x8b\xb3w\xf1#\xc06\x11Ep\xb9\x92\xea\x04O\xbc;\x91\x8a\xfb3\xe2\xa5\x8c\x9ad\xd2\x06\xc9\xc0\xc8\xf4\x1f\x85y\xaf\x8dg\x88x\x13P\x8ad\x05\x9e\xd9\xf21\x93\x8d\xa6\xbd\x1c\x1e&amp;\xae\x16\xb2\x94\x19\xe2\xe6xJX\xba.3G\x82\x7f\xc1,?k\x7f\x1f~\xc4?\xb5O\x85\xbcg\xa2\xeb\xc9\x0e\x93-\xea\xd8\xf8\x96\xcak\x99\x16+\xcd2W\xcc\xd1aU\x97plH\xac\xf8Td\xdcY@b\x7f\xa8xf\x8a\xe2\x15\x9e\x19\x15\xd1\xd4\x14u`C\x03\xd0\x82:\x83_\xca6\xb7\xe1\x99,.\xad\xbcEeb\xa8\xd6\xb2\x079L\x83\x83\x9c\x11\xdcW\xf4m\xff\x00\x04\xa6\xf8\xab\xaa\xfcd\xff\x00\x82z\xfc,\xf1\x8f\x88/\xa2\x9fQ\x8f\xc3\x11\xe9\xda\x83E r%\xb4f\xb6\xc3\x90H\xf36\xc4\xa5\xb0H\xc98\xe3\x15\xf7\xb41\x11\xc4\xc3\x9d\x1f\x98\xd7\xc3K\x0bU\xc1\x9fB\xd1E\x15\xb1\x88QE\x14\x01\x1b\x1c\x12h\x87\xb5$\x87\x83\xefK\x11\xc6(\x02J\xfc\x7f\xff\x00\x83\x91&lt;_\xacx\xa3\xe2\xc7\x82\xfe\x1a\x1b\xabhm\xfc;\xa4%\xfd\x9c\x06\xdc\xb4\x97\r{$\xc9+\x97\xcf\n\x9fb\x89B\x81\x9f\x9d\x8ex\xaf\xd8\n\xfcu\xff\x00\x82\xfd\xe9\xf77\x9f\xb5\x96\x9b\xa9\x0b9M\xbc\x1e\x11\xd2-\xda\xe4F|\xb4\x91\xe7\xd4\xd8!n\x9b\x88\x19\xc7\xa5s\xe2\xe7\xec\xf0\xb3\x95\xba2\xa1\x17:\xb0\x8av\xd5~{|\xcf\x83\xbc\x0f\xa6\xb0x\xc6&gt;R&gt;e\x03\xa5z\xff\x00\x82\xf4\xd9.n!\xb7\xb7\x8f\xe5\xc8\x0cTs\x8a\xe1\xfc7i\x14e\xa3\x80\x8fb\x05uWz\xee\xa9\xa2i"\xdb\xc3\x9a\x8cv\xb7\x0e\xb8{\x96\\\x95\xcf\xa7\xbd~k\x89\x9a\xbf3?N\xcbd\xe1\x0b\x1e\xad\xe1o\x0ch\xda^\xa1\x14\xbe\'\xf15\x9d\x98\x0c0.\xae\x15\x0e?\x13^\xa3\xa5~\xd0\xbf\xb3\xf7\xc3\xb5K{\xbf\x89\x1a&lt;o\x90\x0b\x0b\xe4#?\x81\xaf\xcfO\x1d~\xcf\xb7\xdf\x125cu\xa9|B\xbaiC\x12#K\xaf\x9f\x9fl\xd7\x8a\xf8\xd7\xe06\x97\xe0\xcdnK}c\xe2%\xcc\xea\x1f/n\xb7\x1f8\xc7c\xcdiC\x0f\x83\xad\x0egQ\xdf\xb2_\xa9\xbd\\~aNv\x858\xdb\xbb\x7f\xa1\xfbo\xe0\xaf\xdaG\xe1\xb7\x8b\x1a8\xf4\x0f\x13Z^\x17}\x83\xcbpr}+\xaa\xba\xf1v\x9dr\xe0F\x9c{5~&lt;~\xcc\xdf\x11\xad&gt;\x17\xea\x90M\xa0\xeb\xd7n\x8d\xb7+,\x84\x83\x8e\x87\xeb_\xa0?\x08\xfe!\xf8\xbf\xc7\x9e\x19]b\xda\xcd\xd9\x15FY\x81\xf9\xab\xce\xad\xfb\xaa\x9c\xb1\xbb^g\xb5\x82\xa9*\xf4\xf9\xaa$\x9f\x91\xf4 \xf1\x1e\x9a\xd1\xba\xb2\xae\xde\x83&amp;\xa8\xdd\xea\x9a5\xd8{q$D\x0e\xa0\x11\xc5|W\xfbM\xfe\xd3\xbe"\xf0\xb5\x8d\xf7\x86\xed\xef\xa6\xb3\xba`Q[%v{\x8a\xf8\xa7\xc6\xff\x00\xb4\xa7\xed#\xa7\xdf\x91\xe0\xef\x8b\xc41|\x88\xd6\xec\x869\xed]\x18:/\x13-e\xcb\xeas\xe3\xf1\xbfS\xf8`\xe5\xe8~\xa0|t\xf0%\xde\xa1\x13\xdf\xe9\x11oU\xc9eNp+\xe6\xff\x00\x1e\xe8\xf7\x91\xdbKoy\x1b\xc7\xce\n\x92q\x8e\xf5\xe0\x9e\t\xfd\xb1\xff\x00o]6\xca\x11!k\xebR\x00\x90H\xab&amp;W\xd7\xde\xbd\xd7\xc1\x1f\x1b|G\xf1sH:\'\xc4\x0f\x02\xc9\xa6_\xf9\x05\xe2\xbcH\xb1\x1c\xa4\x0e\x9e\xc6\xbb\xde\x1eT\x1a\\\xf1k\xc9\xdc\xf2\xd6aO\x13\x16\xf9\x1c_\x9a8!\xa4i\xef\x1c\xd6\xd3B\x1f\xe5!k\xf6/\xfe\x085\x7f%\xf7\xecm\xa8\xc6\xea\xaa,\xfce-\x9a\xaat\x02+\x1b5\xcf\x1cd\xf5&gt;\xe6\xbf#5\x0b\x06\xb6\xbd\x926^\xfe\x95\xfa\xcb\xff\x00\x04\x0b\x98?\xec\xab\xe2\xdbu\x18X\xbe#N\x00\xfa\xe9\xd6\x06\xbe\x9f"\xad4\xa5I\xbd4\xfc\x0f\x88\xcfiE\xd6\x8dD\xbb\xfe\'\xdc\xf4QE}\t\xe0\x85\x14Q@\x10\xbf&lt;\xf6\xa5O\xbbJ\xa3#\xa7jr(\xc7J\x00\x8e\xe6\xee\xd6\xc2\xd6K\xfb\xfb\x98\xe1\x86$/,\xd38UE\x03$\x92x\x03\xdc\xd7\xe3\xe7\xfc\x17\x9f\xe2\xd7\xc0\xef\x8b\x1e:\xf0n\xbb\xf0O\xc70kw\x96vW\x96\xfe)\x9fH\x9eY-\x18C4+k\xb9\xc0\xf2]\xd4\xcfv\x15\xd4\xb1\xc30\xce1_H\x7f\xc1w~7\xf8\x8f\xc0\xbf\x0e\xfc\x19\xf0\xbbN\xd4\xe4\xb6\xd35\xfb\x9b\xddKY\x8a\x04f}A,\x8d\xba\xc7jpF\x10\xbd\xd0\x94\xe7 \x98\x14\x11\x82k\xf3G\xe1\xd7\x8e-\xfcg\xaaI\xe1\xbf\x18xN\x14\xb50\x91\xe6Z\x8cy\n{\x10;W\xceg9\xcd\x1c$\x9e\x1eQ\xbd\xd6\xbf3\xe92n\x1e\xaf\x99\xd1\xfa\xc4d\x92\x8b\xeb\xe5\xa9\xc5x&gt;\xf4\x18Q|\xcc\x97?\x9duZ\xc7\xc3\xcf\x15x\x9bK?\xd8`\xac\xbb\x0f\x96\xcb\xc9\x07\xd6\xb1\xaf&lt;=\xa7\xf8g\xc7\x17Z=\x84\xc1\xed\xfc\xed\xd6\xcc\x0f@OJ\xfaK\xe0n\x91\x14\x90[Kr\x80\xb6A\xc5|\x1e6\xb4\\c(\xec\xcf\xb8\xcb0\xadT\x95*\x9b\xa3\xe3\x1b\xaf\xd9\x97\xc6\xda\xaf\x83\xbcO\xa7^\xfcE\xbe\xb2\xf1\x0f\x90\xcd\xa2\xc3mpbW~\xa4;w\'\x903\xeb\\\x17\xc2O\xd9S\xc5~\x11\x9fR\xd7~9hrK\x0b\xe9o\xf6K\x985\x01\xbf\xce?u\xb9?\x8d~\xa3\xf8\xe7\xf6H\xf8}\xf1Fu\xd4\xde)mn\x98\x0c\xcdl\xdbI\xfa\xe2\xb14\xdf\xd8\x1f\xe1\x96\x89/\xdb5I&amp;\xd4$NT]\xcc\\/\xe1^\x8e\x136\xa9\n&lt;\x8a+_!\xd7\xc8\xa1&lt;B\xa9w\xa7K\x9f\x04|\x18\xfd\x99&lt;C\xa9kp\xeb\x0bm$v\xa96P\xed\xe2D\xfe\xf1\xc7\x00\xd7\xe97\xec\xabk\x06\x9b\xf0\xf8\xe9Q\xa2\xab\xc3\xb5O\xcb\xce+\x8f\xbe\xd1&lt;5\xe1MdxsG\xd3\xe2\x8e0\xbbQ\x11G&amp;\xbdc\xe0_\x86f\xb2\xb1\xbaF\xd3X\xab\xa0 (\xf7\xeb^]z\xee\xb6#\x99\xab\x1fC\x87\xc2C\x0f\x87\xe5[\xe8|7\xff\x00\x05\x18\xf8G\xe3\x0f\x88\xfe*\xb9o\x0c\x00d\x80\x93/\x95\xc6\xe5\x1c\xfeu\xf1\x7f\x8b~\x08x\xda\xdf\xc3\xd6w&gt;\x07\xd3\xf5;\x8da/\x8a\xdf\xd8\xdb\xdb\xf0\x91`\xf2\x18\xf5bq_\xad\xdf\x18|%\x0c^/\xbb\xbc\x9a\xcf\x11JH`Fk\x9b\x9b\xf66\xf0g\xc4\x18\x13[\xd1/\xe6\xd2\xaf\x1drf\xb6b\x01\xfa\x8a\xee\xcb\xb1\xcb\x0e\xda\xb5\xfdO76\xcb\x1e&amp;\xcd6\xbd\x0f\xce\x1f\x86\xdf\x0e\xbfj\x9d/\xc1\xb7\x9e*\xd7&lt;=s\x1a\xda\xdd"Aa&lt;^M\xdc\x91\x9f\xbc\xeb\xfd\xe0=\x0fZ\xfa\x1b\xe0\x94\xfe1k\x08o|E\x04\xaa\x1dB\xb2\xbcEH\xfa\x83\xd0\xd7\xd5\x1a?\xecAw\xa4_\xc5\x7f\xaf\xf8\xd2}B\x18\x88+\x1c\x87\x82\x07j\xa5\xf1S\xc1\xfa6\x88\x8d\x05\x8d\x8cq\xaa\x8c\r\x8bK\x15\x8b\x85z\xa9\xa8\xa8\xbf#\x8b\x0f\x96\xfb\x0c;R\x93zu&gt;p\xf1\xb4ie\xa9; \xear\xc6\xbfR\xff\x00\xe0\x81.\x0f\xec\xc7\xe3%\x05\xb9\xf8\x85#a\x90\xa9\xe7N\xb2\x19\xc1\xed\xc7^\x86\xbf0|M\xe1\xcd[\xc5\x9e9\x8b\xc3\xba\x1a\x02\xee\x0b9=\x00\x15\xef\x9f\xb3\xc7\xed\xc3\xf1\xef\xfe\t\xf3\xa3Zx?B\xf1\xae\x8d\xabhq\xdcMsu\xe0\xcdF\xce\xdc$\x8d,\xa5\xe41M\x08Y\xd6L\x93\xf3\xb1\x97\x81\x8d\x8c@\x03\xear\xccf\x17\x0b&amp;\xea;]\x1f\x1f\x98ex\xdcly\xa9B\xf6?k\xa8\xae_\xe0\xbf\xc5\xaf\t\xfcv\xf8U\xa0\xfc]\xf0=\xd8\x97L\xd7\xf4\xe8\xee\xad\xf2~h\x89\x1f&lt;N;:8da\xd9\x94\x8a\xea+\xeb7&gt;C`\xa2\x8a(\x01\xb1\x8c(4\xeaE\xfb\xa2\x96\x80?&lt;\xbf\xe0\xbe&gt;\t\xba\xd7t\x7f\x85\xbe!\xfb$\x86\xd2+\xfd[N\xb8\xb8\x03\xe5\x8d\xe7\x8e\xdaX\xd4\x9e\xc4\x8bg\xc7\xfb\xa4\xf65\xf0_\x87\xfc\x16\xbe\x0e\xb6\xd6\xa4\xb5\xb62\xa3Z\x86\xdc\xdc\x16R2Fk\xf6\xd7\xf6\xbc\xfd\x9e\xf4\xff\x00\xda{\xe0\x16\xbd\xf0\x9a{\xbf\xb2\xde\xdd\xdb\xf9\xda-\xf0b&gt;\xcb}\x1eZ\x178 \x94-\xf28\xcf\xcc\x8e\xe3\xbd~5\xe9\x9a\xfd\xbd\x85\xe6\xa9\xe0\x7f\x19\x9f\xec\xeb\xf8\xbc\xcb\x0b\xab{\xf2#hnbs\x1c\xb11n\x8420\xcepq\xc1\xaf\x88\xe2\xcc\x04\xa6\xd6"\x0b\xa5\x99\xfa\x1f\x04fT\xa9\xa9\xe1*=\xdd\xd7\xcfC\xc3&lt;1g\xe2\x0b\x8d2\xe3\xc5\x9e&amp;\x85c\x97\xfbH\xc7k\x1a\x0e&lt;\xac\xf0+\xdf\xbe\x14\xf8\xae\xe6\xda(dI\x17n\x06\x06}+\x1f\xe2\xf6\x99\xe1+o\x86v6z&gt;\x92"\xbc\xb7\xf9\xa5\xb8\x8c\xe48\xcey\xae_\xe1\xe6\xb3ue\xe5E\x1c\xbb\x81\\q\xda\xbe&gt;~\xfe\x15&gt;\xcc\xfa\x9a|\xb4\xb39%\xb3W&gt;\xa8\xf0\xd7\xc4\x86t@\xf7N\xa3 1\xdd\xd2\xba\xd8|A{\xaa\xda\x9bke,\xee8*9Z\xf9\xff\x00\xc0\xda\xa1f\x11\xcb&amp;\x1b\xcc\xe8\x0f_z\xf6\x9d\x03\xc4\xda_\x85|&lt;5\x1dF\xedVO/-\xb9\xfeQ\xf4\xa7NN0=I\xca-\xdd\x9f?|r\xfd\xa4\xbc\r\xfb:k\x97\xba\xe7\x8d\xc3\x9b\xf8\xdf\x11Z\xf9M$\xaf\xe8\x15\x00$\xe7\xda\xbb\xaf\xd9\xab\xfe\n?\xe0\xaf\x19\xf8JME\xec\xcd\xb1.\x03\xc55\xb9\x8eT\x1d\xb2\xac\x01\x02\xb8\x7f\xdacP\xf8K\xf1WY\xb4\xd6u\x1f\x87o\xafjv\xd7+\x0c\x170A\xbb\xcb\xdcx$\xfa{\xd7\x9f\xf8\xb7\xf6X\xba\xf1\xa4\xb7\x1a\xef\x864\xcdCLh\xd7o\x94\x88\xca$\x03\xb8\xc7Q]1\xc3E\xc3\x9d\xb6\x9b\xf4\xfc\x8f?\xebu\xa7W\x926\x92]-\xfa\x9e\xb5\xf1_\xf6\xf7\xf8/\xac|S_\x01^]\xda\xc5u|\xbf*\x86\xe3&gt;\xe7\xa0&gt;\xd5\xed\xbf\x065\xc6\xba\xf0\x82]\x08\xb1\x1b\x02m\xe5c\xf7\xd2\xbe1\xf07\xc1\xff\x00\x83\x1a\x9d\xd5\xb6\x93\xf17\xc3\x17\xd6wzE\xe2\xe6\xe2\xee\x06\x8cN\xd9\xcew\x11\xc8\xaf\xb3\xfc!\xe2\x8f\x0f\xea:,:v\x98a[x!U\x8c\xa1\x18\n\x07\x15\xa5J\x1e\xc1^\xe5P\xc5:\xee\xd2\xb5\x97\xde\x8b\x1e,\xf1\xb0\xb2\xb7+\xf6\x9c(\x1c\x9c\xf0+\xc5\xfe(x\x9c^\xc7\xfb\xc2\x01\xc9$\x83]7\xc5[\xe8\x92V\x89[\n\xa3$\x81\xc7Z\xf1O\x1d\xf8\xa8K!\x81f\xcf;A\xcds(\xf3\xd6\x8d\x8d1U\x140\xd2\xbfc\x93\xf0\xff\x00\x8a\xed\xf4\xbf\x8bGBy\xcc7:\x84D\xdb\x92\xa7\xeed\x02\xd9\x15\xe7^5\xf0\r\xdc_\x10u\xabk\xe9&amp;\x9cGp\xaf\x05\xc3\x12\xcc\x1b9\xafY\x7f\x857\xf6\x9e*\xf0\xdf\x8fo\xb5Ei\xa4\x84\xaa\xc0\xbc\x95BG\x07\xdf\xa5[\xf1\x1e\x93\xa8x\x8f\xc6\xf6\x9e\x01\xf0\x86\x97-\xfe\xbb\xe2=O\xec\xdam\xa5\xb5\xabI%\xcc\xf8&amp;8\xc1Pv\x96 (f!A9b\xa35\xd5J\x8d\\^1\xc6\x9ao\xf32\x85L&gt;]\x96\xc6\xady%\xa6\x97\xd1j~\xb4\x7f\xc1 \x0c\xc7\xfe\t\xf1\xe0S&gt;w\xf9\xda\xb6\xe2G$\xff\x00j]s_LW\x9a\xfe\xc8\x1f\x01#\xfd\x98\xff\x00f\xdf\t|\x11\xfbx\xba\x9fD\xd3q\x7fr\x8a\x15$\xbb\x95\xdak\x83\x1a\x80\x02\xc7\xe6\xc8\xfbT\x0e\x17h\xafJ\xaf\xd5i\xc7\x92\x9a\x8fd~#V~\xd2\xa4\xa5\xdd\xb6\x14QEY\x00\x06\x06(\xa2\x8a\x00\x08\xc8\xc5~v\x7f\xc1C?\xe0\x91\xfe&lt;\xf1\xff\x00\xc5\x9ds\xf6\x95\xfd\x9c\xaet\xbb\xd95\xbb\x88\xee\xfcA\xe0\xcb\x9bQ\x0c\xd2\xcf\xe5\xacr\\[J\x08Gf\xda\xb24r\x00K\x07*\xf9`\xb5\xfa\'G^\xb5\x9dZT\xebA\xc2j\xe9\x9aR\xabR\x8c\xd4\xe0\xec\xd1\xf8\t\xf1\xe3\xc1\xff\x00\x1c&gt;\x10G\xff\x00\x08\xff\x00\xc4\x9f\x86\xda\xe6\x8e\x92L\xb0\\.\xab\xa3M\n\xc2I\x1b@\x90\xae\xc7\x0e9R\xacG^\xe0\x8a\xe2\xbc=2$\xc3$\x8c\x81\x8cz\xd7\xebw\xfc\x17\n\xf1\xac\x7fa\xd9\x88\x8d\x99%\xf1f\x9b\x1b\x05\x19\xc6L\x98?\xf7\xd6\xda\xfcz\xd1\xf5\x86\x82e-\xd5[\x04\x1a\xf8&lt;\xff\x00.\xc3\xe0\xac\xa8\xab)j}\xa7\x0e\xe6x\x8cUg\x1a\xf3\xe6qK}\xec\xd9\xeb\x1e\x0e\xd5\xee\x92\xe9\x03\xcb\xb0 %\x83\x0e\xd8\xf5\xaf8\xfd\xa3\x7fj\xbf\xec\tc\xd1\xf5\x99\xeeV\xc29\xb6\xc8\x90D\xc5\xa7a\xfc#\x02\xba]\x17^\x8aKb\xca\t.\x85B\xe7\xbe*\xdc6\x9a4Z9Y\xad`k\x82|\xcc\xc8\x81\x88ol\xd7\xcd\xe1\x9d(U\xbdM\xbc\x8f\xb1\xae\xea\xd7\x87-6yw\x82~&lt;~\xd2\xff\x00\x11f\xfbO\x81\xfe\x04x\x86\xebNV\xc5\xac\t\xa5\xba.\xde\xc7\xe6\x03w\xd6\xb4\xb5\x7f\x11\xfe\xd9v\x1a\x80\x91\xfe\x06x\xb2\xde\x16\xcb&lt;\x11Y9\\\x0f\xa5u\x7f\xf0\xd5~3\xf8;u\x1c\xf1$\xd3G\x13\xfc\x9eBs\x8fN*\xd0\xff\x00\x82\xc8Z\xc7\xad\xc7\xa6\xde\xf8\x17T2\xe7\x0c\xe2\xcd\x8eO\xd3\x15\xef\xd3\x95\x19\xfc\x11\xd0\xe8\xc3T\xc1Q\x85\xb1\r\xa9\x1e\x7f\xab~\xd4\xbe&gt;\xf0yH\xfe!\xfc"\xd74\xfb\x15 \\\x8dSI\x95bo\xab\x15\xc0\xfa\xd6\xdf\x84\x7fm\xaf\x0b\xc5\xe2\xeb-C\xc0:\xf2&gt;\x9fr\xea\xb7\xdai\x93&amp;$&lt;\x12&gt;\x84\xd7e\xae\xfe\xd8\xfa\xcf\xc6\xabW\x98\xe8a\xed\x9dv\xb4S\xda\x0cc\xe9\x8a\xe7\xac&gt;\x1c\xfc1\xbc\xb3mn?\x04\xe9\xf6\xb7o\xf3\xb4\xb6\xf6\xa1\x18\xf7\xac\xaaU\xc3r\xbb\xde\xfd\x8e\x0cE:\x8e\xad\xe95\xcb\xdf\xa9\xea\xfe&lt;\xf1\xf9\xd5,\xc4\xb1\xb9+,YU\xfa\x8a\xf2\x8dB\xf4\xdcO\xba@6\xee\xc1\xcfaZ\xd7\xba\xe4)\xa6\xc7l\xf2\x12\xc10\x01\xea+\x06-\x97WKl\xad\xcc\x8d\xd4v\xae&lt;5$\xea\xa21\xf8\x96\xa84\xfb\x1dv\xb3\xf1\t-\xf4\x0b\x1b\xff\x00\x0ej\x1b\xfe\xcc\x9b\x15\x8c[\xcev\x9e\x17\xd0\xf5\xaf\xb8?\xe0\x89\xbf\xb2\x17\x8c\xe6\xd6/\x7fmO\x8c~\x1ekAud\xd6?\x0e\xec\xee\xd4\xef6\xd2s&gt;\xa3\xb5\xbe\xe7\x981\x14l9h\xfc\xc6\xc9WRm\x7f\xc1(\x7f\xe0\x9a\x9f\xb3\xbf\x89\xbe\x0e\xe8\xbf\xb4\xaf\xc5\x8bK\xcf\x17\xea\xd7\xda\x8d\xf3Yh\xba\xd3\xabiZy\xb7\xbe\x96$aj\xa3d\xf2~\xe9[|\xdb\xf0\xdc\xa8\x18\xcd~\x89C\x0cV\xf1,\x10F\xa8\x88\xa1Q\x10`(\x1d\x00\x1d\x85}\xdeU\x94\xc3\x02\xb9\xdb\xbbg\xe7\xb9\xb6w\x88\xccb\xa9=#\x1e\x83\xa8\xa2\x8a\xf6\xcf\x08(\xa2\x8a\x00(\xa2\x8a\x00(\xa2\x8a\x00\xf0\x1f\xf8*%\xa5\xa5\xdf\xec\x1d\xf1\x14]\xdaG0\x8fJ\x86H\xc4\x88\x1bk\xad\xd4%Xg\xa1\x07\x90{\x1a\xfc\x11\xd6\xb5a\xa5\xea\xa6\x17b\xab\'\xcc\x84\xf4\xcd~\xfa\xff\x00\xc1MT?\xec\x1f\xf10\x1e\xde\x1e\xc8\xfa\x89\xa2"\xbf\x04~!\xf8~[\xed\x015;d\xcbD\x99l{W\xcaq$T\xa5\x04\xfb3\xe92\x18\xcf\x92\xa4\xa1\xba\xb1\xa1\xe1_\x13o\x95\x01\xb9\t\x83\xc0-]\xe6\x91gq\xe2{\x84\x91\xa4X\x93\xfb\xe8\xfc\x1a\xf9\x8e_\x13_\xe9\xee$\x8eg\x00\x0f\x98\x03]N\x81\xfbQ\xdax7I\xd9\xa9\xb9\x0c\x8av\x0789\xc5|t\xf0\x93\x93\xf7\x15\xd9\xf4\xf8&lt;\xda\x94\'j\x8e\xc8\xfb\x1b\xc2\x1f\x08&gt;\x17\xdci\xe2\xe3\xc5\x17\x91I\xb5rU\xd8s\xebX\xf6\xbf\x07?fv\xf1\\\x97M\x15\x926\xed\xb1\xa9e,I8\x15\xf9\xe9\xf1\x0b\xfe\n\t\xe2\xf3\xa9\xcb&gt;\x9f\xabH`\x89H\x11G&amp;8&lt;t\xfaW\x0f\xa3~\xdc\x1e/\x85\xee\xaf\xc5\xe4\xcd$\xd7\nafrB.\xe0q\xed_C\x83\xc9\xf1.\x8d\xe7\xa30\xc5q&amp;\x1b\xda\xfb\x9b\x1f\xac\xb7\xff\x00\x04\xfc\x01k\xa7n\xf0\xc5\xdd\xba,\x83(c\xc5p\xda\xaf\x85W\xc3\x8f \x9e\xe62\xab\xd0\xee\xed_\x1d\xfc\t\xff\x00\x82\x8a\xde\xad\xb9\xb1\xd75\t\x7f\xe3\xe0\x04M\xd9$W\xaax\xeb\xf6\xa3\x83\xc4ZRO\xa7&lt;\x8c\xee0\xa0s\x9a\xf3qx\n\xf8z\xed5\xa1\xe8Q\xce\xf0u\xb0\xbc\xf7\xd7\xb1\xd1\xf8\xbb^h.\xa4kyG^\xc6\xabxCX\xba\xbf\xbf\x17\x03\xa2\xf1^e\x17\x8c\xb5\x8f\x16\xdd\xc7n\x10\xef\x91\x80\n\xbe\x95\xed^\x06\xf0\x82\xe8~\x1c\xf3\xae\x08/\xb7.\xde\xf5\xbd\nq\xa6\xee\xf7&lt;\xeey\xe3[ih~\xc1\x7f\xc1\x1c\xbcQw\xad~\xc7\x90\xf8v\xe1Q\x93A\xf1\r\xe5\xb4\x13"\xed\xde\xb3l\xbd \x8fUk\xa6L\xf7\xda\r}Y_\x1d\x7f\xc1\x12n\x05\xc7\xec\xa1\xab\xb0l\xed\xf1\xb5\xc2\xfeVv\x95\xf6-~\x85I\xf3R\x8b\xf2G\xe7\xf5b\xe1RQ}\x18QE\x15\xa1\x01E\x14P\x01E\x14P\x01E\x14P\x07\x83\x7f\xc1N\xd8\xa7\xec\x19\xf11\x87\xfd\x0b\xdf\xfb^*\xfcL\xd1\xb4\x98u_\x0b\xbc\x13\x01\x96]\xa0\x1a\xfdY\xff\x00\x82\xa7\xfe\xd5zL\x1f\x05\xfe&amp;|\x01\xd1\xbc!s~\x96z\x05\xa4:\xe6\xbb\x15\xeaG\x15\x85\xd5\xcc\x81\xe2\x83l\x80,\xac\x15\x10\xb8\x0f\xbcy\xf1\x05G-\x81\xf9m\xe0\x18\x92\xf2\xc1! \x1c\x8e\x9e\xb5\xf2\\L\xed:\x7f\xd7S\xeb\xb8JP\xa9R\xacS\xd5Z\xe7\xce\x1f\x14\xfc\x19}\xe1\x9djo\x90\xb4n\xdc2\xf4\x15\xe5\x1e1\xd3M\xfd\xbf\xd9\xf5\x0b_=\t&lt;\x1e\xa0z\xd7\xdc?\x11~\x17\xd9\xeb\xd6l\x92\xc2\x00#\xfb\xb5\xe2\x9a\xcf\xc1\x88,\xaf\x9e\t"\xce\x0f9\x1d\xbd+\xe6\xa9\xd7I\xa9_S\xdb\xc6eI\xce\xe9h\xcf\x89|a\xf0\x7fO\xb9\xba-\xa7_Mo\xc1\xc9a\x90Me\xdb\xfc\x15\x9d\xed\x97\xedZ\xa4\xaa{\xac\x11\xe4\x1fz\xfb\x8e\xd3\xe1O\x86u\xc6\xfb\x16\xa1\xa3\xc6\xb8&lt;|\x9d}\xebZ?\xd9SC\xd3m\xd3VK\x1c\xc4\xdd\x01\x1dk\xda\xa7\x9eTP\xe5\xe6z\x1c\x1f\xea\xdd\x19\xbb\xa3\xe2\xef\x04\xf8#\xc3\xbe\x1e\x9cb\xd2\xfayr1$\xa9\xb5s^\xc7\xe1\xd1\xaa\xcb\x1aAojFp\x159\xef^\xd6&gt;\t\xe83L3\xa5\x80\x17 \x91\x1e+\xad\xf0\x0f\xc0m&amp;\xdbQ\x8a\xe9\xadv\x059\xc4\x8b\\\xb8\x8cs\xc4&gt;f\xfe\xf3j9\x1ch\xca\xd1)~\xce\x9f\t5\t]5}~\x1c\x1c\xe5r:\n\xf6\xddz\xce\x0b]0\xd8\xdbD\x14l\xe3\xde\xaf\xe8ZM\xbe\x93j\xb6\xd0\xc0\x10*\xe3~9?\x95W\xd7\xbc\xa4\xb6\x93#-\xb7\xd7\xa5r\xc6\xa74\xae{\xb0\xc3F\x85.T~\x8a\x7f\xc1\x0b\xb5\xbbI\xff\x00g\x1f\x14xt9\xfbE\xb7\x8c\x9e\xe5\x94\x8e\x0cR\xda\xc0\xaa\xc3\xea\xd1?\xe5\xef_nW\xe7\xcf\xfc\x10\xbf\xc5:(\xd2\xfck\xe0\xf1s\x14w\x81l\xaeD- \x0f*\x97\xb9R\xc0g$\x0c\x0c\xe3\xa6k\xf4\x1a\xbfH\xa2\xa2\xa8B\xdd\x97\xe4\x8f\xc8\xe7RUj\xceRV|\xd2_t\x9a\xfd\x02\x8a(\xad\x04\x14QE\x001\xa4\xca\x86\x1d\x08\xcd7\xcd\xf74Q@\x00\x97\x9e\xf5\x16\xaf\xaa\xc1\xa4iWZ\xad\xc4n\xd1\xda\xdb\xbc\xd2*\x01\x92\xaa\xa5\x88\x19\xef\x81E\x14\x01\xfc\xf4\xfe\xd4\x1f\xb5\x17\xc5o\x89\xde#\xd65\xf8\xf5v\x82\xef\xe2/\x8b\xaen\xe5\x8aW\xdd\r\x94%\x81X\x94\x007\x15\x8a(\x94\x12&gt;\xf2g\x8c\xd2|6\x9f\xca\xb4\x86R\t*\x06}\xe8\xa2\xbeG\x8a\x9b\xf6\x94\xd7\x91\xc7\xe0\x84\xe7\x8a\xa5\x8e\xc5\xd5w\xa9*\xf2M\xf9\'d\xad\xb2I7\xb2=\x12\x11\x0e\xb5hch\xc2\x1085\xe6\xfe:\xf0\xdd\xac\x97\xac\xacp\xc7\x90\xcbE\x15\xf1[3\xfa\x06\xb4b\xe9\xecr\x10i\xabkw\xb0\xed8n\xa0Wa\xa0\xeb\xc3P\xd2\xa3\xd2\'\x84\xe1\x1b\xe5l\xd1E\r\xfb\xa7-\r\x8e\x86\xd7F\xd3\xe2\x87r\xdb\x82H\x04\xee\xae\x83\xc3\xfa$\x01\r\xc9\xc1n\xdct\xa2\x8apn\xc7B\x8a\xb9\xa5\x1f\x97\x0c\x05\xdd2}\xab\x07\xc4\xe27\x86B\x17\xf8OZ(\xae\xea}\x0c\xb1\tr\xb3#\xe1w\xc5ms\xe1f\xb5g\xe2\x1f\r\xea\x97\x96\x1a\x8cW\x8b\xf6\rB\xc5\x82\xcbn\xf9\xc8 \x9e\xdcr9\x07\xb895\xfa\xc1\xff\x00\x04\xde\xfd\xb7|_\xfbNXk&gt;\x05\xf8\x95\xa5\xa3k~\x1e\x82\x19\xff\x00\xb6-\x82\xaa^A+2\xae\xf4\x1fr@T\x83\xb7\xe5#\x07\x8e\x94Q_\xa5e\xda\xe0 \xd9\xfc\xb3\x8d\xccq\xb4|V\xab\x97\xc2o\xd8\xca\x93\x9b\x8e\xeb\x99r\xea\xaf\xb6\xfd-~\xa7\xd4\xc0\xe4f\x8a(\xae\xa3\xee\x02\x8a(\xa0\x0f\xff\xd9'</t>
        </is>
      </c>
      <c r="M447" s="3" t="n">
        <v>45492.67731481481</v>
      </c>
    </row>
    <row r="448">
      <c r="A448" t="n">
        <v>1105078</v>
      </c>
      <c r="B448" t="n">
        <v>1963</v>
      </c>
      <c r="C448" t="inlineStr">
        <is>
          <t>Rômulo</t>
        </is>
      </c>
      <c r="D448" t="inlineStr">
        <is>
          <t>Rômulo</t>
        </is>
      </c>
      <c r="E448" t="inlineStr">
        <is>
          <t>MC</t>
        </is>
      </c>
      <c r="F448" t="inlineStr">
        <is>
          <t>MC</t>
        </is>
      </c>
      <c r="G448" t="inlineStr">
        <is>
          <t>MC</t>
        </is>
      </c>
      <c r="H448" t="n">
        <v>176</v>
      </c>
      <c r="I448" t="n">
        <v>20</v>
      </c>
      <c r="J448" s="2" t="n">
        <v>37170</v>
      </c>
      <c r="K448" t="inlineStr">
        <is>
          <t>Right</t>
        </is>
      </c>
      <c r="L448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1B,\x00E2\x00N:\x00N6\x00O8\x00Q;\x00C/\x00L7\x00K4\x00H6\x00TA\xf3\xf5\xf9\x00H3\xfd\xbe\xa5\x00@0\x00V=\xfe\xc7\xb3\x16\x0e\x0b\xfd\xc0\xa9\xf6\xf7\xfb\xfe\xc3\xac\xfe\xc5\xb0\xfc\xbb\xa1\x19\x11\x0e\xfc\xb8\x9d\xcf\x88c\x11\x0b\x08\xf0\xf3\xf7\xb1sU\xff\xcd\xba\x01YD\xd7\x93j\xfe\xca\xb6\xff\xdb\xcf\xa9nS\xd7\x9d\x7f\xd6\x8ef\x1e\x15\x11\xc4\x82`\xf2\xab\x8e\xec\xad\x90\x00=*\xcd\x92q\xfe\xd6\xc7\xbdzY\xc1\x88i\xb7xZ\xfb\xb5\x98\xfb\xb1\x93&gt;*\x1e.\x1e\x17\xd1\x8fg"\x19\x17\xff\xd3\xc3\xabiL\xdf\xa4\x86\xf6\xb5\x97\xc9\x87b\xf4\xaf\x94\xde\x97q\xda\xa0{\xf8\xb9\x9d\xf0\xba\xa65#\x182(\'\xf5\xbc\xa0\xff\xd0\xbf\xef\xa6\x88[&gt;/\xf8\xab\x89-"!\xf9\xad\x8f\xe6\xa7\x8c\xd6\x9bu\xe8\xaf\x97\xb8uU\xa3gM\xdf\x9d\x81\xc7\x8ek\xef\xb5\xa1\xc8\x88ifF5S;/\xafx[\xc9\x80]\xce\x96w\xbe\x7f_\xf5\xbe\xac\xa3bG\xf6\xb3\x91\xe3\xac\x92\xe9\xb4\x9d\xf4\xaf\x8b\xee\xb4\x96\xf1\xa5\x82\xc8\x90p\xc4{Z\xde\xa8\x8d\xe9\xa0\x83&gt;36\x03`M\xf6\xb8\x99N5\'\xfc\xfc\xfc\xb1mP\xef\xba\x9d\xee\xaf\x9a(\x18\x0f\x8f`I\xd3\x9b|\x9flSF0#\x97fQ&amp;\x1e\x1d\xe8\xee\xf2\xd2\x97r\xba\x83g\xf4\xf8\xfa\xd8\xa0\x87\n\x06\x05\xd5\xe1\xe7\xdf\x90n\xf4\xa6\x899--\xdf\xe8\xed\xcb\xa6I\xfe\xe3\xd9\xee\xef\xf1\xe7\x9cy\xd9\x95x\xf8\xc0\xa6qF.\x97\\C\x80M5\xf4\xb7\x9f\xf7\xc4\xb3\xfc\xd0\xb7\x86U&gt;f=\'F::\xf5\xba\xa7\x9baI\xbb\x9b&gt;\xfa\xf8\xf7\xea\xe7\xe7\xd0\x8am\xef\xad\x89\xc8\xd4\xdc\x1cU3rK8\xe5\x95w\x90V=TIL\x00\x1b\x13dyAeKA\xb3\xc5\xcb\xe0\xe0\xe3\xee\x9e}B&amp;\x13\x9aob\xb4\x7fa\xe4\xa2|\x83\\L\xf8\xc9\xb0\xf2\xc3\xa9\xc3\xca\xd0\x01/#\x16fW\xbf\xa4L\xc5\xa0@\xd4\x90q)a:}\x82B[D9\x8agX\xbc\x89w\xec\xde\xd7\rM0\xce\x80dBi;Z4 \xa5tX\xaayg\xb8mPWo&lt;N@C\xe9\xaa\x85P/\x1ayR?\xc8\x91~\xae\xb5\xbc\xad\xa9\xa9`UX\xa6\x9aM8\\4\xd3\x97\x85\xda\xd8\xdcnQGZ\x8d\x88r\x9d\x9b\x92\x90H\xf9\xec\xe7\x9f\x95\x93\xd6\xd0\xd0u\x8ePJ\x84z\x9a\xad\xb4\xe8\xbd\xa9}VE\xdc\xaf\x9c\xb3\xa9X\xeb\xd1\xc6\xf7\xcb\xbc\xd6\xb0O$oc\x86\xaf\xacvll\xe1\xb7K\xcbt[\xda\x82j\x96\xa2\xa8\x8f\x9c\x9e1{q\x8b\x82\x80\xc6\xbf\xc1\xd8v]\xfa\xaf\x9d\xaa\x8f=m[]\xc6jR\x98\xa3[\xda\xc3\xba\xa6~t\xea\xc2Y\xa4\xc2\xc0\xc8\xb3\xab\xeb\x86q\xb6^I\xed\xc7\xb5\xd0\xbca\xbb\x9b\x95BtF\xc9\xb2U\xacO8X\x83S\xd8\xafA\xbe\xb7b-XW\x11D@\x19MK\xf2\xcfs\xde\xc7o\xef;2\xc9&lt;2g\xee_\xb4\x00\x00 \x00IDATx\xda\xec\x98AO\xdbh\x1a\xc7\xe7\x03T\x91l+\x8e\x837\xd1\x9a\xc0KP\x93\x12\xecu\x18\x1a\x94\xc6\r\xa9\xe9.A\xc5\xa6\x94\x16\xb5U\x07\xab.jR\x12K\x88\x88\xb1D\xdb@A\xc4\x8dZ*e\xb0\x14Q\xd8\xb2\xea\xa5R\xc8\x85a\x95!\x94H\x85\xc3\xd0\xc3\xe40\x07n\xf4\xc0m\xbe\xc3&gt;\xcew0\xbd\xec+\x12\xa3\x80\xc4O\xff\xe7\xff\xfc\x9f\xe7\xe5\x87\x1f\xfe\x7f.\xf8\xbcy\x0e\xe7\xe8\xe8\xe8\xdb\xc7\xc3\xcf\x1bo\xde&lt;y\xf3\xfd\x91\x9el\x9c\x9c\x9e\x9a\x86yn(\x8dF\xc3\xa8)\xf08y\xfe\xbd\xa9\xbe\x9a\xba" \x8d\xd7L\xd3\x10\xb4Z\xcdP\x14\xc30\xcd\x93\'\xdfW)\xd3T4\x9a\x17\rEPp\n\xf8hM\xa9\x995Eo\x1c~7\xc5.\x1d6\x1a\x80`\x8a\xca\xa9\xa2\x88\xa2(\x08\xc0\x884\n7E^7\xc4\xb3\xa3\xaf\xdfA\xb3\'\x9f\r\xa4\xd4D\x1dH\x90\xc0S\x82@\xf1\xe7\x82i\xa2\\\x8eB\xa2\xa9\x1b\x02\xaf4N/\x9c\xeb\xed\x99\xc6\xeb\n\xaf\x9d\xea8%\n\x8a&amp;j\x82\x88hJ\x11\x01\x8f\xa6x\\\xd7yAS&gt;_4UC\x17EE\xe3\r\x03\x89\x8a\xae4\x0c^\xc3)\x9c\x06\xa9\xa0\x80\xa6F\xd1\x14\x85#M\xa8m\\(\xd5g\x05&lt;\xae!\x1c\xfepM\xe7\x11\xce\x8b5\x04\xee\xd2\x10M\x03\x97\xa2i\x14\xd4\x10^Z\xe3\xe8\x02\xa9\x0e\x05Q\xd0!\x15\x04\x8d\xd2\x1a\x8a\x01\x05C\x94\xc6\xf3\x82\x0eN\xd3\x04&lt;\'\n5Z\x00wiP\xe8\x93\x8bs\xbb\t\xc6\x11yAPL\x05\t\r\x88P\x8d\x17u\x01\x8eh\xd6\xcc\x86\x89\xe3\xe7\n\x8fD\xe0\xa3\x14\x84\xce.]\x0c\xd5\xdf\xceu\x9e\xc2q\x8a\x02\x99\x04\x85\xe2k\xbaf\x88\x8a\xc2S\x94\xa5\x10E!\x9e\x86\x8fE\x8d\xaf\xd1\x08\x82\x03\x9d^\xcc0:4\x90nP\x82"\xd29$\x9c\x9f\xa3\xb3\x1aN\xd7\xa0\x13y\x844\xdc\xb2=\rd\x08\xcf\xd1H\xcc\xd1&lt;\x98\xec\xecB\x06\xb3)j5h@]\xd19D)\xe7\xba\xa0\xe39\xe3\\\x87\x10E"\xc7i8M\xe3\x1a\x85(\x94\x03\xc2\\N\xa0t\xed\xf0\x02\xb0\xceDh6(!2\x1ag\r+\xa3\xa0\x11\xe9\x9c)\n\x1a\x8f4]\xd79P\x8c\xa6h\x9c\x16p\x11\xd8 \xc6\x90\xf0\xd6v\xaa\r\x11*D\xe3\x14\x1f\xab\xb1)\xc4Q(\xc5\x01F.g\xd9\rQ"\xc7\xc68\x96E\x10\\ \x1a\x8e\xc0\xf6\xf03\\\xb1}B\x9a\x8a\xa8\x83\x1e\xac\xce\x19\x06\xcb\xb2\x14B1\x80\xa3\x01\x82F\x14\'\x08\\,\xa6V\xe4\x18&lt;\xc0f\xe02\n\xbc\x96\xa3\xec\x1eCo!\xdd\x01B,\xcb\x99\x18\x9b\x91\xe5JY\x95\xe5\x0c\x0b\x141\x8e\xe32\xf0IF.\x97\xcb\xc7\x95JE\x8d\xa5R)\xf8\xdd\x96\xc7l\x8e\xaf\x06D\x00\x8ep\xb5\x0cTR%!\x95U\xd5z/\xab,PfX6\xa3\xca\x99\xca\xf1q\xa5\\9\xae\xc8\xaa\x9aac\xc8\xaa1M\xd9\x1a\xf7\'\x06B&lt;x(\x83\xc7\x12R=\xbb\xb7\xf7\xebv\xbd^*I\x195\xa3J\xf5\xba,\xa9l\xa2\\\xc9$X\xe0\xca\xa8@\x99\x91\xa1\x98\x90\x16\xf8\xa9\xad\xce2\x10Eq"R7\xb7\xb2\xd5\x83\xb9\x8e/\x1ds\x97/\x8f\xcf\xce\xcc\xa4\xb3c\x07W\xd2i\xa9\xde\xdci\xca\xcdzB\x06\xf9Txeb\xc8\x1a\xdb\xd0\x9b6N\xed\xc3\x18\xcfsT&amp;\xc5\xed\xef\xcd\xcd]\x9bXa\xfe\xfc3\xbe\xb2\xf2z\xe5\xf5\xd3\xee\xe5\xeb\xcb7?\xf5\x8c\x8d\x06gg\xc7\xc6\xd2\xe9\x92$\xab\x89L,\xc3\xb1)\xa0\xb2\xf2\xc2\xc6\xb0op\xb04\xa0Dj\xb7:\x01L\xf1@\xeb\x84\xbd\x0cC\x92N\x07IF\xa3\x8f\xfd\xcb\xd7\x1f&lt;\xe8~9\xf2\xb2\xc7\x97M\xab\xac\x1ccc)\x10\xcb\xca\xb2\xaf\xb6](x\x1e\xf1\x9c,\x15FVV\x18\xcc\x1b\x0f\xb4\xb7\x07\xda\x03\x01/F2$\xe1pb\xf0\xc4\x08\'A\xb8\xa3\xfew\xbfM}\xea\xf2d\x9b\xe0y\x8ej\xb5#m\x9b\xbbN5\x8bjor\x02\xc3\xbc\xde\xb87\xde\xbe\xb0\xd0\x0ed^\xcc\xc9\x90\x0e\x17\x81a\x0c\tPD\xde=\xd4\x7f\xff\x9d\xffC\xdb\xd5;\xbet]\xce \xcb\\\x14.\xda\x94\xf5\x1b\x1c\xcc\xbc\x98T\xbd\x95w:\xbd\xc0\x15^\x80\x13\x08\xc4[5\x04\x1cgK4\xc2\xe1r\x87\x00\xeb\xdd\xc3\x81\xb5;=\x9edRJAF\xc0ZaWv\x9dh\x1c\xcf\xb1\xd2\xc1\xad&lt;\x811\xa0V\xfb\xc2\xef\xbf/,\x84A6\xccI8\x1c\x0e\x02#1\xc2\xe5r@\x11\x1f\xbf\xf3\xfb\xa7\x06:\xaf\x06\x87}\xc5\xba\n\xee\x02\xb9h\xd3\x9e\xa8o\x88&lt;\x17S\x9b\x07O\x97\x9dN\x02\xc4j\xb7\xd4j\x07,\xaf\x17Tr\xb9\x08\x02j\xe9p\x81Z\xfd\xfd\xf7\xfc\x83\xef\xe7;\xafv\x81\\\xe9\x84ez*\x87\xf3\xb6T\xf1RM\xb4\xfc\xbe\xfd\xeci\x14\n\xc6XX\xed\xd6\x97e3\xa7\xc3\xe1v9\x1c\x98\xd3\x15\x82\x07\x14\xb1\xff\xfe\xc3\x17\x03\x9dm]\xc1\xe1d\xba\xc4!\x84[\xa3\xfb\xa3\x1dX\xcf\r\x8e\x95\xe5r\xb6\xc3\xc2"\x99p\xbc\x05\x15\x080^/\xe3lQ9\x08"\xd4\xebv\x87z{\x87n\xdc\x1f|10\xdfy\xfbQ\x8f/]\x82\xe1\x88\xc3\xa1m\xd9\xbb\x8e\x0c\xb6\x92\xa8$\xb2\xe3\xdd.\xc2\t\xf1\xe0\x85|\x80\x13\x0e3\x18I\xba\xdc.p\xbb\xcb\xe1\xee\r\xb9{\xef\xf5\xde\xb8\xf1\xf0\xe1\x8by\xc0\n\x06}i\t\xb0(\x0b\xcb\x16\xcf\x1f\xd5d\xf98\xd1\xdc~\xd6\xc2\x8a\xc7\xa1\x8aV&lt;\x04\x00\xcb\xe9r\x03\x16A8B\xee\xa1\xde\xd0\x8d!\x8b\xea\xfd\x8b_\xa0\x8a\xe0\xf9\xb4\xc4r\xd0\x8c\x10\xa8\xb6l\xcf\x87\x15XY\xa4\x9d\xedg\x0f\xf2\x04\xd9\n\x8800\xc1;\x94\xd0\x15\xea\r9I\x07\x94ph\x08\xa4jQ\xcd\xff2\xdf\xd6\xf6hx\x1a\xb0b\x9c\xe5z{\xb0&gt;\x96+\xe5\xe3\xe6V\xfa\xf2\x88\x83 1\x86\xf1\xb6\xb0\xbc$\x86A\x05A-\x8c!\\\xbd\x16S\xab\x84\xef\xdf\x0fXX\xb7\x87\xa7\xb3\x12,&lt;)\x04W[\xc3\x8e\xb1\xf8\xad"W\xb6w\xb2{\x1d\x8f!\x9a\xacA\x13\xb7&amp;O\x9c\xc1\x18\'@9\x9d\x0c\xf4\xa3\xdb\xdd\xdb\xc2\xba\x01X/\xe6;\xdbn\x83Z\xc9\x92\xb5v\xc1\xc4\xa6\r;\x82k\x036\xce\xed\xadj\xc7r4\xear\xc1\x00d\xc2\xe0\xf9\x85@8\x1c\xc7\xac\x0c\x85\xc8`\xe0\x9bP\xc8R\xec}\xcb\xf0\x16V\xd0\xe3\xa9\xc3\x86\xc3\xc1-\to\xd8\xa1\xd6\xdbJ\xb9\xdc\xdc\xfa\x11\xa8@\x1c\x18\x81\xd0\x89Vp-\xb4\x070\x02\xa6\x0f4g\x18f\xa2;z\xcf=\xd4\xb2V\xe7\xed\xdb\x8f\x00kx\xb8(%TX\xa9\x11^\xb3\xe3\x82\xfd\x06V\xf4\xad\xd9\xc8r\xb4?\x1a\x82CZ\xf9\xd0\x9a\x8aa\x12\xfc\xe5$Io\x1cfb\xdeu\xfd5\xec\x0f\x1f&gt;\x0c|\xea\nN\x0f\x07\x83\xc3\x1eO\xb1\x94\xb0\\\x8f\xdb\xb2r=9?\xde\xde\x1e\x8fD\xfa#\xd1P\xf7\xc8\xcb\x83j\xf5\xcb\xbf\xfe\xb86w\xeb\xdak\xd2\x9a\x86$\xc10\xffY\x99x\xfa\xd3\x97\x83\xeaL\xbd\x99\x90\xb6g\x8a\x9e\xe9\xe9\xe1i\x8f\xc7\xd7\x94\xac\x05\x07o\xd82\x14O\x8fw\xb6\xc6\xbb\x81+z\xa5\xbe\xbaX\xd8\xdd-,\x16\xea\xa5\xddbq\xac\x1bR\x1f\xaa\x88\xadL|98\xc8&amp;T\xb8\\\xa8\xfb\xd0\x7f\t__\x9f\xc73\xedK\x96\xe0\xfa\xc1!{V\x88\x93\xe3\x9d\xbd\x8e\xee\x88?2\xbb\xbb\xb8:\x93.\x15\xf67\xf7w\xf7\xf7\x0b\xc0\xe5\xcf\xc3\xfe\x97g&amp;&amp;\xab\xd5\xadD"\x01K\xbc\x9c\x90\xac\xa5y\xe9n_\xdf\xb4\xcf\x07\xcb}\x86\xa3\xec\xc1:\x03\xac\x9b\xfe\x88\x7ftuv|\xf2\xda\xad\x9bW|\xbb\x9b\xb1\xcd\xcd\xfdE_\xcf\xa0\x0b\xcbG\xa3\xf9\x07\x1d\xb3\x90R\x19v\x93Mdg\x0f\xaa[\xa5\x8cZ\xbcka5a\xb5gS\xf6\xfc/\xe2\xa4\xbc\xb3\x05bM\x15G\xbb#\xcb\xcb\x11\xd8\xa8\xd6\x96\n\x85\xdd\xc2j28\xe5"\xddD\xfe\xfao\x97\xff=S\x97\xa4\xd2\xaa\xef\xce\xe5\x8e\x9f\xe6\xc6g\xd3\xaat7\xd9\x97\x04\xac\x84\xcc\xa6\xbe\xd9T\xc4\xed\xbdH\xc4?\xd2us\xd0?88\xf2im\xad-\xd8\xb7d\x9dGS\x04\xe6t\xe4\xaf\x7f\x18\xb5\xf6\xab\xf5b\x9f\xa7\xeb\x9f?NN\x8e\xac\xf5\x14\xa5\xd5\xbb\xc9\xa4\xaf^\x91d\x96\xb3\xe7\n{\xb8\xbdS\x05\xac\xa9\x91\x91\x91\x97\xc1\xbb=_&amp;o\x8e\xde\xf1,\xad\xaf\xaf\xbf\xfa\xef\xcf\x8ep\x18\xcb\xbf\xfb{\x97\xa7\xb8\xfej\xf1\xd5j\xb1o\xb8\xa7gtm\xb4\xab\'\xf9\n\xb0\x92\xcd\x84,\xb3\xba=\xcb\xfc_;;\x07\x11\xd0i\xf0\xe5\xda\xd2\x92oluq\x7fs\xb7\xb4\x9e\\/,N\xffL\x84\x03d\xf4\xc3?\xee,\xbd*\x14\xaed\xab\xbf\xce\xfc\x8fW3\xe8M\x1bM\xe3x&gt;\x81%\xc62\x96\xbd22qY\x1b5\xc4\xb0B\xa1`\x97\xae\x12\x83\x9c\x19@K\x0b"\xa4\r\xd4E\xca\x96m)\xe5\x10E\xc2\x87,\x04\xe8\x88(QE$\xcca%\xd2IgOH\xdb\x89P2H\xc9\xcc\xa9{\xc9^:U\xe7\x04\'\xa2\x8d\xb6R\xc3\xaaR\xee\xfb\xbct?\x02\xcc+&gt;\xc0O\xff\xe7y\xff\xcf\xf3\x7f\xcd\xc6|\xb5\xbe\':Df/\x99\xdc\x0b\xbf\xbe\x1b\x08&lt;\x9f\xcaH\x84&lt;\xf6\xe6MDZ\x03\xacb\xb6V;\xae\xc1\x1a\xf5\xbb\x7f\x1f\xbc\xda\xa9\xd5Zq\x1d\x83\r\xd5Y\x02\xb1v\xce*\xcd\xe6\xd3\xa7\xbf\x7f\xfe\x87\xbb\xb9z\x95\x11\xc5\xac\xe7\x0b\xd6\xbd\xe7SJd\xff|\xfd&amp;\xa3\xa8A](i\xc9*\xf7\xfe\xe3\xc1\xc1\xd3\x9d\xca\xfb\xca\xd3\x9dR[\xc5\x16L\x98\xab\x9d`\xb8\xcaY\xe0\xfd\xbf\x0e\x00\xf8\x8fo\xfe\x1c\xa8%\xb3\x8e\x90\'\x99\x0c\xe7\x10\xd6\x94\x1e+_\xbez\xa5\x08\xaa\x0e\x1bB\xda\xe8v#o\xc5\xbdVx/Y\xd9\xa9i\xba\x8bX0c\xc1\xa2\xc60\xf5\x96\xf8v\xb3\x0e\xc6\x11\xf8\xfc\x1a,\x8d\x01,\xcf\x18+\xf0|*\xfe\xb0\xf5\xa7\x0f\x9f\xf2\x8a\xae\xaa\xb0#\xa8\xae\xb6QR`\x9f\xea\xd2\xbdV2^r\x01\x96\x95L\xdb\xb4\x10\xc3e\x8bF\x99\x0fsL"\x11\xaeV\xf7BZ\xcf\x93\r\x87aZ\xff\xe3\xde4\xd2\xfe\xe3\'\x92pgC\xd1\x83:\xe5R\x9d$\x15L\xebm\xa3h\xeb\xf7\xfa\xc5\xb6+\xa8\x9a\x17\xac\xce6\xad\xc5y\xc6S,\x1a][\x97\xeeDCYO6\xeb\xe8As!\xac{\x7f\x9b\xc6K\xe5\xd1@\xbd\xb8\xb8\xa1\xe8:R\x8b\x84\x8d\x81t\xa9iEH\x1b\xc5\xb6\xd3\xa9:\xad\x0b\x84\xab\xdd\x88\xd3\xf1x\xaf!\xac\x15\x87q\x1aV\x9a\xac\x07&amp;O\x08a\x85A\xad73\x7f\x9d\xfc\xa8&gt;\xba\x1e\\\x90\x9b\x19%\x08\xd1\x06#\xc6\x0b\xf3\x92\xc5\x84\x05u\'\x06+&lt;fZ"\xd4\x12\xedv\xd3n\x9a\xf6n\x93~\xec\x85=#\xd3\x9a\xd6\xcb\xf6\xb2@\x07X\xf5O\x1fk\x1f\'\xee\\[\xa3K\x05\xb0\xd2\x90l0\x02r\x05\xfaY\xad\x94\x934\xe38\xe5\xc2\xc1\x1f\x82F\x97\x060\x1b\xad@2\xc3I\xffz\xbad\x14\xe3\x88\xcb\x03j5\xc3U\x8f\x87\xfba\xd2\xd65;\xbcR\xa4HFWA+\xf3\xdc\x1cd\xfc%\xa4\x16iZ\x82\xc0CYf\x97\xcc\xae\xb4-N\xb3lY\xde\xc7\x08\xd8\xa1)\x14\x15K\xc0\xd5Cj5\xc3\xa1\xac\xc3\x91L\x1eM\x1a\xeb\xaa\xad\x08\x80\xe5\x82\x90h\x1e\xe7\xe9YH=f\xf4xDR\xc4\xc2\x82\x85 u\xd97\xc6\x12\x08\x02\xc7!\xf6\xab*l\xf44\xf4|6\xcc\xd5\x19\x9e\xe7{\xfd\xebIcm]\xe9\x92R\x06;\x05\xb5L\x16\xeb\xec\xd6\xf9\xec\x9c\x850a\x84\x15\xa70\xd3\x82\x05\xb6S*\xe3\xf3\x8d\xb103z\xc1!I\xafn\x14\x8b\x90}&lt;\xdc\x17\xac\xfe\xe0\xf2\xc3\x84\xb1\xceU\x97^\xec\x00\x96\x93\x84\xf0\nYlkn\t\x16x\xc2d%)\xdc\xba5g\xb1\xe2~\x81\xf5\xb9e\x96\xb5\xe3\xd6%\x02w:\xbd\x92R*\xb2\x90\xf7a\xe1\xaas|\xc2q9\x18\xbe\x9b\xb4Z\x17\xfa\xf0\xba&lt;\xbe\x89\x98\xd9\x82r\xfe\x9c\xd5\x84\x9e\xdaL.\xbd\xedZ\x98\x83\x18+\x1c\xb2\xb4\xefvD\xce\xf8\xad\x16(\xadSBX6_&lt;\x14Bj\xf9\xa2\x8e\xd1`\xb89\xe9\xde\xbah\x0f\xaf#\x80\xa5\xba\xa0h\x96%\xe0\xb2\x98\t\x0c\xba;X\x1c\x14U(\xec\x0b\x9a\xf6\xb9\xe9\x8e,\x1b^\xb3\x05\x90\xfd\x82\x02-\x8f\x12,\x13\xe6\n"\xefqk\xfdaw\xc2X+\xfa\xe0\xb2\x7f#\x93\xd6\xc7XV\x84\xb5d\xa50\x92r\x15G\xad\xae\xa1\x0b\x19\xda\xc7k\xb4\x9b-\xb3\xb2\xb2m\x85\xc4HJ\xe9\x12\x0b\t\x16"\x19\xc7\xe4b\xa1k\x8d\x0e\r/\xcf\'&lt;{\xda\xc3!jy\x1d\xe4\x02\x93\x1f\xbf~[\x08J\xa5\x8c\xeb\x83\xaf\xbe\xca\xf6z\x0eG\xe5\xe9YKs\xcb\xb4\xcd\xf0\x12V\xb3y]\x82\xa9\x892,\x13\x02,\xb1;\xeaF\xf8\xfe\x84\xb1^\xae\xe8WWR\x19\xd4\xd2Qw\x11\x04\x8a\xfa\x0bf\xf0\xf7b\xabv|\xac\xb5j\x90%\x8e[\x9e,\xd4\xd1fk/\x9aLf\xbf\xa4\xc8\xa8\x86|\x08\xe4*$\x1a\x97\xfdr\xa7w\xb95\xd9\x8b\x88\x01\xd6nCI\xa7\x83AU\xa5\xd0\x8b\xc3\xf8Y\x840SC\xb0X\xbd\xd7\xf2\xf8\xca\x1d:\x1e\xd2`.\xda\xe4}\xff\xf6\xf6\xba\xd2\x96\xa1\x86\xa8\xb7\x00k\xbe&lt;\xec\xd3\xb2\xa3?Y\xe3:\xdfU\xaf\xae\xc8\x06\xb4&lt;P\x05\x01\x8b0#\x9b\x87\x1f\x9en\xab+\xb8d\xc4\x1f\xce\xcf\xf3\x1e\x0fp\x81\xd7\x97\xf6\xfd\xeb\xde\xb4\xcc\x8e\xb1\x1c\x0csR\x88\x96\x07\x97\x97\xb4\xd6\x9f\xec\xf4yyaZ\xb1\xe0\x0f3\xa8\x86\xae/\x96\x8a\x98\xd0w\x15R\xcf\xd8\x97#\xf6\x8c\x18\x8b\x9d0YM\xa3i\xda&amp;\x9f\xae\xae\xae\x1d\xca\xe8\xcd\x86\x07,\x8e+D\x07W\xa3~WkLx\xddZ\xbe\xd8\xb5Z\xcac,t\x17\t\xf4\x1e\x88l\x80 ()!2\\4\x91+\xe4\xf2y\x11\xb4\x82\xe6\x02\xb9\xd6\xc6b\x01\x16z\x1c\xc9\xe7;\xdd\xfe\xa8\xa7i\x93\xf6\xado\r\xbb\x9f,G\x94\xb4\xeer9\xd1s\x16L \xd0\x8a H\xa1\xb1Wm\xd6\xb8X\xb3\xd9\xfc\xa9\x90\xe05\x9f\r\xb8\xe4\xd2),6p|qH?\\.\xd6\x11\x13\x1e\x8f\x16\x9d\xf8\xf0\xb9x\xe2uF2\x02\xda\x03\xc7j\x99\xd0\x98&amp;\xc04;\xd5J\xa5\xd2\xcc\xe5\x9b\x81@\xa0\x99\xe7y\x1f,7\x80U*\xc9,\x8d\xbc,$2\xf9B\xac\xd1\xb99\x1f\xedD\xcfg&amp;\xed\xa7\xbb\x17\xf8\x93\x88\x90.\xe9\xabN\xb4E\xc0\x9a`2a\x199^\xadC\x08\xab\xc1|\t\x1c\xdc\r49\xb7\x1ba\xd9d8\x08\xcb\x87\xc4\xca\xe7\x13\x1d\x84\x95x?\xf1\xf5\xf4|\x053\xaf\x94a\xa0\xac\x01\x16\x18\x17F\x91\x92\x94\x89wC\xd5\xca\xd9NUkD\xa2;\x81\xb3\xb3J.\x1f\xed|}\x9beY\xc0\xb2\xb9A-\x07\\D.\x1f-7\xe6\xe7\x1b\xe5\x89\x8b\x05Sq\x97X\x89HJFYuAo\xe1\xa4\xaa\x94d-\xd9\x0b9\x92\xd9n\xc9\x8b\x9b\xf0N\xb8r|\xb7R\xafFo\xde\x88\xfa\xd8\xb1X\x1a\x9f`\xc4\x10\x93g\xf8N\x14\xb0\x8e&amp;O5\xf3\xf8WI*\x0b\x90\xf6\x05\'z;u\x96\x12L\xb2UOjFq\xd0\xef\x0f$\xc9\xe8\xc6\x1d\xe1p\xbd^\xcf\x15\xbe\xbb\x19u\xb3,\xd8\x03l3PC./F\xa3\xd1\xf9\x89\xf7\xfb\xff\xb9f\xff~\x7fY\x10$/E\x92$%$\xea\xb5V+\xd9\xb5\rF\xd7\xa3\xd1\xe8\xf22\t\xf19)2{\xb9\xe6\xdd\xc2\xc9&lt;\xdcF\x1bt\x16/\x8a\x8c\x18\x033\x8dFo\x1e\xcdL\xe9&lt;\xfe\x80\xde(\xbd\x14\x85\xe1\x94\x91lyB\xc9Zr\xd4\x1bd$\xdd\x18\x0c\x8c\x8c\xd1\rW[\xad\xe6N\x00\x8c\x02\xd4r\xbby\xf4\xe5NL\xc4N\x1em\xbe\xfbp&gt;3\xb5s\xbe,\t\x92\x1f\xb00\x7f\xb7\x9ath\x8dr\xa9\xad_`f\x1c\xbb\x80#d\x8c\x86\x18nU\x8e\x8f\x7f)\xb06\xd6\xe6K\xd0\tQt\x88\x85\x8di\xff\xa5r\xd9\xae\xc0\xb4#1LrT\xe9}\xcc\x04&gt;a\xb6\x98q\xa7\xd0n+\xbb+/RJ\xe6P\xee\xe4\x9b\xb9=\x16\xb6g\x9f/\x01\x171\xc1\x14&gt;O\x99j\xe6\x81]\xf2{1\xbf\x13#\x8d.D\x89\xf1\x97|\xcc/E\xe0\x9e=|\xf6\xe0N\xca~z\xba\xbf\x7f\x18\x13yV\x86 \xcb\x03\x17/r\xf9\xffL\x1b\x0b\x9a\xcb\xef\'\xbd`\xa8N\x15vz\xc8;\xa4K\xc846N\n\'?&gt;\xbc\xb5|\xeb\xd4\x0e\'u\x8a."\xcb\xd3PC\x87(r\'\xe7\xd3\xc6\x82\xe6z\xe1\xf5\xfb\x81\x0bB&gt;\x98=L\x9f5En|W\xf8\xa5\xb0\xf1\xf0\xeb\xdb\xf7\xed\xf6S\xfb&gt;\xe8\x05T\xe0\xa5\xac\x0f\xb08\xee\x87iS\xcd&lt;~d\xf7\x02\x96S\xf5B\x8e\x1d\x83a\xde\xfdR#\x9a\xcfm&lt;{\x16I\xa5R\xc0\x05\x07a!2\x1f\xd40\x16\xfb4u\xac\x99\xff.\x03\xd7\xbawuu\xddO\x92N\x8a\xda\xde&amp;\xf0u\xe1\xe6\x8f\x1b\xf37\x16\xff\x92ZL\xd9\xf7O\x0fO\x0fe\xc4\x04\x07\x9cK\x8c1G\xd3\xc7:\x8a\xd8\x05\xafwumm\xd5\x0b``\xf7\x84\xd5\xb2\xf4\xed7\x9bo\x7f\xb8\x9f\xfa\xfe\xfb\xc5T\xea\xf4\xf06`\xc9P\xc3q\x1d\x91Z/\xa7\x8f\xf5\xf8\xc62X\xaa\xa0\x0b\xea\xaa\x9f\xc4\xfc(aC4\xbbs\xff\xd1\xdbG\x8b\xeb\x8b\xdb\x8b\x80\x85\x8e\x0cR})b\x8c\xf9&lt;\xf3\x1b\x9c\xcd[0\x80\x14EY\xf5\xe3\x18\xfa\xff\n\n\xd8\xbf&gt;\xf8\xf9\xe7\xb7\xdf\xac&lt;\x81"\xae\x8f?\xda\xdd\x1ec\xb9\x01+\x11\xe3\x8e~\x0b\xacw\xcf [+\xca\x9a\xe4%\xb7\x89m\xd3\xc2\xc2\xffx7\x9f\x98\xb4\xd64\x8c\xb7\xa0\x88@\x83\xb9a\xd1L 6\x973\x97K\x11HZsAZ\xc4\x90\xdbI8(\x7f\xaa\x01\x14\xf424\xa2\x15\xc1\x1a\x8e\x18\x16d\x18[\x85hh\xaeB\x9a.\xc4\x885\xa5$&amp;\xa3]X\x17\xb5\xea\xc2\xaa\x99\x1a\xb4\xa6\xa6\xceB;\xee46i\xbak\xeff\xde\xf7\xd0\xdeLf&amp;\x93\xfb\xa7\xf2\x12\xf0\xec\xfc\xf9\xbc\xcf\xfb|\xdf\'\xe7|\xb7\xbb\x9b\xd8Y\x9a[\xdaY\x9d\xeb\x0f\xb4u%\x93O\xd1[\xd5\x1aZ,\xd8O\xcf\x15\xe5\xae\xf9]\x93l\xe0\xc6\x8d\xef\x93\xdf~[S\x9b\x90\xde\x8e\xc7}q\x8bnuin\xe1xi\xc1\x16p\xe2 &gt;\x80A\xfc\xc3\x1fqM\x84\x85Z\xfc\xeaLQ\xb0\x9eZ\xc7\xae^}\x00\x82]\xb9"5\xc5\x8cF\x8f\xd3\xe8\xdc\xc9@--,,\xd9\x88\x80\x16\x9dE\xe7\x16l\xb6\xc4\xe2\xa5\xe2&lt;bP\xd5j\x92H\xc6\xae\xdex\xf0\xf4{\xc2d[]\xed_\x85:\x9e^\x9b\xcdd\x16\x9e(l6\x08U-I\x81\xb54vy\xbdX\xac\xdc&gt;S\x1c\xac+\x06\xab\xb2~l\xe6\xea\x80\xc9\xde\xd7\xb4\xb00\xb7\xb40w\x9cY[\x1b\xff\xdb\xf4\xc2T\xdf\x12\xbcI\x8a"\xd1Vp&gt;lP\xca_\x15\t\xabF: \x11\x89`+e\x9f\xea\xeb\xe9\xed\x9d\xcdLgf\xd7\xc6\x1b\x1bo\x8d\xfb\xa7\x17\xfc=\xb05\xed\xb3WK$r\x91J,\x96k$E\x99\xc33\x9dU\xde6\xc3\x98\xfc\xa6\xea\xa6jph\xf8\xfa\xf4\xda\xf8\xcb\xb5\x8e\xf1\xf1\xc6K\x97.uLO?{\xf6r\x1a\x0e\xd7J\x84jn\xa8\xb7k4\xd4\x8fER\xcb\x1b\xf3\x99\xacr\x95J54r\xefZ\xc7\xb5\xc6\xc6\xc6\x0e\xbcs\xb8\xee\xd2\xadk\x1d\x8d\xd7\x9f\r\xfb\xfd\xbd"\xfc\xfeI%\xb7\xc3\xde\x86,\x16VK\xccg\x18\xd0\xe0/\x1eY\xec\x98\xc4;^/\x01T\x1d\xc85y\xab\xb1\xe3\xda\xf5{\xcf\x06\xef\xaa\x1aT"\xb9\x04WEO\x91\x9e\xf5\xf9\xba%\x96\xf0\x19f\xfe|\xb3y\xf0\xfe\xc8d\x1d\xdeO\xdd}\xb9\xbb\xee2\xb0u_\xbe&lt;\xb98?\xd4|\xb7Y\xa5\xaa\xd7h\xaa/P\x17\xc8w\xc5\xa1\xea\xfcK\x8b7\xe1\xf0\x99\xc6$\xaa\xfbCCw\xe6\'\xbb\xbf9\x7f\xfe|\xf77_\x9d\xff\xea|ww\xdd\xfc\xfc\xfd\xc1\xe6\x06\xd5M9,\xd4\x14Ei\xc9\xe28\x1e\xd4j\xadq8\x90KS\x8f\xff|\xb83\xb28\xbf89y\xab\xae\xbbnqr\xe4\xce\xd0\xf0\xfd\xc1\x06U\xbd\xa4\xfa\x02IVC\x80\x91\x7f/\x12\xd6nkM,\x11\x8f\xeb\xd4\x033c\xf2\xa1\xc5\xc5\xf9\x11\x1a\x0e\x88\xa0\x86\x07\x1bD"\xb9]s\x013U\xab\xa5\xa8@\xb1\xb0\x1e&amp;[\x12\x89\x84\xc3\xa1\x93\x1a\x0c\x06S\xd3\xc8\xe4$\xf8\t\xa8\xee\x0c\xfb\x1b\x94\x90\x08\xe8s\x84R\x1b\xb4d\xf5\x05\xdbhq,\xff\xa3+\x99\x8c9\xe2q\xe0\xf2\xf9\x8c&gt;\x9fg\nN\xf7=O\x9a\x9a\xa6\x14f\x19I\x92\x14\xbc\x11\xca\xa3\xd6Rf39\xf5\xa28\x01\x11\xddN&amp;\xaf$\x80+a\xb1\xf8|&gt; \xb4\xd8\xecv\x85[f\xd7x\xd4j0\x13\xae&lt;\n5\\jI\x99\x99\xea\x99}[\x94A\x9c\x00,o\x0c\xf5\xb2\xf8,\x16K"\xbe\xbb\xbb\xeb"\xa9\x80\xd6\xe3t\xeex\x08\x98&gt;\xca,\xd3B\x05HP\xcb\xdd;\xfb\xcf\xd1"`\t\x9f\xef$\x93-\xfa\xdb\t\x07\xbc\xa4&gt;\x9dN\x17\xff\xee\xeb\xaa\xb83@x&lt;\x01\xa2\x9f\xa0dfY\x93\x82\xc4nR6\xb3B1;\xfb\xe2\xb0\x08b\t7\x01\xab\xb5\xe6\xb6\xc3\x91\x88\xc5\xc0[:\x90m\xb7\xaa\xea\x1d\xec\xbav&lt;\xfd\x84\xcdm6\x9be\xd52\x99\r^n\xb3\xa2o6\xf3b\xe5\xf4\xdd%\x08n\xae\xb6&amp;[[j\x81+\xe6\xf3Y\x8cF\x9f\xc5\x11\xaf\xaa\xdau\xb8\\NO\x7f\x00\xa9\xb0d27\x94B\xd1\xe3?^Y&gt;\xfdg\'y\xc1\xc3\xb9V(h\xa3\xc3a\xf1\x19\xc1\xf6F\x97\x0e\xfc\x15\xdfvy\x02@\xe5VX5\x12\xab\xd9\xac\x80\xab\xbe\xbe\xa9^\xff\xfb\xc3\xc3S\xefb\'/z\xb8\x90D.\xaf\x1e\xc2\x0b\xa0,:\x98GK|7\xfe\xceE\x04l \x90\xc4\xaa\xd1\x00\x16\xd8J\xd17\xd5\xe4\xf7\xbf\xdd\xcc\x9e:\x96\x80\'\xdc\xcc\xfc\x80j\xd5\xc4\xf4\x0e\x18D\x8bO\x07\x1f.K\xfc\xdd\xb6\xc7&amp;C7\x99\xad\x12\x18@\xe8\x1fh\xd5\xf4\xc4?}\xb4\x99=\xedg\xac;y!\xe1\xf3\xcc_\xe9#um\x0c\xd4\x92\xd2LF(\xa7\x9a\xa0=n6k4f\xf8\tR\x01\xd5\x13\xff\xcb\xa3\xe7\xd9\x95\xec\xa9ru\nx&lt;\xe1\xc4q5\xaa\xd5\xe2\xad\xd5\xebt.\x03d\x97\xce\xe5\x1c\x18\xa0ln\x99\xcd\xad@.\x19b\x15\xa8z\xfc\xd3\x9b\x13\xd9\xfd\x95\xc3St}pO \x10\xf0&amp;\xde\xcb\x81\xaa\x15\xb1b\x16\x003\x1a].\x17a\xb5*`\xf2\xd0\xe9\x98\x0e2\x85\x02\xa9zzzzg\x1fO\xa4\x0f\x0eVV\x96\xd3\xd9\xc8i\xac\x8e\xc2\xbd\xd7y\x81 \xc4\x8b\xbc\xbd\x89T--\xb5\xb5z\xf0&lt;\x82\xb9\x8c\x1e\xe8 \x1c\xc5\xdc`/\x8cy\xb7\x19|Ec\xf5d\x1eO,\x1f\x1c\x1c\xec/\x7f\xf8\xf8a=\xf5\xa5\xdb\x97\xdax\xdd^\x99\x17\xf0B\xbc\xe0Q3B\xd1]\x04\xbd,\xb0d\xbb\x8cN\x0f\x04| `\xb3\x01\x15I\xc9\xdc8\x844U\xef\xdch\x01+\xbd\xc1\xe10\x7f\xda\xf8\x92&amp;\x8b\x9e\xbc\xe1V\xb0*\xb9\xeb\x88\x15\xdd\xbc\xfb\'\x80\xaa\xf1z?\xb5\xd1\xa1sl\xbb\x90\x0c\xd24\x10\xc0U\xe7\xdf\xb0\xee\xbe\x1d}\xbeEc\xa5?r8l\xe6\x9b/v3ex=W\xc9b\xb2\xb8\\\xee\x06\x8f\x17\nE\x9fg~\xa0\xc5\xf2z\xf51=\xc4\x16p\xe1,B\xc6\xf7\x03\x17\x1c\xa8I\x1b\x8d%\x1674\x88\xc5G\xa3)\xc0\xda\xdf\xcf\xa6&gt;\xf09 X.\xfdE\x1c\x95]\xcf\x01\x10\x8b\xc5\xe2Vr\xf7\x84\x80\x85\xa3X\xa0\xf2\xeai\xb5\xb6\x1d\xdb\x16\x17j\x85T\x04`\xc9lf\x1a\xab\xa7A,j\xda\x9c\x00\xac\xfd\xfd\xadl8\xcfgp\x18\x1cf\xfb\xde\xefu~gd\xebue%\x97U\nb\x81Z\xac\x13\xc4\xe2\x8d\xbeWAla\x13a\x7f\xd3\x05\\@\x86=T\xf7\xf7\x13\x04\xa9%\xad\xe6\x82Z \x97X\xd47:\x91\xdd\x02\xaa\xe5ld\x9dOs\xb1\xb9\xf9\xdf\x97\x16 T%\xad\x14\x13\n\x9b\x18\x16\xf2 !\x82\x87\xf7\x9fz\xbd4\x96\xd7\xdb\x06\xe9\xe0\xb2\xa0\xb5\xb0\x89\x84U\xa3\xd5\x12\xb84\xe2C\x8a"\x91H\xd9?\x1aN#V:\x15\xd9\xe0\xf3\x11\x0c\x1aY\xb9\x11\xfe\xcd!u\x92o\x07$\x90\x89\xc5,-a2\x81*\'\xe4\xf1\x80K\xb8\xe9\'i\xa4\x1ao[M[\x9b\x0f|\xf5\x99\n,\x0fX\x04.\x8d}S\xca&amp;\x91Ry\x04X\xb4X\xe1\xc8\x16P\x95\xf1\xf9(\x183\xb7\xf7[\xc0B\x90\x07\xd8=T\x89\xc5d\x97\x97\xd3b\xe5C@\x05]\x9c8\xb6\xd7xk\xe1\x05b\xb5I\xa5F\xa9\x13\xca\xa3F(\x026\xa5\xb0bc\x17\xedJ\xa5Rn\x7f\x1cI\xa5\xb7\xb6\x96\xd3\xa9p0\xfd\x91\x81Xee\xa0\x18\x9b\x9b\xdb\xfa\x95\x16\x8b\x9c`F\x15z\xc7\xc6\xfe\x01\x17\x93U\x01\x83\x08X\x05s\r&amp;\xf5zP\xab\x06\xd4\x92\xc2\xf9\x076\xee\xfd\x05\xad\x00\x8b\x82\xf8\x82\x84P\xd8\xa1$K\xa3\x91\xd42Pe\xc3\xe1h\xf8\x03\x83OW\x19\x83\x01\xd6\xe7\xaeG~MD\xad\xe7\xda\xd1P4\x13\x9b]ZZ\n\x9flt|\xc5\x16\xaf\x80\x15=\x1c\xa2\xda\xba\xe86\x16\xb0L\xfd&amp;\x025\xa2[H"\x15\xacB\x12\xabD\xa2\xd9\x89\x02\xd6\xf2r6\x15\x8e\x04\x83\xeb\x0c\x06\xdd\xc72\x06\xed1V.\xfd\x0b\x05\x0bc\xefP(\x16\xb2\xb0\xd9\x1c6\xbb\xa4\x84\xcd.\xa7\xb1X\xd9\x02\x96\x006\x11bC\x97\xde\xdbUh"\xaae*P\x11ZB\x1b\xc0\xfd\x8d\x9b\xfe\xb2uL\xf68\x18\xce\xa6\xb1\x85\x91H0\xba\xcc\xa0\xbb\xf8Y1\x0e\xbb2\x9f\x9d\x10\xfe\x92\xdcl\xff&lt;x\xc0T^\x8eXX\xe5\x9f\x06\x91\'@\xac\x900\xf2~H\xd6\xd6\x85}D,)b\x01W\x80\x80\x16Bl\x01\x16\x96ull\xc6\x13E\xac4-VT\x18\xf9\x008g\xcb&gt;a\x81`LVee\xeeM~#\xfd\x7f\xda\xd9\xb9\x97\x03\xa1\xb84R)0\x95\x9f+/\xe7\x14\xb8\nj\xe5\x84!\x01\x0c"\xac\xd6\xc1\xec\xbd&amp;O\x97G\xaf\xef*`\xd1ra\x01\x9d\x96\xb2\xd9\n\x0b\xf6\xcc\xcc\xc0+a0\x9c\xcafi\xb1\x82\xc2\xe0\xc6\xc5\xb3g\xcf\xf2\xf9g\x11\xab\x8c\xcf`\x9c\x03\xeb\xa2\x08\xdc\\~/,\xf8\xdfF\xcf\x83\xcd?\xf9\xbc\xbc\xa4\xfcg,\xbcb\xd3j\xbd\xee\x14\xd0\x15\xc2=\xd7p\x00\xe5\x02.\xa94\xf93\x16Z\xdfD \x15(GR\x03\x9e(\xa8\x95\x82Bg\x05\x83\'?=\xbax\x11\xb1\x80\r\xb1\xd0\xfae\x98\xb0\x10eH\x16\xfco\xaa\x13\x1c&gt;\xb05\x0b\xa9\n\x85X\xe7J\xe0\x93]\xca,\x85\xdc\xcaw\x86\x04\xd8E\xd88\x07W\xee\xf49\xbb\xf4\x0fow\xa1^\xf4(\x9a\xd4j\x8f\x07\xaf \xb6\x08\xd8N@|i\x8f\x84\xd1H$\x1c.\x88\x95\xca?z\x84X4\x17\xed|\x88\n|3\x90\x8b\xc3\x81\xbf\xfb?S6\xb2\xde\x8e\r\xac\xa8\x00\xb3\x97\x96|\xc6:\x87d@\x85\xf3\xc8\xe2V\x1c\x08B\x05\xb9\x04\xb0\x8b\x98n \xba\x1e&gt;\x04\xae6:\xb6\x0cN\x83\x01N\xd5N)\xe4\x97\xc9\xa4U\x17"cT\x18\x04\xaa0P\x85\x97\xffq\x0b\xa0\xf8\x17/"\x18\xdd\xca\x82`H\xf5\xaf\xae\xcc\xe7\xb5m&lt;\r\xe3\xd1OK\x96\x85u\x98\xee\xc9 z\x1c\xff\x01s-\xcc\x1esY\x98cC\x19\x16|\xf1\xd5\xd0\xdd\x1c*\x02\x81\x19\xb2,\x88@t\x896\x85]\xb0\'\x95\x90`#\xc4\x82N\x0b\x12K\xaa\x83B\x88;n\xf0%\x97\x80K\xbaPco\x92m\xd3v\x9f\xf7\xfb\x95\xb3\x9d\xf9\xdau\x1d\xe3\xc6\x9f&gt;\xef\xf3&gt;\xef\xab\x04#\x9c\xd04\xcd\xe8\x9d\xec\xdd\xd7\xf2\xab\xbd\x97,\x13\xa8\x01A\xa5\xc8h&gt;\xc0p6\x99q\xc9\xb2d\xa8\xcf\xc9\xee\x1c\xab\xf3\xfc\xaf\x7f\xfa\xfe1\xb0F\x8f\xc0\xb5N?\xbaY\x7f\x8c\xac\xdf\xe8c\xa7\x87l\x10\x0e\xd2\x9d\r\xf6^\xfe\xf7\xfd\xfb\x0f\x1f\xfc\x7f\\^\xban^$\x02\x98\x18W\x83\xe9\x05\xe33\xc1\x1a\xac\x98\xa8&amp;\xf6\x81\x0b\x0ev\x80\xf6c\xae\xe2T\xc4\x050}ud\x1d\x94\xc8.E\xbd~\x8a\x84\x07\x17\xc8\x06\xcf\xd0\x8b\x7f\xfb\xfd\xe9p\x08\xac\r\xba\xc0\xc0\xe2\xfc\xbbG\xa3&gt; \x1f\xb3\xf35\xd4;;\xda;iC\x9fv\x01(\xdf\xcb\xa2\xd2\x8d\x8bFW\xe0rQ\x11\t\x8f\xdd\x00\xd7f\x19\x0b\x93\xf5.\xa8/{\x0c\n[\x02\xcbO\x10\xd0\x08\xbc\xe7\xd2H*E\x95\xa3x|\xc4\xc2\xe1\xab\xa7\x07\xc7\x1f\xba\xef\xdf&gt;\xff\xf7\xdf\xffp:|7\x1c\xf57 \xd7\x93~\xff\xd1\x88\x89\xf7\xe4\xc9\x93u\xbc\xb0\xfe\xf5\xfa\xbb\xdd\xc1\xcb\xa6\xd8\x10\xba\xed\xf4\xd2\xbd$\x82\xc2u\xdd8\x8e\xe8iM\xd3`\x0e\xa3\'m\xc2\x125h\x06\xf3\xc3\xfb=\xbe#\xb0,\xd7d\x94Kaw\xc8d\xc2\\$\x94\xeee\xe3\xf9tzr~~\xf0\xd3?\x8f?\x90q\x9b\'\x9dN\xeb\xe8\xcd\x08r\xf5\xfb\xfd\x8d\xfe\x8f\xdb\x0f\x86\xc3\x9d\x1d\xfa-\'\x9a\x00\xaf\x00j\x8b\xa8`\x1c\x88S\xa2\x82\x9e\xe0\xa1\x90\xae[\x16Y\x96&amp;\x94_\x82\xe0y\t\xc4l0\xed\xda\xbc+Y\xfa\x83\xcb\xa6\xc2A)\x85\x97\x0c\\T4\xae\x17\x1c\xaf$\xfex&gt;[\x94\xd3\xa5n\x8aE\xe0x\xf8\xf7mQ\xeba#lu\x8e\xdeQ\x15q\xb6\x01\xf5\x90aQh\xf4\xfb\xa7G\x88\x86\x03C4\xf1Y\xf8\xd4n\x96\xc7B\x02\xb8\xd2\x13\xfc\xd0\rC7C7f\x84Y\t^Z\x10\x96\xd0\x10\x05\x96\x19M\xad\xd7;\x81Z\x1ckU6\x8e\xa5\xa8HT\xaf(\x12oyUy\xba\xb2\x9c\xcedE\x8ao\x96\xcd\xa6\xd9\xa4\x05\xa0w\x80A\xd4\x19\xbc:%\xb1F\xdb\x90\ng\xf8\x80(\xbf}\xf4j\xab3\x18l\xbe\xa0\xf72\xac\x06E\x95\x0f\xaa\x84\n\x19\xfaq\xe8\x14Y\x1c\xban\xe6{E\x10\x06i\xa3\xc1\xd3\x82\xfc\xdf\x145\xbb\xb7f\xb3P`)\x8a\x06\x94\xd9\x01\x14\xb9i\xb9\x9c\xe4\xd9t\xe9)j4\x9d.P\xcdY~\xadK\x8aF\xe9j\xbf~F\x13\xb2\xf3\x1c\x8b\xe9\xc6\xb7\xdb;5\xd6\x83\xed\xed\xd1\xbb\xdd\xce\x16&amp;\xcdk\x89\xb0L\xb2\x0f\xf3\xb8P\xc4^C\x88\xdd\xd0\rB\x90\xe4P\xcd\x8d\xb3\xac\x88K?1\xa9\xdc\x0cK\x10\xb5v[3\xd6\x90\xa0\xaa\xc5\x83\x81\xcdA\x1c/\xf2\xab\xdbq\x95z\xfeMXNsX\xcd\x9fN\x13\xea\x04S\x93\x81\x05#\xaah\x98\x01\xe3\x1a\xbc9;\xbb\xc7z\xf8\x9b\xe1\xf0h\xab\xb3\xd5\xe9l\xbe\x964\xa22\x99\x10\xbc\xf7\xba\xf8\xdc\xcc\r\xc1\x92E\xc9e\x18\xc6q\x1a8NP&amp;^b6D\x13\x15o\xe2\x1dR\x1b\xde]Sm\x0b)jA\x91\xcc\x8f\xcb|&lt;^\xcc\xe6\xb7\xb3k\xaf\xa8\xc6\xf3\xc9\xcde0\xf5!b\xbe\xbc\xae\x1d\x87\xc4\x07\x15\xd6/\x1b\x8dL\xdbjk\xeb_g\x1b#*\xe2oq\xdbA\xfd\xe8\xbc\xed\xc9Tl^E\xb8\x86\xa8x\xd7e\xa4Ud\xc6\x8e\x93\'\xa6Y\x00+\xcb\x83 \xc8#\x8c\x14]3E\xd3\xe8\x1e\xeew\xd7$\xdb2lk1\xfex;\xab\xfcE\x1ayr\x92xi9\x9fW\x8b\xc8\xb9)\xa7\xd3HCE\xc9s4\x82h\x0e\xe1`t\x83\x8b\xea\x88\x8e\xec\xec\xbe9\x1d=\xdc\xf9y\xe7\x9bo^\xed\x02i\xab\xd3:7\xd4&amp;\x8d\x89&amp;\xfaD\xe4\x13\x86\xab\x86\xbf\x92\xd4\xaf\x04\xc2\xf1\x80\x9b;\x8e\xef\x87N\x10\x94\x02\x8a\xe4\x81J#\xac\xc35\xc5\xb6l\xab\xba\x9bG\xaa\xee\xa5\xbe\x7f\x9d\xf8\xc1d~[E\x8a\xaa\xfa\xd3I&lt;\x1d#\xe1u\x19f\x03\x8c\xc4\xda\x01\x05\xd7\x14\xc6\xf5b\x93qA\xb0S\xd2\x8bA\x01\xabulH\xe4\x076\xbaL\x91\x07\x14?\xa2\xd0`\xc1\xe0\x86\x8e/\x8a\x02\xbc\x9f\')=$)\x08\x9d .T\x89aI\xb6m\xcd\xee\xee\xae\xaf\xc7\xf3\x8f\xb7e\x15\xf977c\x0f\xdaD~~5\x9d-\x16r}h\x00Qz\x90\\\xa4\x18\xe7:\xa0\x9c\xc0\xd9}3zu\xc4\xeb\xd7yva`\x81l\xd2\xa0\'\xc1j\xbd\xee\xb1\x84\x86\xef8aX"\x15=T\xaf\x88\x0b\xd7q\xb2\x0c\x0f0\xda\xc4\xb1\xcd\xc3\xc3\xfd\xfd5\xcd\xb6\xa3\xbb\xab\xbb\xbb\x8f\xb3\x85\x85\xdc\xf2\x9c\x9b\x9b8\xf5\xcb\xe5|\\-&lt;\x9e\x17\x84DCH\xd1\x90k\x04\x85a\xa0J\x16J;\xad\x92\x00\x00\x02(IDAT\xb6\xfb^\xef\xedS\xce\xb2\xb5\xdbi\xf1g\x9b\xafI+P\xe9\x84\xa6\x93\xed\xbf\x04\x03WZ\xe6\xb9/ \xad\xc5$\x8a\xc0\xe88\xcb\xec2tfQ6\x99\xe4\x86\xd8%,\xcb\xb0\xaa\xab\xab\xdbk\x8b\x9c\xafH\xd18\x08\xc6\xe3Y\x15%dq\x85\xf3 \xfe\t\x90-\xd0\x80\xc2\xab\x88:\xf4\xafe\xf5\x90\xab\xf5iq\xdd\x0e\x10\x842oi\xa8\xc5\xee\xcd/\xa8V\r@IKwSO\xe3\xbcL\xd3\xcb0\xf0\xa2`2\xa9\x0c\xb3MX\xb6a\xcd\xaf\xae\x16X\xe1\x89K\x95\xe1x|G\x85&amp;6k=\x1aC\xba\xc6\x17\t\x9d\xed\xaa\x12\xf9Lbc}\xc5\xc5-FX\xe7t%\x80\xff\x00\x0b\x9b\xa6\xce6\xa9\x95\xed\xeb\xd0\xa4:\x8a5\x96H\xd6\x13\x04\xbd\x00V\x0c\xaa\xb1bi\xdd}`\x19V\x04\xb1`\x94\x9aK\xd1\xe4\xd5\xfcQj[\xf1\xf5\x86\xed]\xac\x0f\x156\xcfU\x96w\xe0z\xdbb\x01\xc6B\xec\xa5\xc1\xafO\x18\x16\x0b\x88&amp;\xb7\xd7\n\xab\xd6\x8d\xd2\xd34k\x15ESOb\x18\xcb\x99L|\xb9\xc6\xb2\xa9\x86\x15\x88\xa8#)We\xb6_)\xac\xf5X\xd9\xea\x11N;X\xdd\x8b\n\xdbtx\x0c[\xbd\x17{\xb5X\xad\xc11\xdb\x8e\xe8\xea\x92_\x02\xd4\xcdh\x92(\x8d_\x96\xb2\xfe\x1aY\xc6\xdf\x13e\xf1\x04j\xd9\xaax\xc8\xb0\xecY\xb5 c\x11\x15\x0e\xa5=\t\xa5p"Y\xe3\xab\x05{\xa4\xcdGV%8\xab."\xa8\x0c\x95\xe7\x17n\xcf\xe8\xa7`l\x90\xe1\x1a\x85\x9a\xb1I\x7f8\x16q|\xf7\xc3\xaf\xc9\x88\xcd\\\rc\n\xb4\x85\xa5\xb59\x16\xe1\x18\xd6\xfdQV\xa5\x03\x16\x02]f0T?2\x15\xd7I\xa1\xa1\xc9&amp;)\x1d\xf4\xe31\xab\xe1\xe6\x05\xdfp%\x95\xaa\xfd%V\x93\xb0\xfe\xf2\xf9\xf3\xa7\x1f\xfe\xfc+(t\x043!\xa2\x04\t\x8f\xcd\xc6\xd0\x84\x15\x96m\xd7j\xd13\x95\x96-V6Z\xe1Y\x17\xf2BJ\x18&lt;&lt;NAK\xb1\xc5\x82\x95\xc0\xec\xde9\xb06/\xec\xd5~\xab)\xffW\x8bR\x95\xb9^\xf8\xcf\xa7O\x9f\xbf\xfbB.\xaa\xab\xc9\xa8L~\x00\xa9Xz\xe3p\xff\x8f\xfb\xff\x03+"\x98KH\x8a\x88\x1c\x00\x00\x00\x00IEND\xaeB`\x82'</t>
        </is>
      </c>
      <c r="M448" s="3" t="n">
        <v>45492.67783564814</v>
      </c>
    </row>
    <row r="449">
      <c r="A449" t="n">
        <v>1105796</v>
      </c>
      <c r="B449" t="n">
        <v>5926</v>
      </c>
      <c r="C449" t="inlineStr">
        <is>
          <t>Gustavo Martins</t>
        </is>
      </c>
      <c r="D449" t="inlineStr">
        <is>
          <t>G. Martins</t>
        </is>
      </c>
      <c r="E449" t="inlineStr">
        <is>
          <t>ZAG</t>
        </is>
      </c>
      <c r="F449" t="inlineStr">
        <is>
          <t>ZAG</t>
        </is>
      </c>
      <c r="G449" t="inlineStr">
        <is>
          <t>ZAG</t>
        </is>
      </c>
      <c r="H449" t="n">
        <v>191</v>
      </c>
      <c r="I449" t="n">
        <v>53</v>
      </c>
      <c r="J449" s="2" t="n">
        <v>37478</v>
      </c>
      <c r="K449" t="inlineStr">
        <is>
          <t>Right</t>
        </is>
      </c>
      <c r="L449" t="inlineStr">
        <is>
          <t>b'\x89PNG\r\n\x1a\n\x00\x00\x00\rIHDR\x00\x00\x00\x96\x00\x00\x00\x96\x08\x03\x00\x00\x00\x0b\xdf\x81\xd0\x00\x00\x00\x04gAMA\x00\x00\xb1\x8f\x0b\xfca\x05\x00\x00\x00\x01sRGB\x00\xae\xce\x1c\xe9\x00\x00\x03\x00PLTE\xff\xff\xff\x9frW\xb2\x7fc\x9bmU\t\x07\x07\x9dtZ\x10\r\x11\x05\x07\x0b\r\x0b\x0c\x9fw_\xa3yaxP:\x08\n\x11\x97nV\x9bqV\xa4pT\x8e_F\x99rY\x9cfO\x85]I\x97kS\x85[B\x0b\x0e\x16\x9bkOwU?|U?\x8ddL\x15\x12\x14\x0f\n\x06~WC\xa7rX\xba\x84k\x8a`K\xb6\x84i\x92dI\xa3v\\\xa8t^\xacx]\xbd\x88m\xad|a\xa2lU\xb5\x80e\xfc\xfc\xfcqQ?\x97gL\x85T&gt;\xa3q[\x97bI\x80V&gt;\x9foQtK8uJ0\x7fP6\x92iS\x89_FlL:\x16\x17\x1c}Q=\x84XE\x9fjQ\xb1z_\xadwa\x8a[B\xa9}d\x9eoY\x94_E\x17\x0e\x08\x0fj\xab\xf4\xf3\xf3\xb4\xb8\xc4\x18\x1b$\x95q]i?(\xb3~h\x92hNA/\'oA(\xa7y_\xfe\xfe\xfe\xb1\xb3\xc1\x9at_{L1M5(U4"]C7\x0f\x11\x1c\xa2tX\xb0{d\xabtZ\x90Z?\x96kO\xb1\xb9\xbb\xb2tYP:.tF+\x92dO\x97cP\x85Q7qP8)\x1d\x1a\xa7w[\xc1\x8bq\x7f[G \x17\x15\xf8\xf8\xf8Y&lt;*\xd6\x9a\x80\xab\xb4\xbf\xad\x7fg\xc3\x85k\x05\x03\x04\x8c[FpTF\xb7\xb7\xbcdI=\xc4\x90vb=\'\xc9\x8dqmF/J-\x1f\xc0\x80f\x8bV;\x1f\x13\rgF3\xd0\x94y\xadoU\xa5\xac\xbf\x11b\xa0\xb3\xb0\xb5\x0fq\xb4\x8cgQT?64$\x1cwXH\xbc\xba\xc0\xa5hN\x9df[aA.@)\x1c:)"\x90_L\x9f\xa7\xba\xb0\x83k\xbb~d\xb9x^\x1em\xa4\xe3\xe0\xe1\x1c".\xaalQ\xa0dJ36C\x8aj[}`RG5/\x9am_\xe9\xe6\xe8\xd9\xd8\xdc\xd8\xa1\x88\x12c\xa75\x1f\x14\'+6\xee\xec\xee(\x18\x0e\xa4fd\x90o[ s\xb0\xab\xaf\xc7\x85bR\xa1p`\x94iY\x9a\xa2\xb2\x8daT\xa7\xad\xb9\xc6\x94\x7f\xbd\x8fv\xba\xb3\xc1\xb9\x86r\x9b_E^bo\xd3\xcd\xcfRVe\x87\x83\x88a6$(%+{L9FDO\x95\xa9\xc6\xaf\x86s\x9f\\_\xcb\xc4\xc7}:@\xce\x9a\x82hm}pmt\x81\x86\x99\xad\xba\xcb\tl\xa2\x05w\xabm?6\x9fthOMT\x0fz\xb8A=B\xa2\xb0\xc8\xc2\xb0\xad404\xa2|nzw\x7f\x96\x99\xa6}C.Z\x8b\xb2\xa6\x9d\x9d\xa5mf\xaark:?NH\x86\xb22\x84\xb2&lt;y\xa4\x96UW\xaa\xa6\xac\xa7\x93\x8c\xcb\xba\xb7\xba\xa3\x9e\x8btk]WX\xdf\xd3\xd2\xa0\x88\x7f\x96ug\x8fJP\x98\x80wr\x9a\xbe\x8d\x91\xa4q{\x8d\x93\x8e\x93&amp;@Pob`i/\x1a\x82\x9d\xb4\x82\xab\xc7:L`|EB}qn\\\x81\x9f\x0cb\x93a\x9a\xbf*t\xa2\x87GK\xb9\x8d~\x9c\xb9\xc7(c\x8a1n\x94Sq\x89Mfy\x17Ty\xa0\xb8\xb5\x10Kf\xe5;\xfd\xe8\x00\x00 \x00IDATx\xda\xdc\x99\xdfOZi\x1e\xc6\xbb\x96\x1eii\x83k\xe3h\xe7\x08\x8e\xb6\x1aD\x11\nt\x00eh1F\x9d9\xd6\x0c\x07;\x8b\x13q\xab\x0c*\xcd\xe0ZA\xa8\xa2\x89\xa9\xa0\x016b\x1c\x7fV\x1bFb\xd2\x9d\x0b\x89\xd6Q4\xc4\x18o\xa6\x8d\x89\xda\xa6\xd9+oLze\xbc\xd9\xb9\xea\xed~\xbf/\xb4\x7f\x01\xd8\xcd&gt;\xf1p\x00\x9b\xf2\xe9\xf3&lt;\xef\xf7}I/\\\xf8\x7f\x95X\xdc\xd5U\x83\xea\x12\x8b\x1b\xffG\x98\x1ak&amp;wFG\x8fO\x8f\x8e\x8eN\x8fG\xd7\x17\x17\x00\xee\xb33\x89\x97vNO\xf6c\xb54MQ\x0fjc\x07\xfb\xaf\xf7N\x8fw\x16\'k&gt;\xa7m5\x8b\xc7{\xfb15\xcd\xe5R\x14\x97\x8b\x8f4\xad\xae\x8d\xcdl\xbf&lt;\x1a^\xf8\\\\\xe2\xc9\xe3\x13\x0b\xe0p8\xdd\x1cn~7&lt;p)x\x01h\xf4\x03\xf5\xcc\xc6b\xd7g\x81Z\x18\xdd\x8ber\xbaQ\x00\x94\x9f\x14z\x86?T\xec\xecx}\xe9\xdc[\xd6\xb5s\xb4\xad\x06s\x12T\x14\xda\x044t"J\xb8\xd4\x10\xe6\xfe\xd1\xce\xf9\x82\x89\x17\x86\x7f\xafUCZ\xd0t\x0eRQTf\xf7Ux\x05t\x98"\xb6\x0c~\xad\x06\xb0\x1a\xf1\xf9\xcd\x84\xf5\x8d\x99\xda\xab\x14\xa98\xb2p\x01\x85\xba\n\x177\x13\xb0\xb8\xb4\x85\xc6_\x00\x99\xbav\xfb\xcdd\xe3\xb9U\xfd\xf7\x98\x1a\\\xe2\xd0\x14z\x83X\x98\x1c\xc1\xea&amp;\\\x84\x93\xa2\xaaiJ}\xb01y.P\x8b\xef^\x1e\xd4\xd2\xa4K\x89*q\x11\x8b\xa6\xb0\xed\\\x0e\xe9=\x07\xa3\xa4`\x19p\xf3)\xfa`cA|\x0eT{\xb1\xce\xceN\xeac\xd1\xbb\xc1\x17p\x8e;0P\x8d@\xd5\xd5\xd5\x04\xab\xbb\x9b\x8b\xa5\xe3\xe6sh:\xf6n)\xedT\xeb{1\x1a\x11\x90\x8a\xacC\xc8\x0e\xc2C\x9e\x01P\'\xd2\x81M@\xcdArxA\xab\xb7\x1f\xa7\xdb.\xf0\x8a\xa6\xc1\x11b\xd6U.~.\xe0tF,a/*\x18\x0cG\x00\xee\xa3e\x18&amp;`\xd7\x1e\xa5\xb9\xf6K\xa71\x80\x82\x0c1 \x9c\xef\x00\x15\t\x07\xdcF\xa3\xcdH\xe4v\xbb\x03\x01o8\x12A2\x0e\x11\xb4o\x7f\xb4+\xbd3t\x1f\xa8\xaaa.\x91b\x81S\xc8\xc4\x1a\x9dNg}\xbd\x13\xb5I\xc8\x00-\x0c\xb6}D\xa3b\x1b\x8bi\x8c\xb1q\xe1\x08\x97 \xcd\xed\xe6`\x97\x88Q\x01\x96\xb5\xf9\x9dN\xbfG\xd5\xeer\xb9\xea\x9dI\xcb\xdc,\x0bh@\x06\\\xf9\xdd\xb0C\xa6qJt=\xde\xff\x82\xe2d\xa2a\x04\xca\x8b\x9f\x0e\xf9\xd9\xc0,\x97B\xa1p\xa1e\x9b\x9b\x9b\x89&lt;m6\xa3;\x1cI\xf6p\xe64m\'\x8a\xc6\xc9=\x1c\xed\\Nu\xc4\x12!\xe9\x91Bm:\t\x95Ai0(Z\x1b\xeaQ\x9b\x9bH\x07\xef\xdb\x10,\x1f:H\x1f\x1c\xd7\xa4\xcb\xac\xe1\x99\xccL\x1c\x05a\xd6l\x06\x1e\xe2\xcc&amp;\xd6\xaa\xbeA\xa1\x94\xe8\xfa%m\x80fP\x00\\\x03\xc1\xdb\xacw\xfa\t\x18,\xc9\xab\xaf\xd7\xd3\x84\x05\xcdB\xa8\x88\xd7\x88m"B\xa2\x86\xd6V\xb0\xaaY\xaf\xd777\xf7\xb7\xa1\x0co\xdf\xb66$\xd9\xfc6\xd6\x1d\x86\xeaS\x07\xc3i\x9a\xa4;\xfb\x0f\xa0\xea\x11\xb7\xdfU\x9fT\x032\x19\x94@\xd2\xbf6==\xbd\xb6\xd6\x8c\xea\x078\x83\xe1\xad!\x01\xe6\xf7\xfb\x8d\xc8up\x9c\x9er\xd5\x9c\xfe\x02\xb5\x1a\x08\xd8&lt;\xad\xf8\x81\r\x84\t\xa0\xfa\x11E?655F\xc8P\xc4\xb6-\x05\xa9\x1a.Sc8\xbf\xbbv#=\xe5Z|\xa9\xce\xcf\x8f\x04l\xae\xd6\x04\x16\xc9\x0e|jF\xa3\xc6\xa6\x86\x86\xa6\xc6\xc6\x90\x8b\xc0A\xa2\x12%\xd6\x8c\xb8\xeaqC\xf1_/\xa6\xc3\xae\xc6\xe1\x19*\x7f `\x845\xd7\xfa)\xbc\xfef\xfd\xda\xf4\xd8\x18@\x01V\x12l\x1a\xdf\x80\xbb\x1e,3(0\xc8\x86z\'p\xc5\xde\xa4\xc3\xae\x9a\x8dZ\xee@\xd8X\xaf X\xad\x06\xc3G\xa6\xa9)@j\x81\x9f\x96\x96\xa1)|A.$[\x03\xae\xb7\xc4Y\x881B\xa7\xc3\xae\xc6\x85\x13\xba:\xc2\xda\xc0,\xc0B\xab\x9a\x9b\xa5U`\x13\xd2\xc05A\xd42\x81\xcf\xe0\x1d\x90hZ\xaaG.R|\xa7;L\xc7\x86\xc5\xe9X\x87\xf4\x80\xd7\xe6\x87i\x8eEo\xeb\xef\xd7\x97\x8b\x84&amp;\xad\xb6\x85pML&lt;A\x85\x9e\x84\x10n\x083\x1d[\x83\x89\x01\x93\x0c\xedr9\x8d\x01K:J_\xf3.F[\x18\xbfGA\xb0\x94\x90`9\xdf\xa4\xcd\xc8\xd0&amp;\x8dz\xf2\xc4nG\xa6\'\xe8\x15@\t\xc7\xb2\xa5\xd0.\x98\xb08]]\x1e\x1b\x1b\xb4\x9c,\xa6&gt;\xc3=5\xede=\t\xb3\x14\x80\xa5\xbf\xcd\x17\x9aL\xc5\x80\xa5\xc5\xe4B\xe0\x95\x1d\r\x03\xaf\xa6\xc6\xb0\xfbd\xbcJ\xa0\xf5\xad\xb0\x87\xbb`\x1f\xb2\x1c\x8c\xa6:\xc5\xc6\xf5m\xda\x12\xb4y`:\x80_\xd8,\xe9m\x91H\xc4\xe7\x0b\xb1]&amp;b\x19r\xd9\x91\x0b&amp;\xd8\xda\x9a\x14\xb0\xfa\t\x16\xec\xe1 \xbf1\xe8=Mu\x8a\xe2\xc7\xbf\x82YM&lt;\xb9\x02\xbdR\xc2\x0c\x95fggK\xa1\xf4\xd3c\xb0\xf4\x86\xd0.;\x08\xea\x05!\x82WR\x8c\x10\xd4\x06\x7fxK\xe1jU@\xeb\xbdg\xa9&gt;\xd4w\xbd\xf9\xa53h\xf6\xc8\xe5\x06\xf4J\x89\xdd\xd2\xeb\xa5z\xa9\x88`\r\xb5h\x13T\x885\x81vU!Vs\x1b\xee\xdd\n%O\x01\xd9\xbb\xfcl\xf0\xf5d\xea\xa7\x96\x85i\xf2\xc8\xb7\xf0\x8c\x90\xc0\xca\x02.\x91P8d\x1a2i\'B\xa1$\x97\xbd$4\xd1b\xe2\x0b\xf9\xa2*i"D\x83R\xb6\xa5\x80\x7f\x8d\xc7\xc6\xec\xaf\xa7\xb8\\\x0bg\x9d^s\x93\n\x88\xc0-\x8dF\xa2\xd3\xe9\x8a\x1ef\x0bM\xdf\x80\xbe\x85\xb1\x90\xa4\xea\x03\xbfJ\xac\x05\xa1\x90\xf6\x9b[\xc2\xaa\xf2,\x9dL\xc9\x93\xf34\x1a\r\xdc\xfehb\xe7S\xfd\x15h\xf2\xc4\x02\x19\xb6\x1b\x12f\xc9\x00+\xab\xbcJdj\xd1j\x81*D\x96\xa1\xdd\xda\xd7\xd7g\xefC\xd9\xed\x05\xa1Rm\xf1\x0f\xb9\xe5Y\x12\xe5\x96F\xb3\xc5Snm\xc9\x9b\xcc\xccqj\xbfj4\x02\x16c\xf3\xc8!&gt;\xc8\xa4M\xa2\x83\x08\xcb\xb3E0\xb8B\x05%v+v*\x01\x04\x1a$\x8f\xd6\x82\xc2o\xffvK\x94\xfd\x90\x94\xbe\r\xb0\xfe\xe313\xef\xbaR\xee\x16\xdb\xa4\x92+5mJ\r\xf1\ng\xfc-miA\x81\xd5\xea\x18\\\x19\xb4Z\xfb\x06\x07\x11i\x90h\xc5\xb1\xb2\xf2\xe1\xc3\xf8\xbfo\xfd\xeb\xe1?$\x12I\x1b\\\x9a-\x97\x8d9M1\xd6\xe2\t\x8c\x079O\t\x7f\xbfD\xa6\xcb\xca*\xfa\xeeb\xc5\xdd\xc2U\xab\xc3\xb1\xb2\xbb\xfb\xfc\xf9\xa3G\x83I\xc1\xb3]@\x8a\x1f\x1e\x1e\xbe\x9f\x05\xbd\xc8+\x83rI\xfau\x12\xc0\n\xa4zpM\x9e\x04\xcd\xfe$V\xa5N\x97\x93\xf5\xe3\xbd+?\xc7W\xa3\xd1\xe8\nP%\xc0\x1e%\xb4\xeb\x18\x7f\xf6\xc2\xd7df\xcd#\xa0\xde&amp;\xb3\xd9\xe6\x11H\x10\xcb\xcf\xa4zW\x9c\xdcc`j\xf1d2\x9d\xa4R \x10t&lt;\xad\xab\xab{\xff\xaany\xb9\xeeU\xfc\x03\x92=\'H\xcf\x1f\x01\xe3\xf8\xf2\\\xafy\x9e\tz-\x16\x8b7\x18\x082\x01\xb7-\xaf\xb2R\x83X)\x9e\xa7KG\x80\xd5\x9e\'\xd3H*+;:\xca\xca|\xbe\x9e\xde\x11\x96a\xdcl\xef\xdc\xb3x\xf4\x13\x17\xbaUx\xad\xa3\x07Lr\xc3763x\xc52\x01\xe4\x12h\xe4~\xe6\xcf\xa5T\x8fS\x86\xf5\xb7\xe7id\xb2\xca\x8e2\xf8\xac\x91ybF0\xc8\x98{{~\x1b_\xf9\x14#\xdc\xac\xf7\xaf\xcd\xbe\x98\xf3\xbd\xa8\xbb|\xf90\x0e%\x9b\xf5\xf5\xb2\x01\xe0\xe2y\xd8Tcu\x9d\xa2[\x02\xc1\x8d\xbc\x0e\x951\x10`\x98p8\xc8\xcc\xa3Fz}\xb3w\xa3\xbb\x8f\xb0\xf5\x04k\xd0Q2\x1e\x8f\xc7\xc7\x0b\xa3\x0eX\x10+\xd8\xffWw\xfc\x01\x7f^\x9e\xc7\xfc\xe7B\x8a\xff\xb7\xe2\xdd\x81\xd9\xc3\xab\xec\x10\xf8\xca\xdc\x01f\xa4\x17X\x96\xa1Y\xcbP\xb1g\xdf_\x8eC\xf1w\x13\xeb\x10\xe0\xfa\x00\'Z\x02*((\xb1\xe2\xf3h\xfc\xca\xac\xc7\xd8\x9e\xa7bS\x8cuA|\xbc\x0fX\xb2\xeb\xbe\x1e\xd6\xdd;{\x18\x1f\x8fG\x89\n\xa3QGtuu\xd51H\xc6\xd6 \xb9Y\x1d%%\xa5\xc5|8\xf5\xc0\xf9\xf5\xe7\xc2\x92\xc2\xc2\xfb\x97\x9f\xba\xe4\x80u\x96\xe2\xbdZ&lt;\xbcoV\xf1r:|6v\x0e\n\xf3ae\x05"\xb2\xa2%%\x0e\xab\xc3ZPB&amp;{r\xe7A\xa8\x8b\x17/V\\\xfc\xfb=QE\xeemaq\xb1\xf0\xe6_\x05\xbct`\x8d\x02\xd6\x8d\x9c\x9cv?P\x8d\x17\x16\xae\x02\x15\xa4T\x9a\x91\x91\x11\n\xd9\xc9\x96h\xc7\r\x1bo\xa5Z~Q\xceW\xbf}\x0f\xb3\xb4\xee\xd9\xb5\xa2,)\xbf\x8a_q\xf3N\xa5\xa0,\xf5X;\xdb\xf3\x88\xe5R-\x1f\x8e\x17\x17g\x8c\xdf\xbdr\xf3/\xb9\xb9?~]T\x9e{{H\x8b\'\x9bR\xad\t\xce]\x13!m\xb1H\'W\xf9|eff\xde\xdc\xf3\xe2\xab\xeb\x92\xf2*\xbe\xb0\xe2\xde?+\xf3R\x8e\x05\x87\xe6y\x95 G\xc6\xbb\xfe\xea\xf0\xeeO7/=\x9d}\xff~N\xe5Q\x95\x95\xb9\xea\rE\xfc\xe2\x8cR\xad\xd6\xc4\xe7\x9bL-\xc5\xc2\xdb\xdfmm\x1a\xcdf\xaf%\x9f\xee\xb40\xac*OV^a\xfa\xe1\xdeC\xdd\r[\xca\xddZ|\xcd\xf4\nrr\xbe\xae{u\xf7\xfe\xa5\xa7\xbe\xb9\xd9\x9ey\xcb\xc0\xc0\x80\x97a\x8d\x9b\xbck\x97n\x16\x9b\x84|&gt;\x9c\xed\xf9\xfc\xdc\xa2\x1c\xb9\xdf6r\x12\x9c\xa7\x7f=98\x1b\t\x98\xcb\xbe\xbc\xf2\x13b\xc9lg)^\x89\x8d\x80\xd5$\x90\xe4\x14\xdd\xb9SQ\xf1\xe5\x8d\x9e\xdeyK\xb5\x85;`aF\x98\xff\xb2j\xbe/m\xe4y\x1c\xdfL\xd8\xe3\xaa\xc4L\'\tY\xc3ff\x12g\x92\x8cM&amp;?j"3\xc9L\x12(h\xd2\xa6\xc8ZL\x14\xaf\x89%\x91\n.S\x9a\xab=+\x0b\x87\xbde\xe3]P(-\xb6\xe9A).\x98\x10Z,e]\xa1?\xe4\x9e\x98&gt;p\x059}"\xab\xdd\xba\xbb\x8f.\x0f\xdc\'\xdb\xa7\xf7\xf9N{p\x7f\xc0|\x9cy \x04\xe6\xc5\xfb\xf3\xf9~&gt;\x9f\xf7$_L]\t\xebG\x8a@E\xc2\x9f1\x9a\x94#\xa1)\xe8\xfe\xe7o}~\xeb\x1f?\xfdz\xff\xef\x8f\x86C\xe6b\xd1SP\xc4\x05\xad\xd5\xfa\xe4\xe1OH-\xd9\x99/$&lt;\xf2\xd9\xa9\xbf=x\xf3\xc3\x9b\xef\xff\xf8\xc3\x83K\x7f\x9a\n\x89\xb8\xd3\x8a\xa0\xe0&amp;\x8d\xe0Z\x15\xdf\x02p\x9d?\xaf\x8e\x80\xb9\x85\xe1\xe1\x19\x8b\xaeh\xf5\xe3\xbe9\xad\xd5\xfa\xe4\xf1\xbf\xce_\x0f\xc8Nk\x17\x9f\x89N\xac?:\xff\x9f\xef\xde|\xff\x87\xcfo=\xb8}sx0\x84;\x9d\xe0\x1a\x8dQhSd\xf4Y\xb2Z\xb5\x87\x16.]\xba\xde\xff\xf5\xf2\xd0@\x83\xee\x0e\x85\x02\xce \xe1\x1f\xf5\xf5\xff\xa69\xd6w\xa0\x16\xee\xb7\xea2qkh\xf8\xe6\xa5k\xf7\xaf\xddF\x93\xfa\x8b\xe19\x81\x86\xfd+\xc8\xf3Q\x02\xb8`!\xf5\xcbBh\x0b\xe2L\xb7\xc9\xd0\xd1\xd1c\xae\x06\x84\x80E\x06\xdb\xa8\x9cy\xab5\xd6\xb9\x7f?\xb8n\x82n\xa0\xeb\xe9H\x7f\xd6\x7ff\x15\xc5\xfd\xfe\x85\xa9\xa9\x85\xad\x10,`\xde\x11&gt;Q(\x10\x15\x0f\x0fX\x8a\xb8\xb1\xb5\x15:c\x17\xe9p\xbd#\xa3\xf3:\xf1@\xa0o69\x1a\xb9\xf6Vs\xa3\xf8\xd7\xdb\x80\xe5\xf7\xea?\xd59M\xa6\xf0\xd0P\xab5\xb0\xda?77\xd7\x1f\x12Pm\xe9\xac@E\x10\x95\xa8\x11\xf6w\x1cV\xe4PH\xb0\xd3y}]\xaf\x07\xa3a\t\xf4M$\x93\x91\xc9\xe3\x87\xbd\xbdW\xb5\xfc\xd2\xbf\xf79`\xe1Igzl\xcc\x9f\x0f\x9b\x87 \x06\xe6W\'\xaf\xc0J,\xda\x9c\xd6\xa0J\x15\x050\x8f\xc7\x13\x05\xc1\x040&lt;&gt;\x91\xce\x17\xbc^\xc2\x8f\xcb&gt;d,#\xf6_\x9f\xffs\xfb\xc7\xed;\xda\xd92\xf0&gt;\xa0\x96\x13\x8a\xdb\x0f\x92\xe9\x13\x9fv\x9d&gt;\x1d\xa6\xc5\xeen\xbbh3[GF\xac`\xfe\xa3\x08\x88\xf0\x18\x11]\x12-\xfd&gt;Q\xa9\xe2x\xd2\xef\xc4\xf1Y\x84e\xba\xbf\xfc\xf5\x15z\xfeXC\xae\xc7\xbf]\xa3\x01\x0bw&amp;\x930ot:]\xc2\x10\xa6M\xa2\x18\xb1\xe5\xc7F\x8aF\xaf\x1f&amp;L\xce\x08@Q\xf2\xabo\xa2Q\xf0\xfa\xc8\xf0\x80\xcd\x95\xd1\xbbq\xaf7\x99\xc4\x15\xfa\xb33\x01\xa7w\xc2v\xa4\xd1J\xdf{\xf5\xe2\xe3\xb7\xd7h\x19\x8fD\xaa\xc9\xd1$\x11\x0c\xea\xf4c\xe9*m\xa2\xf14\x1c\x83\xe2\x08\x9cBR\x8a\xc5b\xe0\xf1=\xb9\\\x0e\t\x06\r\x01\x85&lt;\xaa~\xdeh\xf5+\n\x1d\xb0\x15\xc7\xef\xee\xee\xbe\xd0\xa2\xab^&lt;\xf7\xfc\xe8\xe8\xf0p\xb9\x9b\x96\xe5\x08MC\x16\xadV\xab\xde\x9a\xc6q\x9aV\x9cc\xd6`\xc6\xcdGy\x16sP\xd4R,Gz\xc0\xd5\xb2\x80I\xf8\x93\x8a\x02\x19\xf4\x03q\x8e$y\xb3\xe2\x93\x03fn\xfc\xee\xec\x85\xda;-\xa8\xb6wj\x8d\xf0\xfc\x15\x91\xc6-t\x93\xce\x9b\xa1\xc0\xbdp\xea-\x16EQ\xbc\xde`\x11s\x07=,\xe7*\xdd(\x95\xbe\xe4X\xb2\xe0Ie=\xe8-\x13\x04*8\x92\x8d\xb1lN\xe2\x0b\n4\x12n\xe9\xee\xb3\xb6\xefP\x8b3\xf8\xb3\xc2s\xee\x11\xda\xa4\xc8\x16z~&gt;\xc1\x07\x83\xe8\xd0\xcb\xb2\x02\x05]\xf0\xea\xdc\x98\xceZt\x946\xd5\x9d\xf9\x06\x95\xf2\x10\x1e\xb0\xf9Q\x95\xca\xc3\xe7\xd8\x18\xb7\xe4\xc0$\x89\xa9T\xe5Y?\xc7\xdd\x1dm\x9flk\xd0H\x8f\xaa\xbb\xf70\x0e\xeb\x8a\xe08\x9e6\xeb\x19\x89a\x18\xd45\xf3\xf9*t\x05O\xd1\x81\x05\x8d\x8e2\xf2d(\xca.\x89 \x18\x89\x04\xbd\nQ#\x93\x95\xb2\xd9,GQ\x9c$\x91~\x9f\x0f\'\xc7\xbf\x99m\xefj\x80\xf5\xf0\xc5\xc6\xee]X\xc8{\xa0\xe0\xf1\xb4\x8e\x97\xd4\xd8\x83\xda&amp;\x80*Jf\x1d\xb9\xa0{\xed\xc9G,p\xfa.\x96 \x19\xc0B\xe9\xcb\xa6\xd4\xa08.\xc6\x1a\xad\xb2/\t\xc7tB\x13\xac;;\x83\xbb_9\xca\xae\x0c\xaeD"c=\x0czR6%1$(\x06\x8ffRY\xd2]R\x9d\xd7\xe6\xe6\xe6\xd3\xf7O\x9f&lt;)c$\x1aBQ\xb4\x1d:\xe0 P\x94\x83\xe30\x15+J\xfde\x1c\xd4\xd2\xa0\xb6\xee\xb4\xda\xbb\xdf\xc4\\l\x0f`\xd9\x0c\x99L\xca\x91\xc2 1Y\xa8\x16&gt;\xe1a\x98,#\x957\x9f&lt;E^\xe8\xc5\x8b\xb8\x8d\xee\x81\xff08\x89\x15\x9e\xe5(\x17\xd8\x1e\nv~\xa4\x16i\xc5}x\xf6F\xe9Y\xfb\xb5\x16X\xb5v\xfb\xde8\x1b4\xe2r\xc4v:\x13O\xad\xa5\xa4\xac*\x18\x02\x83:c\x1c\x9b\xe5\xea\xcd\x9b\xa6\x8e\xe9\xe9E\xc3\xe0\xa3\x9b\xb2\xa3\x9c%\xfc\x1eF\xc2\xa8\xd2GwD}P\x0b\xb7(\xb9/o\xc4.\x9ch\x80\xf5\xb0\xd5n?\x1b\x8faEE\x89\xa4Og\xdc)\xeaC\xbd\xa4\x90b\xa8\xfa\x19\xaa\x9cR6\xaa\xf1\xc5\xb5\xa7O\x17\xa7\xeb\x89\xe9\xd2\x1a\x0fgP\x02\xad\xc0\xb4\xa9vM\xc5"\xadr@\xf1\x8cc\xb1]\xf1\x95\x06X;\xeb\xedgK%\x97\xc7\xe7\xb3\xa4O\xc7\xa7\x11\x16\x14\x8c\xc3\x01u\xc3\xb9Y\xd2\xe8a\x1ck(\xa8\xb5rimm1\x95\x92\nI\xc2(A\x02\x81\t\xb8J%\x17\x97\xc2bE\x15\x8b \xbc\xe4lC\x83vz\xee\xc7\xc16Q.cx\x9f\xcfbS\xb1\x80\x89R\xad\xbc\x8br`\x0c\x19\x85\xf3\x98\xa8\xef\x03\x98c\r\xd4*\xe4\xab\xb8\xdf#\xa5\xc0\xe9\x03\x18\xc2*\xbbb\xb1\xecG\xac\xe4\xec\x04\x91\xd4\xa0\xcb_\xbcz\x14j\xf3e\x17\x93\xb4\x04,\xb6\xae\xcct\nqQ\x08\n\x9eK9$&amp;Z\x800\xd7:\xc0:v\xd4k\x95|&gt;o\x8e\xf2(\x85\xe8\x13 U\xa9DA\x9b\x07\xa3\xe6\xb5\x08\xbe\x89\x0b\x97\x93\x05-\x86O\xef\xb6\xe9\x02C1Q/\x0eX\x86\x9eL6\xe5\xf8\x1f\x16\xb8z\x186\t=Q\xa8\xe6\xc3\r\x83!l3\x99\xc4@\xd5\xacO0lliIM\xa3Z\xf11Vb\xc9\xa8S\xee\x14v\xdb\x838\xa1\xc9L|\xb5|\x96\xcd\xf9\x9dU\x9b\x8a\xd5\xe3\xc60\x07\n\n\xdd\x1c\x0b\xfd\xab^\xcb\x8b\xf6n\x93\xc9\x96\xaf\x8a\x01X\xe3\xedM=\x0f\\\x1c\x08F\xa1\x8b\xe2\xd0P\x04\x03)\xf7\x9d\xddZ\xbf\xe0\'\x9a\x1a\xfc\xf8\xe0\xe2\xbb\x9f\xe5\xdc\xbd\x89\xbe\xaaM\xb0D\xcc\xba\x1e\x16S\x9b$"\x83\x91\x94#\x19\xbe\xd2\x10C3\x02M\x8b\xa2\x08\xa6gp\xf8\xcfB^\xcf\x939\xf4\x1e\x1a\xfa(\x07\xf0\xaa\xe5\x06,af&amp;4\x9a+\xacj\x81\xf5\xf0\x98f\xef\xed^V\xf2B\x806w\xf5\xb0nx\x12*v\xc0\xc22E\x86\xa9WL\xa1\x99\xcef#_\x85\xd9\xddh\x98@/A,\xf0\x8c\x1b\xad:\x1c\x06`\x1c\x06XAX\xe97\x84p\x82$\xe5o5H"\x1cEZ\xf2\xec\xae\x0b\xe0_l\x08K\x1d)\x0e\x0c\x9e\x8a\xb9\xe3\x19\x86\x01\xadB\xa6F\xbd^\xa9T\x0e\xe0\xae\xd5\x9a\x02\xf8\x8b|\x02\xb58\x17`a\x18\x16C9\x04,\xc1\xd6\xa1\xf3\x8f\x8a\xc7Z\xf8\xb2\xab\xdb\xab&lt;\xd3\xb7~Y8+D\xd2z\xc0rs\x0ex\x16\xc2\x9a\x8e\xc7{\x0c\xe2\x8c\xbd\xd9\xda\xdf\xdb[YY\xa9T\xe0\xda\xab\xd7\x9b\xf6P\xa7\xc9\\\x9c\xe6P\x16c1\x10\x8bDXJgU\xef\x9f\xed\xa35Y\x9a{\xdf-\xe7\xe3z_$\xd2\xb9a\xb1\x99yV\x82\xa2\xc7\xb0E\xb7\x1b\xa8:N\x85\xed\xc2d\x03\xa8V*+*\xd8\n\xf0\xed\xef\xb7\x9a\xf6I\x93\x01N-\x87\xde\xe5\xc0&lt;4\xc2\xea\x18\xb1l(y\xd8\xd3v\xdeib1\x1e\x1fO\xd6R\x99L\xdc&amp;t\xdb\xc6t\xc5\x98\x1bI5\rX\x8bq\xa0\xean\xb6vZ\xad=\x00{\xf9r\xe5% \xedU*\xf5\x9d\x9d\xa1y{\xa4KJA\xfd\xc5\xd4\xca\n\x8e9-\xdd\xdd\rC\xd8&lt;p\xa8\xcdW,\xbd\x87\xab\x82R\xe8\xea\x08wv\xd2i\xfd\x08\xeb\xc6\xdc\xac\x1bbz1n0\x81T\xadZmeo\x7f\x1f\xb0&gt;\xc6\x01\xdd\xac\xed\x0c\xd1\x16\'\x9fEu\xa5RY\xc7lb\xa70\xb4\xd8\xb1s\xa4\x95\xe3\xbfs,\xfa\x14&lt;MwvCq\xe9\x8anw\xa6\x98Q\xdbW&lt;&lt;9\xdf\xaa5\x9b\xcd\x83\x97\x07\x07\x07\xbf\xfc\xf2\xfb\xef\xafQ\x9c\x9c\x9c\x08\xf4\x80a,\xc8C\xc2Y0\x18\x90B\x15\xab\xb3\xf6\xfe\xfd\x91f?0\xeb}\xd5j4#\xce.\xb1\xd3\xe2\xd4\x8d\x14\x8b\x19\xb8 \x87\x8e\xc5S\xf3\xab\xcbM;P\x9c\xbc\xfe\xbf8y\xbd5\xb8\xbe&gt;c1\xbb\xdd\xcc\x07,\x12\xb0\xbc\x11!4pt\xf8\xee\x9cv^\xff\xdc\xab\xe3\x81S\x998\rXzc\x11"\x93\x81T..\x9e6\xd9\xfb\xe7\xb6\xb6\xfeK\xcb\xf9\x876\x99\xdfq\xfc\xd2\x10F\xf2\xf8\xa4I\xf3\xa4\xf9\x01qiR\x97\xda\xc44M\x9b&lt;6\xa1M\xf4\x8a\xc1\x84\xd6Zct\x81.%\x95\xd8b\xa1Y8\x14,t\x9a\x98\xc3\xda^A\x05m{\xe5\x9c\x9e\xeb\x8f\xab\x7f\xc8\xf4\x86\xd6\x15n\x9c\xf5\xac\xd6\xe1\xe9\xc9\xa8\xf3\xc7tz\xbbu\xb8\x1d\x88\xc2m\x88{\x7f\x9e\xe8\xc1\xfe\xdc]\x9fO\r\xe8S!/\xde\x9f\xcf\xf7\xf3\xe3\xc9\xe7\xc9\x15\xb0\xbc|\xf2\xbdA\xb3+\xbf\xdb\xb2\xc5\xad\xdaQ\xb4\xd1f[\x85\xb1\x91\xd4\xb2h\x99\xfcBc\xe5\xb2~\xfeZ\xf9\xe8\xc1\xa5\xb3\x97\xccnWOUE1Q5\x05\x02\xddC\xdd\xa1\xfc\x96C[@\xf5\xf2\xe5\x93\xbbO\xee\x16\x0c\xa1\xf5\xe4\xe5\xb7\xee\x0b&gt;\xb3\xd4v\xf6\xa7E6hEX\x0e\xcb\x1af\xf8\xd1ro\xd9T\x9e&lt;\xb7\xf0\xe0\xdeq\x83/Q\x11\xb3\x12\x17\xa8\x86\x86Z4\xbd\xef]q\x7f\x0b\xa8\xdf\xbf\r\xf8\x8f\x11\xfaw\x07\xa7\xa7\x0e\xb2R\xc9\xb6\xb3?+\xb3\xad\xdaQ\\\\\xecG\xd6r1\xc7\x97\xfb\xf6\x16}\xbe\xd2\xd9x\xf2\xfep*\xec/\x8e\xc5\xacV+\xb8\xca.\x05X\xb3y\n\x11?\xdd\x8e\xc4\xf0q\xc1\xbe\xa2\x8cz\xa7\xbe\xbe\xc9Zn++`UTT\xe8\xc2=\xae\xe4C\x91\x96\x9b?|\x9a7\xea\xaa\xdfb\xa1\x15Up\xdc\xe4$uY\x93_\x11\x0eU\x1f\xe4\xd3;\xe8`\xd1Q#\xfc\xca\x80\x85\xec\xe0\xf7\xc7-\r\xae\xe4S\x91\xb6)+o\xe75\xe1\xb7XCeeC\x01\xfc\xcd\x1a@eD\x16EQl\x07\xd9dy=\xe6\x8f\xd5\xe8\xf4Q\x0bVw7\xc5\xfc:\x9d\xdfO\x051yO\xac\x1d\xe2\xd9\xe1\x94E\'y\xa3\x16\x82\xab\xdbV^^\xdfM\x05\xfbN\xf9\xc1v\xbaM)=\x88ih\x1b\n4J!\xcc\xb6C\xe2\xa8*\xf1\x97X\xb4&gt;&amp;\xf9@,\xac#\x0f\xf3^\x87T"\xb1:\xad\n`\xe10\xda \x8b\xd0H8\xd1\xa3\xf6\xa0\xad\xaf@\x0bh+\xa2\n\x8d\x8c\xbb\xdaV\xecw8JJ\xaa\x1a\\un\xfb\x82H\x9b\xcd\xcd\x8d\x8f\xd3&gt;U\x1c\\R\t\xc9\xd5\xdd\xdd\r\xaa\x8dE4\xcf\x96;\xd1&lt;\xb7W\x14\x97c\x8a,\xa2\x16\x0b\x05\xaa\xa8hUu\x89\xc5\xd1^\xa5\xd2\xba\x18&gt;}_\xac\x05\xe2\xce\x85\xbcAk\xe18\xa9Tbm\xeaF_\x13\xa0\x1b\x12\xf0\x15\x8d\x8cNg\x85\xd3IT\x1b\t\x14S\x05\xc0V"a9\xda-=\x84\x95\x9f\x15\x89\n\x1d\xf4\xb0\xded\x0e\x879\x8e\x05W\x00i\x15\xa3u\xbd\xad\x1e\x89\x1fP\xb4\xd1%\xec\xdd\xd0d\xbb\x8a\xaa\xc1\x8e\x98\xc3\xb2\xaejp\xd0WW\x07,\xb1\xf6\x87\x91"\x1e\xa6\xed\x9al\xd6\x93\x08s\xb1\x1dM\xe5\xce\xa0\xd3\xe9\xb4\xc2\x7f\\\\\xe7\xd7\x95`8\xd5U\x14C2\xcc\xda+cDU\xedX\xa7\x1a\x1c\xec11\x8c\x9b\x1f~$\x1aV\xe3S&gt;i\xd0\x18\xb3\xd9p\\\x02\x1c\xc2\n\x06\x83\\\xc2bq\xe8t%\xf8\x01\x1db\xdc_Q\\]\x8c\xbc+\x91ZT==&gt;\x1fa%\xc5\xc4z\xcc\'\xf5&amp;p\x19\xc3p#!\xc1\xda\x13\t\x87C\x07\x8e\n?\x15\x1a\x87\xa5\n\'R\xb8 uXT^\xad\xcfe`j\xdc\xf6\xe11\xf1\xb0\xee\xf1I;\xb8\xccfc\x18c\xea$\x84j\x07\x15\xa7\x03\xc4vTe\x1a\x9e!\x1d\xb4s88\x7f\x89\xc3\xe2\x05\x95\x01Z\xd50bbu\x02\x0b\\)\x8d\x06\\\x9e\xa9\xa9\x84\xd9\x8c\x81\xda#\x95\xea$+\xb7o\xdf\x8e\x99^\x07H\xa3\xc6k6\x1a1\xf6\'\x06\xbdZ\x93\xe1-\xd6#\x11\xb1\xec\xc9$\xdc\x98J!\xf0\xb3\x9ei3\xf8\xb2\xd3\x1eu\xd0\xd9\xd4T\x8eS)\t\x06=\xd3\xd3\x13z\xc6D\x8a\x0e\x1a5)P\x11\x17\xc3\x88\x19\xf2\x9d\xb7\t+\xa97\xa4`&amp;\x8d&amp;E\x7f&amp;\xb2rE`\xa8\x1b\xa9&gt;\x18t\x8eNMO\xe4\xf9^=\xd0}\x06\x93\xcf$ 1L\xad\x98\t\xa2\xf9\r\x96\x1d\xef\xaa\xb7\xdb\xe1\xcd\xe1a}j\xe2x\xe8t\xcb\x1f\x03\x93\x93\x93_(\xe4S\xd3\xc3\xf9L4\x93\xc9\xf4\xf2&lt;\x8e\x87\x9ea\xea\x18\xc6`\xa8\xab\xe3\xd3\xe7DVK\x0f\xac&lt;\xa8z\xf9\xb4\x9d\xe7\xed\xf9\x89\x89lhtttjt4\x9b\xd5\xe4\xf9h.\x97\x8bF\xbb\xba\xba\xde\xeb\xb5\xd3\xca"\xa8\x0c\xae\xbadzVT,\x86\x81Lz\x12+\xda\x15\x8d\xe6Z\xbb2i{j\x02\xee\xd4Lhp\x956\xc9r\xad\xadm\xad{Z\xbbz\xf1\xbf)\xb6@%.\xd6\x03;\x03"\xbc\xd2\xf6\xb4\x9d\xde\xbd-\xd2\x1a\x8df\xd2i\xde\x9e\x86e\xa0\x14-*E\x0eE\x06"{Z\xfby\xbd\x81b\xde\x05/\xba\xc5+\xd5\xefT\nX\xe4D\xbd)m\x8f\xb6\x0eDF"##\xad\xb9L&amp;J\x96\x13\xd6\xdc\x0ett\x9c8q\xe0\xc4\x81C[\x88\xca\x04&amp;\x97\tXvQ\xb1\xdcz\x93\tTz\xdax\x1b\x01\xc3\xc0\x81\x81\xc2.\x17\xf4\x11\x90\xe8\x89\xc0S;\xe9\t\xa5~\xbd\xde\xe0\x82\x19\xd6\xf8\xa8\xdf\xba/\xda\x93d\x95\x0bi\xb7A\xabM\x19H\xb3t\xa6\xf5DG\x87\xb0\x028 l\xbfut\xec$\xeb\xd8\xb9w\'\xaeE\xba\xecy\xbd\x10XZ\xad\xd6$b\x1b\x88\x0c\x01,\x86\xde\xc5`\x00\x16\x0f/\x16H\xfe\xc7:\xf6\xae\xdf\xd910\x12\xe5\xf3&amp;}\x81\xaa\x01\xfd\x96\x98X\xef,\xa4\x99Z\xad\xd7\xab\xd1\x10\x98=\x93\x8b@\x9a\xf5\xeb\xf7\x16p\xa0\x96@\xb9\xf7\xd4\x81H[\x94G\xf1\xa4x\xd7zUh\x03\xeb\xdc\xfc\x03\xf1\xb0\xee\x17\xb0\xccf\x8d\x89\x12jt\x0f=\xbfy\n/\xf2\xda\x8d\x08\x9cIv\x08\x87\xc0NTP\xcbG\x9f\xf8\x15\xb0:E\xc6B!6j|\x88|\x1e~&lt;D6\x10\x89\x8c\x08\x0b\xb0m\xf8A\x92\xa7\xb3j0\xa5\xa84\x1a\x81E#\x06\x7fOL,{\xadK\x0b\xaa\x84\x91\x1c\xa9O\xe5\xd3B\xfe\xa4\xec \xe4\x08\xaa;\xc8\xfcT\x0e]&amp;SJcN$T=\x82Z\xbb\x1f7\x8a\x87e\xe7\xeb\x80e1\x86\xc3F\xb3\xc6\x97BQ\x1cN\xe5)[\xd8\xf9$\x0f D\x14\xea8\x1a\x0b\x8dV\xeb\xf3i\x8c\x1e\x8e\xa3^\xd0$.\xd6l:\xc9\xb8\xb4*K8\x1c\'.\xbc\xbd\x99:\x1c\xfa\x08\xc3\x8cF\xd4\xeb\xf5\x02\xd8\x13\xce\n\xbf\xa3\xa6\x8c\x03V\xd5\xa0\xc6W\xb7\xb9\xe6\xa9hX\xcd\xe7\xf2\xbc\xde\xa4\xf5\xd2VK\x81\x0bq\xe6a\xd5r\x85Bau\xc6$J\xa5R&amp;S*\xe3\x9e\x84\xd1\xec\xf3aF\x8a\xc79\x9d\x80\xb5\xe6B\xcd_E{\xee\xbby6\x9f\x14\xb0\x1c\xc0\x8a{\x8cF\x1cJc\xf6t\x0b\x1a\xae@\xa0i\x87\xd5jU(\xe42%GX\x1a\xaf\x11RqR`Y\xbcZ\xa8u\\\xb4\x07`\x1b\x17\x04\'\xc2S\xf18\x0b\xcf\xc1u4\x06\xb12k\xa0\xdbf\xb3\xad\xb255\x01\x8b%,#\xbaj\x8e%\xb0\x92\xaauZ\x97\xeb\x82;\xbdO$/\x9e\xdc\xf7\x8f~&amp;\xe9\xf2\xaa\x8c\x16x\x87Urq\x0f\xd9iV-\x93\x0b\\6[\xa0I\xae\xe6\xe8b\x02S\xae\x94\xd3\xd1\xa6\xd4\xbau\r\xda5\xb55\xd1\xab\x7f&gt;)\x82^\x9dc\x9f^k\xeb\xad\x11\xd4\xb2\x10\x95\x92e\x89 \x04\xddX\x99"`\xdbFXV\x19[\xb8\x1c\xe7\x94\x12@Ql\xa9\xbc\xbe5\x9bk2\xd7\xce?\xfb\xbcq\xb9\xc1N~\xfe\x9fc#\x84\x85Zm\xb6\xc4\x11\xdcJ\x02cY\xb5:\x14R\xab!W\xb7\r\x01&amp;G\xcc\x03\x8b\x95J\xa5\x12\x89D\x8a\xe0\x8a\x17\xb0~\x11\xbd\xb6\xf4\xdd\xe2\xcc\xf2~\x0fC\xf3\xd8\xd7/^\x1dC\xc3IX^\xc2\x92\xd1\x99S\xabY@\xc1\x04,\xba[\x82\xd8"\x96`PR]-\x89U\x83\x8e\xb3\xa8p\x12kkzsK\xcf/\x7f\xf7ll\x19\xbf\xe8\xa3s\xec\xd6\xe1w_-\xb5u\xf5\xf2\x84\x05\'\xb2\x82Zj\xb2\x96P\xe8t\xa8EQ\xa0\xb2\x06\x01\x02\xaa \xb4\x8aY\x913\xd8\xf8\x1b\xac\xfe\xdc\xd2\xe5\xb9\xc3\x8b3\xb3c\xcb\xe4\xc9\xca\xc6s\xcf\xfe\xfd\x9b\xfd\xcf\x97\xba\xba\xa2\x05\xac0\xb0\x94o\xb0B\x84u:\xf4\x05\xe4\n\xc8e\xce AI\xa5AI,FXR.A\x85\xcaW\xbby7\xb0\xe6//\xce\x8c\x9f\xd9\xb7\x1c\x8aU6\x8e\xbd\xbf\xeb\xd9\x8b\xfd\xf3\xcf\x97\xda\xfa\t\x8b\xea\xafG)\x93#\x8cdr\x99 \x18\xdc\xc8\xb6\xc8\xe5\xc2\xbf\x08\x17b\xd1\xbdL+r\x18\xe7\x19T\xfd\xbca\xd8P\xfbe\xee\xf5\xdc&lt;\xd4\x1a\xef\xbb\xf9\xdb?\xfc\xf2\xc7\xe6\xd6\xc6\xd9\x9b\x1f\xf4\x9dy\xb6\xb8\x7f\xfe\xf2\xeb\xb6~r"\xf2\xa9\x91CN\xb0\x82\x8aHB\xea\x10\x1b\x12b\x9f,H\xd1N\xe1\x0e\xaa\x18\xc5\x99\'1\xa8jH\xe97\x7f\x99{57\xf7\xab[3\xe3\xbb&gt;9\xbf\xe1\xc6\xa7G:\x7f\\V\xb8\xf8M_\xdf\x99\x99\xc5\x8f\xe6\xe7^\xdf\xf8\x1e\x0b\xa9J\x01(\xabB\xc0b!\xd6\x14[8\x96j%+UJ\xdeb)\x0bX\xda\x94\xbe\xa6\xe6\xe2\xf3\xb9\xb9\x17_\x8f\x8f\xef\xbayu\xed\xd6\r\x17o\x8fu\xfe\xc0\x18\xab&lt;r\xfb\xea\xda\xa3\xdf|\xd0\xd7w\xfd\xd6\xe1\xfd\xf3\xaf\x96\xa2\xbb\x93\xe4D\x04\x172\x15\xa0`\xf2\x96\x16\n{\x1cI5a\t\x07T\xc0BpI\xde`\x99\xbd^}2\xf3\xea\xf0\xdc\xe1?\xcd\x8co\xda\xf5\xb7ckK\xb7\x96\x1e\xbd\xfa\xf7\x1f\xf4MJ\xcd\x1f\xee\xbbx\xb4t\xc5\xd1\xcf\xfav\xf5]\x9fY|\x17\xc1\x95\xbb\x02\xac\x14\xb0\x8c\x9cL\xae\x90\xa3\x16\n\\d\x04D\x06\xb7*\x89HHlj\x96CM\xb7\xa0v\xa6\xd2\xffz\x8es\xf8\xcf\xeb\x9b6\xf5}\xf6\xeb\xd2\x9f\xac-]Q\xba\xf6\x1a\xc0*\xff\xdfH\x7f\xff/\x1b\xb6n\xdd\xbab\xc3\xf9O\xfa\xae_\'\xb9.\xbf\xbe\xc83\x0c5w(x\x14\\V\x05%*\x01JMqF\xa1F/\xd9\x7f+9\x9f\xd76\xf23\x8c\xdbH\x1ei\xc3X\xbb\xa2\xe9x\xbb\x12{X\xf7P\xca\x12P\xa1\xa0\xa3\x1b\xed\x8c!\x87\x1d_&amp;\x87\xcc\xa5\xec\xa1\x18\x06L\xd5?@\x1a\x05\xaa\x9b\x0e\xda\xa1Rp\x8b\x98\x80\xa4Mf\x05\x02E\xc6\xc8P\xd0/S;\x8a\xb1\x90A?p\xa8C\x82%\xad\x8b%\xec\xc8\xe0_\x1b\xfa\xbc#;\xc9\xb6l\xd9\xbe\x96e\t&lt;\xa3\x8f\x9e\xf7\xf9&gt;\xdf\xef\x8c\xd0\x98X\x0e\x87\x05\xc9:s\xef\x0e\x16:\x1f=\xc8\x9f\xa1\x85\xa3\xd3\x1a/\x1ay\x8d\xe3@\xc5\xb2\x9ck\xab\xa4\xfe_&amp;\xfb\xe2\xc9\xf6*\x94\xc6\xb6R\xac\x87.\xa6\x07\x1d_\xf5\xfb\xe6\x9f~Cg\xb7&gt;\xc1j\xc6\xe1\\\x00\xc2X\xad\x0f&gt;X\x80Lx8\x0b\xa8\x1b\x845ib9&lt;\xd3\xd3\x96\x9b\xf1\xcf&gt;\xfb\xe8\x9b\xdcYt\xbd\xdd=\xadT\x14\xb1\x17\x13h\xc7\xe6\x8dc\x84\xc2O\xbd*\xd6\x97\x8b\x7fSW\x9e\xbaX\x0eba[\xadh\x04\xe0\xae\xeeI\xf5\xf5\xf0\xc5W\x1f\xff\xfcgt\xf6\x14\xab,\xc7\x18\x05E\xd9@k\xae\xab\x9a\xbdKX\x93\xe8\xe8\x9c\xe5\xf1t2~\xffw\xdf\xe6\xce\x89\xaa\xc2Wx^,\x0fui\xac\x16\x8a\xb3\xb1\xcc\xd6v\xf8\xe1\xe2O\x10j\xa5\xb0\xea\xb2\xb3,\xe3\xe2\x18l.\xe4{P+\xbd\xd6Z\xf7}\xbf\xf1\xd5\xc7tF\x0b\x0b\xbc\xf9\x85wX\xef\xa8L\xc9fI\xad)\nS\x8f\xc3\xe2\xb9\xf98~?w\x9e\x8a\xb6\x07\x95,\xa0\xc4L\xc4(\xe7\xc7`\x12k3\xd18};\xfc\xd7\xc5\xff\xfdQ\xc5\xdf\xb7\xb7\xb0\x8d\xdd\xce\xb1\x0c\xc3q\x92\x10+\xf6\xea\x91\xb4\x92N\x0f\xda\xa1\xb3\xe1\x1f\x7f\xf1\x87o\x08\xeb\xb7\xf3\xaf\xde\x93\xeb\xc6;\xad(di\x1c\xe2\xde\xe3\xb9gqx,\xc9x\xee|}\xb31PDh\xc5\x1b\xf9f\xae\\\xafo\x17\x04/\x8c\xeb\xb2\xdbY\x9b\xcd\xc6\n\xc5\xfa\xee\x93\x1f\x9d\x94\xbe\xfc"\\\xda\xf2\x92!Y q\x9c\xa0\xe7\xfb\xf5r._\xced2bm\x94\x8a\x9e\xe5\xff\x8c\xa3\x8aO\xee|~\'\xf9j\xdei\x0e\xbc\x1f\xa8ucv\x8a\xa6C\x00/8=\x9e\x0f\x7f57\xedL\xc6/\xcf7\xdb\xa3\x9a\xec\xaf\x00\xcb\xc8i\x9c]\x8a\x95\x95L\xaf\xd8\xd4\xbc\x8c\xdbj7\xbb\x19+\xaf\xe4\x7f\xec\x827\x8b_ok\xa6\xa18\x9b\xdb\xcaJ\xdeX\xd1\x88\xf4\x9b\x12\'4{\x01%S\xabu;\xe7g/\xfe\xf5\xe0\xdbx&lt;\x9e\xfc\xfc/\x16\x0c?\xd8}a\x8c\xb5@`\xbf\xbc\xf1h\x8eB~n\x0eL\xce\xf9G\x8e\xe4\xd1^\xe9\xfc\xe4\xa4\x85\x06f\xb3i\x9e\x0f\xe4t/\x04\xd2\xcb\x01&lt;\xa9\x1d^\x1e\x08\x92\xdb\xeav\xdbmB\xdf(67\xd4\xff\xbe\xc0\xd9\xaf\xbfV\xeb\xe5\x8dXA\x07\x98\xcd\xed\x96\xb4\xe1\xb6\x91\xc9\xf4\np=\xab]F\xd25EMw\xdb\xd5\xb3\xcb\x07\xe8a\xfc\xfe\xbd\x19\x84\xe7\xc2\xb5\xdf\x91\xa8SS\xb3\xe6\xa9zZA \xb4\xd0B\xc7|r\xef\xa8x\x9ej\x8fNe\xbf_\xa4\x0e\x16Ae\xb3sx\x9b\xb0\xeb\xda\xa8\xd1\xe8\x0cc\x82\xdd\xed\xb6J\xf9^\xbd\xd7/\xd6\xc3\xffqM\xb8\x87j.\x9f\xcb5u\xcd\xcb1\x92\xf5\xb60&lt;&gt;\x8c\x18F\xa4\x9e\x87/m\x9c\xdeO\xd7\xde\xa8\xcf\xe0\xaf\xe8Y.\xfe\xfb\x19sa&lt;\x0eu\xa79i\xd3A\xcf\xdd[\x93$\xd5\xcc\x8c\xc7\x83\x80w:-\xd3IP\xb5G\x83\n5\xb0\xa2\xc8\x19hEV\xe26\x0c\xa2\x1at^G7\xdb\x8d\x8b\x03\x89\xb9\xcdx\x9b\xb9bA\xd3\x9bO_\xa8\x0f\xdf3zi#\xd7\xd4\x04\x8ea\x18;\x06_\xac\xdf\xed4\x0e\x8dH$\x92\x13X\xd6j\xe3b\xe5\xda\xe9\x1bU\xac\rF\x9d\x8b\xe2Q\x12\xcbx\xe4\xf7=\x9ag\xc6\xc1\xee\xa0\xe9\xf9\x16$\x9a\xb1\xa0\x7f\x1f~z\x17\xf2\xdd\x9a?\xba8\x1e\r\xd2Y?_\xa12\xd3\x00=\xd8\x00\x00\x03kIDATh\x00\x82\xca\xe6\xcdQ\xe4\x04\xba\'&gt;_(\xb4\xden\x1c\x0f5\x97\xeb\xb6\xd7K\x97\xa0\xb2q\xab\xdbo?\xb9\x0f\x97\n\x1bE\xa4\xaf\x8ba\\\x8cpp\xdchE_\xb7\xd6"\x814\xb08\xdb\xd2\x92\xcd\xd5$.ET\xde\x1cv\x8f\x8bG{\xc9d\x92\x0e~\xcc\xe9\x8f$s\xc0O@\xf3x&amp;\xc75\xb50\xe9\xdc+\x1d\x1f\x0eN+\xb2\x8c\xb8\ng\xf9z\x1eZ\xb16\xbb\xcd&amp;\x14\xb1(\xc9\xac\x8d\xa2A\xc2\n\xa5\xda-H\x06\xafP7\xddv\xbd\xf8\x16J\x93X\xb6YZe(\x14b\x17\xddV0\x98\x00VZ\td\x8a\x02k^J\x8e\xfc\x90N\xab\xb2rz\xbav\xd8/\xc5\xcd\xafM&gt;\x9ev\xce\x99\x81\xee\xc4r\xe6\xe6\xcdGp\xba\x85F\x02\xd2\xe1\xd3\x7f\x1c\xf5\x8dS\x9e\xaf\xc8od\xd9\x1f\xe6\xb3\xdf\x15t\x89\xa4B\x17\xb5\xbe\x11\x01V#\xe8K$ \xd8f(Tmw\x8f\x87\x02k\x05\xd6\x12\xab\x9b+\xcf\xdd\x92Na.l\xad2\x1c\x8c~AJ\x05\x13\x89 \xb0\xd2\x98W\x05r\xc3\x12\x94/\x94\x03\x8a\xa2*\n$\xcb\xd4\xbf[\xd9\xa3\x9a_\x9e\x1fO\x89ss\xd0\xce2\xbf\xf0\x8aj\x7f\x7f\xff\xe5\xf3\x1dU\xe4\xfd~\x99\xe7e9,\xf3F\xbf\xa91K\x84e\x05V9BX-\x9f/\x11$.\x80\xadG\xdb\xad\xe3\xcb\x03,\r`\xbd\x89\xc5\'\xa5|.\x86\xd4\xd44\t\xfd\xd3\x86\xc7\x8dN4HT\x89\xaa\x89\x95\x19cQ1O\xfb\x11Q\x11y\xfc\x88\xe0\xdb\xddy\xfer\x1fd\xaf\xe8{,\xcb\xcb\x8f\x96\x97\x97\xa7A\x05\xa0\xe7;\xbb*:\x17\x0eg\xfd\xd0\xc9\x0f(\x91r\x9d5\x83\x93\x9a\xa8\x13V\x00X!\x1f\xda\x02,\xba\xf9\xa2Q\xd3e\x1c\xb0VbB,W\xda\xd0\xb7t\ty~I\x9e\xaa\xfa\x12U\xfa\xe7\xf5\xd6\x9a\x92\x16\r\xb2\xbc\xf9&amp;\xadVN\xcf\xd5E*\x1e\x92\xa9Y\xd5\xaf\xee\xee\xee\xec&lt;G\xbd\xdc\xa7z\t\x89\xfe\xf9\xec\x99\x8a\x96\xf1|\x96d\xe2E`\xf9\x95:\x92\x93\xbb~wP+\x06\xacH`\xad\r\x98*\xc9\xe5#\xc5\xf0$\x18\xed4 \x990\x11Ctz\xf5\x98.\xa0{\xfd.\x94J\x04\xc1\x04\xb9|!\xc2\n\x04\x8c&lt;\xd9\x14\xf6Z\xb2\xd2\x1cQ\xd86H*\x05vQ\xb3\x90\x0e]\x92e\xf5m\xc9~\xa4\xa6l\x96\xdf\xef\xe7e\x92V\xad\x17\xe1*\x96pLk]c\xada2\xdb\x0cU\x13T\xbeqU\xab\xc1h\n\x92Mh\xe6L)IZ\xfep0:\tB\xa9\xa0Y\xf0\xe1\xfa\xa8\x96\xc9DzC\xecqi\xbc\xc3\xa5%\x16\xf1\xd27\x14\xf2\x17\xaaF\x7f\xcc\xc7\xb2(\xfa\xb3\x08L\xd0d\xe9\x0eJ\xf9yJP\xe41rG\x1a7o\xac\x17\x9a\x88\xa5\x12\xea\xb0M\n\xc1\xf5\x89\xa0\xefm%|\xd5hg\x02J\xc0W\x07\x17\xddn\x0bP\xd5+\xa8\xe0zh\x8c\x85\xc9&gt;\xc6]\x89?\x86c%\xadP,G\xcc^\xca\x8aB\xda(r\x16\xaaA&amp;XI\xf6\x9b\xbf\xa2\x98\xa5\xd5\x82\x92\xe9o\xc4h&lt;\xb1\xecu\x0bMoA-#\xb2\x86\xa3)\xb3u\xf4\xa2Wz\x99\xc2U\x83\x13t\xdd\xd4|y\x00\xa8T4\x85\x8a\x9a\x95\xda\xa4\xea\xd6\x02\x84%\xb8\xbc\xef\x97 \x08z\xb3\xac\xc0=\x00\xe0\xb3a\xc2\x08_\x97\x9f\x1e\xcad-\xe4\x14$C\x80j\xd8@\xf0\xfep\x17\x05\x9a{"\x87\x9d\x14^\xe8\xeaES\xef\xd7\xbf\x01\x1b]`v]\xac\xe3\xc5\x00\x00\x00\x00IEND\xaeB`\x82'</t>
        </is>
      </c>
      <c r="M449" s="3" t="n">
        <v>45492.67883101852</v>
      </c>
    </row>
    <row r="450">
      <c r="A450" t="n">
        <v>1105838</v>
      </c>
      <c r="B450" t="n">
        <v>49202</v>
      </c>
      <c r="C450" t="inlineStr">
        <is>
          <t>Max</t>
        </is>
      </c>
      <c r="D450" t="inlineStr">
        <is>
          <t>Max</t>
        </is>
      </c>
      <c r="E450" t="inlineStr">
        <is>
          <t>CA</t>
        </is>
      </c>
      <c r="F450" t="inlineStr">
        <is>
          <t>ATA</t>
        </is>
      </c>
      <c r="G450" t="inlineStr">
        <is>
          <t>CA</t>
        </is>
      </c>
      <c r="H450" t="n">
        <v>175</v>
      </c>
      <c r="I450" t="n">
        <v>10</v>
      </c>
      <c r="J450" s="2" t="n">
        <v>37021</v>
      </c>
      <c r="K450" t="inlineStr">
        <is>
          <t>Left</t>
        </is>
      </c>
      <c r="L4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6e0f89d-82c9-46ef-92d6-a59d25cd33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c9|h\x00\x00\x00&gt;tEXtComment\x00xr:d:DAEewil2SDw:3528,j:2708207235806215489,t:24020717K\xec\xe5:\x00\x00\x00\tpHYs\x00\x00\x0e\xc4\x00\x00\x0e\xc4\x01\x95+\x0e\x1b\x00\x00\x03\x00PLTE\xff\xff\xff\xff\xefO122((\'\xff\xfb`\xff\xecD\x97kM\xff\xff\xfe\xff\xfb]\xff\xecM\xff\xeaH---\x8fgK\x8bcG\x92hM\xa7{[sO3\xa2tR\xff\xeeK\xff\xf7X\xff\xf9[pJ/\x86_C\x84[?\x91dE\xff\xe8C\xff\xedG\x9dsS\x9bnQ\xfe\xf6]\xa3\x7fi`B,\x9brX\xa3{`}T6[&gt;\'\x8b`C677\x9cmL}Z&gt;\x95hHiL2\xfe\xfcf\xa5wV\x97pSbH/\x93lP\xb7\x85^\x9c{c\xb4\x89f\xff\xf0U\xa0vU\xff\xeb?\x8aY6\xb0\x84_\x95rWxS7\xac\x80^\x85cHhE-\x9aiG\xfd\xfd\xfd\x8clQ\x91oUtV=\xab\x84k\x1a\x95b~`G\x90_&lt;\xa8\x7fc\xa3zY\x83X:\xff\xe8&gt;\xa4\x86p\x8a]&gt;\x9bv\\\xff\xf5S\x8bgM\x1d\x9afmP9O5#\x1d\xa0k\xbd\x8bf\x96dA1\xca\x8f80+\xae\x89n\xaa\x8dw#\xb6|\xa0v]\xa0pO{P1\xae\x84e\xac|Y\xfe\xe76E/!\xfe\xedS\xb0\x92}\'\xa7q*\xc5\x89(\xbd\x82V:#\xa3\x8cz&gt;5//+)\x82kV\x83T4G90\xfb\xf8e\xfd\xfco\xa7qMhTE\x1f\xaetxL.5&amp;\x1d\xb8\x8do\xacwR\x85fO\x18\x8f^\x95u^\x9c\x81l~fOaK&lt;\xf8\xf8\xf7\xc7\x98{L@8\x89o[vaQ\xa2lH\xfd\xf0\\\xb3~W\xb4\x90y\xc3\x92q\xcb\xa0\x84\xf7\xecOxWG\xb6\x96\x82&amp;\x9flmD&lt;\xf6\xe6B\xed\xed\xeb\xfa\xf3pT;-\xea\xe8\xe5\xd3\xc5@\xba\x95yXD62\xbf\x87\xb2\x8fs\x9cf\\"\x1d\x1c\xc5\xb7@\xf3\xed}\xb9\x99\x89\xf4\xf3\xf2\xf1\xe4T\xcb\xb5\xab\xda\xca\xc2~ob\xff\xff\xf8\xe2\xd0=\xe8\xdcRXK@??@\xc0\xaa\x9f\xd0\xa9\x930\x8d]m[N\xc1\xb8b\xe4\xdf\xdc\xdb\xd3Q\xef\xe7j\xd6\xc0\xb5\xee\xda;iih\xde\xd6k\xf5\xeda\xfb\xf9\x9a\xe5\xe8J\xe6\xe2~\xda\xd8\xd6\xd1\xc6\\\xba\xacA\x95\\R[YX\xa1re\xaa\x96\x82\x96\x87v\xa5\x9aLB\x9aj\xd7\xb4\xa0\xfd\xfc\xe0\xdb\xd4\x87\xeb\xe5\x9a\xea\xe0h\xc8\xbfN\xfd\xfa\xb8\xbe\xa0\x92\x85Q?\xc0\xc4\xc2\x16\x88XMML\x8fyd\x87WL~}|/\xb0{h92\xfc\xf9\x82\xa7\xa6\xa3\xd1\xcap\xac\x9e4\x97\x97\x98\xfe\xe1(y&lt;"o1\x17\xd4\xeee\xaf\xaagG\xc3\x82\x15\x7fT\xaf\x9e\x87\x91}m\xb6\xb4\xb5\x82J(\x8c\x8b\x8a\xfc\xfb\xcd\x90\x849XyUZ\x9cZ\x95VF\xc6\xbf~\xe8\xf5c\xcd\xcc\xc4\xdb\xe7R\xff\xfe\xeeI\xb1~g\xc3n\x96\x9esZ^C\xc2\xd9^\xc8\xe2P\x83\x83[&gt;wRb\xab\x7f\xaf\xc4J\xad\xd7d\x9e\xc7Y\xb8\xb9\x90\xdb\xdc\xb0q\xc0\xa2\x87\xc2\\sl*\xc7\xc5\x9f\x83\xacOqlI\xce\xe9\xe1\x8b\xca\xb5\xc3\x8a\xeed\x00\x00 \x00IDATx\xda\xc4\x99\xdfKb{\x17\xc6\x07\x85\xf6\x85\xd3k]4o\xa0l\xddy4er\xce\x8ex\xc7c\xe6/\x1c;\x98\x84\xf1\x86\x8a\x8dCta\xeal82\xfd@\xdd\xd3\xd6\xe1x\x0ev\x11F\x12A\xd1\xf1B\x1bd \xbc\xea\xc2\xa9\xeb\x08\xa3\x8b\xa0\xcb)\xba\x9c\x7f\xe3&lt;k7s\xfe\x81\xf7\xdd\xcdJC\xb6\xc5\xfe\xf4\xac\xb5\x9e\xb5\xbe\xf6\xe4\xc9\xff\x10\x0c\xc3\xbc?\xb9\xbb\xbe\xb9\xea\xb6Tf\xb3\x19\xcfV\xef\xea\xfad\xeb=\xf3\xe4\x07\x06\xc3\xb8\xb7oz\xad\x96\x99\x90\x88Kcn\xe1\xab\xd7\xb9\xff\xc4\xb8\x7f\x14\x19\xe3\xde\xfaz\xd3\x85D \x92\xb5R\xc9h\x88\x96\xb9{\xb3\xedf~\x08\x18\xf3\xe4\xe4\xaaEDj\xb5J\xad1\xab4\xdf\xd1T\xf2\xcb\xce\xdd\xc1\x0f\xe0b\x98\x83\x8b\xaeJ\xa3V\xb54j\x8d\x868Z\x1aM\xcb\xac\x06\x130)ZW\x17\x07\xee\xc7\xc6ro\xdf\xb7T\xea= \xa9e\xc5\xc0\xa5\xd2\x98\xd5\x1a\x95L)\x87\xaa\x85\x12{T\xc1\x98\xf7\x17\x1d0\xa8\x1f\x1e\xff\x14\x15\xbd\xd4|\'\x03g\xabs\xf1\x98\x95\xcf\x1c\xdc\xf4PR\xb8\xb3\x9c@\x82"\xc9Zj"\xa2\xa7Z~\x13\xd7z\x8f\xc7\xc5\xb8O\xae[f\x99\xe7A)\x8d\xfc-#gQ\xf5M/*0\rq}}\xa4&lt;\x82\xaa\xd3z\x00\xd2Py\x9b3\xdf\xc4RE\xa3\x99(\xaef\x1e\xb0\x1e\xb8U\x9dO\xeeG\xca\xe0=0(I\x1a\xc2\xd2\xa82\xe6^+-\xb5\xa5t:J\x91\xc9d4\x19\xc2\x92\xf3\xa92_\x9d&lt;J\x1e\xdd\xc8 \t\x95Q\xd3\xfd\xcd-r\xf5f\xb3]n\x8b\x92 \x08\x92$D\xa3B:\x9a\x91{QMy\xec\xc2\xc1\x94\xef\xc1\xbb\x1eRC:e\xa2\xe9t\xba\xd9\xc9\xb5\x1bg\rD\xb6(\xd6\xebb\xc4\xe7\xb3\x89\xb9\\SJGIL\x92\xcc\xdc\xbaSZ/\xc6}\xd1#\x1f\x00U\x14\xd24s\x84t{vvvzZ\xf0\x06\x02\xa3\xfd\xb3O\xfb\xfb\x8b\xe5r\xb9-IR\x9arI\x82uO\x94\xc6\xda\xea\xa8\xcc\xb2\x03\xa4\xc5\x9c\x98+7\xce\xbe|\xf9rtttxx\xb4\xe97\x8e\xe9u\x14^\x8f\'_*\x95sM!\x9dA\xaaQ\x86W\xca\xa6\x91y\x7f\x83\r\x86\xb2\x93\xae\xe7\xda\xe5\xec\xe5\xf2\xd1\xe1\xf1\xf1_\x7f\x1d\x1f\x1f\x1f\x9eW\x12\x13\xd3\xda\xe9\xe9\x89\x89i.\xc1\xb1,\x0f0\x11EF=\xd9R\xd4\xbe(\x85T\xec\x9a\xa8P\xaf\xe7\xd6\xbd\xec\xe6\x11\x98\x10\xc7\x7f\x1d\x1f\xee\xc78\xadV\xeb\xd4\x82,\xe8\xafln.\xc5\xf9,jL\x90\xbb\xb2\xf3\x89Q\x90j\x1b\xd3yO\x9dIK\xa2\x18\x99t\xb0\x9b\xe7\x87\xdf\xb0\x90\xc4\xa5X\x12TN\xa7vZ\xab\xf5W\xf6\xf7\xcf\xf7\x97\nr&amp;I/\xd5\xd5\x96\x82X\xd7r\x0bF\x85\xa6X}j\xe4b\x9bG\x0fX\xa0B\x0ecAm0\x18\xd4&gt;\x7f\xae\r\xc6\xa0\x16q\xb1\xf9b\xae\x9e&amp;w3\xdf(\xb6\xb1B,\xf2\xa2LZh\x06\xc6&amp;\xa6\x83\xbb\xfbGTZ\x87G\xe7\x88\xfd\x8a_\xfbO\xf8\xe3K\x84\xb5\x19\xe7\x1d\xeb9)J\\]\xa5\xdc\x9eq\xdf\xa1\t3\x19\x14V\xc0\x98\xe08\x7f\xac\xb2\x7f\x8e.&lt;\xdf\xdf_\xaaT*~N\xcb=G\x80*\xe8\x97\xe5\x02\x16\xcb\xe7\xb3\xd5&amp;9\x85\xf9B\xa1\xe1\xe8&gt;\xb8R\x91\x89\nb\xc0\x0b*\xc2Z\xda\'\x9d6+\xb1x,\xe6\xe7&amp;\x06\x9f\x0f\xd2c\x02\x8d\x18\x83^\xa8\xfa\x10\x0f\xae\xb2\x98\xc6\xef\xdd(\x85\xb5\xd5\x91\x0bK\x9c\xf4:\xc2\x1c\x17\x0c\xfa\x91+\n?\x1b\xf3\xfbYN\xa7\xd7\xeb,z|\xd3\x19\x8d\x1c\x1b\x8a\xc7AEX\xa5l\xb9\x0e\xb9:\n\x15\x97{\xbb\x83?:-\x06&lt;\x0eG8\x91\xe0\x80\x85`Y\xd6\x8fJ\xe7\x12\t\xbd\xc5\xd2\xd7g\xb5\xf6\xf5\xe9\xf5\xc6\x04\xcf\x02,\x14*\xf0y`\x15sHc\xebD\xa1\xe2:i\xc1\xb3\xa5\xc0\xba\xd71FX\x1c\xf7\x19\xa6\xc9\x02(\x91\xf8\x9c\xd0\xf7\xcd[\xa7\xac\xd6\xe1&gt;\n=a\xb1!\xbc\x9d\xcf\xe7\xbd\xa5lU\xd0\xa8\xcdw\x8a`1\xcc\x05\xcd\xe7\xe6\xa4\xc7\xfb\x02X\\"\x8c[:\x8c\xe1\x84Qo4\xea\xf5$\x14\xa8\xc06\x05,#\xf9&lt;\xfb\x99\xffL?\xe4\xc9V%\x8c\xa0\x1bE\x9c\x9ea\xae\xe1\xd7\xd1\xdc\xba\xc7;6fL\x84\x8d\x0e\xaf7OT\x08\xbdUOTPk\xca\x82\xd0\x7f\xc3\xf2\xb3&lt;\x1f\xce{=\xebU*\xae\xee\xb6\x12Xn\xe6\x1ebI\xeduY-P9^x\x8d\xc0J\x18\xa1\x97N\xa7\x9f\xfa\x1e\x16*\xae0\xc7R\xd9\xb1\x1c\x1fv\x10\x16f\xa3J\x91\xc1\xc8\xbcG\xc5k$\xa8\xe5A\'\x86\x8d\xe0\x82hP-\xc1ML\x0f\x0e.X\xa6,\xc8\x9fE.-Y\xac\x90?Dd\xe1\xbcg= [\xbd"F\xef&gt;\xe8\xc2J\xa5\xdc\xe4\xec\xec\x0b\x07\x92\x18\xe6\xc3\xc618\x01\xe7\x0f\xc2D\tk\x8a\xbaP\xa7{\xce\x051\xacc\xb1X(\x16\n\x85X\xde\xe1\x9d\r\x88iUF}\xaf\x04\x16\xb3EXBdr\xd2\xf3\x82r\xc7\xa1n\xc2\x1c,"&amp;O\xc2\x85\x0f\x16\x80Y\xb4\xdad2\xe9\x0c&amp;\x93\xb1\xdd\xdd8B\xc6\xf2\x04"\xb4G_)\xa2\xd6V\x8f\xd4\x8a\x04fgQ\xf2\x1c/\xd7\xf4n\xa5\xb2\xb3\xbbZY\x05\xd7\xe0\x02B\x9b|9\x9e|\xe9t&amp;\xc7\xf1N\x053\t&gt;O5/cu\x0e\x14q\xd3\x1em\xef\xe2\xe4$\xb0\xc2\xf2L\x8cUvvv*\xab\xab\xab\xe3Xgh\xf0\xbcy9&gt;\xeet\xfe\x9e\xfc\xdd\xf9\xf3*\xa6"\x8d\xc5]6Lr\x898\x17u\x94\xd8Q\xdd\'\x12\xa8\x84\x1c\x92\xe8\x1d#\x8f\'=*1\x7f\xd2\xf9\x06R\xa1\xba~[[{\x83X{\xb3F/\x9c\xc9\xdd\n\xb0\xf6+,\x8f\xe6\xf0T\xebB\xf4J\x19\xac\x1e\xa8\xc4\xc0\xa4\x87\x86\x0f\x97\\\x85R\xab(\xf7A\xc4\x022\xf8\x1b\xe2\x03\x1exB7l\x12\xceq,\x83\x00\x97\xbd\xab(Jie\xb0\xb6\xbbiA\xaa\x02\x0b\x131\x98\x1c_\xddY\x1dON/\xd0$\xb4X\x16\x16&gt;P\x10\x15\xea~\xca2\xa1\x9b\xe0\xb8p\x1esq)\x8e\x11\x84y\x8duP\x91N$,\xa9Y\xa5\x91\xc8\x81*6\x1eK&amp;\xc6\xfe5\xfbt\xb6\xbf\x7f\x18\xee&gt;\x05\xa0\x0f\x0b\x16\x8b\xf5\xa7g\x01_\xa0Z\xc5y6\'\x9fB./\x0b\x85\x02\xef\r4\x05\xa5\xb0\x04I,\xae{\x1c&lt;\xfa?\x19\xf6fq\xb2\x91\x03GV\xdf\xbf\xe7\xe7\xa7,\xf3\xf3V\xeb\xcc\xb3Q_\xa4\x8es\x7f\x1a\xe7\xc8:N\xb2\xb9\xf2%\xf6\x9b|\xb1))\x95DA\xca\x15K\x9ep\xd0\x9f\x0c\x96rM\x9cj\xe4O\x1dPquq\xf4\xa7W\xf2\xa8\x9e\x19\xf9%b\xb3\x0b\xd1\x15\x99K\xc6\x8a\x94\x0b\xcb\x85K\x9c\x82\x94q\xf9O]\tX\xd9\x12\x0f\x03-\x8aM\x89&gt;\x0b\xc9\xac \x00P\x1b\xfa\xf5?\xc3\xc3\xd6\xe1\xe1\xe1\x11\x9b\xcdP[D\xcc\xd5\xea\xf6H\xb5X\xf5E"\x97\xf1\xd0m\xb6\xdd\xbcV\x0c\xab\\\xcc\xe6\xd9xh\xb6.\xd5\x04A\xc0\xcd\t\x0b\x08)\xc3\xc0\xaf`\x1a\xee\xd3\xcf\x8c\x0c\x0c\xb9\\\x06\x83\xc9`\xb3\xd9~\x19\xf58\xd6}\x91\xc0\xf2r!\xdb\xce]+3|\x1a\xcdf\xbbX\xca\x87\xe2|@\xac\xd5Lv\n\xc3\x1c\xa2\x962\x19\\\x84e\x9d\x9e\xb6\xce\xbc~\xf7\xce\x95\xa2\xcb\xb8j\x18z\xf6\xa2?\x12)\x9c\x86J\xe5\xf6\x9d2\x1b\xc4U3\xd7\xce\xe6\xf98\x1b\xf0\xd9\xec6\x9b\xdd`2\xe1\xf6\xd0j.\x952\xb9F\xd0\x8f\x16\xedD\xdf\xcck\x97\x89\xae\xd5\xea\xb6\xaa\xcf\x952\x8c&gt;\xed\xf7\x95N\x97/\xb3\xe5\xafJ\xac\xa7\x0cs\x9f#,6^\xb2\x1b\x10 J\xd5\xa0\te\x11/\rC\xc3:\xbdnb\xea\xd5\xdb\xa1\xd4\xca\n\x12\x1c]I\xa3o#)\xd7\xb3\xb1\xa7\xf9\xd3\xf8e\xa3q\xa2\xc4\xd9\x07\xdbi\xbb].\xf1\xa1P\xd5`\xb7C\x90\xba(\xac\xac\xec\xad\xc8\xd5\x85\x84\rY\x83\xc1i\xdd\xf0\xdb\xd7Cs\xa8\xb6\xe8\x1e"#\xd8\xab\x11\xd3\xc0\xd3phs\xe9\xb6\xd1P\xe4s\x08\x9c^\xdb\xedv\x89\x8f\x17|6\x9bkn\xd1P\x8b\xaa\xe9\xde\xeaoX\x03F:\xee\xcf\xbf\x1b\xa9\xd6\x16W\xeah\xd3\xbd^3+.\xd6\xed\xb6gc\xec\xe6\xe9m\xe3lK\x99]\xfek\xb9\\n\xf0\xf1P1\xe2J-\xe2\xdeR\xd4\xac\xd9\xdb\x8bJr\x16M3\xc9\x8f;/\xc7?\xbcs\x19\xa0V\xae\x99\xd9\xdb\xebv\x96\xdb\xc8\xa7\xaf\xbf/\xb8\x7fz\x9b]V\xe4\x9f\x1an\xe6\xa4\x01\xac\xdb\xf8\x92g\x00\x85\xb5\xb8\'\x94\x9bf\xa8\x95F*\x17Ss.\xcb\x1f\x1fw~\xdep\xbeu\xb9\xa8\x0b\x04\xf2\xb3vN\xac\xd7\xea\xa3VK\x10I,\xdd\x1e\x1d)\xf09\x04\xc3l\xdf\x02\xab\xb0\x14\x07\x96\x01\x86\x95nJ\xa0Z!\xe7\x9c3\x99F\xd66&gt;n\xfcwcu\xea\xf5@\xc4\x0eg0\xd5\x0c\x91\xc8\xba\xd73\x8b\x1d[?\xbdtZ(\xad\xf3~\xf6\xff~\xf8a\xb0\xcc\x9f6\xb2\x845\x0b\x7f0\xd9#\x11\xb1^G+\x12\x94\xc1\xe0z\xe5\xdc\xf8\xf8\xe7\x1f\x7fn\xac\xbdz=`3\xa5L&amp;C$\xe0(\xf0\x1e\xaf\xd7a\x1c\xe3\xe2\xc0\n\xed\xfe\xcd\xab\xf9\xbc\xa6\xd1nq\xfc\xaet\xe38\xce\xc2Q\x181N*jp2\xa3\x0c\x8e\x8e\x89\xbf\xf0\x17*b10\xa2u\x08.^\xc1^\xb0\xbcUIl\xc5\x04cH\x08\xc1`\xd1EC\xf2\xdeM\xe4\x12\xc8\xb2\x10L!\xbb\xba\x88\xd0]\xdc\xb4d\x15x\xff\x8d{\x1e[\xee\xbd\x7f\x80\xe6\xe4\x07\xd9\xf9\xc9\xf7\x9c\xe7\xfcx\x9ecy\xbcX\xf4a\xfcx~~\xfac\xef\xaf\xbf\x12%I\xe5Y[\xcb\x04\xadVH_+\xe0\xb0\xed\xde\x8a\xf6\x8dk_\xe8\xdf\x8fZ\x87\x87\x9d\xfdd\xdc\xb3\xb6\x02\x99l=\x13nx\xbd\xde\x06\x8c\xb8t\xee8\xb1S\x14\xb6\x1e\xaf\x16\x8b\xe5\xfbx3\xba\xb8(\xff{\xef!W\n\xd9H\xab\xd5\x1a\xd4d2\xbf\xa8^iW\x93\x91M\x82;\xbc\xb9?\x1c\x1dr\xf5\xfd\xcdH\xdc\xa3\x01GB\xed!\xa1\x95u\xe7i&lt;WJ\xc4\x84\xfa\xd6\xe3\xb7\x05\xc7\xfb\xe5s$\xda\xaf5\x01\xeb\xa0\x18\xa30\xd2\x9aY\xdfXAI\xfe\x8fu\x0f\xa9\xb2m\xee\xd7\x7fa\x8d\xb2\x1d\xe8Q7\x93:\x8fF\xa3\xf1\xe8Tnt\x83B\xd3R)\x17\xe5\xaa\xfb\x8f\xa5\xc5\xfa\xf0\xfcn6\x8bT\x05\x06aIb\x8cQ`\xe1\xa0fmcc\x03\xbc\x891\x94a\xbf\xda\xc9"\xac\xfb\xfb.W\xaf\xda\xed\x94B\x9f4\x9b\xd5y\xe8\xf8\x07\x03\t\xb0\xeer!\xd0q6^h\xb5V\x9e\x1bg\x8fO\x11\xc2\xee\xff\x99\x1bHE\x98sx\x9eUc:p&amp;\xa9J\xf1|\xa1Z\xeftG7\xf7-\x84\xd5\xa9\xcb0\x07\xc5\xa0o\xce\x87\x06\xfd\xe3\xfe\xa0(\x8a\xd2\xdd\x9d\xe4\xe4\xb6f\xb7\x0bM\xa9\xbes\x07`\xb9l\x94{77(\n0v\t\x82\x88\xf3\x94\x82e\x19\x1e\xc7q\xa2^\xe7\xba\x87\x10\xf2\xf7\xa3n\x96\x83\xb1g~S\t\x06\x13[\xcd)\x88\xc2\xe0\xb8$U;\xd5\xd9\xf3\xd9b\xd5\xdaEj\xd9\x14)\xc0\n\x89\xce\xb9\x89\xe8\xc3cQ\\\x84y\xac\xde\xc9\xb6 \xdeQ\x8e\xc8f\x05Y\x94\xd1D&amp;\xd5\x06\xc7\xc7@\x05\xff\x06`\r"U\xeeI\x7f\xbaX\xac\x12\xc2\x8a\xe8\x13\t\xe4D\x18{\xb2s\xb2b1\nh\xf6B\x9d\xe3\xfe\x8b\xd5\xed:\x91^2.\xa2\xe9\xa8_\xe3\x04\x8eCX\x07[\xaeNd\xc1\xb1\xe5\xbb\x98=\xba\xb6\\o\x07\x89\xf2\xc0\x89\x9c\x88~\xc1@\x06Tv\xc2"\xb7\x0e[]\xc8Y\xdd\xeeh\x84\xfe\xecf\xd1\x9c(\x8b\xcel\xad\x96\xe58Np\xf6\x8fK}\xfb\xd3\x96\xa5\xb4\xd8\xea\xe3\xfb\xb2:\x8b\xec?\xbd\xed\x83\\\x10[\xc8\x8aN\x08e\xdcn/lV\x81\xe6\xb0\xd5j\x81\xff\xe0(\xde\x8fF\xf7\xad\xeaV\xc1.w\x80(\x8b\xb08g\xffG\xa9/&lt;&gt;\x15\xae\x16\xdd\x9a\x1ag\xfb\xfbO[\x80U*\x8a\x10\xc3\x10:(\xb8`\xa0\xb6E\xc4n\x0b\x19\x02\x00\xcd\xbe\x1d\x1e\xb6\xb2u\xd7\x16a\x97\xc5\xdfX\x1d\xae\x7f|P\xeb&lt;\xce\xa8\x05\x17\x1f\x9f\xf2\xe2\x8d=\xf2\x88\xd7\xa4D)$\xda!\xa2A/t\xf7`\xd0\'\x9327\xff\xe8l\xa7S\xcf\xa2\x90\x07\x94\xba\xcb\xb5I\x10\xb2\xdcAX\x1d\x01N\xe2AMx\x9c\xe5/\x17\\\x13\x95g\x8a\xea\xd3#\xee\x94\xbe\x96\xa38\x08!\x0b\xa2L\x00\x95-\xfe\xd6@\xcd/\x02-y\x18\xf8\xe5.\xd0\x12\x16\x88\xb7H\xc4\x02~\x14\x01\x0b9\xfc\xa0tP\xd3\xcf\xfe\x94\x16\x8eu~\\\x7fz"\x8aR\xa2l\xe4\x0b\x88K.\x14\x0c6ErU/\x8a\x98V\xebY\x8dG`\xb0\xde/l\xda\xf4\xdaU^\xc4-.\xbd\x81\xc0\x05g\xd6\xc9\t"`\r \xe2\x8b\x8b\xc7\xfax\xe1\x8c\xbc%\xa2\xa1D.\x91\xb2\x14\xd0-\x8d\xc5\xb2i3\xeb\xcc\xb4\xb3Fk\xa0\x0ci&lt;.\xc8 I\x96\xd4x\xf2\x92T\xc4-6\x03\x85\xa33\xfb\x0b+\xe4r\xd5j\xe2\xa2\xa7\x0c\xa5\xefK\xbf\xee*D\xd1\xdbDJa!\n\x94Ea\xb3\x99\xe3:\xbeX\xab\x15\xcd\xc0\xb5\xb6\xa1\xf5\x805&lt;Z\x06]\xc49q\xdbf\xc1&gt;\xcf\xbc\x82\x18*\x95D\x99\xeb\xd6jg\x0b\xefN\xcf\x8ek\x02W\xa5\x13\xe5r\x8aUP\xe8\x1e\xdel\xd6%\xa9"J_i+\x9a\x1c3\x19m&amp;\x13\x0c\xa6\xd1un\xa8X$\x10\x16\xc4\x15\xd4\xa9P.\'r\x9dlm\xb4\xf0\xcb\x11\xe5\xf9\xb7z\xf7\xb0S0\xce\xb1\x0c\n\xbd\xde\x9c\x8c\x93\xac\xe8\x04i\xa4@0\xf3\xa9\x07\r\xd6:\xb4\xa5\x99\xb6\xc3a\x040\xe0"\xec\xe89V\x10A-I\xect\xb2\xdd\xcb\x85\xcf\xd5J\xdf\r\xb8\xa1+;re\x07\xcb\xb2\x00\x95\x8c\'\xcd\xf9\xa2S\xaaI\xa1\xc0\x87\x1e\xba\x0bY_\xff\xe3\xf5+tI\xd3\xdc1\x86B\xc5(\xc1\xc7\xd0\xf3\xb5\x18\x95J\x92\x00\x19d\xb4\x84\x9b\xa4\x7f]\xf7\xb3\xb2\x8c\xd3\xb9\x9c#\xe0Wa$@aj\xdaH\x1b\x8d;\x95\xe6\x87\xde\xeb^\x0f\xb5\xf4\x9ap\xe3(\x939\t6\x1c\xc6h\x94\x87\xeeB\x06\xae\xa84\x90\x9c\xd9l\xffz)w\x10\x175\x99 \xe8D\xce\xe1Ocf]\xdc\x8ca&amp;\xc7N\xa0\xd1\x08\x7fX;\xf2N\xa7\x13\xadf2\xbd\x1d\x8e\xc7)\x93*\x18l\x98h:F\xc4~\xbf\xc6\x1eH\xd9V\xf7f9Od\xa7#\xa7\x80G\x13\xe5]P\xcb\xac\xd3a*\xd6\xc4\x86\xdfe\x82G\xd3\x801\xcfN\'\x93)Xz86\x86\xa4(C\xa6\xf3t\x8c\xb2\xf3|,\x06}s\xa9\xc8u\xef\xcf\x97\xf4rw\r%\xcf\tXn\x95\xcaLb\x18\xc6\xfa\xc9\xb5\xdez\xda4\x1e\xa6\x03\xc3\xa9\xe7\x08Y\xa3\xbd\x9b\x18\x8f\xf1(\xad2\xe11\x8a\x07,\x9c\x8e\xc2\xb8\xd4\xba\\\xd2\xeb\xabR\xf9\xf1\x1e\n\xb2\x11\xb0XP\x0b|\x98\xc6\xac+\x9f\xbc\n\xd2\xaa\xd1\x1c\x05ONN\xbe\xc3\xcf\xc9\xd1\xdet\xa2#\xd3L\x9a\x99c\xd9y&lt;\x1a\xcd]]/o}Q\xa9&lt;\xbf\xef\xcat\xb9\xbc\xe3WcH-\x0c\x0b\xf6z\x99\x93\x8d\xf9\xc5\xd2w\xb0\x93\xb9\xbd{\x97Y\xef}\xb0\xb2\xd0\xceS\x08\x0b/\xe6.}K\xdcf\x81\xc9\xfa\xec\xa6\x04\x19\xc2\x9f&amp;A,\x88\xfb\x8d\xde\xfb\xf7\xdb=d\x9fN\xfe\xdf\xb6\xdfo\x07\xd3|\x0c\xb0x\xb4\xdbRZ\xf2J\xa5\xd2\xe7;\xbdJ8\x02i\x12\xd4"I\xeb\xda\xca?\xb7{\x9f\x80\xeau\xef\xfb/Cn&lt;::Y;J\xffRk\x8e\xf5\xf9t\xd9\x8be&gt;\xe5%\x1c\xc54Fz\xbd0\\\x07\x83\x90\xa7\x8e\xa6\xd3v{\n\xa1\x85\xa8&amp;\xd3\xf1x8N8`$\x8a\xf1\x06*\x86\xb0\x8cW/\xb0{}z\xf73\x90\xf6\x92\x98\x17\xc6D\xaf7m2\x8d\x8d\xc6\xdcg\xe3px;\xbd\x9dB\xe2\x02\x1b\x1b\xf3&amp;\xa0\xe2)\x03:\x8a\xc6\xc4\xcd\xf2\xd7\x16\x95\xe7W\xbb;\x80\xe5\xf5Z=d\x1a\x06E\xc8S\xa0\xcf\x18\xe1\x0co\x91\r\x874\x8dG\xd1\x1ci@^\xa4\x8d\x89\xcb\xe5\x8b\xa5\xf4\xfd\xbd\xfb\xe0\xf7\x82\x0f=\x1e\xaf\x1a\xca#k\xca\x0f\x87\xff\x83:\x1e\xe7\xf3P\xa2\x8bb\x8cR((\x8a\xa1\x00\xeb\xe2\x05\x96&lt;}_\xca\x0f\xed4p\xa1I\x9fUCj\xd5\xab\x01iN\xf5\xfc\x1c\xfa&lt;$\n0\x8d\xc9\xa2\x9da\x19\x8aa\xdc)c\xe2\xea\xe3\xf2\xb1\x94\xd7\xe5\x9f\xedt\xa3\x81\xb00\x15\xa6"u\xba\xf8d\xf2\xfc\xdbn\x9fm\x16\xf4\x0ek\xb7\x13\x0c\xebv3\x0c\x93\xda\xdd\xfd\xf6\x02!?\xc7j\xcc\xb1t\xa4\xd9\x0c\xbd\xc4\xea\x1b\xadV\xf3\xe7d2y;\x99$\x93[\xd0S\xdb\xed|\xc1``L@\xe5v$v\x7f\x9c\xbf\x04\xd6W\xc0j\xfe\xe6\xd2\x81\xadj6^\xcd\xed;4\xce:P\xabP ,[\n\x05`\xb1\xac\xdb\xb1\xeb\xb8;]&gt;\x96\xef\xfa\xeb\xc3C%\xdc\xac4\xc2\xc0\xa5\xd3\x91 \x17\xf4\xf2\xda\x8d\x15\xd4o\xc5\xf5\x054\x80P\x16\x0b\xc3P)w\x80\xddq\xec8rg/\xa2V\xfb\xa1\rX\x15o\x18\xb0P|\x91\xf1x\x1c"lU\xa73\xeb-\x04\x8f\xe6"\n\x0e\xa1\xc9\x1d\xf0\x07\x1c\xee\x1dG\xf9\xfa%B\xfek\xa5\xd2n\x86+\x95&amp;\xc8\xe5\xc50\xb5Z\x0f\xc3\x06\x964\'\xf56\x0bU@\x0f\xe8Pv(7\x0fT~\xb7;\x00\xd1u\xfd\x02j\x9d\x95+{\xc0UiW\xc2\xe1\xb07\xcd2\x8cB\x05\xa5\x1b\xddJ\x1a\x08;\x8a\xf7\x18\x14i*5\x17\x0b\xbe\xdd\x0e\xe3\x97\xe5\'.\x1f\xc2\xda\xab4\x9bm\x90,\xdc\xf0\x9b(\x93A\x01\x82\x99\xf5f\xb5\x82\x98o-\xd2\xa8H\xa3\xb5\x8c\x06|\x01\x96\xe3\xef\xe5/\xa7\x83Z\xedp\xf0\xa8\x89\xe4j\xa2\'u\x93\xc2`0\xa8\xd5*\xcc\xacR\xf0\xf3\xde\x1d\xb0L\x0c\xda\x90jx\x1b~\xd6\x9dz\t\xac\x7f\x9c\x95\x03\xe1 \xf4\x0e\x10\xf4\xcdF\xc5\xcf2h\x1d\x10\xf4J&amp;1\xd6D\xc7h\x9aF\xbbfn\xb7\x7f\xeec\x15\xcb\xa6\x1c\x17\xcb\xcf\xa7\xca\xd3r\xc0\x1bD[\x06{\x88\xcb\x8b\xa9\xd4j\x16i\x05\xa9Ue\x9aC1\xee@ P\t\xcf\xcb\x00\x94M\xd3K`\xf9\x00+\x1d\x0e\xfe\x87\x97\xf3\x8fi:\xbd\xe3\xf85)\xfd\x95\xb6\x96\x96\xd2"t\x90\xda\xf4\xc7\x97\x96c\xa5\x1c\x8d\xfc\x90TB\xb1\xd0\xb2\x1e&amp;G$k\xbe\xab\xdd%#\xed\x0e3\xc7\xe1L\\jL\x93\x06\x89\xdd\xf8\x03\xb2f*\xcb\xa5\xf1h\xb0\x80\xb3Y\x84F\xf9\x91\xb3\xb7H\xf0\xf4\x92!\xee2\x91\xe8T$\x83\x19\x1dn\xe2\xf6\xf9&lt;\xdf\xf6\xce\xbb\xdc\xb2\xbb\x9b\xf0I\xa0I\xff\xe1\x95\xf7\xe7\xfd\xbc\x9f\xe7\xf9~\x9f\x07\xd8\xd7\xb7n\x1e\xc1\xc1\xa8\xc8\xdf\xed\xc4T\xd5\xd9\x15\xf9x\x98\xb1\xc4X\x07\xb5\x1b\x14e\xc4\x82D\xfd`{\xd4r\x82\\\xad\xad\x86\xd6\xfa\xbd\xf0\xc7\xadV\x9dN\xad\xb6Z%\x12\xab]\x04\x14\xc2\xdd\xce\x9f\xe3\xf7\xf5(\x16JY\xd5\xfc\xc1\xf6\xa8U\'\xd2\xd5\xb7\x1a\x0c\xbf\x000\xfc\x94\x90\x92\x03\x97NA\x96\x16\xc0$\xa9gz(\x14\x96\x19\xb7\x03\x0bF\xe2\x9e:\xe7^\xab\x04xL&amp;\x03\xfe2\xe1\xa7\xc4\x80`\x92z\x04\x05)\xebu\xc4\xf0P\xe2\xb2\xe6\xed\x98\xab\x01\xcb\xe9\x84\xcd!\xc12\xed\xc2\x83\x07\xbb\x8a\x99S\x11&amp;S\x86\x11T\xd41Tb\xa7\xb0\xee\xfdK\xbf\xd9\x8e\x94\xafr:\xc1\xd1\x19\xac]?&amp;E\x96\x10\xe4\x03\x95\x03\xbb\xc1\xb2\xda)\xc41*\x16W\xbd{r;\xb0@-Q&gt;\x98\x1e\xb9~\x8d0? \xa7D\x00\n\xb0L\xb0\xbaQ\xe3\xf0\x14\x89P,\xc8\xd9\xb2\xaa\x9eS\xdc\xed\xc1\x82\xed\x98U\x82X\xc5\x8cJ\x19,X\xdb\x00\x15\x86F&gt;\t4\x8c4q\x99\xb1\xe7\xc3m\xc2\xaa\x13)\xac\x12\xb9\xa1\xdaDv\xfa\xc5\xbb\x98&gt;"\x94\x1c\x02C\x81\xdb[\x91P\xc9\x11\x8b\xf5b\x8e\xd1X\xfe\xfb-\xbf\xe1\x86\xde\x12a\x17uV\xc0\xaaf\xbc\x8e\xe7m2T\xe0+\x06\n\xb5\x12+\xc5\x80UU\xfe\xdb-\xc7\xaaE\xcb\x83q\xb0\x8br9\x04D\xb5\x81\x9c\x8c\xc2\xf1Xm\x90\x13\xb7\x03\x94H\x83v\x17\x12,\x98}\xb6\xa1\x89\xef\xa0\xb7p\xaf\x0f\xc1\xce\x801X\xc5\xc58\x08\xeb\x89X\xe8v!Sb\x98\x14o\x9f\xdc\xe2\x15\x17\x97\xfb\xe1\xbe=N\x11y\x02A\xb0\x08\x97\x89\xe12\x19Z\xad\x90W\xbba\xc5\nT"\xb2\x8d\x14\xe2\\\xfd\xeeg\xa7\xb6\x18\xeb\xe8\xd5\x1e\xa3\x18\x9f\xd7(\x88\\\x12\x03r\x11,\x1c\x86\x06\xabN\xe4\x14\x95\x11\x95\x18w\xc1@\x84\xbd\xe2\xc4\xcd\x97[\xd9\xc7\xa3/\xcfO\x94\x1b\xcb\x84\xf8\xd0-\x9f`\x81b\x80U]\xbc\x0bw&gt;\xd5\x12\xab\x02\xe7g!\xb6\x11\xcc\x05\xf1 \xe6\xc0\xa4\xd8\xb3\xef\xf4\xc6\xd6\xcd\x8b\xdc\xda\x97\x8f&gt;\xbeTn$T"\xd0\xebs.\xb0W5\x94\\\xa2V\x88P"&amp;I\x11\n\xaa\xa4\xb9\xbc\xe7X\xea\xe5\xd6-Q\x8fn\x84\xff\xfcNy\x99X\xa4\x14\x894\xf9\xb8s%`r\x8c\n&amp;\x1d\xd4\xb0\xa2\xe7\xe8\xf5b\x14\x0b\xbc\x85XFcIs\xf3/S\x1b\'\xb7\xe8\xc2&lt;\xb7\xf6j\x7fjb_\xb9Q\xcc\xc8\xa5Q\xc02+\xc3%\x07(\xf9\xa1Cj\x85R\xcf\x11\xeb\x95d\x04\x92B\xae\xaa\xaa\xaaU\xef\xdc\xc6\xcb-\xf9\xdf\x07\xdc\xdaS\x1bs\xa9\x9e\xef\x95W\x81\x16""\x97Z\xdd\xd1a%\x8a\x11\xa8C\x1dv\x07b\t5\xc4Z\x80\xa4\xe7p\xb4 \x97\xf1\xc8\xba7&lt;wk\xe3\xd9\x9d3\xaf\xff\xb5\xcf\xc9\x7f\xcfyS\x7f,\x07\xb5P.\xd2DX\x96\xe2i\x1a\xe4B*5b\x81VJ\x0cy#C\xa5-*,,[\x8d\x85\xc3\xde\xb9\xb9\xd4\xc5\xb1\xcb\xaf\xb5\x93\\\xee\xa9\xab\x1b\xfd^\x97\xf7nsc!G\x8fT\xf8\\$\xdbE\t#V\xa7\xdd\xa1\xc1s\xb1J\x8dR\xcc\xdcD"T%\xf9\xebaW\xd8\xeb\x9d\x0b\x0f\x04\xfbf\x1fr_\x17\x19\x97\xfbp\xf6\xe9\xad\xfev\xc0Z\xdf\x83\xcf\xf9\x84\x0c\x16\xac\xe2\xf1\xe5&amp;NC\xc8\xd5\xa1&amp;\\\x1a\xdc\xcc"\x16l \xb5\xda\x03\xb0\x97}/\xe6\xb2\xb9\x01+\x161\x07\x83\xf3\xb3\x97\xcf\xbc\x0e0\xee\x1b\xdc\xcbc\xc1\xe7\x07}\xed]6W\xeaHca\x91^/$Xv;\xc3%\xc9ru\xd8\xed\xb03\x03\xc5\xf4D+\xa4\xaa\xc8\xcd\xd5\xaf\x87m\xa8Vxy\xdcl6\xd3\xf4\xe8\xd8k\x00\x03\xa9\xee\xccS*\x82\xe5\xea\x0e\xdfm\xae\x80.j \xb6\xb0\x8bv\xdc\xf4X\xd5`-y\xc6]\n\x87\x03\xb8\xf4\x84\x8aS\x88OusWc6\x14\xcb\xebz\x11\xa2\xf9R\x16\x9f\xff\xff\x82q\t\xd4\x18%\xe3\xe5=\xf5\x01\x96\xbb\xdb\x95\xda\xd3\x98\xab\xadQ\x82Z\x19\xac\x0e+\xf8&gt;C\x05Xv\xbb\xc3\xd1\xa0\xaf\x01\xb3\x93k\x81\xb9\x15\xa5\xc2u\x17#Vl\x86\xc5\x97J\xf9\xa4F\xc7pTr\xbf#\xd4\x99\xcb\xb3\xf3\x01*\xafEFE\xfaA.\xb7\r\xe4\xaa@,2\x12\x19. SK\x0e1Tj\xc2\xa5$f\xd7\x02\x14\xde\xa4\\u\x11\xb1\xc2\xb6\xe5(@\xd1\x0c\x16?4:\x08`\xdfA2d\x1a\x9b\xa7(v\x9e\x8c\xd5B\x8d\xaf\xec?\xe8\x83.\xdaR\xc7r\x0f\xa0Z\n\xd2E\x1d\x83\xd5A\xa8P-\xe0r\xe8\xf5E\xa4*Jw\xfc\xb0t\x13Z\x08b\xb9l\xe9\'\xb4T\xba3\xa3\x16\x14\x1d\x1cD\xf7\x7f;C\x11\xa1\xd8\x14\x9b\xcd\xe6\xe5\xc9ZX\xec\xd0\xd3\xfd\xfb\x0f\xb6\xbb\xbb\xd3\xe1\xe5\xaaB-G\xc9$\x04\xb8\x1e\xb9\xd4\x84\xa9\x83\xc8\x85\xe1\x85\x83\xb0\xa4\x08\xdf\xa2\xef(\x8b\xb9\x91*l\xeb^&gt;KK\x05_P!\x18\xdd7{\xf9[\xccI\xdcZpT\x80\xcd\xe3!T\x9e\x0c\xb0\xf2d\xc3\xb7\x0e\xa2\\\xe9tx\xad\x10L\xaf\x04\xd3+\x1cY,P\x8c\x90uvbx\xc1*\xde\x88bU4\x96\x1a\xef\x86]n7R\xc5\x9e\xf4\x9a\xa5\x02A\x8e \x0b\x15"d}\xdf\xd4\xfd\\\xc6\xe6&lt;\xa0\xe2!\x15bIe\xec\xd0s\x9fo\xbf\xaf\xcb\x96\xee\xf6\xaeAt\xe9\x95\x1a\x18r\x19\xb9:p\x1aB*ug\xe7G\x8c\xb78E\x85\x15\x8d\x8d\x9c\xd5\xb0\xdb\x05\xc6\x82\xe6/\x8f\x08\xccR\xbe\xa0\xa9I\xc0\xffRE\xe3S\xdfD1\xcc\xcey?\x8f\xa9&lt;\xd4\x0b\xb1Z(\xf6\x83[\xed\xc0\xe5\xb5\xa5]\xa95\x9cY\xf00\x84\x03\xf4\xea$\x05\r\x04\xa1@\xac\xceJ\x07\x93Z\x10\x0e"C,L\xa8\xd2\xdd\xb1\x19\x0f\xda=\xc7\xf3\xa9\xe7+\\t\xe8\x7f\x81\x81P\xb5\x00E\xf1\xb2\x05\xd6b\xab\xc0[R\x96\x8a\n&gt;\xed\xef\xf2\x81\xbdl6o\xea\'\xb8|\x01.\x8d\xc6QY\t$\xf0\x0b;\x88\x88\x1f\xd95\xfa"\x92\x0e\x1c\x9d\tf\x1d7\x18+\x9d\xb6\xbd\x18)`\xd1\xe0&amp;\xcf\xa7\x16\x96\x99fIwf\xdb\x08\\|\xf4\xd8\x7fo%\xf7KJ\xa1V&lt;\x1e\xc5F\xc1ZX2^`|\xc5\x87\\]n\xf7\\\xaa\xae\x88\xc3\xa9ikkP*\x81\xab\x12\x7fP2\xa2\x9c\xa3\r\xc2\xe1\x80\xb6Ph\x95\xaf\x86]h\xf7\xee\xc5\xf4\xf2Y\x0f\x1f\x82\xd4\xcc\xea=;&lt;\x1d\x1f\x8dFGFF\xa2\xd1\x10~\x87\\\x02z\x10\'\xcb\xaf\x87\xc2\xc1G\xbd\xca\xc4\xa3\xfc}\xf3\x83\xf1\xc4\xc5\x99\xa1\x16\x19[\xf6\xe4V;\xc3\xe5\x9d[\x86\x04\xd7j\x01L\xd9\x80\xd5\xd6\x80`\x95\x95\x90Z\x95\x8e\x1a|\x93\xa1\xd5H\xe4\xab1\xb7\xcb\x85T\x8b\xb1\'\x1e\x01\x8b\x15\x8a&amp;&gt;\x99\x19\xb8x!&gt;=\x14I\xdeH&amp;\x93\x03\x03\x91(CfV\xa9\xe6\xbf\x0e,\x93\x08\xbcW\xfa\x07P\xf1\xc4\x85\xa9\xa9+\x17#\xc9\xb5a\x99\x8a\xdd\xfb\xbc\xbf\xab\xab\x1f\xb8\xba\xe6\xe6\xd6\x1aw\x94\xe6B\x82\xe9\xdb\x94m\x80\xd5\x86PL5\xd4\xe0\x913\x8d\xa4\xf5=\xa0\n\x87\xc3\xb6\xc5\xc5\xf4\x0b\x8f \xc8\x1a\xbf\xb1\x90\x98\xee\r%\x13\xc1\xa0\xb4`d\xa4\x17\x04\x1b\x8a|\x92\xa0\xa54\xb4Q\xa5R\xf9\xe7\xef|\xa5\x93\x08E\x12![\x14E\x05\xfa\x06\xa7\xa7\xe3}\x81\x80_\xc5\n%\'U*J6\xbeB\xb8`\x1aj\x7f4\xf1\xfd\xb7\xf0\xd0\xe9\x01P\xac\r\xb0\x1a\xb2T\x95J\xc4\xd2\xe7\xef\xdd\x8c\xb9\xddn\xa0J/.\xbe\x18i\xdai\x1e]\x9a\x8c\x9a=\x9e\xc4\xcdgq\xba`\xe4\x9f\x9b\x91\x02&gt;m\xa6\xe3\xf7.\x86\xe8\xa0\x19\xe5\n\xaa\x98\xb4\xe0\xbe2\xc9\x8c\x05xY*6\x15\x08\xf4\xf5\xcdO\r\xf6\x05\xe2\xa3\x01v\x1e\xa4D\xcb\xf0\xa4_E\xa9T\x0fV|n\xe8\xa3\xaf\xbd\xdd\xf7\xe8G\xbf\xfa\xd9\xdbo\x1e?\x8c\xf7\xec\xda\xda\xf4\x84\x0b=\xd6\xd0\xa6--,\x12\x96\x1d[\xff\x82\xaa\xd7\x92#\xb0\xcc,\xf8\xe9\x82\xa6\xb3\x8f/][\x18\xea\xbd\xf1\xbb\x8f\'\xa6A%&gt;==\x19\x91Ji~\xceN\x16\x08\xc6\x80e\x95\x82\xec\xcc\x1a\nU\x8a\x0f\r\xc5\xa7\x07\xfb(vp\xf2\xf1 \x95\x07\xf3\x8f,2\xe9\xcf\x03\\\xea\xc1JW\x96\xeb\xef\xb7\xf1X\'p!\x98\xb6\xa6\xc1\xc1\xb4\x10\xb0\x0e\x94\x18\x9b\xdf\xbf\x0b1\n\xa1\x05\xc6Z\x1e\xe7[,\xd2\xd0B\x02\xbc\xdd\xbbtnhiu\xed\xc6\xd2\xf0\xed\xeb\xcfBR\x9a\xd5\xe4\x89,Ew\xe6X\n,\xd2`\x90\x01\x9b\xcd\xac[\xc6("\x14\xdbOt\xba\x90\x88\x8e\x8e\xce\xac\x9d\xf3S\xfe\x99\xf3\x7f\xf9\xd7&lt;\x0fhx\xc9s\x14\t}?\xe1\xea\xef\xcfp\x9d8\xf1\xf6[\x87\xf1\xce\xe4Ok\x94\x0cW\x03^\xfa6\x96\xbcB\x15\x1b\xa6\xf9\x96\x1c~ta\xa8\xa9\xc9rc"\x11I\xae\xae^\xbb\'K\xfe\xe1\xfc0M\x17x&lt;\x96\xa5\x99\x1cO\x13M\xd3f3\x03\xe6g\x94\xca\x0e&gt;v \x10\xa0\x86\xefM\x81\x9b\x066\xcf_\xbb\x12HL\x9e\xbey\xf5\x1f\x016E\xc5\x17.\xb0!\xef!\xc5\xfc\x7f{\xe4v\xb7\xf7\xef\xff\x9c\xeb\xcd\xe3\xc7\x8f\x1f\x86V\x82\xf1\x1b\xb0\x85x\xf7\xae\xac\xee\xae\r\xa0\x80*\xbd\x18{\xfa\xe0\xc1\xf8\xf8x(:9$\xe5G6\x17f\x92\x93Kk\xd7\x1f\x0f\xcf\x9c\xbev/\x98\xd3\xe4\xf1x\x96\x92\x96\x02\xa0b\xb2\x02\xc1\xdex\x98i\x1f;C\xa5\x1a\x98\xbc\x00mL,,\x9c\xbe\xfe\xd7\xa9\x99\xf8\xb9\x9b\x9f]E\xcc+W\x02~\xbf\xea\xfe\xfd\xfb\x7f\x82Z\xf1v\xb5\x1f\x84y\x1b\xb8.\x9d`\x8e\xbcB+k\xfe\xd3\xb4\x19\x84\xb6m\x86a\xd8\x02kD?\xf4"\xebP\tt\xeb)\xb0\xc3\x84Oc\xa7n\x07Q\xbc@i\x18=\x19\x91\xf6\xa8\x8c\xc2F\xd9n\xd5\x0e\x82 \x0c\x86\x14$\xd0E\xba\x14\xe1\xe0\xda\xb3\xab\\\xea\x80l\x1f\xb6Khl\x02I\x18\xa5\xa4\xc5IhC\xb2\xa6mB\x13\x06{\xbf_N\xb6\xdf\x8eq\x0c\x89\x1e\xbf\xdf\xfb\xbd\xff\'a\xdf\xe1Q\xf1\x1d}\xf5\xee\xfb\xd77!\xd6\xed\xb9\x9b\x0f\xff|\xf2\xc1\xedt\x8ei\x1d\x8e:\x9d^\xe2z\x9eWM_=\xedmoll\xa4\x10\xab\xda&lt;\xf75\x04\xbfZVUQ\xe6r\x15\xfeS\x8a\xeag\x97\xea\xe7-(\xd2\xbe\xe8\xbb\x93?\x9e]\x0c\xda\xa3\x8d\x8d\x97\xfb\xbf/\xb6N\x03\x0e\xb4\xb5\xb7\xa7\xebE\xd4\xf1\xee}\xe2B?\x1e\xe6\x1f\x10\x86^\x8f8\xd7\x8d\x1b\xb8_#\xaa9\x8cYD%K\xb2X\x16e\xb7\xd38=:\xfex\xcc\xa5k\xc0^+\xad\xe7O\xff\x19z\xa67&gt;\xf7T\xd5TMQ\x95\x0c\xa3\xc4\xb1\x94+(,]w\xcf\x13\xdd.\xea\xd9Y\xad\xdd\x7f\xf6\xf2\xd5\xf6 \xe8^\xec\xef\x9fu\xb7\xc1\xb3g\xeb%Z\x15\xbdx\xfc\x16XX\xe0\xda9\xfc*\xd7\x8bsQV\xdc\xba\xf5\xed{LX\x97T\xd8`\xcaX\xa2&amp;z\xa3,t!]\xe7\xa0sp\xfc!Yq\x86_\x7f\xb9\x1by\xab\xe7\xf5\xb2jV\x99\x869\xdf\x10\x04\x03IQ\x98\x06\x02\x94B\x01+zt&gt;(\xe9vw\xffl29\xbbx\xf5\xd7\xa8\xdd\xde\xdb\xea\x06\xdd\xb3\xae\xad\xcc\xe8\x8a^)\xe9\xa5J\xa5R\xb2\x8fv\xee\xdd\x9br-\x9f\xfc\x00.\xfa\xec0:\x12\x82]\xbfAs\x1f\xb8@\x85a\xc6e\x0cL\xe5\xb2\xa6\x89\xda \x1b\x85\x9a\xac\x95e\xcbp;\x1eS\xab\xcdfT\x1f\x8f#\x0f\xdb\xf7\xe6\xa6d %T\xa6\t\x06\xb0\x14\x82B\xaba)Pk\x1c;\x95\xc6i\xbfV[|Q\x1bx\x9ec\xa33[\xfd`\xd6\xa6=\x1b\xa3D\xc9 .\xc5&gt;Z&amp;\xaay\x1e\xf8\'\x87?\x01\x8c\x8c\xff\xe8\x9b\xebw\xae\xbd\xa6i\x94C=|\xf2\xd1\xd5DQT\xf1\x03\xb5\x985H\xfd\xc8\xf3$j:A\xb5\xa4\xaa\xc7\xa1\xa2zT5\x99\xca\x00\x85V\x95\xa1\x17\x15\x11XE\x9dz\xd3\xa9\xe8\x95\xa6\x1f\x0b\xf5\x16 \x00`z\xc0\xd0\x07YV\xd3\xdb\xdd\x00\xf3W\x91&amp;/.W\xd1\xfe\xb8CT\xf3y\xe0\x1f&gt;\xa6\xcfT\xff\x06\xb9\xae\xff\xfa\xfea.\x14\xd6\xdaG\x17F&amp;.\x98\x19|\x92\x15c\x13\x8cb\x07]\xe7\x82\xc6\xf7A\xa9z\xcd\xa8\xc9`y&amp;\x81J\xd5\x04\xd4\xb1\x80\xa6Gmd\xd5d\x8e$mZ\x8e\x14\xf9\xb1\xa2,\xda\x86a\x1a\x06p\x9dz\x12\xe8%{\xd0\rlE\x07+\x19\xb2\x94s\x91^\x98\xa3s\xc1\x1eS\xde\xff\xfc\xe3\x17\xafq\xa2\x8a\x91\x8fc\xad\x1d\t\x12\xcaw\x89\x85\xc5D\x82\x19e\xddA\xc3\x1f\x8f\xeb\xb1\xab\xa1\xfb\xd42\x13MUe\x0cU5\x99&amp;#\xf2\x0b\xdc\xc3(7,\xa7\x9a\x9b\xe0mF~\x1deW%\xdb\xae\xcc\xda\x83aZ\xd3\xc1\xe2\xb4mz\x03D5\xb5\x17\xe95\xcf\xd7\xfd\\0\xfa\x9a\xfc\xdfkKKsWZ\x1d\xc9\x8c\xaaW\x16UnyMs]M\x93]7\\\x19\xb4\x1a\xf5\xd83-\x97y\x11\xe5\x85gV\x01\x86v\xe4\x03\xa2\xc8\nt\x08\xc8\x86T3M`AL\xb8\xb0\xdet\x1d\xa7\xd6n\xbfh\xa5+\x8b\xba\x01rE\x81\t\x15N\xa6\xd0\x1b\xa9T\xf4\x19\xf8\x9eca\xc2G\xb4\xae\x9f\xfc\xf2\xfc\xe4\xc1\x83\x05\x1eV\x90k\xeeMCf\x1aJ\xc8\xd1(!\xe2$\x1e\x86\x8d8\x8c-\xcb\xa5\xe5En\xdd\xaf\xef\xd6i\xba\x89V\xc9[TJ\x8c\xd5\x8c\x15\xc8*B\x05\xa3\x7f\xb5\x8ad3`E\t:\xd7\xbb\xdd4\x1be\xd8\xabg\x95\x92\xe1\xa0\x07gl\xbb\xa8\\.\x02+\xc1\x93[S\xbd\xeeq\xb2\xb7\xeb(\xe7\xc2\x02\xcf\xab\xb9\xa5\xcf\x1d\x94\x0cP,\xc7\x12\x99\x9c\x1e\xfe\xdb(\x0b\x00\x00\x02\x88IDAT&amp;Ic{;Ic\xc3\xc7\xa44n\xec\xc6~\xcf\xf7\xc7\xbd]\x80\xf5B\xa6B\x1e\x01u3\t\xabb\xd0M\x10 \x95\t;9\x02vu7\x0c\xba\x83\x9a\x83\xcc\xb0\xedv\xb8\x82\xa9\xad\xdb\r\xb2\x1a\xdf\xca\xd1#\n\x8f/\x1d\xe3\xd8\xd6\xbbK\xae\xfb|\x97\\\'\xb9\x90XKo\x8e\\x\x9c\xfbJ\xcc\xc14\xa1\x91\xa6I\x9a$\xe90\xad\x8c{~\xaf\xe7\xef\xfa\xe3\xd5\xc6jo\xd8[\xf5W{\rI\x15\x0c\x01\xf6\xaaB\xb6\x02\x11\xa2#+\x86\xb4i\xd2y\x9b\x13\x87ah\xb5\x1d\xc3\xae\xb5W\xfaA\x164\x92,\x1bmOF\xa3\x8b\xa0X\x9c\x0e\x19\\/\x02,\xee\xe5\x06\xe3TX\xd0k\x01z\xad}&gt;\x90\xa7\xb1\xc0\xb1\xc0\x85\xf2\x08T\xbc0\x0e\x1b\xa1[\x87\xb5\xe2\xa8\x11EQ\x18\xc5\x1e\xc6A\x1cU\xc2\x99G\xb9\n\x8f\xc1]\x05\x99\xae\tX\x92\xe08h\x03)NZ\xc9`\x92\x8cF\x03\'\xb8h\x9d\x9e\xf5/\xfaI\xab\x95M\x80\x95v\x83\xe2l&gt;\xb3\xceL]V\xa2\x99\x9a\x04CG.\x03,\x17l}\x01R1\x8dq\xa9\x10\xa2\x80\xa2\x1e\xc4\xc8,\xe1`x\xb4\x04\x9c`\xa0\xdd\x0cCR)\x13\x88\x99\xb6\xc4*\xa2\x1e\xadHQQ\xa0\xa6\x15\xcb\xa6\x8a\xf9P4\xad!\xca\x9fN&amp;Y?\xab\xf5O\xe1\xad,\xeb\x8e\xe2\x95\xd6 D#b\x7f*\xfe\xeft\x88s\xd1\x8bm\x12\x0cT\xf3\xb8-/\xaf/\xac}\ne\xf8\x9c\x8c\xc5\xb94M\xd2h\'\x96\xa8\xf5%p!L%A\x96\xa8H&amp;\xa3\xec`\xb4T`\xa9S*\xb5@\xaf\x88\xd0\xaejY\xcctW\x93a\x92\xb60\xbe\x07\xb5 \x08\xecZ\xcdv\x10\xb3\x86BD\x94\xba\xc5\x1c\xa9x\xc5\x05\x87\x15\xed\xad\xcf;\xcbH0\xb0\xdd]\xb8\r\xa9\xa4\xdc\xe5\x1a\xfdo\x99\xb8d\x8d\xf7\x18\x9e\xe4\x97 \x08L"\xf3\xf0P\xe0`\xfc\tC\x9aB9U-`\x0f\xc2;\xabbK\x82\x9c\xcc\xf3\\\xfc\x89\xe3X\x86.\xe8\x18d\xe0\xc1\xb2h\xd8\x1c\xa88\x85\xca\xc1\xae\nIQ\xd6&gt;zG\x05\\\xa7+X\x07\x86\xa4M\xb1H(\x94\x87\xcb\xc5\xcf\x07\xf3\xeb\x0f2\xd9\x99\xaa)\x0b\x1aO+\xe2\xc2\xd1M\xda\x80H7\xd3,`\x98\x95h\x8b77q\xb2\xcbO\xc4-\x8b\xcf\x89\x0c*\xa11L\xc9\xe1\xcapSM\xd9f\xa6\x97&amp;x\xbc\x82\x0b\xf7\xbdOo)\x1b\xd6&gt;\xb5\rK\xa67\x8a&gt;\xcc\xb1$\xba\xa25\xc5\x92\xb4\xfcWz\x00\x19$\xbc\xc4\x9a\xc2q\x8f\xa1v\xff\x02V\xa9E\xad\xcdq5\x8f\x00\x00\x00\x00IEND\xaeB`\x82'</t>
        </is>
      </c>
      <c r="M450" s="3" t="n">
        <v>45492.67888888889</v>
      </c>
    </row>
    <row r="451">
      <c r="A451" t="n">
        <v>1105970</v>
      </c>
      <c r="B451" t="n">
        <v>1974</v>
      </c>
      <c r="C451" t="inlineStr">
        <is>
          <t>Adson</t>
        </is>
      </c>
      <c r="D451" t="inlineStr">
        <is>
          <t>Adson</t>
        </is>
      </c>
      <c r="E451" t="inlineStr">
        <is>
          <t>PD</t>
        </is>
      </c>
      <c r="F451" t="inlineStr">
        <is>
          <t>ATA</t>
        </is>
      </c>
      <c r="G451" t="inlineStr">
        <is>
          <t>PD</t>
        </is>
      </c>
      <c r="H451" t="n">
        <v>171</v>
      </c>
      <c r="I451" t="n">
        <v>28</v>
      </c>
      <c r="J451" s="2" t="n">
        <v>36804</v>
      </c>
      <c r="K451" t="inlineStr">
        <is>
          <t>Left</t>
        </is>
      </c>
      <c r="L45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497fdd7-7bd0-44e4-81d8-9a879a80d3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acF\xec\x00\x00\x00\tpHYs\x00\x00\x0e\xc4\x00\x00\x0e\xc4\x01\x95+\x0e\x1b\x00\x00\x03\x00PLTE\xff\xff\xff\x02\x02\x01\xf2\xf3\xf7\xed\xee\xf2\xf5\xf5\xf9\xf3\xf4\xf8\xee\xef\xf3\xf9\xf9\xfb\xf8\xf8\xfa\xf6\xf7\xf9\xef\xf1\xf5\xff\xff\xfe\xfb\xfb\xfc\x1e!)\n\x07\x04\xc2\x8bw\n\x0c\x10\xe8\xea\xef\x16\x1a!\xf1\xf2\xf5\xeb\xec\xf1\xbc\x83p\x0e\x12\x17\xe5\xe7\xed\x0c\x0f\x14\x10\n\x07\x14\x17\x1e\xbe\x85r\x11\x14\x1a\x1a\x1e$\x8e]N\xc8\x8f}\xc5\x8dy\xba\x81m\xb8~k"%.\xd1\x99\x89\xbf\x87t\xce\x96\x85\xdc\xa8\x9c\xa9sb\xd5\xa0\x92\x95dT\xb5zg\xde\xe1\xe7\xe3\xe6\xeb\xa3l[\x08\n\r\xdb\xdd\xe4\xd8\xa3\x95\xca\x91\x7f\xadve\xcb\x93\x82\xb5~m\x92aQ\xd6\xd9\xe0\x18\x10\x0b\xaf|n\xe0\xae\xa8\x9chZ\xb3|k\xb2wd\xdf\xab\xa2\x9cm^\xc2\x88u\xb7\x81p\xa0iW\xbf\x89v\x99fV\xe1\xe3\xe9\xd4\x9c\x8d\x12\x0f\x0b\xa6o^\xd8\xa5\x99\xaes`\xfd\xfd\xfd\xba\x85t\xbe\x8b\x82\xa9m[\x1b\x16\x10\xa1o`\xb1yi;1\'\xdf\xe4\xe2\x89XH\xdd\x9c\x93\xe2\xb2\xad\xc4\x8e\x82"\x1a\x15\x93^N\xadxl\x96j[\'+4\xcb\x98\x8buL&lt;*"\x1b\xc3\x8e|\xd9\xa9\xa3\xc2\x8f\x89\xd0\x9b\x8d\x06\x07\x08*\x1c\x15\xc7\x92\x81!\x13\r\x88]M\xb0\x7fs\xb5\x84x\x95of\x81^W\xd1\x9f\x93\xba\x87{\xa4rd\xe9\xb0\xaa\xd1\xd4\xdb\xa6vj\x8ccW\xe4\xe8\xe62) \xe5\xac\xa3\xc6\x94\x892!\x1a\xc5\x98\x9a/4=\xeb\xb6\xb1\xd2\x9b\x98\xa8|s\xcc\x95\x90\xb5\x8a\x87\xcb\xce\xd6\xbf\x88|E.&amp;\xda\xdf\xddM2%\xea\xec\xec\xf5\xf5\xf4S:)|XO\xe3\xa4\x9d\xcb\x9e\xa0\xc4\xc8\xd0\xbb\xbe\xc2\xc9\x8a\x82\xda\x96\x90\x9cwv[=&gt;&gt;( \xc0\x81v\xd7\xa1\x9f^?.fA:kHEs?6\xdd\xa1\x99\x82XF\xc5\x86|\xca\x90\x8b\xc4\x93\x91\xba\x7fx\x9eth\xad\x87\x87K\'\x1dRE5\xb5\x92\x8f\'\x16\x0e\x9b`R;#\x18\xbe\x90\x92\xa7\x7f\x7fy|\x7f\x81RGvNF\xb6zrD=1\x8ei_GLS\xb2\x86|\x80L&gt;\xd5\x93\x8c\xce\xcd\xce\x92\x96\x9b\xb2\xb5\xb9\xc7\xc7\xc7RWYf8,\xe9\xbb\xb8\xe2\xb6\xb63\x19\x10\x96SK\\O&lt;=BEglq\xd1\x8e\x83\xbb\x8f\x89\xcd\xa7\xa6Z/\'\xadlbfZD\x9e\xa0\xa3\xb7em\xa7\xab\xb2\xcb\x9c\x92\xf2\xed\xebgG3\x87YW\xd9\xae\xac\xeb\xc0\xc1\xa2aWO23+-)\xa3lk\xc1\x81\x80X^g\xb0~|\xd3l\x83\x89\x8d\x96\xcf\xc0\xbf\x93db\xbdzr\x88cd\xe0\x8f\x9f\xbdnm\x9bji\x8cNI\xc8ww\xec\xcf\xce\xac\xa9\xa5\xdb\xcb\xc6\x86\x8a\x87\x80o[\xd7\xd4\xd4\x8f~n\xadpkqbK\x8bA&lt;\xe1\xda\xdc\xbd\xaf\xa9\x9f\x8a~\xc5\xb8\xb3\xc7\xa6\xb6pQP\xd0\x82~\xbbq\x83\xb2Z^\xae\x93\x9a\xd2|\x8b\xec\xe1\xde\xbc\xa1\x9c\xd4\x89\x8a\x88lr\xe9\xa1\xb1\xd6\x81\x9av+(`d]\xa2RXtW[\xed\xad\xbf\x91\x84&amp;?\x00\x00 \x00IDATx\xda\xc4\x97\xefK\x1by\x1e\xc73,\xd4\x96x\x13iq\xb9\xb9^\x8d\x8a\xda\xc6\x80\xc1\x98\xca\xf8#\xb5\xfe\xc0\xf1\xf7\xe4\xc6PG\x173qu\x92j\xab\x82u0\x85\xf6\xc4\x98\x9a"\x82\xe6\x9a\xad\x08\xbdm\xa61\xd4\xf6fU\xb45[\x89\xa5u#\xeb\xa5\x0b\xf5a\x11\xf6\x81h\x8b\xb0=|\xb6\xec\x03)\xf7\xf9N\xec\xfd\x037\xb1\x1fM\x84\x10\xc8\xcb\xf7\xfb\xfdy\x7f\xbfQ\xa9\xfe\x9f\xa9\xafW\xa9\xc7\x06\x9bGa\x9a\x07\x07\xef\x9cI&gt;z]\xadV}\xc9I&gt;9\xfa\xf3\xee\xe1\xca\xfc\xfc\xca\xca\xca\xe1\xe1\xcb\xdd\x8d\xe7\xa3\x83_\x8d}Y&amp;U\xf2\x9d\xa5\x8d\xc3?\x19\x0c\x06\x1c\xa7h\x96ci\x9a^;|9\xb7\xbb3\xb148V\xffE\x90\xd4\xf5Iw&amp;\xe6\xd6\xce\x19RRR(\x9a\xe6\x187\xc30\x02KR0[\x92t\xb8\xd3|\xf2\x0b\x88\xa6N\x1e{\xbf+}\xdd\x85\x1b\x80\t\xa0"\x11Q\x12EIb\x04\x86aYA\x90\xa2\xbb\xcf\xff\x9d\xa4&gt;n\xa9N,-\xaf\x9c3\x18\xba\xba\x0c\x14+0\x92\x18\x89F$1*\n\x1c\x07\xa2I\x91h4\xba\xbf\xf7\x9f\xc1\xa4\xfa\xe3\x95\xaayy\xfet\x8a\x81J\xe9\xea\xa2X&amp;\xb2\xbf\xb7\xb7\xbf\x1fe\x80H\xe0i\x9ae\x04AD`\x1f~\x1bL&gt;N\xbd\x92\x96\xe6\xb6\x0c8E\x19\x0c\x14\t\x04@\xf5\xf1\xe3\xde\xbe\xc8Q4\xc7\xb1\xe8\t4\x13#\xf0\xfaog\x8e\xb1)N&lt;[I\xc1\xc0=\x18\x96\x89\xee#\xff"\x1f&gt;\xeeE%\x96\x86T\xd1\x14\xcbI\x92 \x00\xd6\xfe\xde\xce\xe0qA\x9dZ\xda\x95\xba0p\x0f1\x88Qp/\xc2p\xac\xf4\xe1C\xd4\rX\x8c\xc4\xb0\xb0\x01"C\xb3\xe2\xbe(\x8a{\x13\'\x8e%V\xa3\xbbk\x1c\x85a\x14\x0b\x9f.\x82N\x0c\x03I\x87\xca\x8a\xec\xc1\x1f\x92\xa4\x81\x8bF\xc4\x0c\xc5I,\x07y\x9bkV\xd5\'\xbc?\'\x0e\xbf\xa6(\x1c\'\\n\x97\x8b\x11E\x1fI\x10\xb4\xc0\xc0\x02r\x91\xa8(\t,\x8e\xd3,K\x12\xac \xb18E\x00\x16A\xcf5\'\'\x96k\xec\xf9\xeeZ\x17N\x128\xc1{\xbch\xdc.\x10\x0e\xeb"H\xc8\x13\x83\x9aA 1\x0cgi\x12\x88y\x0c#\x04\x17\'P\xa7w\xc7\xea\x13\x18|\xf5\xa9\x89\xc3s\x18N\x93\x14A\xf0\xde\xc8~Td8\x17\x8dc8\x08\x86\xb6O.\x070\x98\x12\xa0]E\x04H\xa0\xb5\xa4\xb0\xad\x9d\x93\t\xd4\xaa~i\x85\x82O\xe2\xc17\x82\xa0XIdH\x82F\x86R$\x84\x1f\x86\xe3Y\x10\x87\x92P\xe08\x12\xff&lt;\x18\xb6\xb5q\'aZ\xa9\x9a_R8A\xc3\xe7\x11\x14\x01\xdd\x00\xa7\x1f\x8e\x11\xf0\xa14\x89^\x06\xb5`x\x92\x8d\xecK\xa0\x1a\xcd\x928\t\xefGo\xc00vnP\x95 \x1f\x937N\xe3\x04\xdc\x14H\x92t\xb2&lt;E\xb04\xdc\x1b\x80\x8c\x16\x08\xf0\x91\x83\xc3\xd0\xed\x13X^\x8c2HN\x96\x87\x07M\x022\xc2\xc2\xa8\xe5\xe4\x84\x14\xabZ\xf5~\x1e\xc3\xc122\x18\x0c\x85B&lt;\xe5\xf4\xf9\x82N\xb4t\x1c\x07&gt;Q.\xc1\xe7\x8f\xf9\xdd\xee\xfbS\xae`\x10\xb8H\'A\xc2u\x82$\xb0\xf8\xac\x8d&amp;B.\xb5*y\xf9\xcf\x18\x85\x02N\xc2\x16z|&gt;\xaf\xdf\xeb\xe3\x834\x81\x93,&lt;B\x9e@\xecj\xa1u:v\xd7\x0b\xd0\xc1UW\xd0\t\xca\x02\x1d~\x84Eo$%&amp;Y\xf3X\x17\r\xdb\x85\x11!$\x8b7\x16\x8byB@\x84\x13A&gt;\x14\x0eO?\xa9(07Y\xadV\xdbt8\x1c^\x9c^\x0f\xad:\x91f\xff\xe3ZIH\xba\xeaw\xa8\xf8Z\xe1\xa4\x07\x88\xbc\xb1\x19\x9b\xdf\xedr\x92\x84s50mmm\x9d\xad1gf\xe8k*\xf2*fg+j\xf2Z\x9f\xd8\xc2\x9e\xd5\xa0\xd3\x19$\x8e\xb8\xb6\x9e+\x7f\x9bP\xab\xbe\x9a\x93\xcb\x80\x04\x0e\xff\xcc\xd5\x99\x98\xcd\xe6\xf7\x84\x82\xc1\xd5@x\xda\x9aW\xd7TW\xa7\xd7gdk*\x1b\x1aR\xcb\xcb\x1b*\x1bJ\xeb\xf2\xaa\xac\xb6u\x0f\xd2\xecs\xe8\xc7\x12\xe1\xe1\n\r9\x92\xb1\xbc6[,f\xf3{\x03\xab\xa1\xf0b\xebl^\x9d\xd9\xac\xcfL\xcd\xce\xd6h\x1d\x8e!\x87\x1dMeC\xb9\xbe\xa0\xa6\xa2\xb5uq=\x10\n\xc6\xb9\xe6\x95\x0f\xbdZ\xf5l\x8b\x00$\x1a\xfe\xf7`\xc0\x13\nx\x02\x01\x14\xa1YY&amp;`\xd2\xa4k\xb5Z\x87\t~\xe4\xd144\\\xd4\x9b\xeb.\xd4TX\x17m\xeb\xa1 \xdaGnYy\xb1\xce\xcc\x11\xa8\xa4\xa0\x1d\x89Uy\x02\xe1E+@\x99\xf5\x19\xa9g\xb35v\xad\xd1\xa8\xd5\x9arL\xed\xc0d\x87\xdf\xca\xb3\x19\x99z\xb3\xb9\xae\xa9\xa9\xa2\xd5:\x1dp\x82`]/\x93\x15\xc7\x1a]\xc3\xe4c\x04\x16\x11\x02\x15B)\x9fm*\xd0\x97\x96\x9f\xcd\xbe\xac\xd1\xd8\x1d\x00\x05T0&amp;\xad\xc9drh\xd3/g\xa7\x02W\x1dLE\x855\x1c\x82\xda\xc5\x0e\xcf(\xec\xa2Z\xb5\xb4\x85\xc9\xe7\x08N8\x03\x9e\xf0bZI^\xcd\x85\xa2"\x19*=]k\x94\xb1rd,SNVVN\x8eQ\x9b\x9e-\xeb%\x0b\xb6\xe8A6\xce\xdfQ\x1ck\x02\xae\x0e\x04\xba,\xac\xae\xdbf\nK\xaaJ,\x03mE\x17\xb35\x1a\x8d\x16R\x85\x1c\x8c\xab\x05R\x99:\xab;\xabA5M\xdcG\xf3\x85\xa6\xa6V\xbf\x0b\xfak\xadYq\xacg\x08\x8b\xc0\x88\xd5\xf0La\x15P\x95X\xda\xda\x8a\x1a4\xe9v9\xebq,\xe3g\xb9\xaa\xab\xabA\xaft\xc0\xca\xd4\x03\x18\xc8e\xf3\x05Ih\xae\x04\x99\x08Z-\xa6\xe5\xe6\x96\x94\x95\x95\xf5\xb7\x15u\x8f\xb4\xd8\xb5v\xc4c2\x1a\x8dH+\xb0\x0f\x0c\xcc\xd2\xe9tY9FPK\xe6\xd2\x9b\x9b\xf2\xac^W\x10\xff\xeb\x86Z\xf1\xc8K\x08\xcb\xb9n{\x92\x96[e\x81\xb9P\xd4\xdd\xd7\xd8\xd2\xd2\xe2\x90\x91\x8cF@\xaa\xceBX\xf07\x8e\x95\x9e\x9d\x9a\x81\xc02\xffVP\xd3\x1a\xf3\xc15m.IY\xb9d\xb5\xe0\x9a\x15\x8a-\xce\xa4U\x95\xf5[,\xfdm\xdd\xe5}\xa0\x96\xdd\x01\xad`2jQ\xd0\xc1\xbb\xac#*\x84\xa5\xbd\x9c\x9a\x9a\nX\xa9\x17\x0bj\xaal\x1e\xdeI\xac4+\x8d\xf5|K^B\xdb\x13kaI\xbf\xa5\x1fYX\xde\xd77bo\x81(\xe5\x98\x8c&amp;Y%\xc4U]\xad\xcb\xcf\xd7\xe9\xaae\xb9\xce\x9e\x05\xae\x8cL\xe8\xfb\x19p\x91\x80p\xd5+\x8eEQ\xbc\xd7fM\xcb-\x03\x07\xdb\x8a\xa0\x1d\xfaFF\xc0C\xb9\xad\xb2\xb2\xb2\x8e\xd4\x02(4:\xf0S\xab\xd1\xc8`\x19\xfa\xba\x9a\xab\xb1\x10O\x9e{\xa6\xb4Z;\x7f\xc1I\xa7\xcb\x0fX\xdf\x94Y\xfaQ9\xc8X\x0eS\x9c\x081\x81D0\xba\xda\xf30\xb5 Xg\xbbI\x9b^\x99\r}\xaf7_H\x83p\x05\xa9e\xa5O\xc5\xb9\x14\xc0\xf2\xf9\xe3j\r \xb1\x8az [\x8e\xf6\xf6\xceN\x99H\x17\x9f|\xa0\xbaT|\xe9RGGGmoo;\x1c\xdc\x9a\xca\xd4Ls]a\x0c\xbeW*\x9e\xf9S\x87\xf0]0\xe8\xfe\xee\xe9\xd5\xc2\xdc2$VQwO__\xe3\x10P\xf5\xead\xdf@\x1f\xf4\x0cP\x97\xae\\\xb9\xf2\x0bL\xc7\xeb\x8e\xdev\xb8QTV\xa6\x96\xd6A\xe6C!\xf2P\xd9\x9eW\x9f\\\xc1)\x92\xff\x8c\xd5&amp;kuD\x95_\x8b\x069w&gt;\x1fA\x15#\xaa\xd7\xaf\xc7\x1f\xfd\xfe\x1afs\xa8\xc5^\x99Qj\xce\x9b\xf1\xfb|N\xe9\xbd\x92\x99\x97Oj\xa7\xacV\xda\x11\x16\x94V\xe3\xb7\x9b\x9b\x9b\xbd\xb7j\xef\xd5v\x00L18\x87\x9e\x11\xd4\xf8\xa3\x87\x0f\xff\x80y\xfc\xe8\xf7\xf1\xcd!{Cy\xa9\xb9&amp;\xcd\xef\xf6\xf1\xca\xae\xa2\\[N\'\xa8\xf5\x04a\r\xc0\xb9\xd3\xd3\xf8\xea\xd5\x83\x9b7o\x8e\x8f\xdf\xbau\xaf\xe3\x92\x8c\x83\x1eW^\\\x19\x1f~\xbc=y\xfd\xd3\xa7\xa9\xb7S\x9f\xb6\'\x87\x87\x1c}\xe5\xa5\x055\xb91\x8f;\xc4M(\x8b\xf5\x1e\xb0\x82\xbc\'\x8e\xd5?P\xd4\rT\x8f\x1eNNN&gt;\x1c\x9e\xbc\xfd\xa0\xf6\xbc,\x14\xc2z\xf1\xe3/\x0b\xef\xb6\xafo_?\x98z\xeb\x13\x98\xb7\xf7\x7fX\x18jDXU6\xaf\xd7\xcd\xef(\x99-T[x\x90w\x01Vaa\x15lb\xf7\xf0\xab\xe1\xc7\x7f\x1c\x1c\x80\x1a\xd7\xde\xbck\xec\x95\xb9\xd0o\xf1\x8b\x17\xc5\xdf\x0e\xfc\xfa\xee\xda5\x00\xbb\x7f\x1f\x04\x03\xae\xc6\x9e\x02\xb8\xa6\xc2-\xdb\xc3o(\x8e\xc5\xbb\x00k\x06N\xc4\x92\xb2\x81\x85G\x0f\xb7\xa7\x18\x8ec\xa6\x0e\xaeo\xff\xda\xd3\x8e6\x10r\x0f\xadP\\\xdc\xd1\xde\xd7}\xbb\xbb\xbbgaaxx\xf8\xf1\xe4\xbbw\x0b\x8d\xdd\x08k&amp;\xe6\xf5\xb8\x14\xc7"\\!\x9f\x07\xd5\x16\x1c\x89\xb7\x1fO~bX\xa8W\xf7\xdb\xef\x9e\xfe0\xd0\xd3\xd2\xa9\xcb\xefE\xa5\xd5\x01\xdb\xd8\xd92\xd2\xd7\xd3\xd0\xd7\xd2\xde[\xdb\x01-\xb1\xf9`\xb3\xb1\xbf\xcc\x02\x97z\xc0\n)\x8c\xb5\xb4E\xf0q\xac\xc2*\xcb\xf7\xdf_;\x10\x9c\xfc\xdb\xfbO\xef\xbe\xb9q\xa3l\xa0\xe8\x9f-9\x9d\xe8\x88\x86\xae\xe8mo\x19)/--\x1fq\xb4\xeb\xce#\xac\x8e{\xb7\xfe\xde\xfdMn^Ek\x0c\xbe\x86+\x9c\xadQ\x89\xfc\x8c\x95{\xe3\xcd\xf5\x03\xb7o\xea\xee5\xd8\xc8\xb6\x82~K\x9e\xa5\xe0_p\n\x99\xb2:{\x81\xca\xfe\x8f\x8b?5\xfd\xf4_V\xcd\xfd\'\xb1\xc4\x8a\xe3n\xfa\xcblh\xe2O\xfe0\x99D\x1d\x8b \x98\x90 H\x8a(\xe8\x8c\xa1\xa2Bu+2B\xa4\n\x99Y`#\x12mq\x08\n\xc1LTLA\xe7\xfa\x00y\x88\xeb\xb2X\xb8i\xf56\xb3\xa33\xb6\x05ect\x1d\x99HLf\xd8\xe0c\xed\xee\x12\xdbNb\xedX\xdb\x18\x9b\x9e{\xdd\xfe\x05r"\t\xfc\xe4\'\xe7\xfd=\xf7\x96\xde)\xa0\xa8ixT\'\xf0f\xafk\x120\xe8\xca\xc9\xc9\'\xef\xb2\x8b\xf5\xab?}\xfc\xf8\xe9\x13b\xf6\xe4G \x93\xa7\xbe\x1e\x10\xab\xfa\x1e\xc9:\xf2X\x8c HEyc\x07LG!\x8d\\P\\\x1a\xbf\x97`\xc4\xab*\xd1Fq\x1f4[f\x97\xba_\xddn\xeb\xbe\x87c}\x9a\xe5\xbe5\xf4\xfc\xb3\xc7\x83O&amp;\xc3-\xf9\x1a\xe5\x14T\xd7\x9e\xcagiW\xb7\xb7?*.\xadk[Zj\xe1\xc9ml2M\xc4${\xf2\xea\x13m\x07K\xae)\xb0\x91\xdf}\x02y\x07CS\xdd\xd5^\xc3\xa0\x7f5&lt;\xf9\xc7?dw\xb3\xf9\xf1\x9f\x1f~\x0eXK--\xca\xa9\xe9\xedY1Pm\xb6\xb7Sd\x8d\xcd\x8c`\x8bk\xd9\x95\xcf@eB\x11_\xa4\xf6\xdc\x95\x04\x0f\x96\xe7^&gt;~\xf0\xb3\xdb\xbf\xfc\xf5\xe0x\xa4\x96\x0bi\xd6\xa5n\x84\x0e1&lt;\xf9\xe5wY^\xb8\xfe\x021\x1c\x9cT\xce\x84\x95a\xc1\xc0\xa2X\xa5\xea\xeb\x93\xe9\xe5\x82\xed\xedp\xc4\xb5&gt;\xb7\x1c\x0e\xb2ld&amp;\x9f\n\xde\x92$\xda\x96\xe7\x9e~\xf4\xe0\xf6\x07?y\xf0\xf0\xb3\x97\xeba\xd6}\x08p^\tl\x82\x93\xdf\xc2z\xda\x90M\xb0o&gt;\x02\xaca\xe5\xcc\x8cF0\xa0\x831\xad\xd7\xcd\xf6N\xbf\x1e\x1c\x1f\x1f\x8fD\xe6&gt;__j\x93 d\xb7\x91O\xb9S$\x91\xd4-\xb9\xa6\xa7_\xcf=\x1d\x9f\x1e\x99~2\xe7\xaam.\xcf\xcb\xcdc\xe1X\xdfo\r\xfd\xf5\xf8\xf8h\xab!k\x8d\xeb\xd3k,\x8d\x02\xa8t:-O9\xf8\xf0\xc1\xcf?x\xfe\xfb\xe7\xff}M\\H$\x1e\xa1\xdbh\x14V\x97\xd6\xd7g\x18\xab\x07&lt;\xd8\xab\xf5*\x95\xb8\xfc^\x90QUz\xa7\x10r0\x7f\xf8\xab\xd9\xb5\xaev(\x0b\xd1yC\xb6J\xf1\xcb\x1f\xb0fub\xbd^\x9b?\x87\xdf\xd4~z\xfb\xf5\xf8\xbf\xc7\xa6\xe6\xd6]Kmq\x87\xdbn4\xb8\x0b`\xe5\x8bK\xda\x0e\x12\xa8Mf\xd9\xdcl\x97\xe1\xaa\xbb\x90\xcd.\xbc[\xcf\x99\\\xaa\xaf\xa6\xd8\r\xd1\x8dt\xe7Vvnn9C\xbf\x1d$\xb08\xddZ\x9d\xb6\xa7e\xee\xe3\x97s\xeb\xcbS\xca0/#\xafu\xb9\x96\x0e\x82\xcd\x14\xaa\xd1`\xe0\x83\xbb\xaa\xe2\x89\xd5\x83\xd5`\x1cE&lt;\xb2\x02G\xd9\xf5VM\xa9\xae\xaaU\xb6TK\xedvi4}\xe69\xcaV\x18\xbf\x19\xc6\xb1Z8\xdd=M\xb5\xe1\xf5u%\x07tFe9bC\xe3\x07.\xd7A\x1b\xa3\x06R\xcb`0\x8a(y\xb8^M\x04\x13\x92\xe6&lt;\x0f\x08[\n\xbeN\xab\x85\xe4\x82"\xc6\x0c\x87-\x15bR\xe9\xe9Y\xba"\x0b\'\xb8\x86\xa1\xad\xa1\x9c_|\x8bci8M\xdd&lt;NK&gt;\xaf\x9b\xc5\xad\xa9\xa9)o\x8e\'\xa0m\x81oX\xc85\x16\x95\xc9\xaeN\xa5@\xeb\xc4\xab\x8a\xaa\t_\ta$\xd1\xd4d\xf6\xfd\x92\xfc\xda\x02\xa1\x14\xfc\xe5L\x9fa\xe77\xa6\xbau\xfc\xaf\xd8\xfc\xdf\xde}?\xfct8\xac\x01\xa0\x1en\r\x97\xc5\x927\xb3\xea%\x89D\xe2^"\x11\\\r\xd6U\xda0\xbb\xc1l6\xf2\xa9\x90\xd2\xd5w&lt;\x0e\x87\x07A\xaa=e\x14B\n\x01\x16\xa5\x90\xc5\xa9e\xb7\x1a \x01\xa5\x87g\xa7\xc77\x9cB\xa4\x86#\xae$\x15o\xe3\xe4+\x07\x87\xa1\xcb3@\\\xe8\xfc\xf0\x1f\x91\xbc\xca\xb8D"\xa9*E\xe3\xc1`I\xb9\rs\x03\x96\xc1\xc8\x171A\xba\x92\x99L\xb7\x94\x1ce\x83\xaf`\xbf\'\xb0\n\xca\xe9\xb5\x14\xbe\xddn0\xd8\xb3\x80\x953\xb4yr\x92A\xd0\xe6\x12\xfa\xe4dx\x86S\x02\xf2B/\xc3\x9dQT\x1f\x8f\x97\xa6\x10\x04i\xae+i.\xbf\xf6\x16`Qq\x1dD\xe5\x1b\xf9\xf8W\x1a\x93\xd0g"\x1a\x99]P\xce\xa3\x17E\xa5\xc6\x15\xb3\xf1\xf4\xea\xf4\xe8fX\xa4\x9c-\xed\xe5I&lt;\x13o\xae\xa9\x9b\x9a\x9a\xd1\xf0X\xb0\xc7\xc3\x90v E\xa5\xa5\xa9\x14\xe2\x81p!r.\xea\xf7\\c\xf1q\x16\x90\x8dx\xb7\x80\xc2\xa4\x12\xba\x83/\x12\x91\xcb\n+y\xf4\xd2(f7\x9b\xffsq\xe3\xdc"\xe5\x9cg.\xaf\xd2)\xe0*\x89\xc0r*(\x91k\xf5\xaa&gt;\x19d\x0e\xe29\x8d\x82al4#Gm\x0e\xa9\x91\xc0\x82E\x90I\x13F\x1d\x98\x9d\xf8m\xc0w|&gt;U\xa4.\xcb-b(\x90hT\nuq\x9a\xee\x1c\xca\x06V\xca\xeb\x15\xfb\x9bG\xa6g8\xbcn\xb9V\xa7R\xc9 \x8c@\xe4t:\xa5\x98?#\xe7\xfa\xc5^\xf7\xff\xb1\xa8T\xb73\x8a\xa40\xb7\xdd\xb0\x02\\\xb8$\xa2\x8a\xba\xca\x8a\xef6\x11Xf\xc8\xad\xd3\x9d\x86\x9bbA\x10\xaf\xd2\x96~\x8b\x9852\xad\xc9\xaf\x05\xacE\x95\xcaKVC\xad\x13\xe6A\xfd6\x9bM\xe6\xe5\x9b\r+Gf#\x98\xc1(\x8dzR)Lj7\xaf\x98\xc1\x08,v\xee]\x06\x07\xc1\x00\xcb\xe8&lt;\x9d\xb8i\x97\'\x91\x86b\x97\x07\x1b\x0e\x07\xba\xeaRF4\xf9\x02\x02\xcb\xd2/\xa2\xba\xedn\x9c\xca\x1fG\xd9j\xb5\xd7\xebm\xdd1\xec\x00Vk+\xb4\t\xa9\xc3\xe3I!\x98\xd4h\xde\x01\xb0V\xa8N\x1a\x05\xc7\xb2\x01\x96\xc1~q\xb1s\xf3S\xf8\xad\xd1\x93\x93\x8dd\xea\xearn=2\xc2\x11\x10A\xec\x07\x85\xc3\xc7\xb1\xdc\xfe`"\xc5\xee\xea\xb2\xf4y;\xcdF\xf3J\x05\x84p\xd3\xeb\x85B\xb0xR\x1e\xe0Z\xd9!\x9c\xc5\xa4\xb1;\x1a\x9b\xe8\x9e\xd3C\xa7Q\x8a\xf1o&gt;\x12I\r\xc7\xab\x80\x95^\xbd\\_\x8e\x8c\x80\xb7@\xe7\xf7\xf5W\xb4V\xe0TNG\xf0\x00\x86\x9f|\xb7G\xab\xf3\xba\xedv\xb7\xc5\xab\xda\xdbOd\x92\x96\xfe~\x8b\x07q`\xee\xd6\x95\x15h\x14\xd0\xcb\x1e\xe5\x02V\xea\xf0Tjw\xba\xb31\x11I\xe7\xf2\xd58`\xb9.]\x91\x19\x1cKG`\xf1\t*\x7fSp\xb5\xad\xcd\xb5&gt;\xb5\xbd\xbf\xabw8\x92~\xb1/\x94\xf4\'M\xa3\xa3\xa6~\x8b\xcd\x13uR\xcdf\xa28\xd5\x8f\xee\xd7\x08\x14\x05d\x18\xd5\xd2\x9d[\xd9\xd8i&gt;\\K\\\x01\xd6\xc9\xc9Rx\xa4W\x00\x1b\x04\x1e\xc4N7T\xa1\xc3&amp;\x13\xa3\xbb\xbb\xbb\xdb\xe1\xb7co9\xbc\xddL\x06M\x8e\xae\x99B!_\xc8\xe4\xf3\x99|b\x8fC\xc8\xafp\xbb\xf1[jGq\x8d`\x96\x06\xbd\xdf\xd9\x9a\x9d\xad&amp;\xe7(\x93@p\xacU\r\x81\xa5\xd5\x8a-\x13\x13B\'\xe6\x00\xdf\xf8TV\xeb\xde\xc2\xd8\x82uQ\xe7\xd7\xdbd2\xd9\xe8\xda\xa8)d"\xcc\xe7\x13\xeb\x1d4\xbe\xdb-\x84q\xd4\xd1X\xa9\x98Uw9\x9d\x13\xe7Y\xd1d\xd0"F\xe3)\x02\x8b\xf0\x16\x97\xab\xf5{\xd5j\x0csd\xb4\xaaP,\x14\x8aY\x03\x0bV\x93\xc9\xd2E\xeb\xa7AI\xe2g\x1c\x08\xe2(\xe1\xb4E\xbf\x1aB(\xa4\xb0\xd9\xb9\x8d\\\xba@e\xc1&amp;\x8e\xb2\xf6@\xea\xc8\x8f\xa6\x12\'\x97\'\xcaH\xaf\x02\xb0\xb8\xa8\x8cLa\'\x19o\xf7b1\xab\xd5\x1a\x0b\x04\xac\xe0\x1f\x8b\xda)uc\x17^\x1f0\x85\xf0O\x0c\xb0\x02\x03b\xa6\x08\x7f\xd2Rp\x8d\xa5\xf2\x1dg\xebM\rR\xc3\xd0\x1a\x9aD\xe2A\xe8\\\x1aE\x93\\\xde#\xb7Q\xd86^x\x7f`!\xb0\x00L\x81@`~t\xd4\x82aN\xb7\x13\xeb\x9fx\xb5\xb6\x86\xdf\xbdB\xa1\xf9\xf9y\xeb\xe2^;\xf1\xe8\xa0\x10\xb0\x14\x02k\xec\xddVN\xf6\xec\xdc\x97\xf2\xfbQ\xb46\x02X==\xdd%\x88\xc3S\x17\xd9\x1e\x1b[\x80?\x1cl&gt;\xb4\xd6\xd9\xef\xc4MJ}\xf1\xe2\xd5+\xfcHi\x02,\xeb|`OL\xa1P\xcar\x0b\x08\xac\xc0?\xbf\xc8\xe2k-$\xd2\xb1\xd8\x8f\xcau\x8d\x9a\x19\xc0\xea\x16\xd4\xa5&lt;Hx\x04G\xc2\xb9\x02\x90D\xa6\xd1\tp\x96\x13\x83\x81S\xf1\x82\x00\x9b0\x99\x08\x7f-\x8aa3-\xcc-l\xd4q\x05\xb3\x8bc\xcf\xb2\xf9\xc0\x9a\xf4\xe1\x1b1\xca\xe5\xca\xe9\x1azS\xb7\x80\xceH9\xd0\xc8[pS \xb0\xb0`\x8d\xf9|^\x8b%yxxzq\x11\x85\x0f\x86\x9f-;\'&amp;6}\xa1\xf9\xd0\xbc\xb5\x8f&amp;,\xcb-&amp;\xb0\x14\xb3\x7f\xff\xcd\x8f\xb2\x89E\xba\xf5\xc6:\xd0\x93\x11hz\x05\x82\xda|\x86\x9f\xcd\r\xef/\x04 J\x01k\x0c$v2\x99Lo\xa4\xd3\xe9\xc3\xc3C\xc0\x83\xafx\x9b\xef\xea\x8b\xe1\xb6\xc9$\x97\xe5\xde\xc9\xd5\xeb\xb8\x8a\xb1w\xcf\x9ee\xf5\x1d \xe0:\xb6\xee\xef\xef\xf6\xf6*\x14\xf4\x16^\x1e\xd9\xb6\xfd\xc9\x02$;\x14\xe2\xe2^f\xe3l\xe3\x07;|\xff\xfe\xfd?6\xce\xae\xae\xaevQ\xbdX\xa7\xd5\x8b\xfb\xba\x98\xc2\xb2\xe2\xe2\x0e\x9b\x9e\xab\x98\xff\xee\xd9\x17\xd9}\xeb\x80Djx\xf3\xf5v\x8f\xa2W!\xa0\xb7p\xfeG\xcb\xd9\xc64\x95\xa5q\x9c\xb5\xd4i)\xa1!\xd04\xa4Iy\x89\xe5\xe5\x02\xddb\xe9\xe5\xa5H{i\xeb\x82\xb4;mJ\xac\xd0t\x85"\x08\xdc\x16\x86\x96\xa4\x98\xe1V\xa1S\xd2(JI\x97\xce\xb8Hu\x9d\x99%b\x1a2,f\xd5M6\xba\x89+\x84!\x04\x83\x83\x91\xd5u|a6\x80\x90YQ\x07wg\xdd\xe7\xb4\xce~\xde\x9d\xe1&gt;\xb9\xd0~\xe0\xc3/\xff\xe7\x7f\x9es\xce=\xcfA\xb6?\xa7\xe3\x1e\xb5HQ\x8b\x8b\xd4\xbd\x87\x0f\xbf\xff\xfe\x1f\x7f\xf96\x12\xc76P\x1c;?\xb60\x0b\xdb4\xb9\xbe\xccd\x87\xf90\x8d\xc7\xad7\xb5\xd7\x85WnMyv\xfa\x18=~\xf2\xbbq3\xa8\xa50\x0bk\xa4\x99Y.j\xb1\xb5\xb5d\xe1\xe1\x1f.\xf8\xbf{\xf1\xe2\xd5\xd2\xe4d\xd1\xea\xea3Ir\\\xa2$Qrbr\xe3\xfc\xf8?\x1fJeD!:\x95\xe2\xf2\xea\x9b\xeb\xb5\x8e\xf0\xca\x94\x87\xbd\xd3\x07\x9d\xbb\x07~\xbfB",\x05^#N+\xc8\xb2\x98z\xdbu\xa3\xb3\xd7\x8b\xff4\xd5Yt"/\xaf(?9QS$Y}6\xb0\xb4\x01U\x0b\x12\xfb\x9b\xcc\xbd\xa9{r\xf6\x144\x8a\xb4\xf5\xf5\xf5m\xa1\xd0\xe3\xf8\xf8\x1d?\x7f\xed\xbf\xfd\xd5\xb3\xd5\xaf\x9f\x9a\xcd\xe0yL\xbb\x1f\xe6\x14\x8b\xa9\xd95\xfa\xc7\x8f\xef\xbf\xd8\xd8\x88&gt;\x1b\'\xdf\xa0\xd8\xba\x0b\xf1\xd7\xbf\x9d\xde\xb3\x7f\xcf\xfe\x9c\xcc\xcc\xaaF\xad\n\xd4\xa2\xcc\xeb\xde\x9do\xfe\xe1\xc4O&gt;\x992&gt;\xf1\x83\xe7\xcd8^g\xc9*-/\xb0\xb8\\\xbd\x97\xc1\xe0\x11c\xdd\x8d\xc6\x9b\xb7\xdb\xcb\xcbo\xb6\xb6^\x7fQ\xf0\t\xda\x9a\x15f\x16X\x88\xde\xe6\xe6\xf6\x90\xf9"\x1d\x1d\x82\x9c\xa4\xa9\'\xff\xfa\xed\xdf\x9dH.\\\xde\x9eS^\xda0m\xb1XG/\xc3\x00\xbc\xfbfy{9B\xb5\xb5\xfc\xf6\xed6\x80-\x07\xd0\xf6\xb0\x00\xb6&lt;\xf6\x1c\x93\xb6\xb9\xb0\xb75D&gt;\x8f\xa1#8\x8c\xc9\xb5\xc9\xa50r\x17\x86u\x98\n\xca\xb3\xecn\xb7K\xa7\xbb3\xfa\xed\xd6\xf2v\x04kk\x0b\xf8\xde\x02\xd8\x07\x1f^\xbd\n\x8be\xf4\xfa\xa1\xa0QU_\xd8\xdcN)\xa8\x971\xf4pq\xaacf\xd6\x9da\xb3B\x8e\xa9K,UU\x05nX\x12\xc0:\xf9\xf4k\xc8\x1b$n\xeb5|\xd9\xde~;\x07\x11\xc1\xcail\xcc)@b5\xb7\x85\xc2\x17i\xec\xf2\xac^\xf3E\xb9\x14\xed\xf6*;hu\xce\r\x05=\x10\x08,\x9f9\xf3\tl\xa5KK?\xf8p\xee\xd1\xa3Gs\xd7\x0eB\x12\x1bM\xae\x1c{\xaf\xaa\xb9YG\x91\xe4\xe3\x18\xdazb91\x8f\xc36H\xa3\\nv\xb8\xecv\x8bUg\x85i\xfa&amp;\xcc\xce\xa5\xd1\xc3;tF6\xf7\x8e\n\xc4\xb24\xda-h\x18"\xb1f\xe8\xc4\x9aY\xf7!\xb5\xe4rE\xabe\x1a\xb0\x80\xab\xa7\x01-\x1a\xca\x1b\x02\xa5\xd1\xd3\xbb\xabss\x882+\'\xa7\xd1\xea\xb2\xd4k\xeb\xc1YH,:\x83\xf3\x1c\xa9\xa5\x90+\x14\x0e\x9d\xcb\x02Y\x04\xae\x93h!\x13@\xeb\x86\xd2\x86\x86\x86/\xaf\xcd]\xbbv\xb0\xbc\x1c\xdcn7\xe9,\xbdPK[C\xe1u\x1a\xc5B1\xb3n\x0b+\x14\n\xbdB_\xa2s!,\x9d\xd5\x1d\xf82\xd0\xd3s\xa6\xa7\x07vD\x80vu\xee\xea\xc1\x83\xe8\xc5M\x95\xddd\xb2\xb4\xab \x85\xa4\x93f,N\xcc\xf3\xa7\x88K\xaf\xd7\x87\xda\xac.\x13`\xdd\x19\xe9\x01*x\xbe\x18\xb1\x07\x1aJa\xc7\n9\x84\xb9\xb0*k\xba]\xd7\xdb\xde\xdeF\x91f\xf5\xc4K\x9a\xb1^\xae\xf8la\xd4\xa4\x11r\xb4\xebt&amp;\x97\xc9\x04X\x01X\xf7\xf5\xb8GF\xdc=\r\x07!\x83h\x7f\x0f\xb5\xd42\x81^\xe2Sd\xd8\xac\xa6\xe8\xc5\x8a\x89\xf1\x02\x16\x9a\x82B!\x92\x9a\x98\x80D\xba,P$\x02\x01\xb7{\xe4\xf4\x1d+p!c\xa1\n\x9f5\xad\xa3(\xaa\xadu\x90t\xb6\xb4\xac\xd0\x8d53x\xd6f\x0b\x83^!\x92\xa4Z\xdbP7\x84\x0b\xc9\xe4\x1e1\x8d\x8e\x8e\x82\xd1\xa2\xc5\xa1*\xcbn\x85\x01HM\x0c\x92\xb0\x1e\xb2\x91\xab4c\xf5\xaf\xd7\xb4\xd8l\xce0I\x86m$\xa8\x01E\xc0\x02y\xecq\xdf\xb9\xfc\xcd\xc2\xa2\xd5z\x12\xcaC\xa0q\x7f\x81\xfd\x06\xe5\xf4\x85\xa9AR\x11\n9\x9ctcq\xe2\xcf\xd7\x08m&gt;\x10\x8c\xb4m\xdaH\x87c\xc2:m1\xb9\x03\r=\x8b\xdf,&lt;X\\\xfc\xddM\xd8\xf8\xf4\x8cTU\xb9\xc6l\xc1M\x92$\x15u\x0e2\xe4{\xfa\x8cf\xb5\xaa/\n\xf1\x16\x1f\xf8+l\x0b\x06m$\x19\x9a\x98\x9e\xb6Z\x8f\x1d;\xb7\xb8\xb0\xf0`\x81\x82\r\xf6\xcd\x93\xe7\x8e\x9f&lt;6f\xf3\xfb\x81=$%J\x9c6\xda\xb18\x9cWB\x1coAz\xd9\x82\xfe\xe0\xa6-&lt;x\xfc\xdc\xf1\xc5\x1b\xc7\xa9\x05\xc0\xba\xb70\xf6\xe0\x01\xec&lt;\x16\x8f\x0fn\xf6\xcd\xfb\xc2dG\x9d\x8cG(\xe0\xaf\xe9\xad\xf2\x10k\xc2Z\x0c\x03\xbd67\x83\xfe\xf9\xbe\xf9\xa0\xed&gt;I9\x16\x16fg\xef\xcdB\xdc\x87\xe7\xc1\xd8\xe0}\x7fw\xf78\xa4\xb8\xaeNF\xc8\x1c\xb0\x93[\xa2\xf9\xb2\x0f\xe79.\xc40\xccf\xf3\xa1\xc3\xf4\xee\xa3\xa8I\xc3g\x9b\x1d\x0f\x06\x87\x87\xfd\x10\xc1`\xd0w\xff\xdf}MM~g\xb4\xfd\x8c\x97\xae\xc70\xe7\xda{4\xab\x05X8\xa6\xc6\x9c\x88kx\xbe)!\xe1\xfd\xee\xbey\xff\xfc\xfc\xfcP\xf7\xd0Pw\xf7P_\x9f\x7f\xfepq\xb7\x7f6T\xd2ZBh\x95\\\xa5![\x8c\xad\xf5\xd3l\xae%LX\x8b\xab\xcd\x98\xd3\x89\xb8&gt;*N\xf8\xd9\x91\x94\xf7\x0f\x1d&gt;\xdcT\x9c\x82\xba\xb1\x8b\x8b\x0f\x1d\xfaEJ\xd3\xb0\xd3Q\xd2J\x10\x84\x88\xabT\xa6g\xec\x13\xbf\xa2\x19+f\xc9)\xac\x15br\xb3\xd9\xd9\xe2\x1b\x1f\x1f\xfe\xfc\xdd\xbd\x86\x84\x84#\xe8\xe3\xc8\x91\x84\x9f\'\x00\x95&gt;\xd2\xa9\xa7\xe5r\xd3"]\xc4\xbf\xbc1\x13SM\xeb\xac\x18\xc1\xc2\xd5r\xc0j\xb9ti|\xb8\xaf\xe9\xe8\x0f\xf7S\xdeE\xf1P\xb0\xa3\xa4N\x06\xbeRq\x95Q\xac\x03\x13\xabI\xfd\xb4\xde\x86}l\x16\xd6\xd6\xd6br5\xd6\x02\\5\x00\xf6\xe7\xbe\xa3))\t?\x88\x96\xd2=\\\xa3\'d%2B+\x12\xa9\x94\\\xd4|\x9a{\x80\xbab\xf4v1\xe2i\x13\x8b\xbdd\x16\xe2\x08K\x8e\t[\x84--55g\xcf^\xfa\xf5\x85\x0b\xd7\xaf\x7fz\xf4\xf3\xeeO\x87&gt;\x1a\xae\x91\x12\x84\x96@w2T"\x81H\x19\xc1\xca\xedxQ\x94\xc80\x1a\xe9\xba\xe5\xd6\xdfu\x85DX\x90EL(\x14\x02\x95P\x88\x0bk.\xfd\xeac\xd4\xc2+\xbcT+\xde\x97K\xa8\xb4Z-Pq\xeb\xb9\xa8w\x9d\x97\x0e\\\xd9\xe1\xaf\x8aXI]\x9e\xae$\x1a*\x05\x87\xd5\x957\tX\x88\x0b\xc3p\xc4\x05?\x18\x0e`\xc2\x8a}&lt;\xd4\\\xcd\xd3\xf2DZB&amp;\x93\x01V\x1aW\x04#Q\xc0\xe3e\xec3`O\x8bX,6\xa3\xcb\xd8\xe5\xdd\xf1k\xea\xec.M\xfe$\x19A\x82@P8\xee\xc4\x9d\x80\x86\xcb\xb33\x04*.dM%\x12\xc9\xcad\x06\x84\x05\xbe\x12@\xddR\n\xd2se\x8a\x95\xbc\xf7\xd8\x00\xb6\xcb\xeb\x01\xb2\x1d|u\xc3\x89\xdfm\xcc\xe3k\x90Z\xd8gx-P\x01\x19\x1e\xe5\xabU\xeb\xa5\xb9\xe9\xaa4\xa5@ \x12\x11\x06\x10\x0b]\x1d\x11e\xf0\x94 \x19\xe8\x95A\xe8\x075,6\n&amp;\x93\xdf\xe91\xee\xde\x99\xc9\xa8\xba\xbf\xcb\xe3\xf1h\x125\x12\xe4-\x98}0!\xd8\n\xa5Q\xe8\xc4\xf0Z\xb5\\\\\xb9/\x1d\x9c\xa4\x14\x10\x84\xc1\x00\x86\x17\x00 \x8f\x07PiiJ\xa5(\x9d\xe8X\xe7\xb3\xd8\x08,\x96\xc9d0\xbc\xc6\xa4\x1d`J2v\x9e\x1a8!\xd1\xf0\xf9y\x92\x810`\xd5FD\x82IH\r\xbf\xd5ju\x85X,\xae4\xa0,B\x02!\x08\x81\x08\xb0P\'\x0b\x14T\xd0\x8b\xa7u\x9cg\xb0Q\x12\xa3Xl\x8d\xf1\'\xff\xb3\x81x\xaf\xe4\xd4\xc0\xedS\xf9|~&gt;`M\x85a\xaa\xfe\x0cS\xcb+**\xc4\x95\x95\x15\x18\x8e\xc9\xf5\xd9\xd9\x95\x10\x06YF\x06\xb8&gt;\xbd\xac\x8c\'\x10\xa4\x0b\xd2RS\xd3R\xd3\x10\x9aR\xa0u\xbcH\x02*\x16;66\x96\x99\xcc\x88\x8b3z\xbc\xfd?\xa9\x8cU\'\xe7k:\x07\xa6\xf2\x10\x95FR\xf4\xb5\x13r\x88\x04\xaa\x94J\xb3\xa5\xd9\x95r\x0c\x93\x8b\xb3#q\x00\x94\x82a\x97\x9b\x91\x0e\x83R\x90\xba7\x15=\x11\xc5DZ\xeaU,+\x82\xc5d&amp;\xf1\xf9q\xcc]^\xa3\xa7\x8b\xc1\xfe\xd1\x83\xb2\xda+\xd1hN\xdc\x1e\xe0\xe7\xe7\xf3\xf3\x01\xebV\x14\xabB\x9c]F\x94\x19\xa4\x95\xe2\n9r\x16PU\x1e(3\x00\x12(\x06%\x94\x87&lt;\xb57\xb30\x8a\xa5\xd5Rk\xac\xa8Z\xcc\xd88M"3\x96\x15\x97\x9cl\xf4\x18\xbd?\xb2\x8e\xc5wuv\x16iN\xdd&gt;\x15\x11K\x93\'\xb9\xe5\x04(9PI\r MY\xa5\x18e\x13\xa8\xa4R\xa9\xa1,\x17\xb0@*T\x17\xd2\x94\xdcTtQ\x03\xa0\xb8*-1\xf1\x9c\x15\xf1\x16$\x91\xa1a0\xd9,F"\xe8\x96hDu,\xfe\xff\xae\t\x0ccgg\xa7\x04\xb0:A\xad\xfc|\x8dFr;\x0c\xab-$\x0f`A\xf1\x94eG\x10\xcb\xcad\x192t\'$\x1dl\x05\\\xc8\xee\xa9\x85\x99{\x01K\x89r(\x9bx\xf6_\xac\xc4\xfc\xa4XVl2\x03\xb0v1wk&lt;F\xa3\x97\xfd\xbf\xfb\xbf:&gt;\xc9\xe8)B!\xd1\x9c\x18(\xe2\xa3,\xf2\x13\xf9W\xc2H-\xb1&gt;\x82\xf5\x1fF\xce \xb4\x8d\xec\x8c\xe3\xe6\xcd\xbc\x19\xcd\xabD43\xcf\x9aa&lt;\xb3\x893\x18\x02\x9e\xb1\x07\x8c\xaaCd\xd6\x8a;`Rcb\xbc\x97\xdd\xea\xe0C(M{(j}\x12,\x15\x18\xef!\x12\xa4\x14\xb6\xb9eK\x08\xd4\xed\x82\x12"\xdb9\xd94\x81\xe0c\x0f\x02\x05z\xcbBzH6\xed!\x10rZ\xfa\xff\x9e\xe4\x10\xca\xb2\xedCHc[h~\xfe\x7f\xdf\xf7\xff\xbe\x91\xfdD\\k\x97I\xb9:\xa5\xd3\n5A\xe5\xeb+\xb4)\x89n\xe7/\xac\x12V\xfd\xae\xb4&amp;X\xdcFMZ\xae\xc1t.\x840l)wvv\xb7\xdc\xffG\xb2\x82\x0bk\x01S\x96$\n+\xebd\x9a\x8d(JC\xd4\xfe\x896}\x19~\x00\x94\x8b\x8d\xd9F\x15\xc3\xa7\n\xe8\xfa\xf4\xb9\xedI\xdd\xcdA)\xda\x01\x04\xae\x0b\xdb\x08\xe2z\xe3\xc6+K\xb7\xc8\xb7t\x8bI\x0e:\xe6\x92\xb3\n\xc3\x80r\x05&amp;\x01f\x14\xff\xa7#l\xed\x92N\x89\'\xa5\x9df\xb5\x9agg\x89\x90\xb6gk\x82k\xcf\x7fF\xefo!\x8a\x9b\xf5\x06\xc2U\xdd\\B\xba/U1\xf2\xd1\xde-\xe5T\xe7\xa9\x00i\x07\xd7\xf9\xed\x0b\xdb\xdb\xab\xab\xab\x8d\xfb/\xc8\xe1\xc9N\x0b\x00"\xd1\xacqa\xd2\x03\xeet\x81\xa6\xe4\xfe`]~\xb1\xb5\x9b\xca\xb14\xc2\xd04\x99\xd5l\xd7\xf6\x98\xa1\xb0\\\xfd\xe1\xaf.\x7f|\xf9\xf25\xf8\xc3&amp;lsf\xbd\xba\x89U\xaf6\xe6\x10-\xca\xa8\x9fS\x9e\xa3\x0c\x89\xee\x02\xc4\xc2\xd4\xb5\xdax\xbb\xa7R\x8b\x16\xe7\x85\xf1\xb1i\x9at`\x16t\x12RG\xca\xec\x15~\xe0-e\xe8\xe9\x1a\xd2\xd6\\\x8e\xa4\x14\\\xe4\x99\xd4\x85\xc6]\xe9\x11\xa9\x9e\x7f\xfb\x13\x8a\xa2*\xbd*MV\x04\xb5\xbe&gt;\r\x8f?\xb7\xad\xa0\xce\x03jE)G\x965\x83\xb9\xeb\xfeC%\x16\xb1X\n\x0b\x07\xea\xa6\xd8tK5%\x1d\x82\xa1,\xbfwc\xf8\x8f\xf6vw\x90\x96Bj.\x192\xe3\xbaL&lt;\x86,p\x19\xb0&lt;)\\\xe3\xf9/\x90\xf3\x1f_\xa3\xd0A\xa4j}\xf3\xd2%p\xcd\xadno\xabm\x9d\x17\xe6\xe6\xd0yVV\x80un\x95\x06\n\x88\xf5\xca\x80$\x140\xd3\x1c\xc7\xad\xa0\x14\x03\x93Y,R\x10-\x15V\x9e&amp;;\xdf7\xf8\xfc\xd4\xdd\xdd\xdd\xe3\\\xe7HEN9\xc9\xb8\x96$\x1a\xc9f@\xad4\xb55M?\xfc\xf7G\xf7\xe0\n\xe0B\xd67\x1a\xf5\xa5\x05r\x88\xc64\xe6&gt;\xe4\xfb\xca\x1c\xcd]3\xa4\xd79\xc5\xb4zn\xfd\xeeKS\x9f`Y\x1a\x03\x88\xa2\xb2\xcc"Q\x01\xb40\x1e.\xf0 \xec4\xdd\xda\xb1\xfe{\xf6\xdc\xcdl\xc1t\x9d\t\xc8\x04,\xc6E\x92y\xb0\x17\xce\x0c\x03M(Om\xc9\xd2w_\xde\xa3\xe6\x830"~\xb4\xd5b\x81\n\x00.6G\x9b\xb3fg\xd56]\xf0\xe1\xcb\x19\x02\xbb\xffL\xf9\x15u\x9fb6\x1atX\xd1\x9a`\x15\x89\x8a\x13\xdf$\xf5,fHok\xf7C(S\xab\xb5\x12\x83\xb9.\xd4\xc2R1di-\xd1\\\xb2?!\xec&lt;I\x92\xdc\xd3\xac\xde\xef\x1f\xc0\xd9\xe1\\*\x8a\x08"q\xad-\xa3\xf3\xcc\xcf/\xcf\xcf\xcfo\xa2\xfd\xac\x9cS\x8c@\x9bk\xbc\xd5L\xddRXf\xe1\xf4\xb8}\xf44/\x16\xc69\x0f\xb9\nhD\xa4\x99i\x8eC\xcb\x85f\xa7\x1f\xc6o\xa7V\xcb\r\xe8\xe2*"]a\xd9Yf\xbb\x8ce\xbd\xd3\xa7\xbd$\xc9\xb0\x12\xe9\xda\xfbO&gt;Y\x18w\x9cM\xfa?\xcf%\xc5E\xbd\xfa\xea\xd5e\xdaf\xad\xc4\xc2\xf0G={\xa6\xfa\xd5K\xd3\x9a\xc4\xb0\x98\x9f\xc4\xedv{\xbf\xe3\x16UbaY\x8cY\x93Cs\\\x9cH\xec\x0f\xe2\xb7\x95e)Q1\xc6\xcf\xc4\xe2"\xab\xe5\x9a\xc8NO\xda\xcd\xb8\xdf\xcb\x95\xe7\xa3\xa3=\xfc\xe3\x93O\xd5\\C9U\x87\\8Z[;\xc3\xa2\xb6H\x01\xa4`\xce\xceT??T&gt;\xa5\x93\x15\x98\x07\xed\x08\\\xcd\xfe\xa0eA!\x8aa\x81\x0b\xae\xcc_\x7fo\x1a\xba{\xf6?\x18\xdaV\x92\xd7\x12\x03\xc2\xb8.\x9bP\xe9\xdcE\x08m\xafw\xd2v\xc2R\xa94\xc8\xe0\xach\xdc\x9ep\x9f\xff\xfd\xd1\xbd\x05\xe2B\xd2Wi\x8e\xa0\xb5\xb1\xb6A\\\xf3\xf5\x8bc,4\xee\xd9\x99\xd9;\xaf\xb8\xaa\x7f:i19\x89\xa3R\xb3\xdd.5\x8fF=\xaf@Xf\xc1\x15:\xf9\x03\xe9a\xa9PZ\xba\xea\xc7_\xec\xed\xee\xa6^-\xd3\x10@Z\x13*\xdd\x95In\xd7\x06\xc7\xa5 tJ%g\xd8I\xb2Z\xab\xd3\xcal\xa6}\xfb\xa7\xdb\xf7\x16\x16\xf7|\xd5|\x00\x00\x07\x9eIDAT\xd0\xa4)\xe7\xeb\xf5\xa5K\x0b4\x9fnll\\]\xa6\xaeM\xa9&gt;M\xc1\x9c\xbd\xf3\xdcP\xd5O\x89eY\xa7\xed\xd8\t\xe2f\xbb\x19E\xcd\xfe\xc9\xa8\x97P^\x91P\xe6\xd8&amp;\x08\x9e\x84\xa5\x94\xa2&gt;\xe3\xd9\xb5\x9ad\xa4\x95+\x04\x1bs\xb9\x9a-\xed\xee&gt;^"\x0cJq\x1c\xb6Oi\xde\x02W"Y\xf6\x0e\\k\x0b\xaaI\x83\x83\xaa\x11\xe2\x11\xd6\xd5\xa5M\x1a#\xe6h\xef\xeb\xcc\xfc\x9dW{\xef\x13\xcb2k\xc3R\x1c\x85\x0e\xc9\x15\x95\xe2f\xf3\xa8g\xc3\x88\xe0\xd9\x82\xeb\x06M;\xa4\x9e\xc5\\1\xb5GP\x99m#\x89\xd07\x05-\xba\xa78\x1a\xd2\x95\x07\xc3\x92\x13\x85\x14\xc2(\x88\xf6s\x99f\xadN\xa7\x95K\xfe\xf0\xbb\'\xb7\x7fL\xc9E\xc5\xd8\xa8B\xae+\xb4\x14\xd9E\x1a\xb8V1\xe0l\xdey\xedR\x0eO:\xa0\x185\xf1:x5\xc8U\x8a\xe2\xb8=H\xa4\x94\x9a\x81\x9b&amp;S\xcf0\x0c]\xa5=\x17ST[\xa9M\x7f\xfe\xd6\x84&amp;i\xca\x06\x17\xf8H1\xa358v\x1c\'\xf4\x03`\x05\x95J\xbf+\xce\xb84~\xf8\xdd\xa3\xdb\x9fRcD\xd6\x93\xa7nl\x10\x98\xd2k\x1e\xb9\x85\xf9f\xf6\xd7\xb7\x9eQ\xaeX|\xd2\x97\x0f\x8eKP=\xa8@\xaef\\*\xb5G\tZ\xae\x86\xbe\x8b\x8aOS\xe9\x92\x12\xd2\xb0\x13fN%y\xea\xd9\x10+\xf3\xc0#mj\xc6\x10Q\xa0%\xf3\xe4t\x88\x04\x8dB\xdfw\xa2(\xf2\xcb~&lt;\x92BzY\xab\xdb\x05\x97{\xf8\x0f\xfa0\x88\xa5\xcdKu\x9a\xba\xe6\x97\xaf"\x8e\x1b*\xbb\x90Z0\xf9\xaf\xaf}\xf5b\xd2e\xc8H\xadB\xe7\x08\xbf]\xb3\x19\x05a\xd4l\xa2\xb2\x9f&amp;\x9a\xd44CH\xc6\xe1\xd4\x9e\xc6a\x8e^\x96\xf6\xf6\x07\xdd)\\d\xd9\xb6\xf4\x12\xd8\x11\xa6l\x1c2\x94\x053\xbc\xac7\x1a\xb6\x9d\x88T\xf2C\'\x0c*\xe5J\x18\x1e\xf7\\\xa1\xa5Y\x87\xb8\x0c\xf1\xe2\xdd\x97\x8f\x1e\\A\x14\xa7\xd5\x9e`\xfa\xe4\x00\x82ZF\xfd\xe1\x1b\x9f\xddz\xb5c\x16\ng\x83\x83U@\x15\x92X\xa8\x9d0\x88\xe3\xf8\xa8\xa71\x1aP\x844\x98\xcc\x13\\up\x9c7\xa9%\x83\xb8\xd9\x9f"*\xdb\xcb\x13\x9bYF\xdej\x01\xdak\x1d\x8cN\x86\xfd\xe38\x0c\x9d\xc8\t\xc2J%@\x00}PU\xc2\x93\xc4E\x1ck\x8aK\xe3/\xdf\xfc\xf56\xb8\xa8\xed\xd0\x8e\xe0\xe5e\xe5\x0ft\xe1s\xb1\xfe\xf9\x9b\x87\xbc8n}jn(\xc8A\x9b\xa8\x80\x85\x17-5O\x0e\xc1!\x04\xe6&amp;I]\xcd3\xa8\x91\x18H\xf1l\x1fO\x98\xf2PmD\xa5\x8b\xd6\xd3a\x7f8\x1a\x8c\xf6\xfbM\',\x97+H*,\xf0\x10P\x85\xee\xc3J&lt;\xb2\xd1\xb4r\xc5\x95Hn\xbf\xbe\xf5\x97\x07\xf7.\xd5\xd5\xd5\xa1\xfa\xe4\x00\xa2\xba8_\xbfq\xf7\xd9\x1e\xba\x1dM\xa4gS\xd6\xe9q\xdcTT\xa5(r\xda\xfb]\xb2G\xd7\xd0l:?\x12\x8bS\x8c4\xf8d\xb6\x8f\xe7L\xd9\x12?\xca=\xd9\x1d\xf4\xe3\x8a\xef8\x01\xe4)/\x96\xcb&gt;\x11A"\xbf\x0c \x1c`!\x98A\xfbT0a\'\xc4\xd5\x81\xc2&lt;\x7f}\xeb\xb7\x1f]\xd9\x9c\xa5k\xb0\xf1G\x07,/\xdf\xf8\xdd\xdbo\xf6,\xd3\xb2\xcefP\xd2\xac\xd7\'\xbb\x1ac\xc5\xfdAMSUOS&amp;a\xd9B\x8d\xf72Il{\xd0,\xc5S(=\xcdK\xb3\xa7}\xc7w|?\xa8,.\xfa\xbe_\xc6\xa2;\xd0\xd0\x1d\xb0\x00\xe6\x97\xc3\xa8\x14\x1c\xf7\xf8{.\x94\t\xb7\xe4\xe1\x9b?\xff\xe6\xb3\xaf\xd7\xff03\x8d\xd9\xab\xfa\xcb\xbf\xbd}\xfd\x92\xa9\xb9SWS\xe7\x18\xab{\x14\x8dm\x01\x81&lt;\xde\xefz\x94\xeb\xa8w\xb8$,\xc2C\x081\xae\x18\x98\x05l\x83\x9d\x12\x16~"\xd3\xd6\xa8\xe9\x04e\xa7\\\x0e\x9d\n\x94Z\\\xa4\x8f\x03,+\x9d\x16\xfd1\x9b_^\xf4\x03\xb8Ep\xd4e\xef\xb9j\xb9DC\xe3\xc9\xb3\x7f=~\xfc\xf8\xe6\xcd\x9b\x8f\x1f?\xfb\xe6\xa5Fvn\x8d=tB\xa5w\x87\x08\x1d\xe5;\xe0N\x0er\x18\x91F\x8e\xe5\xe2W40\x8cKF#\x8dL\x93\x14\xe3/:A&lt;\x85\xbc\x93\xd9\xa8\x19:\x8e\x1f\x10V\x80\xf3__\xa4UAF\xf9\x14O&lt;\x10U9D\x80Q\x04\xc3\x8e\x8e\xb9&gt;\x81}u:\xb5,\x05\x18\xd3\x99\xb6GKs\xd1\xd4\xc6D\\\x1f_\xe9\xa8\x16\xd7\x1b\x02(RT\x98\x1elI^e(wd0K\\\xfb[47P\x8aC\xc4\x83v\\\x9a\xc2|g\x9f\xa2\x15\x87\x81\xc2\xc2\x99\xfd\xeb\n\xcb\xc7Q\xa5\xa2\x0e\xe0\x11\xa4]\x88`\xe2\t\xe0\xe2\x13.\xf4\xed,\xa7\x97\x12\\\r\xbe\xea-\x06NS\x08\xa7\x01kb\x0e\xec\xe0H\xe5z\\r\x9c\xf6 \xc3U\x02\xcc\xd1\x80T\x02\x8f\xe8p\xc8w\x94\x04\xc69\xd8\x80&amp;E\xef\x18A\x04o\xb7_q\x02h3V+,_\xa7\xb5\x88\x9c\x07\xd8\xe2u\xe0\x90Z\x94\xfapT\xe4}\x14\x0f\xbb\x82O\xb8\xe8"\x123\xabG\'\xc0\xa0\xc6UWU\xb3\x00AR\xae\x9b\xe9\x7fj0c\\e\xa1(\x08\x1bP\xfe\xe7ML\xe4B\x08\xb9\x91\x8a\x16"\x9d+p\x17\x94l\xc0\xd6\xca^\x17bE\xa3\xb1{v\xc6\x05\xbc\xc4\r\xb8\x91\xf7\xcd\xf1\xfd\tA\x0b\x94a\xce9sfx\x8c\xaa]o\x13\xf8\xea\xb8Pj\xf5Y\x83\\\x9b\x00+\x92-h\xb70\x1f\xe7\xd1q\x04V6k\xce\x015`\xd2\x0c\x16\x00\xd7\x82\x05\x1aXZ\x02OhJ\xa6\x13\xc6\xe0\xab\xa8(\xc5\xed\x1a\x0b\x97\\\x8eE\\\x8c\x86v\x9bz8\xe2\x98\t\xd5\xf4\x03l~x\xb3\x97}U\xf7V\xc1\r\x81\xca`\xe1\x80\x1dN8r\xcaS\x06\x8byL\xd8\x8dS\x96A=I\xdcc\x1f\xca\xb5\xf4)P#\th\x10+*\'\x80\x86\xa1\\I\xb2J\xf0\x89\xab\xa2\xea\x17&gt;\xf8\xefK\xa7:vB\x05_\rA7\xfd\xc3\xe5\xe8\xe3\xc8\xda\x1dh\xff\xd8\xf5\xea(\x96\x17\x8f\xb3\x7fmR\xd2\x13\x0b\xceP9Y\x87\x981\xe4)\xa8\xa1\x16\x9f\xb6\xf5\x8e_L\x92\xe3\x18|\xa0d\xeb\xa5\x174pQHcM\xa25\x0c\x85\xe6\xafP1\xa1\xab\xf4u\xed\x8b\x15\xd2s\xbf6\x1ah\x16=\x07e\xd4`)\xba+\tD\xd6\xef\x1c\xd9\xe1\xfd-eWW!\x0c\x8f\x06\x14jx*\x8dO\x89\x0c\xd5\x96\xfd\x82:(\xb3k\x0e\xe2Y\x87U\x9cl\xee\x15\xf7-\xd7\x85`\xc1\x11\x8f\xa5\x85\x03:\xf4\x14T\x88UUA\'\xc5\x14\xeaE\xbf\x90\xa1\xa0*\xfb\xfb\x95\xec\xad\xd4\xd14\xad\x92ZN\xe8\xe5V\xcaM\xca\xa2\xd3\xaf\xd9\xe6r\x93\xb0k\x02\xbd\xaf\xc6\'\xb6\xd6\x11?\xe7\xa8\xfb\x9f\x89\xa2\xb1Z\xcc\n\x1d\x9f\xa4\n\xf1\x1a\x9e\xe6\x0c\xacK\r3U\x18\xa0\x02\'\xc4\x9cQ\xc4 \x00\xf4\xbb\xa4\xa2\xf4\xfc\xe7J\xc2\xa5\xc2\xf2\xe8\xbe,\xd8\xb6`\x07\xd8\xb3kSR\x1aqH\xb0b\x150\x8b\xe6\xca\x99\xf3\xb9\xdb&lt;~\xf6X=\x0e\xed\x9b\xc5xm]\xf6?$$9\xda`d\xd1P|E\'\xe2\x88(\xaa\x90\xbc}\xb3|Fn\x00\x945\xaa\x0e)\xe0\n6\x80\x1f\x81\x87#\xc8\x12@SW\xd9._\xc0\x9f\xa0\xab\xb6\xfd\xfdy\xec\xd8\xf5\xad^O0Dt\tlE\xe8D~0P\xa6\x0b:\xf7\xf7S\x8a[R\x06U\x00\xcdr\x0c\x8b\xb8\x13,\xf5=\xa5\x05\x9b\x9cj\x9e^`\x0b\xfbCo\x85\xe5\x80\xab\n\xda\xcd\xba#x\x0c\x17\x12*\x8155E\xbf\xe8ZP\xf1Y\t\xbc\xce8\xf2\xf3\xf3\xb4\x834\x1a#\xcf\x0c\x16\x16cwz\xdd\xd0\xea^\x80\xe8\xf5^\xfbF\xaf\t\x92D\x11\x94*\xda+\x0e\xe8\xd1\x18\xa2\</t>
        </is>
      </c>
      <c r="M451" s="3" t="n">
        <v>45492.67600694444</v>
      </c>
    </row>
    <row r="452">
      <c r="A452" t="n">
        <v>1106140</v>
      </c>
      <c r="B452" t="n">
        <v>1955</v>
      </c>
      <c r="C452" t="inlineStr">
        <is>
          <t>Biel</t>
        </is>
      </c>
      <c r="D452" t="inlineStr">
        <is>
          <t>Biel</t>
        </is>
      </c>
      <c r="E452" t="inlineStr">
        <is>
          <t>PE</t>
        </is>
      </c>
      <c r="F452" t="inlineStr">
        <is>
          <t>ATA</t>
        </is>
      </c>
      <c r="G452" t="inlineStr">
        <is>
          <t>PE/PD</t>
        </is>
      </c>
      <c r="H452" t="n">
        <v>169</v>
      </c>
      <c r="I452" t="n">
        <v>11</v>
      </c>
      <c r="J452" s="2" t="n">
        <v>36981</v>
      </c>
      <c r="K452" t="inlineStr">
        <is>
          <t>Right</t>
        </is>
      </c>
      <c r="L45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50478870-c617-41b9-98c8-680659b4ae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\x1f\xfd\x04\x00\x00\x00\tpHYs\x00\x00\x0e\xc4\x00\x00\x0e\xc4\x01\x95+\x0e\x1b\x00\x00\x03\x00PLTE\xff\xff\xff\xfe\xff\xfe\xf1\xf2\xf8\xec\xed\xf6\xf2\xf3\xf9\xf3\xf4\xfa\xf1\xf2\xf9\xff\xff\xff\xf9\xfa\xfd\xee\xf1\xf8:)\x1d\xf7\xf9\xfc\xfd\xfe\xfd\xea\xec\xf4\xf6\xf7\xfb\xf4\xf6\xfb\xec\xee\xf7\xef\xf1\xf8\xe8\xeb\xf5&gt;-!\xe6\xe8\xf1\xfa\xfb\xfaD4*\xf4\xf5\xfa\xee\xf0\xf7\xfb\xfd\xfc\xda\xb6\x98&gt;*\x1f\xe8\xea\xf2\xe1\xe3\xed\xe4\xe6\xef.\x1f\x15:-"\xde\xe1\xec\xdb\xde\xe9ZC7\xf7\xf9\xf7H7-/$\x17S&gt;2gM?( \x187\'\x1b\x16\x0e\n\xb6\x89n)\x1b\x12\xdb\xb8\x9bN8.\xcc\xa2\x89\xd8\xb4\x95\x1d\x16\x10\xc9\xa0\x86\xc7\x9b\x81\x9drY\xc3\x98~_H;B0%\x0c\x0b\x08\xd2\xad\x95"\x1b\x16\xa4w\\mOB\xd4\xac\x8f2&amp;\x19L3(\xb5\x85f\x04\x05\x03\x16\x13\x0e6!\x18uXH\x10\x10\x0b\xcf\xa6\x8d5*!w\\NqSE\xd1\xd6\xe1G2&amp;\xc3\x97x\xb2\x84l\xd6\xdb\xe7\xaa|a$\x16\x0e\xd6\xb3\x9d\xd8\xda\xe3\xba\xb9\xa9\xf4\xf6\xf5\xd6\xb0\x92\xd4\xb0\x98\xd7\xa8\x96\xbd\x8epN=2~^M\x91hS\xbd\xbc\xaf\xd2\xa7\x88\xa9\x87u\xb5\xb5\xa5\x94sd\xb5\x91{\xf0\xf3\xf1\xd3\x9e\x89\xcb\xa5\x8d\xae\x81e\xb9\x8ft\xcf\xa2\x83\xe0\xe5\xf0\xdc\xba\x9e\xdc\xb5\xa0\xab\xb1\xa5\x98lSE-!\xd2\xa7\x8f\xc9\x98{\xb3\x8bv\xcf\xa9\x92\xc4\x93v\xde\xbb\xa5gG6\xab\xab\x9a\x84bR=0\'\xb2\x80dMVL\x93lZ\xb0\xaf\x9f\xbc\x94y\x8ecL\xda\xaf\x97\x97q^\xc4\xca\xd6\x88fUxS?otk\x86`L\xcc\x96\x82\xe0\xe4\xe1\xd4\xa2\x90\xca\xd1\xdd/%\x1d\x90p\\\xbb\x89j_f]\x9c\xa0\x94\x95\x9a\x90\xa3\xa8\x9dS7(\xa5\x7ff\x87\x8d\x83\xb1\x89q`LB\xec\xef\xed\xce\x9b\x83\xbf\x92}\xac}l\xcb\x9e~\xa5xc\xd1\xa9\x96\xc3\x9a\x86\x8ckW\xa3\x82n~XGBJB[&lt;-~bTu}taC2\xc3\xc1\xb3SC&lt;\xc4\x9f\x85\x93yj\x9dya\xeb\xeb\xe8\xc6\x9f\x8b\x9esb\x9e{i\xce\xac\x9c\xda\xae\x9f8B8\xab\x85l\xd6\xb7\xa8\x84j\\\xbb\x96\x82\xc9\xa3\x92\x18\x1e\x17xQI\xe2\xc1\xac\xbd\x8ewgne\x81\x85z\xa6\xa3\x93\x8e\x92\x86\xc9\xc4\xbe\xb1\xba\xc9V^T\x86[E\xbb\xc6\xbcfRG\xaf\xb8\xad\x92\x9b\xa7\xd5\xde\xd7dC&lt;\xba\xc1\xd0F@9\xc5\x8cw\x86\x8f\x97\xa0\xa8\xb6+.\'pJ9\xe5\xe7\xe7\xbf\x9a\x8309/mh^81,\xc8\x92~\xa5ym\x98\xa1\xaf\xa6\xae\xbdjYP\xe0\xda\xd8|\x87\x8c\x97\x94\x89\x8are\xa9\x8c}\xcb\xb3\xa8\xa0kj\xb3\x92\x80\xce\x9e\x9e\xd7\xbe\xb4\x95\x86{"\' \xe0\xcb\xbf\x9f\x9a\x89\xc9\x95\x88\xcc\x9d\x8b\xd0\xca\xc8\xc3\xce\xc4\xbf\x89\x89}}t\xbb\x85r\xcc\xd6\xcf\xb6\x99\x8f\xd6\xd3\xd4\xadtt\xb6{|\x95b^\x8b\x95\x9f\xb7\x88\x84\xb2\xb7\xbd\x9d\x7fr\x89YY\xb7\xaf\xad\xb9\xa9\x9f\xee\xe2\xdc\x9fcK\xac\xa6\xa4\xabq\\B\xc1N\xd2\x00\x00 \x00IDATx\xda\xbc\x98_LZi\x1a\xc6{n\x1b\xee\x1aLNz\xd1I\x16\xab84C\n2Qi+\xba\x85\xda\x14C\r\xc4\xc5\xc2\x94\x0eQ\xe7\x02\xff\x14#])\x9aI\xa5!q\x05\x8e=+5-t\x8bR[\xa2;\xc6\xd1\x96D\x81\x06)!\xf1\x02\x1d\xf4\xc6\x84\xe9\xa4\x19\r\xd9%\x84\xdb&amp;\x93\xec\xee\xf3\x1d\xba;\xd7\x9b\x1c\xfa\xf6\x9c\x13.\x9a\xf0\xf3y\x9e\xf7\xfd\xde\xc3\xa9S\xffwQ(\x01W\xb4\x90\x16\x88\x0c\x06\x11\nO\x9a6\x18\x84\xa8\xeagZ@\x9d\xfa\x9c\xc5!\xd1\xe4{i\x1a\x10\xd6\xc0\xfe~ \xb0b\xb5\xaeX\r\x01\xabHH\x089,\x9a\xe0W\xff\x8a\xcf\xc2EDB\x11\x00\x91\xc8\xea)\xa5K\xa5R:M\xael\xc5\xe3\xd9\x0f\x80\xceJ\x0b\x84@\xa3N\x81\x88\x12\xd2\x9fG-|\xa3\x903n\xa5R2\xdb,\xa42\x19\x1b\x8a\xf13\xb6L\xa9R\t\x04\x84\xe4?\x08!+\xfc\xa6\x85\x9fC.\x8a0\tE\xd6}O6ms\x01Io^\xd6\xbblz\xb3\x85\xf1\xb3\xf1\xa4\x9fal\xe9l\x80\xe3&amp;Ns\x8eS\x9f\x05\x0b6\xadd\xd3\x19\x9bE\x8f\x7f\x16W\xc2\xc1}\xd0\xdb\x92\xf1H$\xee\xb3\xf9|\xb6\x92\xb5\x9a0\xa1\x90\x90\xd56\xfe$\xbc\xb8\x85\x06\xab\'[\x82k\xfa\xe5\xb7f\xbdYo1\x9b\xf5\x84\xcea13\xac\xdb\xedf\xfd\xc9d\x12\x82\x19D\xb0RH\xc0hAm\xa9HVN\xd1\x01N*\x17\xdc3\x9b\x97\x81\xc4A\x01\xcb\xe7\xf7\xf9\xe2\x11\xf7\xb6;\x82b\x99\xca\n7:\x08\x98\xa0\xb6\x93\x81t=m\xf0T \x95\x83I\xb8\x88J\x0e_\xb1X(&amp;\x12\x0e\x07&lt;\xf5\xc5\xe3\x11\x02\xe6\xf5n\xbb\xdd\x11\x1f\x143\x10\xcdj\x99-\x8e\nC\xc9\xeaI\xdb\x1c\xc0r\x98\x97QzG\xa2\x00\xcf\x92\xac?a3\x9b3\x0c\x0b\xa1\xdcn/\xa9\xedm\xd6V\xd9\'\xb3\x8c\x8c\x08\xaavY\xc7\x1c\xb7Z=f\x08\x838Y\\\xc8\xd6\xdbe\xee\x13\xe3+\xc0@\x86\x8c\x08\x96\xa8\x05\xb9R)\xdc^\xb7\xad\xe21 aTM\xe7\x95\xc8\x10\xf0d\x18\x07:OO\xfa\x0f\xd1\xe2z\xd1b\xb3p\xc1\xc2m\xf3\x11*w\xc4\x9br\x02\xcc\xe9L\xb1\xe9\x00\x19\x14T\xed,\x14Y\xad\x01O\x9aq\xb8\x1c\x0e\x92%\x0b\x98,zb\xa4\x0b\xa62&gt;\x7f!\xc9\xb2I\x9f\xaf\x1c!\xb1\'H^g8\xecd+V!]\x9d\xf4T-\xa8\x10_C ma\x18\xd2u #\x9aA\xaf\xb7o\xcdD+\xb8\xc7&amp;\xd92\x1eI\xb7\xd7\x1d\x81\x8fN\x809\xd7\xf3a6\x0b\x1bk#\x17\xc1\x82\x89\x81R\xc6\xe1\x03\x95\xcb\x02,\x97\xc3\xa5G\xbc\xfe\xf9\xd6l\xabR\xc5Y\x12,7n\x92w\x8e\xcb\x19\x06\x17\xe3A\xea\xa9Z\xe5\x1d\x1bK6\xe3\xf29\\\x89\x84\xde\x0c&amp;\xcc,\x8b\x85&lt;\x12\xbeb\x01\x81\xf7%\xe3nR\x00"P\xa9\x14\xa0P\xebyg\xc6@\xf6\x1c\xaa&amp;r!\x1fV\xccv\xc6\x91(\x92\x93\x10\x91\x82j\x18\x12f\xbd\xc3\xe5\xb2\xb9\x12\x85x\xb9\xec&gt;8p\xe3N9\xbd\xde*\xd6\xfa:\xae|*m\xe0\xce\x1f\xaa\x163\x9e\xb6f\xcdf\x1fS8.\x82\x03z%\x12ET\xe1\xb8Z\xe5\xcd\xae\x83\x83\x83#\xd4\x01\xe1\xe2\nR\x01*\xbf\xee\x8cdEd\xd4S5P\x8b\xa2=f3\xc3\x14\x93\x85"\x0eB}\xe2\xf88\xfa3\xea\xd9\xe6\xe6\xe6\xd2RWW\xd7Q\xd7\xbb\xf9w\xef\xbe\x9e\x7f9\xff.u\x94r\xee\x86\xc3\xbb\x84j=\x9f\xcb;\xbd\xfe\x15l\xae\x02\x8aw0\x8a\x16\x18p\x102L\xa1\x90,:,\x16\xc7\xfb\xe8\xd2\xad[\xcf\x9e\x99\xee7\x0f5\xa3\x86\xa6\xa6\x1e&lt;\xbbw\xf5\xd6\xa5\xf1\xc5\x86\x86\xbe\x97\xbb\xa8|U\xaa\xf5\xfcI\xde\xb9\x9d\xa9\x0e{\x9e\x03\x06*z%\r*\xb2\x1d$\xf4\xcb\x89\xe8\xd2\xf4\xce\x90rB\xa5\x9a\x98\x18\xc0S5\xa0TrlSS;;\xd3/\x1a\xfav\x0fs\xd7r\xb9C`\x85s\xb1\xce\x93\x94\xbbd\xad.\x85\x14\xdf\x89\xdf\xcf\xf8\x00\xe5g\xd0\x87\xc5\xe8\x03\x93N\xf5\xdf\x1a\x18\x98\x98\xf8\xb7\x12\\CC&amp;\x93\xe9\xe1\xd4\xce\xf4\xf4x{\xdd\xb5\xf3\xe2\xb6\x93\\&gt;\x9f?\x89\xc5\xd4\xeb\xa9x\x16\'\xb6\x00\x83\x86\xd7\xfd\x1d\xc7\xb4\xc7\x96L\x96\xe3~\xbfe\xf9\xb7b\xf4\x91jV5\x8b\x82Z:\x1d\xb0t\xc0\x1aB\x998\xbd \xd8b\xfb\x99/\xc433\xe2\xdc\t\xc1\x8a9S&gt;L\t\xdeMD#f\x19\x7f&lt;\xc2bn\xfd\x96\xf8\xf8H\xa2\x02\x15\xa7\xd5\x04\n\xcf\xaa\x8b(B\xb53=\xfebq\xee\xc6\x99+3bq\x0c\xa5V\xe7\x9d\xee}\xb2\xa8\xf2\xdd\x87\x02\xba\xc20\xe5r\x81A\x13~\xfcQR\xd5j\xd6\x086\xd0I\x8c\xb0RW\xf5\x91\x04l\xe7\xf9\xde\xf8\xe2\xe2\\\xfb\x99\xa6\xf33b\xb5Z\xdd\xd2\x12\xcb;m\x06!\xcf\xdb\xb3\x80\xc6\xf6\x97\xf1\xfbq\xe2\x15\n\xd1\x8f\x1f\xba%\x9c\x87\xc6\xb1\xb11\xadqV\x82\x82d\x84KWm\xcaOr\xcd\r7]\x11\xb7\xc5:\tVn=\xe2\xe1\xb0\xf8\x03\xa3\xc8R\xeeA\xe0Y6Q&lt;\xbe\xfd\x1a\x0e\x02\nL\xa3\xda1\xc5\xd8\xd8\xd6\x96\x91\xf89\xa0\xd3\x11\xc1\x94\x1c\xd7\xf4\xde\x1e\xb8\x86O7\x9d\xbfpQM*v\x12\xceX\x05\xfcv",\xb4\xa6Y\x1c\xc7\xfe\x7f\x1dG\x1f!\xe1\xaa\xd9\xb1Q\xf9\xe8\xe8\x93Q\xad\\\xae\xc0\xa5\xdd2\xaa\xba\xbb%\xdd\x03`#Nr\xdd\x08\xac\xb3\xa7\xaf\x80\xab\xb3\xa3\xa3\x03`\xde\x15\x88.\xe0\xd3C\x01\xb5\xef\x8f\xb0\xa8\xf2\xd2\xf7\xcd\xca\x89\t\x89vT&amp;\x93j4\x1a\x99\xac_\xa3\x91\x87@\x06\'\x07Q\xdd\xdd\x1c\xd8\xd4\xf3\xe9\xbd\x17\x08}\x13\xc1\xba\xa8\xeehA\xeesi\xf2B\xcb_7b}\x10T\xfc\xee2[.\x1f\xdd\x1b\x02\x96\xc4\xa8\x90\xcb4\xad\xad\xadv\x8dF*\xb5\xf7\xcbe2\xf9$\xb0&amp;\x17\xf0\x84b\xcaf\xd3\xc3\xe7\xd3\xe3s7\x86\x89Zmm\x9d--\xea\xce\x8e\xd8v\x96\xe6\xd5E\x8a\x0ed\xd8m7\xeb=\xba\xfal\xa8Y\xa7\x92l)\xa4\x9a\xd6\x9e\x9e\xde\xa0\xbd\xb7\xd5n\x97\xca^I\xe5Z\xa2\xd5\xe4\x16\x87\xf5T94\xf5pzo\xae}\xf8l\xd3\xb9\x0b7\xdb\x10/\x90u\x9c\xf8\r\x02^\xc3E\x07|\x91\xed\x88{w\xbe\xcb\xd4\xac\xd4\xa9\x8cZ\xb9t\xa4\xb5\xb7\x07`\xbd\xbd\xf6`\xbf\xecU\xbf\\\x01\xaao\'\xb7\x06I\xc0\x88\x8bh\xc6\xc5v\xb8x\xbe\x8a\x85n\xec\xe8\xf4z0\x96\xf9\xd3\n\xb3t;\xb5\xed\xde\xdd\x9d\xbfE\xc42j\xb5O\xbe\xd3\xd8[[\x01\xd5\xd3\x13\xec\xb5\xf7\xc3D\x05&lt;\x9c\x1c\x1c\xdc\x02V5\\\xc8\x167\xb9\xce!\xf3\xea\x165b\x1f\x0b\x93\xc5\x8b\xb7\xc4\x8bha)\x9cw\x86\x0f\xeb\xe6I\xb4\xaaXR`\xd9[{\x83\xbd\xc1V\xbb\x14\x91W\x0cr\x91\x1f\x84\x8b\x04\xcb\xf4|\xfa\xc5\\{\xfb0\xc1\xbaI&amp;WGK\x87:\x9c\xb6\xf2\xb7&gt;SBZT\t\x9f\xe4N\xae\xfd\xb9\xf1!\xd6\x86Y\xa3b\xf4\xbbo4\x1a\xbb\xdd\xaeA\xb2\x82\xf6~\xb8\xa8x\xa5 Hw%\xbf\xab5N\xb0N\x13\xac\x8b\x04\x0b\x15\xce\xf2\x89\x85\xf7\xbc\xecz\xacS,\xae\xbfn\xaaz\xa8}BZP\xda?\xa2\x91bNHe2\xc5\x82B\xa1@\x1bvww\x0f(\x11y\xd3\xc3\xe9qdk\x98\xcb\xfc\x85\x8b_rT\xc0\x12\x89h\x1e\xe7\x96\xd0\x13\xee\x8c\x89\xaf\xf5]7)?a}322\xa2\x19\x19\x91\x02\t\xf7*\xb0\x160\x1d0R\xb93H\x89F\xc4\xa9\xd8~\x96`\x91pU\xb1r\x15\xbc\xa8\xf0\xa6\x16\x86|\xc0\xd9\xd96\xf3E\xdf%\x825;\x86h\x8d\\\xbe|9h\xd7H\x1f?\x1e\x95\xc9\xe52\xc5O\x10k\x81\x88\xd5=\xf0T\xf9\xb4\x19\xe3\x94\x9c\x8a\xc38~\xae\xfc\x8e\x15+\xd14\x8f&amp;R\x02\xa8\xd5v\xad\xae\xe1\xd2\xd0S\x1d\xb25\n,\xcd\x08\x86\xbc\xf4\xf1\xe8\xe8\xd8\x18\xf1O\x81x)\xd0\x86\xddd\x95x\xda\x8c\xc4\xefq\xa7OS5\xf3\x9f\xd4J\x8b\xf8\xebD\xb21{\x9c\xf0\xb0\xbe\xe1:\x99Z*\xe3\x13\xcc\x07\xae\x90\xaf\xc7\x8f\xe5Z\x05\xaeW\x10mak\x81t\xe2\xa3\xbf\xdf\xbf\x7f\xef\xea\xa5\xf1\x17\xc0\xfa#\xb0\xce]\xe8\xfc_\xb6\x84\xfca\t\xb11;\xdb\xc43u\r\xb7\x94\xca\x01\x98\xf8DFND{0\x18\xfcSpdD&amp;\x97I\x91\xf9Ph5\xa4\x08-\x0cN\xfe\x08\xac\x07\xc0j\xc4\x848\xdd\x04\x13\xe1\xa2\x9a\xe3J\xed\xf3\xf8\xcb \x85\x97\x16C\x04/\x0c\xf5\x8d\xdf\xeb\x80e\x1c\x93\xcb\xa5\xfdkk\x1b\x1b\xbfn\xa0z\x82\xffX\r\xf6b\xcc\xaf\x06\xdf\xac\xae\x86^\x7f\xfb\xd7G?\xdcy\xb0\xd4u\xa9\xf1\x0fs7N\xe3P&lt;\x7f\xfe\xdc\xcd/[\xc8\x88p\xf38M\xc9\x8f\xb8B\x9a=9\xdcm\xb8\xd7\x0c,\x89Q\xabP\x84\xde\xac\xad\xfd\x02\xac_Q\x1bkk=\x1b\x1b\xab\x0b\xabko\xde\x84B\xaf?\xdc\xfe\xdb\x0fw6\x97\xba\xae^\xff\xfa\xab\x1bD-\xe2"F\x04\xb0\xfc\x06\x9a?\x13\xc9\x80\x10&amp;s\x87u\x8d\x7fA\xb4\x06$\x83\xda\x85\x9fV\xdf\xac\xfd\x82\x82b8\x189\xac\xb5P\x08T\xaf?\xbc\xff\x18\xfd\x18\xfdy\x93\xbc\xd166|u\x86\x88\x05\xb9\xc4\x1c\x97\r\xba\xf3\xf7c\x04E\tE\xeca]\xdf\xd5\xfb\xa0\x02\xd7\xdd\xbb\xb7\xf1\xc5x\xa5\x8eF\xa3\xef?\xbc\x86p\xc0[[]\x08\xad~\xb8}g\xe9h\xfee_}}]]}\xdd\x7fX3\xbb\x9f\xb4\xf24\x8ego\x89wD\x92z. A\xde9\x83\x8b\xbc\x1c\x8b\xc0\xd9xp\x85 \x91&amp;:(\x8cFK\x95,\x15\xb0@\xb0!\x02\x81p\x86\xa8\xc9\x14\x83A\x06\xab\x8c\x86\xb8\xb5\xc5\x1a\xb6\x9d\x15f6\x9b1&amp;k$\x19gv\x8a\x89\x9b\xb6\x13/\xb6\x91l\x96\xcc$\x9b\xd9\xa6\xa9q\x9fCg\xff\x83\xf3p\xc3\xe5\'\xcf\xeb\xf7\xfb;&lt;\x81\x80\x05\xa9b\x03\x97HCm\xfa\xff\xc2\xf0\xd0\xa8 nt\xb6\x7fvr\xc2\xb5\xcf\xf6\x820.\xef\xc5M\xab;T\x9c\x9c\xec\x8c\xed\x9c?{\xfb\xfc\xc9\xfa\xd3\xa7\xeb\x0f\xa7\xa6\xa66_\x19Wy\x03\x8bp\x9b\xfb\xe4\x1a\xce\xd8\xd8\x18k\x00\xfd?V_O\xff\xbf(\xbdE\x1bW;t\xeag&lt;\x9e:I\xd5p7f\xe4B&gt;\xc0\xcd\xbfx\xf1\xe2\xdby\x1ew\xf5\xd9\xc4\xf3/o~|o\x8dJ\xe2\xb3#\xde\x80\x88R\x0c==\x1a\xde\xea\x0e\xa6\x17\xa1\xa8\x88\xfd\x01\xab\xff\xcf\xf4\xca@\xeaI\xf6\x01\x8b\xb7jW\x82U\xed\x8d\x0b\xd5\xab\xe7\xe7P*\x1eg\x11\x96\x06W\xbd\xfd\xf6\xe2\xc9\xbd\xa7O\x80js\xc9\xc8\x9d_\xd4\xc8\xe5r\x8dh~\xe7\xe8hLo\x85\xacA\xbe\xd8l\x8a\xf5\x9f\x9f\xd2\xea\x14\xa9\xa7\xa9\x07\'\xbcU\x18\xc4\xe9\xe9\x98\xc18\xf9\xfa\xe2\xe2\xe2\xf5\xeb\xcdI\x83Z-\xd4\x1a\xe3\x8f\xa6\xbe\xbf\xf3\xf4\xcb\\loi[(c1\x19\x0c\xb3@}\x04-o&lt;Zei\xfa4(p\x89&gt;`\xd1l}\xda\xda\xee\xf2\xc6\xd4q\xe5tyzcib\xeabjn.S\xde\x8c\xc5\xc2\x1bqG8\xb67\xf7\xfd\x9d\xf5{+\x8eXH(\xf3 \x88YP\x14\x9aL\x06\x83\xd1\xa0=R\xf3Dr\x11\xd5\xf5-\xac\xbf\xd1\xfbX\t\xe7\xe7\xee\xd8\x98:\xa4\xb4X\xca\x9b\xc0T\x86\xd8\xdb]\n\x15\x12\xa6P&lt;\\\xb2\xa8\xbaov\xdd\xc9E\xecZ\x19"&amp;\x10\x19W\x1d\x14\x9a\x0c\t\xb8&gt;\\\xae\x0c\x13\x89\xf8Ts\xb5z\xeb\xf6\xedaz\x1d\xd9\xdd1\x81\x90\xc2\xcaL\x01\xd5\xca\xaeccr\xefQH[\x14\xa8\r\xf1\x92\x05\xe4WC\x95O\x06\xd3\x08\xc1f\x8b\x99j\xe3\xb6\x1dNb\x10\xa0\x042l`\x91\xaf\xe7\xeb?\x14qxx\x98\xc6*\x02\xd6\x03\x01WhW\x82\xfc\x9cZ\xc8\xac\xcc&amp;\xe2{\xaf\xdf\x1a\x85En\xb1(\x0c\x85{G}&gt;E\xb57\x813\x08\x14E\x19\xe7oa\x9f\x1aa\xc7#f\xdc\xcc\xc3\x18z*D}}\xfd\x7f\x7f\xdc\xde\xd9I\xe3\xf5\xf9\xcd\x8d\xce\xbbj\xc0\xda\x95J\xc1FX\x94\x85\xf0\x86\x91;\xf0\x95\\"!\xf0\xa2=\x96\x873\xd9\xad\x1a:\xc4\t\xb6\xd5\xaa\x17\xa8w^\xfc \xd2\x8813\xc2f\x98\xcd\x18"\xa6\xb0\xf8\xe0~\xbe\xb8\xdd\xda\xf2\xb4a=\xfe\xf1\xe2\x91V\xa8\xb6\x0fY\x00K:=\x9b,2Y;\x9ao{$|\xae\x07O\x942\x96QU\x97B\x1aIS\xc9b\xb3\x8f^\x9e|\xd1\xd3\xaf\xe9\x93\xc3-\x84|1\x19\xe2\x0f\xd9\xea\xfbf\xf8\xc6\r\x1a\xbf\xe2\r\xff8\xba&lt;t\x18\xe4:\xa6\xa5\xd2\xc1\x19\xe9\xb4#Mx\x8e\x8d&lt;\x0eJ\x08\xb4[\xc7\xa6]\xa9\xc5\xaf\xa0\xb0\xb6\x18\xa8\x15E\x91g?\x1dIz$\xf2\x17"\x89\x04e\xca\xccLH\x17\xdc\xeb\xbe\xfe\xfe\xaf\x86\xa9o\xef\xb4\x15q\xf8ID:\xda\x9bP\xcf\x02\xd6\xa8tH\xe9H$c\xb1G\xaf^m\xdb\xed\x89D\xa1T\x86d)\x1a\ni2\xed\x81t!\\\xc3\xe4\xa3U\x16\x93\xa7\x96\x11}\x126\xc6d\x80B\x05\x8d\n\xf7\xe8\x9b\x07\xff\xfe\xfa;\xdaj\xd8\xf6\xfe*a\x99Y\x9e\x15*)Q\xe3\x07a&lt;]\x9e\x9b\x99\x9a\xdb\x0c\'\x0b\x89diB:\xea\xf7e\x1bd3\x92\xf60\xd8(\x81k\xb7C\xdb\x06\xe1qP\xcd5\xa3V6!n5\x17_.\x91[\xadl\xece;m\xe2\xf4\xe9a\xce\xe5\x92\x0e\x99\x94\xd3\xcb`zF\xc1\xd0K3\x96\x95\xddp2\x99t\xe4\xe7\xaa~\xbf\xa2N6HK$\x8d\xc0\xda\x12\x9b\xb7\x8aZ{\xc1`\x02\x19\x88{\xcc\x08\xc2D`\x16\xf9|\xb9\x1cE\xf9l\xe2\x87\xdbt\xa5\xebq\xf3\xaa\xdb\xf5\xd1\xc3\xa1\x82r\x1aT&lt;\x80\r\xaa\xaa3PJ\x87\xa3T\x9e\xa9\x82\xc7\xf8\xdcW\xcf:\xb3M\xc7\x16\x82 \x0c\x04/\x06\xe1G=\x06\xe2\xf8\x16\xac.\x1e\xd6\x12]r\x94-&amp;P\xeb\xce\xa74\xb5|\xdb\x9b\xebk\xaf\xab\x12\xe8M\xf6RX\x9f\x0fB{\xfbGGG\xa5\xd55\x95/\xeb"k&gt;_\x9d$\xb3d3|\x0c\x97\x07\xf1\xa4\x83&amp;\x93\xf64H\x85\xc9`2qe\xa0Q\xa9"\xa2b\x06,\x10\xde\xcf4e\xabs\xfd\xaa\xe9u\xfdv\xdc\x12\xe9\x9d\x06\x83\xd8\xad\x00\x1b\r.l\xd0\xef#\xb3Ng\xb6\xd6\xf4\xfb\xeb\xa4\xd3I6\x95\xa7f*[\x02m\xc1n\xa7\xea\x1b\x86\x88\x1b\x84\xdc1\x16\x07\xb04|1S\x8cJ8\x7f\xa5\x0b\xabq\xf5P\xe7\x1a\x8f.8V,\x83`\xa1\xbd\xd1ht\xdc\x97\xcd\x92\xceT*\x05X\xb5Z\x9d\xfa\xdbh\x96\x0e\xf0V\x11\xb5!\x07\x85\xa4,)gg\xe3\x06\x93P\xc0\x9a\x87I\xd4\xf0\xf5PD\t\xfb\x1d]X\xe4\xd5\xba\xcd\xd5\xe1\xbaR\xaed\x06]\xe3\xde\xa8\xdb\xed\x8ez\x81\xc8I\xd6jd\xd6\xd7\xc2r\xdaR\xb5\xbc}\x0ba\x00V\xd0N!\x95\x94\xd4C\xbd\xc3n\x12ry\x1c\xc6\x80\x1e\x05c\x06X\xd6\x074\xc9\xe6\xe1\xc6\xf5\xadhtd\xf9W\xac\x11w\xa0\x12p\xef\xdbl\xa9\x14yI:m$P\x91\xe4e\xcaY\xcb9\xa0\xb9\xc4\x0c\xbc\xa8u\xe4\xa9\xa0^\x9d\x1d!\x93\x9a\xcb\x03\t\xa6\x17A\xc7\x13V\x89\xf5/4a\xb5W\xee7\xa2\x95\x0e\xdfry%\xb3\xa0\x18\xd7E\xdd\x95@\xc0m\x8b\x02\x97\xcdfs\xd6a\n!Y\xb6\xd4\x1a`\xc9p\x8f\xd8\x13\x84e\x96\xcbYr\xb9\xfc\x8a2\x1c\xd2\xaa\x05,\x0e\x83\xa3g\xcb\t\x0c\x01\xacwt\x89\xf9\xf7\xb5ew\xa5\xc3\xa5(\xeff\x16T\xddT\x15![\x10\x00\x95\xca\xb6\xfa\xcai\x0b\xfci\xfd\xb2\x19\xd3rq\xcc\x83\xa4\x0f\x1c\xca|\xceb\xb1\xe4\xf3\xca\r;\xb82\x0c\xb0\xf8l\x89\x95\x81\xa1\x12\x82\xae\x96o\x1b\xbe\xb9\xec\x0e\x8c\x8cw\xcf,\x95\x17T\xe3\xde\x9b\xd1h\xa0\xb2\xdf\xe2\xaaCsQT\xce\xfd7\x80U=3\tp\xcc\xeca\x14C\xa5\x16V._\xda0\xa8\xc1\xfep8\x1c\x91\x1e\xda\x9d\xc9\x96\xb0\xfeA\xd7\xa9n\xab,G\xc7]^\x9db\xa9\xacRxG\xa0\xe5\xa1\x8a\x81\xfd\xfdF\xed~\xf3\x92\x84a\x84\xb05./\xab\xa5c\x1c\xc7e8\x81\x04\xc3\x80\x95\x81*\xc66\x0c\\\x1e\x855 \x12\x8b\xadV\x82\x90\x9c\x0f\xd3v\x14+\xfe\xa8\xaf\x96\xfa\xb8{ieA\xf1{X\x0f\xfbn\x80J]6\xaf\xef7\x9cur-b\xca\xad\xd5\xabks\xb9\xa4\x00\xa8\x00\x8b\xf0\x14b\xc0\x95;+\xb5\xb0x\xbcy\xce"\x9f\xc9\xb4ZQ\xc2\xfa\x92&gt;qZ\xf1\x8dd\x7fG\xeat\xbb\xbbs\x0b]:\xe0\x82~\xb7\xa5\x9a\xd7\xf9F\n\xb6\xa8\xc3C\x9c\x9e\xcd\xe5\xce\xce\xc2A\x0f\xf4\x0e\x8e\xc0u\xde\x82Y\xcc\xe5J\xa5R\xdc$\x00,\x8c\xc3\xd7c\x80e%\xd0O\xe8\xc3z\xe3\x1b\x1f\xf1\x8f*nn\xeef\xca\x7f\xbc\xf3\xeb\x0c6\xeeG\xaa6\x98\xc1\xda\x7fN\x1d\xb9\x89\xb3\xf0\xd2\x86A\xc6FA$\xc0zb\xa4\x0fbJ\xa52\x1c\x0b\xdb\xb5\x02\x16\x04G\xc3\xc4\xf40\x86\xe2\xf9\x9f\xe9\x13\xa7\xef\xb3\xbeq\x9d\xcf\xaf\x9b\x98\xcc,\xa9\xba\xbd^\x1b\xb5\xde\x9b\x91|\xddIa\xd5j\xd5\xea\xc4Y\xc8\xa4\x15|\x10\xa7\x04\x141}\x9at(g\x93\xf1\r\xc3\xea\x18\x85\xa5\x17a,\xb6U\x822v\x1e\xd3\xe8\xaa\xa3&gt;o \xa0\xd3Mm\xcceT\x8a\xae.g\xca\xeb\xacE\x1cd\x96\xdaXu\xf2rm\xed\x97\x89I-\x0eb\xcb\x8a\x02\x15\x031\xa7\x83\x85\xc3H$a\xa0\x8c\x06P\xcd/.\xb20\x94\r\xd7\xe7\xfc6\x8d\xc6\xe7\x8d\xce]\xa9D\xa3\xddK\x99\x19\x85\xa2\xfb\xa1\xa2\xcb\x99\xbdNTa\xb9;\xb3d\xbd\xbe\xf6\xfc\x97\x89\xb3\xc9\xb0Q\xc0 \x08( \x88\x08&lt;\x1dL\x1c&amp;\x0eO\x83B!\x97\xc2\xe2\x88\x060*\x08\xf6\xd7\x9d4\xfa\xd7\xf7\xd4N\xe8\x08\xdc\x82\xc5\xd5M}\xb0Pd\x9b\xa7\xb9\xd6\xd5\xa9\xd7\x9a\x96\xb3\xd2Y\xfc &gt;\xf9Lx,\x03\x9f\xe31{\x00\xabxZH\x9c&amp;\xb6\x04j\x01\x8f\xc5\xc2\x06D\x1c\x8c\xc9\x84:2\xdf\xd1\xf9\xb5\xba\xbd\xe2\xfe\xc3G\x1d\x95\xc0\xd2\xa6\xaa\xcbEqe\xaff\xb3\xd5\xea\xda\x1al\x85p\xe8\xc0T\xd8:&gt;\x08\x19\x8f\xb92\x1c\x87T\x99!\xb6\xb4\x85\xc3b\xe2\x14\xe7\xb6\xb08\x8b\x08\xc6D0\x1es\xf5;Z\xcd\xfe\xfb[\x1d\xd1\x8f\x02\xb7~\xda\x84\xbd\xa5\xebR\x0c\xfa\x0f\xff\xc7\xbb\xf9\xfe4\x95\xa5q\xdc:\xba1\x15\xea\x8c\x1d/Kk\xe2\xcdv\xea\xed\x8f\x91Bqmi\xb7\xe0l-\xbdm0\xd1\x1a\x01\x8bp\xd3\x9a\x8a\x81\x8d\xd8\xaa\xa13\x84H\xba\x1aLY\xdd\x19\x87\xa20\x852\xd6La(\x95L\xdaN3\xbb\x9b\xbe\x90\xd9!\xc6(\x8d\x84\tE\x11\x0b\xe3\x02aw@X\x14&amp;1\xfb\x9c\xcb\xcc\xfc\x03\xcb\xedi\xb9\xe5\xe5\'\xdf\xe7{\x9e\xf3\x9c{\x9es\xeb\xfc\x11\xbb\xb5\x15r\xc0\xa8e\x94\x9a_Yi\x87\x84\xb0\x1c{4\x84N\x08\xb8J\xfeAQ\xf7\x95G\x17c%P\x03b\x18\x97$\xd9\xca\x12.\x173\xafml\xc7\xc1\xae\xe4\x85\xda\x0b/\xfa\xe2\xa1N}\x99I\xbf\x7f\xff\x87 V{+\xd5\xdf\xdej\x9f\x9dM\xa5RWS\xb3\xf3K/\'\x97W\xbbc\x9a!\xd9Y\xf6!\xb6Ls\xa5\xfbv\xec\xac\x12\xb2\x16\x86\x93\xff\x1e&lt;\x08"\x12\x1f\xbf\xb7\xc1M6\xac\xe3}\xa7\xb2Ys\xbeF\x9b\xa9\xd6\xbb\x7f\xff\x91on\xbe\xdf\xffeS\xd3J\x04\x84\x9a\x9f\x81\xcf\x12\xcd\x14\xd3hD\x10K\xfe\x9e}JE\xf7\x95O4|\xbe\x8c\x90\x01\xd6\xb7\xf1A\xb3\xcc\xb3\xb6\xf1\xcde\xb4U\x9b){PU{\xa1&lt;\xf7\xdc\xcd\xdc\xea\x93\xba\xa6\xfe\xc9\xc9\xc9\xe5\xe5e\xf4\\\x8d\xc5bC\xb7o\xa35\xf1,\x97\x7f\xe8\xe8\x1e\xd1\x15\xd7m#\x9fkF53\x19\xcf\xee\x8bW&amp;\x99jy\x1b\x9e\xb0\xf6\xa8\xcaL\x03u7\xabro]\xb9\xf8\xe7O\x0e\xc6,\x0b\xd1\xf9\xe8\xb3\xd4\xc2\xca\xcbIjyu564&amp;&lt;\x84\xf6\xd6\x87D-\'o\xeb\xd8J\x02a\x8d,\xd2\x1d\xbe\x9b\x98\x19\x19\xa7&amp;\xac\t[Y\xad\xaa\xeeLa]\xee\xefO\xc6\xa4\x97\xe3\xc9\xe1\xbe\xa9\xe4\xd4\xd4\xa9d\xeaE\xf3\xb3\x89\xca\xe9\xe9W\x8f\xef\x8fh\xff\xc8\x17\xd5\x87\xba5\x9a=J\x81\x00\xaa\xc0\xc00\xa3=\xe0\xc7\xffE%\xc0\\\xb5\xfa\xfc\xbaB\xef\x7f\xbe\xb9\xd5=\x1d_\x1cnK\x1eO&amp;O5\xc7\x87\x9b\xe3k?\xbey\xf3\xea\xf1G#r\xb6\xae\xa9\xfd\xc6\xc5.A\x91P\x100;\xf1\xc7\xa7\x98\xc4\xca\xd8\xf5\xd3W\x89\xa0CU\xe6\xc8\xad+,\x9f\xdd?;\xb3\xf4re\xae\xb9\xb9mxx\xb899\xdc&lt;\x17\xff\xf1\xcd\x93\'\x01%\x9f0v\xd9o}f\xb4\x94\x90B\x81\xc0\x8c\x93\x7fe\xb8\x93\xbf\xd2\x17\xe9\x8c\xde5\xd9\x1c\xb9\xde\xabW\xf5u\xde\x99\x97/W\xe6\x17\x9e\xc5\xe7\x92\xc9\xc5c\x8b\x95o\xd6\xa6WW\x87\x0e\x12C\x17\x1b\xec\xb7Nv\xe9\xd8\x80E\x08q\xec\x0bf\xa9XI\x9f5\x91\x88\x9a\xbc\xc1|\xfd\xccUoy\xdd\xd5\xf9\xa5\xa5\xf9T\n\x1e+\x13+\xe0z\x98\x91\x1aY\t!\xd34P\xed\xdd\x16\x01\xe94\x13\x01\x0c\xbf\x9fd\x16+\xe3\xf8\x825\x92\xb0\xa1\xce\x07\xdbl]9\xdac\xcc\xcc\xcf\xa7^L\xa5\xe6\x81oiir\x12\xa6"\xac@\x84\xd15\x1a\xaa\xa8W\xe2\x18\xe4\x07\xb0\x16\xc31d\xedzFA\x14\x83\xde\xb2\xdc\\}]9\x94\xa9\x00\x96B\x03r&lt;\x8cI\x94!\x08\x99L`\xec\x86\nP\x04\xab\x8d\x19\xc4"?e\xfcNM\x92\xa2\x82\xaa\xa0MU\x97\x0b\xee\xbaD\xef\xcb\x06\x06h\xaaI:\x84\x15\x80E\x10"\x9d\xb1\xab\xde(sb\xa8\x8ew\xba\xaf3\x8d\xc5\xea\x9b\xf0El\xf9\x9d\x9d^\xaf\xde[~i`\xa0v z7\x15\x8dF\xec\xa30&amp;\x97]~\xa3G \x10\x884\x1a\x83Ap\x10\x93\x991\'\x8e\x8f\xdccZ,\xd6\xae\x85\x90\xb5\xb3\xb3s\xa6N\xa5rD\xbd\x90\xc2\xcag:\x9fS\x13T\xc8b\t\xa1\xc3\xcd1\x8fG!P\x88&lt;CF\x91\xac\xc4L\x98e\xc0\xc5\xb4\xe3\x11W&lt;d\xb5\x06\x83\xb6\\\x87-\x12t\x94\xd5\xd6^\x9a\x99\xb5\xf67\xa1C`\x9d\xc1\xa0\x83\x85Z\x84\xbe\n\x91\x08v&lt;f\xb3\x10#I\xf7G}\xcc\xdf\xf3i\x9b\xf0\xb5Z\x83\xb6\xe0\xec\x8c5\xe2P\x81\\\x03\x03\x9d\xa1\x86\x06W\x85Qc4\xeaD\x1a\x9d\xceh\xd4\x88&lt;\x1e\x01&amp;\xc4d\xa8\xa6!\xf72\x9b\xe3\x7f\x8e\xe2O\xbd\x94=\x12\x848\xda\xedQ\x95\xcad\xaa\x1d(\xb3\x8e6\xd4Wh4\x1acLc\xf4\xfb].\x9d\xc8C`J%\xaa\xb4`?M^~\x8fy\xb5\xb2\x9f\xb5Pv{\xa23q`\xd4bGq4\r\xd4z\x83\xed\x80e\xec\x8e\x19+*\\M\xa1\x96\x8aA\x05l\xa4q!\xf8\xcaI\xba\xc9\'\x19\x8cSm\xca\x98\xbaaA\xa9&gt;\x11imz\xedK\x04\xe98z;C\xf5\xb1z\x97\xab&gt;V\xd1\x14\n\xb9\x0c\x83\x01\xa4\x92\x93\xd6\xaa\x08\xff\x98\x95\x0e\xac\xea/-vk$BY\xc2\x86\xa7T$\xea\xf0F\x83\xd1\xbbT\xbf\xcb\xd5\xff\xd9rw}\x7f\xa8\xc9\xef\t`n7.\x01*\'Y$\xc1+\xd3\x83\xd5\xd8\xd2KY\xadT\xef\xd8X\xf855\x11\x894\xd5/,\xf4\x8e6\xf4\x8f\x82\xc5\xba]\xa0\x95\x02W\xab\xc58\xe9t:\xf1"\xb6\x84\x1bO\xc7\x85\xbb\xa9\xea\xc3\x8d\x96^\xdf\xc4\xf3\xa7\x9e\xc0\xa0\xdfb\xa1\xa8\xfa\xd8\xeb\x89\xd7\x164Pg\x8dQa\x16\xba\xd5r7\xe9\xc4\x9c\x98[\x02Xs\xe9\xc0z\xd1x\xf8\\u\xb8\x97\xa2\x9ez\xcc\xe6\xc1\xc1po\xd8`\xa8x\x1d\xb2\x18\x0c\xfepK\xbd\x08\x8aQ\xa7X\xadVC\x00\x9d\xb8\xbb\x88\x9d&amp;\xac\x0c\xc0\xea\xe8h\xb4&lt;\xed\xed\xf5`\x980`\xf0\x1b!\x8d\xfa]\x06\x8dH\xa4\xf1\x1b\x05\x98D"\xd6\xca\xb5\xea\x11!LB\xb0\x17[\x82\xa7G\xad\xea\xc3\x1dg\xce4Z\x0c\xe11\xf0\xb5\xd9\xec\x19\x1c\xf4@RW(\xd0\xaa\xa3\x90\x91n\xb1Z[P,\x06\xa9\xd8l.\x97\x9d&amp;\xacM/N\x00VU\xfe\x01\x9f? V\x93$\x160\xc3\x1a##\xc0QBY\t\xd7)\x16\xab\xe5R\xc0"I\x9c\xa6b\xb3\xd3\xa4\x16`UUU\xe9{\xec-`"\xb1{\xc4\t\t\xca\x89c\x18\x9azn\xb1[,\xd7\x16\x14\xa8q\'0q\xb9|\x84\x15O\x8b\xb7h\xac\xc2\xc2\xaa\x045\x88\xab\xe5jr\xaf\x18\x14\x02u\xc4\x80Hj\xe5j\xadV\xabVbJ.\xd2\x8a\xc6\xfa"-y\x0ba\x15\x96\x16\x82^\x96\x00\x89\xdaVP\xf3\x8a\x16h\xe4R\xb1V*\x05*\xad\x1b\x83%\x91\xbb.\x16\x9b[\x99&gt;,\xe0\xd2\xdb\xaca\x85X.\x16\x03\x94\xb4\xb8\xb8\xa0\xb8@\x0bT\xf0\x9fT\xcc\xa6\xa1\xd8\xb4\xb5\xd8\xf8\x1a\xf3X\xac]w\xd7\xb1\xf2JK\xf5\xf9T8 v\x83VRm1\xe0\x14\x03\x15\xfa\x15\xe3\xc8\xed\xbf\xaa\x85\xbfI\xc3\xf5\xfd6\xebz\x10K\x81+\xbf\x87\xf2+dn4\xf9\xb4\xa8\x9b\x1aQi\xa5j\x89\x12\xb9\x9d\xbb&gt;\x0fa\\G\xd7\xed\x18%\xcb\xce\x9a\xbbq\xe2\xdc\x19\x84U\xca\xcb+\xd4\x1f\xa0\xc2B\xdc\xed\x06\xbb\x8b\x91\xc1\xc0Xj7\xa9T\xe2H\xa9u\xad q\xdd\xff\xdb\xa7\x7fZlc\xb0\xba\xc9\xd8\xf2\xbb\xe9\xd3\x80\x85\xa8\xf2\xf2\xf2\xcaJm=\x11\x8b\x073{D\n\x02w\xa35G]\xe4Dv\xa7\xad\xf5\x0b\xd6^\xf5\xd7_?\xbc\xb6\xc8\xdc]a\xce\xee\xeb\xe1\x0f\x91Z(\x86\xc0\x95Wh\xeb\xe9y\x1en\xa1z\xc3:\x05\x92\rw*\xd1kx\xc0\xe2\xa3\x81\xa8\xf8\x92\xbd\x10b\xf9\xc3\xbf\xb71\xc5\x95\xbd\xe5\xd8X\xd3\x07\'\xceA\xda\x02,\x1e\x8f\x97\x97\xe7\xe8\xb1\x05#\xcf}\x94\xcf\xe2\xd7\x08dB\xf4J\x12Sb%J\xda\\|:qIP{\x8d\xf6\x87k\xf7\x18\xba.\xcc\xda\xbeuMp\xe4\xfd\xf3\xa0\x16\x9a\x8a9959\xbc\xd2\xa0\xcd\xe1\x08&amp;\x12V\x9f\xa5B\xa3\x10\x98\xcd\xe85\xbc\x90N\xa6\xbf\x08&amp;):\n\xb3\xf4\x87k\x0f\x98\xd9i\xb0\xb2\xb3\xb6&gt;yt\xfa/\x80\x85&lt;\x0fZ\xf1jr\xca\x1c\x0e\x15\x0c[\xc2\xee\xeb\x82\xfaO\x01;\xc3u\xc5h0Z0\xc9\xde}\xb0H&gt;\xbc&lt;\xfe\x1d\x03X\x19\xdb8Y;v\xfc\xe3\xd1\x07\'\x10\xd6\xe1\xd2&lt;\x90\n\xc0x\xaa\xc22\x18\xc0EYPq\xa3\x10\x10\xa8\xe9T\x88l\xffs\xe6**\x02\xac\x82\xcf\xef\x8c\x7f\xbb\xe1Qdm{\xe7\x9d-Y\x1c\xce\xdc\xc5\xd3\xa8+\x1dy\x8b\x97\x03\x1f\xf8\xe6\x95\x99L\x80\xd5\x03a\xec\xf2\xeb`J\xa2R\x02\x86\xb0\x84\x06CA\x04,\xed\xe5\xf1\xf1\x07\xdfm\xecU\xad\xec\xed\x9c\xcdoge\xed\xe0p2\xc3\x7f8\xff+\x16\x1a5\x80\xc5\x03.G0\xd2\x8a6\xfb\x83 \x97\xccL\x10\x10Lt\x98\x013\x12yKZ\xf0\xf9\x83\x07\xc0\xd5\xbcqzep\xde\xde\x99\xb9y\xcbo8;\x00+k\xeddGG\xc7\xba\xb5@\xaa\x9a\x1a\xe4z\xf8\x05\xae|\xb0\x17\xc4\x11\xaaf\x82\x10\x08\x04\xc4\xc1C\x88\x0b\xe4\x82\x99(U\x8f\xff\x17q\x8d\xdf\xdb\x98\x9dl\xc6\xb6-\x99;\xdf\xdd\xbd9k\xebV\x84\xb5\x9d3\xfc\xb4\xba\x039\x1e\x89\xc5\xa3\x05\xa3\xado29l=\x8dT\xa8\xc5oT\x00\x13z?B\xa0\xf3a$\x97d\x9f\\z\xed\xfb\x7f"\xae;w^m\xc0Q5\x12jg\xe6\xee\xcc\xdff\xd1Rq\x00\x8b\xb3\xd6\x7f\x86\xc6\x02\xb7\xa3\x14\x01r\xd1O\x93J\xdf\x83\xb2\x84K\x07X\n\x11\x14\xf6(\x9a4W\xd1Q\xf9\xfd\xef\xd7\xb1`\xbc:v\xfc\xffZ\x1fY\xdb\xb6f\xee\xcc|+33\xf3\xad\xcd;\xb6s\xb2\xb6\x03\x13\xfc\xbd;\xdd\x08\xb5)\xcaZ9&lt;\x9a(\x87Ws\xe1\x82\xc9\xa4\x02\xb9\xfe\xd7\xb9\xf9\x84\xc6\x8d\x9ea\xdc\xfb}\xd2\xe0\xe9D\x1a}BA_\xb2\x92\x16\xa9\x875=\xb8\t\t\xde`X\xd3CM\x9ah\xa9h\xd4z\x16L[\x1ac\x82\x9c\xc3\x123\xe0\x93\x89\xe5\x8b\x99\xce\xa1`L\x8e\x0e\xf4d\x12H \xa6\x0b&gt;e\x0e\xc50\x90\x01\x07\n5)\xad\x0f\x85-\xe4\x14\x1fB\xa0YJ\x9f\xf7\xd5\x8c\x1d\xfa7\xbb\x9fc\x8f-\xdb\xa3\x9f\x9e\xe7y\xdf\xefU\x18\xff\xee\xce\xa3.\\\xfc\x84\xfe\x7f\x84\x8b\xf2cp}\xe7\xa3\x9f\xfca\xff\x10X\xc4Eh\x87\xe9\xc2\xb9o\x0f%\\\xcfe(G\x0b\xf0\x00\xabAX\xfe\xf1\xfd\x0b\xbf\x18\x99X\xe5~i\xa9=\x89b\\\xe6j\xbc6\xf1\xc9\xc4\xec\xfc\xfc\x88\xeb\x07W\xbe\xf7\xd1\xaf\x9f\xf5\x80\xc5\\\xd0\xecO\xfb\x87\xfd|\xe1[\xbd\x10\xfcL\x83\xa1\xa4%\xa5\x03*\xc3f$^\xb6\xff\xf3\x9b\x18\x02\xd9\xc4\x8b\xd4%\xd0S\x97H-`\xc1\xc5m`]\x9f_Y\x99\x9f\x9de\xae\xef\x7f\xf8\xc3\x1f=\xeb\xf7\x06\x8c\xf5z\xff\x8f\xfb\xcf\xf6\x07\x837e\'_8\xfb\r\xc1&gt;8c+DJ\xf2r\xb4R\n&amp;\x9e`5l\xeb\xed\x0e\xed\xd2\xe7yO$\xc5`(\xb5\x08\x98\xf8\xcbG\xeb\xb3\x13\x9f\xce\xafo\xaf\xaf\x03\xec:\x9a\xd8g\x1f^yV\xf6\x0f\t\x0b\x0b\x0f\xaf\x07\xbd\xfe\x9b7e\x9a\xe6\xc17\xfa\xff\xe7S(\xf8\'\xb5\xd2X~c\xbc\xd1\x1c\x1fq\x05o\x97\xd9\xbf\xa1\x89\x18pZ\xad\xb9\xe5Ex\xf8\x04\x91\xff\xf4\xdaz\xb7\xdb\xdd\x06\xd7\xb5\xeb\x13\x1f\x7fv\xe57i\xd9\x03\x16\xd6`@^\xbe\xe9\x97\x9d\xb2WfI\xda9xo\xc5&gt;h(\xe9\xba\xb0\xae\x92\n\xcb\x81\x8dFc|\x1crU`\xb6}p\xd4j/\x8d\xb0 \xd9\\k\x1a\x93\xfd\xce\xea\x9d\xcd\xee\xca\xec\xeczwmm\x8d\xb9f\'~\xfb\xdd\x7fd\x9d&gt;c\r\x0e\x0f)b\x10\xabL\xb3\xb4,\xf30&amp;\xb0\xf7\x1c]\x1c\x82\xaa\xfc#*\x07\x0f\x8e\xaa\x01k\xfcD\xaeF\xf3\xe0h\xa9M{\xe2y\xde\x16/\xe2v\xe3\xc2\xa5\x9d\xd5\xad\'\x0f\xba+\xf3+\xdd\x07X\xcc5;\xf1\xfb\xbf\x17\x19y\x88u\xd8\xeb\xe3\x93\xd7\x10\xabL\x13 \x95y\xe0%\x9d\xce{L\xad\xf0\xcfa\xeb(R\xa4\x94&amp;(\xc2\xb2\xc7Y\xae\x93\xd8G\x7fmWzq\xf0gf\xae^\xda\x99\xba\xb9\xf5\xe4\xd1\xda\xf6v\xf7\xc1\xe6&amp;\xb8\xba\xdb\xdb\xeb\xf3\x7f~\x893C\xacC@\xf5\xfa\x1d\xa85(\xb1:y\xe8ya\x9a\x86R\'%\xaa\xf2\xff\xf8\'4D"\x85\x00\xa5\xb4C\xfe\xb1\x8fu\xe5\x03\xab\xd1&lt;\xe1j4=pM\x9e\xbfK\xa1\xc7\xbd\xc62a\xad\x82\x8b\x806i=@\xbc\xb6\xff\xb6\xe1B\x95~\x0f\\d\x1da\xf5\xb3$\xeft:Yd\xc9 ICaxi\xb9\xf1\xbfv\xa4s&gt;\xc9\xa4\x15\xa1\xa8\x11\x114S\xb4(\\\x8d&amp;s\xd9\xc3z|\n\xbd\xeer\xb6\xe6\xd8\xc4\xa9\xd5Uz%\xfd&amp;\xbd\xc4\x9f\xb0\xb6\x7f\xf5S\xe9\xc6Y\x87\xb0zD\x15\x97\xbd\xc1\x80$"\xef\xb2H\n\xed\xe5\x99\xa5uXv\x82\xb3\xff\xd5\xbfJ\xa5\xca;]\xd7\xd4\x19\xb4\x12\xa2\xc6K\xf8\x14z\x05/O\x8c\x94/w\x016\t\xb5.\xb6@uy\xea\xf9\xf3\xd5;[X?\x06\x16\xb2\xf5\x97c\xcdTe\x9fV\'+P\x91\xfbe\x9c\xe4,T\x9e\x87R\x98N\x9c\x87\x8e\n\x90\xb3{\xff\xb1[ \xea\xcc\x81w\x817U\xaf\x88D\xcd\xe0%\x84A=\xc2\xa85N\xb1l\xfdrw\xaf\xbd\xc4uHX;SS\xcfo\xde\xba\xb5zk\x8b\xbc\\{\xfbP\x05E\x96vJ^\x9d\xd4\xf3:\xbdA?\x8b\xbc$\x8d`B\x10\xe7\xb1e\xf8\x86\x97\'\x96\x92I\xd9I\xfe=bglQ\xc9\xc4\x861`\xcd\xa8\t,\xfa\x9a\x8e\x0b\x03\\\xb6o\xfa\xa7\\\x8d\xa6&gt;\xdemO\xe2\x1e\x08C \xb0\xe8\xc5$\xab\xabx\xbfug\xeb\xfe\xfd\xa7Z\xbbD\xd5)\x91\xa44\xcd\n/\xcezY\x9c\x86\x16\x94\x8a\xb4!\x00\x96E\xc24$\xbe\x942\xca\x01v\xef\xec\xbfD\x1dg\x15\x95}\\y\xdc\xda\xb9\xbd#U\x862\x14\x1b\xecc\x99f\xa3qb\xa4\xaf\x8ew\xcfO\xceM\xdf\x98^\xbcD\x7fiz\xf9\xf2\xce\xce\xce\xa5\xcb\xd0\xeb\xd5\x0b\x03Th\x98\xb4\xd2,K\\\x0f\x1fb\x1d!YV\x94\xe3#F%\x1d%\xa1e\xe0!l\xa7\xbe\xcd\x00\x00\x04}IDATO\x02i\xa10\xd3\x8dw\xa6\x9es\xc2\x12\xa6\x0f\x9f(\xe7h\r\xf4\xc6H\x06c\xf8&amp;0\xb1ek\xc37\rhH[\xf6\x08\xcc6^\x1c-M\xce\x00kq\xf1B\xf5W\xb0\x14\xb2\x9bG\xf7L\xa2\xca\xd2\x94\x84\xca\xe2\xc2-\xa0\\\xe8Z^\xec\x05A\x10#\xf7\x16fp!\xc3\xd8\xd3\x86\xb2P\x92\x16\xd1\xe6\xf9I\x17\xb3%\xa2g\x9a\xb0L\x8d\xaaO\xd5L\xca\x14\x88\x00\x02R+\x08$\t\xa7\xeb\xf4\x93\x14\xfe\x11\x18q\xb5ZK\xad\xab\x8b\x8b\xf4\xf7\xb93\xd3\xd333\xcb_~\xf53S\x07E\x9c\x01\x8b\x94*\xbc\xba\x9bd\xa4\x16\x0eda\xa0\xad0O\x13\xcf\x11\xbe/\x82\x18`\x0e\x0e\xe4Q\xe0\xc5y\x9e\x1f\x0c\x9b\x85\xa5\xf1m\x1f&amp;\xc2\xaaz\x1dA\x175\x18WS\x04\xa6\x9c\n\xca\xc2aH\t\x05M\xbfi\xd6\xa8E\x0c\xf5j\x1a\xf9\xe3\x1b\xb7\xb1M_\xfd\xe2\xf3\xb9/\xe6n\xdc\xbe}c\xf7k\xdb\xd0V\x11\x13I\x96$I\xe1\xd6p\xc5A\x14\x861\xbe\xc2\xd18*\xe8[!L2\x94\x8c\xc2(\xe0\xd2\x8c=/B\x9d\xe6\x0b\xbcO*\xf6\x8a\xaa\x8d\xf3\xce\t#\x13A\xe7`\xd8\x92\x1e~\xa9\xaaQA\n\x82\xcbg#\x87\x82\xd9F~\xb4\x8b\xd1ty\xfa\xf3\xbbw\xdb\xed\xbd\xbd\xaf\x1e\xfa\xa6\x92^\x85\x15\xc7E!q\xa5\x86\x89Nmya\x1c\xc7a\xe8\xc1PH\x17\x86\x81\xd4BX\x1e\xc0&lt;+\x08\x93$\x8c\xa20\xce\xd3\x03\xea\x15\xa6\xefW\\\xccT\xe7\xf3s_ \xa5\xf0\xfc\xf8]6\x96\xfc3\rQ3\x9b\xe02N\xfb\xbd]\xdb8z\xdc\x9a\x9en\xd1\xcbQ\xf7\xf6^,\xd8\xa6p\xdc"\x8e\x13b\x82\x81\x02\xbf\x0e]\x10]\xc9\x92\x15\x01\xc2\x94%Q\x04\x18\xdaT, \x01,\x88*\xae0K1V\x8fU\xf5\x853*\xae\xbc\x1a\t\x82{/\xb3\xee\xd0\x01\x89A\xbe\x8e\xa7E\xd0\xd0\x1dHT\x037\xb1\xa6b#\x1bC\xbd\x92\xb7\x8fqc\xddZ\x82T_\xe3\xe6Hh\xcb+\x8a\n\xcau\x00\x83]\x96J\x1d\x82!q1\xc2e8E\x16\x05\x00\x03\x05\x1e\x03\xe0\x02\x12R\x85t(\xc9\xd3{\x15\x96OW\xc3\xed\x13\xb5F\xa76\xb9\xc3\x0b!\xf1\x1cT\x8d~\xb5\x98\x9f\x08\xb5\xb2Ovn_\xe5\xaf\xbe\\\x9en\xb5\xdbLeh\xc7\x05\x161\xb9\x8e\xb2\xa2"\xe2\x1cp\xcf\t`ch\xe1Sl@\t\x91\x10W\x18\xd3\'\x0cYq\xc1\xc8\xb1\xea|\xc8\xb8\xaeQ\xb5!R\xb5\x9a\xa9hRF\x15\x18\x1a\r\xc6\xf6\xe9\x1f3\xd15\xd3\x0e\x89o\xd4\x9b\xefp\x1d\x83\xabu{\xef!Q\xc1,7\xf0\xb0\\\xb7^\xab\x0703\xf4\x02\xcfE5K\xc7C\xea#\x0bT\x12CMJ\x07QP\xd1\x90\x89\xc5#L\xe85\xc2\xc2\xd9\x00DX\xb0\x11\x06B4J\xaa\xa1\x80\x85\xe5\x9b\xa2"\x1a\xee\x06\x88\x9e\xf4G\x82\xd9~\xfd\xe5\xab\xc77\xdaL\x85\x92\xc5\x1c\xe9\x92TuE\xba\x81\x04\x82A\x0f\xb4\xac(\xc9\xd0\x10\xf0\x1c\x14\xf48\x0e\xe8\x16\xc6\xb2&lt;\xba\n\xe6\x1ab\x85\xc9\x18*\xab\xc2\x82}h\rD\xe5H\xe8\xa4\x88\xaa\xb2\x8c25\xdc\x86\xf8\x9d\x0b\x00\\\xe6)\x97|\xfaj\x97\xa8p\x1dhC\x16\xb8`\xa0\xa0q2\xe0\xfa\x83\x95\x05\xd4@/\x8b\x03\xb2\xd3\x81\x9d\x91d.\x12\x8c\x9al\xe0\r\xe5\xc2\x8a\xc7\x9aU!\xf2\xae\\\xa3\x1e\xe0;\x12*\xd1~D\xfd\xc0\xe0\x8d\x91\xf7%U\xb5\x0e\x14\x80\xe0f\xe1\xb8\xaa9t\x92\xb86@\xe5#\x0b4H\x12\x15\x9eD\x93\x1a\x90\xa2\x18E\x07}+\xe2v#\x03\xd4\xa2o%\xa8E\xab"\xc3\xcf\xe1\x8dJ\x95\xba\xc8\x18[\x84vJ%HP~\x1d\rV\xf0\x18\xa1\x86\x03W5\xeb`*\xd4\xefL`\xb0\xdbq\xb51JX\xd3\xb0mtZ\xa2"(\xd7\xa5n\\\xf5bR\x82-"\xaa\x906\x0c\xd4j\x90\xe7\x81\xef{\x19\xf5\x08\xab"\xe3K\xe0\xae\x1b\xc7\x8ces\x89q\xa8}c8\xc9\x9f.-OG{\xcds\x0f\xb9\x88\xd3\xd61\xf7\xd7\xcd\x91`v\xd3g\x07)X\x9e$\xa3X\x88j\xc1\xc9"\xe4\xf4[\xf4\x14\x1a#C\x07\xd5\xa4\x92\x90\x9e\x9a\x88\xac*g\xd0\x8b\xf6\x821Lw$\x97oVM\xa0\x89\xf9]\x0e\x7f\x88n\xc9,k\xc8\xe4pO\x15\xa2\xf2\xd7\xac\xaa\x17\x91v\xeb\xbe]aUE\x08\xa8\xc2\x93\xd8\xb7$%\xa6\xc2\x82=aBY\xa6^A\xfdP\xd3\xc6\x1c\xc0\x1d+\xf1\xb8\xa3\xf2\xd9\xe8t\xa4\x17\xf6\x87\x7f\x02\x92k\x99\x17Bk\xb36\x00\x00\x00\x00IEND\xaeB`\x82'</t>
        </is>
      </c>
      <c r="M452" s="3" t="n">
        <v>45492.67623842593</v>
      </c>
    </row>
    <row r="453">
      <c r="A453" t="n">
        <v>1106599</v>
      </c>
      <c r="B453" t="n">
        <v>1977</v>
      </c>
      <c r="C453" t="inlineStr">
        <is>
          <t>Brahian Palacios</t>
        </is>
      </c>
      <c r="D453" t="inlineStr">
        <is>
          <t>B. Palacios</t>
        </is>
      </c>
      <c r="E453" t="inlineStr">
        <is>
          <t>PD</t>
        </is>
      </c>
      <c r="F453" t="inlineStr">
        <is>
          <t>ATA</t>
        </is>
      </c>
      <c r="G453" t="inlineStr">
        <is>
          <t>PD</t>
        </is>
      </c>
      <c r="H453" t="n">
        <v>178</v>
      </c>
      <c r="I453" t="n">
        <v>30</v>
      </c>
      <c r="J453" s="2" t="n">
        <v>37583</v>
      </c>
      <c r="K453" t="inlineStr">
        <is>
          <t>Left</t>
        </is>
      </c>
      <c r="L45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9c402f4-cd62-4675-98ff-bf63699dc2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fc\x01b\x00\x00\x00&gt;tEXtComment\x00xr:d:DAEewil2SDw:3759,j:3325205453230688475,t:24032721W\xbf\x04\xf4\x00\x00\x00\tpHYs\x00\x00\x0e\xc4\x00\x00\x0e\xc4\x01\x95+\x0e\x1b\x00\x00\x03\x00PLTE\xff\xff\xff\x03\x03\x01%&amp;&amp;\t\n\x06\x05\x05\x02\x07\x07\x03(*)\xfc\xfc\xfe\xfe\xfe\xfd*,+\xfd\xfc\xfc\xff\xfe\xfe\x0c\x0b\x06-/. !!+-,\x1e\x1f\x1e\xfb\xfb\xfb$%$\x0e\x0e\t"##\xf6\xf7\xf7\'(\'\xf7\xf8\xfa/10\x9d`E\xd7\x9aw\xfd\xfe\xfe\x1b\x1c\x1c\xfb\xfc\xfd\xb2kG\xfa\xf9\xf9\xablM\xd0\x8ce\xe0\xab\x84\xc8\x81Y\xcd\x86_\xf4\xf4\xf4\xd6\x9d|455\xabfE\xa2`@\xd1\x8fj\xe1\xaf\x89\xb9tT\x9d]&gt;\xb2pS\xc6|U\xd9\xa1~\xbexS\xf1\xf1\xf2\xd7\x98r\xd5\x95r\x83G-\x98V8\xc3\x82d\xdc\xa6\x85\xa7gJ\xc3\x87h\x8bM1\xed\xed\xed\xde\xad\x8e\x7fE,{B*\x8fO2\xb9pL\xa0\\:\xda\xa0y\xe0\xa7\x81uD0\x9fdJ\x14\x0e\t888\x88J-\xc9\x8ai\x13\x12\x0e\xcc\x8ac)**\xd0\x93r)\x1a\x10\xdd\xa1{\xe6\xb7\x96\xd1\x97u\xe7\xbc\x9c\xd3\x93l\xde\xa3~\xdc\xa6~\xe5\xb4\x90\xdf\xa9\x89\xe5\xe4\xe4\x95R4\x9bY&lt;\xe3\xb0\x8d\xb3lL\xc0\x80`\xe3\xb1\x93\xb4vV\xcd\x8fm\xa7^&lt;\xbb{[q=\'\xc8\x85e\xc0{W\x97[A\xb3pL4\x1f\x12n@,\xc4\x7f[zH1\x1a\x19\x16\xd7\x94m\xc8\x85^\xd9\xa3\x82\x97_G&gt;?@\xa5eF\x80K4\xb2fC\x8aP7\x83O8\x8f[D\xdd\xdd\xdd\x83R&gt;\x94W=\xb9tN\xc9\x94x\xf7\xf1\xeb222KKLDDD\xb8w[\xd2\xd1\xd2\xc1\xc1\xc1j9%\xd8\xd8\xd8\xd4\x98y\xc0}\\\xc9\x8fq\xbftM\xa1lT\x90S8\xa0\xa0\xa1\xdb\x9bt\xb1\xb1\xb0\x8bV?\x9f\\B!\x15\x0c\xbe\x83e\xe2\xb7\x9a&gt;#\x15\x86L3\xacb?\xbb|`\x18\x16\x11\xa7cA\xc9\xc9\xc9L)\x19\xf3\xeb\xe4\xe9\xe8\xe8\xda\x9c{ooo\xd3\x9cy\xd3\xa1\x84\xfc\xfa\xf9\x1a\x11\t\xe2\xe0\xe0\xda\xa8\x8a\xabqV\xfa\xf5\xf2\xea\xc2\xa6P0!ihhaaaX1\x1e\xce\x8ck\xaceP\xa5`G\xd1\x8eqZYZC(\x19\xb9\xb9\xba\xdd\xb0\x96\x98\x98\x98\xc3xP\xafw\\\xd3\xa6\x8e\xca\x8apa3!c;\'&lt;&lt;;\x85\x85\x85xxw\xef\xe4\xdbaD3mK&lt;\xbak_4&amp;\x1c\xe7\xc9\xbc\xc1\x8cnSSRzO:[8\'\xe8\xd4\xc7\xb3}d\xdb\xaa\x93\x7f~~\xba\x80_\xb4{]\xaa\xa9\xaa\x94lZ\xd3\xb1\xa3\x8b\x8c\x8d\xcf\x9b~\xed\xdd\xd4\xdc\xba\xab\x8dbN\xdf\xc2\xb4\x95gO\xeb\x9d\x99B-!\x9eU6\xa4vbP7*\xe4\x8f\x8a\x85YD\xba\x86p\xde\xcc\xc3\xca\x9a\x80\xb2\x80kC2)\xb4`U*%!\x92\x90\x91\xc5ph\xcfwp\xbf\x93\x7f\xe0\x9c\x96+ \x16\xb7\xa1\x97\xda\x9c\x8b|\\N\xd6\x82}\x91K=\xd7\x8f\x87\xc8\x9e\x8b\xcc\xab\xa0\xa7\x7fm\xed\xac\xa8\x9eOF\xb1\x8ayV&gt;3\xc6\xb5\xad\x8ewo\xd0\xc5\xc0\xa0\x8a\x81zlb\xa6\x03\xc6\xf5\x00\x00 \x00IDATx\xda\xdc\x98\xfbSS\xf9\x19\xc6\xcd\x9c\x9cV\xd9\xa3\x95\xa6l\x91q\x02\x84\xab\xb0j\x90\x8bA\xe4\x9a\x84\x08\x87!\x80$@DWp\x85\x10\x08\xd0*r1V\xa9,\xeer\x11\x86\xcb\xda\xb3P\x04\'\xf6\x12\xa43[\x14\xdd\xdd(\r\xc3\x00\x99.+T;\x94\xc9\x9aA+\x833N:\xfe\xd0:S\xba\xed\xf6}\xbf\x01\xfb\x0f\x1c\xd8\x9d\xbe\x93{~\xc8\x87\xe7}\xde\xe7\xfb\x1e\xb6l\xf9\xbf\xac\x03\xf5\x05\xbe\xdf=\xaa\x82\xb9\xf1G\xb7/\xd7\x1f\xf6\xf8.Am-x\xd1\xb8\xf3G\x8d\xb7\x86\xc7\xe7\xfa.\xd7\xdf\x1c\x08\xf2\xf5\xf4\xd8\xfa\xadCy\x16\xbc8\xc21\x0ck4\x1a\xbd\x1bo\r\x0e\x8e?\x1a\xeb\xe8+\xf0\xfa6\x95\xf3\xf0\xf5:\xdc\xf7 \x84\x13QP"\x86\x12\xed\\1r\xdb\xbcC.\r\xce\x15\x04yy\xf9\xfa~\x1b\xb2y\x1chn\x9a{0\xfdC\x91\x08\x88hJ\x04p"N\xc4\xb0"\x96e\x8f\x8c\xb7\xcfu455\x07m:\x97g\xfd\xd8\xf0t\x88\x91e(\x86\xa1\xf0\x8ex\xc8\x06\x84\x14e|{\xbb\xb7w\xc8\xad\xb9\x9bA\x9b\xdbN\x8f\xe6\xf1\x15\xe3n\x96\x11QB\x06q\xe0\xce\x02\x14C\x91\x86\xbaQYv\xfb\xe0\\\xfd\x8f7S\xab\xcb\xe3+\x1c\xc7\x12u\x80\t\x1a\xe7\x16\x8bY\'\xa3\x854\xc8\xb6s\xc7\xb6\xe1\x8e\x01\x8f\xcd\xa3\x1a\\Q\x89P\x9fu\xa9\xd0`\x0c&gt;Q\xebE\xd3\xc4p"\xef\xd9\xe6M\n[\xaf\xbe\xe1\x15N\xe5\xee\x1ba\x11\xad5\x0fDC\x1a\xf0\x17E\t\x85D4\x8a\xda=\xdc\xb7\x19\x8d\xf4\xbd&lt;v\xc9\xc8\x1a9\xc4b\x01\x0b\xdc\xce\x12\xab#\x16\x83X\xd8A\xb8#\x95\x00\xde\xb1\x97\xc6\xea7\xba\x91\x1e\x05/\xa6\xb7\xb1\x0c\xc1B3\xe1\x8f3\x0c-\x14\x1231\x88E\xd3D(z\xcdb\xf0\xf1\x8e[\x1d\x0766+\n\x1e\\\xc4\xfe\xa98V\xc5\xa2\xbf\xe1g\x19\x95\x08\xa0\x08\x17HG\x0b\x84\x02\xe1\x1a\x15&lt;\x92\x8f)\xf6H\xfb\x86ry\xcc\xdd\xe7T\x1c\xc7\x888\x965\xb2d\xde\x08\x96\x00\xfaEa~\xd1\xb4\x00j]0wKq:\xb7o(W\xfd0\x8c \xabB\xb5X\x8eA)\xdc\x1ew\xbf"m\x03\xb5\x04\xf0V\xc4P\xff\xfb\x12\xbe\xb8\xd8~x\xc3\xb8|\xdb/rp\xc4\xd0\x0c\x1a\x8bA\xeb\xa0\xe7i\xda\x1dZ\xf4Z\x81\\n\xc3C\t\x84\x84J \x14]\x1c+\xf0\xdc\xa0\x85\xa1yx\xc5\xac22B\xcc(\x15\x001*\xa3\x91\xe3T*s\x97Z\xddeV\x91\xb4 \x03 \x10\x10\xd5\xd6J\x88\x1a\xd2?\x98\xed\xdb\x98C\xd2\xab\xa3\x11\x9a\x87\x06\x17q\x9c\x91c9\xa3k\x12\xca\xa5VO:\x1c\xbd\x93@\xd6\xc5\x99\xcd*\x11E\x0cF\xe0\x90\r\xd4\xc2\x97\xec\xcatG\xd0F`\xdd\x9c]\xe1\xc0\xe84\xc5\x1a]+\x93\x80\xb2\xecp\xda\xedv\xa7\xc5b\xb7\xda-\xfd\xa3\xa3\xbd\xbde \x1bG\xe2\x0b3\x03"\x03\x9f\x19\xf8K\x04\xd0y\xe3\xa5\xa6\x8dH\xd6\xbei\xfcI\xa1P\xe4\x9a\\^v\xda&amp;l6eCgC\xc3L\xc5Lm\xe7Y\x83A\xa94XG\x1c\x0eP\x0f\x1b\x8ac\xc0\x10\xdfC\xcfq2a(\xb9\xc1\x81\rH\x87\xdb\xf7\xcd"\x08\'\xd6\xe5\x00\xa6\x99\xa5\xba\xce\xce\xd2\xd43\xa5\xa5\xa5?I=\x13{f\xef\x9e={\xf7\x9e\xafU\x1a\xec\xa3\xbde.\x17\xc7\xd2\xc4S\x02\xa2\x1a\x06\x05$\x08\xfdv\x1f\xffy\xef\xd9q_\xc5P\xac\xda\x01Lu\xa9\xb1~z??\xfd&gt;},&lt;\xea\xc5\xc7\xf5P\xc9-&amp;\xbf]m\xb5\x15\xf6\xfe25\xec\x17\xd8\xbfu\xc7\x0b\xc8@\nE\x8f\xf8w\x97\xe7\xedF\x8ef]\x96\x89\xbaT?\xbd\xa9d?\xa9\x88\x88\x92\x88\x92\x92\x88\x96\x16SrK\xcb\xdd\xbb\x11zq\xe8\xaeN\xa5}\xb4\x8c\xb4R\xc5\x08I\xb8\xa2f\xf0,\x1066\xf3.\x97\xd7\\\x88\xca&lt;\xe9\x9c\xd9u\xdc\xd4\xb2?   0 \xc0\x8d\x06o\xf6\xb7\xbc\xa9dq\xe8\x9eN%\xcc\x00\xf8\x1f\xc8h&lt;\xae1\xcc\x848\x06\xdc,\xdf\xa9\xbau`\xd6\xa8\x9a\xb4-\x9d9\xder7 \x10\x0b\xb1\x02\xf6\x13\xb6\xbb\xeb\xd5\x92\x9c,\xae\xb9\x96\x12\xd3\xd6Y\xab\xb4Zz\xd5]*\x8a".\x13\x92\x93\x92\xfe^;\xcf\xeb\x97gS\xa3\xca\xe8,\x15\'G\x94\xb8\xa9\x02\xfd\x03\xdf\xd0\x01\x18\xde\x08\x15ThqJ\n\xa0\xd5Z\xc1e\x90c\xa4\x91\xc0\x85\x06kl\xe6\xf9\xa2~l\xc5&lt;9\xf3kSDy\xa0\x7fFF\x86\x7fX%)\x7f\x7f\x7f$s\x17r\x01\x95^\\S\\\\\x9cr\xec|\xadadT\xad6\xe3\x14\x82\xf7\xc9z\xb1\xa3\x9d\xe7\x9df\x90s\xd9R\xf7\xbd\x03T\xfea\xb9\x91\xa4\xa2rss\xc3\x80\x0b\x88\xaa\xdc\\\x08\xa6?.\xae\xa9\xb9v\rZ\xa9\x8b\x8b~\x7fd\xb4\x8b\x81D\xa5\x89\xb9h!;\xcb\xf3\xf6\xf0\xfb.g\x9d\xd8\xf4\xc1\xe9\xaa\xf4\xa8,\x8d\x9c \x81Z\xb9\xfe\xfe\x19 WU`U\x00Z\xbf|?\xcce\xf2qqhM\xe8\xc7)_\xe9t\xba\x8f*\xac\xc0\xc5Pkg\xb7\x90\x1d\xe7u\x16}\xfb\x1a\'\'bM\xe5\xa7\xd3\x8b\x86\xb4\xb2\xe0\x9c\xa8\xa8\xca\xc8\xc8\xabW\xafVV\x82\\\xd8\xd5\xc0\xc0* \x03*\xe02\xe9\xc1_\x1f\xa7\x1c\x8b\xd1\xe9\xda\xce\x9d\xb5\xf6\x9a\x19\xb2y\xe1^\xc6\x0e\xf3\x1a]\x07\xda\x97\x9du\'?8\xfd\xbbO\x82\xab\xab\x83s\x86\xe4Y\x9a\xac,\xc0\xba\x1aY\x89\x9dD6\xe8fUyy\tD\xd9;\x10_\xa1{Rb\xa0\xce\xb7\xc5\x19\xfa\xd5p\x18\xd1\xee=\x87\x99\xe6\xf5\x00\x1a\x18\x9f\xb4\xb5\x9e8T\x14u\xfd\xca\xf5\xeajY\xbeD\xa2P\x00\x98\\\x0e\x0e[#\x03\xb4\x8c*\xc02\x99Lz}\xcd\xb5\xe2\xaft\x80\xa5\xd3%)\xfb]]f\xb2\xef\xc0\x0e\xcb\\*\xe0\xd5\xf1\xc3\x8e\xa5\x93\'\xd23}\xaeKe\xb2\xfc\xf8\xf0\xf0p\x89D\xab\x91\x83Z\x91\x91\xb9\xa4\xc2\xc0\xfd\x19\xc0E\xb0\xc4\x98^:\x1d\x88\xd5\x96Ta)\xeb\xeaR1\xeeLe\x87\x0f\xf3\x8a\xf5\x8de\xe1\xd4\xc1\xf4(\x1f7Ua\xb8D\xab\xcd\x92\x03T%\x88\x15F\xdc\x05\x13\x8aX\xa8\x97\x1e\xcd\x05r\xe9\xda\x10\xcb\x0ey\xafr\xaf\x87\xf4\xeeG\x1e\xfcb\xad\xb6\xfe\xe2P\xd1\x95\xe0\xea\xfc\xfc\xf8\xf8x\xa0\x82\x16\x12.\xa8J\x98F\x0c\t\xa8r(4\xbdX\x8c]L\x8aKJ\x8a;k\xefu\xe1\xaeCv\xc2\x1ds\xfc\xc6\xd67`-\xe8\xa1\x14|\x05%\xd3J\x15P\x1a\x8d\\.\x078\xd0+0\x00\x8f\xa0\x96\x08p&lt;`\x81\xe9\xddXiiq\tpr\x93\xe3\x11\xf7\x9cmM\xfcb}=q\xaf\xfb\xb3\x9c\xe0`i5\x94L&amp;\xc1RH\x14Z96\x13LO\xb8`\x95HN6\x01\x9a\xc9}4&amp;%\xa5\xa5\xa5%~&gt;\xea&gt;\xb61#~z\x93O\xaa\xb7\x06\xbenxx\xa8(\xe7J0\x94T\xaa\x95\x80\xe5\x15\n-\xdc\xb4Z\x05rE\x02W`\x15\x08\xd6\x02\x8e7\x91\xa4\xc7\x98OJ\x8bNK\xb0\xf6\xc3:\xedR\x9b\xf1\x12\xae\x91\xdf\x05u\xe0?K_\xa6\x13\xac\xeb\xf2,\xa4\x82I\x94h%\x8a,\xb9V\xa3\xd1\x90&gt;b\xa6\xa2bkX\xd7\x8a\x11\x0b\xe4J0X@\xae2\xc0\x82-\xe7&gt;\xaf\xf9\xb0\xe5\xf0\xdf\xe6O\xa0\xe3\xafK5\n\x89$&lt;//\xaf\x10\xc1\x00+K\xa3!\xde\'X\xc0\x05\x1d\x84I4\xe1\x1a\x11C\xcc\x15\xad\xfc\xbc\x1f\xb0\xdc\xd9\x15R\xcf+V\xd0\xbf\x9e\x80\xe3\xa1\x7f\x1aT*\xbc\xb0\xb0\x90\xe8\x85M\xd4\xe2H\xfa`\xa4\x92\xe3\x91\x9c=z\xfd\x9aZ\x80\x95\x90\xf8\xdeH\x7f\xefZHx\xf3\x8b\xe5\xfb\xec\xf9\xc1\xcf\x86\xc0U\n\x190\x85\x17\x12\xb9\xc2\x89\xf1%H&amp;\xcf\xba\xea\x03\xc77$j@9\xc6\x03\x1e\xd5\x18\xf1 VtE\xa2\xd5\x82\xc3\x08;\xa1\x80g,\x8f??=\x91\x9e3$\x95I\xc2\xe3\xf3\xb2\xf3\xb2\xc9\r\xc8\xd6\xd8@5\x88\n\xd8+\x80\xab*\x00\x07\x91\xe4\x03\xaa\x15\r\\\xb0w\x91ad\xe8\x8b\xfcb}\xff\x0f/\xbb\xd3?\xb9R\x9d_\x98\xd7\x93}\x14+\xfb(r\x15\x16\xbaU\x03.)\xa0\xe5\xc0!\x04\\(\x18bA\x98"W\x82\xc1\x8a]TC\xa6\xf2\xec\xad-\xbf\xfc{wz\xa64\xff\xdd\xec\xec\x9e\x1e\x80\xea\xe9\x81\x17HD\x9a\x19\x9e/\xab\xc6@\x93\x0e\r\xe5df\x16\xa5W\x9d8\xa5\x0f\xdd\x13\x83T\x88\x95\xa8|\x7f\x04g\xb1K\xc5\xb7Z[~\xf6\x8f\xee\xa9+\xb2\xf8\x9e\xa3\xbf\xed\xb9s\xe7\xce\x17\x9f~\x11\xffnO^\xbe\x82\x0c\x80Dv\xe3\xf1\x85\x0b\x8f\x1f\xff\xf5\x02\xa9\x0f\xa7\xa6\xba\x1f\xee\xd3\x87\x1eC\xad\x08V"\xb9\xaaE\xd3\xf3\xec\xad-\xbf\xf9\xd3\xa1\x0f\x1f\xdf\xf8\x14\xea\xe5\xf3\'O^?}y#&gt;\xafP\x01i\xf1+\x89\xa4z\xe8\xc2\xd3{\xad\xad\xf3\x8b\x0b\x0b\x8b\xf3\xf3\xad\x8b\x8b\xad\xad\xa9\xa9\xb1\xb1{\x93\x00\n*:!\xd1\x80\xa6\xc7\x8c\xe0\xb9\x89oy\xfd\xe5\xe9\x1f\x9f?\x7f\xfdd\xfe\xd5\xab\x89\x89\x89\xa5\xf9\xe7\x17\xaa%2\x88-(\xa9th\xea\xde\xc2\x84m\xd5\xe9\\^v:Wm6\xb8\x19f\xeav\xc5\xc0\x89\xe8\xee"b\x11\xb9\x8e\xf0\xac\x96\xef\xb3\xd7\x0bH\xb4\xba\xec\x98t8\'\x16\x9eL\xe5\x0c\xf9\xf8\xe0\xb2\x95\x99\x93Y\xf4e\xeb\x92\xcd\x8e\xff\x16Q\xab\x8dj\x17\xfe;\xc7b\xb7\xd6\x9e\x07\xb9\x92p\x14\xdf`\x99\x8f\xdc\xe4\x17\xcb\xf3\xd9\xfc\xc4\xea\xaa\x13\xa0\\e\xbd\x16e]+\x9cE\xb9Q\xe4\x12#\xe3\xf4\xc1\x9f\xfb\xd55L\xd8\x1ceee@\xe4p,[,\x96\xe5\xfe\x11\xe5Gq\x04\x0b\x02\xd5j\xe9G.\xf3}\x9e\xb1&lt;\xfe\xfdj\xd5\x06\xed\xb3\xd9\xacV\x83\xf2\xdc.\xbf}\xa7\xaa2\xc2r\xc9e",\xef\xb1\xa9\xa5\xe7j+*f\x1a\xea\x16\x17\x17\x16\xeb\x96\x96\x96f\x0c##\xef\xa5ap% \xd6\x08\xc1\xea\xe2\xf9\xa8\x06\xac\xf9\xf9\xd7\xff|9\xf5\xb4\xfb\xe1\xc9\xff\xd2j\xbe?i\xa5Y\x1c\x9f\x97\xcd6\x9b}-\x9b\xdc\x81j\x08\x17\xef\xbd\x95\x11\xbd\x02\x01\x84"\x93\x12b\x05\xb1\x1a\xf9-?d\xc4\x15\x0c?l\x8a\xf6\x05Y"\xad\xc6\xd5b\xc1%\x1a\xa3\x9d\x95\xd6\x8d \x9b\x98A\x9c\xc9\xb4v\xea\xd6jj\xa6\xd1N\x9b8\xcd\xb6\xcet3\x9dL\xed\xb4\x9df:\xdd\xdd\xd9\xf3`\xe7?\xb8\x9e\x17\xbc\xe5\x93\xf3\x9c\xe7{\xce\xf7&lt;\x97\x12\xe18.\xf2\x08\xbcZ&gt;\xa2\x12\x80\x18\x18\x87\xeb\xebI\xf6VBc\xb7k\xc4\xe2;[\x85B\xa6\xb7\xaf+&amp;\x0bK$\xef\xb0\xe6Qc&lt;\xf5\xcf\x0f\x98&gt;\xc47\x03s0\x96\x82d\xda-T\x80\xec\xec\x14\xf5\xc7\xb3,!\x9a\xde1\x90\xa8\x93\x92Z\x91\xed\x0e\x9dH\x88\xc5\x89\xc4\x9d;6\x8a-R\x8f\xca\xe5\x92\x92\xce\xcbJX(]\xff`x\x95\xf4\xbb\xc7\x03\xfa\xaa\xca\xca:\xb8tCe\x91pP\x9e$=&gt;\xd6\xb1\x96\x1e\x94\xad\x009,\xa9\x1f\x8eDz\xd5\xea\xde\x07C\x19\xa4\x0f\x01\x91(P\x16I"\xac\xa4L\x1e[Y@\\\x90-\x86\x9f\xcc\xde\xbf\xb9f\xe7Vm\xaf}}k}\xfe\xe1\xc3\xf5X\xccY\x83\xfbNT\x9e\xee\xe1\xf8\xbc\x04\x9b\x1c\x06\xcdtvC\xd9?|x\xfd\xfa\xf5\xd5[\xb7\xfa"e$IF\x86AR\x935\x07X\xf3\x93\x1f\x9d\xfa\xe5\xd9\xce\x95#L\xea\xd6=\xb1\xfd\xfc\xc6\x97\xcf\xaf\x7f{\xea\xaf\xbf\xff\xec\x8b\xf5.g\x98$\x84\xaa\x11\xf0\xac\xee~\x10t\xa8\x1fg\xd7\xea\xf3_\xbf\xfd\xf8\xd4\x0f\x17?\x9a\x9f\xff\xb4+\x18\xe9&lt;\xe0\x823\x8c-@LN.\xc4\xfa\x1e\xbc~;u\x84\xc9\xe6#\xa6{\xbb\xe6\x7f\xf9\xfb\xe7\x9f\xfd\xe9\xdf\x7f\xf8\xe2\xd7/\xcfvR\x02\xfe\x08\x9c\xa1[\x11\x82\xda\x1a\x96\xc0\x9f?\x7f\xf6\xe7\xcf?\xfc\xf0\xe2\xc7?\\\x02\x11\xf9\xb4{\x98$\xe1*@q\xc9\x01k~aA^\xcb\xe3\xed\x9e\x94\xfc\xc4\xdc\x8e\xeb\x8f\xd7\xf6\\T\xc3\xe4\xe4\xf3g\x7fY\xbdx\xea\xd2\xea\x9b7g"\x0e7\xbf\xa9\x87S~!\x84\x1c\xa1H]#?\xf3\xfa\xd5O\xff\x9b\x07\xa2\xeb\xab\xeb\x97&amp;W\xe4\x92Z\x92lG\xf3\xa9\xdc\xb9\xbe\xb0\xb0\xd2\x8d\x9b1\xb0\x1d\'\xdfL1\x86u\xf9\xf6\x9a\xa6\x10\x0e\x0e\xbd\xf9\xfe\xfb\xaf\xba\x1a\xce\x0emd\x86\xd8\xb4\x97Uy\xa2\xa7\x02a\xed\xd6.\x8a:;\xd9\x85B\xe1\xeb\xaf\xfe\x05\x9dq\xa87\xe8\x94\xd7\xd4\x1b\xf1\xdf\xb0V\x16V\x9c\xbd\x14\x86aic=\x83X\xef\xdfL\x9cO\xd8\x12\xb3\x9b\xcb\x03\x1b\x85La+\x97\x8b\x8a].\x95\xe9t\x8f\xd6\x1d\xea@\xdb\xbf@\xa0\xd3\xb8\x98\xa32[\x85o6\xb6ll\x1c2E\xe2\xb8\xb14\t\x02\xd6J,\xcc\xf6x|\xe5X\x87\xf2\xd59\x06\xb3%\x1eh\xcc\xda\xb9KK\xfbE\x0b!\x1a\x1b\xa3\x12b\x17_ej1h\x05\x80\x95\x82\xc9}l\xccX__;&amp;bC\x04\x02\xe9t*\x9dN\xe3\xa5\xdd\x9bL\xe6\\\x89\xc9\x8d\x1e\xb3Co7\x9b\x15w\xaf0\xb7\xd1\xdd\xd9\xd3\xa3\x11O\x98w\x11\xa9\xdd\xddE\x82\xd6p8B\x95j\x84_\xde\x1fJ\xa5xh\xa1\x95\x06\xb1\x87\x81\xb4\xbe\xddH*q\x1e\xc6\x83H+\x8d\x80\x05\xda\x11\x8b\xc9\x8c&lt;6a\xe7+\x14\xee{\xcc\x95\xfc\x91k\xb3`\xa9\xf5\x06\xbe+n6\x13\x16M&gt;\xcf\xe7s\xaaU-\xd5\x1c\xc0\n\x850\xb3\x02\xe6w\xcclf\x03\n\x9e\xe6\xf1\xb0\xfe~3\xc2\xc2\x95\x07XNgM\xc4H\xb9\x84|\x85\xd9{\x93A\x81\x98Z\xd6\x83\x1d\x03?(lldM\xa3\x91\xa6\x07e\xabt\x13C\x98\xc2\xa38^\xfe\x89B\x81V\x10\x07k\x08\xaf\xbb\x1f%\x10\xb0\xa0\xb4\x90\xa8%\x87\xe5\x918k0\x9ar\xed09\xcb/\xcf\x9c\xae+y\x1c\xf0\x8a\xc8\xc26U\x1bF\xe0\x109\xc7\x15\xa1\x10\xe4\xca\xed\xab(\xff\xed\xf5\xc0WZ\x8cC\x07G\x0bgP\x04\xd4\xab\x9d\xe1\x88\\\x8e\xc7\xf3\xe2Tq\x8aI\xacM.\x98\xb1w\xae\x15\xfc\x8ftZ\xd8\xd3\xa4\x82\x96\x88\xb00\x85\xc0K\xbb\\\x15.\xb4O\xaa\xa8@\x0bK-\x88?\x96V*;\x8c\xed%,y\'\xbb\xac^\xc9\xf3\x8aS{W\x98\xc4Zb\xf9\x91\xc7o\x05\xe7ZYi\xd5!\xac\x91\xa6&amp;\xc0\xba\x80\x01\x17Z\xf6f\xb3\xd9&lt;\xf8j-\xe7`_\xe9\x16\x98S\x80\xa5DX\xdd\r5j\xc7DG(t\x816\xdf\xbd\xcc,V\x1dxBp\x86\xe0[M&amp;+`UO\xb7\x00V9\xa4+\x15\xc2.x\xb5\xd9,_h\xb0\xf3\xb3|\xb4GEkT0\x8bJ\x1c\x87\xe2\x02\xac$\x15\xf7b\xa1\xc5\x90\xeb\xd1cF\r\x19`\x81\x9d\x063\r\xce\xd5j\xb5\xb6\xb1\x84#-\xaawXH\xb8\x14^\x97K\xcbo\x14\xb2XB!\xb8\xfel\x85\x17\xa5+\xcdK\xd7",g2J\xc7\x15\xa1\xdd\x14\xbd\xc7di\x1d\x05\xacJ\x9d\xaed\xa8u:\xab\xb4\xadJ\xc8B\xeb@\x98 \x8e\x0b\x14)\xc0J\x99\xddqoE\x16\xb0\xb8,\x96\xbe\xd1\xa0=\xb8\x8b\xbc\x00\t\x87(\x93\x87\xa3\x9ahnw\x17K\xdcet\xe0:7^\xd5\nHW\xaf67\xb7V\xaa\xa6\xe1\x08\xeb\xe04\x8f\xb5L\x0b\xb3\x15\x9f\x84P\xa4\x14 \x0b.\xbep\xba\xaaj\x9a;#\xd4 \xc7\x9f\xc6\xf1\x00\x19\x86\xda\x92\r\xdb\x88Ec{\xca\x96`R\x1eJXV\x80\x82\xd0A\x7f\x16N\xb3\xea\x9ao\xde\xbc\xaa\xb3\xb6\xf9\x07\xf9^\x01\xd1\x7fA\xc1\xc3\x08\x81 \xee\xb2#}\xe3\xce\xe8\xed&gt;o\xe9*\xe2\x07X\x91\xb1v%\x86Q\xd4+f_\xee\xae\xdc\xe3ZKTWMM\x06\x8e\xb0\xae\xae\xb2\x84\xa5\xb3\xd6\xe95^(+\xaf\x82\xc73\x13\x9e~\x81\xc5\xae\x9f\xe1r\xb9,\x83\xd6\'\x00,#IJd\xb2`\xcdp{;\xa1=N\xd1\x8f\x99}\xe7\xbcr\xbf\xaa\x15A5[UB\xbe\x9d+\xd5\x99\xa4\xcdWu\xa6\xb6\xe9&lt;\xed\x86\x14\xe5]\x8e\xdcb\x8e\xa0\xcc\x1e\xc2\x92m\xd4C\xb6\xb2./\xb2D0\tJd5\xc9pd\x91\xe0s\xcam\xdb\xe7\x18\xa5\x82\xc9\xc6\xdf\x8a\x0e\xd1\xe4\xaf\xe6\x0b\xab\xea\xa4\xd66\xae\xdf\xd4\xd6"\xd4z\t*:A\xbb\xe8\x89\xdc"\xe5\x88\xf6{&lt;n\x9f\x86\xdf\xd8\xc8\x87\x92\'\xcc\x01\x9c4\xd6Jd\xc9`\x18\x1a\xa2V\xeb\xa3\xef1\xfc(|\xf9\xb6\xdf\xa4\x1bo\xd6\xa9\xaa9\x06\xbf\xc9\xba\xb9-\xcel\xe9\xa7\x07\xed\x16[YRV\xf3B\xcd\xce\x89(\x9a\xa6\x1d\xfd\xe6~\x01zG\xcb\xba\xdc\x84\x02;\xc0\x82d\x85I\x8f\xc5\xe7\xa3\xf5SG\x19~\xab\xde\xf1\x1f\x03%55\xf1\xb5,\xe9x\xf3\xf8@N\x9e\x9c8/\x9e(\xa8\xc3\r1\x18\xf2\x92\xea(\xb4\x1f\xdaBx\xcc\x1e\x87\x85v\x81}T\x98y$r?%,&lt;\x1a\xf7Uh\xee]~\x8fi\xac9Ue\xab\xb5N\xa8\xb5\xfbM\xe3\xe3\xe3K\xdb\x1b\x99o\xd6&amp;D\x9d\xc8\x1d\xf6\x9e9\xa3.\xc0\\H\xc7\xe3\x0e\xc2\x8c\x11n\xf4\x8b\x99\xb14\x0c\xa8d$\x9c\xec\x0b\'q\x8b\x96#\xdc\x9cb\xfc\xeb\x9fks#\xaa\xb66n^\xdb\xe8\x9f\xb3\x8e\x83\xceo.\xef\xef\x8ba\x82\x17\x1566\x12\x8f\x12kb\xdab\x89O\xc4\x1d0g\x11\x04\xd6\xd1\x81/\x06p\xe3\x01\xd6\xd9&gt;\xb9,#&gt;\xbf\xbc\xc3\xf8g\x10 \xf3|VU\xd5`&gt;;\xe3o\xb3\xea\xac\x9b\xd2M4@G\xd9l\xa8\xf8\x84\x18&lt;~\x89*\x1a\x8dR\xa2\xb1\x1ca\xee\x18S\xc2%\xac-a\x05\xfb\x92\xce\xc9\xee\xd7ww\x98&gt;\xc2\x92pe\x1bY\xd0V\x06\xfdsR\xa9\xd5*\x95nn\xceq\xf3\xb4c\xc2b\xa15\x1a\xb18111\xe1\x88\xda\n\x196\xbb3\xc2\xa6x\x1dJ\xa0\xaaU\x92xg8\x19\x0c\xc6&amp;W\xdf\x9e;\x8c/*/\xdf\xb7\xdb\xa1\xe1\xcdp\xebfg\x97\x01J\xba\x04X\xc2"-.\xe6\xf3E\xc0*qEm\x19\xf6\xd0Po\x92\xa4\xcci\xbc\x84\x85\x03V\xb0\xbb\xbbk\xfd?\x7f;\x94\xaf\xca\x8e\xdc\x1e\xc8\x1a\xaaO\xcclo\x0f\xec\xcd\xceI\xadKKKs\x83\x8d@T,\xe65\xaeb\xb1(\xb6L\x80\x11cg\x86\xd4\xea\xb3a6\xc1\xc3\x95 \xf18^\xd6\x99\xec\x0e6tu=\xfb\xe0\xbdC\x89k~-L\xf1\xdc\xbd\xb5\xb5\x81\xd9\xb9%\xeb\x92t\xce\x9fG\xe1\xa2\xe9\xefhW\x82\x8e;l6\x1bE\xd92j\xf5h\r`\xc1\x1cO\xe2\x81@Y$\x18\xecn\xe8\xba\xf5\xf6\x90\xbe"&gt;\xb7\xc41\xb0\xa6\x07\x07\x1e\xadA\xb2\xda\xf6777\xf7\x7f|\xfa\xb4\xf8\xf4\xbb\x1b\xa5\xc8\x95"S(@\xb6z\xc3\x94\x80\x87\xe3J\xa0\n\x94\r\xbf\xc3:\x9cou\x8f^\xbeo0\xe8\xb9\x8dk\xe2\x81\xe5\xb9\x97\xc5\xe2\xcb\xfd\x97?"\xa4\'O~\x86x\xf1\xf3\x0b\x88`\xf0\xec\xe8\xe8\xe8\x19\xf5P\xc4\x16\x07,&lt;\x8dv\\\xe1\x03\xac\xff\x1e\xd2\x17\x9eGn\x0f\x1aX\xdc\xf3\xe2\xc4\xda@"\xf3\xe4\xc6\x8d\xc2\x8d\x02E\xe5rO\x9e\xe4\xc6\x80H\x12y0*oX\x98\xbc4\x19\x1bU\xb3\xcb\x1cn\x84\xc5c\x8b\xca\x86\xe1\x1evw\xc5\x9e\xff\x9f\x97\xf3\x8fi2\xbf\xe3\xb8\xc9\xfe\xe9\x95\x88\xf4\xa4{\x0e\xad{z\x7f&lt;\x08\xa44^\xa7\x96\xd6G0\xee\xda\xb8\xea\xba\xd9\xdc\x16;\x8e\xda^\xc1\xdeX\x8d\x14\x0c\xa5 \x85\xd2Rh\xa0)\xcdq\xa4\xbb\xa6\\\x81P\x88"T\xac\x84_\x07]\xb4\xe2\x81\x94\xdf?\xce\xcd \xc8v*\x0c\xe6\xf0\xc7\xb2\xa9\xd9\xe7\xfb\xf4\xf6\xff\xdd\xa4\xfb\x04\x1a\x08\x7f\xf0\xe2\xf3y\x7f~=\xfd~y\x1d\x1d\xaa\x1d1\x1e\xdfG\x89\x07d6a\x85X\x9b-\xd2\x8d\xad\xae={xw\xfaYi\xdft\xdf\xf2\xf2\xf2\xea\xda\xf4\xda\xfd\x17\xb9\x97?\xbf\xaa\xafic\xb7\xf1\xcf\xa1\t\x90\xfd\x7f\xc0\x82\xca%\xad\xfa\xd5\xcf\x9al.\xcd\xc0\xef~\xf9j14\x1a\x9c\xf3\x18\xe7F\x83\x9e`ht\x0e\xbe\x9d\x7f\xbe\xb1 \x12\xe9z\'\x94JE\xce\xa5O\x10\x15\xbb \x15\xb0\xa0&gt;T.\x98\xa3\x85\xb5#$\x93}\xf9\x9b&lt;\x99\xd0%\xce\xc8}\xb1\xe21\xb6\x1b\xdb\xdb\x8d\xf0j\x9c\x0bzFGW\x9e\xaf\xad\xfe\xf3\x1f\xfe\n\xe8\x8ba\t\xff\'\x9f$\xa3\xf3\x83P\xb5\xf4z\x90V\xee\x945jX\x9e\xbe\x94=y\x1f6\x97V]\xbb\xf9\xf8\xe9\xf3Q#\x01X\xed\x08+\x18\x0c\x86 \x947\xff\n\x93`\xb5B\x1dVH8_$\x17\x08P\x0cK\xea\xf4H\xf1\xb9\xafZ\xa3\x86E\x9fWI\x13?\xf45\xa7m\xf6?]\xdaZ\x0f\xad\xcc\x19\x8d\x1e\xb0\xe0\xca\xe2\xfc\xd6\xe3\xc7\x8f!+a"\xe4\x87\xd5\n\x05\xfb\xb83\x82UW\xac\x07me\xe7\xbei\x8c\x1a\xd6\x8e\xb9f\x894\xed(\xd8\xe6\xd6\xd2\xd2\xd2\xd6\xd6\xf4b(\xb4\x12Z\x9c_G\xb5\x02U\x0bD\xa5\xa8\xae\xaeV\x16\xa4:\xfd\x02\x81 ACa\x89\xb2Eo\xc8\xa8Q\xc5\xe0\xf3\x9d\x92\xe63\xa8Konm\xde[Z\xba\xb7\x8e\x0c\xbeXZz\x1a\xa1R\xf0\x15j\xb5\x9a\xc3NvB\x10\x05h\x10+\xd6\xeb\xa3\x8c\xb5\x83\x16\x9c\xcd\xa9\x829\x1e\xda\xf4\xfa\xe6\xcb\xd0\xcb{\x11\x03\xbe\xa5-DU\xe1\x82yB\r\x8bFAB\x82\xb8@ N\x88`iE\xda\xa8b\xed\xc0\xe7m\xb6D\x1f5\xd5\xac\xaf\x87B/\xc1\xee\xa1\xcf\xf5\xa5\'7o\xba*\xd4\x94q\xb2\x04\tN\xe0\x12#g\xa1 \x8a2\xd2\xa3)yp\x97\xa7O2\x9bv\xc6w\xd4\xe7\xbb\xbb\xb9\x1eq\xd5\xfa:\x8a \xa8\xbdb"\xac\xae\xa8\x80n\xcd\x06g\x81\xe9t:\xa0\x02,\xad6#\xfb\xef\xaf\xa3x\x7f\x05\x1a\xa3\xcd\xd6\x9c\x06`&gt;\x1f\xf4DdO\x9e\xa0\x14\xec\x12\xb4ML(\xc1U\xe8=(\xa0\xd2\xa4\x8au\xba\x85\xa2\x08\xd6E}z\xf6\x1f\x87\xdcQ\xbc\xebF3N\xabf\xf3~\x9d\xe6\xcb\xcbK\xac\xea\xe7\xa3\x9a\x80zu\x82\x98\xdd\x06c\xcd\x84K\xadd\x83\xa4\xfe\xeb\xab\x08\x95\xbeN\x9f\x91\xfd\xf5_\xba\x03Q\xbc\xf3I\x9fk\x96\xa1#oiy\xcd\xb36~E\x17\x08H\xa7\x13\xd7\xd4\x00\x15\x92V\x05`\x15\x88#XEE\x0f\x10UaI\xedE\x84u\xc2\xeb03\xa3\xe6\xb0\xf6\x90lO":\\\x96\xd6\x0cm\xdb566\xd6\xdb;Q\xd1\x0bP\n\x85\xc2\xa5\xa4\xdeH\xfcNW\x0f\xd0!\x7f\xbd\x06\xa6\xe6t\xc0*3]\x19w\xe3\xd1S\xfd\x8d&amp;P\x17\xd4\xd43y\x07\x9ad\xd2R\x9b\x90/\x94\x08\x15\xb0R\xf3\x15a\x84\x05\xde\xd2D\xa8\xeePT\xb5\xc7\x1a\x0ee\x7f\xfd\xa7ow\x9a\xca\x1fE\xef\xbeO\xcbh_\xb3\x0f\x86\xf9\xb3g?&gt;z&amp;\xed@b\x95T\x8a\xdeI\xb0I`\xff\tO(\xdb\xc0Y\x1aM\x11\x8a\xa0V$\xd2\xeb\x12Jjk\x1b\xd2E\x83\x97o}\xbb\xcb4\x19=,Z{\x08\xf2\xf0\xe8\xe9\xfa\xd3\xa7\xd1sA\x9f\x0f\xe9,\xb1I\xaaR\xa9\x84a\x90\xbc\x18A\xd5\xd5!*\xad^\'\x86\xb5\xbb\xf0H\xba\xa8\xf2\xf2\xf5[\xf1^\x03\x86E\x8f\xcb3\x0f\x9bb}\xe4\xac\rl\x8c \xb3\xbc\xc4&amp;p\x9aM\x18\x0e+\xd9(\x01\xd1\xd5\x11\x91H[\xa7Kp:5%\xb5G`\xf5\xb9z\xfdo\xf9\x16\x82\xc9dD\x8f+X\xff1\xc2\xaa\x8f&lt;\xdcM\xcb\x83HVUA\x18?sM\xb4Ai\xaf+\x02\xa8\xdc\\m\tU)\x9c\x80\xa5\x17e\x0f\\\xbf\xf5\x88\xc40\x8c\x89\xd3\xa3\'\xaf\xb37\xea\x01\xec4%\xaf\xc4\xa6D\x10\x98\r\xa6\xfc\xb0\xb2\xad\x86\xaaVwr+sAV\xd0\x80\xfc\t\x9a\xda\xda\xc2\x06\xadh\xf0z\x87\x15cbL&amp;\x11=0\xe3\xfc\xdd\x1b7\xea\xeb)W!OUI\xd1\xba\x1f\x9e@T\x0f\x1e\xdc\x11U\x02U\x11`\x15\x88\xfdNJ\\\r\xa2\x81\x7f9\x08\x02a1y$s/-&amp;*a\x9c\xbb\xdbw\x94\xaa\x11\x80$\xab\xaaR\xc1J\x1d\x1e\x03\xaao\x16\x1e\x14\x8b\x06\x07*E\xfa\xba"M\x82\xdf\xefG\xe2B\xfe\x12\r\xbeiD\xce\xc2\x08\x1e\x18\x93A\x8f\x06\x18\xad}\xfaa3\xb2Y\xe95\x95\r\xe2\xe7r\xb9z{)\xaa;\x83\x03\x03\x83\xa2\x8b\x85u\x1a\'\x12\x16z\xd1\x94\xd4\x15\x8b^Y\x99 ,\x02\x03(\xb9\xc5B\x02W\x14\xc0h\x8b\xdf\x1d!\x13R\x16\x9e\x98\xe8\xad\xa9\x01\xaa\xe2\xdc\xab\x03\x03\x95\xda\x86\xc2Z\x8dS\xe3t\xfa\x9d~?L]0\xa3N\xbd&amp;0\x14ApV\xa3\xdd\x94?c\xe6a\xb4\x16\xfav\x83\xed\x1d-\xbd\r\x86\xce\xad\x84\xc7\xc2aWo\x1b\xb8\xea\x9b\x85;\xe8yevz\xc3\xb1\x92Lgj*\xb8\xca/\xe8B\xbdH\xb3\xf0o\x02\xa00&amp;\x8fG\xf2\xe4=\xa6\xf3,\x04\xc6`\xb4lw\xb5\x08&gt;\xb4\xdd^^\xa6\x1a\xe2\x04\xbc\xd6LMM-\x14\x8b*\x07\xb2a\xe6;t,\x13\x19\xa2\xeab\xb3\xbb\xba\xc4\xce\xa9\x8dF\xe4\xaa\x88\xb0xrs\xcfH\x1c\xeb\xab!\x8b\x9c\xa0oo\x19\x8b\xf1&lt;\xb4\x01\xd7\xea\xea\xd8}0\x80\x02UA\xfeegdd\x80\xaf\x0egf\xc2\x07\xb5dp\xc1\xbaj6\xe4\x08\nCY\x08z\xc7\x19\xa4u\xb2cW\\Y\x87\xddL\xa2\xfa\x1a\xb3mlF\x84u\xbb\xb4t\xf9\x05`!OA\x03\xd4\x02\xd4\xa1\xc2\x92\x92\xc3\x87\xff\x9c\xa9A\xab\x0f\x1b=\xc2\xe4\xb2\xdb6\x82\x18\x15B&amp;\x8f -\x81V\x1e\x94.Bn\x19\x1ay\xef\x1d\xd3\xb0\xddb%\t\xe6v%&amp;`\xa9T\xfd\xb3\x90\x8b\xa5\xb7\xc7\xda\xc4E\x85\r\x17\xd3\xd3\xd3\x0f\x1d\xa9ETT\x08#T\\\x0e\xf7\xfeF+\xa4 \x95\x87&lt;\x9e\xc5\xf4\xe3\x8eIs#\xb8\x8c\t\x19\xf9\xa8\xfbD\xd9\x89\x91q{\xc0L\xe24\xda\xf6`uJ\xfa\xfbKe2\x9b\x84\xcfI\xca,l\xf8yC-\xba\x14\x12a\x82$\x14tq\xdb\xd8\\%\xb7w\xa3\x15\'P\xd7Ahr\xef\xc9\x93?b\xe5\x0f;\xac\x88\x0c\xc7I\xb3\xa5\xc7;b*+\x7fd1\x93o\xaf\xb3\x18\xcf3\x9b-G\xd2o\x83\x1aa\x03\xac\xe4\xc3\xbfE@\xa9\xa9\x99\x99\xc7\x93\x81\xa9\x00vj$\xab6\xee\xd8\xf3V\xc4\x14\xa9\x0eL\xc3Py&lt;\x80\xed\x8e-\x1f\x9ft\x1bH\x82\xb1\x97Fg\x92\x86\xc0\x8c\xf7\xca\xf0\xa4\x99|\xdb\x8a\xd1\xe2\xe9+-\x95\xf0%\x9d\xb2\xe6\xbc\xaa\x1cNVR*\x88\x1c=g\x13\x08\x92\x92\n\xe03\x89\x9d\x95\xc5\x85Iz\xecyc\xc4O\x18FPf\xb0_\xc9\x7f\xf7\xfc\xee\xdd\'c\xf3;\x86 zr\x125\xc9\x16\x824\x07\x1c\xee\xc6\xb7\xaa\x18\xb8\xdc\xda:m\x83\x91A\x98c\x93I%\xd5\x9f&amp;%\x1f\xcf\x84=:)\x0b\xb4\xc4\xe1p?\xcdB\xf7;\xb9\x1c\xa5ru\xdaC\xf9\x89\xf2\x16\x8ec\x18\xced\xca\xdd\xf6\xf1n\xd3N\xd6\xc9\x93\'\xe3\xf6\x8fx\x87fz\xec\x0e\x8b\xc5m\xe0\x11\x8dr\x88\xec\xff*~\xdc\xeapXy+\xa5\xd7\xa4*I\x8eP\xa8Ps\x93\x9c\xceTP8\x97sN\xa1\xa8\xae&gt;w\xee\x9c\x9a\xf3\xc1%n\xc5\x07\x97\xc6\xa6=8\xca@\x8c\x9ah\xe4n9N\xc7\xf1\x16&amp;A\x1a\xdc\x8e\x9e!ow\xf9{\xf1\xb1\xf1\xb1\xacw\xcb\xf2\xcb\xbb\xaf\xccXHH\n\xe8\xe7?8\x94t:\x83\xb4\x0c\rO\x1ax\xee\r\xdb5\x99\xb4S\xc2wUp\xb3\xfcN\xa7\x18\xa0\xaas\xde\xef\xec\xcc\xc9AC=\xb0\xa9\x15\xea\xe5yO\xc4U\x0cT\x1e\xc8!SG\x8f\x99\xa0\xd3\x188\x83\x0e^#\xe5Vw`\xd2\xde33\xee\x1d\xd9\xcf\xfaC\xec\xce\xf2a\x07\x89\xe3\xd0\x08\xc8\x1fr\xb0\x91\xc6@\xfe\xf7v\x8f\x07\xe4\xd6\x99\x91WkR\x99\xec\x1a\x8c\x0e\xca,\xf6\x17\xc8U\xd5\x17\xdeOQI\xa5\xd2\x94NI\xce\x05\xc5g\xfc\x0b\x8a\xb5E#\x15A\xe4+\x1c#\xece\xe7Y\xbb\xca\x87\'\xad\x04\xa4 \x83\xb1o\x1f\xfc\x91 8\x1e\xd9h\xb0Z\xec\x1d\xef\xc0OM\xde\x00\x801\xe5\xdf\xfb\xda\r\r\n`\x00$a\xf2:\x0c\x06\xc7\x95\x13\xf9\x8egRY\xd5O\xa5\xfdB\x17\x87\x03\xeaV\xff\xfe\xc2)\x95l\xf6\xc0\x81=\x07S:O\x9d\x82}#\xe7\xe1\n\x8130\n\n\xa8\xf0@&gt;\xeb&lt;\x8b\x15\x17\xbf\xbf{\xc8\xee\x08X\xccV9\x89"\xc6\xa0\x03\x1d\x03\xe7Y\x1d\xde\x9d\xe7\xe3~a\x1a7\x13\xfb\xb0\xef\xf7\xc0\x82F\xc7Iw\x0fH\xa1c(`5\x04\x86Me\xbb:\xac\xd3\xd2\xa6/\x0f\xca\x90\xbe\xf8\xd5\xd5\x8a\x0b\xa7R\x0e&amp;\xe6\xf9\xd2\xf2\x9ad\x1f\xa5\xa4\xa8T)\xb6g\xa3\xc4&gt;\x08\x15\x13\xdf\x87a\x0c\x9ci\xeef\xb1X\xf1\xac\xd88\xf8\xdd\xfb\xf7\x7f\x05b\xea\xf0\x8e\xcf\xd8\x1dn\xea\x7f\x181\xe8\x0c\xa2\xd5\xe1-\xfbO#g\xf0\xda6\x96\xc7qx\x07\xc5\xd2"=I#\xbf\x08K\xc2Ppt\x98Kpr\xe8\xc1=%\x071\xc3\x834\x99\xa4\xf5i\xe9\x1f\x10(\xbe\xe5\xd0J!\xc6\xc3\x1e&lt;\xb9\xe4RL\x12\'\xc6%\xc5f\x0f&amp;c\xc8\xc1q.C\xa0\x10(\xcd\xa6\xe4\xb2\x97\xce\xc0\x06\xf6\xba\xbb0\xcce\xbf\xbf\xe7\xcc\xcc2Ig\xf6%\xad\x9b\xe0X\x1f}\x7f\xdf\xdf\xf7\xfd\x14\xac\x86\xa1\x18l\xefU\xea\xff\x17\x13Y\xf4\x18g\xd8j\xecU\xeb\x17\x9b\xdc\x8c\xfdf\xe5\xfa/\x07\xb3\xdf\xe0\xca\xe2\xd9\xb3\xbf~\xf1\xc5\xb3\xaf\x96g\xe8\x92vv\xa60\x8fB./\xbfx\x7f\x95\x8f\x9c\xe9"u\x1f=4\xda\x9em[\xae\xe7\xda\xb6\xe7\x85\xebX6s-\xc6\x93\xac\x7f\xd1lU\xcb\x0e\x1c\x97\xef\xbe\xeb\xb3\xd0\xce./\xb2?\xcc\xcd\x9cQ\xde\xebV+\x95\nN\x19\xe1r\x99q\xcdL\xd3\xf3\xad\xd2\xf5\x8b\x83\xfd\xa5\x99\x99\x02\xad\x85\xa5\xd9\xe7\x0f\x1f&gt;\\]\xa5"./\xcf\x15\xfe\xf6\xe1l:r\x8a\x00\x8b\xa2\xa2\xe1\x147.\x84\xfd\x0f\xcfs-\xdb\x13\xcc\xb3C\xcb\x15\x9a\xb0B\xdb\x82\x84\x96\xbe\xd9nn\xeda_t\xf2\x1b7\xc9z\xe8\xd9\xeb\x7f\xc0\x943J\x95juo\xafZ\xadv7\xb6\xb6o\x06\xa9\xe0\xbe\x1f\xc7\x97\x95&lt;\xb0ff\xe9&amp;)u\xe5?Kkmvv\xa10\x871\xfa\xf0z\xd7\x99\x9a\x82\xadal\x909\xddSn\t!,\xcfvAeY\xae4\xb9\xb0l\x8bi\x82\xd9\xe1\xab/\xd7e\x861g\xdaq*\xdb\x9b\xa1\x8db\xff.\xd4\x9f0\x81\x1c\x0f//O/\xc6\xe3v\xaf?\xd8L\x99\x8c\xa1U\x9c\xd5\xa7K\x1f^\x1c\xcc\xe2\xf2\xf0k\xba{k\xe1\x00\x8a\xcd\xae\xae\xad\xad\xee\x17\x16\n3\'ow;\x11Q\xe1O\x00?wo|[\n\xc1PD\xe1"\xa9\x98f\x9a\xc2\xf3\x98\x90\xd2\xb5C\x1b\xeb\xd5\x97\xf6\xe6\xb8\x8eA,\xd3&lt;\x0f\xdc\xbf\xe7\xa9|\xb7&gt;\xecm\xfa\xba\xce5!\x19d\xd7L?\x8dS\xdf\x94\xbd\x8d\xa8\xfc\xfe\xfb\x03\x94\xac\xf05\x15qn\x1eXt\xd7\xd6\xfe\xd2\xc27\xfb\xdf^\x1dME\x90\tRM9\x91Q\xdc85Q5\x06c\t\xd7E%\xa5\xaeK|\xc1$\xd7]\x92\x06\x186\x1e\xadl\xdc\xf7\xd7=X\xce\xfe$\x16\xf2n\xe3\xdd8\x8b\xf1\xf3L\xd3\x85\xd0\xa5\xee\xfb~J\xcbg\xec\xb2\x12\x94\xdf\x1f\x02kf\x9f\xde\x814\x07\xac}\xbam\x0b`\x0b\xcf?\x9c\x15\x030M\x11\x1a\x1e\x8b\x8d1C\x03Z\x96\xe5\xb9`s\x19\xf7I*\xc1\xb9\x94\x02Z\xa1\xb2\xa1*g\xf8\x8a&lt;\x87\'\x80\xfcS\x1bL\xa5\xdb\xec\x8dt\xf8H\xb8\xbai\xea\xd2\xf7M\xd3W\x7fq\xdd\xf2\xb7\xa7\xa1\xd6\xc9\xe1\xf3\xe7\xc0\x9a\x9f\'\xaeBa\x9f\xb0\x96VO&gt;\xee\x16\x11E\x9dN.RutZm;D\xe5ljD\x8b\xac\x0e\xf1=\x17l\\\xba\x84J\r\xc0`&lt;\x8f\x1a\x15\x95\x06\x17\xbb\x1f+\x97\xdf:n\x8f|_\xf7!\x8d\xa7qSI\xc5\xf1\x95\xc9u\x8dyYk\xda)\xbd?\xa1_\x8a,,(\xae\xf99\xc2Z\\|\xbd\xf3\xb6\x1c\x05\xb9N\xa7\xe3(\xa9\x9c\xf2\xf1@\x95\t\xb1\xe0\xd9\xc8\x08\x1c\xdc\n=\xceMS\x93\xc2ST$\x95\xae\xb9\x80\x93:\x1c(H\xd3{\xb1\xf2\xad^-\xf6c\x130\xa6g\xe9\x9c\x0b9Q\ng\xa8i\x8c\xc1ZQ\xe9\xdf\xdf\xbf~\xfd\xf4\xc1\xda,\x8c5?\x07\xac\x85\xd5\xc5\x07\x8f\xae\xaf\x8e \x15\x1a\x90Jh\x18\xc5j\xb3\x86`\xf7\xa86.\xd8?\n\xd1\x00\x00\x04\x97IDAT\x9a\x90\t\xa6\xf7{5\xc1\'\xa7\xe71f\x11\x15\xb1@R\t\xd3i\x02\xc9!\xc4\xbd\xbej\xb4\x01\x15\xa7R\x00\xc4\xb3\xa5\x8fs\xd1\x15\x17\x97:\x97L;\xad8\xd1\xf4\xc7\x1fN\xd4M\xb0K\xfbt\xe3w\xe1`m\xf1\xe9\xcew/;\xd8J\x8c \x08\xa2 *\xe6J[\x17|\x1dH\xf0:\x1dZ\x93\x92\xcb\xfeVu\xbb\x9dh\x1cU\xa3. h\xc0\x12\xb9\x86N\x90\x92\xa0\xee\xc7\xda\x1b\xd6\xa4\x9f$hA\x90x\xa1k\xea.C\x01\xc1\xc5\xb9.5/n\xe6\xd1ag?\xfe\xf3\x11\xbd\xb1r\r6G\x9c.-\xfe\x19R\xd1\x0eGr\x05\x18`\x8c\x12\x15\x10\x12A$`I\xe1\xa2t\xc9\xbb&lt;:|\x98\tK%\x18\nL\x1d\xaa\xb4\x94D\x05\xaeO\xa8\x95?\xcet\x19\'I\xcc5\x18\xd3\nE\x9c\x9c\xf73\x13\x8b,\x01\xc7\x9f\xb7\xa6 G\xe9\xa7\xbf\x1f\xd2}\x8a\xeaf\xc0\xa7\x0f&gt;\xdfy\xfb\xb2\x18E\x08\xe0\xc9\xc2\xf0\xd2\xe8\xbfBN\x89\xc9\xe2Xfj\xf6\xab\xc8|\x00\xf7}\xd8\n\x11O[\x10\x82\x8c\xa4$\xb1\x94` \xbb\xa7\x84\x1bm.x\x12\xc7\xbe\xd4\xccQv&gt;\xe8\x9d6[\xad\x017\xa9\x88\xaa\x8eT\xc3\xa8\x18\xed\xfd\xf8\xc3\xa3\xc7O\x9e|\xaen\xee|r}\x95Wv2\x8c\x1c\xcaH\xcdXn\x9a!c(:\x8e\xa9\xa1\xff\xf0\xc3i\xb2\xad\xf4\xc4\x1ey\x19\xaf\xd3\xc6#\xdcP\xedDp\x07J\xa1\xe3\x13K\xde\x83Un\xd6L\xe4&amp;\x8f\xb1\xc9\xb7/\x8f\x1b\xd8\xe1\xa3\xd2\xf6\x88\xc7\xca]\xa6\xc9\xb2z@\xc3RT\xfc\xf8\x9f\xc3\x15\xba\x1d\xf0\xf1\xca\xca\x9b\xb7\xbb\xc5\x08\xed\x87\x19\x85\x06\x15|\x18Nc\x10Z\xe4jd9\x1d\x93\xb0b\x88\xa5\x844\x8c\x8d\xfeg*\xae\xb01B,\xd2J=G=\xe8\xf2nbm\rb\xceL_\x1f\x0c1\xff\x97(\x12#\xa3:6\xfd\x04\xf9N\x82\xe9\xe3=\x03\xa6\x8e\xa2\xa0\xfc\xd3\xbfV\xde\xac&lt;~\xbc\xf2\xe6\xbb\xab\xa3h\nYE\x99`\xa8\x01\nM8\x14\xe1$C\xc5\xad\x18\x9c\xd7\x9a\xd3\xaaQ1X\xd47?\x0b)\xf6)\xce(\xcb\x146!\x11\xda]\xac\xf2\xcd(\xd54_O\x9a\x95)\xf4\x13\x0e\x8f\x17i\x9d\xa70\x1bb\xcb7\xf5\xcdm\xaaP`\x80a\xf7\xc3\x0e\xbd\xb5\xf2\xcd\xd5KL\t\x0e\x91\x1a\xb7X\x86\x81M\xd7\xf6\x08\x8b\xb2]\x10\x96\xe4\xe6y\x83\xb2\x0cOr\xbac\xf2\x95\x94HxOh\x13(\x85Ee\x94w\xb0\x0c\x88e\n\xdd\xd7\xb0\x1b\xd3+\xa8\xed\xa3&lt;\xac%\t\xb9\x8d\xb0\xda]|\xcf\xc8\xe5:\xe0=\xbb\xde\x99\xd4\x8f\x8eu\xabT\x8e\\\x9fs\x1a=\xcb";\x13\x17\xa3h\x00\xd6\xa8Y&amp;,\x0c&lt;\xe5!g\x9c\xe9\\\x90\xb3\xa0\x95\xf93\xd4\'\xb0J\xcdQ\xaa3\xcd\x97\xe7-\xa7x{0g\xa3\x97\x8c\x92\x18\\il\xa2\x0e\xd3j\x0e\x07q\xd09\xbb\xbe&gt;;*b\x86\xb9\xed\xbf\\nB\x95+\r\xe3\x90\xf6e\x8f\xa8\x84\nJ\xdd\xca6\xd4\xcb9Q\xbe\x9eYi\x92rI\xb9\x85\x8c\xa7v\xba\xa5R\xa6\xff-V\xae\xda\x86 L\xa3\xa9xr\xf640mgIm\xa4\xf4J\xcc\xfe\x96\xaa\x83\xa1^\xde8z\x89\xfa\xa1\x03\x9d\xce/P9\xd5\x8c\xdd\xbeeS \xddbi:J\xc8n\xca\x86\xc2r\xba=O\x8ej#S\x87\xe1\x19\xba\xf4W(ex\xed\xb7XN}\x13\xbb\x15\x93\xa9\xd9\xeb*\x9f\x90\xe1q%U\xc3\x82`\xe0\xba\xcc#\x1c\x8a9\x87\x8e=E\xc3\x0b\xb6\x19\' \xa4 \xf8\x85*W\x82\x1c6\r3\x84F5\x942N\x07\r\xd5\xc1\x8e\x93\x1f\xa6\x1e\x87Y}\x89\xfd\x11\xe1\xae\xf3\xffQ\xea&gt;\xac\xfcM\xcc9c\xc8\xf8\xd3\xca$\x18Q\xa0\xd6\xa0v\x8b\x95\x98\xe7u@)\\\x08\x14Lf\x17"\x9c(\x15\x18\x13\xaa\xa0q\x91\xb2\xc9F\xa8\xc4\x82\xb1\xfcQ\xbc]\n\xa8\xfa\xd1\xf4Vf\xd1\x7f[\x99\xc4\x18l&lt;\x15\r\xfa\x04H\x11\xde\xc5\xcaUz\xf0;\xd3pe2\xacL\xb6\x11\xc4"\x89\x85\xcf\x84\x0cvZQ\xd7w\x06\x08:EE\x85\x9d&amp;\x98\x9cA\x90S\xff\x82`\xd5!\x9e.\x90G4&gt;!\x1e0|\x90-T88\xc6\xdeX\xa0\xd5\x91\xad\x13,\x95\xed\x14\\?\xb3\xc9;\x96oe\x142\xe9(\xae5\xcb\xd4\xe6$\xc5\xd6\x006Pj\xd5\xe2\xec\xb8H\t\x1eU\xbbe\x12F]\x84\x82P\xe1\x1b\x81q\xab[\xe5\xb4\x96\xf42\xe6\xc1S\xb4\x1fJ\x8ex\xd1\xe3\xe3&lt;\x82\x14+\xff\xcedq\x0cY|\xcc\xf3\x98f\xe0-\x0c\x0ejG\xbc-\xa1.\xff\x0b\x1f\xf4Tv\x80\xfb\x8a\xc2\x00\x00\x00\x00IEND\xaeB`\x82'</t>
        </is>
      </c>
      <c r="M453" s="3" t="n">
        <v>45492.67704861111</v>
      </c>
    </row>
    <row r="454">
      <c r="A454" t="n">
        <v>1106667</v>
      </c>
      <c r="B454" t="n">
        <v>1957</v>
      </c>
      <c r="C454" t="inlineStr">
        <is>
          <t>Guilherme Biro</t>
        </is>
      </c>
      <c r="D454" t="inlineStr">
        <is>
          <t>Guilherme Biro</t>
        </is>
      </c>
      <c r="E454" t="inlineStr">
        <is>
          <t>ME</t>
        </is>
      </c>
      <c r="F454" t="inlineStr">
        <is>
          <t>MC</t>
        </is>
      </c>
      <c r="G454" t="inlineStr">
        <is>
          <t>ME</t>
        </is>
      </c>
      <c r="H454" t="n">
        <v>173</v>
      </c>
      <c r="I454" t="n">
        <v>26</v>
      </c>
      <c r="J454" s="2" t="n">
        <v>38005</v>
      </c>
      <c r="K454" t="inlineStr">
        <is>
          <t>Left</t>
        </is>
      </c>
      <c r="L4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1e4b9a2-d002-4977-a625-38cfda41c6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&lt;|]\x00\x00\x03\x00PLTE\xff\xff\xff\xe9\xea\xea\x18\x0f\x08\x12\n\x04\xfd\xfd\xfc\x06\x04\x02\xed\xee\xed\xfe\xfe\xfe\xf2\xf3\xf2\xf6\xf6\xf5\xf4\xf4\xf4"\x14\t\x16\x0c\x05\x1d\x12\x08\xf5\xf5\xf6,\x1a\x0b \x12\x07\n\x06\x03\xf9\xf9\xf8/\x1e\x0e\xf1\xf1\xf1\x0f\t\x05\r\x07\x03(\x1a\r\xf8\xf8\xf6\'\x17\n\x14\x0c\x07\xef\xf0\xf0A(\x11\xe8\xe8\xe8%\x15\x08E,\x15\x02\x01\x00=\'\x13;$\x10\xeb\xeb\xeb\xec\xec\xec#\x17\r8"\r\x1c\x0f\x06\xfb\xfb\xfb\xe5\xe6\xe54 \x0f4\x1e\x0b\xce\x90]\xee\xef\xefN2\x18\xcc\x8fb\xacpD\xd0\x92`\xaesJ,\x1c\x0f\x19\r\x05I0\x18\xfa\xfa\xf90\x1a\x08\xca\x8d`R5\x1b\xb2rE\xa3i?\xf6\xf5\xf4\xcc\x8d[\xc5\x8a`\xc9\x8a^\xb5{P\xbe}M\xc8\x8dc\xe2\xe2\xe1\x9dd9\xa5mF\xc4\x88\\\xb2wL\xa9kA\xb8xJ\xc5\x85Q\xe3\x9eh\xa8uT\xa3pN\x9ce?\\?%\xdf\xde\xda\xce\x85Q+\x15\x06\xbc\x82Y\x1c\x13\r\xb1xQ\xee\xed\xe9\xe7\xa4n\xcd\x92g\xf1\xf3\xf52#\x14\xa3sT\xc0\x83X\xc0\x81O\xc4\x85YX8\x1d\x9ehD\xb6tG\xacxV@,\x19\xdb\x98e\xc0\x85]\xb5}V\xba\x7fV\xf4\xf3\xf2\xd0\x92c\xd3\x95bcE-\xf1\xf0\xed\xeb\xe9\xe6#\x11\x05\xc5~N\xb1{W\xe8\xe5\xe1I,\x12\xe6\xa5u\xbcyJ7&amp;\x17\xa9qL\xff\xff\xfe\x99^9\xacvP\xd5\x8cV\xd5\xcd\xc6\xec\xabu\x9doQV&lt;#;\x1d\x08\xa7yZ\xc8\x89W\x97]4\xbaxP\xcc\x81J\xda\xd8\xd4\x9elJ\xb7\x80Y\x98iK\xb7\xae\xa4\x90Y9mN6\x84Q2A"\x0b\xb9\x81]\xe7\xaa|\xb8o=\x8cT/\xec\xad{\xd4\x8aP\x97`CbL8\xdf\xa0s\xc5{F\xd7\xd3\xcdpE,\xe4\xe1\xdc\x92`=P7"F3!\x8b^C\xd9\x92\\\x92fI\xaf`L\xdf\x98`TB2\xd4\x98n\xc0{T{P8vZD\xaf\xa5\x9ae?&amp;\xcd\xc7\xc0zK.\xf1\xb0vnU@\xed\xabm\xdb\x9cm\xa2\x96\x895\x19\x07\xdd\x93UH$\x0b\xc4\x7fY\xdd\xd6\xce\x88W9\xbfuB\xc0\xb6\xab\xc8\xc1\xb9\xdf\xda\xd4\xaef5\xd3\x94g\xa8\x9d\x91\x83M(\x9a\x8e\x81\xf2\xb4{\xc5\xbc\xb2\x8f}k\xb5dR\xa6c@xcN\xb2\x80_\xe7\xa2d\xf2\xb8\x81\xb0j&gt;\xed\xb1\x80Z0\x12xH%\x97\x84r\xa5c7\xe4\x9c\\d:\x1c\xca\x83\\&gt;3+o:\x16\xafiG\xf6\xbf\x88\xa3].uA\x1dQ+\x0e\x83C\x1d\x99V*\xbb\xa8\x9a\xcardwne\x89vc\xf4\xc0\x90(\x1f\x17\xd7|u3) \xbcoU\xd3\x8bd\x81p^\x92B=fVG\x8dN#\x81kVc4\x12\xeb\xa6f\xa5VKYND\x8c\x82x\xf0\xb8\x8bmbV\xcd}h\xc0h`\xcc\xb2\xa3\xa7\x8f{\xb6\x87j\xc3\x93t\xb5\x97\x86\xc8\x9e\x84\xa1\x87s\xdf\x8b\x84\xce\xaa\x95\xf5\xc6\x9f\xf9\xc6\x97\xd5\xbc\xad\xfb\xd3\xad)\xae\xaf\xd2\x00\x00 \x00IDATx\xda\xb4\x96ah\xdb\xf8\x19\xc6\x8bdf\xbb\x92\x90b\xc5\x96e\x8c\x85\x0c\x92=\x05\xc4@\x963\xed\x0c;\xd8\x87\x83\xed\x83\xb3\x10T0\x0c\x7f\xf0\x06f\x91\xb3\xd9\xc5\xa4\xcc\x87\x0b]\xc3\x10\xb9\xae\xb9\xde\xcc\xb9\xc6\xe6\xe0&lt;.\xaeKz\xa6#\x9c\xed\xe2\x1a\x1bLs\xe9yW(\xa4\xbd+M\xf7\xc5$mY\x92\x0f\x83qp\x83\xbd\xca\x18l_\xae\xbd^\xfabd!\x0b\xeb\xf7\x7f\xde\xe7}\xfe:u\xea\xa5j\xd9n[^^\xb6\xdb\x8f\xcfl\xf6\xff\xa9p\xcc\x11\xd6\xcb\x86\xd7\xe9r\x85\xed\xd6\r\xff-;\xdch\xb3\x9fz\x9d\x05,\xd1\xb0\r\x9e\x03d\xb6\xa8\xcd\x16\xb6*\n\'6[,\x1d\x8b\xce\xf5:\xe5\xc2O\xbe\xe7\x8a\xc2%\xfb1\x9b\xdd\xbe\x0c7\xc1\xe7ur\x01\x93+\xed\xb4\xc1\x97\xdd\x16\xf6\xc6\xbc\xb1\xd3\xba\xa1\xeb\x99\xacn8]\xd3\x19]o6z\x8f\x1f7\x9a\x86\xa1;\\\x16\xaa\xb5\x80p4v:\x16\x8b\x81\x82\xb0\xa8\xe5\xd7A\xe5\x9c6\x1cz\xd6pF\xbd^g,\xd3\xed\x96\xbb\xddN\xa7\xdd6{\x83\xf2\xf7\x9dF\xd94\xcdv\xff\xe8\xe8\xf1A\xa7\xb027\xed\x8a\xba\xbc.\x80J\x1b\x95\x95\xee\xe6J\xcc\xa2\x0c\xdbN\x1e\xcan\x9f\xeb\xea\xfa\\\x01\xb4\x9962\x85A\xb3\xddk4\x0eZ\xad~\xbf\xdf3\x07\x03\xb3?\x19\x1e\x8c\x9f\xee\x1d\x95J\x07}\xb3S\xd6\xd3i\xdd\xe1M;\xf4\xb9n\xa1\xd9\xecd\x003\xea\x8d\x9e\xb8\xcb\xc0M\x85N%\xb3\xb2\x92\xc9f\xf5\xcc\xa6i\x0e\x1a\xc3\xc9\xee\xe8\xe8h\xef\xe8`8\x99\xec\x95\xa0\xf6\xe0X\xaf\xd5\xf7\x8ev[\r\x90\xacP\xee6\x9b\xcdv\xab\xd5\xeb\x99s\x0e\x87\xc3\x19s\x86\xc1\x96\'\xd9I0S\xb8&lt;\xa8d2\x0e#\xd3-ovZ\xbd\xfep\xbd\x0e\x10\xf9|\xaa^\xaf\xd5R|\xaaV\xabU\x8b\xd5Z\x1e\xbe\xeb\xd0\xca\x03\x90\xb1\xd5\x1f\x0f\x87{\xa5\xd1\xc6\xa4Y\xe9\xcee3\x0e\xa7\x0b\xc0N\xd0b\xf6p\xd4\xa5\xcf\xc1?\x1b\xd9J\xb3S\xee\x0c7J\xa5*\x9f\xca\xe7\x13t\x02\x0e\nM\xd3\xf9T&gt;U\x83+\xf9D\xa2V\xaf\x83x\x7f\xb7\x14\xac\x97\x8a\xa9j\xb14l\xf5\x1a\xedB%c\xa4\x9dQ\xfb\xc9\t\xb6lsy\x8dr\xaf\xd1iv\xccV\xa3\xb5[J\xd15\x9eV0\x96f\x98D\x1e\x0e\x8a\x92\x00\x1e\xab\xf24\x9c\x02`\xad\n\xf2\xd5x\x1e\x98S\xa9zi\xe3\xe9\xd3\xd6\xa0\xb0\x99\xd5-.\xfb\x895\xd1\xe6\xcd\x9a\xc3\xe1\xb0\xd7\x18\x8f\x9e\xae\xc7\xabb\x80\x16Y\x8c\xa20!\xa4$\xe8c\xb8D\x82\x11\x18%\xa1\x1c3\x02\x1e\xb4\x16*\xa1(\x8cB\x07S\\5\xbe1l\xb4\xcbY=\xed:)\xe7[Q\xed\x9d\xebM&amp;\xa3\xddI\xbd\x18_\xbc\xa6\xf9\xb9 \xcd\x060\x8c p\x01Z(\x08\xf9&lt;-(\x0c!0\x8c\x00p,\xf4\xb6\x96\xa2\x15:\xaf\xc0\x15\x0c#E1\xa8V\x17\'}\xb3\x0c\x8a\xc5\xa2\xff\xbf\x13\xbc\xba\xe1\xa3^c\xb3WZ\\\x8cWeYK&amp;e57\x8b\x05\x18\x16\xc7\t\x84\xc0\x14\x1a\xa3S\x96\xcd@/\x058\xf2y\x0c\x03\xc1\x18\x04Y`\x84\x05\x04\x8aIHAU\x96\x8b\xabOa\x12\xcc\xae\x1e\x83\xec\xffN\\\xd6\x16h\xb3\xb9\x8c\xb9\xcd\xf6xU\xe68\xf9\x9e\xa6\xdd\xcb\xcd\x883,\xcb\xb0\xa0\x8eB`\x94\xc0@\'\x81J\xb0\xb4b\x18&amp;\x95\x17BBB\x11\xd0)\x9f@ \xa8\xdb\x87\x0b\x0c\x1d\x0cr\x9cZ\\\\]\xdd\x18\xb5\xca\x99i\x08\xdb\xef\x96W\x90\xcf\xaeL\xe1\xd1?\xc7\x1bI.\xe8O&amp;\xfd\xa2\x9f\x0eQ\xa1@\x80BB\x0c\xcdP\x0c\x9d P\x04\xda\'\xe0\x88 ,\x08\x044\x94A0\xf0\x14\xe2\xf3\xa1&gt;\xdc\xed\xf1\xb8\x91\x90@K|\x8a\x935\xb9Z\xac\xed\x81\xf9\xb3\x0e\xa7\xed\x15\x1by\xacT\xf4\xb4\xaew\xdb\x8f\xc6\xa3\xd5\xa2\xca\xf9y.GST\x08\xc5q\x14G=8kY\x89\xafQ\x1e\x9f\x90\x10|S\x88\xc2,\xe0&gt;\x04\x94\xb20\x19&amp;\x9f\x02T\x9f{\xcaC\x10\x18\xc8\x05\x13\xc0\x81d\xa9Ti\xb7\xd7\xe9\x1a\xaeWk\xe42\xec\xca\xd1\xa8730\x1b\xfd\xafF\xab\x8bq\r\xb8\xd4\xdc\x0c\xc6\x12@\xe5\xf1\xa0(b\xb5\x8dI\xd0\x04\x82`\x18\xees\xfb\x04\x01E}(\xa1\xe4\xf3,F0\nd\x99B\xc0up\x97@\xf3&lt;\x97\x024\x1e\x0ejuc\xd2*;\\\xe1W\xd8&amp;\xad\xfd\xdf\xeb4*\xed\xf1dw\xd7\xa2\x8a\'9\xabD\x92d\x04\xc4\r\x9d!\x08J\x000\x81!\x107\x8a\xf8\x16\x16,{\x13\x02A\xb14\x9f\xc0\x80Y\x91\x124K &gt;d\x01\xc1\x002\xc8\x07y\x95\xe3\xf8 \xa7\xaa\xc5Q\xbf\xa0\x9fN\xbb\xec\xdf:\xd8!\xd9\xa3\x99\xa69\x1c\xado\xac\xc2\x0cj\x9a\xec\xe7E\x91\x17\x81J p\xb0\x13\x82\xe3 \x13\x18\x0bqO\xf9\x08dA\xf8\x9b"`\x01\x9a\x91hV$)\x82\x85\x14\x03\xe3\x83\xe9\x11\x06#0V\x91x\xb0\x17\x97\xe2\xfc9\x08\x98\xe2\xe2\xc4,d\r\xef\xb7h\xa4\x1d\x92*|\xda\x91\xf6:\xbb\xed\xde\xc4\xca\x85\xf8b&lt;\xa9\xfa\xfdAQ\x92HH+\x10\n\x14\x00\xc5&lt;\xb8\x80\xbb}@\x88\x08\x10\n\xb0\r\x91\xe0!\x085q\x16\xa3X\x8c%\x81\x0e\xa2\xcd\xc2b0!\xc1\xc3\x0f&lt;\xfc\xac\xc6eYV\xe5\xf5]\xc8\x8a\xf4\xcb\xbf#Z\xe3\x17\x8e\xad\x94\x8dl\xe7\xd1W\x1bq\xab\x8a\x9a\xc6\x89\xa2H\x07 \xdb\xc1F\x02\x86X\xa6\x81N"&gt;Pk\x01! \x02\xb8\xaa\x1a\xf4\xcb\xd7\xae\xde\x93\xfd\xb3\xf3\x016\x10\xc20,\x84\x13\x04\xea\xc6\xa1\x89\x18\x0bj)\xa4$\xf1~5\x9e\xd4TU\xae\xd6G\xe6f\xc5\xf1\xd2\\\xd6\xcb\xb1Q\x1e\x14\xca\xed\xd6p=^,\x02\x15\xac\x8e\'I\xf6\xf818\xea#\x04\xb0\x11\xea\x99\xf2\x80\xc3Q\xa0B\x16\x14\xf5\xdaGP\xd7\xaf\x9f{\xe3\x8d\xdbw\xffr\xfe\xfcy\x886\n\'\xf0\x10\xb4\x18\xb5\xb0Y\x1a\x94\xa6E\xd1\x0f\x1d\xd4\x92\x9a\x9c\xe3r\xd5\x11d\x85\xee|I0[\xd8\x15+\xb4\x0b\xe5\x819^_\x8c\x17\xe3EX\x1c\x07X\x01\n\x0b\xf9@\x1f\x8f\x8f\xc0\x80\xc4\r\x85\x12\x8c\xb5\tJ|\xf2\xa3?\xfd\xf6\x8f\xbf\xfa\xc3\x9bo\xfe\xe2\xa7\xef\xdf\xda\xbf\xff\xec\xd9\xb3\x87\xe2l\x00G"0\xb5!\xd8\x8f\xa4D\x00#!V%p&lt;\xa7\xa9Z2\x9e\x84\xa5.\xae\x8f\xcdn\xc6x\xa9l\xb5\xdb\xbc^\x1d\xde_\x06\xad\xfe\x08\xa8\x8a\xd0@Y\x05\xbb\x93\xe0_\x1cl\x8ez,\xbf\x83\xbf\x08"BI\xbc\x9a\xbcv\xf5\xfa;\xe7\xde\xfa\xe1\xc7\x97\xb7/\x9f\xfd\xf8\x83\x0f.~rk\x7f\x7f\xff\x8b\x07\xcf\x1e\xce,E@LF\x94\xd8 /\x81\xed1X\x99\xc0\xf0j\xce\x0f\\\xc98\x17\xd4\xe2\xeb\xff\x18lV\xa6\xc3/\x8eV{\xd8\xd0\xd3\x95v\xa7\xd0\x1b\xad\xaf\xc2\x00jZQ\xb3\xa0HR\x01\xb3\x03\x0e\x12\xa1(\x01A#l @kWo\xbfs\xee\x07?z\xeb\xf7?\xfe\xf3\xd9\xed\'_\x7f\xbdu\xf6\xce\xe7\xef]\\\xdb\xd9\xd9\xf9r\xff\xc1\xfd\x87\xb3T\x04\xc7\x12\x9a? I4\x15`\x186\x04\x94 \x18d\x84\xa6%\xfd\xf4L\xb0\xb8&gt;\xee\r\xb2\xf0\xb2\xff"\xaah\xba[\xae\x14\xccv{d\xcd\x9f\x0cI#s\x12MR\x11\x82!P(D\xf1\x07\xad\xc7\x85\x02\xa4?y\xfd\xc2\x85O\x7f\xf3\xbb_\xff\xf2\xec\xe5\xc3C\xa0\xfa\xd7\xd6\xdbg\xee\xdc\xbc\xb8v\x0bjg\xff&gt;xl&gt;\xe2cRd\x04\x86\x12VA\xb2\x10*\xd6\xde.\xc1lh2OK\xb0\x85\x976&amp;\x83J\xfaEX6g\xa6\xbbY0{\xf0\xb2g\xb5O\xcbY\x01H\x93X\x08\xfe\x8e\xb2\xb2\x1d\x93\xa4\x99\x99\xa5\xd0\x125\x9b\xbbv\xfd\xdd\x9d\xb5\x9f\x7fx\xe6\xca\xd6\xe1\x93\xc3\'VYX\x9f\x03\xd7\xda\xad5\xe0zp\xff\xee\xa5%\xe0\x0fE\xa8\x00F\x81d\x01\nb\x0c.\xc08\xca\xb2_\xa2EZT\x8b\xc5\x8d^\xb3\xe2\xfd\xc66B`\x19\x85B\xa5\xdc\xe8\x8fJ\x96)\x8fm\x05\xfd\xc3\x88\x10\x96\xa0CS8\x82\xb3\xec\xd2\x8c8;O\xce_\xbaw\xfb\xdd\xbf\xae]\xfc\xf0\xce\xdb\xffA:\xdc\xda\xda\xbar\xe3\xc6\xf3;7\xdf{\xff\x935 \xdb\xf9\xf2\x0b\xe0\x9a_\xc2#8\n0\xb0Y\x07\xac\xf9\x85\x10&amp;a\x1es\xb0\xe9\xc3\\rZ\xb14n4\xf5\xa8\xed\x1b\x13\xcb\x9b\x1d\xb4\x9b\x83\xf1\xaaevH\xbd\x1c\xac\x8a\x9ea)V\xc0\x18\xc1zU@(\x82\x0c\x9e\xbf4;\x7f\xfe\xeeg\x17\x80\xea\xe6\xcf\xcel\x1fc\x1dnoo_\xb9\xf1\xfc\xc6\xf3\x7f\xd3e\xbd1M\xa4y8\xe9l\xe3\x99\x99\xc9L\x9d\xeb\x94i&amp;S\xdb\xa4\x9ddf\xd3\xb8\xd7\xa9M9w\xd5\x8d{\xe7\x8awH\x0f\xc1x\x7f\xaa\x87\x89\x9a"J\x11%\xc0\x82K\xc8\x9dl\xe1\x14Xd\xbb"\x1a$ Ba\x0b\xe1\xdf\xaa\x88d]`Q\xe0\xce\xb8\xcbi\xc2}\xb9MN\xfc\xe0\x17\xbf\xf8\xed\x9ew@7\xeb\xbao\xfa\xa1\x9f\xe0\x99\xe7\xfd\xfd\x9e?\xd3\x85\xc1\xe6\x9c\xd6\xd1\xd1\xd1\x97\xb8\xd2E*p\x89jHw\xd3\x94\x85f\x0c\xde\xc2JPU9\x1e\x97\xfd\xf1\xa0?\\\x95zr\xab\xa2p\xf3\xcf\xf3E*N\xf1\xf8\xd8x\xdd\xdd\x04\xb4\n\xe2B\\P\xd6\xc8\xbc\xf3\x0e\x95\x81\xf79\x9dNF\t\xe9\r\xe9\xf4\xd0\x03p\xd5\xda\xbc\xf0\xb4\xf2\x9bg\xcf\x9e\xcd\x00SeSe~\xfetV\xc7`ysmmkk\xeb\xa8\x89k\xa9!\x1d)2\x0cU\xe5\xdc\x1e\x9a\xf1\xee\xe7-\x16\x9e\xe6`\xae\xba\xac\xcb\xf1`\xd0\xad\xb9\x10\xa8o\r\xe7\xfd\x9c\x11\x9d\x06\xaa\xf5G\x86\xc7n\xd5}\x91HT\x81\xa8h4\xee\x97}\x02_\x04ediJ\xb4X\xf0\xd4v\x86\x8e\xa4\x1b\x1a\x86V&amp;jf[s\x06\xa7\xf3+\x9b\x00\xa9\x89pU\tX@uy\xb0\xbc\xbc9\xa7\xb6v\xd4\x9c\xaf\x15\x13\x17\x17P$\r\x16\xe1\x85\xf4\xe1B9\x9f\xc4+\x02\x1d\xc2-\xba\x1dZ8\x9c\xba\xff\xf8\xb3#\x9b\xdf\xa8\xab\x00\xb5!o\xb8\x82D\x86\xbb\xb1*\x0c\x15&amp;+\x1a\xf6\x858\x9e\'\xab\xcd\x88"\xc2\x82\x13\xb3\xc1s\rKs\x0f&amp;jn\x8c\xb66_\xce*9w\xae\xa9\t\x9f\xa6o\x9aJ\xf2Wa\x95\xe3\x10\xc2\xce\xcf\xce?\x9a\x00\xae\xea\x88\xa2\x0b\x9cBL\x82b\x90\rY\x18\xbaJ+\n]\x14\x81\x1bI\x9c\xc7U\xd5=U\x87\x90\xff&amp;\xbe\xd0\x06\x8f\x0c\xd7\xa1\xdb|\xdf\x1dkC\xf4\x8e\xbb\xfc\xf1pX\xd6\xb0\xda\xac\xc4\xf1\x88X4M.\xd1\xe0\xb9\xa5\xc5{\x8d5\xf3\xb3\xad\xb5\xcd\x1d\x04\x96y\x9aLT\xf9\x1d\x1d \xab\xb9\x19l\xe1\x16\xcf\xcf~\xfb?\x8c\xd7P(\xa2\xeb\n-\xe8&lt;C\xb1\x92\xc5\xc9\x9aj\xc1\xd3\x8a\xc1K\xc0+\xb8\xfd\xd0\xd5\x17\xd7\x8b3\xde\x0ckC\xe1\x97\x15u\xb7S\xa9X6\xcc&amp;H\xc2\x95\'.\x0b\x01\xe4\x00\x95v\xa8\xf0\x1c\x08&lt;\xa3\xb2R\xf5\xe2DM\xd9\xfc\xec\xe8\xf1\x9c\xf2\x8e\xac\x0b\xe7^\x9e\x92\xfc\x92\xfc\xac,\xe0\x02\xac\x1c\\"\x815\x0fY]\x99\xab\x0e\xf9d\x85\xd6|\x8a\xc1\xe1\xd2 \xc8N\x88+\xab\xc2%\x14\x8d\xe3\x15O\xd8\x1fM&lt;\xb96|l\xfd\x1b\xe6\x1eB\x9a\xb7\xa7b\xecvKv[\x1b\xf2\xb1\xc7\x83 \xe2qih8*&lt;c\xbf\x17.\x8d\xcc\xc0\xa8\x92/\xda[6?\xbf\xf3\xe0\xc9]9\xe5\x87\x0e\r\\X\xe5\x0b\xce\x83+$\xb8\xc8%\x9ad\x01\xd6\x8dG\xa0ke\x08[\xc8q\x1eY0X\x1aA\x8c\xb11,\x8f\xcc\x83\x19\xa31\x1d\xb4\'\x1c\x0fg\xa7\xee\x8f\x0f\x17\xff\xe2\r\xb82\x90d\xae}\xf1}\x0cS\x05\x0f\x84\xd3\x87\xa3q\x9f p\xaa\x03+\xc4\xd2*\xcd\xd8\x10ehN\x8f\xd6\x97}5\x9b\xf9\xe1\xf6]\xcd\xe5\x97\x81\xab\xa4d\xed"\x81i\x8d\xae\xd5]$l\x91e\x84JTcFq\x0cQ\xb4H\x12Eyi\x03\x16F1\x1c\xa7\xdaQ5\x0bd\xb7?\xb6\xfc\xf8\xce\x9e\xc2\xf5?I\xf8\xeb2\xf2*\xa6\x9et\'bPw\xc4\xa10Tk\xd1\xaf\xeb&gt;\x1f\xe7q\xeb\x12\xf2(M\xd9\xecT\xae$\xa5\xe7\x1aw\xec\xcc&lt;y\xb25\x07\xb00\\\x04\x156\xf1\x1c\xb9B2\xf3\x1d\x1d\x83\x83d\x15\x01\x0b\x1ed\xd25\xb7T\xad\xc3\xa7\xb1\xd0X\x1f\x9er"wC\xf0\x9d\x06\x84\x1aM\x13&gt;\xe9pgw\xdf\x7f\x8c\xbc\xba\xe5\xf5\x80\xbfnC\xe1\x9dT\xd5\xd5\xb6*\xa4v\xc0BKm\x88\xc7uNB4\xd7TD\x01;#Z\xa9\\/-5,6\x96m:x\xfc\xf8q\x13\x16\x14\xa2or\x86\xe8\xc3*\xac\xe9\xac\xac\xac\x85\x85\xc1\xc1fs\xb6n\xcc\x9b\xb8\x00\x8b\x83\xdc\t\x1c2\x90\xc4\xd8\xac\x94\xd3\x12\xe0-\x0c\x1d@\x06c\x19hN\xc0]\x10\xbc\xfb|l\xfc\xcb\x9f\xc8\xd7\xba-\xc5uw\xab\xaa\xda\xb2\xdb\x82\x08\xb6(u\xe1\xa1x\x1c\xae\xac\xf2\x01VD\x89@\x13\x15)\xafC\n\xc5{?\xd91\x0bX\xb5\x04\xd6\xc2t\xff\xe4\xccC\x9c\x99\xc9&gt;,b\x7f\xfet~\x7f\x7f?\x8c\xb1\x19\xb8\xce\xaf\xd1\x05\x91HGt\xa4VI\xd2|\xbc\xcd\xbaq\xa3\xd5\x12\xa0\xa1\xce4yS\xe0DcC\xf1\xd6\xb2\x9f\xdc\x7f1v\xec\xf5T\xb8n\xc3\xf0\xed\x14\x92L\x14]\xc2\x15D$\x82M\xbb}!\x9ea\xf01H\xd5\xb2;siVI\xcfM@\x1c\x0e\x02UN\xf3\xe0\xc2\xc2\xd3\xfe\xc9\x87\x0f\xffc\xc2\xea\x87\xce\xf7M\xe2\xf4\x99\xb8Vo\xd1\xa4ke(\x1d\x89xtX\xb5 9\xadV\xebF\xab]eU\xfcY\x15\x93\x0f\xe6\x10&amp;9\xa1\xad{y\xf9\xda\x9e\xd7o\xf1\xad\x8c\x8a\xa9DO\x18N\xe5AE\xd1\x90\x89\x04&lt;\x1bgP\x9c\x8fW82W\x14\xf6\x88\x95\xf4\xc5\xc6\xf9\xd9\xcc\x93\x84\xac\xc1\xc1\x85i\x13\x16\xc1E\xe0\xcc\x10\xe6f\xf0\xe5\xe9\x8fpM&lt; l\xf9\x10\x0b\x19\x1a\xa3\x80c\xb3;\r\xc4B\x8e\x11\xa9\\\x96\xd6\x02h!RAl\n\xe3\x95\xb7\xe1\xad\xd3?\x92\xad\xbc\xf1\xe5X\x14\xa84\x81\x94L\xac"\x8f\xde\xac\x90F\x0cK\xa4l6\xbb\x85\xb7Pj\xc4u\xaffg\xe6\xc1UX\x04U\xdf\xea%&gt;\x9c\x01\x1c\x84\x08B[_\xff\xd3\xb5k\\\x9b\xfa\xef\xe6\xaa\xd3\r\xb2\xaeR\x14\xf4\xcan\xb5\xd9\x9c\xc8\xd2\n\xae\x94\xb7\x89N\x06I\xd7\x8b\xe7u\x07[\xb0\x8d\x10\xfbu\xaf\x91\x05!\r\xbb\xdc\xb2\xa7\xc0l\xaa\xb2\xa2\xe2!\xc0\x10\xcfI\x86h\xb3\x89\xb0\x7f\x86\xe1\xa2\xf5\x98\xac\x83\xdbk\xd7\xae\xb0\xbf\xaf\x8f\xa0!\xa0\xfa\xcc\xaf\x93}\x95\x04\x15YGs\x1b\xcf\x9b\x92\x8aD\x88KdD\xbeT\xe0\xed6\x1bj8\xa5\xa2\rIv\x14\x15\x1b\xfa\xb8\xc5\x01\x1e\x82\xdd\xcf\xc7&gt;/\x04\xae\xd3?\x88\xe9\xb1[\x89\x96D\xd2\x8c\r\x97\\\xb0\xc4\xe8\xa2\x8e-\xc1\xa3\xf0\x92\xa6\x18\xa6f\xe5R4+$\x1b\xe7A\x16\x8c\xe7r\xc7\xc2\xf4\xf4\xd3Jr\x90\x1eH\x80 \xb3\xd5W\x89\x85$\xa2\n\xf5\xca\xc9\xd9E\xf8\xfa\xb6\x91\x18vD\x97e\xd5.*\x9e\x90a\xb3AKE\xf0\xc5q\xe0\xcej\xb5{-\xce\xfd~\x97G\x8e-_\xab8\xf6\xcb\xf5\xaf\x96\x11A\xabb\x19=\xb5g\x11|\xb9\xda\xda\x82\x05.TC\x9a"/\x818]\xa0\r\x96\xb2Q\xb9\x16&amp;\xd7\xf0\xf4\xd6|E\xee0\xa7\xfc\xed\xcbDL/\xe0\x0ct\x9aRo",\xc9?\xf4\xcf\xadG\xdf\xf9\xcb\xe1\xc3\x7f\xda\xb6m[\xe6\xa6M\xbf\x9e\xbf\xf1\xe8\xdf+KC\xe9\x90K\x8e\x18\xa2\x1a\xf4\x87\x00I\xe1T\x8aG\x1b\x90(\xec\xe5F\xd1N{\x82a\x0f\x89\xf6c{\xf2~\xd0T\xa4\xd2\xeb\xcb-\x80E\xde\x80\xb8\x83a\x99S\x04\xb7G\xa1\x03\x1e- \xe8\xb4\xddN;\xad\x94\x83\xb7\xa8\xaa\xbf\x1e\xa3\x95\xf9a\xce\xc7\x7f\xdev\xf8\x0f\xff\xf8\xfa\xcc\x1fw\x9f9q\xe2\xaf\xef\x9b\xc0J\xc8\x198\xbaw\xef\xe1\x0f.\xd6\'c==\x89\xae\xae\xfa\xde\xde\xc6\xf9G\xdf-\xe1\x16Cz\xa4H\r\xb8\xc2&gt;\x9e\xb2\x0b\xb2\xce\x1b\xb4"p\x16\xca\x06\xbd\xb0\xb3\x82\x1c\xd6\xdcU\xd0\xae\xcf\x8a36\xbf\xdc\xc6\xb76\x17^\x9fJD\x11\xfd\n\n\xdc(Yq\x9fB\x97\x06hl.II\x86h\xb5PV\xd1\xe1E\xa8\t\xd7\x97\xed\xdc\x94yr\xfb\xaf\x0e\\9{\xa5;\x95hiiI\xb5_9\xf3^g\xe7\x05\xf3\x0c\x0cl\xdd{\xeao\xed]\xd9\x97\nJ\xb5\xd2Km\xd9=\xc9dc\xe3\xbd\xb9\xa1\x86P\x08Y[B1\x89\xeb&lt;EC\xa8\r:$\x08\x1a\xe1\xcbj\xb7xQ\xda&lt;US\x8f\xefT\x14\x93\x1f\xb4^\x8aV\xde\x9d\'\xb1\xb0\x1bi\xd1\x05\xc1E\x8e\xe7\xec\xd8\\\x07\xf1Rd\x1a\xcc\xbb(b (#\xb4X\xbfc\xe7\xce\x0f\x0e\\lo\xefJ\\%\xaf\xe3\xdb\xae\xa6\xda\xdb\xcf~\xfd~\'\xce\xc0\xc0\xa1\x9bG\x7fs\xe2w\x9fv%bm\xc0%\xec/-\x08g\xc7z\x92=\x80U\xdd\xa0Gh\x85\x0b5,\xc5Q\x9d\x04\x9d3\x18\x89\x0bq\x12/Zm^/\xcb\x05\x04\x0e\xb0\xaeW\x14o\xc9x%\xa9\x19\xc5\xb7\x12A\xb7\xc7\x17phX\xc2p\x1c\x1e\xe1\xa4,\x82\x0f\xa3\xa5XP\xd7\xd1\xc4(\xec\xa1\xa1\'?\xf9}\xd9HWW\x02\xff\xd8|\x99\xfc/\x02\xeb\xecG\'LX\x9d\x9d\x87\xdey{\xeb\xb6S\x9f\xb6\x8f\x98\xb8\xdc\xe4-\x8d?\xbb\xa7\'\xdb_\x9dF\x03@\xbaAy]\xf4\xfb8V\xf3I\x06\xa5 \x87i\x1a\xebd\xf7K\x0e\x04(\xde\x9dz&gt;N^\x93\xbfb+\xe3\xf3\x171\xbf+\x08\x0b\xd4\xe0&lt;\xb2,h\x0e\x95\xb2\xb3\xa5\xf0i\r\xfa\xa5\x88\xa2\x93\xd4\x17\xda\x93\xbc8\x92L\xf6v\x8d\x8ct\xc5\x12\xa9TK,\x16K\xb4\x7f\xb4{\xf7\xdf\xdf\xdb\xb7o\xdf\xcd\x9b7\xff\xfb\xee\xbb\x1f\x1f\xfe\xed\xa9\x03\x17G\xba\x92\xc9DW;H\xedM&amp;{z\xa2\x087\r\xa1\xa2\xa2PP\xd6]!\x9f\x8e\x00\x01\x95\x97B!\x0e\x89\x8b\x86\x7f\x0b\x1ag\xfc\x9fG\xab\x8fi"M\xe3\t\xc5x\xa6%3\xee\x1c`\xc9dz3\x893f\xc6\x14\xb6\x9d:\xc1\x8a\xc2\xc6\n,Zb]\xd0\xa8Y\x8a\x02\xa2h]&gt;\xec\xe1zKU&lt;WK\xabt\xa9\xb2X\xc4\x8d\x1eb\xaf\x8a\nZ\xfc:"DEV\x10\xe2\xae_\xbb9M\xccn\xf6\\s\xf1\xfep\xff\xd3\xec\xfd\xde\xd6\xbb7\xe9\x1fMH\xfa\x9b\xe7y\xde\xdf\xc73\xa8\xd4\xc6\xdb#\xd7\xea\xb7-J\xc2B\xe2Yt\x19\xa6\xb4\xc2F\xd3\nOL\r\x8e\xcc\xe8Shh\x02\x93\xa9\x1a29CVVJ\x96A\xa2\x83\x13\xf1\xaehW\xcf\xfe\r\xbb\x97\xaf\xbb\xf3\xdbow\x96\xef\x0fG\xc2\xfb\xbde5\xd5K\xb27\xff\x04T{&gt;\xde\xdejq8#~\x7f\xc4\xbd\xb3\xa6\xa6\xa6l\xa7w\xbf3\x12\x88M\x0f\xfaH\x08\xe2\x14\x97K\xd1\x82.\x9d\xca\xd1:UF\xa8\xc21f\xd24#(`n\xd3\xb9\x83\x97\x8f\x95\xd7&amp;\xe3Y*`]\x1bm\xcb\xe5\x8d\xba\xb4\xb5\xbcL\xf1\xe8#4\xc8H\xb6lzIMOW\xe945\x1d!\xd1 \xb1\xb1x,\x16\xf1~\xb9\xeaP\xf5\xa1Cwjvz\x1dv\xa7\xd3\xe9vXZ\xd7\x03\xd7\x8d\xbc\x95M\x95\x95EK\x9b\x01\xca\xe9\xf6z-\xe4\x14Z,^G\x04\xb8\x82&gt;\xc4^MS\x14\xcd\x052\xa5\xf4\x80%\x80{$\x9aP\x10`Q\x8ch\xaa\x9b\x1c\xb9\\\xfe~\x1d7/\x15\xd5z\xd6"@\xd5\xe7\xc2z0\x18{A\x04&lt;S\x85\xc9(Avfg\xd0\xd028f\x03m\x8eG\xfcno\xd9\xa6M5^w8\x1c\xf6\xe3\xfeO\x0c\xfb\x9b\x9d\xc0\xf5\xe9\x92\xcd[\xe6oo\xbf~\x7fo\xc8\x8f\x13\x8f\xf7\xf4\x84#\xa8\x9a\xdf\t\\\xeeH\x8cd\x7f\x0f\x05_\xef!\xcaO\xb1Pn0,cP9\x05\xf1\x8a\xd14^\x90\xd9\xees\x17vm\xfd\xe3\x82\xc4\xbb4\xc4\xc3\xda+\xb7[x\xfcv\x96\x1e|\x05\xcb\xcc\xcb\x0c\xc7\x98\xcc,\x97\xd8\xdf\xa6\xf1\x0cR\x8b*\xa9\\\x85?\x12\xf6\x96\xe5\xe7\x176\x07\xfc\x07\xd6\xed&gt;p\xba+:=\x1d\x8d\xc5\xc3\x0eK\xc1\xa5\xf9U%\x9f\x0f\x01U(\x04\xb8\xf1\x9e/v\xaf;\x90@\x1e\xb2[r\x9c\xf1((\xd5e\xd4\x14\x99\xe3h\xd5\xc0Q\x8a\xe8B"S\xe0\xc2\x05\x81#\x1bW3\xc2\x83\xad\xf4\xe5\x95m\x7f\x98\x97x\x93\x06X[\xcf\xb4\xb5\x98\x8c\x843\xad\x99\xf0\x80&amp;\x19\x0e\x1ew\x12\x9cGpI\xb2L\xb21\xad*Q\x8cLY~\x99\x17\xa8\xc2\x07z\xdaN\xed`dS\xc3\xbdh \xe2,ZXp\xa2\xff\xec\xd4\xbe\xfb\xa1@(\x1e\n\x04pU\x8f\x9c*\x05\xe2x \xe6\xb7c\xdab\xd3P \t!\x8c\xa38I\x958\x12\xf65#\xa5rB\x83\xe8\x91h\x19\xa4)\x88\xb6\xba\xdb\xff\xf8zk\x92\xe6S\x17\xcc)?\xd3\x17\xab`R2\xd2\x18\x86\xb1\xe5\x96\x82+8\x1aLL\xc4YJ3\xa4q\x9cQ\xca\xc80@z"No~\xbe\xc5\xed\x8f\x07\xbaJ\xf9\xcc\x17\x9f\xe8\xe7\x1e\xefn\xb8\x17p\xdb\xedE\x9dSw\xef\x8eu\xb4\xffk8\xe0\x0ftE\xeb\x8e\xbcx\xf0\xe2\x93\xb9\x8c9\x1a;\x1d\x88\xb8\xdd\xcd\xa1\xc7\xf7\x06/&amp;\x9c\x83\xc6\x19T5\r\x99\xa3A\xa48\x1d\xc7\x9a\x04\x99\xd1Dd\x078\xbd\xee\xbe\x0b#\xe5\xefa\xcd[T\x7f\xa6/\xda\xc0\xe9t\x99\x8c\x0c\x13\x9fk\x13x\x8e\x96\x05\x18\x1a\xc0\xd2S\x82\xe2\x01\xebe\xa4K\r\x01\xa7\xa30\xbf\xcc\xd1\x1c\x8b\x9a7\x9ez0\xd7j\x95w\xb4\x9d+\xad\x88\xad\xb0\xd8\x8b:\xc6\x1e&gt;|50\xf4\xc3\xe3\xe1\xd0\xe3\xdc\xbe\x9f\'\x8f\xecX\xbb\xf6\xc5\x83\x7f\x1f\x17\xcc\xd1@\xb3\xd3\xe9\x1f\x9e~\xe2Sg\x83\xacD\x0fr,\xc2Y\xd0\x04\x9b\xa9\xd3\x8b"\xcf\x1b9M0C\x8ey\xfe\xc8(\xb1\xa8\x04\xd7\xcc\xd4\x0f\x8eM\x96\x9a\xe5\xb9h\x17\x08\x0f\xee\xc1F\xb6&gt;z#(\x18\x03ES\x9a\xe2\xb1\xd2\xa4\x99\x15q\xb7%\x7fS\x99;\x80\x07\xeb\xfe\xcf?O\x810[@L\x81\xb0\xd7q\xabr\xe0\xd5\xf3w\xfd\x03\x9d\x8f\x9e&gt;\r\x85N\xf7|\xf3M_7\xbb\xf1\xf8//\xeb\x04\x86\x9d\x0e9\xed\xa4\\AzF:\'\n`R\x83j\x14X\xb41\x13a\x91\x12\x05\xda\xa3\xa0x\xe6\\\x96o\x19\xbdR_\xfbA\x12\xd6\x9ccol"e\xd5g\xe9)\x16\xc9\x15a\xda\x8a0\xae\xb7\xee\xb0\x1at:p\x99\xc8Y\xad\xc4\xc4E#\x8e\xfc\xf5\xab\xca\x1c\xf1\xae\xe9h\xd7\xe9\xdb}}\xd0\xe2@\x1cw\xd3qk\xbc3\tk\xdf\xf8\x0fO\x87\x9b\xc3\xe4\xf4\xc4\xa0\xd6m]\xd1\x8a\n\x04^\xe7\xde\xd0\xc4\xaf\x83\xae\xd9\x19z\x91E\x0e\xd3\xa9F\xf8UE\x98+!a\xb3p\x9a\x8a *&amp;\xb3\xcd\xd4=z5\xf1J(A\xf2\xd7.\xd4a\xca\xa5LY!{u\x85\xf2HF\xab\x9e,\x1f0\xf2\x9c"\x80\x9f\x8d\xa0e\xaa\xcbY\xb8~\xf1\xb2U\xf9\x0e\'\xf9\xe1\x03_\xe0\xaaE\xfca\xb7\x03\xa8\x86:N\xbez\xf8\x0e3\xdf~?4\x1c\n\xbb\xc9\tG\x12T\x11\x08\x04B{\x9b\x01k\xfa\x89\x96&gt;[\xa24\x86\x86d\xd0\xb8\x95\x02\x0f\xcf\xc4\x89&amp;VT\x04\x01!\x0b%)}v\xb5\xbc\xf6=\xac\xd4\xcb\xa3}-"\xc7\t"\xf9\x13\x8ab\x8c\x1c\xf8\x0b\x14\xec\x91$\x9a&lt;\x15p\xe1(\x04V\xde\xfc\xbc\x8f[[\xf3kj&gt;\xdb\xb0a\xf9\xba\x15+\xbc+V|\xff\xfd\xc2\xa1}\x03S\xfdIXE\xa0\x88f\x87w\'X\xd4Qdw8\xc0\xb8\xcdK\x9b\x01k\x18]4\xcc\x98M6\x95\x84\x9a\xf1\xb8\xac\x08\xf9\xe7@\xdb\xf0\xc4\xb0\x05\xf2F\x9e=29B^\xec\x11\\\xa93/\xbfyYj\x02\xb1S\x1aob\xf54E\xc9\x02YyC\xb9$\x8f\xd8\xe0\x83S\xf2x\\\xae\xe0\x84;\xff\xd3\xf9\x1fB\x8e\x97-\xab^\x8cS]}\xe8\xcb\xcf\xca,\xc5C\x9d\x9d\x1d\x03cg\t\xac\x8e!\x92\xa5\x1f\xddr\x94\xb5\xb6\xb6\x16\x16\x16\x82\xe3,9\x0e\xfb\xd2\xa5\x04\xd6\xf4\x13\x0f\\2:\x98bH\x91\xc8\x9a\x9eS3\x0cFY6*,\x83\xef\xb2\xccw\xff|pW\xf9\xac\x05\xa9\xc9\x7f\x87\xb9\xfc\xe6Yi\xae\x990\x89\xc6\x8a\xd0f\x86\x11yFS8\x8f\x87\xd3\xd8A\x1f)\x96Ks5\xc4\xec\xc5{\xb6l\xd9RU\xb5esvv\xf6Gk\xd6|\xb4\xb8\xfaR\xef\xf6\x95\xfb\xf6\xad\x1c\x98zu\xf3\xdd\xdb\x9b\xaf\xc8J\xf7\xd1\xa3\xfb\xe3\xe3\x0b[7\xb5&amp;\x0fp\x15\xd9\t\xac\x89\xef\xee]D\xfb\x90\xf4\xf5R\x8aJ\x16A\xc8S)`R\x8a\x12\xad\x06\x1a\xf2b.}\xf6\xe3\xdf\xb7\xbd\xb76\xa9\xa9\xf5?N\xf6\xd5\x99E1H\xde\xd9\xe0\x12fR\x82\x19r\r\xad\xa0\x1a*\x1a|pp(\x96+7`/\xce\x03\xa8\x12\xf8*\x1c\xe2d\xd6d\xe7\xfdD\\;)\xd6\xf3\xdf\x7f\xbf\xdb?\xd5\xd1\x89r]o\xaf\xacl\xea\xed\xed%\xa8\x8a+-99EIX\xbf\x0e\xd2\x12\x1e\x91#\xfbX=Q4HZ\x1a\xc5\xcb\x99\x9c\x84\xae\x8a\xdd-u\xa3\x07\xbf\xde6+\tk\xe6\xbc\xdak#\xd0j\xe2\x1c\x04\x99"\x04j\xb5U\xb0\xa2&amp;\xb2\x9a\xeb\x1eB^\x02\x95\xea\x9a\xf6;\n\xf2N\x9c$\x19\xe2|\xd5\xf9\xf30\xf2\x7f\xbbQUU\x858\x81\x18\xd4\x7f\xf3\xf9\xdbw7\xfb\xc7\x06\xf6\r]\xbf~\xbd}\xa8s{oAooASqqq\xe5BK\x0e\xca5&lt;\xf1\xf8\xbb{\x9av\xd1\xe5\xd1\x04E\xd3\xebS\xb2\xd2\xd3\x91\xf3\x8c"\xcb\xa4\xa5\xe8\xe0\xa1eh\x0fy\xaf1+\xa9\xd5\x80\xb5m\xd7\xcb\xba\n\x18-\x13\x1aGA?3\xbb[\xf8\xc4\xack&gt;\xb4\x10\xa2\xefr\xd1JW\xa4\xa8i\xcf\x89\x93\'K\xc6\xc8\xba\xa1\xb11a\x93K\xce\x93\x1d\xcdT\xffY\xb2\x07G\xa0&gt;\xb1\xb2\xb3\xfd\xfa8\x81E\xf6\x14\xf84\xe1T.,\x02q\x01\xd7t\x90\x18\x1c\xcd\xa7a\xc4\x11\xd5\xd33@\xa7,\x9f\x99\x95\xa53\xe8\x8d\x8c\xa9\xfb\xe5\xd5c\xb5s\x16$m\xf3\x9fg\xce*\xff\xebh_\x9d\x8d\x05\xc5\t`\x10Z\x95A^\x14C\xb94\x9f"\xfa8W\xe2\xb0\xa7\xc3EM\x1f\x935\xcd\xd8\x18P\x1d&gt;|\xb4\xf1hcb\xd7\xf6\xf9\xc9\xd5\x7f\xf9\xea\xf5\xdb\xb7\xaf\xbfZ]rb\xe5\xf6\xa1\xf6\xf1\xf6\xf6N\xb2\x0f\x00,\xc0\xeb,h\xaa|\xdf\xc6\xc7\x83A\xd8zXU\xb3\xa8\xcf2de\xe8\xb2\x08,:\x1d.\x93\x86\xb1\xc9\xfde\xa4~\xd6\x9c9\xff\xdb\x87/\xa8\xad?8\xda\xd6m\xb3\t\xd0g\x05*\xaf\xf1\xacF\x1b1\x03\x8a\x88Ys]\xf4\xa1\x93\xb9q\'`\xe5\x91r\xa1Z\x8d\xc9\xa4Cp\x9d$\xcb\xca\xc6o_\xbf\xfe\xf6\xf0\xd1\xaa\x0f\xf3H:D\xb5p\x0f\xc8] E\xdbNp\xd9\x9b\xe1&amp;&amp;\x06\x83A\x1f2v\x03\x82\x06R\xcf\x8c\x8c\x0c\xb2\xa6O\xc3\x8cI.\xdel+\xbd=\x82\xc9\xfa\xbf\x99\x9f\x89\xe83\xd9Va3\x89\xb8\xa5\x8c\xcc+\x94f\xa4S\xf40\x81\x92\xaa\xea\xa4\x8bA\x98\x92\x8b\xa5qg\x0e\x81\x95\xc0\xb5zu2\x17\x92hXR\xd2x\xf4\xfc\xf9d\xf2\xb9\x91\xbdd\xc9\xa5\x82\xf6\xf1\xa1N\xd4j%)\x18JVPP\x0cX\xceH&lt;0\xf1$\xe8\xc3C\xfa\x048\xcc\xac\x193\xfe\x84\xd9\xe2\x18&amp;\x05\x19\xf6\xbf\x8c\x9a\x7fL\xd3w\x1a\xc7/-=\xf4JC\xbf\xd4\xb6\xb41HI*\x06/T\xa8@EF\x81\x9c\x16\x10\xc4\x1f\x14M\x95_\x15\xf91\x98 \n\x82\xbfX\xd6\t\x82J\xa2\xe2\x06nT\x18\xb4\xa0\x1eR\x03#\xbaC\xc8\xa4h&lt;\xf1r@s\x9b\x1e.H+\xa8\x81\xc5\x99\xfb\xeb\xfe\xba\xf7\xf3mQwsn\x8f\x04\xfd\xc3\x94\x17\xcf\xef\xe7\xf9&lt;\xb2\x95+\xd2\xd6\xf5&lt;\xa8\xcf\xf0\xf7{\xbd\x1e\xf1\xf2+\xfc\xfa?\xa3i\x11A"\x19\xa6\xb7\x10\xf4AQ\xfb\xd6\x06c\x0cc$&lt;\tWv&amp;\xb4\xbcf[M\xb19\'\xdc\x83\xf5\x15\xf9\x96g\x9e&gt;G&gt;\xd6\xebru\x12Xg\x916K\xab\x1d?\x08\xe7\xa2M\x13\xc0J\xb7&amp;\x97f\xc6\'%!{\xa1{\xa6\xd1l\xdbu\xa0\xc9d\xc1\xecJI"\x90J1\x1c\xf3P\xc2\x83"B\xbb\x86\xeb?z\xeb\xd1\xdf\xcb/\xe6\x1b\xdb\xf3\xd0 \x83T\x16\x80\x06v\x85buT\x00\x17\xa6\xa7\xf5\x8a\xc4\'*"{\xdd\x99\x9a\xf2\x16`\xc5g\x85!o\x91\x11\xdd\xea\xa2\xd5\xf7\x81\xde\xbc&lt;\xcb\xe9\x96\xd4\x9dH\x18\x83\x05\x03\x97O\x9b\xc6-\xf7\xee\x01\x8b2\x07\x8c\x98\x0c#&amp;QR\xcd\xd9&lt;0\x96}\xff{LA\xd7\x85\x02\xa1\x8f\x04\x13"O"\xe7\xf0\xd14!\xab\xaeF\xad.~\nm\xbd\x85\xb5j\xe9\xfe\xee\xd1V\x91\xda\x97\x96M\x15\x11\x8a\x95\xab\x03\xb8,\x14\xc4\'j\x1d\xc6\xed\xb4\xcbVs\x8e\xde\xb2\x11y\x8b\xb0X\xaes\xee\x85&lt;Te\xef\x0b\xb16&amp;\xc0~U\xf7\xf7\xf5\xd9-NV[,\x16\x94\x95\x9cIX(F9\rc\x93\x93\x986j\xb6\xa1|\xb0;%Z\x04I\x05\x12.G\xe8\xbb&lt;4\xbb\xb8\xcbv\xa5\xe4\xad\xfd\xbc\x97\x97_\xc6\x91\x07\x1d\x15R\x11\x9ae\xb5:H\x11\x14\x05\x1d\xf3hA\x10\xc8\xe3\xfa\xae+n)\xb6Z\xadM\xb5\xfa\xdd\xda\xc1A\x0f\x17\xfc\xfc(\xfb|q\xe0\xb3\xf1q\xe7lS\xe3^\xa4uGU\xc3?\xbfkw:\x1c\xb9\x9fo=\xbc\x88\x95\x99\x19\x1fGE\x08c\xef\xd8\xd8\xd0X\x1f\xe5\x9c\xb5(@\xf8\t\x98Ae!B1G \x93\x05\xadK\xeb\xf9\xe1\xe6~\x7f\xef7X\xde^\xab\n\xb7\xd8\xe6\xc0%\x95\xd1!\x11\xc60\x86e"\xac\xb5\xd7C\x8bO\x9d2\x9b\x07\x80\xb5\x1d\x03N\x1e\x81\x11\x1b\xbc\x8b}Z9\xe7r\x8e\x8c\xf4\xefD!29\xecv{\x83\xbd\xea\x91\x83\xb6\'\xb4\xb5\xf94\xb94&gt;3)\x1cX4\x9b\x01\xeb,\xb0\xe8\x1dH(\xe3\x88\xc1E.\xcf\xa7\x17\xae\xa8\xe5\xa1i\xcfm\xcdK\xde&gt;s9D=\x97mnn\x8fH&amp;\xc5\xff\xe2\xf09\xaf\xa9\x02\xb9\x8a\xf2\xd0\xcb\xd6\xae\xb6Z\xf3\xc9T\xfd\xf6\x8d\x9a\xa2\xa2"2d^\xef\x01x\xd79\xdak\xfd\xbd\xd79\xe2\xec\xdf\x1b\xabRe\x99r\x1dUCCg\xabr\xe1\xef\x87\xdd\xcb\xa4\xf8\xf8L\xdd\x06\x8c%q\xd5\xd5\xc0\x1a\x1a\xba_CX\xfb\xb6\xc9\x82\x05\x1c\tO\xec#\xf4\x95\t\x04\xe8\'\xcaCO\xdd\xfe\xf6\x9b\x9f\xeft\xd1\xa1ft\xcfu\xb4V(\xa5|\xba\xfd\x10\x07\xbe\xc6\x12fcb\xb5\xb6\x1d3\x9e&lt;\x99\x02\xac\x04\x95J\xa3b\xebu\xde\xa6\xa3\xb4,\xc5\xd7\x81q\x93I\xef\xecG\x08\xf6[`\xc6*\xbb\xa3\xf40J\x12\xb0&gt;\x85\xbb\x97\xc6\xeb\xdc\xda\xaaN\xfdb\xec\xecw\x94\xb7\x90#\xa2\x02\xa4j\xbe\x0f#\x16H}\x05\x18\xf5|\x83\xcaC{\x86\xaf\\\x8c\xfc\xd9\xf9 \xac\x18\xb3\xe5\xd6\xd3\x97\x1dj\xa5@j\x80\x13\xba\xb1(\x84e\xd9fs\x9b\xd9|\xb2\xccX\x9bRV\x00,\x8dJ\xf3\xc1\x07\x1f^r\xe5m\xdaq\xf4\xaf\xac\xecp\x99\x9c&amp;\xd3\xf6q\x88\xc5a\xaf\xaa\xb2\'\x1e\xdcz\x896o\xe7K\x0f"i\x1d$,\xbd^\x0f\xac\xabg_\xd4\xd4\xf4A\xce\\\x0fP\xca\xd6r\xc4\x12\xa1H\xe8#\x17\x07\xc3\x86\xd9]\xdd\xcd%\xff\xbf\x00_\xe5\x17s\xf1\xc6\x83\xd1Vx\x96A*\x84;\x06\xf2X\x9fg\x0c-\'S\xf2\xebj\xbf\xa8\xcc\xdf\x95RV\xb7\x97\xb0\xb4\xda?\x87]\x82\xb6v\\#\xaek\xd76\x85AM&amp;\x93\xc5d\xb1\xe4\x82\xea\x93\x86\xbf\xac)=O\xefw\xee\x9a\x98\x84\xb6+\xbcRo\xacNm\x18\x1az\xd1w\x7frr\xf2\xc5\xf7}\xc2\xb5\x02z\xb0\x11H\xe5J\x01\xc3\xf5-\xbf|\xea\xf9\xbf\xb7\xf8{\xfd\xe2\xe1\xce?c\xcb\xad\xd1\x0e\x83RYaP\x0b9\x14&amp;l~\xa80\xeb\xfb\xb5\xae\x84\x02S\x81\xd1\x98_\x07\x0f\xd2hT\xaa0\xeao6\xd1\x12\x9e\x1e\x82\xbf\xca\xcbsAQN\xa7\xb3\x1db\xb7o\xb6\xa3\x1c\x9c\xa7 \xa4\xba\xc3bmH\xad6\x1a\tkr\xf2!\xc9dh\xb0 @\xe6\xc30p\x19\xb5\x10-\xfe\xf2\xe2\xe7\xb7\x91K\xbd\x7f\xf1\xcc\x19Y\x98\xd1&lt;&lt;7#\x14\x96\x916\x00\x00\x13dIDAT\xe0W\x84\xa8\xf9|9\xf5\x91b\x86\xe1)\xad\xa6q\x97v\\;\x9e\xe5\xc6J\xd0\xa8\x8a\x8a\xc2\xdc\xe9\xcbMuwS\x9e\xcb\xf5\x13\t\xb0F\xf0\xa7=7))399\x13\t\xcbM\xa5\xd3\x85WV\x1bSj\x1b\xce&gt;{\x06\xa6g\x8f&gt;\xb9*\xe2\x06\x04\x08\xb8\x12\x86\xa3T\xd2\x8d\x93\xcf\xca\xe2\xdb\xddGb\xde\xf1\xd6\xe9\x15\xb9,\xa3\xd9\xb6`P\x8a*\x0ch\xd3\xe4b9\x07l\x0c\xa3h\xeaw\xb9\\\xe3\xae\xac\x94\x94\xb2\xc6\x8d\xb1\xb1PV\xd1\x87\xac\xb6\xee\xd2\x1b\xe2\xdd\x1d\xa0"\xa6\xa9\xa9\xa9W#$`\xcb=HLTt\xd0n\xe9\xe2t:\xb4\xfcF#"\xf1\xe1\xa3G\x8f\xfe\xf57GC\x05\xc3 \x85b|\xf5\x11\x08\xd0&gt;\xc8\x83\x15\xf0\xac\x8cw\xddt!I\x94\xec?\xf2c\x87AT\x81\x19CJGY\xc0\x82-\r\x03\xfdd\xa5\x81\xb4\xb6;h\xe1\x13\x12`EV]\x94\xe9Q\x1aw\xb8\x88hj\nz\xf2PA\x1c&amp;Pa\x00\x8f\x8e\xd6ECYpw`\xa5\x0ed\x9f\x19B\xe7\x9aS,\x85\xebJ\x84+\x97\x07q\xc4px\xb4\xce\xbe+zn\xec_\xfa\xce\x97N\xb8W\xc9\xc5\xfa\xc7\x0b\x13\x15"&gt;_\xc9a/j\xd8x\xe4\xa7\xd5\x16\xe8\xae*\xe5\x17\x8c\x84\xa5\xd1h5\xaa0p\xb1M\xc3\x81\xcf\xb4\xe4TNVI\x1e&amp;Vtq\x054^\xac\t\'*$\xad\xea2c\xea\xe9 \x892\xbb%;D\xec\xae\x1eA\xcb\x15\x1c:\x9d\x93\xcb\x85!\xc7G\xeb\xf7\xfby{\xbf\xfb\xc4-&amp;\xe3D\xb7\xed\xc7\x85=\xc8\x130\xa2\\\xce\xb0X\x12\xb1 D\xcd\r\xe4\xb5\xeej\x04\x16\x12\x97V\x03,j\x9b\xf1\xa5%\xa4\x91\xf6y\x12|\x9f\x9d\x9de\xff\xd1^\xa9/\xc8\x07V\xa5\x1bK_]VV\x96j\x95!\xb4\xc9\x02\xf8P\x1e\'D\xb1b\x0fR=\xaa\xb5P\x14\xd1\xf3\xe0f\xc9\xaf\xdd\xe5y\xf9-\xcd\xd8r\xe2\xca\xe3\x19i:\x1aZZ\xe4\xb2O4\x8c\xbb:\x06N\xb75\xc2\x86\x18z\xb4\xd0\x17i\xab\xb7\xb73\x81\xf4D0$\x0fg\x17\xa5\xa9)\xa7\x96U\x17D\xafC\xd2\xd2\x97\xd5\x95\xedj\x91\xd3o\xe9.\xb6&lt;\x1f\xdf\xd5!!\x1c4\x82\x02\x81Tq\xfc\x07\xea\x1d\xbc\x7f\xed\xf2\xc7\xafdI\xc6\x89\xc7Jx\x15\xe2\x10\x81H\xc2~\x08}K77\xc6\xaa\xc8\xb7b\xb3\xb4\x9aA\x9a2:\x1bSk\x9b\x1a\xa0\x9fW$#\xf3\xf3#\xf4w\xfb\xec\xd5\x96\x96\x96\xab\x1b\n\n\x08\xab\x12`\xfa\xfc\xfc\xfc\xc6\xb2\xd4b\x89\x1b\x8ba\x9b\x07\xa1H$`\xc4bN\xb0\xc0wO\xf1\xed\x9b\xbfz\x0b\xc1\xde/\xc7\x94\xdc\xecP\x82\x8b\xc3\x9e\x8er\xc5b\xc6\xd3\xe0\xf0\x02\xc5=w\xa0-\xe8\x0bV\xd4\x14\rv\xf6\x0e\xeen\xc2\xcf\xb7\xce\xbfz\xf2\xe4\xbf\x90\'\xacP@6\xb5\\\xcenib\x87\xd7\xca5\x95\x95zL\xe1uuu\xc7\x8e3\x1e,.~c:\xf7@\xdb,\x96\xf3e\xbe\xad=\xc3\xcd\x85\xef\xb9\xad&lt;\xe4\x15\xf9\xa7\xfa\t\xb52\x9d\x04`r\x16\xcb\xfd\x1b\x06\xf2:\xe0\xf3\t\tZ\xf2y\x15\xb0:5qM\x03V\xf3\xfc\xab\x9f\x9ex\xb8\x08\x8d\xb0\xe6\x1b\x06\xac\x03\xeb\xc3\xd9~\x86\xcc\xa8\x8f\xab\xab\xbbs\'\xf5KV\xf1\x0c\xb0h\xe8\xa18\xa7c8\xb5h\xe5\xf1\xe1#\x1f-}\xef\x05\xa3\x97\xff\x8d\x85\x19\xe5\xf4\xf4\xb4\xd2\x8d\xe5\xb1!\xeb\x10\x13\xc7\x08+v#\x94\xa5B3:\xa8-@\x01\xd6;\xd9T\xfadQ\x08kCNN\xd3\xe6\xc4h\xa8K\x1f\x1e^M6\xackl\xbcs\xac\x95\x8d z}Xt\x10\x06\xdd\xa9(H\xd1a\xbbX\xf8\xfe\xf32\xefH\xb48\x0b/\xe7&amp;\xa6\x95\xac\xaa&lt;]\x17\xcb5\xddV\x87\x04\xa1\x8d\xd5$x\xb0\xb2vg\xf5\xb32\xf5F^9G\x1c\x89\xf6\xc4\xc4\xc45\xa0\x82\xba\xe0\xf0dA`\x9d\xac`?\x89Y\x0c&amp;2!Z\x88\x90\x15\x11\x17ne\xf8{\xff\xe1\xd0\xfb\x8f\xb8Nt\xd7_\xe9~&lt;C\xd1\xb8\xd8\xa2\xba%\xbd\xablo\xac\x06\x82p$,\xd4G\xedFTiK\xbf\x05\xc9\xcb\x93\xb4\x1c\x0eP\xd9\x13)c\x11\x16z\x878`5\xc2\x88m\x06\xfa,\x145\xf2\r1\x85\xb8X\xcc\xe5\x88\x14\x11\xc7Ou\x17Fz\xff\xd6y\xa0_\xc9\xb2?\x9e\xb0M\xd0I\xb2\xdbx\x8bN\xcf\\0\xa2\xe3b\x85\xb0v\x82K\x9be\xc9dw\r\xb9\x8e\xcdU$v\x92\xf5\xeb\x13\xc3\xc3un,\xb7\xbbCY\x1f\x9b\xd5\xee,\x88\xaa\x86\x88\x92\xc0\xe9\xe9\x10S\xad\x88\xe8xZ\xbf\xc4\xeb\xd0o\x9f\x9e\xae\x8a\xcc\x18\x9eP\xca\xe5\x9e1\xc3\x9d\' _\xa6\xe6#7h\x12\xe0a;I\x08+3\xbe\xd4\x12o\x8av8\xc0\xb4\x19jJ\xb4\xff#\xf1\xde\xfa\xc4\xe87Xu\xdbYm}&lt; %,:\xc2\x14\xd3\xbd*\xd8\x943\x13\x13\x13\x1ds\xa3\xddGJ~\xc7M8\x12\xc5\x92\xee\x97{H]\x0c\xf3\x16W\xe0L\x1b\x1aTZm\xc5\xb2XH\xacY\x84\xd5\x0fC\xe6R\x1f\xef`\xadw/z\r&lt;+\\\xe7\xe6\x82\xae\x80\x05\x1b\xee\xb2\xf2\xc9\xb3`\x02\x06\n\xa3@O\x9f\xe9xl\xb3\xd9\x86o}\xfb\xf5\xb2\xdf\x83\xe5\xed\x1d\xd9&lt;\xbc`Hg#\xf15\x18/0\xbd\xab:\xff\x7f\xbc\x9c_H[i\x1a\xc6\xe78\xd9D\xb3\xb3a\x9b=\xed\xca\x84\xc0\x82)$\x90\x90\xc6\x0b\t\xd1\x98Q\x9b\xd4H\x8e\x04\x92\x8ai\xfe\x103\xc4\x18\xc7\xb0\x11\xc4V$\x10[\x12\xfft\x10\x06\\\x10\xdd-\x82\xe3T\x84\x81^\xb4C\x15\x1d\x99\x8b),t\xe7B\x16\xf6B\xb2\x887e/\x94B\xb7u\xca\xc2\xb2\xcf\xfb~\xb1-\xbb\xcc\xae\xb6u\xdf\x98D\xbc\x88\xbf\xf3\xbc\xcf\xf7~\xefw\xce\xf9\x12J\xa7\xd3&gt;\xaa_\xbd\xf6v\x16\x0b\xdd:\xfa\xd2\xfb+}\x7f\xa6\xe8\xf3\x8f\xf8\xdf\xc0\xe2Q89\xd9\x0f\xac\xa9\xaf~\xf9\x1b\x9e3\xce\x11\xd6\xc5\xbdpx\xff\xc9\xd3\xc3\xe9\xe0\xf8w\x1bk\xa5z\xd5\xc9n\xd6\x1dX\xc7\xa4\xbd\xb3\x1f&gt;/\xaa\xb2P\xeb\xfc\xb2r\xb5?\x14\n\xd1\xc9@\xd4\x8a\xd6\xd6D\x0cT\xbfM\xb8=h\xe4W \x19L\x86?\x8c\xb8\xa0\x19q\x81\n\x93!J|&gt;\xff\xa88\xf5\xd5/\xaa\x96\x80\xa9.\xe2\xb3w\x9en\xad\xde[\xef\t\x8e/&lt;\xc8\xa9T\'\xbc\xb59\xb7zxx\xf8t\xaf\xda\xa7^\xa0\x96\xf0g\xe7&gt;]\x1a\xbd\xda\x9f\t\xc5\xd2,Y+*D&lt;\xde5\xe1\xcen\xf6\xda\xb1\xc0\xc0\x80\\Y\x19\x01\x16\xf4\xaa\xf6\x0ec4G\xe7\xf3\xa9|&gt;Z\xb8\xfd\x11\x15\x07j\x01&gt;\x0e_;\xa8T\xb6W\x1f\xaeN\xcf\xf7\x0c\xe5\x16r\xf5\'\xbe\xb9Yo\x9c/\x95\x1e\x1e\xec\xd5\\`g\xb1\xcd\xce\xed\xdfU\xc6\xc05\x99\x81bi\x9f\xaf\xd5\x97HLLX\x1d\x9b_\xf6f\xed\x9c\xc9\x15\x12k\xa4\xcf\xe5jl\xbc\x84JJ\rM&gt;\x95J\x15\x8b\xc5B\xe1\xf6\x87`\xfa\x90l\x15\xde[\xae\xac\x97J\xc1\xe0\xda\xda\xc2@\x93\xf94\xbbF4\xe6\xba\xba\xfa\xdc\xf6\xce^\xf8\x02\xed\xa98O?\x17\xf6\xeeN\x81\xeb*\xf22K\xb9\xf4\xf9|N\xbb\xd5\xe1\xd8\xdc\xccB\xae\xfbB\xaf\x91\xbe&gt;?Q]B\xa7\xcc}\x16E1\x10\x8d\x02\x0b\x8d(\xdd\xf3\x1f\xde\xaflu\xd4\xcb\xc3r\xcb\xd0\x10\xefh&lt;\xc5n)\xdeL3_!\x7f!&gt;\xe6\x81}\xf1n\xa1\x10 \xae&lt;\x86}(\x94\xf0y\xb0\xdc\x18\x1c\xcc"\x8bN\xcf\xfd\x95\xfb&lt;&amp;]\xae&gt;\xc2\x1a%\xaa\xc0</t>
        </is>
      </c>
      <c r="M454" s="3" t="n">
        <v>45492.67714120371</v>
      </c>
    </row>
    <row r="455">
      <c r="A455" t="n">
        <v>1107060</v>
      </c>
      <c r="B455" t="n">
        <v>1967</v>
      </c>
      <c r="C455" t="inlineStr">
        <is>
          <t>Felipinho</t>
        </is>
      </c>
      <c r="D455" t="inlineStr">
        <is>
          <t>Felipinho</t>
        </is>
      </c>
      <c r="E455" t="inlineStr">
        <is>
          <t>MC</t>
        </is>
      </c>
      <c r="F455" t="inlineStr">
        <is>
          <t>MC</t>
        </is>
      </c>
      <c r="G455" t="inlineStr">
        <is>
          <t>MC</t>
        </is>
      </c>
      <c r="H455" t="n">
        <v>183</v>
      </c>
      <c r="I455" t="n">
        <v>23</v>
      </c>
      <c r="J455" s="2" t="n">
        <v>37181</v>
      </c>
      <c r="K455" t="inlineStr">
        <is>
          <t>Left</t>
        </is>
      </c>
      <c r="L45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423e19a-c8ee-4db9-818e-dbeffa5b95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8*\xd8\xf2\x00\x00\x00\tpHYs\x00\x00\x0e\xc4\x00\x00\x0e\xc4\x01\x95+\x0e\x1b\x00\x00\x03\x00PLTE\xff\xff\xff\xfd\x1c4\x1d\x1a\x1e\x08\x08\x0b\x17\x16\x1b\x0f\x0e\x12\x0c\x0b\x0f\xff\xfe\xfe\xfe\x1f7\x13\x12\x17\xfe#;\xfd\x15+\xfe(A\xfe&amp;&gt;\xfe,D\xfd\x10&amp;\xfd\x190\xb6iL\x05\x05\x07\xbalP \x1d#\xfe/H\xdc\x92w\xbepV\xbds[\xc1v]\x97U&gt;\xb9nW\xc6}c\xb0hO\xd9\x8eq\xa5]F\xfc\xfb\xfb\xe4\x07\x1a\x99Q6\xfc!9\xcc~c\xf8\xf7\xf7\xc1zb$!\'\xc3sT\xcc\x83i\x9e_I\x8aQ&gt;\x17\x1b-\xd7\x88k\xd8\x83e\x92P8\xf8\x15+\x98\\G\x9cZA\x9eT9\xd1\x88k\x8bK8\xc6x`\xeb\n\x1e\xa8]A\xf9\x0b!T\x1b\x16\xabeL\xb5kT\xafbH\x91XE\xac`E\xa4bK\x1b\x1f1\xdc\x02\x10\xc8\x80gu&lt;/\xc9iC\xdd\x8al\xa8cG\x90G1_\'\x1f\xd9\x8bv\x92Q?\xc7xY\xa1ZB618\x1f#6\xd1uQ\xd4\x8cq\xcd{]\xf4\x10%=7?\xbaxf\x13\x17(\xd2\x82h\x88B,\xbf}l/+1\xc2b:~A0\xabgT\x85D3\xfe3L\xbd]5\xc6e?*&amp;,i/$\x87kp\xd6~`\xa6Y&lt;\xf3\xf1\xf1\xf5\x07\x1b\xdb\x98\x7f\xb7bF\xff\x83\x91\xc0mP\xa6\x9e\xa4\x98J+\x8fB(\xe0\x96|\xd4{X\xe2\x9c\x84\x9eM3\xbdhJ\xcc\x03\x11\xb2eH\x83:*\x90[M\xe4\xa2\x8d\x85aa\xceoJ\xde\x8e~\xee\x10%\xd4\x04\x13\xd3\x85q\x83NB\xb1mZ\xc9\x88vs5\'\xa4T7\xdc\x08\x1b\x8f_X5$#\xa3I&amp;\x9f\x8b\x91yNISNU\xc3\x02\nyD;\xb2Z&gt;\xbaqb+\x1d\x1d\x8as{\xc7lL\x80SN\xa0dU\xe5\xa9\x9f_5,uVW\xb1S-h71\xb0_@\xb9\x05\x11\xf9\x1c2\xacU:FBI$\';\x87TI\xaaP+\x98\x7f\x85\xc1\x84u\xed\xeb\xeb\x97I8\xdb\x9e\x8ac^e\x84YW\xb0sc\xe2\x93\x84\x91gd\xadTOD\x14\x0frgn\x83J&lt;\xc6p\\\xde\xa4\x95nE&gt;\xa1PH\x99B.R.%\xe5\xe3\xe3\xfe}\x8b}5+\xd9\xd6\xd8\xb7X1\xee\x03\x13\xea\xb4\xa9\x97uu\xb9c&gt;,+@\xb8\x11 \xa6L6\xd2\x8e|\x82\x7f\x86\xbah]\xc4\x06\x16\xe4\x15)\xb7\xb4\xb7\xc6xkC)\'\x8c\x88\x8fzy\x80\x8e&lt;9N86\xb0\xa9\xae\xbbZY\xc5\xc1\xc3\xd0\x97\x86\xc6\x82n\xa6i`\\B?\xfc\x89\x96\xe6XY\xfbv\x83\x1d\x13\x14\xda\x92\x91\xe7\x8cs\xd8OX\x99\x95\x9a\xd2\xac\xac\xd4pY\xd5"0\xe4\x00\t\xdd\xbd\xbd\xae.9\xca^d\xef\x1b1\xee\xcb\xcf\xee\xdc\xddlLK\xe8BI\xac\x81y\xf8\xe9\xeb\xe4#3\xa6\x95\x9d\xbf\x91\x8c\xbdWA\xf5\'&lt;\xc0B@\xd79&lt;\xcd\xcb\xce\xd4\x80\x89V 5\xcf\x12"\xc8mt\xef1@\xbd$3\x96+6\x85\x1a$\xcazz\xee\xb9\xbe\xe4kvq\x1b*\x95\x0e\x0e\x11\xcc\x08\x00\x00\x00 \x00IDATx\xda\xc4\x99\xdfOSi\x1a\xc7\xcd\xe9\xf9\x91s)\xbe!\x93q\x874\xc6\xce\x99\xd5\x80qF\x12\x13]\xd7dA\x08\xe3\x9e\xa89\xc4z(\x86\x1e\xc5\x86\x8d-\xcb\x8f,\x08\x17\x0bH\xe6\x18\x1afj\xc1\x02&amp;46\x12*\x99\x04C3m\xb6D\x9b\xac\\4\x85@Z\xedE/zO\xb8\xf0\x86\xbf`\xbf\xcf[\xdd\xec\xfd\x1e\x9c\xb7\xb5\xd5\x12&lt;\x1f\xbe\xcf\xf7\xf9\xbe\xcf{8v\xec\xff]\xee\xec\xd6\xd6\xdea6\x93\xc9\xe6\xb7\xe2z|\xbdZ\\q\x1f\xfb\xdd\x97\xe7p+n\xe8Fx}=iX\x1acV&lt;\x19\xcc\xb8\x03\x81\x95\x15\x8f\xdb\xed\xf1\xfc\x1e\x84n\x8f;\x90O\x9a\x9a\xc5dQ\xb7tSU\x99 jF2\x98\x0fno\xefT\xf3\xf9\xbd\xbd\xec\x17\xe6R\xdc\x81L1\x18\xac\x865U\x15\x04\xa6i\x02\x03\x96\xa8\x8a"\xf8\xe2a\xc3\xb4L\xdd\x88\'\xab\x19\xe5\x0b\x17/\xb8\x136-\x1dD\xa2$\x9a\xa6(I\xaa,\xc9.\x97\xcaDI\xb5\x04U\xa4\xa7\x16\xce{\xbe\xa4V\x9e\xc3u\xc3\x12UU\xd3\x98 H\xaa\x80w\xb9\xae\x0eP\x1aq\x8a\x0c\x9fB&gt;C\xd4\xb63\x8a[Q\xbe\x10T&amp;\x984EAT%\x97$\xb9dPY\xa2\xa8\xca\x84ej\x80\xc5?\xf0\xc2\xcc\xb0)\x86\x83\xc5b\x16\xf6?z2Ovo\xc7\xd0,M3EYv\xd5\xd5\xc9LS%\x95\x00].I\x90d\xee0T\x126c\xaa\x1e\x8f\xa37\x8b\xc5\x8c\xe7\x88\xc1\xdc\xc5u]\x13-\x93\xa9\x02\x89\x02\xb5$\xfe"\xc9\xb2,\x89\xa2\xcb\x05$\xc6@,\xbbH6Q\x14\xacpr\xbd\x9a=b\xae\x95-K\x10H\x0e\x17p\x00\xa2q0\x91\x7f\x86J\xbad\x91\x04\x13U\xfa\xb2`\xc9\x12\xba\x94r-\x98=B\xf3+\x8a\xfb0\xccL\x8b|%\xcb\xaa\x8a\xa7\xc9\\\x92\xc8P/\xa6\x8a\x9a\x8cZ2\x15\x1e\x03\xa0*\xc0`\x92\xaa\x19\x9af\x98\xe1\x9d\xbd\x15\xe5\xa8\xb2j%[\x84\xaf\x18\xd3\x04\x91\x87\x01i\xc4\x18J\'0\xf4#\x12\x8c\nI&amp;\xa3\x92\xc2j\\6d\x1a2\x0c\x11vD\xd1\xea\xce\xec\xad\x87\xe3\xba\x85\xa4\x82$\xe4v\tq\xc0i\xc0$\xa8\x9c\xc4\xa5J\x12E\x05b\x8c\xb8\x10_\x14\xb7\x86\x11\xde&gt;"w\xb9\x11\x0b:RI\x00\x80K\x14x\x13B(\xaa%\xb4\x914\x06\x1a\xa0\xc82\x7fW\x19\xe7\x92\x90#\xf0=\x13\xacd&gt;p\x04XJ\xe0p;lh\xa2\x86\x14\xc7"q\xc0\xe5\x82\xdfE\xde\x8au\xaa\x08\x8d\xea\\\xf4B\xbd\xa0j"\xe0d\xd2\n\xf1!0fng\x1cO/E\xc9T\x93q]\xe3\x19\x80k\xc2U\x12\x10h\xc9\xc8\x04"\xac\xe3!A\x7f\x91\xa8+U\x82\x97d\xbc\xa3=\x04A\x0f\x9b\xc9\xa2\xf3U\xf4\x04\xe3\x06\x12\x9c\xff\xfcd\x1c\n\xf5:\xd2F\xe6\x0f\x0e(\n\x15(Cq\xc5PW\xd0\xe1\x15\xe5\x15\x18\x0c\xa6\x85\x8dp\xd5\xf1^T\xb2I\x8b\xf6\x15\xb8Z\x96\xb8.\x12\xfdQy\x86\xaa5\x91\\*\xb0*&lt;H\xd1\x8b\xa4\x1a\xa2\x95\xf6"\n]Q4\x92[\x8e\x9b^\xc9\xc75\xa1\x86U\xc7/IM\x06+SDa\xaf\xae\x08\x11Z\xb6\x8d-ZT+\x92\\\xd3\xcf%1]\x93(\xcbP\xf4xr\xbd\x18p8#\xdc\xf98\xe3{\xb3LP\x12\x9f\x16\xf8\xc5\xecB!\x1d[J\xbd\x18\x1d\xbd211\x91J\xc7\xb0\x96\xd2\x11A\xa5t\xc0B\xa7\xf2vd\x9ay\x04\x19\xe1\xce\x87\xa9\ta\x13\xcaQ\x81\xa6\x18\xa4\xb8]\xde\xffi\xfe|\xdb\x89\x13\x0f\xbf;q\xe2\xf8\xf0\xf0\xf1Kmmm\x17\x9f\xff\xb99]\xb0+\xdc\xff\x14d.\n5f\xd9"\x0b;\x9d\x11\xee"\xb0,\x0b[0e\x01E\x93$\xec\xa6F\xe7\xaf\x1e\x1f~\x18\x8dF\xc7\xa3\xd1\xd6\xe1\xd6\xd6\xd6h4\x97\x1b\xf6\xe7r\xa7|\x8f\xd36\x8f\x10\x12\x8d\xe2D3-Q0\x1c6\xbd\xb2\x12D\x11\xe9\x7f\x16\\&lt;EI\xa9\xd13m\xff\xc8\xe5r~?xZ\xfd\xf4\x06\xb2\\\xae\xab\xab\xa7\xa7gy\xe8\x94/f\xab\x14d\xe4\x7f\xa4\x98e\xe1$\xb2\xed\xe8\x0c\xadx\xf2I]\x8f\xeb\x02~n\xb2\x96\x1a\xd9-\xa7\xae|\xff\xe0y\x0e\x04]]9z\xe4H-\xe2#\xaa\xcd\xcd\xcd\xc4t\xc8\x97\x8e\xc84GP\x19\x05\xe8e\xea\xeb\x87\x8ez&gt;PE\xec$u\xf21\x99*\xb2;3\xf1\xf5\x0f\xd3\xd3\xb8:q\x81\xcc\xdf\xd5\xd5:\xdeJ\xcf\x1a\xd8\xe6\xe2b"1\xd4\xde\x92\x8eT(\xbc\x04\x8dQ\x83\x88\xf1\xbc\xa3X\x9eb\xd20p\x8c\xe05A\x01Sg\xcf\xfd0\x9dH,.\x82\xab\x0bP~^\xc3\xe8\xf8\x8d\x1b\xe3\x84\xc5\xb9\x12\x89\'\xa1\xd0\xddX!"\xd0\xa4*\xd10&amp;\x19{\x8e\x0e]\xee\x95m\xc3\xd0(\xc2a^Q,\xcc\x9e\x0b\r\r\x01\x8b\xa0\xfc5\x91\xc6\xc1Dk||\xdcO`\xd0\x0bX!\xdf\x12\xb8j\x03?\xc6!\xb3\xeaqz\xef1\x11\x9e\xe4\x11A\x88\xa4\x9bq\xc1\'\x89E\x0e5N@x\x0e\xf0\xc5\xc1x!7\x17\x9f&lt;\x01X\xcbn\x84F\t\x19u\xa4\xedz\xc5\xd9\xb3\x0e\xb6D\xda\x7f\x19\x19\xc5\x8e\xb5\x87\xfa\x7f\xfb7\xa8P:\x12\t8\xbd\xbdMM\xbd\x9c\xaa\x06F\\\t\xe2\x1aIG(\x83]4z0}\xcb\xd9\xe3,\xb0t:\x17\xe2`#W\xec\x98\xb7?\x94\xe0\xae\xea\x1a\xbf1\xd0\xdb\xd4\xd8\xd4t\xbb\xa3\xa3\xe3\x1a\xc8\xb0\x06&gt;\x15\xb2g\x91\xb8\xfa\xef\xd94\x8d\xf1AU3w\x9c\xc6\xc2\x11L\x10d\x1e\x8d\x85{\xa0Z\xec\xe1b\x11UScc\xe3\xed\x7fvt44\x80\xaf\xa9\xf7\x16\x19\xdf\xcf\xcb\x98 \xb9\n\xf8\x9e\n\xed\xe8\xa2el9{S\xc2S\xd51aa\xe3\x01U\xa4\xd0\xd2\x9f\xe0=\xc8}&gt;\xd0;\x000\xa0]k\x84X\xdc^DU\xc3JP\x15\x05\x15\x03\x0fZ\x98\xe9qg\xb1\x94@U\x17T~\x92\x10\xc4H\xba\xa5\x9d7\xe1\'\xbb\xc3XM\xb7I\xb1\x9a\xbb\x06&gt;Y\xab\x16^\xa8\xe2\x12\xcd\x154\x05YF\xdc\xe1\xdd\'\xb0\xadk\x18\xe3\x99\x85\xf1\xc6N?&amp;\xb5z\xfcT\xc4Vn.`A1\xc8\xf5Y,\x1e]\x9f\xb0Z\n8\x81\x0bt\x8c\xd5\xe3\xc1\x80\xb3\x83\xfc\xb6\x8e\x0e\x17qT ,\xa8E\x8e\xc7\xc3_\xc3\xba\xdd\x88g\x03\tFz\xfd\x8fX(b\xffH,"2L\x1f\x96i\x86\x1d\xc6"o\xf1\xdbW\xaaT\x89\xa4\xff\x15\x02\x16\xdfw\xfc\x9f\xd5jl\xec\xa8o \xcf\xf3N$\xae\x1c\x12\x82\xb7\xa2\xf7\xb1\x8do\x05\x97f:|_Iq\xa3\x13\xf9\x01U\x92#\xe9\xc7#\xc8\xd2\xcd\x9e\x1c\xa0\xa2\xb5\x80\x80\xdf\x1b\x1a\xea\xeb\xebk\xad8\xc0\xed\xc5\x03\x82Z\xb1\xdf\x97\xaeT\xf8\xc8\xa5\'\x8b\x8a\xd3X&amp;#*)\x12\xf3y\xbd\xc8\x87M\xcc\x0c5\xa8k\xb5EX\xf5\r\xd7xx\xf1J\xe6x\x9e&gt;\xe9\xef\xf7\xb6\x14h_\xd4\xa8\x11\x1d\x9f\xe5u:-P\x94\x86\xfa\xbd\xa1\xe9\xe5\xcd\x9fs\xd1(\x9a\xb0\x91h\xfeNkp\x90^\x89\x0ch\xe0\x8a\x12\xd7P\xa8\x1f\xeb\x9e\x8d\x81[3\x9c\xbf7X\x8c\x9b\x94\xf2\x14\x0e\xb8\x10\xb0\x96s\xb9\xe8\xf5[0z}\xdf\xe0\xe0\xa3G\x8f6\x1e\xd5\xd6 (\xfbP\xcd[\xb7nDs\xcb\t\x8e\xe5\x1dIW\xe8\xa6j2\xab8\x8ee\xa1\x11\xb1\x1d\xfap\x15`%\x96s\xc3\xd7O_\xb8Y\xdf\xd77\xf8hc\xe3\xd9\x7f\xd7\x06\xf8VWW\xfbn^8}\xfdan\x19X^\xac%[`\x98\x02\x9d&gt;(\xba\xb3aD\x16\x05\xfc\x08.\xd2\x1e\x9a\x9e\xfe\xf9\xe1\xf5\xd3\x7f|W*\xadn\xd0z\xf6\xe6\xd9\x1b,\xbc\xd5\xd0VK\xa5wS\x7f\xb9&gt;\xfc|\xfaT\xbb\x17\xdf\xd2\xb2Kw\xb9v\x9c\xc6R2I\xd3b\x18iZ|###\xfdC\x0f\xfe6\xfc\xdd\xb7\xef\xa7\xa6J\xa5\xd2\xc6\xeag\xb1\xde\xbc\xf9\xac\xd8*\xb0\xa6^\xde\xe9\xec\xfe\xe6O\x0fNy}&gt;\xdfl\x19\xb3\xbc\xf3X\xc7\x80\x85\xe4\xb1\xcb\xb3\xb8\x86\xef\xd4\xc5KW\xcf\xbf\x98\xfb\xe9\xd7\xb7\x07\x07\x07\x1f?B\xb2U\x90m\xd0\x83V\xe9\xe3\xc7\x83\x83\xb7o\xc7^-\xcc\xcc\\i\xbbx\xee\xae\xcf7\xb7\xaf\x9bG\x80\xa5\xac$uKcvyf\xb6\xa5\xa5\xf9\xfb\xf3\x13\xb1Ba\x17\xab\xbc[^\x18{{0E\xb5\\\xe5\xabT:x;\xb6P\xc6\xd7t\xd3\xb6wc\xb3g\xaf\x9c\x9d\x9d}5\x16\x07\xd6\x96\xe3\xb7\x92\x02\xeb\x84UH\xcd\xcc\xcc\xce\xbe\x9e]*\xd8v\xc4\xc6F\xc74\xcb\xd4\xcbc\x07/K\x84\x04\xaf\x97&gt;\x1e\xbc*\xeb\xa4,V\xa5\x12\xb1q\xceN\xcd\xcc\x8d\xdd\x0f\xebG\x82\xb5\x83ki\x85\x99\x99\xfd\xfdT,]\xe0B\xed\x12\x1c\xddz(\xcf\xad\xd5\xb8`\xf5\x83\xb1\xb2\xcd\xe8\xc3By\x7f\xbf\\N\xcd\xa4\x96\xd2\xe5\xb1\xfb\x1c\xab\xea\xf8\x9d$\xcf\xb6n\x9a8\x88\xcd,\xec\xc7Rs\xa3\xf3\x1f\xd6\xd6\xd6&gt;\xcc\x8fN\xcc.\xc5H\x8e__\xa2\x8e\xab}}\xa5\xa9\xb5\xb9T,\xb6\xd4\xf2zt~m\xad\xb3\xb3\xf3\xce\x9d\xb5\x0f\x13\xb1\x85\xa7O\xf7u\xa4\xa9\xd3\xbf\xcfP\xdc{\x06\xbcBX\x0bs\xf3\x1f&amp;\x7f\xe9\xa4\xb569\x7f\xe6\xeb\xe6\xe6\xb3WF?t\xbe\x7fGX\xef\xdeO\x9e?\xfb\xfa\xee\xdd\xe6s_\x9f\xe9\xee\x9e\x9c\xfc\xea\xab_&amp;\xd7\xe6_,\xdc\x7f\xba`\x18\xe1\xc3#\xf8%A\xd8\xd0\xf52\xb0 U\xf7\xe4\xe5\x93\'/w\x9f$\xb2\xf9\x1f\xdb\xbd\xe7~&lt;s\xf9\x0f7\xfb\x06\xfb\xea/|{\xf5l\xf3]o\xf3_\'\xa1S\xe7d\xf7\xa5o&amp;\'\xbb\xe7\xe7\xc7\xee?]\x8f\xc7\x93\x8ec)\n\xb0\x8c\xff\xd0j\xbe?i\xa4[\x1c\xdfl\xd2\xcbkB"\xc3\x8fa\x8cA\x02c\x94\x0c\x08!\x9d\xe1G\xa2+\x94\x81\x9bBj\xd0\x8d\x90\xb4\x82\x8d\x06S\xd6\x12\xa5\xd4\x04q\x1b\x0c\x1a\xa5(\xb7D\x936\x06u\xab\xb5\x8b\xb4v\x9b\x9a\\\xefFK\xb2\xa4\xb5\xb6\x95\xbeh\x9bb\xe2\x8b\xd5xS}\xd1\xb7\xee\x8b=\x0f\xdd{\xff\x82\xd9\xd1W\x8e\xc9|\xf2=g\xce9\xdf\xf3\xcc%\xc0\x9a\x99\x8f\x90\x16\x8b\x85t\x12t\xbc\xf3\xec\xac\x94\x8a\x13j\x9d\x8e\xb5*=\xd0s\x1a\xf58@\xd9\x9cL\xa1P:[\xe8,24A{\xbd\x16r\xd5\x9f\xf6O\xdc\xcbop\x8e\xf5\xcd\x97\xfc\xc4\xbdWG\xe3\xe3\xe3\xf3&amp;\x8a\xd4\xe8|\xba\xb5\x99\xa3\xa3l"S,\xa4\x8a\x84\xce\xa7\xe6\xbb\x1be\xb2\x80\x80\xf5\xd9\xea\x8c\xc5\xd7\xaf\x1fF\x96\xb3\xcb\xf3\xeb\x84FLZH*\x029\x7f\x7f"\xcf\xf5\xe1"\x8f\xc7\xdbx~\xff\xde\x04\xd4\xc7\x91\x06\x8a\xd2\xb0\xad\xad\xe0\xe2\xdf_\xf9\xfe\xdbw\xe3\xeb\xc5\x12\x06\\N\xa5\xbb)\xa04t\xd9n\x01\xd5\xfa\xda\xbb\xb1+\xff\x84\xa9\x7fR\xe7cI\xc0JD\xfd\xf9\xfb/8\xae\x0f\xe8Hpq7?q\x94\x1d_[\x03\xb1\xc8\x86;cc\x97n\x9f\xfb\xf5\xd7s\x13\xcfg\x96\x8a\xaa\xe0-\x9f:&lt;\xed\xbe\x18\xae\xeb\xe8\xe9+\x04\xb7\xd6\xfc\xf7\xbf\xbdr\xe9\x1f\xef\xbf\x87\x01[\x07X\xa6\xf9\xe5U\x7f~\x97[\xaa\xfa\x8d\x83\xc3\xda\xfa//\'\xee\xcf\x8c\xac\xb1\x14i\xd1\xb4\xfe|\xfb\xe8\xe5\xa5\xf7\xe7\xce\xbd\xcf\xee~.?\x0c_\x9e\xb2\xd9\xfa\xa6a\x92Y\xb2M}\x17\xf6\x96\x8fw\x9f\x8f\xc1\xcd\xb1\xfc;h\xeeb\x02qE\xd3/\xdfpY\x1fx\xb5\x07\x19\'\xf3\xe8\xf0\r\xc2j`)\xaf\x97\xb0u\x9foM$\xf3c\xefo\xbf\xca\x9d,\x14\x8d\xc6\xe9\xb0\xce6\x05X\xa7Kj\x81R\xc0\x14\xdb\x17\x8e\xdfA\x1b\xc8\xe6\x12\xb3\xe7/\xd8\x08\xaf\x852%\xfc/7x\xbcZ\xee\xce\xfa\xebO:\xaemMI\xbc\x8f_eG\x10\x16\xee\\z\xd6\xdd\xc5&amp;Vg\x8e\x96WWV\x8a\xc5\xa2\x023t\x00\xd6\xfe\xfe\xe5\xeb:ZQR\xa4R\xa9\xe3r4;\x9e\xc9\xacwuw\xdb\x9c^\x9a4E\xfc\x9f\x16\xeb\x0fON*\\y\x9f\xab\x0bw\x9f\x0c\xcd}\xf7\x9f\x0e\xc0\x82*\x89\xe3\x06\xadm\xe8\xd9\x90o\x87\xcd\x94\xcb@\x95*\xa6\xbc\xb6\x8e\xeb\x08+|\xb7C\\,\xa5J\xa9b1^\xce\xb0\xec\x8e\xef\xd93\x9b\xd6\x8c3\x16\x8d\xc9\x9f|SY\xd1\xeeD\x0e8\x8a\xe4\xe2\xe8\xcd\xd3\xa1\x0e\x81\x9c|\x87\xb0\xac8\x8e\x9b\xb5u6[\x9d\x96 \xf08\xa2*z\xc5\x1d_\xb1\xa6!\xc7\x88T\xa9T*\x16%8\xa1\xad[\x82\x7f3\x18\xf9\x0cNkLQ\xff\xbcajkg\xa9\xc2M\x18yO\xb7\x9b\xa6\xb7\x9e8\x15\x99\xa3q\xc0"\x8c8n4\x18zz\xe0q\x02L\xa4ho/\xe2N\xa0\xbc\xde\xb7\x1f\x08\xec\x87\xeblZ\xbctvv6\xba\'\x92\xe0F\xf3\xdc\x9c\xd9\x88\x03\x96UcJ\xac\x12a\xe3\xce\xd6\xeb\n7\x07R\xbc\xc3\xed\x8f\xfb\xa7a\x82\xa6\xb23\x80\xe5\x84\xe7\xd0\xb4\x11\x97\x08E"E\xa9tV*I\xcc==uK\xb7\x82h\xc35\xdd\x031\x93tn\x7f\xf8\xf0v;\xa6\xd2\xeb\x85B&gt;.\x11\xf0\x91Z\x89\xcd2\xb3\xf4\xe4\xb4p\xc0\t\x16T,\xc0\xba\x1c\xe8[j\xa8bi\xcc\x838\xc30\x12\x91^\x94\xea,\x95\xf6:\xdb%\xc69\x83\xb6\xce\xa0\x0c\x80\x11+\x98\x01k\x10\x1b}\xfb\xe1Q\x15L*\x92H0\xa1\x00\xb7R\x08\xab\xe7\xfa\xd6~\xe0\x80#\xb5\xfe\xfb\x13`]\x9c\x1a\x9a\xccfGt\r\x1a+_ \x11\n$\x98(\x95\x02\xb5F[\x84\xe1\xb0\xd1\xe0\xac3\x16&lt;mm\x1e\xbdQ]g\xe4\x07[@\xae\x0f\x1f\xb6Gc\xaa\x92H\xa8\x04,H\xf9D.s\xf7\xf4t\xbf\x8d#\xaco\xae&gt;\xfax\xf3\xf2\xcd\xbe\xa1\xd9|t|\xadA\x0cX\xc2BA\x80\xe9\xf5\xa5\x92\n\x02\xe5(\x08\xccN\x8d\xd8\\\xf04\xb6y\x1cFVm\x10(\xdd\xb1\xe1\x07\x88\x0b\x05\xb2P\xc52\x99\xa2\xb9\xc4\xd6\xe9i\xe0\xe3\x01G\x95\xebj\xe5\xe3\xf4\xb4[\xf0\xa45\xef\x9f\x19Aj\t\xf5r9\xfc\xca\x81*\x16\x93\xcb\x0b|3tds\x10\xbc\xac&lt;h\x15\xab\xb5\x83U\xac\x07\x0f\x86\xb7\x87\xedp_/\x12\x80#1\xad\xe6\xe6\x01k\x9f+,^\xfdA\xd3\xb4\xa7\xb1@L\xfa\xd3\xcb\x08K\x00\x06\xd1\xe3\xf1\xa8\xd0^\x12\xb8b\x85&gt;3!\x16\x1b\x82\xee\xa6\xc6@\x90\x10\xabQ&lt;\xed\x805\x8c.{\xcc#\xd7c4AE6s&gt;\xc0\x9a\xe6\x0c\xab\xf6w\xd5t\x8d\xdd\xady\x9cO\xfbg\x10\x96\x08\xdc4\xe2\xb1\xd7\xd8\xe1\x8a9\x06\r\x1au\x9d\x19\xde\xc4\xc6\x80\xd2(f\xc5\x06\xa5\x07\x89\x85\xae\xe1\xe1*\x16\x041\x91\xcc\xed&lt;\x0c\x06\x0b\xb1\xdf\xb9j\x8c\x8b\x0b\x85\x81\x1a9\xf58\xff&lt;\xbd\xdc@\xd1\x12\x85\xca\x85\x96Y\xf6\xafW\xcc\xc1\'\xc4:-\xdf\xd1$\x935\xb9\x05\xce\xbf\xb0\x86\x87\xabr\xd9\xed\x1e\xa9\x02\xb0\xa8\xd5\xfe\xdczA\xae/\xbc\xe5j\xba\xe1]=\xc1z\xed\xaa\xccd6\x9d\xf3\xcfS4\x03X.\x19H%s\xd9Q\x94\xe4|\r\xab#\x82\x01Y(\xd4V\x95\xeb\x7fjU\xa9b\x9e\x16\x85\x04\'#\x9b\xbb\xe9L\xcc\x1e+V\xb8\xeb\xd5\x95\x95\xe6&amp;\x8fw\x04\xb0\xd2\xcbb\x0b.\x02,\x97\xcb.\x83\x9f\x9a\x90\xdd\xa5\xc2Y\x9d\x18\xc4\n\xdd\xb81\xdc\xe8\xe6;Y\xc2!\xfb?V\xac\xa4\x07,/\x99H\xee\xa6\xcb\xf0\x87\xf6\ng\xd3\r\xefMY\x19\x0c\xaf\xafe\xf3\xe9t\xd4D\xe2X\x8b\xaa\xb9Y\xd5\xecB\x0b\xc0\xdeP\xa8\x99fY\xa7Dn\x1f\xf8\xf7\x1f\x8f\xecr!\xc1\x12\xd2\x9aP\xe8k\xca\xdbc\xaa\x96\x92\xa8\x1a\xc3]\x7f\x19\xde\x91\x95\x03\xce\xb0j7V\xa6\x08\xed\xb5\x1f\x1f\xe7\xc1)\xcc\xa3\xe4jQ\xc9\xa5U\xac\xd0\x83\x81\x81\x18-\x16\x13\x8c4\xd6\xfb\xe8_7\xec-\x0c\xc9\x12\xaa\xd0@U,\xc8&lt;O\x8bT\x84\xd1\x10\xc3\xfe\xcf\xd1\xf8\xfe\xbe\xbc\xcc\x1d\x16oqaJm\xc1\x87f\xb3\x08\xcbd\x89c\xd2\x16\x10\x0c\x12,\x846n\xa3\x16pA\x96x)\xb6\xdd\xbb\xad\x8a[H\x92T\xf4\x0e\x0c\x00\x95\x0crI^\x10a\x8c\x85J\xe4\xfa\x93\x91\x87\xa7\xa7Ly\x83;\xac\xdaJ\x1f\xebU1\xadY\xbf\xdf\x9f0\x91^\x89H!\x85"\xe1\xaa\t\xa1=\xe0(\x184\xcadI\xed\x8d\x8e\x8e\xa6`\xde#\xa98`\x85@+(#-@\x05b\xad&amp;\xfb\xd3]\xd7\x96\xc4\xeb\xed\x87\x1cN\xce\x87e\x96\xc4\x84\xba\xa3\xbc\xdf\x1f5Q4_\x889\xa4 W\x15\xeb\xa7=\x8a\xed\xba\xf0\xf3\x9d\x0c\xf2\xd9\xde\xc9_~\x994y\xed\xa0V\r\xc2B\xd5\x81\xa1\xa9\xc4f\xf2\xb3\xdfG\xc4\xa9\xbb\'\x1c.\xe6y\xf5\xfd\x11\x0b\x8e\xeb\x1e#\xacy\xcaj\x14\x08\xa1\xd2\xff\x85\xd5\xdb\xc2&gt;\xfbq\xb6\xfb|w\x84\xccd&amp;/\\\x98\x9d\xf41\xae\xd0@\xa8\xc6\xeer5\xc3\x08\x81\xc5-\x08\xeb\xd3\xaaS\xd9\x9eyx\xc0\xe5\xe7?\xbc\xc3\x15&lt;N\xeaP\x9d\x8f\xce\x9bHh\x8b\n\xa4\x96\xab\x06\x19|\x95\xb1\xa3\xc3\xa7\xf6u\xdf\x99\x9d\x9d\xed\xee\xf2u\x0c-a\xae\x9a\x07!\xbb\xac\xb1Y\x85j\x96\xb7\x8a\x95\x8c\xd2\xc2x\xe6\x98\xe3\x83\xbbJ\\\x98\xd1\x80\xab\x02,\xe8?\xb8D$EU\x02*D[S\xc0\xed\x90\x18\t+\xd9\xd0\xd5\xda\xa5\x13k\r|%4mtt\xd0\x0c\xef+\x86\xe3\x162\x92\xd8\xcc\xbd\x98!\x18o\xb9\xc2\xf1*\xe9\xe9\tM\xd0\xe2\xe8\xf34`\x89\t\x9a\xc1DR\xb9\n\xec}c\xe0\x87\xc0\x0fn\xb7C\x88\xed\xed\xc1\x00\xcd\xe0\xfc\xa0\xe3\xa2;\x80N\x80&lt;\x1e\xb9\\\x04c\xbc\x85\x8a,\xfb\x93\xb9\x91u\x86\xe6X,\xf4\xfd\xd6q\x82\x8c\xa4_|\xc5\xb2\xe2\x90]\x0e9\xcc\x11r@r(\x83|&gt;6\xba\ro\xa2\x82\x19\xec\x0b+\x95n7\xdcs\xc3L#\xa1i\xb4\x82X^M\xe6(P\xab\xc2\xf9\xde\x8d\xf7\xf4\xb7\xdd7\xbf\x01\xd6L\x83\x98\xb4\xd2\x83\x02\xa5\x03\x1e\xeev+\x95\x00e\xb6\x1a\xb1\x85\x05i\xe7^\'c6\xcc!0\x07\xc2u`8aq\x82\xa5N\xf8\x93\x9b\xeb\x84\xf7\xe4o\xf8\xf0\x9aW[\xcb[\xfc\x94\x83\xd9\x86\xd5X\xadf&gt;\xc8\x05:)\x05\xfcA\xb3\xc1`\x18\xc4\x14\x8aN\x85B\x81\x83\'\xea\x99\xeb\xe3\x03\xb5R)\x04WFjL\x80\xb5\x99\xccm\x1eW\x9e\xfe\x1d_7\xf3x\xbc\xab\xfd/\x00K\xad!,V#_\x08B\t\xf9\xb4\x15\xbc\xd9 L\xacz\xa1@ \xd4\x07\x05\x83=\xb7n!\xb3\x06*\n%4\xda?\x98\xe6\x977?\x7fY\\\xfc\x93\x97\xf3\x8bI+\xcf\xe2\xb8}b\x92&gt;Xb\xb2\xc0\x15r\xf5f$\x1d\xee\x03\x03\xe4"\x08\x08\xd1\x9b\x00K\xef\xc3\xb61\x83\t\xf2\x82A\xa6\xa9\xfa@\x01CR\x17\x161\xb1\x91\x1a\x83\xad\x01\xd7\xc4\xd8\x92`t\x97\x89t\x1a\x1acS\x9b:\xbb;1e\xb6\x9b\xed\xa6q\x8d\xadF;Q\x9b\xe0\x9a:\xf6\xdf\xba\xe7@w\xf7mwg\xd6\xdb\x93\x90\xc8E\xc3\xc7\xef\xf9\xf3;\xe7w\x7f\xd0\xc0\xd3\x99kA\xc3\xa3o\xb1C%8\x924\x07k\x80\xa3Fh\xd6y\xcdF\xb1X\xf4\xd5\xef\xb5_\x9d\xff\xf4\xab\x87"Qm\x10.\t\xf15\xa1\xd0\xaaV\xa9T\xcd\x90\x89\xdd\xb7p\x93\xac\x8a\',\x0c.\xc0Rsj\xce,\x14\x06\x85B\x18e\xcd\xe69\xb4b\xf1p\xb3X\xc4\x9fH\x93\xd9\x0c/\t\x83A\x93\x05\xa0\xc0\x06\xa7\x1fuU\xf1f\x80\xb57\r\xa9\x08\xd3\xa2\x9a\xd3\x99\x82\xf0\xe6\x06R\xe3XYqg2y\x00\x9b\xcb\xe73\x99\x95\x95L\x9e#e\xb2\xa0\xc9d2\x93e*X\x12\xf9\xfc\xf4\x03`u\x0fAp\xd1\x0e\x82P\xebLfkP\xa6f\xdc\x85B!\x14*\x84\x00,\x9fY)\xe0\xa6Ih\xc5\xa16\x18\xcc:+\xcc\xf8e\xac\xc5\xbd\xbb\x02&gt;\xb1\xba\xff\xba\x87\xc1\xe5p\xc0\xd4o\xd5\xe9\xac\x1c\xe3\x8ayb\xa1\x95\x95\xd7\x85\xd7h\xa1\xc2\nX\x81\x8d@\xb6\x92V\x83U\xd1\\\xf1a\xf7\x9d*^\xb1\xbe\xed\x9e\x0e\'s\xb4\xa3\\%\xac\x1c\xc5D\xa6"\x8e|qs\xb5\xb4\x81V*\x1577\xe7\x1c\xd9&gt;\x07\xa5&amp;I+\xcca}\xcd}\xe0C^?\x92\x01X\xa3\x15/\x82\xa9I+\xcc\xf8=\xf9\xb1\xb1|\x11\xb0V\x9f&lt;Y\xad\xd8fq\xeeOc\x14\xa5\xe6H\xab\xbao\xb0\x0f\xf3p\xef;\x01\xafX\x8f~;\xd4=\x9d\x9d\xa2s4V/\x1d\xa7\xe9\xc9\xe4\xf3\x88\xb5y\xf8\x1e\xb8\x9e\xac\xc2\x0f\x0f\x8b\x10\xf9=\x88\xc5\xa9\xfa\x06\x07Q\xacGw\xabx\xc6B\xb9\xa6"\xb9H\x8e!8\xc0\xa2\xfc\xfe|~\xae\xb8\xf9\xf6\xe0\xe9\x01\xd8\xd3\x83\xc3\x11\xa0"(\x8dF\x03U\xa4ypv\x10\x8b\xd6\xd0\xdfxVk&lt;&lt;\xbd\x07\xcbu\x04\xb0\xa0Lp\xf0\xee\x14\x95\x99+&gt;&lt;&lt;x\xfa\x14\xc1\x0e\xa1r\xe53~\x8d\xceK\x11j\xa2ovvp\x10\x1bf\x9e\xb1\xba\xc7\x81k\xa83\xfbO.\xa4\xa2lP\x1b\xc0\x8f\x87\x9b`P\xbb2\x19[\x8f\x06\xc2\x8e h\xc0\x9a\x9d\x9d~44z\x97o\xac\xab/\xc2\xd3\x90\x8c\xe0G7\xa3\xa4\xd0Y\x94\xcd\xe9\x0c9WVB\x05\xa8\x0en7\xdeb\xcfP\x1a\x82 \x1c\xf4 P\xc1(\xd69z\x87o\xac\xc4\xfc|xt4\x9b\x8c$\\\xc0\xa5\xacp\xb9\xa1z\xd9\xed_\xdb\xedvO\xcc\xe5\xb4\xe1U\x82P:\xa6f;g\xd1\x85\xd9i\xbe\xb1\xf0^\xf5\xfc\xf8hg\xf2j"\xe1.\xebE\xa1d\xf0\xe0\xbc\x9cZC)QA\xbcB(\x95\xf4T\x18\\\xb8\xd79\xfe1\xb0\\\xac\'5\x1e\xce&amp;\x13 \x17B\xf4P\x1ao:(\x84\xd6Or\xf6\xd2\xe5\x8b\xe9t\xda\x8b\x01G)\x19:\x1bF\xaa\xf9\xab\xc9\xa1[\xfcb\xed]u\xb9\x91\xeb\xc58\xc8\x05X\xa8\xcb\x807-\xbct\x16\x8f\x90\xfc\xe2\x8b\xf3g/_\xbe\xe7\xd5\xf4\x00\x95\x92\x99\xca\x86\x17\x81\x8a\xcde\x87n\xf1Y\xb7\xea\x00\xcb\xcd0\xee\x98\xfd\x06\xde\xe2G,\x80\xd2\xa5/\x97\xa9~\xfe\xb3/\x1f|q\xfe\xdc\xa5{\xe9\x01?\x84&lt;\xf8\x10&amp;\x8b\xce\x14\xeb\x02\xac.^\xd5\xea\xdaKB\x98+\x81\xcb\x9e\x9a\x9fg]6\n:d\xec\xdd\xcf\x9d\xff\xf4\x97\x0f\xbe\xfc#\x8c\xd1\xa0W\x1a\xfaS\xafFI\'\xc3\xd3\x9d892}\xfc:\xb1\xaakh\x8a\x81z\x04\xb3\xaa\xdd~#5\xcf\xba\x95\xa0\xd5EaE\xad\x07\xb8\xb1\x0cT\x17\xef\xa5\xd3PM\x99Hv\x11\xa9\x18\x86\xee\xe3[\xad\xe9\x88R\xc3q\x9c\xd2\xe5ij\x020\xd6I\xe9\xa0?\x16\xd6\x88\xceJ\xa4\x9f\x81i\x81\xea\xf2\xbd{\x80\xa5d\x92\xe1\xf0\r{\x0c\xd2\xc21\xf8\x11\xb08\xec\xee\x18\xd6\xde\x04`)\xd6\xa6\xd1a\x7f\x0c\xd3\x85D+\x91\x88D5\xd8+\x07\xd3 V.\x0bT\x05\xb7RC\xf1\x8dU\xd55\r\xb3\xab\xc9$#\t&amp;V\xe6\xf2\xb0\x0c\x8c\xfe\x06\xb8\x04d\xb2`P\x06f\xb0\x9au\x04\x93\xbb\x9aD\xad`\xdd$x\xc6\x12\x08n-\xc2\xd4c\x82\x0e\x9eC.\x04C.\x85EA\x1a\x0cV\x03\xf4}\x06\x9c\xa2\x15\n\x82N$\xe6\xedM@\xc5\x91:5\xc17\xd6\xdd0\x8d\xf7\x07k\x8c\x06\x05\xe1\xaep\xd9\xd9\x9c\n@\xd4\x1c\xb4\xc8V\x8b\xc5`\x81g*:\x91J\xd9\x9b&lt;n%\x07\xcaq\xbcc}\x97d\x10KT[\xe1\xf2\xd8\x9b~\xd3d\x8f\xe5h\x18\xbbT\x16\x0bP)T\xaa\xbef:\xc7\xa6n\x80\x90.\x184dA3\xffX\xbfK2\x1aH\xbdZq\xad\xb1C\xe1(s\x01\x98\'A77\xc3\x98\n\xa2\x01S$\x97\xf0\xa0\x8ev\x16w\x9c\x84B3\xf91\xb0(\x98\x98Eb\xb18\n\\.6\xe6A.\xbb\xc7\x95\xa3q\xc4\x99\xa2#\t\xb6\xc2j\x87\xa0\xb3\xc8 1\xcd\x9c\x12\xeb\x96@\xc0\xdfP\xbd\x17\x01\'\x06\x01K"\x1f\x89\x1a\xd4\xb4\x0b\xd6G`@\xb0X\x81u\xbbY\xb6" \xba\xd6MX0=\x85&amp;\x8d\xb2\xf9\x03\x96\xe0\xe4\x85\x02\xab\xbb\xb3\x98\x83:\x05\xb1%\x91\xcb\xe5mF\x0b\xc1\xb8\xa1\xd3\x82\x00\x03\x0e4L\x81\xca\x13\xa8\x1c\x0e\x85\xccX\x0bu\xcc\xac\xa1\x9a\x17_\xaemmm\xef4\x9c\xf4\xa6[\xc3\xce\xf6\xd6\xd6\xf3\x97a\xb7\rc\xab\x06\xb1\xe4\xe2\xa8\xc2\xc1\xd0L\xae"\xd8\xbf\xad\t\xbbA\xc8O\x83\x11\xef\x07\x07u\x9a\x0c=\xb8q\x7f}\xff\xfb\'OwN\xf4CQ;\xd7\xdf\xaf\xee\xef\xef\xaeoD\\6\r\xee\xc6\x88\xe5r\xa9\\\x1e\xb58\x18\x87\xc3A\xbb\xd8\x14\xa6d\x99\xe9\x0f \x94\xc7\x13\x8b\xb9\x1c\x16\xa0\x02,\xb3Wcc\xb2\xc9\xe3\x89\xe1\xc0\xf0\xab\xeb\'\xb8\xcf,h\xf8\xf3n\x7f\xa0\xc5\xb7\xb0\xfc:\xe1\xb4\xf9\xbdf&lt;g m\x95\xb6\xd5\x1a8\xa5\x83 T\x0e:\x97`S)&lt;\x8e\x97J\xb1\xd0\xbe\xb2\x05\x17\xa3\xe8@*\x91\x10\xb1\xdc\x91\x17\xa97\xc7\xc7\xc7\xf5\xefO.#\x05\x82\xad\x1f\xfa\x03\xcf|\xf5\x13o`i\xee)c\x81\x0b\xa5\xadr1,B0\xfd\xe0\x89#@+[3&lt;r.\xe8e\x08KT\xac\x95\x80\x0f\xcd^\xbf\xcd\t\xd4\xb1\x98\xfdM\xfc\xfbw\xe5\x8d\x9b\x139q\xd0\xf0\x97o\x86[Z\x86\x8f\xff\xfe\xf5\x8dXo\xcf\x80\xd7\x1c\x04.\xad\xb4\xb5Un\xb4\xaaau\x81\xd5f\xec_\xd6\xa7j\xa6\x19\x86q\xa8;F\xe4Z\xadHh\xd2\r\xf8o\x87 CY\x1b\xb3\xf1M|\xf5\xfavW\x03~\xdf\x81\xe0\xff\xcc\xbf*\xc1\xbb\x1f\xe2\x13\xc7\xc7o&lt;P$\x0be,LEp"\xdeU\xe5\xd4\x9c\xc5b\xe9\xe8\x88\xce\xcc\xb4\xcd\x80\x8d\x8d)T8\xf3\x80X\x12\xed9\t\x88U\xc6\x8a\xb1\x85\x98MSj\xac\xaf_\xdf\xdf&lt;&lt;X\xdb\xda)oX\n~*V\xdd\xf6\xbb\xeb\xab\xf1\xf8q\xa87\x04^\x00,\n\xd5\x12\xd6J\xb4\xad\x8f\xdb\xd1\x8b\x1c\x1e\xfe\x8b\x8e\xb4\xb5\xb7\xb7\xdfl\x9f\x99\x89v\x8cY\x14j\x07A\xca\xe0W\xb4\xe0\xc3\xb4\xd7\xef\x87\xbf-\x84B\xb6\xc9\xfd\xc6F_#\xd8\xf2\xfd\xa3\xd5\x83\xe7\xdbu?\xad\x92\t\x04;\xef\xde\xef\xaf\xbfZn\xb9\xb2AQ\xceP\xcc\xe3\t\xd9\x00\xab\\\xb8$\xf2\xd6\xc7x\x97\x89$- U[[\xfbM\xb0\xf6\xb6\x91hG\x87\x05&lt;+\xab\x15K\xa4\x12\xacZ\x03~T+\x043\xed\xe4\xae\xcf\xa7\xd7_\xd0_\x08\x0c\x0f/\xbf:*\xbd]\xdb\xee\xfa\xb1\xdf\xac\x01\xffH\xd7\xd6\xe1z\xfd\xc23HB\xfd\xbew\xa0\xc7\x19B,\x8dW\x07N\xac\xc1\x82\xda\xfa\x18\xb18t!R\xfd\xeaf{{\xdb\x0cP\x91\x1cg\x06\xad\xa4\xad\xa0\xd6E\xdd\xc0\x12`\x15\x9c\x19\x9b\xbft\xc1\xa7\xaf&gt;}\xba\xba:\x1eX\x0e\x04\xe2\xf1\xf8z\xe9pm\xfb\xc7l?\xe3^\xf7\xd6\xe1\xd1p\xa0qa\xa1\x05j\xc3\xee5\xc8\'\xb7\xc7\xe3\xcc@\xd92U\xb0\xa4\x10^\xe0E\xb2\x1cY\xe0\xc22U4\xdaa\xe1H\xb3L\x0c/K%5\x17a\xdaX\xba}\xbb7d\xf3\xfb\x97\xd6\xf5\xbe\xea\xd3g\xce\x9c\xf9\xbc&gt;\xde\xdf\x1f\x08\xbc\x8a\xc7_-\x1f\xcd\xbd\xdc\xfa\x1f%\x03\xa1\xeav\x9e\xbf=\x9a\x18\x1e\xee\xf7\xf9\x16Z\xfa[|\x17J\xe9\x81\x8c\xd3\x13\x83\xd0\x02\xb1L\xc1\x1a,]\xe0E\x89\xd1J"\x15\x9e}\x05\x1b\x19\x81\xe0\xb2X\xcc\xa6Z\xc8S\xcc\xc3tz\xb2\x8c\xd5{{\xc9[\xfa\\\xaf?}\xe6\xd4\xa9S\x1f\xb0\x00,\x10X^\xbe_z\xfb\xfc\xbf}OP9\xf3\x04\r\xdbk\x87G\x13@5\xdc\xaf\xd7\x03W\xcb\xc2\x85\xddk\x93~g\xac\xd0[\xf6a\x10\x0f\xff\xa0\\r\x89\xc8D~\x08\xf8\nX[Tf\x94\x99\x84\x92\xcfZ\xa5Z\x10\xeb\xda5\xdd$8\xb1\xb7\xd7?ym\xb7Z_}\xe6\xd4\'\x9f\x9c\xbaR\xb6F\x80[\x9eX^\x9e\x98\x98\xd8(&gt;\xff\x8f\xae\x14\xd45\xc0\xe2\xb7\xf6\xb6t\x1f\x99\x86\x03--\xbej\xbd\xefY\xcb3\xdf\x95\xd2\xa4\xdf\x16\x0b\xdd\x1e\xd0\xa5M\x15,\x11\xbaI*1\x92\x16#b\xdd,\x93\xb5\x8f\x8c\x18\x8d2\xa3H\xdb\nX"\xc4\x9a\x9c\\\x02\xb9n/\xa5\xf7\x7f\xfd\x8f:\xce/\xb4\x8d\xec\x8c\xe2\x9a\xa7\x0c3#i\xca"\xc9B\x89\x89z\xd5 \x83\x94\x9d\x07!\xa1n^\xa4\x80)\xc5T\xd8\xb3\xd8\x9b}1\x04\x12\xe4?,\xc6\x89\xb3\xe4A*\x1bbJ\xc1l\xa0\xb0\xd0z\xc7\xf8\xa9\xfb\x9c\x87@\n\x0e\xd8\xdd4\xa2\xe9&gt;\x14\x02\x91\xa9\xc3V\xa9\x91\x8b\x88\xa1\x8a\x89]\xc7fmz\xce7r\x92-\xbb\x9f\xadX\xb6F3\xbf9\xe7\xdc\xef^\xc5#\x87\xc3&amp;\xa8\x0c\xaf\xe6:\x9a\xaeyNm\x1e!\x13\xae\xb5\xcd\x7f\xfc\xfb\xec\x8fzw\xf6\xc5\xd6\xb7\xaf\xfe\xbeI\xa6\xb9\xb9z\xb9&lt;\x9fL\x16\xccp\x91r\x15[K\xb7\x7f\xf1\xa7O?\xb9\xbd\xb8xC^\xe9pm\x93\x07V\xe2\x83\x0f\x88\xc5a\xf8\xe4\xd6\x13(\x96\x90k\xbb\x04\xeb:\xb0&gt;\x17\x17\xef]\xfd\xcf\xb6\x1d\x16\xb1\x94\x07\xa9&lt;MS\xe0j4`\xe7\x1e\xd0\xd01\xbe\xfb\x91i\xfc\xd4\xcf\xfe\xf5\xdf\xcd\xb5\xb5/!\xec\xa3\xb9z\x1dL\xa8\x82\x03.\xca\xe5\xbe\xbc\xfa\xc7O?\xbavu\xf1\xc6\xe4$\x7fq"\xf3\xe2i\xfer\xf5\xccgw\xfc\x81x\x0b\x9f\x97\xee$\x12\x89&gt;&lt;\x90\xca\xc7\xa7\'\'\'\x17)\x17\xc4\xfa|\xc73MR\xe9\x9e\xeb\xc2\xc1Z\xad\xcdj\x00looo\xed\xe7\xbb\xad\xfd\xa3\xad\x1f\x88\xfe\xa9\xb3[\xaf\x00\x85\x12\xa8\xfa&lt;\xa5B9\xb6\x19\xae&gt;\x7f\xfe\xbc\xda~\xf9&gt;\xe7\xe9IH\xf5\x93\xeb\xf2\xba\x90&amp;\x12\xab\xa7\xd6-\xd4\x93sw\xfa\x10\xbb\xfcid\xab\x87\x05\xaek\xd7\x96^\xb6m\xd3\x06\x94\xae\xdc\x1a\xb1\n\x05\tX\x83`\x8d\x83\xc7\x99\xd2\xa6\xd7\xee\xc0\xc9S\xff\xdf9\x1f&lt;k\t\xd5\xda\x1e\xb0\xe6Y\xc9$rY\xb0m\xb3\xb8\x02\xae\xe2\xf6\xbd\x8f~z{q\x12\xebM\x8a\xf5\x1e;\x13\xaa\xefL\xcf\xc4[&gt;V&lt;\x91\x88\xdd\xbd\x9bJ\xa5\xf2\xfc_%\x14\xb8\xfe|\xed\xf7B\xa5t\xc8\xe5\x16h\x02\xc0\x1a\xbdj\x1d\xfc\xaaR)\x1d\xb75\xaf\xdd|\xf0\xe2\xec\xdb\xc6\x8f~\xf0\xdd\xd1\xbe\xb7\r\x03a"m$W\x927\xca\xe5s\xad\x14\xf7\xee\x81\xea\x06\x91b\t\xdc\xfa\x80u1\x8f\x8e\n\xb9.\x91\xeakb\xc5\x88\x95\xbf8\x90\x1a\x8a\x11\x8b\xf1B\xbaZ\x9em\xeb\x06\xa8\x94[(H:\x18*\xa9\xb5\xe3Jey\xb9\xb2\xbb\x8d\xd6\xe1u\tv\xea\xe4%&lt;\xa0\xba\x9a\xd1\xf8Rr\xb5\x80/\x0b\xf5$\xa9\xea\x12z\x9b\xb1\x07\x97\xdbZB\xdc\xdf\x8b\xa5c1\x1e\x9c\xd35\xacJ\x9c\x11\xaeKOD\xac&gt;&lt;\x00\xa8\x81\x81\xfc\xd04\xb0\xae_\x07\xd7\xd2R\xcb\xf34je+U\xe0\x8e\xcb\xf5\xfa\x02\x0f\x83:\xfc\xcdh\xa6T\xaa\x10KWJ\xb3\xbbG[\\Zc6\xdeZ\xef\x84"\xa1\xa0j`\xac2Vht\x8f\x16\xea\xf3\x05\xd9\x03\x9c\x84\\\xbe^\xee\x0e\xd2\x1e\x1b\x8a\xc7\xe3}\xe4\xe2x\x13.\xac\xd9\xb9\x02\xfb+\xa0.$\x12qP\xe5RC\xf0\x105M\xae\x1d\x0f\x99"\x95\xa6j\xc9\xf92\n\x07Y\xe0\xc8zt\x9c\x19\xcd\xb0J\xbb-\x8d\xc3\x14\x8d\xa3\xf3\xc5\x0b6\x85\x07\xcd\xae\x15\x8aD"\xa1\xf6\xdc\x1c{U\xb2L\xff\xe6\xe6\x10\x00FSR\x0f\x1f\xab+\xcfW\x9c\x9d\xe9\x18\x96Z\xf9|\x1c\xc1\x8e\xa5\x87 \x17\x16\x83\x893\xe8\t\t\x0e\xc1\x0b\x17.\xc4\xe2\xbc\x10!wQ\xb0\xa6\xa7\x19\xb0\x1dO\x19\x14\xc245\xa7\xeaJ\xf1\x8c\xe9\xe41\x89\xf0\x91\x19\xa5\x89\x1c\x11\nN\x1em\x05\xb6\x8e\xf6\x83V(\x14\x19\x1f\x1foS\xda\x85r\x01\xed\x0e@\xf3s\xf5\xefq\x85\xab++U\xa7s\x97S!:8\x8c\xe4\x05-\x18q\xa2\x11\xb8\x12\x7f\x01\x1d\xd6\r\xbcl#\x97JO\xa3\xd2i\xd0A+#h\x90Jw\xaa\xbd\xe9\xc7!\x9bS;\xac\xf8\x05.\x9a(\x05\xc1\xda\x9d@\x13\xfe\x81\nX\x91\xf6|Y\xe4r\x91r&lt;\xb1\x80TJ:\xcb\x05\xf4\x1c\xcc\xfc\x10\xac\x1a\xee\x8c\x10E\xb8\xd2\xc4b\'\xe8K|\x86\xd7\xb3}xQ\x0b_I\xe5c\xa5\x87\x86\xf2#C\xd0\x8a\x06b\xe1\xa0\xabB\xb5\x88\x0e\xaf\xd9\x9e\xe38\xd8\xe3\xe6e\x84\x9dU!\x96\xf2\xb1t\r[\x07\xc4&gt;\x01\x0b\xb5\x930\x1d\xf3`\xd2\xb5yJ\x9c\x1d\xea\xfe\x90\xac9\xc2\x050p\x8d\xe5\xcd2\x12&amp;\x00\x00\x04\xb1IDATr2\xe3\xa5\xd3#)\xa4h\x00\xa3\x11&lt;\xf18\x9c\xed;\x97\x92\xeb\xa7\x86s#\xe9\xdf\x81j$5\xf2\xcc\xc3\xf9\xeb\x10;\xec9\x05.\xb7\\\x07\xab\x08\xee\xcfy\xbd[Y^]\x15\xaa\xd1\xccnK\x7f[Z "E0\xab\x96,$\xcb\xc8;\xe429,\x0c\x050\x064Y\xaeqB#Y\xb5\xe8t\xc6\x86s\x03c\x10\x0cG\x1d\xe3eoh\xe8\xf1\xbes\xf1\xfc\xb9\xb88\x18\x8dF\x89\xe5_&amp;\xf1\xcc\x93\xac\x83*\xec\xb8E\xc7ux\x87c\xc8\xb4[\xbb\x80"V\x85\x99\x7f\xfc\x0e\x96"\xd6x\x0fK\xd5 1\xc00\x19\xd6\x1c[\x0f\xa2\x0cL`Ira\x12\n\x0b\x18V\x01N\xe7\xcap\x16\xee\xa1e\x02"\'\\yLD\x18\t\xa9T\x8e\x17\xe6\xf5\xf7\xe7F(Uj\xa4\xa3\xfc\xacc:t\x8a\\lA$[J\xdb&gt;^\x15\xaa\n\xa8\xd0#.\xbf\xf6M\xf4\x87c\x80\xa1\x02\x99eY^\xadX\x0c\x0bX9\x89\x04\x04\xad`0d\x05\x95\xe6\xd4d\x1a"\x97\xac-\xc3\xe6\xfe\x15\xd2\xe4\x06(M\xff\xd7\xc3\xf4\x94-\xec4\xb4\xca\xfao\xcc\xcd\xa5F\xae\x8c\x8d\xa5H\xa5S\x1aS)8\x80T1\x1eP\xcf\xd6\xda\x07=\xaaR\xc6\xef\x10\x9b\xdcV\xb4"\x16F \xb8B\xc1\xa0\x82\xc88$\xb3N.4e\x8b\xce\x86BA\xc3s\xdcj\x81&gt;\xfa\\\xa6\xb3\xff\xcf\x1c\x87\xdbX\xae\x7f\x02\x05\xcf\x06\xfc\xca\r\x0bU4\x9b\x05Tn\xac\xd95\x0c\xa0\xe0\xd3\x08\xa2\xcb\xfb\x875\x14\xbeW\xdd\x83\x9eT%6.\xa0\x95\x0e=&lt;"T\'X\x10\xcb0\x14\x86,d\xf6\x98\xa8\xe4\xca\x8ak\n\x97\x1f&lt;Kya\xd7\xd1\xcd\x9e\x91\xb6\t\xae\xe1l6\x97\x8b\xce\x90k\xe2\x97\xc3\xbf\x86z\xb8e\xe1\xe1D\xb4_\x1e\xcb6\x15NV\\\x01\x95\xc6L\x18\x06o\xf8Aw\xf3C_*\x9f\xaaT\x1a\xcd\x1c\xb7960C\xc1\xc8\x9eZPD\xf9X\xf0\x8e\x81\xc2\x14]\xb45C\xa8DM\x03\xa9\xf58\xca\xd1\xc1L[\xd9\xdd&amp;R\x04mf&amp;f|\xc1\xa4\xb2Y\x9a\xc8\xf7\tg\x87sMe\xe1lY\x96\xa5\xe9\x162\x01&lt;\xcbB0\x0c\xf5\xfaC\x0e@B\t\x15\xd3\x05\xac\x13\x0fu=\xd0\x13K)\xcf-\xa2L\x83\xcf\xf3\\\xbc\xb4(\x865C:\xad\x0c\x08C\xd9aeP.\x04\x03\x81q\x9a\xd9~j#\xef\xa7\x9e\x9d\x156\xd2\xf0\'\xb8\x17\x1d\xc6\xdcA\x14T$\xa2\x14\xf6j\x10\x8aX\xaa\xfbzW\xa82=*JV\xdam\x88\xae\x8a\x82\xfaXx\x8a\xae\xd0\xe00\xfcM\x83\xed\xd5\xd0\\\xb4t,\xbda\x83\xe5w5(j\xdb\x16|dr\x91\x17\x9b\x03\xb2\xdf\x7f\xab\xb7\xbc\xaf\xfa\xab\xaf&amp;\xf8\xb7\x04x\xcd\'mmv\xf1Lb\x04-\x9f\x8a\x80\x92T\xa5\xa35\xf8\xa9\x1a\x1d-\x95\x84j\xb4Ty\xdc\xe0h0\xc4\xea7X2H\xccb\xd1\x91@\x85\x98r\x80\x99\xb6\xa1\x82=,pi\x9a\xa1\x99\\\x8fk\xcc/\x8c\xf4\xc7\x9d\x7f\x99\xe7\xcd\x9b3\x83\xe7\xcfg\xa3"^\xb4\xa9\xe3y\x16\xe5\x81VZ\xb0\x87\xc5\xef\x95\xbe\xfd\x87\xca\x1b\xaa\x8a\x7f\x07_?\xde\xc3\xbc\xa4d\xab\xa0\n\x88\x87A\x04\x13\xc7\xd4m\x18\x87]D\x00\xaa\x9cj\x95z\xe9&gt;\x16\xa7\'\x80\xe9\x96&amp;+_\x1a\x12T^\xe7\n\xa0\x06\x077\x84k\x96X\x83d\x9c\x1d\xec(\xa1\x02\x07\x1d4,\xf1\xd0\xf0[\xe1\xf6\xf1\tT\xe6-\x15L]\xc3B\xd1\xf0\xb1\x8c@\x08\\\x16\x98\x94\xa3#\xedh2\x08\'Sn),\x1a\xc4\xc7PO.\xb6]Y\x9dpd\xe1\x80\xf8\xd0\xba\xcdA\xbeG?J\x1bg\xa3\x83Y\xdc\x9d\xb99{\xb4\xaf\x89}\xd8,\x12R\xaa\x97s|\x87\xde\xe040?\x97~\x80\xea\xe3\xb5p\x0f\x0b\xa7\x13\xb0,\xc1\xd2=\x0ca\x1c\x1e\x012\xb8\x9c\x88\x84\xdep\x9d\xb8\xc8\x7fx\x02\x92\x00\x8b\x86\xb0s\xec7\x07\xfb\xa9\xd7\xccLT\xfe\xcc\xc1\xc4\xecF\xc7\xd3zZ\x19\xa1qPAk\xf8\xc1&amp;\xea\x84\xcd\xf6aIF\x1e\xa8*\xdf\xa3\xdal\x875\xff\x0cpB\x01\x9e\x96\xa2X\xb8\xf1\xc0\x06\xfa\x02m\x04\x82acn\x06\x97\x8cG?(\x96!v\xeb\xbdA\x05\xd8 \xc0\xceg\x07766\x00\x85\xc0o4\xb1\xce\xe5\xe64-\x84\x9d\xc8\x91\xa4\xd5\xb3\x1d\xd7\x0e/\xb3\xa7\xbf\xabUfyyuy\xf5\xa0\xab9\xfe\xc8Gk\xb7\x02SSS\xf7\xd7\xd7\xefK\xe1\xfe\xd3)\xf9\xfa\x94%\x8f\xac\xf3\xc1\xa9w\n\xdf\xf56}*\x9bM\xdd\x9fz\xfa\xe0m}\x81\xc7\xe4\xb9S\xfe&amp;\xfeS\xd6O\xea\xd5\xc3\x87\xdf&lt;\xfc\x06\xf5PJ\xee\xfd\r\xf5[\xecg]\x8e\xc3\x1dN\xfd\x0f\xdf\xd6\x9b9m\xe3!\\\x00\x00\x00\x00IEND\xaeB`\x82'</t>
        </is>
      </c>
      <c r="M455" s="3" t="n">
        <v>45492.67769675926</v>
      </c>
    </row>
    <row r="456">
      <c r="A456" t="n">
        <v>1112484</v>
      </c>
      <c r="B456" t="n">
        <v>1954</v>
      </c>
      <c r="C456" t="inlineStr">
        <is>
          <t>Kaiki</t>
        </is>
      </c>
      <c r="D456" t="inlineStr">
        <is>
          <t>Kaiki</t>
        </is>
      </c>
      <c r="E456" t="inlineStr">
        <is>
          <t>LE</t>
        </is>
      </c>
      <c r="F456" t="inlineStr">
        <is>
          <t>LAT</t>
        </is>
      </c>
      <c r="G456" t="inlineStr">
        <is>
          <t>LE</t>
        </is>
      </c>
      <c r="H456" t="n">
        <v>172</v>
      </c>
      <c r="I456" t="n">
        <v>6</v>
      </c>
      <c r="J456" s="2" t="n">
        <v>37687</v>
      </c>
      <c r="K456" t="inlineStr">
        <is>
          <t>Left</t>
        </is>
      </c>
      <c r="L45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6613039-c827-4450-83db-3e65f24f36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\xa9`\xcb\x00\x00\x00&gt;tEXtComment\x00xr:d:DAEewil2SDw:3796,j:1497870925631122622,t:24040619\x85uW\x81\x00\x00\x00\tpHYs\x00\x00\x0e\xc4\x00\x00\x0e\xc4\x01\x95+\x0e\x1b\x00\x00\x03\x00PLTE\xff\xff\xff\x00@\xd1\x00E\xd7\x0f\x16\x18\x01\x03\x03\xfe\xfe\xfe\x08\r\x0f\xff\xfe\xff\x06\t\n\x03\x06\x07\x01E\xd2\x0b\x11\x13\x00K\xd8\x00&lt;\xcd\x00K\xdb\x00G\xda\x02D\xcd\xc1q`\x02I\xd4\xd3ye\xde\x8bv\x00N\xdb\x00Q\xe0\x02Z\xe5\x01@\xd5\xc3vf\xb3gU\xd8\x8dz\xcazj\xef\x8c{\xbcl[\xde\x92}\xe4\x92\x83\xa5[L\x99TH\xe1\x9b\x86\xabaS\xe8\x89{\x000\xba\x01Q\xe5\x10\x1a \x00L\xdf~@/\xd3\x85t\xb9ob\xd9\x88u\xa6X@\xe0gN\xe5kV\xdb\x84o\xcbub\xea\xf3\xf8\xb3i\\\x90OD\x847!\x9e[I\xa9f\\\xcd\x7fq\xdep`\xf9\xfb\xfc\xe7\xab\xa2\xa3aUg0#\xb4ZE\x87LB\x00&gt;\xc9\x9bT&gt;\xccbL\xec\x90\x82\x017\xc8\xeap]\xe6\x84u\xed\x96\x89\xb2cM\x00*\xb2\x91D*rB9\xf3\xf7\xf8s&gt;.\x19\x1f$\xda|j\x004\xc1n6(\xc8p]\xd3o^\x92K:X73\x99J1\xd5\x81k}C&lt;\x9a\\S\xe2\xef\xf7\x1e\x10\x0e\xd9kY\x8a&gt;\'\xe0\x8b\x80\x91UL\xe2\x96\x8dC!\x1e\xb1S&gt;P&amp; |JC|9)\xe4\xa1\x98\x0ck\xf5\x94&lt; %\x18\x17\x9eg_\xbffT\xdf\x80t\x00U\xe9S+(\xd8\x93\x85\x17&amp;*\xe3\xa1\x8d\xc9Z;0 \x1d\x7fRIf;1c@;\x87C5\x9fO5\x87VN\x02:\xc1mHB\x89K8\xba_N\x8d]W\xe9\xee\xef\xd8bG\xc1]G\xac^G],#\xa9H1\xc2Q2s,\x19\xb3L4\xd4hP\xbcT=\x03b\xf2\xeb\xa3\x9a -2\xe5\x7fou5$\xedyf\x9dB\'\x9e9\x15\xcciT\x17s\xf9\xa8O;\xeb\x9c\x91\xde\xa4\x8f\x13\x0c\x0b\x00$\xac\xb7H-G*(\xcaXJ\x00Z\xed\xe2xi\xd7\x88\x7f\x92e`\xd1^A\xadod}1\x1d\xc0G5-\x11\r\xcf\xe3\xf0\xc5Q?1\x85\xfd\xb5vf\xa76\x1f\xf0\x83q&amp;8=;\x17\x11\xbb\x80s\xd9\xe9\xf4\x8b6\x19#}\xfb\xb3=\'\xc8\x86|\x84\xad\xdd8.,\xe7\xaa\x92\xce\x97\x8f\xe3\xe6\xe5\xcfoi[$\x15\xddXG\xcba]\x963\x10\xc4\xda\xee\xa8\xc8\xeaa\x97\xe6}ZV\xc5\xd5\xd9\x97#\x16\x85-\x10\xd9\xa2\x99\xc2\xca\xcb\x96\xbc\xe6g&amp;\x13\xa7B\x1e\xd5\xdb\xdc\xbb/\x1f\xa0\xb4\xb8\xa5)\x12\xd6vp E\xc1\xe2\xdd\xd9\x80cb2GO\xd8^S\xbf\xa1\x9cN\x1d\x10\x00"\xa5sPMs\x9e\xdc\xd2K&lt;\xbb\xba\xb8R\x85\xdb\x1dZ\xda\xe8\xb3\xaec\x7f\x86Vow\xaa\xbf\xc5\xd9\xe6\xe8E\\\xb7\x1a&gt;\xaa\xb8\xd2\xec=Y_\xe3XY\xd9\xd0\xca&amp;[\xcb\xa4ti\xae\x8f\x8d\xa9\x82{\x8dtr&gt;x\xdd\x8f\x81\x8d\x7f\x9c\xa2Jel\x8e\xa7\xac\xd1\xbd\xb71m\xde\xa9\xa4\xa0WRRs\x8a\x90\\^\x9d~tq\x92\x9a\x9b("J\r"v\x83w\xa7\x18#cUKzr\x8e\xb9d\x0e\n\xbb\x00\x00 \x00IDATx\xda\xc4\x98\xcfO\x1b\xf9\x19\xc6\x91\x86\x99\xcchN\x88\xbd@\x0c5(\x96Fe1\xd9\x90e\x01;8Z\x10\x10\x112\xab\xb0KYj\xec\x18h\x10\x0e\x08\x86\xb8\xb4Y%\xd4@\xc2/1\x04\x82@\x16\xacB\x1c\x96VmL\x16\x05!R*\x0eA!\x02\xc4\xa5\xa8(\xa7\xd8p\xe0\xd2\x1c\x80\x95\x8a\x9a[\x9f\xf7k \xfd\x03\x06\xf2\xc6\x8c\x07\x9cd&gt;&lt;\xef\xf3}\xbe?bb\x0c)&gt;\x86\xe7\xf931t\x8d\xf9\xe4\xc5\x7f,[\xa6\x8d\xb7\xd9&gt;\xfe\xe4\xd3B\xd9J\xa3\xe5\xdf\xda=X\xdf\xa2Z+\xb5\xd9&gt;%\x19o\xf3\xafm\xedF\xc2\x91\xbdp8\xb2\xa3\x874}#\x14\xda\xd9\x89\x84?\xec/-\xbd\xb1}\n,\x12\xc3\xbf\x15\x0e)\x9c(p\x82(\x88\xa2$\xc9\x82$\t\x9c\xa6\xc9\x9c\xbe\x11\x89l\xaf\xf9O\x1b\x8c\x9a\xf7r+\xac\x89\xb1\xa2,\xc8\xaa\xca\xc9\xb2\x0c8\x85\x93D\x0e?\x01&amp;\xa7G\xc2\xeb\xe0*\xa5apzT\xbf\xdd\xdf\xd3\x15\x90h\x1a\xa7\x86p\x07:\xb0i\x8a\x04\xdd\x88\x0b\x17mg}i\xdbf;\x13sJ\x9a\x9d\xb1\xf9\xd7\xf74QR4z:\xa7j*k\xa3\x00\x1c\x0e/\xea\xa7$\xca\xa2\xa4\x85v\xf6\xd7J\xb7O\xa7\x97h\xcc\x9b=M\x88\x8d\x85\x97\x04\x01]T\x14\x0e42\x14\x12%tO\x81\xc3\x80\x85oq\x1f\xda[_\xda*\xe5O\x83\xca\xbf\x1f\x92e\tX\xb1\x92@\xb2\xe8\x8a\xaeq\x04%\xa3\x93\xb2\xa2s\xa0\xa3q\xa0\x08\x82\xa6j\xfa\x87\xf5S\xe0\xe2\xf9\xed\xb0\xaa\xc8"\xa8@FE\xd2D\xdfEE\x158NW\xc8\xf9\x18\x06!N$!\xf5H\xe4\x8d\xed\xc4\xa9~\x0e+\x9c\x02=\xe0m\x06#\x88\x14\x0ct\x07K\xa9\xaa\xac\xa8\xba\x16Rp\xc7\xe9\x1c\rI\x99S\xf5\xf0\xcb\x13\xb6\x17\x9f\xb9\xab\xc3E\xe4\x1e\x89\xf4\x129Y\x149\xb4-VdvR9E\x0b\x85\x14E @|\x04\xf7)\xaa\x1aZ\xf7\x9fh\xb8\xf2\xb6u\x9d\x1c\x1d\xed\x1e%(G\xe3\x8f\xa8\x14\x85pUU\t\xe9!E\x10\x91\x15\xc0\x02\x15|\xafj\xa1\x83\xf5%\xff\xc9u\xd2\xb6\xb4!\xfe\x9f\xa7(LY\xc0cT\xaa\x1a\x02_\xe28\xa4&lt;yO\xd2)=\x98\\\xa2\xac*\x9c\xb6\x11^\xb3\xf1\'d\xac?\xef\x11\x15\xb5\x0f\x86\x8a\xba\x1d\x0e;l\x15\xc7\xc9\x12\x0bx\xc0J\xc8Y@S\x8a\xa8\xf8\x10s\x80\xac\xec\xad\x9dL#y~]9\x1a\x80"\'\xb0\x88 \xacX(\xa4\xd1\xfc\xa3\xa2mb\xd4u\x98\x85\xd0d\xfa\x8b\xaa,\x84t\x1a\tz8\xf3$\xb8\x90\r;4\x04c\x99B\xac\x18\xa3$\x05T\x05X\x82\xc8\x81\xeb\xa8\xc9\x92t\xf8\xa1$\xd1\x98\x04VH?\xc8\xe4\x8d\x87:Sz\xc0\xa6b\xf2\x12a!\xa3\xe4\xe8\xf8\x93a)\x8e\x1c\xaer\xc7cT:\xe4\x93\xd8\xa4\x84\x91\xa9h\xaa\xfa\xc1\xe8`\xe5\xf9\xcc%6\n\x05z\x1a\x14@\x1cm 0E\xc1\xe9tz}&gt;/\xb8\xd8\x14\x14\x08\x04\xa2\x93"\'G\xd3\x0c\xce\x93d\x85\x83\xedeyc\xc9\xe0\xe1\xc8\x97\xee\x1f\xecEs\x93u\x069\xb0\xb1\xa3\xe3\x99\x01\xdfxykk\xf9\xf8\x9c\x0f\xe5\xf55\xe5\xe5\xe5mNOM9\x03\x01\xca\x8dX!@\xear\x88\x7f\x84\x99\xac\xed\x1a+\x17\xcf\xefo\x1c\x84d\xcaO\x89I\x80\xa9\x85"@\x0cx}\xe5\xad\xdf_\xbdz\xb5\x15l\xe5\xad\xd7\xee}\xdd\x99\xecpe\xb9\xba\xbb\x17\x16\x166\xa7\x01\x15pR_\x91_\x10S\x89\xbc\xe4\r\xa5*\xdd\xc3dGv\xa7DgS1\x9e\x15pN/\xd4\xd6V\xd76\xdd\xcf\xcbk\xbd\xfb\xfb\xcb\x7f\xbc\xf7\xb5\xd5\xd10\xdc\xd7\xd3\xd3\xf3`uuuhre\x13\xb2U\xfb\xd8\x8a\x02\xf3\xa3 o\x18\x1a\x12\x98\n7\xa4\xe3\xc1\x7f4\x04c\x9d\x9b3}\x1d#\xae\xee\xc9\x92{%%.\x17\x98\xf2{{\x83]c\xb7\xa35\xb6Z_\xdf\xbd\xe0\xacn\xa2F\xc2\xf5X_+\x86v\x11\x93\x8e\x86u\xc2\xf1\xac\x83x\xa4^N/\xde\xaeB\xe5\x03\x86*7\xb7\xea\xfc\xf9\x8c\xf6 \x88\xf0\xd5u\xfbvGW\x17\x14\xf3\x8d\xfb\xbc\x82\x14]\x90\t\x1bK\xbc\x81b\xadm\x88\xc7T\xb1\xb1\x81\xea\xea\x00\xde\xa6^w\x05\x83\xed\x04\x14lo\xcf8\x9f\x91\x01\xa8\x8c\xf6\xf6 q\x11U_\x1f\xda\xf9\xb7\xfa\x05\xef\xb8/\xc0\xf6 \xb0\x98\x12\xd96\xac\x8d|\xe9.\xb2G:\\\xbe@\xa5\x95\xee\xcd\xa9\xa9\xcdE&lt;:\x18\x0c\xf6fd\x80.\xe3\xa8\xfe\x11\xe5\xea\xa2\xea\xeb\xeb\x1a\x1br-\xcc\xcd\xa92\x0b48_\xdf7N\xae\xb5\x1dZ\x103O\x89R`s\xa5\xbb\xfb\xf5\xe2\xa3\x17]]\xd4\xae`F{o;\xea\x98\xab\x9d\xda\x18\x04\xd4\xd8Oc==c/\x1e\x0c=\xbc?=\xed\xa4\x7fJ\x8b\xd9\x88Q\xee\xe2m[X\xaa`\xc1\x87\xa8\x94$\xe7\xca\xeb\xd7\x80Z}1\xd6E\\\xd0\xe9\x08\n=\xa46F\xb9 \xd7\x18\n\x83\xb2\xa7\xe6\xc1\xd0w\xdf\xe59Y\xde\t\xf2\xce\xcf\x06a\xd9J\x0f\xa8\x85\xc0\xf2VOM\xad\xbc\x9eY\\|\xf4hu\x95\xbat;\xd8[E Q\xa4\xc3\x0b\xd9&gt;\x08\xb9~\x8ab\xd5\x8c\xd4\x8c\xa4\xde\xb8\xdc\xe4\x8cn=v\xb6\x8dR\xcb\x1fa\xed\x13\x9d\xd5\xd5\xb0\x15\xc4z\x04\xac\xb1\xb1#\xb1\x98P\xe7\x0b\xf1\x87\xb8\n\t\x8b\x04#\xb9(\xc1jjj\x1c)\x95\x97\xf3|\xf4\xab\tFb\xed1\xac\xc0tm\xedJ\xf7$\xb5\x10b1\xac \x8dA6\x08\x0bQ\x87\x17\x12\x8c\xb8\xfe\xd2E-\xec\x19\x01\x96\xe3\xab\xcb\xd7\xbd\xf4\x7f\xa0\x89\xc6a\x85\x05Z*8\xab\xef?\x9c\x9c$g-\x12\xd6G*\x800 \\\x07\x07\x07\xe9\xb6p0\xa3=\xffG$\x04\xa4\x02V\'\xb0\xae\xf9\x98\xe5\x8dK.L\xd32\x99\xd5Y}\xfd\xe1d\x16\x13\x8b\xf5\x90\xa82\xce\xe72$\x06tX\x85\x83\xcf\x06\x06\x0bs\xab\xf2\x7f\xecp8\x1cm\xe0rt\xa6|y\xdd\x17`X\xda\xbaaX\xeb\x1c\xc9\xef\xad\xcd\x03\xd6\xcc\xcc#\x88\xd5\xd3\xd3\x97\x9f?\xdc[\x95\x9b[\xf88\n\xf5\xec\xa8\x92\x92,\x05\xc5\x05E\x03\x8fs\xab\x86;\xda\xda\x1a\x1ajR\xac\x845\xed\x15X\xa0\xee\xda\x8cKS`\x05\xbcMy\xdd\x0c\x0bT5}\x1d\x1d\xc3\xdf\xe6\x0eP\r\x0e&amp;=\x1b$\x1c\x14]\x0bF\xfb\xfb\xfb\xeb\xcc\x03\x8f\xbf\x89\x1fnH.\x8bk\xb3\x8eX\t\xcbG\x93\xaa\xc8\xed\x96\x1a\x88\x05.o\xed\x02a\xd5\x0f\r=\xa8q44t|\xfbM\xa3\xf9WfOqqAA\x81%\xe9\xb8\x8aG\xfb\xedv;\xb8&gt;kl\xfc{Y\x9c\xc9\x94\xd8iMI\xf9\xb2\xb5\x1aC\x91\x8e\x04\x0e\x8c\xcaS\x7f\x98\x8dD,c\xba!V\xfd\xea\xd0\x88\xe3J\\YNE\xba\xd9\xd3b\x7f\xf7\xae\x7f\xb4x\x14l\xa4\x13^\xc5v;\xe3\xaa\xeb\xf7\xb8\x1b\'rP\x9f\xa7\xa4\xa4\x9c\xbbq\xb5i\x9c\x99K\x0e\xfb\r\xc2z\xb9C\xcb\x87#,\x12\xab-9\xc1\x14\x9f\xde\xec\xf6\xd4\xd9\xeb&lt;\xf6QTqR\x01\x03+(\xae\xeb\xaf\x03T\x1d.\x9e\xe6\x89\x1cS\xce\xc4\xec9`U~_&gt;\xceE\xd52f\xa3\x81\x1dOH\x14\x8e\xd5*\xb9\xf3\xc0z\xa5\x01\xbd\xa9\x88b\xd9\xfb\xed\xfd\x16\x0b\x98,\x16\xcb3`y@T\xe71\xe3\xcd\xbe\xdc\xdc&lt;\x9b\x933;\xfby\xf6\xb9\xecK\x97\xff0N\xfb5x\xcb\xa0m,\xbf\xa4\xb3\xa3\xab\xc0\xd4\xc2dV\xfdo\xee\x8ct&amp;6$\x98L\xf1\xa6\xf4\xb3\x9e:\x98\x1b\xed\xb2P1g\x15\x14\x98\xddn\xb7\xd9\xedA\x01\x8b\xe4\x9a}\xfe4\xfbb\xf6\x0fw\xe7\xd8\x16\\1l\t\xb1\x16b\xa7h\xe24\x13k\xc4z%1\xb9\xec\x82\xc9\x94\x96~\xd6\xec\xf1\x98\x0b\xccf\xf3G,\x8b\xa5\xa8\x08\xf7n\xb3\xb9\xd9\x83&amp;N\xc0]\xc0z\x9a\x9d}\xe3ws\xb4\x12Dn\x19\xa5\x16&amp;\x1f\x01\r\x08lN\xba\\%V\xab\xf5\n\xc2\xa8\xac\xecBEZ\xdagn7\x01\x11H\x12\xc3*zV\x84\xb2\xb8\t\x8c\xa0&amp;&amp;f!\xd7\xd3\xa7\x17/U\xfe0\xc7\xce2Co\x0c\xa2\xa2%3\x1dq8\x17\xb2\x80u\xc7\xda\xe9 \xae\xe1\xb2\xf8\x8a\xf4\xf4F@\x0c\x0c\x90@E\xe0\x82\xc1\x92,\xc4\x85l@+\'&amp;\xd2\xd2&amp;r\x12\x12\x12 \xd6\xa5\xca\xcarRK2n\xd9\xcco\xef\xc9\xd8\xc6{\xf3\xb2\\\xf5h\xe2\x08\xf2\x01\xe9]VQ\xf1E\xa3\xbb\x88Q\x1c\xb6\xb0\x80\x12\xac\x88(\x8b\x1a\xdd\xcd\x845\x9b\x96\x13w\xf1\xf3\xecK\xc0\xbau\x97\x0e\x04\xc4\x1d\xbfaX\xfe0\x1d\xafy\xaf\x03\xab\xbe\x84\x02\x02k\x82\x86\x0b\x15\xe9_\xa4\xbb\x8b0\x08\xcd\xc5\xc5\x94\xa9\xc5\x8c\xcab1\xe3\x16\xa6knL\x9fH\xcb1\x99\xe2\x12\xcf\x9dKM\x01\xd6[\x95\x0et"\x86\x1dD\xf0\x99a:S\x9bzx\xd3\xe5\xaa\xa7\x94\xbf\xd3\xe3h\x03V|\xfcY7\x9e\xdf\xd22:\xda\x82He\xf1U\xcc\xbek\xa1\x90hF\x0fMe\r\r\x89))_\xa5VV\xdez\xa5aG \x1b\x86\x05s\xedc\xd5,\xfan\xfe\xda\xe5\x9a\x99!.\x8ay$\xc4\xd9\xe6\xe6\x96: \xd8i\x12\xec\xa7l\xa7\xa2$}g\xb7/\xcf#\x1e.\x94aYcMM\x05\xd6\x13\x86\xa5\x1a\xb8\xc5\xe0\xb7\xe0y\xd1w\xed\xa6+\x8b\xb0\xea\x81\x95\x18g\xcain\x9e_^^&amp;\n*`\xbd#\x1c|-/\xff\xf2\xcb\xbfP\xf3\xf3\xb3\xa6\x866\x07a\xa5\xfe\xe9\xc9+\x9d\xe3dm\xdf\xb8\r\x19\xc3\x92\x80u3+\xaa\x96\xf5Jr\xc2\xf3\xe7\xefQ\xff\x9eg\x05:\x06\x84\xd7\xfc\xf3\xe7\xb3\xef\xff\xf9\xf6?T\xff}\xff\xfe\xaf\xc9m)\xa0\xbaq\xe3\xc9\xab\x106\xfc\xea\xaeq\x876g\xb64Y\x16|\xd7\xae\xdd\xcc\xca\xca\x9a\xa1\x90\xb8t\xeb\xd5\xdb\xbb\xe5sss\xe5\xffc\xd5|\x7f\xd2\xca\xb30\xfe\x82e\xdc\xa4\xaf\x88}#qX\xa0\x98\x18\xca0n\x07*\xbd\x95B\xb8M\xd5@\xd1(?\xa2\x01EP&amp;"\xc6\xce\x16\x11\x89\xa2\xbd\x94\n\xa4E\x81\xe04x\x83\x8c^C\xbcV\xd3`H\x8b\xe0\x8b\xae\xedF\x87\x81hi\xd38\x89\x99\x9d\x17\xdd\xc6\xe9&amp;\xbbi\xe2&amp;\xfbn\xcfe\x9a\xfd\x07\xe4\xbe\x80\x10H\xf8\xe4\x9c\xf3=\xe79\xcf\xbd\x13SS\xe3\xe3\xc9\xadg\xaf*s\xa8\xa5\xe5\xe3\x90\xca\x9d\x1c_r8:h\x1d\x8f2\x99\xb3w3Ri3W,6%\x8f\x9eP6\xfdO\xd5s!\xe8\x7f{r\x81v\xc1\xe1T[WW\xe14\xf6\xf1U\x13\x99\x0c\xfcoc\x07\xcd`3\x8f9U\xe3#\xdb\xcf*u\xfe\xea\xd5\xa9\xca9&gt;^!\x86\x9f\x00\xd7\xd2\xc4\xd4\xb8X\xcc\x15\xbb\x93G\x8f\x1a\x1b/@\xdb\xaa\x1e\xd6\xaf\xefi\x8d\x17l:\x95u\x1e\xca\xbek\xd0\xecpdl_|A\xb3u\xd8l\x0e\xb3\x13\xc25\xb2\xb2}i\xe0\xd2_\xbe\xff\xfe\xd5V\xd2\xedv\x8fO\xe8tS\xce\tx]ZZ\x82\x80\xaaL&amp;\n\x8b\xd6q\xe1\xdfU4P\xe9\xdf\xfcB\xebh\x04,\xf5\xbcu\xdai{\xfc\xd8`sd&amp;\xa6\xde\x8d\x0f\xf5\xa8\xd4N5\x7fZ\xde\xbc~\xf9O\xecK\x97\x06\xbe\xbf\xb3u:"m\x16\xcb\xe5\xe2f\xc9\xfa\xd6\xd6\xd6\x8ax\x1c\x827\xa6s\'\x93G\x19\x9b\x83\xf6\x9fj\xda\xe0\xd7\xff\xf5]G\x07`\xa9\xac|\xa7\xe1\xf1\xda\xe0\x94{\xe4\x14\xfes]b\x92\xab\xbb\xd4|\xa5^\xc1\xac\xff\xea"\x9bj\xa2 c\x9a\xb5\xf3;o7\xd7\xcc\x83N\xb9\xb4\x0e\x8e\xc6\xfa\xca\x8cS5S\xc1\xea\xf8\x99^M\xcb\xe6\xefO _\xba)\x95Z\xfd\xd6\xec4I\xd6\xd7W$\xbdC:\xb3\xcd\xe0\x18\xdc\xd9\x87E[)\xb4_\xe9lm\xed\xef\xffs=S\xd1\xb7:\xb7\xb3D{\xd4\xf8\x84\x06{\xb8\xbaY\x00\x92kK\x92&lt;:\xca82\xaf\x7f\xac\xe2\xdd\x0c:\xfd\xaf\xaf\xa1\x8a\x00K\xc5\x9f\xe6\x89\xd6Wx\\\xb5\xd9\xf0G\xda\xeb\xc6\xd7\x8f&amp;\xee\xab\xe7\xe7^&gt;\x9d\xb4\xc0\xca\x11\xbdR\xab\xe9\xf6\x0e_\x15\xf3_\xfc\xf7\xc9\xd9\xa3\xb3\x8eL\x06D\x1a\x9f\xb3~\xedZ\xddi\xf2H\xe7\xc8\xe8\xfe\xf9\xf1\xc3\xf5*\xdd\'\xae\xb9&gt;\xfb\xeb/\x8eJ\xb4z\x14L&amp;\x93\xd7\xcc\x7f\xfb\xf8\x0f6C\xc7\xfb\xef\xde\x9f\xfd|4\xe7R\xbe|\x19\xf6\xf9\xfc\xa9\x14\xf4NOL\xc9\x95\xf4\xfe\xf6\xd3\x99\xc1`[R[\xf7w\xf6\xe7\xacZ\x8e\xa0n\x85\xc2Z\xda\xd9\xf3\t\x0e\xab\x93G\xfa\xedO\xc9\xe4\xd9\xff\xb1\x04\xedB\xfe\xfe\xe6\xda\xe6\xfd1\x87\xcd`;\xfb\xed\xa3\xd8DM\xca\x83H:\x85\xa3\xb8?6\xa9W\x8a\xb9ry\x0f\x7fZ,\xa9c\xb08\xc2v\xaf\xa2\x99)\x10%\x8f&amp;2\x83a,H\x9cT\xa5\xea\xe9\xf4\x1fM{{\xfb\xc006\xa5\x9a\xe6\x88\x98\n\xe5*\xb4/\xa5R)\x1f\xea\x91\xcb\xf9V\xab\x8b\xc2\xda-\xa6\xef\xe5r\xa8,\xe6\x9bT\x88\xa7].1\x97\xc3\x14\xd43&lt;\xde\x98\xcc\xce\x10\x88D\xcc\xde\xa3wf\xab,\x8f\x17\x96\xab\xb2(\xd2\xaf\xbf\xd9+\x92\x91\x1d\xc3\x1a\x85\xe5ez\'\x85\xed2\xa1\xd0\xdb\xde\xce\x03e\xa0u\xb9\xa6\x15\xfa\xa7\xbb\xbb\xbb\xc5x.\x97\xc3\x83\x96\x18,\xab\\\xadV+Vp\xa4\x9cI?\x86bv\x96@\xc4\xe4\xf5\xce\xbc\x18\xd3\xca\xf0\\\xa1|X\x85h\xd1kf\xd7\x8b$\x19Y5SX.\xc0a1&lt;\xb10\x0c \x0eG\xa1\xad\\\xfapdw7B\xa6\x8fs\xb9\xe3\xb8\xc5o\xc10\x18\xcf\n\xed\xb4V\xe8A\x91D\xa2\xb3\xbeN\xc0l\x07\xac#\x95\x82\x85\x94\x8f\x8f\xab\x91E:\xfd\xd0SH\x93\xbbO\xf77\xa1\x9d\xba\x14\xccv\xafP\x86a2\xa8!\xbd\x1e\x98\x14\xb1\x98\xdfw\x10\x89\xfc\x8e\x95#\x82X0\x18E\x90\x00e\xd8\xdc\r4!H\xa23\xcb\x14\xb1\x98\xcd\\\xd3\x8b!\xc5r\x02/\x17\xee\xccV\xe3\xd9\x88Ox\x81H\x13\xc3s;\x13*\xbe\xde+\xd4\x0b=Q\r\x82\x18\xa3v\x8fG&amp;\x83\x1c\x05-&gt;\x12\xb0\x8a\x95h\x11\xfe`0\x88"\xa1P"\x81|}\xaf\x9c+\x1b\x8dH\x96\xc7c\xb18Z\xb9\xdbm)\xe7\xf0|!{Xs\xfe\x1eq\xfd\x15A\xa4\xd29\xff\xdc\r\xc0\xd2\xea\x95\x8av{\x94\xb2\xe3\x11c \x100\x1a5h0N\x05k\xf73\x96\x0f\xb8\x1e\xa0\xf0\xad\x11A(\'\x15\xde4yX\xe1\x980\xad\xdd\xb2\xe3\xe3\xe3|\xe1\xf8\xa4\n\xc1\x9a\xdd.\xe0D\xb1\x90~y\x03\xa6\x9f\xb2O\x0f;u4P.S~[\x13\x154\xcc\x7f\x10)B\xc9\x93D\xae\xa9)\x97\xf2\x1d\xc4\x89x\n565}\xb6\xe0\x16\x12\xa5\x12\xe8y\x16\xcf\xe4v\xb3Z\x91\x1c^(\x0c\x9c\xfb,\xd6\xd0\x9f\xd7\x15p\xb2X\x88+\xe7Uj\xeb\xd3a=,dh\xc0H\xb9\xa4\xb7\x16 &amp;\xe8\x83\xf8\xc1\x01\x19\xd9\x8d\xc4\x7f\xf8\xfa\xd6\xad\xa6{\x98?\x1d\'\xd0P\x03e\x93|\xb9\xb1\xb1\xb0\xb0\x01#\xa9$\xa2\xc2\xe5v\x93\x81D\xa2\x9c.\x8c\xce\x9e\x1f\xeb\xd0S\x0c\x16\x0b)lx\x1ed\xe0S\xa5&gt;f\xf1h\x8c\x89\xcf\xce_\x021\xa2w\x1fPY\x8c\xa7r\x94/\xf8\x0f4HYr!\xd8\x83\xda@\xe1\xb7-\xb6\xddl`\x0f,3\x98L\x96\xd4\xe4\xde#\x9a\x1a\x16=\x85\xd2\xf3\x9as\x1f\xc4\x0f\x9eb:\x8e\xa6\xd2{\xab\xea\xae\xf9\xab\x80%\x8b"\xa3\xb0\x17V\x8c\xb6\x8d\x10b\xbc\x9b.\xee\x92i\xe28G\x99\x82M(&amp;\xf3\x91\xe9\x94\xa6\x01\xbeo\xabl\x1d\x8b\x03\xdf\xf6\xd7\x8bD"h\x11&gt;\xa2|k\xb1T(\x9d\xbb\xe6\x01\xcb^$Q$UH\xf7RX\xc3z\x0b\xa6I\xb4\xb6-B\x92\xda K\t\x04O\x17\xf7\x8ai\x82\xc2Z\x80\xa4\x19q&lt;H\x92\xe9 \xd2\xba\xd0tk\xa3\xed\xe1\xc9\xc9\xc9\xb7\x03\xcb\xf5\x8cJC\xf5\xc0\xa9@F\x89l5\xb0\x04E\xb2\x84\xa6\x88\xfc)\x85\xd5\xa7\x97\xa1\xc6D+\xa4\x07\xae/[\x13\x08J\x90\xc5"\x19O\xa5~h\x82\xf0\xb4,&amp;\xf2y,N\x10D\xbe3\x84\xa0\xc6\nW\xcb\xc0\xc5\x12C\xc4\xe3\x8d\xcc\xd8\xcb\xe5c\xa2\x8cC\x12k\xce]\xf2\x022]\x8b\xa7R\x88\xb7\x92DP0\x01$\xc4\xa66\xd5\x86\x10u\x10\xe3d:\x9d&amp;Rxy\xe1\xe4\xe4\xe1\x87\x93\x9b\x88&amp;\x8a\x97\xcbx\xbe\x94\x18E\x02\x08p\xb5&lt;d\x8f^a\x89`\xb1\x9e\xc9\x97\x8f\x0b\xc58\xbe}\xfb\xdc\x8d\x8b~{\x8b$Qh]\xb8\xa5\xe73\x16\x1a@Z/-\xb6\x854\xd1@\x00\xc5\xfc\xbe \x0e\x9d\x1dC\x13\x0f\x17\xdbZ\x1e\x8ef\xe1*\x95\xf2\xf9|g\x7fC\x00CB7\x17\x17\xd9\xa3Y\x86H\xdak\x1a\xc9\x12\xe9\xbd=\xc2\xf3\xec\xfc\x8f\xe6\xc1\xa4\x86R)\x16p\xdc\xe2\xa2jk8\x06\\H\xe7\xc5\xd1Pm4\n\xc1J\x05}\xb1\xc9\xd5\xd5\xe1\x98\xcc\xb8\xd1\xd0\xc0n\xad\x13q\x14.&gt;\'\x9f\xd7\x8c\x0e\xb0G\x83)\x8a\x8b\xdd\x99eQVRRYL\xc9\xb0,\xeb\xd3\xf9\x15WM\xcd\'\x1fI\xee\x15S(\xaa\xad`\x85}\x16T\xd3I\x99\xdbQ\x8d\x06\xb0R\xc1\xe1\xfd9W\xdfU\xa5\xa5\xbb\xbb\xbe^$vi9\xda&gt;O^S\xea\x1f\x18`k|Xg+\xbb\xb5\xf3\n\x14|\xef\x8c)\xd6=Z\xcf\xc8WC\x08\xd2\xe9\xcf\xa5\xa4oo\x8f\x0c\xc7~\xc7\x1a\x0eCu\xd5\xd6Fe0\x1a5\x1a(\xba\xa0%\x1c\xb6\xc88B\xa5\xcb\xa5\xd5\xca\xb9\x12)\x8f\xc7\xc8\xe6\xf3\xa5~\xb8:\xed\xfe\x8a\x88`\xf0x\\\x93{\xe4\xf2\x1dvI\xe0yV\r\x0b\x1c\xb2\x18\xb6X@\x14\x0f\xf7\xcdSX\x91\x88\x1f\x8bF\xed^\x99\xbd[s%\nX~\x9f\xbe\xaf\xcf\xca\x97\x8aL|\xabV22\xe4T\r\x89y^Ow\xfd\xb5k\xdb\xf5\x8cv\x0c\xe6g-`\xf5\xba\xdd\xd2\xfa\xaf\x06\x96\x05\x92\x0f\xd5\x90\xa7\xa0l\xa4\xa4~\x12\xd3D\x85\xea\xae\xaba*\x8b\xc1h\x14\x84 O"\xb2\x83\x18\r\xf7\xcd\r\x0e\x8e\x99\xcdN\xf7\x88D"\x99\x81}\xdaa\xd69\xd5=&amp;\x93t\xe5\xf4te\xddK\rk\x16\x8f\xc3u\xcfp=\xa5\xe5\xe5\x957\xb3U\xd2\xf2o@7`\x9an\x8b\xb5\xcb\nX\x93\x80e\x9f\x04\x9d2&gt;\x04\x92y\xfe\xfe\xe0\xe6\x9a\x8d\xda\xaeu*q\xef\xb8\x0e4?,\xb7k\xe6\xb1\xc11\xdd\xd4\xc4\x94\xfbT\x8c\x85\x12\x1a&amp;`\xcd\xccH\xec\xd9\xd2\xb57UzD\x03Z\xd7\xa9R\xe1\x89z\xc2\xd6\xaey\xe5px\xd2\x87\xa12\xb5sL\x07!\x1a|\x0bP\xb0\xe3\xd8\x0c\x06\xc3\xe6}W\xcf\x8dM\x83\x81\xf6\x98\xfa0h6\x9b\x1d6\xc7\xd2\xc4\x90\x07\xb0xR\x9e49\xb3~\xb96\xbb}X=#\xe9\xc3\xffh7\xbf\x98\xb6\xee+\x8e\xe7\xa1w\xf4\xd5\xba\xae\x10\xc62\xf6\x8d=E\xd7\xc6\x12\xc6\xe6\xdaa\x0e\xd6u\x14 \x18\xcb\xf2\x1f\x8c\x1d\xc0\x86\x80\xb7\xd4x\xa0\xa96\x86\xda\xd8\nF4{\xc0\x8a\x10U\xa6l`\x99\xd1\xd4\x93\xa0R\x89\x14`Q\x1a\xc2\xf0\x10\xaaZ\xd0 T\xce\x1eV\xa5\n\x03"\x1e2\xa4\x91D\xd1v\xce\xa5!\xdb\xeb\xc6=\x16\x17x\xf2G\xdfs~\xe7w\xce\xfd\x9d_\x86\xbdZ\xd3?\xdc`\xb7\xb7\xddt\xf7\x0f\xd78\xc7S\xb7?\xfa\xa8\xa5ezfkkzz\x1a\xa1\xa6;i\xb6\x7f\\\xed\x8ev\x82Z\x1d\x1d\x81\xa8=r{\xfa\x164e\x9e\xc1\xdaQP\x0br|B+\x16\xcf\xed\x9cbW]\xbd\xb6\xef\x1e\xbe:\xc8\xda\xed\x01\xb7\xbb\xbf\xff:\x19\x05\x8dn\xb5\xccl\xadV\xa5\xb7\x16;g\x02\x1e\x93l!T;Z;:\x11Z\xd0\x87-\x1e\x9dLNQ:Oj\xba\xe5\xc3H\xb7"\xe4\xd0\xea\xf5\xc1Dfoos\xfdT\x87Y\x88\xf5}\xf7\xd5\xc1~\xab=\xe0\x02\xac\x1aGz\x1a\x98\x16\xf1\xbdR\xd5TU[T\xa6W\x19\x16\x16\xee;!/tk\x83~]4\x10H\x07\xa0S\xa3\xd3\xa9\xadUI\x1d)\x11i\x01k\x7f&gt;y\xca\x03\\\x90\xbd6ww3P\x08\xbaXV=\xe4\xe8\x1f\x89\xeb\\U\xab\x8b[[\xab\xab#SS\x01\x1aR\x165&gt;&gt;&lt;\xcc\xeat\xfe\x847\x9b\xa5t\xa9\x99\x99\xad\x86zIN\xa4\xbcHJT*}&amp;\xb1\xc7\xc3\x98\'\xd1\x98L\xae\x1d\xa5\xe98\xcb0j\x87\xa3\xdb \xd6\x0e-\xceL\xdf\x0e\'\x98\\N\xbf\xb7\x9f\xdd\xdb\xdb\xcb\xcenn\x166_\xec\xc0\xe7E\xe1 \xb58\xe2h\x16\x9e=[W\xab\x91\x94\xe4\x00\xeb\x90\x87)u\x82("\x1a_Z\xe98#c\x18I\x85\xa2\xa2Y\xa0aW\x17c\x87\x9b\xc8\xb1\xbe\xb3\x93L&amp;\xd7\xd7+\x1b\xe1\xb1\xbe\xb3\xbe\xb3\xf6\xe8\x80\xae\x1a\x14\x96IaO\xb7\tT%\xb9`&amp;S8\xc3\x87\xe1)K\x8461r\x19[oS\x08+H\xd21&lt;\xe59(\x14\xf2;\xf9\xb5\xf9\xf5\xf9\xf9\xe4\xda&lt;\xb0\xcd\xcf\xcf\x7f?\xff(_0\xfd\xe9js\xd9Y\xa9\xf4WR\x10\x0b\xb0\x82\x99BQ\x11?\\\xf9\x18m\xf2\x1b\x8d\xac\xda\xa1(\x13\xdaH\xe7\xd8\xf0\xb2\xeb\xf0\xe00\x7f\x98\xcf\xe7\x81\xa8\xf0\x02\xd8\x0e\x0b;{\xf9\x97\x19\xf9\xf2\'\xa4P\nXg\xcb\x05\x80\x95\x05\xac&lt;O\x13\xc4\xc4\xfa\x12l*^\xf4b\xb3PXa\x83\n\xe2\xe6\xf2\xb5\x80?\xe8\x96S\xc6B\xbepx\x88\x8f\xe7\xe3\xcbF\xd9\xcd\xe5\x9bc6\xc0*\x93\x96\x19P\xacl0\xf3\xfc\x11_\x83\xcd\xf3GVZ\xc7\x80\xc9\x1c\x15\xb5\xa4\xc6\xe9t\x0c^[\x06\xfb\x12\xdb\xd2\x859|C\x0f9\xe2\xce\xef?\x19\xbe\xe9\x1e$m&gt;_\x99TZZ\xa2B\xac\x0c\x7fXD\xf2\x00c\x9e\x02.\x11i#\xc5P\xd88j\x90\xeb\xcb?&gt;\xfb\x0f\xbb\x0fE\xc5x\xf7\x02i\x0b\t\x85R\xa9A \xc0\xd0\xca$\x9e\xaf\xf1\xa5V\xf2e\x1f\xed\xd1\xb1\x1c\x97\xad\xa2\x82\x04\xae\xee\x9a\xe1k\xcb\x7f\xb8\xd3\xda\xee\xbb\xf4\xec\xd2\xf9g\x97\x14?_Y\x18\xac\x19\x14 U($\x94\xf6\x82Xb\xf4a\xe2\x88/,\xa2\xf1\xeb&gt;\x90KG1\x14e\x14\x80^\x10\\\xe6\xeb\xe6\xeb\x83w\xa0\xa3\x08\x9d\xe7\xa4Z\x98\xfc\xe6\xfe\x82!\xf4\rP\xd9B\xb5\xc2^\xa5\n|\xa8\xcaf\x12KG|M\xf3\x13\xd5\x85\x98\x95\xf6\xc4]\xa8\x97Hc#o\x98\xcdc\xe61g\x85\xd0\x17r\xb6:[\xff\xc2u&lt;\x93++\xed\x93\xe5\xa0UE\x85\xb0\xd4P\xa2\xcaa\xc0\'x\xc4:C&lt;Z\xb2Xi\xc8\xf4\x94\x9fe\x04 \x96\xd9l\xbe\xe1t6\x97\xae\xdc\x83\xef\x87\x9dO \x9e\xeb]YY\xe9\x9d\xf4!T\x85p\xb2D\xa5U\xa9\xb2\x90\xe2\x97\xc2\xcf\xf9\xbbZ\xb3\xb6\xd1g\xb5Z\xa3q\x9d\xce\xc5\xd6kH\x94\xebF\xebD\xc8\xd7\xde[:777;;;\xd7\xdb\xbb\xf2\xb3\x95\xf6v\x9f\xcdV!,/\x9d,\x81\xdaA\x1f\xf4&amp;\x96\xf8\xc4"\xe6\x8f"\x11+\xea\x15\x8f\xbb\x98\xfa1g+\xb4\x8a\xad\x13\x8a\xba\xbaO\xeb\xa4R\xdf\xe4\xdc\xa4\x8f{#\xf2\xa9Th\xb3\xd9\xcaKK\rY\xa4\n&amp;\x06\xc2K]&lt;\xaa\x95&lt;\x88D\xec\xf6c\xae\xb8Km\x1e\x1b\x03\xaa\xd1Z\x05\x1eV+.*\xf0\xe4\x9a{Q\xa3\x08\x85@.\x9f2\x17\xc4\xd3s\xf0 \xd8\xf3d\x11O\x17\xca`\xb3\x8eX\xedvN\xb0h4\xae\xee6\x9b[G\'&amp;B\xb5xp\xae\xa8\x85:Pq\xb1\xeeS\x10\x0bz0\x1bi\x9b\x9c\r\x06\xbd@\x05U\x7fx\x80\xcf\xd8"\x0e\x01\xeb\x02\xe8\x05\\t\x94\xa9\xc7\xc6\x1f_G\xb6:a\xe5\x8dN\x8c\x8e\x02\x98T\xaa\x98h=O\x92d\xb3!\x1b\xf4z\xfd~\xa0\xea\xf2\xfbM|b\x15 \xe49\xae\x00\x1d\xa0]\xf8\xce\x19\xc8n\x98\xef\x98[\xa1K\x9d\x00\xaeZ_\xc8\xd6\n\x98\x0e\x87F\x9c\x0b&amp;\x10\n\xa8\x06(~\xb1\xf2\xb14\x1d@.{:MG\xfb\xd5CCW\x7fm\xbe~\xe7\xb7\xe6\xf3\x90&lt;9\xad\xdaCNL\xfe\xb0\xe5\xa8 \xd4\x07P\xaa.\x13\xe5\xe5\x17km;M\xd3\x81\x0b`@\x06\t\x8cU\xab\xc7\x07\xbb\xcdc\xe4\xa4\x0fgG\x14\xedR%d\x7fR Qe\xb3\x1cU\x17R\xf9\xc1\x97\xa6\r\xfe\xeel\x11\xdfo\xa4\xe96:}\x813\xe0rA\r-\x9784\xbd+\xed&gt;\xa9\x14\xc7\xb6zq\x86EuL\x15F\x07z\xbaL^\xa3\xd1\xaf\xcb\xac\xf1\x87\x95\xdc\x18\t\xb45\xd0\xf6c\xae\x88%\xaec\x8c\xc1\x9c\x18j\x9av,c\xda\xf1\x14\xfd\xde=\x9c\x8d\n&amp;\xb6A\xa7.\x0fPQF\xc0\xf2o\xf0\x88\xd5x4R\xd5\xd6\xd0\x00\xe1\x95\x82O$b\x81\xef\x0c\xee\xe6\xe6\x94\x06\xa5\xb2\xbc\xb4\xdc\xd7;\xd7{\xef\xde\xec\xec\xfe.PmcXy\xd0\x858\x91\xe4\xdf\xc8\xf3\x87U}\x90\x06,7r]H\xa5RM\x11K\xd8\x1b\xcc\x04a;.\x11\x97\xe0d\xdb\xacxvvw\x7fwwi\x1b\xc4\xf2\xa0V:\xafQ\x8eXK\x05\xfe\xae\xdd\x11/\xd3UU\rn\xd7\tWS_\xd7\xc0@"\x13\x0c\x06\xb3`\xb9\x1cT\x0bP\xb6g\x96b`@\xe5A*\xbd\\n\xa4t\xe1\xc2\x19\xfe\xec\xd0\x8aXnW4\x90\x06\xac\x9e\x9e\x9e\xa6\xbeXW,\x1c\x066\\xP\xc0\x80m\xc7\xfaN\xa8\xfcF\xbd^\xab7R\xa6\xf0!\x7fw\x14\x89\xaf-\xc7Xn\x8e\xab\xb3\x07\xc1\x9a\xfa8\x8b\xc1\xcf\xf1\x9f\xf0\x8cY,\x16\xa4\xa2\x8cz&lt;*`\x00\xeb\x80\xb7K\xb0\x04Q\xb0LU\xb5\xb9\xdd,\x0bzA\xdcw\x02\xd8m\xce\x90\x10\x7fs\x02\x82\xbd\xa5\x82zK\xa5\x95\xcbt&amp;\xae\x84(\xe2\t+\x8fX\r\xfd,\xcb\xb0\xf1c\xae\xdb\x1cMGG\'\'\x1dh\xd7\xd4\x17A\xb3\x9cP\xa9\xf4rF\xa73m\xe4\x1b\xab\t^\xaa\x08\xec`\x11\xcb\r\xd9\x9de\xe3\x90\xbfR=\x9d\xc0t\xac\x12"5\xf54]H!\x14P\xf9\xbd@\x95\xcb\xa9 \xb4\x18J\xd7\x15&gt;\xfa\xd7\xdd\x07\x95\xd5|(V\x9d\x8f\x8dLU!\x16\xc3q\xa5\x91\xab\x03\x0c/m\xf5\x80`\x9d=\xb0&gt;!\xcfZ _AX\xa1V\xe0C\xc42um\xbfz\xf3\xf4\xc9WW\xaaO]1T\x8b\xc3\xeaW\xab\xd52\xc6\x15\xa7\xad\xf6\xb7`\x1d\x1d[\xe0\xc8\xceT\n\xfd\xd7e\x1a\x80,\xaa\xe5\xda\x1e\x0c\xadc\xac\xd8\x87\xe7^\x03X\xe5i\x0bF\x10\x7f\xeb\x1b\xe1\xbc\x08\xc5\x033$c\xe3Q:\x90\x06\xb2\x14\x02\xe1%7\xbb\x15\xbcg\xf2\xfbaw6\xea\xb3@%\x10\x9c`\xc5b}-\xef\x9f{\xfd\xed\xc3/N\x17\xab\x88\xf8\xe1\x9fM\'X`\xc8\x15\x85\x8a\x10\xab/\xb484\x1f:\x8a\x92\x19\xa1VF\x17BC-PI\xdeaY\x9an\xbd\xf7\xfe\xeb\x0f\x9e|V}\x9a`\xc4\x95\'oR\'X\xf5`\xa2c\xae\xa8\xcb\x05k\x93\x91\r\xc9\x8dr\xb9H+\xd1b\xc3\xa3\x07\xad\xc4\xe2\x12\x81Dt\x8c\x85\xf7\x18=\x91\x96\xf7\xce}\\\xfc\xf0\x8bS\\\x92D\xf5WO_\xa5.\xbc\xc3\x12\x89\xea\x87\x90\x0bD\xa2d29\xfc\xaf\x95H\x04`\xd8\x1b\xea\xa1kD\x13\x08@-\xe4\x02,O4nm\xf9\xc9\xe3\xe2\xe2\x87\x0fN-\xb7\x16\x11\x95\xdf=\x06\xac\x91\xb7X\xa2n\x89H$g\xd1s,%C\x95\x04\xe86t\x1c\xc4\xb9V%\xc6\xcb\x05 \xd7\x8fX \x97\'j\xd2\xd9o\xbd\xfeeq\xf1?\xfe\\y\xa6\xe8t\xc2\xbd\xf1\xee\xb7\xbfy\x87U3\xd8\xdd-\x91HD\xf5\x8c\xcbE12F&amp;\x07,@\x82 \xe7\xb8T\x02\x83\xd2`h\xfe\x11\x8bB,\xcc\xfb\xack\xfa\r`\x15\xff\x15\x1cy\nY\x9f \xae|\xf7\xf4\xf2\xe5W\x8b\'X\xf5\x12\xe8#\x1c\x92\xfa!\x19\xc52\x10Sr\x11`i\x1c@\xa5A8\x88+\xa5R\xc9\xa9\xc5\x05\x17pEM\x14\xc3\xb8f^\xff\x0e\xb0&gt;\xf8\xc5\xc3\x07\x95\xe0\xc9\xff\x0f\x8ch\xfc\xec\tP\xfd\xf4M\xe7\xc8\x89\x13\xbb\x1d\x1a\x12\xb8D@\x04\x91%\x12A\\i4%\x1a0\x14\xadD\xac,-E.\x0e\x0b\xbd\x08\x8b\x14\x16\x85k\xe61\x87U\xfc\xf9\xe7\x0f\xef&gt;\xb8\xd2\xf8?Wa\xb0j\x88\xea\x1f\xfe\xfe\xf1e\xc0z\xdc\xb1\xfa_X$\xa9\x11\x88pX\x05\x0c\xc5B\x83\xe5\x87k\x10\xa8&amp;\xcb\x95\x06n)\x028\xe3\x85\xcc\xf1\xefN\xce\x1f\xb4\x91\xfc\x8a\xe3\xfe\r,\x86\x1f\xf3\xcfc\xcf\x9f\x8b\x8c\xb5 \xa2apT\xd8\n!\x87\xd9b\x0e\xa68\'\x0e\x1eL\x12\x81\x8a\x90"\xa0j\x10\xee\xc2\x14i\xd2\xa9\x15\x18\x17"\xa9\x06W\'\x04\x83\xb7\x93\x14\xc3\xa1R\\X\xf6\x04V\xb3\xb2\nq\x17o\xe3b\xe1\xce9\xf2}o\xec\xbdM\xee.\xc9\xdd[id\xcb\xeb\x99\xcf|\xdf\xf7\xbd\xf7\xfb\xe1]\xa3L~\xf6\x85\xe1&amp;\x8c5\xb8\xcdg\xf9(\xe3\x7f|\xbd\xfe\x03\xd2\x87\xa8\xe7&amp;a\x1d\xa6_2\xd6\x1f\t\x0b[\x8b\xcdF\x83\xb8\xe02\xd4\xdf\xc9\xc6\t\xd2Z\x80m\xbf_\xab\xd5\xfe\x02\xb5\xb8C\xfc\x88\xc0\x9e=C\x9aw&gt;\xfc\xf3\rY\xcbw\x805\xae7\x87\xa3I&gt;\xea\xff\x80y\xf4\xe4\xa0\x9f\x1dM\x16+\x0bX\xe7\x87\xd5\xf4\x0b`\xd1\xf0!\xb5\xb0u\xdekP"\x91?0non\x1e\x1f\x1f7\x1a\xbb\xbb\x8d\xddZ\xad\x84 o\xed\xa0\x8d\x81\xeb\xa7\xd4&gt;66&gt;\xf8\xa7\xe3\x92ZN\xebbp1\x81V\xcdl4\x99\x0c\xbf\xe7@\x82\xa7&amp;\xf9p\xb6\xba\xb9\xb1L`\x9d\x9f\xa77\xbf\x01\xd6\x07\xd4\xb6\x80\xd5h\xec\x81\x0b`\'\'\x1b\xfb\x04\xb9w\xbc\x87wh\xbf\xc1Q\x83\xb5\xb0i\x04\x18\xc8\x7f\xb2\xb1\xb1\xbf\xf3\xabB\xac\xc4\xe9^\\\xb4\xe6\xf3\xbb\xf1\xa8\xdflf\xcbeV\xff\x1e?\x94}R\x1f\xe5\x93\xfed\x91_\xcdL\xbb\n\xaa\xf3C\xed\xe6\x97\xbf\xf85F\x0f\x0c\xc5 5`\x91\xc5\xf6\xf7\x1b\x84\xb5W\xc3\x03\x9b\xa0R\xa9\\*,\xff\xde\x06\x07\xfc\x86\xe4~\xf8w\x83\xb0\\\xdf\x1d\xc0[\xd7ws\xc7\xbd\x9dA\xb3z?\xeb\x1f\xfd\xbf`\xe8\xa0Y\xfdh4\xbbz\xf5j\xb9RY\xae\x97\xe0\xfa\xc3o\x81\x85fJ\x8e\x07F\xc1\xd5hl7X\xad- \xd5j[\xe5G\xacm*\x01n\xf8h\xae\x9fV}\x9fr\xe8\xc3Z\x17CXk\x064\x17\x9a\xe1:\xe8\x17\xff;\x95\xeb\xa8\\\x94\xe0Z\x96\xe7WY6\xcao\xa5\x9dB\xad\x97\xc4\xf5)\xf5\xf8\x9d\x9d\x93M\x96\x0b`\r8\x8a\x02jmm\x95j[\xa5\xad"\x87\xbb\xd4\xe8\xf9\x80\x17\xc4\xb3/}\xdfO\x12p\r.\xba\xe3:\xa2\xd9\xcf\x80F\xd9\x9cd\xc0:\xf8\xefd\xeb\xb0\xfa\xc1\xc1Qs8[\xcc\x86W0\x97\x99\x86*\xa5\xf1%qM?A\xa5o\x90\x9b6\x8f\x1b\xc0"2\x1c\xf0\x02*\x04\xc4*Q\x16wK\xc4B\xa2\xd5\xf8\x83\xf7\xbe\xf2\n,\xbfuq1\xc8\'\xcb&gt;\x815\x9b\xfd\xe1d|{\xc7d\xb8\xeaw\x83\xad\x1f\xd4!\x10\x04^M\xf3\xab\xe1\xe86\x0c\xcd8\xd6l\x15i$\xaeh\xfa\xd5\xcfQU\xfb\xdb\rV\x8b@`t&lt;\t\xabx\x94\xcbm\xd6\x0b\xcfv\xbb\xd4&amp;\xc2R\xe3o\xa9\xef\x80\x8a\x9c5\x18\xb4\xa45\xbf\x1d\x03\rXM\xb2=\xd0\xf09u\xd8\xef\x82\xea\x8f\xae\xe7\x96\x14\xc2\\L\xb2\xe1h\x15\x85a\xa8E\x9a\xea\x86\xc4\x05\xdfGb\xf1\x0f\xa2\xe2\xbc\xd5\xb6H(\xe4\x0ej\xb1XL\x05o1X\xbbR\xa9\xb4\xdb\xf4\xe1\xee\x9fn\x82\x00X\\\x86\x83\xae\xa2IE1\xf49,?\xcc\xfa\xfd&amp;\x84\xeb\x8f\xf2\xebk\x90\xf5\xbf\xc5R\xebO\xfa\x93[K\x08i\xad\xaea\xaba\xbe\x8aL`\x99f(t\xa7\xca]\xe2\xbc\x1a\x8b\xe9\x9b\x8f\xa8A5\x1ap7\xd4\xe2\xcc\xf1+\xc7\xef\xca%\x02+\x97\x01uvF\\\xed\xdd\xbf\xde\x18\x8e\xe3S@\xacV\xa0\t\xa9\xa8\xban\x18\x86\r\xd5\xf2\xd1\x90\xc9\x9a\xc3I&gt;\x9e}\x0bV\x13P\xa6\xb9\xba\x9d\x81\xba\x9f\xbd\xca\xa7DDXB\xf3\\\xab\x1aW\xab4\x85\xaa\x9a\\\xbc\x86e\x1a5\xba~\xb9L,0z\x01\xc5\xef&lt;m#\x91m\xfa?\x07\x88v\xe5\xfdOn\x8c\x80\xb1\x12\xbf;h\x19\xa0\xb2TU\xb5\x11\xba\xa1\xeb\xea\xfc\xee:G\xf7"\xb2l\xf8\xcdF\xb5\xccg\xb3|B\xec\xc8y\x96\xe5\xd3\xd4\x04VJX\x9e\xd0]-\x8e\x01\x86\x88C\xa4\xf8s\xb4\xce\xc6\x82\x87!\x00\x00\x04\xa2IDATZ\xb9\x02\x86\x82\xadDx\xe5\x1f\x13T\xb9BX\x0fTg\xed\xcf\xdf\xa4FP`9\x9dA7\xd0\xa4T\x08\xab\x00c6\x95\xd1F\x19.\xfc\x8dI\x93\r\xb3f\xfd\xa1&gt;\x9a\xfd\xe5\xd8L\x19\x8b\xe4Rt\xc5s\x9d(\x8d\xa3(\x02\x9c\x06oL\xef?\xaa\xedq\xa6*\x95\xa7O\xd1\xa9\xca\x0fA?\xe0\xacp\x02\xcf./\xcf\xce&gt;{3\xf5@\xc5X\x8e\xdf\xed\xfa\xd5C\xdc\x97$\xa8G,[\xd7m\xd50\n\xd5\xfem$\xc3\xebGh\nM\xf8\xaf\t\xae\xfer\xb6\x8aC\xc6".\xd5q\x02\xa1\xb92\x8d\x8a\x08\x91\x06\xcfC&amp;\t\xeb\x94!\xa0\x17#U\n\xa4\xdf\x9f\x15T\x0ce\xe8\x81M\\N\xd0\xe9&amp;Z\\\xa5\x01\x1b\x9b\x92\xf5B\x0eu\x0e[\x05\x99\xe7Y\xefd\xaf\x7f\xc0\xbf\x07\xf0\xb1\x93P\x93\x13Z\x98\xc6\xc0\x12f\x94Z8c\x08K\xd9a\x18E\x1a\x87@]\x18\xb0\xd8\xf3\xd3\xd3\xb3S\x06\xa3|&gt;P\x9d\x9e\x9e\xbe\x03\xa5C*\xdb!\xac\xc0\xe9\xf8F\xe0\xfb=\xdf\x8a\xc8\x0b\x9a\x12\xd8\xfac\x18:\xb0\x0cC\xf9z\xbf\x9cay\xf1\xa4\x89f5\x1e\x8f\xaf\xafo\xe7s)\xa5%\xc3\x14\xdf(L-\x0e\x1dG5S\x9cGP\xb3`$@\xe1\xaf\xa8\n\xc0\xe8\xf2\xa7\x0f\x92\x15HLuy\xf9\xfc\xf5\x82\xa0t\x9b\x1f\x05\x96\xe1\xb7Z=\xa7\xd7\xe9\xf4\xa4\xe5\xcb\xc3\xc3\x08\x05j\x17&lt;\xcc\x84xg\xa9pT_\xcen\xe7\x96j\xa19x\x8a\x82+Z\x96\x04\t\xbc\xad\t\xd5vd*\xc2j\x9cjQLb\t\x93\xb0,\x85C.\xee?\xbe\xbc\x84d\x8fP\x97\x1c\x10\xea&amp;\x02\xd4\xd7j\x04N`H\xcd\xeb^tm\xa3\xd7juT\xd7\x8d\x91MHf\xb3\xb1\xd4\xff\xc0\xc2R}4\x9e\x13\x08h\xd0G-\x95\xb1,\xd4`\x1a\n\xe8l;a\xa8\x831\r\xb5*q\x11\x14\xd4R\xe8\x8f\xa2x\xde\xea\xfe\xc5\xc7\x97$\x11Db\xac\xb3\xe7\xaf\xdfL5\xa3PJg\x1dH.%\n\xa5p\xbb\x03\xd7\xe9\xb48\\=:&lt;\x8c\xc9f\x8a\xce\x05Y`\x15\xbfy\xb3\xbe\x84\x93$\xe7\x8d\xa8\x04\x01\xa2~\x91\xc50\x12\\\xd9\x8e\x95\xa6q\x0cH\x80&gt;p\t\x0fQ\xe8\x05\xb0\xe9\xe2\xfe\x05%\x93uz\x01&amp;\x08es\x0b (\x05\xcf\xc06D\x8c\xef\x15*\xf1t\xe9I\xd1\n\x0c\xdf8\xc4LCU\x11\x96e)kX\xb9\xac\xaf\x1d-\xc7+\xd3\x94\xf06\x91I\xcaN\x11*\xb0P\xd96\xa8\x1cI\x06M\xa9U\x84\xd2\xc3(bwy\x92\xb9(\x99\x86\'\x98\xec\xec\xc5g\xf7\x0b0)\x86\xa2\xaa\x85c\x14\x8f\xc6L\xa0+\xe8z\xd4\x1ab\xfdA\xaa\x82\xab\xdb\xf1\x13Y\xa5\xc5I\x0c\x00\xddQ\xad\xb5\xc9\xf2\xe8`HP\xa6e\x166\xe6\xecX\xe41)\xc9DP\x02\x96pl\xf8\x1de\x19\x9a\xa1\tG8H\x86)\x0b\xc1\x94\xb7\xe1\x11\xd9b:\xa5\xf7X\'\x95U"fdPA\xfd)\x11\xbc\x84\x99j$\x9dN\x8b\xd8\x1c\xc7-$\xeb\xa0\xce1\xd5\xd0yTU\xac\xf5\x9b\xb4j\x81PRb\xba\x90\x93\x0b/\xb3\xf5\x89\xca\x8b\xaa\xb1\x0e\xb1\xccB,P\xd9.\xce\xe5Z\xf8\x04\xf7\xf6\xa8\x17\x19_\x11\x98O\x9eBeN\xfe5\x88\x86\xbf\xa2\xea6\xf8hE\x938"\x82,\xb1\xa7\x81\x8b\xc2\x916\x169X\xe6\x0c@\xa6\xe3Z\x1e\xbc+\xb0\xca#\xa5\xe8\xc6)y\x1a\x1f\xb9\xf0\xa5 \xa1\xf0\x16z\x02\xacEbU\xc9Y\xa6\xe3:\x12\x07\xd54\xd1\xbfH\\r\x18\x1a+KM=\x9b\xe6\xaf\xaa\xab\x05\x11\xc8\xa8Uz\x86\xdf\xeb%\xbd$\xe9\xf9\x82j/\x12~\xd2\xeb\xf5H\xb2\xde\xe0\xa2\x08\x02\x0b\xa2\xd8\x17\x87\xd1\xda\x9d\xa9\x11\x16Db\xb9\nsI\x93d\xd2\x03\x03w\xaf\x08\xc5y\x10\xabJ\x93\x11B\xa9\xa1\x85\x83)Q\xa7E\xabg&amp;M\x18o\xc7\x08w\xed\x87\x89\xa7\xaa\xb89\xd1\xeb\xf4(\x88K\x89i\x0f\xa5\xf9\x89\x11\x19\xe0\xeav\x0b.\xac*\xc0\xd5S4/\x08\xd6B\x86"\x0c\x12J#.R\xc130\xbd\x02\x11\t\xc5 c9*S\x99\xaaec\x7f@9t-Sr\xaa\xa1\x17\xb00 y\xe8\xea\xfa\x03\x1a\x86\x9dN]R\x11tfK&amp;\x9d^\'\tX\xa2D0\x97\x07\xac\xc8\xef\x10\x18s\xe1\xb4\xddA\xb7\xd3\xf3\x83$Y3\x1f\xb1B\xc1\xaeB\xb7\x0c\r\'\xe99\x80V"n\x0e\xd4\x1dB,e\xaa\xa1e+DD\x81\x9e/M\xe2r;\xae\x0e*\xebq1\xa0\xbe\x1d\xbc\x81\x0ewF!}E\x91.\xae\x9fh\x9a\xc3\x92\xc9*\xf9\x1e\xaax\xc4\xc9`\x83\x96\xeb\xb6\xb0\x1b\xea\xa2\xf9\xf7\x92\x7f\x01\xff\x86R\x95\x89y\n\x9e\x00\x00\x00\x00IEND\xaeB`\x82'</t>
        </is>
      </c>
      <c r="M456" s="3" t="n">
        <v>45492.67659722222</v>
      </c>
    </row>
    <row r="457">
      <c r="A457" t="n">
        <v>1116390</v>
      </c>
      <c r="B457" t="n">
        <v>241802</v>
      </c>
      <c r="C457" t="inlineStr">
        <is>
          <t>Werton</t>
        </is>
      </c>
      <c r="D457" t="inlineStr">
        <is>
          <t>Werton</t>
        </is>
      </c>
      <c r="E457" t="inlineStr">
        <is>
          <t>UNK</t>
        </is>
      </c>
      <c r="F457" t="inlineStr">
        <is>
          <t>UNK</t>
        </is>
      </c>
      <c r="G457" t="inlineStr">
        <is>
          <t>UNK</t>
        </is>
      </c>
      <c r="H457" t="n">
        <v>170</v>
      </c>
      <c r="I457" t="inlineStr"/>
      <c r="J457" s="2" t="n">
        <v>37879</v>
      </c>
      <c r="K457" t="inlineStr">
        <is>
          <t>Right</t>
        </is>
      </c>
      <c r="L45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2.13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4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94\x88lo)\xd6\x8b\xbb|\xa1p\x87\x8a\xfb+\xfb\xc6d0\x82p1\xfaQq\t\xde\x14t\xcf5W\xb4\x80\x91`;\x06G\xd3\x15\x0c\xeb\x1b\xc8\x00l{Q\xcd\xef\x01R\xfa\xde4\x97w\xde\xf9\xb1\x83Y\x10\xc4l\xfcx\xd3\xb9\xdd\x0bZ\x93\x08n\xa8\xd8\xe9]T\xdb\xe5\xf9\x07SZC \x8b\xed\x0c\x02\xe4\xf23\xd2\xb2\xe7\xbe\xd3\x91@:\x84\x03w\xf0\xf9\x80\x1a\xaai\x8d+\x96b"h#h%I\x02\x8c6\xd9\x01\xc7\xebL@L\xb9\xc7J=B\xcdnH\xc0\x1221\xfdi\xc9\x1a\x93\xb8\xd0!\x15\x01\xe3wZkB\xe5\x9b\x9f\xa7\xb5\t\x80\x847\x93\xc7n\xfe\xa6\xa6\x16\xa6;}\x99\xc30\xc9\xcd\r\x81\x1d\xb0S\x17+\xdf\xd2\x8a\x00\xe8\xc8\xc9\xdc\x07\xdd\xfdjT\ts\x16\xdca\xbbW\x9b )\xb5\xb5\xc5\xbc\xd8\x1f\xc3\xc9\xa6\xbc\xfd\xc8\xc7\xaekD\xf9\x80\xb1\x0ev\x86\xcf\x1d\x85g\xdf]G\r\xee\xd9F\xd1\xfc&gt;\xf4\xe9\xab\xc8\n\xba\xd5\xfd\x9d\x9cM5\xc4\x9f1\xe5\x16\xbc\x9b\xc5\xdf\xb4\xbf\xc1_\x07\xf8\x86C\xe3?\x1a[-\xe4p\xb4\x7ff\x8e@\xdbx\xc7\xf0\xe7\x9a\xef\xa3\x1eX\xdd\x9bS\xa3*\x8fC\x94\xf1\xbf\xed\x91\xf0\x8e?\x03^x\xa3A\xf8\x83k\xfd\x9b\xa6\xdb=\xc6\xab\x1a\xc9\xb6b\xa3\xf8\x15O9?LW\xe57\xedA\xff\x00\x05\x97\xd6\xfcI\xe3\x894\xdf\tA\x0bX\xc7!\x16\xf61\xc8\xc8H\xcfW\xc9\x1c\xd6x\xacTp\x94\xfd\xde\xa7u\x0c?.\xb2 \xf8%\xff\x00\x05k\xf8\x85\xe1\xef\x11G\xaa\xea:E\xd41\xab\x0f-\xb4\xddAL\x89\xf5\xdc\xc4c\xf0\xcd~\xa6~\xc3\x9f\xf0P?\x87\x7f\xb5\x9e\x90\xba=\xb6\xb9\x0f\xf6\xf4qg\xc8o\x95\xa6\xecA\x07\xf8\xb3\xf8W\x0e\x1b0\x8di\xf2KsLF\x1e3\xa3\xcd\x1e\x87\xd1\xc8\xf9\x18n\rH\xad\xb7\x00\x8e\xf5\xe8\x1e8\xf0\xab\x9d\xb9\x1c\x9e\xdd\xa9R=\x99\x8d\x88\xe4\xfc\xb4\x80o\x96&lt;\xe5\x83\xf8W\xe65&lt;\xa8\xa4\x86W\xddR\xc0\x8e(c\x8c\x15/\xfcTS\xe6\x1e\x87D\xa7o\xc8\x00\xa4\x85\xa5\x8d\xf6\xed\xfck\xcd\x10\xe9.0\xf8\x96&gt;\xbd\xfd*\xbd\xf5\x943B\xad\xc8fn\rTt\x00\xf2\xa4\x82\x15IF\xed\xb5\xc7\xfc\\\xf8\x89\xe0\xef\x85~\t\xbe\xf1\xf7\x8du\x18\xed\xf4\xfb\x08ZIZF\xc6H\xfe\x11\xefZA\xa5.cJq\xf6\x92QG\xe4\xbf\xedq\xff\x00\x05C\xf8\xdf\xf1\xc3\xc4\xd7^\x17\xf8I\xae\xc9\xe1\x9d\x05\xa5d\x8exX\x8b\x99\xd4ue\xc6\x08\\w\xe9\xd6\xbe\x0f\xf8\xbd\xfbA\xf8\xdfM\xf1%\xcczW\x89\xf5\x1b\xa9!Vy\xef&amp;\xbc*\xb20\xf7=O\xbdx\x98\x9c\xd2\xa5LE\xa0\xec\x91\xef\xaa1\xa3D\xf3}3\xe3\xaf\xc4\x9f\x89\x17w\x9a\xf6\x91\xe2\xab\xbb\xab\xebX?\xd3t\xc5\x98\x9f1F:\xff\x00{\x8fj\xd6\xd1"\xf8e\xf1\x8bF\xb8\xb1\xd6t[{]i\xe3\xdf\xf6\xc81\x1b\xb8\xf4a\xd79\x07\x9a\xe1\xc5\xe3*T\x95\xdb\xd8T\xad4qZ\x97\xc0\x8d{\xc3\x0f&amp;\xa5\xe0O\x18Moq\x19\xca\xdb\xde\x12#\x90z\x07\'\x15\xeb?\xb2/\xed[\xf1#\xe0\'\xc4m3]\x9e\xdem+W\xb1\xbaV\x82\xf9\x94\x88\xa6oBx\x0c\x0f\xd6\xb9\xe9\xe2\xb9d\xa4\xb7C\x8d9FV{3\xf7\x8b\xf6*\xff\x00\x82\x82\xf8/\xf6\x98\xd3-|5\xe2\xfbO\xecO\x14\x18A\xf2\xe4\x7f\xdc]\xf1\xd5[\x80\x0f\xfb&lt;\x9a\xfaI2\xc7\xa7\xcd\xfc\xab\xed\xf0\xb8\x88\xe2h*\x88\xf1\xb1T}\x8dV\x89\xa3E#\xe7?\xee\xd4\x8f\x08nTs[\\\xe5\x16\xd8\x19|\xc91\xd3\x00\xd2\x98\xd8H\xbf_\x96\xa3\xa8\x0e\x91@|m\xa2\x97\xbc\x07C&lt;D\x1d\xe81M\xdc1\xc9\xeb\xfcU\xc1p\x0b\xb8\xc8@Q&gt;\xef\xebU\x8b\xb3\xb6\xd7\x1d?J\xb8\xec\x03\xdd\xb2\x8d\xf3\xfc\xa1s_\x98?\xf0__\xdaV\xef\xc2\xda&amp;\x95\xf0\x8bM\x9d\xd6\xd1T\xdc_\xacNC\\M\x9f\x92?\xa1V\xfd+\x97\x1dS\xd8\xe0\xe4\xd1\xdd\x97\xc7\x9b\x10\x8f\xcc\xef\x15\xebz\xaf\xc3\xef\x0fC{\xe2&amp;#^\xd5\xa1W\xbb\x8dz\xda\xc6O\xcb\x12\x0e\xc7=zpk\xe6?\x8cz\xf7\x89\xbcY\xaf\xcd\xa4ZC7\xda\xa7;\x16\xd65\xc6\xd5\x1dI\xc5|\x8d\t\xda\xf2g\xbd\x89\x8bv\x82;/\x83_\xb3W\x8a\xfc=$\x1e!\x17\x93X\xcd*\x02\xcd\x1f\xf1\x0fF\xf5\x15\xd1\xfcL\xf8\x1d\xa9Yk\x7f\xf0\x9cxVG[\xa9\x14n\x8e\xdcax\xe7 \n\xe3\xa9\x8c^\xd0\xed\xa3\x97MQ\xb9\xaf\xe0/\x15\xc5\x0crkW\xa9\x0cwvQ\xff\x00\xc4\xd3M\xd4#\xdd\x1c\xe8?\x8dK\x03\xb7&lt;\xf4\xc5g\xf8\xcf\xc6\xd2|H\xf0\xf6\xad\xe1\xb8,\xb4\xdbE\x91&lt;\xdb;\xdb\x1cH\xaa\x07m\xc4\x02\xa7\xe9J\x12\xe6w\xb9\x8dH\xfb5\xca\xd1\xec\x1f\xb1o\xc7o\x1ckZ\x1e\x9b\xa9\xf8gV\x9a\x1f\x17xM\x84\x96j\x7f\xd5\xeaV\xeayOf\xc6\xe3\x9cf\xbfr\xbfb\x9f\xda{@\xfd\xaa&gt;\t\xd9\xf8\xe7M\x1e^\xa3j\xa2\xdfZ\xb1f\xf9\xed\xe7P\x03\x03\xed\x9c\xfeU\xf5\x9c;\x8c\xbf5\t|\x8f+3\xa5z*h\xf6Kv\r\x8e?\xdd\xab\x082G\xeb_O#\xc1\x08\x1b\xcb\x91\xa3)\xfe\xb3\xee\xd4\x8e\x9eY\xcer\x7f\x95GP\x1aUs\xf7\xa8\xa4\x07D\xe0\x93\xe5\x13\x9ez\xd4m\x08\xdb\xb7oN\x95\xc2\xb7\x01A\xfe\x16=j\xad\xc42\x06fF\xfa\xe2\xae;\x81\x04\xa6C\x16\xd9\xd9V,fI\x18\xe0*\xf7\'\xda\xbf\x15\xbfn\xdf\x1fx#\xf6\xb0\xfd\xb0u\xbf\x1d\\\xdey\x9e\x1f\xf0\x8d\xc7\x92\xab\xfc.b]\x85\xbf\xef\xa1\x8a\xf23\xca\x8a8^U\xdc\xf62zm\xd6r&gt;&amp;\xf8\xab\xa9\xde\xf8\x93Z\xbb\xf1\x86\xac\xca.\xae\xe4sg\xa6\xb3\r\xcb\x10\x1f)&gt;\x9c\x8a\xc3\xfd\x98\x7fgO\x11\xf8\xeb\xc6W^&lt;\xf1\x83a\xa6b\xb0\xc7\x17"5\x1d\x06k\xe3\xeaU\xf6t\x19\xf4\xb8|?\xb7\xc5\xab\x9fjx#\xe0\x8c\x1760\x83\xa7\xc1\xb6\'T\x929?\x89q\xd7\xadw\xb0~\xce^\x12\xd6/\x16\xd0\xe8\xb0H\xf1\x8d\xcb\xe9\x9f\xf0\xaf\x9d\xa9VM\x9fqO\t\x18\xc5]\x1ee\xf1\xa3\xf6\x08\x83\xc52\xc9\xa9h6\x8bgs"\xb6\xd6A\x85\x93\xda\xbe9\xf8\xb1\xfb.\xfcO\xf8\x1d\xaf\xa5\xef\xd8$\xb5\xf3d&amp;8\xf6\x93\x0c\xff\x00\x8fc\xf55\xdd\x83\xc6r\xcb\x96G\x83\x9be\xbas\xc0\xe9\xbe\nx\xa2\xdf\xe1\xac\xdf\xf0\xb1|;\xa3:,\r\xb3\xc4:\x1b.\x1a&amp;&lt;y\xd1~c&lt;\x9e\x05}\xd1\xff\x00\x04\xb6\xfd\xa2`\xf0w\xedK\xa6\xddx\'\xc4\xc6\x7f\x0cx\xf1Z\xd7S\xd3\xe4\xcf\xee\xae\xc7\nq\x8e\x0e\xe75\xf4Y]_g\x98Bk\xa9\xf3\x18\xaajXW\x06~\xbeEn\xb1\x1d\xbb\xbf\x88\xed\xabI\x07\xcb\xb87Z\xfd\x1aG\xc7\x8a as\x19\xdd\xc6\xea\x92H\xf1.\n\xd4\x00\x9eR\x9e\xadE.`:B\x8c\xb2nc\xc9&lt;Sd\x8c\xe7\x07\xf3\xae\x15\xd0\x08g\x00\xf5\xe7?\xa5W\x92\x07\x1f*\x9a\xb8\x81\xe1?\xf0Q/\x8d7\x1f\x02\x7fd\x9f\x15\xf8\xa2\xce\xe0\xc3y{f\xd6\x16s/T\xf3T\xa9 \xf6=1_\x86^\x1d\xf1\x85\x87\x80\xbe\x1d\xf8\xb3\xe2_\x8f\xf5O.\xc6i0\xb0\xc9\xf2\xfd\xa2F\x19#\x9e\xb99\'\xde\xbes&lt;\x94\xa5R0G\xd1e1\xe5\xa7\xcc|\xe9\xf0\x9b\xc3\xbf\x11\xbfk\x1f\x8b\xf7\x97\x9e\x0c\x8ah\xf4\xf9\xa4\x02{\xeev\xc7\x08=\x17\xd0W\xdf_\x0f&gt;\x14\xe9\x7f\x0e\xb4\x18|)\xe1\x9b3 \x86%\x13\xcf\xbb\x99$\xc7\'\xdf5\xf28\xf7kA\x1fa\x92\xd3\xbbuY\xe8&gt;\x10\xf0\x7f\x88\x8b\xad\xd4\xd6r4hy_\xe1&gt;\xd5\xeb:\x16\x976\x87l\xba\x9c\xd6\xeb\xf6\x89~XQ{q\xdf\xd3\xe9^\\\xa9\xb8\xcbS\xea\xbd\xa2kFe\x89\xeeu\xcb\xd9\xac.\xee\x19dI1\xcc\x98\\\xe7\x90+[\xc5\x9f\xb3v\x93\xf1;\xc2?\xd9\x1e%\xd1\x96\xea\xdd\x86B\xe3%\x0f\xf7\x81\xf5\xaez\x94\xe5\x19s \xa8\xe9\xca\x0e2&gt;=\xf8\xa7\xfb\x1bx\x97\xe1\'\xc4\x1b\xaf\x0f\xea\xf1\xfd\xabI\xbe\xb62\xe9z\x82\xc2w\xc8\x9c\xfe\xed\xfdH\x00\x9a\xe0\xbe\x11\xf8\xc3\xc3\xff\x00\xb3\x8f\xc4}\'\xc6:1fM\x1f\\\x8e\xeahw\xe0\x1f)\xc1#\xd8\x9f\xd6\xbd\xec\xab\x11\xed*E\xf9\xa3\xe1\xf3,?\xb2\x93\xf3?\xa0\x1f\x86&gt;7\xd2\xbe&amp;x\x0fE\xf8\x89\xa1O\xba\xd3Y\xd3a\xb9\x8f\xd8\x94\x1b\x87\xe0I\x15\xd2\x18\xdd\xd1J\x9c\xd7\xeb\\\xdc\xd0L\xfc\xfe\xa2\xe5\xa8\xd0H\xb2\x01\x9c\xf4\xebRL2\xeb!nqRf\x06"y\tE\x1a\x81\xd12e\xf8\xfc}\xaa\x19\xd1\x87C^|d\xf4L\x08_\n\xc0\x1f\x94\xd4m\xf3\x06\x1b\xb9\xad\x93\x04|\'\xff\x00\x05\xd9\xd7n\xb4\xbf\xd9\xa7\xc3\xf6\xb2\xdc\xed\xd3\xe4\xd6\xdamB2\x7f\xd6yN\xa5W?\x89\xaf\xc3?\xdag\xc7\xf7\xff\x00\x14\x07\xfc#\x82h\xff\x00\xb0\xd6=\xf2A\n\x80\xaa\xc3\x85\xce;\xe2\xbeo3NX\xbdO\xa2\xc0\xcb\xfd\x95#\xeao\xd8\xf3\xc1\xde\x18\xfd\x9c?d\xc9&lt;y\xe2\x14\x10\xcf\xa9`\xda\xc7\x04c\xcc\x96&lt;\x8d\xa8\xa3\xb9\'\x8f\xc6\xa9\xcb\xa5~\xdf_\x1a\x84\x9e!\xf0^\x81a\xe0\xbd\x06g\xff\x00D\x93RlJ\xd1\xf6\'+\xc1\xc7\xbd|\xdf-:\x95\x9c\xe4}teR\x86\x16\x14\xe1\xbb4\xbc5\xf0\xdf\xe3_\xc3\x9f\x13\xdb\xdc\xf8\xe3\xf6\xae\xb7\xb9\xbafV\x93O\x86a\xb1\xbaq\x8a\xfb[\xc0\xff\x00\x14|#\xadi\xfa?\x85\xc4\xeb5\xe5\xd3*4\xf2(\xf9\x9b\xda\xb8q\xdc\xbc\xbc\xc8\xf4\xb2\xd9V\x94\x9a\x93:\x7f\x8c_\xb2\xa5\xc4V_\xdb\xf6\x9e+\x8fI\x90\xabfK\x896\xa8\x07\xf8\x87\xa9\xaf\x06\xf0\xff\x00\xc1\x9f\xdb\x87\xc1\xba\xf4\xd2\xfc\x04\xf8\xd3\xa6\xebv212Z\xeaS\x07\x0c\xd9\xecHl~\x15\x8d\x19\xd3\x94m"qU+\xb7\xcd\x16t\xa7_\xf8\xc9\xf12K\xaf\xd9\xf7\xf6\xa4\xf0\x0bx_\xc4\xcfn\xcf\xe1\xbf\x11\xda\xa9k[\xb6\x00\x9d\xa1\x88\x18l\x03\xc0\x15\xf9\xc9\xf1\xb2\xda\xdc\xfcu\xff\x00\x84#Z\x98\xd9\xea\x1aF\xa2mu(I\xda\x97\xdb[\x04\x81\xd3w\x1f\xadm\x81\xa7\xec\xb1MG\xd4\xf3q\xf5=\xb6\x1e2g\xed\xbf\xfc\x11\xbb\xe2E\xf7\x8e\x7fd\xa8|\'\xa8\xca\xd2\xc9\xe1]C\xec\x91\xcc[9\x8eM\xd2\x01\xf8\x0c\x0f\xc2\xbe\xb7\xf2\xf02\xa4\xfd+\xf5|%Oi\x87\x83\xf2?:\xc5\xc5G\x11+\r\x11\xf9Gy\x19\xecjU\x81@\x18\xfb\xbe\x87\xb5o&amp;s\x0eX\x91F\t\xa2\xa7\x9f\xc8f\xfe\xdc\xe5\xc5D\xb8pT\xa7&gt;\xf5\xe7\x88bC\x1c\xf9\xde\xbf5U\xbd\x82HW*&gt;\xedo\x19]\xd8\x0f\x89?\xe0\xba_\r\xee\xbc{\xfb\x08k\x1e0\xb0\xf9\xa7\xf0\xc5\xdcs\xa5\xaa\x9f\x9ah\xd8\x93&amp;\x07Rp\xa3\xa5\x7f&lt;^+\xbd\xb8\xd5\x13K\xd3\xb4\xbb\x9d\xa9y\xa9\xc3\x1c\xe8\xab\xf3`\xf2G&gt;\x9d+\xc6\xcc\xd4}\xa3~G\xbd\x81\xe6\xf61\xf5?X|\x0f\xe1\xdf\x0bE\xe1=&lt;j\xd61Oo\xa2\xd8\xa1\xb3\xb7e\xf9w\xed\xeaE|\xe9\xf1\xa7\xe27\xed9\xe3]c\\\xd3\xbc%\xa75\xad\x9d\xad\xac\x8fcus H\xdd\x808H\xc0?\xccW\xc7\xe1e\x19T\xb4\x99\xf78\xa8\xca4S\x82\xe8|c\xa6i\xbf\xb4\x1f\xc4o\x19\xda[\xf8\xd3\xc4\xf7\t\xaaG\xa8\xf1$l\xd8\x85\x019\xcf\xad~\x94~\xc9~\x18\xf1.\xb7\xaa\xf8V\xc3\xc6\xb7\xed\xe7C"\xfd\x9c\xa1#\x80&gt;\xf7\xadNe\xc9\xcbh\x95\x90\xc6\xb3\x93s;/\xf8,v\xb3\xfbC\xeb&gt;\x03\xb5\xb3\xf0\x7f\x88.-\xf4\xad1R;\xc6\xb3b$\x95\x0f\x1b\xbe\x80\x03\x9cs_*\xff\x00\xc17\xbe\'\xfe\xd9\xd0x\xff\x00T\xd1!\xd0\x1a\xebC\xd3l\x9a\xe6\xce\xe2\xeaI\n\xcf\x82&gt;^\x1b;\xb9\xf6\x15\xc9\x81\x8d\x1a\x94_3/0u\xa9\xd6\x8a\x82\xba\xea~\x90|\x19\xf8\xd7q\xfbM\xfc\x16{\x9f\x1fi\x17\x16:\xb6\x93v\xaf\x1d\xb5\xf4\x1bn-\x99Y\x7f\x8b\x189\xf6=+\xf2;\xfe\n\x95\xa3\\Y~\xd5&gt; \xf1-\x9d\xcb,W\x17\x96\xac\x8a\xa7\x1f\xbc\x95\x9b{qO-\x9f\xfbsG.mN\xd8$\xd7s\xf5w\xfe\r\xbd\xf1F\xa7\xab\xfc\x0b\xf1\xbf\x875\x05m\xb6\x1a\xa5\xab$\xb2\x02\x0bf\x0c\xe7\x9f\xad~\x93F?v\xad\xb7\xa8\xaf\xd4\xf0v\xfa\xacR\xec~o\x8cN8\x87p\x96/\xdd\xf2G\xf8S\xe1B\xe8\x8c\x1b\xd8\xfb\xd7^\xd19Eb\xa1\xb0\xd1\xd1Qv\x07A\x10*\xec\xbf\xc3\xd6\xa1\xb8\x8c(i\xd3\xb2\xf7\xae\x08\xfc@B\x85\x9e!x\xab\xde\xa4\x95\xa3\x9a6\x1d\xcf\xadi\xf6\x90\x1f\x9d\x7f\xf0R\x7f\x8a\x97\x9a\x97\xed\xc9\xe1\x8f\x80\x9a\xc5\xf4\xc7\xc3z\x7f\x87\xce\xa5s\xa4\xac\xbbc\xbc\x95\x906\x1cta\x91\xfa\xd7\xe4\xaf\xed\xd1\xfb7\xf8\x7f\xe1\x07\xed7\r\xe7\x85 \xfb&gt;\x9d\xaf\xea\x0byof~\xe5\xb3\x122\xa9\xdb\xa9\'\x8a\xf8\xfc^2R\xcc\'\x06~\x8f\x1c\xbe1\xcah\xd4\x89\xf6\xe6\x89\xa7\xad\xe6\x8e\xb6\x91\xccc_\xb3\xa6\xe2?\xdd\x15\xe4\xff\x00\x15~\x1fx\x93U\xba\x9a#\xa9\\}\x9d\x9b\x07k\xe0W\x81\x1fvM\x9fON\x8ckRW9/\x87\xff\x00\x0c\xbc#\xa7k\xd2\xc5is\x1d\xd5\xdc+\xbeD\x8a?2E\xfcGC_H\xfc\x04\xf0\xc7\x8a,\xbc{\xa5\xf8\xa6m&amp;E\xb7\xda\x16\x18\xe4\xfe\x12x\xfe\xb5\x15\xb9\xa4\x9bea\xe3\x1a2\xd0\xfa\x8b\xe2\xef\xc2\xcbO\x12\xe81\xe8\x1e9\xd2#\x91\xa5\xb6yq2\x80\xa5H\xce7\x1e\x01\x15\xf3w\xc3\xdf\x86&gt;!\xf8c\xe3\t\xbf\xe1^ \xb3\xb5iN\xe8\xd1p\xa5s\xeb\xde\xbc\xbei\xd3\xd1\x1d0\xa7O\x10\xae}\x0f\xa5\xe8\xda\x96\xa7\xe0\xf9\xb5\xc6\x86\x14\xb8\xf2\xce\xef/\x03p\xc7z\xf8~\x1f\xd9\x1f\xe1\xdf\xedG\xff\x00\x05*\xd0|\x01\xf1J\xedc\xd1\xc4Q\xea7\x96\xfb\x86nE\xbe\x18\xa7\xd3\x9a\xdb\x079B\xbb~G\x99\x98SS\xa2\xa3\xe6}\xf5\xff\x00\x04\xe0\x7f\t\xf8?\xf6\x90\xf8\xbd\xf0g\xc3\x1a5\x8d\x8d\xae\x8b4\x0bb\x96p\x84o\'\xca]\xbb\xbf\xbd\xc1\x1c\xd7\xd9\xf1!1\x86#\xee\x8e+\xf5\x0c\x82\xb4\xabe\xb1\x93\xf4?9\xe2\\:\xc3\xe66J\xd7I\x8a\xca\xa6,\x93\xfe\xf5\x16h\x06S\x1d9\xafo\xa1\xf3\xe14h\xd2d\xe6\x8aZ\x01\xb9b\xe2F\xe7\xf2\xc5:\xf9\n\xe1\x00\xae\rU@!\x86\xdc\xc0\x9ff\xce\xed\xc7#\x8a\x8a\xe5\x1a\xddq\xb7\xe6\xfaV\x8b{\x01\xf9\xd1\xff\x00\x05\x98\xf8si\xe1\xef\xda\x0b\xe1\x87\xed\'%\xbc\x8bf\xd1\xc9\xa5k\x17\x11\xaf\x0b\x9f-S&gt;\xdfz\xbf:\xe4\xf0W\xfc7/\xc6)4\xaf\x14\xeb\x92X\xd9\xf8\x7fP\x90\xc5u\x1b|\xc8\xaa\xe7gq\xc1\x18\xef_\x01\x9bBT3)H\xfd\x7f\'\x94q\x99\r8v&gt;\x96\xd0\xedmlt\xe6\x82\xfas\x1c\x96\xf1\xac@\xb7\x1b\xb6\x9e\xbf\\W\x9e\xfe\xd0?\x15E\xfd\xd0\xf8g\xe0;\x18\xd7P\xb8\xb7S,\xed\x8d\xb0\xc7\x8f\xf5\x84\xf6\xe3\x9a\xe3\xdd\x9d\xd1\xab\xec\xe8\x9e_\xe1\x8f\x89\x1f\x0f\x7ff\xf8d\xbe}n9\xb5F$\\^m\x12\x12\xc7\x9c\x90{W\xb2\xfe\xc7\x1f\xb6\x0f\x81\xf5+\xfd\xfe!\xf1\x94\xfa\x85\xba\xdf\t\xa7\xbc\xbc\xb7\x10\xf9x \xe1T\x121UR?\xba\xd4\xe5\x85ni\xf2\xa3\xea\xdd;\xf6\xcc\xf8k\xafx\xd3R\xd0f\xf8\xf3\xa2\xeb\xda6\xb0\x98\xb1\xd1\xee\xadb\x8ak\x03\xcf\xca\xae2\xce\x0eG\'\x1d+\xcd\xb5/\x13\xea\x7f\x00&gt;7\xda\xff\x00\xc2D\xb2\\\xf8\x07\xc4\x13*[\xdf\xb1\xdf\xf6\t[\x9d\xae\xc7\xf8O\'9\xf4\xaf"\xa4}\xe3\xbf\x0b&gt;[\xa3\xe9\xbf\x14_\xf8b\x1f\x08\xc9&gt;\x96\xb1\xa2\xad\xb1m\xa9\x8c2\xe35\xf0\xaf\xc5\x184\x0f\x80\xff\x00\xb6\'\xc3\xef\x8f\xb2\xeb\xb25\xe7\x8a&amp;[%\xb6\xff\x00\x96pB\xc5C\xf3\x9e\xe1\xb9\xe3\xb5C\x97+m\x15\x86\xa3\xf5\x8a\xca2&gt;\xa8\xff\x00\x82W|8\xd75\xcf\xda\x8b\xe2\xe7\xed\x1c/\xa6\x97E\xd4.#\xb1\xb1\x92E\xe2S\xb1s\x8f\\\x15"\xbe\xf8DUM\xaa\x0f\xf8W\xe9\x9c5\tS\xca\xe3s\xf3n2\xa9\x1a\x99\xc4\xb9z$\xbe\xe1\x10~\xec\xae\xef\xcdi\xb0\'\x94\xc5\xb3\xf7\xba\xf1\xd2\xbe\x89\x1f(%\xc6&lt;\xcf\xbb\xfaQG4\x80\xd8\xb5\x8eHov\xb4]ySSK\x1c\x8f ,\xb5\xc1/\x8a\xe0G$w\x1b\xb7\xed\xfb\xb4M\x14\xb7V\x98\xf2\xf0\xc2\x9f7-\x98\x1ec\xfbL\xfe\xcd&gt;\x1f\xfd\xa6\xbe\x0cj\x9f\x08&lt;_\x14~]\xe2\xef\xb4\xbc\xef\x04\xc3;[\xd8g\xae+\xf2\xd3O\xff\x00\x82b\xfe\xd0\x7f\x06&gt;$\xdfxkK\xf0\x05\xe6\xa7\xa8\xdc\\\x1f\xb0\xdeA\xc7\x99\x1a\x83\x8er\x060\x07^k\xe7s\xbc\x1c\xab\xd4U }\x9f\r\xe6\xd1\xc3\xd1t\xaa;#\x97\x17\x9a\xce\xa7\xa2\xfd\xa3\xc4\x10\xc9o}\x0e\xa0\xd0\xea6\xac0c\x99\x7f\x80\xfe\x9f\x9d|\x81\xf1\x03J\xf1\x8a\xfcA\xf1G\xc4\xcf\x897z\x84~\x1d\xb6\xd4\xe5K\x8b}/\xfdp\x89X\xec\x1f\xee\x81\x9e\x95\xf3\xbe\xcd\xd2\xc48\xc8\xfaj\xd2u\xe8\xc5\xc3fzW\xec\xd7\xf0\xae\xdf\xf6\x91\xf0\xe4\xde\'\xf8/\xf0\xb6MSMe+\xfe\x94\xc0\xb9 \xe3\x90\xcd\x9c\xf1^\xd9\xe0\x1f\xd9+\xe3\x1d\xbe\xa7\x1c7\x7f\x03\xa7\xb7\xb3\xfbG\xd9\xf6\x88W\x0e\xfdv\xfc\xa7\xde\xba+\xd0\x93\xa7\xa1\xea`e\x81\xa2\xd7\xb4g\xb4j\xff\x00\xb1\xf6\x85c\xa7D|M\xfb&lt;\xdfY\xdeX\xee\x0b4Q\x9c\x13\xdf$\x1c\xf6\xaf\x9d\xfe1\xfc_\xf0\xfcO\x0e\x8f\xf0\x97\xe2_\xfc%6q_\xff\x00g\xeb\xde\x0b\xb8R\xd3\xda\xaf9`@\xe0\x02\xbdKf\xbc\xba\xb4%Op\xadR\x84\xef:.\xfa\x9fK\xfc\x1d\xd7\xfc]\xe2\xbf\x82~\x1f\xd2\xfc\xd9n\xb5)l~\xcd\x0e\xef\xbd0$\xed\x07\xdf\'mS\xd7\xbfa\x8f\x89\x7f\x13\xf5\x9d\'O_\x07\xbd\x8f\x884\xfb\x82\xadqz\x8e\xd3\xdb\x02FU:\xc7\x8e:\xf5\xae\\&gt;\x0e\xb6%\xfb\xab\xa9\x15\xb3*8\x19^N\xce\xc7\xe8\xa7\xec\xd5\xf0+J\xfd\x9f&gt;\x0c\xe9_\x0c\xf4\xf0\xa6Ku2\xdfL\x14fI\x98\x96$\xfe$\xd7v\x15Cm\xdb\xd2\xbfX\xc0\xd2T0\xb1\xa7\xd9\x1f\x91\xe68\x9f\xad\xe3\'W\xbbcU\x17\xcc\xc0\x8e\x91\xe2\x8dN\xf4\x1fZ\xec8FmF9\xa2\xab\x98\r\xa9\xc3G7\x98[\x9e\x944\xc7;\xb2z\xd7\nW@4\xc8\xe4\xf5\xe3\xf8\xa9\xc6P\x8a\xb1\xabu\xa3\xa0\rP\xdf1\'\xefv\xa8u{\xf9\xf4\xfb\xc8^\t\n\x86\x88\xae\xdf\xad\x11\x8cg+1\xc5\xb8\xb3\xf2S\xf6\xae\xf8[\xe2o\x03|a\xf8\x89c\xab[4e\xbcD\xda\xae\x9e\x8a\x84o\xb7uD\x07\xdf\xe6S_=\xe9~\x1e\xd3\xb5\rCU\xb5\xd6Q$\xb7\xd7#\n\xc3\x1d\x18gw\xe7\x9a\xf8\xcc\xe2\x9f\xb3\xc6\xb6\xba\x9f\xa8\xe4\xf3\xf6\x98\x18\\\xa1\xa4x+\xe2\x17\xec\xf9\xa8\xbe\xad\xf0c\xc6\x17\xda=\xbc\xff\x00;\xae\x9f&amp;\x15\xd8ve\x15\xf4\xa7\xc2?\xf8)_\xc5\xcf\x03\xe8\xf6\xb6:\xaf\x87[R\xba7\x02F\x97\xceX\xd6V\xe3\xefn\xfaT\xacB\x8c\x15\xcf\xa9\x8eU\x87\xcch\xaeV\x93=\x83Y\xfd\xac\xff\x00l\x9f\x8d\xb6\xc9\xa8xwZ\xd3\xf4k[\xc8\xe4\x87\xfb:\xd6/1\xb6\xbf\x1b\x8b\xab`\x11\xd8\x9a\xf2\xbf\x03~\xc6\x7f\x06\xbe\x01X\xebZ\xfe\x95\xe1\xfbV\xf1\x16\xb13]k\x9a\xb3\xc7\xf3\xcd#\x12H\xcf\xd4\xd7\x91\x9ab\x9c\xde\x86R\xc0a\xf2\xfaj\x94-~\xa7\xad~\xc8\xbe\x01\xbd\xf1\xb7\xc5\xbf\x0e\xf8\x7fN\xb0\xdbig!\xba\xb8\xda\xbf,1\xaeJ\xff\x00\xe3\xc2\xbfB\xb5\x8b\x89\xa4- o\xbe\xdcq\xda\xbe\x9b\x860\xff\x00\xec\xbc\xd2[\xb3\xf3~,\xc4_\x1c\xa3\x1e\x88\xae\x8b\xb9\x08\x1f\x9dW*\x04\x9b\x8a\xf55\xf5\xd0\xdc\xf9\x11cM\xd21\x07\x9ad\xe1C*\xa0\xc7\xb5_\xda\xb0\r0\xber\xbc~\x14S\x03V\xed\x87\xden\xe6\x99"\xb6\xc5\xc7C\\\xb1\xe6\x017\x10|\xb0~\xa6\x99ps\xb0\x93\xde\x8bv\x02kc\x897\xb0\xe0qT|NG\x9fmu\x8f\x97\xcc\x08\xd4\xa3\xf1\x8f\xa9\xf07\xfc\x15\xc7[\x9bB\xfd\xa4\xfc?%\x9a)\x12\xf8qV\xe9Y\x7f\xd6\xa9i\x06\r|e\xae\xf8r\xcd\xe2\x9b\xfb&amp;V\xf2\xdeM\xd0\x05\xfb\xd1g\xb7\xe1_\x1b\x9a~\xf2\xa4\x97c\xf4\xbc\x97\xdd\xc1\xc3\xcd\x11\xf8J][S\x94\xf8r\xf2Vi\xa2\xeeG\xde\x15\xeb^\t\xf8\x1c\xf7I\x1c\xb7\x96k33\x8f\xdd\x18\xc6\x7f\n\xf0\xaaT\x94b\x91\xf5\x14e*p\xba&gt;\x84\xf0\x8cV\xde\x13\xb0\xb7\xf0\xb6\x85\xa5\xac7RG\x896\xc6\x01A\xeaMq\xff\x00\x16n\x1a[\xd1\xa4\x0b\xb2\xd1\x06\x06\xe1\xb3\xf7\xdb\xd2\xbc\xc9\xc9\xd4\xa9ff\xe7)T\xe6\x91\xf47\xfc\x13J\xda#q\xe2\xab\xa6\xb5U\x92\x15H\x96B\xbf6\xdd\xc0\xff\x00Z\xfa\x8fP\x89\xd8l\xcd~\x9b\x92\xf2\xc7\x03\x06\x8f\xca\xb3\xf9JY\x9c\xeeV\x85\xd9ce=h\x18a\xf2\xfe5\xed-\xcf\x10l\n\xac\xfb\x9c\xd4n\xa5\xe7i\x01\xe9\xd2\xae?\x13\xb8\x06\xc6S\x80h\xa2\xf2\x03JU\x0cX\x03\xb8\x1e\xf5\x1a\x1cE\xb4\x9e\x07\x15\xcc\x04`\xee;\xc8\xefJ\x14n\xc6+F\x03\xdeM\xaf\x84\xf4\xa6j\xd6\xc6\xe3O\x8e5\x19+0n*&gt;\x11\xf5?6\x7f\xe0\xae:\xb0\xbb\xfd\xad\xe0\xd3\xcb\xe6;?\x0e\xc4&gt;\x87{\xf1_(k\xf7wZk\x9b\x9bB\xde[\'\xef1\xfc\'\xd4W\xc2\xe3\xaa[\x19#\xf5\x1c\xa6\x9d\xb2\xeao\xc8\xc1\xd3\xfe,G\xa0x\x855-f\xdd\xa1U\\,\xf1\xaf\xca\xdfZ\xf7\x1f\x87\xdf\xb4\xe7\x83\xad\x8d\xa6\xb1\xaa\xeb\xd0\xdb\xf9h\xad$*\xc4\xb3s^exsj\x8fb\x8e#\xdd\xe5g\xaf\xbf\xedG\xf0\xea\xfbJ\x9a\xf3\xc2r\x9b\xcdJ\xf0a\xa4\x0b\xc2/\xf7EC\xe0}\x03V\xf1m\xe3x\xc3\xc4v\xccTso\x0f\xf0\x8fs^MGi\x1ay\xb3\xe9\xcf\xf8\'20\xd4|m\x1b\'\x02\xe5v\xe7\xea\xb5\xf4\xc5\xccd\xbfJ\xfd#!\x97\xfc\'\xc1&gt;\xc7\xe5\x9cA\xff\x00#J\x9e\xa59\x10\x01\x85\x1f\xfdzc(G,\x07\xf0\xf5\xaf\xa0\x8d\xb7&lt;A\n(\x1b\x8a\xf3P\xf9#\x83\xbb\xbdR|\xba\x81&amp;\x00\xe3u\x14_\xc8w/6\x14\x10\xa7\x9e\xbf\xfdj\x8c\x82\x17n=\xf1\\\xe8C~^\xeb\x9f\xe9F\xfc\xbeH\xaa\xfb@\x1b\xc6y\x18\xf5\xaf\x08\xfd\xbd\xff\x00\xe0\xa4\xbf\xb3W\xfc\x13\x93\xe1\xa5\xaf\xc4/\xda\x0b\\\xb8\x07P\x9b\xca\xd2t{\x15-qv\xf8=0\x0e\xd5\xe0\x8d\xc4b\xa6\xa6\x91\xbb;\xb0\x189ckrG\xe6~v|Y\xfd\xaa\xfc?\xfb|x\x96?\xdaw\xc2~\x0c\xbe\xd0\xf4\xddb\xc5c\xb3\xd3\xb5G\x06`\x81\x89\xdex\x1d~\x95\xc5\xcf\xa4\x8b\x8b\xdf!T6\xd5\x1f)Z\xfc\xff\x00\x1d.lT\x9a\xee~\xa1\x83\xa3\xecpp\xa7\xd9\x13\xc9\xf0\x8fI\xf1\xa5\xe5\xbe\x8fwo\xb3\xcclnU\xe8+\xd2~\x1c\x7f\xc1:\xfc*\xfe.\xb1\xbd\xbe\xb8k\xdd&gt;^d\x8f\x0408\xf7\xaf&gt;\xbdIGDk\xee\xc7\xdeg\xbf/\xec\xbd\xf0\xd7\xc0*\xb6\xfa\x17\x87\x15\x1a?\xba\xcf\xdcV\xf5\xe6\x90\x96\x9aZ\xdbi\xd0*\xe1q\xe5\xfe\x15\xe5O}McS\x99#\xc7\xfci\xff\x00\x05?\x8b\xfe\t\x8b\xe2\x08\xb5\xcf\x1a\xfc\x1a\xbd\xf1\x1f\x835\xeb\xc0\x9e"\xd6\xb4\xb9\x94M\xa4\x1e0\xe5pK&amp;q\xd0W\xe8W\xc0?\xda\x0f\xe1W\xedE\xf0\x9bI\xf8\xd9\xf0c\xc4\xb1j\xde\x1f\xd6\xad\xd6k[\x98\xf8e\xc8\x04\xa3\x0e\xaa\xc3&lt;\x83\xcd~\x8b\xc3\xf5\xa9\xd4\xc0\xc6)\xea\x8f\x89\xe2\\\xaeq\x94\xb1Kg\xbf\x91\xd46Kn\xc7\x19\xfc\xa9$P\xcb\xc5}\x16\xc8\xf8\xd2\x02\xe5c\xde~np)\x01\xf59\xe7\xf2\xad#\xe6\x02\x18\xcb\x1d\xc2O\xd6\x8a\xa0.\xb2\x85f\x00\xfd\xe6\xe6\x94\x8f\xden?J\xe7\x02\x07c\x1b\x94s\x81LY\x15\x9bb\xb6s\xf7}\xebD\xba\x8e:\xbd\x0f%\xfd\xa3\xbfn\x8f\xd9s\xf6R\xb3\x9d~4\xfcY\xd3lu\x18\xed\xcc\xa9\xa0\xc3p\xaf}:\xe38X\xb2\t&amp;\xbf\x0c\x7fo\xcf\xda+E\xff\x00\x82\xa3~\xdf\x9e\x17\xd4\xb5\xfb{\xab\x7f\x05\xc1p\xb1h\xbaM\xd3\x15;\x17\xa8`z\x16a\xbb\x15\xe4\xe6\xd8\x98\xd1\xc3\xd9=Y\xfb\x7f\x02\xf0.:y\x1e/6\xab\x1fqA\xa5\xea\xda&gt;\x8e\xf0\xef\x85-S\xc3\xf6\xf6P\xc3\xf6x-~Kx`\x1b\x15\x14\x0e\x06\x07oj\x86{f\xb0\x9eK\xe9\x9dU\x9d\xb0\xad\xdb\xd8W\xc3\xf39\xdd\xb3\x9d\xc7\xd9\xe8nx/\xc6\x16Z^\xafk&gt;\xb3m\xfb\xb5\x99wL\xbf\xc2+\xee\x0f\x02\xc1\xa5h\xfa=\xae\xbf\x14\xbfh\xb3\x92\x05\x92\xdeH\xd7\x86\xcdcZ\xda3\x1a\x91r\x81/\x88\xf5y5\xbb\xa5\x99-\xf6\xafUQYwv\r\x14L\xe6?\xbc\xb9l\x9e\x95\xe5\xd4\xd5\xb6:K\x96\xc8\xf0o\x8a\x9f\x0e\xbc5\xf1J\xc3\xc5\xfaW\x8bth\xee\xb4u\xd2\xeec\xbb\x8e\xea0T\xed\x89\x98\x1c\x1fN\xa0\xfa\xd7\xc9\xff\x00\xf0H\x1f\xf8)\xcd\xb7\xfc\x13\xefK\xd5&gt;\r\xf8\xa3\xc3\xf7Z\xc7\x80o\xb5\xc9Z\xc7\xec\xf2\x96\x9bO\x1b\xbe\xf2\xae&gt;`r3\xc8\xe9^\xbeA\x8e\xfa\xae"\xd2z3\xf4~\x18\xe0\x89q\xb6[\x8c\xc2S^\xfa\x82k\xc9\xa7\x7f\xd0\xfdv\xfd\x95?\xe0\xa1?\xb2\xef\xed\x9d{\xa8h\x7f\x03\xbcy\xf6\x8dcKE{\xdd\x0e\xf9\x04WJ\x84\x0f\x9dS$\xb2\x8c\x81\x9fZ\xf6C0a\xf2\xb5~\x9fFQ\xab\x1ed\x7f8\xf1\x06G\x8c\xe1\xfc\xcaxLB\xb4\xa2\xec2B\xbePA\xd74\xe0H\x00c\x91[(\xf7&lt;1\xc1da\xbbj\xd1S\xcd\x10\x1e\xf3\xed/\xbb\xb9\xe0R\xcc\xec\x9bv\xb7\xde\x15&lt;\xa0s\x9f\x14\xbe*\xfc4\xf89\xe1I\xbcw\xf1c\xc6\xfao\x87\xf4\x9bX\x8b\\^jW\x01@\x03\xd0\x0f\x98\xfeU\xf9S\xfbw\xff\x00\xc1\xc4\xb7\x1a\xb4\x1a\x97\xc3\x7f\xd83D\xf2\xed\xd5^\x1b\xcf\x88\xda\xc2\xed\x8dGBm\xd7\x9d\xdf\xf0%\xa9\x95H\xd3\x8br?B\xe0\x9e\x11\xc4gX\xc8\xd5\xa9\x1f\xdd\xc7V\xcf\xca\x1b\x8f\x8a:\xa7\xc4O\x89w\xde\'\xf1?\x8e5\x0f\x12\xea\xd7\xa5\xe4\xbe\xd5\xb59\x0b\x19$&lt;\x9d\x99\xe1F{\x0cV\x8f\xfc$Z\xae\x83\xabi\xfe)\xd0g\xd9\xa8iwksh\xdf\xed\x0e\xdf\x915\xf0Y\xa6*U\xab7\xd0\xfe\xdb\xe1\xdc\x1e\x07\x11\xc1\xb5\xb0T\x17\xbbf\xbdO\xd2\x9f\x80\x7f\x14\xfc3\xf1\xbf\xe1}\x9f\xc4O\x0e\xb2\xe2x\xc2\xde\xda\x06\xf9\xad\xe6\x03\xe6B?_\xc6\xba-WC\x86hT\xbc!\xc6\xe0\xca\xbe\x95\xe5F\\\xa7\xf2\xc6a\x85\x9e\x17\x19:SVi\x99\xb1\xf82]Z\xe3\xc9\x8aO(H\xd8\xaf\xa9?g\x1d\x1b\xc5\xbao\x82\xe1\xf0\xbe\xbf\xe2\x06\xb9\xb7\xb6\xff\x00\x8f\x7f\x97\xa0\xf4\xe9Y\xe2%\xcddp\xb9(\xd3g\xa2\xcd\xe7G\x1a\xbcQm\xdb\xc1\xa7\xdc\xc2\xf3\xd9\xefu\xc6\xea\xf3\xa4\xf42\x8e\xe7\xcb\x1f\xf0R\xff\x00\x8d\xba\x7f\xec\xdb\xfb/k\xcd\xa7J\xab\xaf\xf8\xc6O\xec\xdd\x16\xdf\xf8\x9bq\x1ek}&lt;\xb2\xdc\xfbW\xe5&amp;\x93f\xba^\x9dk\xa6\x193\xe4"\xa37\xf7\x88\xeaiQ\xf7f\x8f\xeb_\x002\xf7O,\xc4\xe3d\xb7\xd1|\xb51~\x1f|r\xf1/\xc1\xbf\x8bRx\xef\xc1\xba\xd6\xad\xa2k\x967J\xf6:\xfe\x92\xd8\xd9\x8f\xe1e\xce\xd7\x1e\xa1\x81\xaf\xd6\x8f\xd8\xbb\xfe\x0e\x1d\xd1\xb5-:\xcb\xc2\xff\x00\xb6\x07\x86\xb7|\xab\x12\xf8\xd7A\xe66\xff\x00j\xe1\x1b\x1bO\xae\xd5\xaf\xd1\xb2|w\xeeT$~W\xe2W\x05\xd3\xe2j\xd5\xeb\xd2\x8d\xab)J\xcb\xba\xb9\xfaM\xf0\xb3\xe3\x0f\xc3\x0f\x8e\x9e\x15\xb7\xf1\xd7\xc2\x0f\x1c\xe9\xfe \xd2\xe7M\xd1]X\xcd\x93\x82;\xa9\xc1\x07\xf0\xae\xa1X:\x02\xc3\x06\xbe\xa22\xe6\x8a\xb1\xfc\x93\x98e\xb8\xac\xaf\x13*\x15\xe3i\'f\x89\xa2o\xdd\x8c\xd1A\xc2c\xf8\xdf\xc7\x1e\x0b\xf8y\xa2\xcd\xe2_\x1fx\x9e\xc3F\xb0\x85KIu\xa8\xdd$K\x80;\x06#q\xfaW\xe7\x97\xed\xbf\xff\x00\x07\r|\x15\xf8Wku\xe1\x0f\xd9n\xc2?\x13k\x8b\x94\xfe\xdc\xd4\x14\xad\xa5\xb3\x0e\xe1\x0e\xd6\x7f\xaa\x93\\\xd5\xabF\x9co\xd8\xfd\x1f\x81\xf8\x1f\x13\xc4X\xe8\xca\xa7\xbbMn\xdf_$~M~\xd0\x9f\xb6/\xed\x01\xfba\xf8\xd6O\x12|R\xf1N\xad\xe2\x8b\x96}\xd6\xf0]L\xc9ck\xed\x1a\x1c\x10\x07\xb95\xe5\xfe+\x93\xc3\xba-\xb7\xdb&gt;\'\xf8\xae96\x0c\xc3\xa4\xd9\xb7\xca=\xb03_=Z\xb5\\D\xec\xb6?\xaap\xb9~O\x91enM*P\x82\xd5=9\xed\xd8\xf3_\x11\xfe\xd1\x1arjV\xf6\xda\x07\x82\xe3\xb5\xb2\x85\xc1V+\xf3\x95\xcf5\xe8\x9aN\xa9e\xe2M\x1a-{J\x9b\xcc\x82\xe1{uV\xee\ry9\xa6\x0e\xa58)\xb2&lt;7\xe3\xbc\xbf\x88s&lt;F\x0b\x0f\x1eT\xb5\x8a\xfc\x0f@\xfd\x9b\xff\x00i\x1f\x17\xfe\xcd\xfe6:\xb6\x8e\x1a\xe3K\xbclj\x9a\\\x8d\xf2L?\xbc=\x1b\xdf\xda\xbfF\xbe\x07|Y\xf0\x07\xed\x07\xa1G\xacx#R\x8eF\xe0\xdc\xd8\xb1\xfd\xf4\x07\xd0\x8e\xa7\xeb\x8cW\xcf\xa9\\\xf0\xbcH\xe1\x99S\xac\xf1\xd4\xa3\xa3\xde\xdf\x99\xd3/\x84\xb5\xad#\xc4\xd0\xc5\x0c;\xa3/\xb8n\xaf\xa2\xbe\x1a\xdfk\x10\xd8\xaa\xc7\x1a\xaa\xa4c)SRW\x89\xf8\xddH\xaeC\xbb\xb1\x8ak\xe8&lt;\xf9\xa3\xc1~\xca8\xaek\xe2\xdf\xc5O\x03|\x10\xf0\x06\xa5\xf1/\xe2\xa7\x88c\xd2\xf4m*\xdd\xa4\x9ai\x1f\x05\xf0&gt;\xea\x8e\xec}\x05r\xf2\xf3J\xc7-\x18\xba\x95\xa3\x05\xd5\xd8\xfcb\xfd\xab\xff\x00ko\x17\xfe\xdb\x1f\x17\xdf\xe2\xae\xbbi&amp;\x9f\xa0\xe9\xea\xd6\xde\x11\xd1\x19\xbf\xe3\xde\xdc\x13\xfb\xd6\x1f\xdfl\x90O\x1cc\x8a\xf2\xaf\x15x\x82\xcf\xc2\xde\x1f\xba\xd7\xb5\x06\xfd\xdd\xbcD\xa8\xcf\xdflp\xa2\xb4\xc3\xd3\x95\\R\x8a\xea\x7fyp\xb6\x16\x97\x07xo\xedjh\xd4\x1c\x9f\xad\x8f9\xf0\x0f\xc6\x7f\x16A\x94\xbc\xd0-Z\xcd\x99\xa4\xda\xc9\xf3\xe0\x9c\xe39\xf7\xae\xbbN\xf1\xa7\xc2\xed~\x7f3\xcc\xb8\xd0o\x9d\xb9\x92/\xba\xcd\xeeq\x8a\xfbie\xf5\xa8S\x8c\x93?\x9f\xf8W\xc5,\x97:\xc5K\r^*3m\xdaL\xf5/\x80?\xb4\x1f\xedC\xfb0\xf8\x90x\xdf\xf6n\xf8\xb5\xb5\xb3\x99\xa0\x82\xe7\xe5\xb8\x1e\x8e\xbb\xb9\xcf\xb6+\xf4\x9b\xf6L\xff\x00\x83\x8bto"\xd7\xc2_\xb7\'\xc3k\x8d\x0e\xe8\xedO\xf8I\xb4X\x8c\x90\xb1\xff\x00m\x17s~&lt;\n\xf5r\xfcc\xf8\'\xa1\xe2\xf8\x89\xc08|\xea\x9f\xd606\x9c\xf7r\x8fS\xf4#\xe1\xdf\xed\x81\xfb/|P\xf0\xa5\xb7\x8c\xbc\x13\xf1\xe7\xc2\xf7\x1a}\xd0\xccRO\xaaE\x0b\x8fb\x8e\xc1\x81\xe7\xb8\xa2\xbd\xb5%%{\x9f\xcduxW6\xa5Q\xc1\xd2\x96\x9eG\xf3\x99\xfbB\xfe\xd9?\xb5\x8f\xed\xcd\xe2I5/\x8b?\x16.\r\x9b\xb6WL\x85\xd9m\x90{E\xf7A\xf7\xaf\x1f\xf1&lt;\xde\x0b\xf8\\\x8d&gt;\xa3\xa5\xddk\x17\x91\x82U\xae\\\x08\xd7\xe82k\xe7jU\xa9\x88\xb3G\xf6$p\x19o\x0c\xe0-(^0^\xea\x8e\x9f~\xc7\x9dx\x97\xf6\x84\xf1\xc7\x88\xc3\xd8h~N\x95f\xbf\xf2\xca\xd9p\xd8\xff\x00xb\xb8\t$\xbd\xd6\xb5&amp;\x96\xe6\xf6F\x97\x92e\x95\xb71\xae\xfc.\x1a4\xe2\x9fS\xf9\x9f\x8e\xf8\xfb6\xe2\x1cC\xa17\xcb\x08\xe8\x91n;\x15\xbb\x8e8n\xc8\xdd"\xfc\xac\xa38\xae\xb3\xe1\xef\x89n~\x1d\xdfyP\x16\xb8\xb0\x91\x95.-X\xe3\xe6?\xc4\xbe\x86\xab\x1d\x85\x86#\x0f(\xb3\xca\xf0\xef\x881\x1c?\xc5\x141\x14\xf5\xbbI\xae\xe9\x9e\xc9y\xa1X\xea6Q\xdf\xdb\x12\xab4{\xd48\xe4V\xd7\xc0\xcf\x8b\x9e2\xf8\r\xf1\x0e\xc7\xc6\x9e\x12\xd4\xe4\x8eKi\x94\xcd\n\xb9\x0b&lt;y\xe5\x18w\x04z\xd7\xe5X\xaej5Z?\xd0\xbc\xc3-\xc2\xe79O&lt;\x95\x95H\xde\xdf#\xf6\xb3\xc2gG\xf8\xa3\xf0g\xc3\x7f\x1at\xfb3n\xda\x9d\xaa\xbb\xc3*\x80U\xf1\xcfL\x8cd\x1a\xbf\xa5k\xb76\x864\x85\x7f\xd7H\x15\x8ezU}\x93\xf8\xdf4\xc2\xc7\x0b\x8e\xabC\xf9d\xd7\xdc\xec{\x95\x83i\x9e\x18\xf0w\xf6\xb6\xa5\x0c\x97\x1e\\\x1eg\x97\x1f\x19\xe3\xeb_\x8a\x7f\xf0T\x1f\xda\xb7\xc7\x1f\xb5g\xc7\x1b\x8f\x87z\x84\xf2\xe9\xfe\x13\xf0\xed\xd7\xee\xf4d~.$\x1f\xc5&amp;8#\xaf\x074s(\xc5\xb3\xdc\xf0\xe3!\xa7\x9eqU\x1aU_\xba\x9d\xcf\x06\x18\x8c,j\xb8\xec=\xab\x83\xf1\xc5\xa8\xf8\x89\xe3\x11\xe0\x89\xeed\x86\xd7O\x8cL\xca?\xe5\xac\x9dy\xe7\xa7\x15\xeap\xdd\x08\xd6\xc7&amp;\xfa\x1f\xd2~?g\x152?\x0f\xe7B\x8a\xf8\xed\x1f\x96\x86\x06\xad\xa5\xa7\x86uY\xac\xd0,\xb0\xb0U]\xddG\x14\xb6\xde\x16\x8a\xfa\xdeV2+y3\x04\xda\xe3\x83\x9cs\xfa\xd7\xe9\x91\xa7\xcc\xec\x7f\x9b\xd4\xebT\xa7.h\xbb2\xc46w~\x1e\xb8x\xf4\xeb\xf9\xa0x\xa4\xc1{yJ\xe7\xf2\xabP\xfct\xf1^\x8eZ\xd6WK\xe8C\xecx\xef#\r\x9f\xe7\\u\xf0\x14\xa5\xefu?S\xe1\x1f\x13\xb3\xcc\x97\x97\x0f\x17\xcd\x17\xdfR\xe4\x1f\x1b\xf4(\xdaH\x8f\x82\x1a\xdd\x96L2\xd8\xdf\x18\xa3c\x81\xf3m\x0b\xd6\x8a\xe3\xe5\xc4GE#\xf6\xfa|[\x94\xd7\xa6\xaaO\x0e\xee\xf5{\x7f\x99\xff\xd9'</t>
        </is>
      </c>
      <c r="M457" s="3" t="n">
        <v>45492.67625</v>
      </c>
    </row>
    <row r="458">
      <c r="A458" t="n">
        <v>1116590</v>
      </c>
      <c r="B458" t="n">
        <v>3209</v>
      </c>
      <c r="C458" t="inlineStr">
        <is>
          <t>Baltasar Barcia</t>
        </is>
      </c>
      <c r="D458" t="inlineStr">
        <is>
          <t>B. Barcia</t>
        </is>
      </c>
      <c r="E458" t="inlineStr">
        <is>
          <t>MC</t>
        </is>
      </c>
      <c r="F458" t="inlineStr">
        <is>
          <t>MC</t>
        </is>
      </c>
      <c r="G458" t="inlineStr">
        <is>
          <t>MC/MD/LD</t>
        </is>
      </c>
      <c r="H458" t="n">
        <v>177</v>
      </c>
      <c r="I458" t="n">
        <v>30</v>
      </c>
      <c r="J458" s="2" t="n">
        <v>36940</v>
      </c>
      <c r="K458" t="inlineStr">
        <is>
          <t>Right</t>
        </is>
      </c>
      <c r="L4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6e0d93-0f27-4be8-823a-e76f7f248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dc\x88P\x00\x00\x03\x00PLTE\xff\xff\xff\x1c\x1b\x16\x18\x17\x11\x15\x15\x0f \x1f\x1a\x16\x16\x11\x1a\x1a\x14\xff\xff\xfe\x1e\x1e\x18\x18\x18\x14\x19\x13\r#"\x1c\x1c\x17\x12\x1d\x1c\x17$\x1b\x10\x8fc7\xfd\xfd\xfd&amp;\x1e\x15\xac|O\x9doC\xa2uH\x8b`5\x1f\x19\x12\x98mI\x93f:\x97j&gt;\xaa}S\x15\x12\r\x9coI\x1b\x16\r\xa5xJ\xa2sD\x9esK{S/\xad\x7fU\xae\x7fQ!\x1c\x15\x9fsE\xb4\x87`\xb1\x84^\x9fq@\xa4xO~U*\xa7vI\xa8yH\xa9yL\x1f\x18\r\xa8zP\xb7\x8be\x9ck?\xae\x81X\x99mC\x86Z/\x96iE\xaa~X\xa5sG\xa1uN+"\x18\xab{K\xb1\x84XuP.\xa8{M\xae\x82\\\x82W+\x12\x10\n\x16\x11\n\xb5\x86ZJ2\x1c\x97h6\xa1pG\x90e?\x8c`&lt;O7\x1f\x94h?\'%!\x8a\\*\xfa\xfa\xf8\xa9{U\x99e=1$\x16\xa0nB\x9en&lt;\x87[&gt;\x9am=\xa5wFC/\x1a\x7fW3\x89\\1\x8b_/|R%W;\x1e\x92dE\xb1\x82SwP(\x81Y0\\=\x1e\xe9\xb4\x05aA!jG \xf2\xec\xe6\xa4uD\x1f\x1c\x12\xdc\xa8\x04\xa6yT,\x1f\x11\x86]4kI*\x94e4\x9ak9\xed\xb6\x05dB\x1bdI.\x91jGR&lt;%\x94`9\xe1\xab\x04\x8ad@\xd5\x9d\x03pJ \xf3\xf1\xf0D4%\xbd\x8eg;*\x19\x86_:\x91c1vN"\xe5\xb0\x044*\x1efE%\x85Y6\xab\x7f\\oO0Z&gt;%kQ8\x85X$\x7f[8\xba\x88_\xf1\xb9\x04\xd4\xa6\x05&gt;0"\xa3r@\x0e\x0b\x06xX8pM)\x9cjD30,tT8\xce\x96\x02\xf7\xf5\xf4WB,\x8f]7\xc8\xc7\xc6\x83cD\x82W&lt;\x8f`.\x8f`C\x99sQ\xbc\x93n`B*\xb1{T\xa0vU\xa6tPL&lt;,\xf5\xbf\x07x[@\xe7\xe5\xe3\x82U3C)\x11\xdb\xa2\x04\xd5\xd4\xd3\xadtN9\'\x11}R7\xa0oN\x8dmO\xc5\xa0\x82\xce\xa0\x06\xa7\x87eN3\x11B&gt;8nH3\\G0\x86M?|M1\xbc\xba\xb7\xcd\xcc\xcb\xc3\xc2\xbf\xf8\xc3\x08\xb4\x8cb\xed\xeb\xeaU:\x10\xdd\xb0\x06uqm\xb4\x7fY\xb8\x9a\x81\xc3\x92n`J7MIC\xc5\x8d\x03\xb0\x88e\xcd\xb5\x90D3\x0f\xeb\xe1\xd8[3"\xb2\x90mzF7\xb3\xb0\xad_]ZVRMjA/\xa0~X\xde\xdb\xd9\x99dNmhaj&lt;&amp;\xad\x85\t\x88i\x08\x8eTD\xc3\x9bx\xa4~]\xa1\x9c\x97\xd1\xc1\xaf\xf0\xbe\x05\xab\xa7\xa3\x8a\x87\x83\xd6\xc0\x9e\xc6\x9a\x06\xbb\x94\x08\xbe\xa6\x86\x92\x8e\x89uG)hTB\x80|wT*\x17y_\r\xc5\xb4\xa1\xa9\x8et~bLZG\x12\x9av\x08nS\x0c\xe0\xd0\xc2\xc5\x9c\x15\x97xa\xca\xaeQ\x88vc\xcc\xb8|\x98|\x13\xd8\xcb\xc5i_R\xc6\xa2(\xe2\xbb*\xe2\xc1Z\xe9\xd1\x8b\xbf\x9f;\xf4\xe3\xb5\xb5J\x03G\x00\x00 \x00IDATx\xda\xc4\x97\xdfO\x13k\x1e\xc6=\xe5\x9c\xed\xe6u2\xed\x0b\xdb\xa1\xa5\x8e\xfcpt\xa5\xc8`9\xddSg5\xdb\x0e=\x0b=\xda8\xf8\xa3\xd4\xa2-\x81\xec\xe4\xb4\x1csJ7\rt\x8b\xa4\xb8Z\xd9\xa4\xdb\x12\x88\xd5f\xad\x1e\xd2\xc0\x051!1H\x02fM\xb8\x80xC\x90H\xbc\xd2\x04o\x88\xde\x9c?\xc0\xbb}\x86=\x7fB\xc1\xc9L\xd3I\x9b\xf43\xcf\xf3|\x9f\xf7\xed\xa1C\x158\xf4\xfaCz\xdf\xc8\xfc\x8b\xcd\x95\x11\x9f\x1e7_\xfe\x00\x85\xd1h\x1c\x99[y\xffv1\x99^|\xbb\xb3\xfd\xe5\xc9\xf4{P#\xdb\xcb\x1f\xb6\x92\x8a$\x9d\x97\x04\x8e.\xaen\xce\xf9\xbe,\x97\xd172\xf7\xf0\xfd\xeaz\x9a\xe5X\x81\xa5\x94\n\xaa\xc8\xaa\xe9\xad\x1d\x80\x1d\xd2\x7f!\xa5|s\x9b\x9f\xb6\x16\xa7$\x95\xe1x\x99\xe8\x18U\xe5\x00FUAJo\xed\xae\x8c\x18\xf5\xc6\x83wSo\x1cY~}\x98\x10\x8e\xc8r\x15\xb1Z\xadD\xc73\x8c(\xaa\xaa P\x96g\xa6V\x97\xe7\xe7F|\xc6\x83\x05\xd3\x1b\xb7?M\xe9x+!\xee\x9c\x9b\xf0\x0cq\xbb\xad:\x9e\xe8\xac\xb2\xdb\xcaI\x94\x15y\xe6\xfc\xe2\xfa\xdb\x0f\xcb#\xfa\x83\x84\x9a\xdbY\xff\x9a\x01\x05\x01\x97\xcc\xebtV`\xe1\x92e\xe2\xb6\x12z\x98j\xaa1D\xa0\xe9\xd5\xf9\x03\xcb\xbf\xde\xf7\xf0\xf5W\x84\xf0&lt;\x18t\x0c\xc3\x11w\x95;\x07\x1fs\xb9*]\x0e\xe21\x84\xa8\x82(\xf22\'\x12\xdd\xd6C\x9f\xfe`\xb2~\x7fy\xf1wD\x14)%\xc4J\x80\xc5UYu\xee\x9cl\x85`\x90\xcd\xca09\xc8&amp;s\x1co\xb5r\xbc\xb8\xb8y_\x7f\x00P\xc6\x97\xbbS\x0cO\xe0\x92\x8a\x9c\xc33\x1dc\xb52:\xa2\x134+s9`\xe15\'S\xca1\xbc\xca\xf2\xdc\xd4\xce\xfes\x19}\xf3\xab\x94WyQ\xe6U\x06b\x01\xa5\xea\x1b\xb7f\xe5\xef9\xc8\x06 \x80\x82\xce\xcd\xab\x02N\x81%&lt;\xb7\xf8\xc2\xb8\xdf\\s\xbb\x8b,b\xc3\t2\xe1s\xe0\xe2\x18\x19\xf5\xa0\xfbJ \x8c\xc01\xdf\xc0L\xb8X\xa5\xcdgNF\xfcD\xadd\x0fo\xcd\xef/\x96o\xfe\xf5y\xd4\x13/\n\x9c\x1bB1\x02\x03\x99\xa8\x00+u\xc0\x12\x18\xa4\xcb\xaa\xd3!\xf2\xbc[\xd6\xca\x83\x08\x82\xc8q\xac\xf4y~\x1fs\xaf\xd7o\x7fFEY\x19\x88\x85\x9f\xe48\x86\x13(\x87\x9b*m\xfe8\r\x0b|_\x0b\x1c\xc1 \x10^%2\x8fq\xe4\xc1\xc5n=\xdc7\x1fQ\xec\x9f\xa8(\x13UT9\x1e\xe5\x0e\xa5\x04A\xd3\x8b \xe1{3)\xf30\x94\xc1\x04\x80\x0b\x8a\xf2\xbcv\xafY)\xb0\xeb\xcb\xfb\xc5\xa5\xf7\xbdO\xb3\xc0\x12(\x9c\xd9s\x88R\x06\x14\x0c\n\x0b\x8b\x10\x83iD\xcf\x13\x19FZ\x91&lt;\x01X\x04\xf4(\x0b\x9e\x8a\xec\xfa&gt;\xe9\xa57\xae,r\xec\x9e)*L\x84:H\x15\xd1\x81\x07f\xa90\x94\xf9\xed V\xed;\x1c\x151\x84$\x87\xd5\x88\x10Vd#\x9f\xb7\xf7\x85K?\xb7J\x11\x157\x0f\x079\xc8\x84l\xc1AAk\t\xc4\x8b\x95$JY\x96\x95(\xb8D\x15\xef\xb0.r \xc6*Ix\x0c/\xab|\xd8\x8f\xf5Q\x7f\x7f\x17+0\x91\xdd\x02"M%\xc8\x81\x81\xd3\x16 \xbc@\xb7\x88\x92J\xa7\x94HDbEN\xd4\xf8X\x8a\x19\xc0\xe7\xe8{`Q\x91\x13\xd2;\x95\x1fG\xbdosJ@\xe0\xad9\x04\x8a9\x8f\xdf\xa4\xcc\x1e\x10\xc7\x89h\x80\x94\xdf\xe3\x8d{\xbd\x1e\x7fJ#\x03\x16\x95\xd2T\xc0\x94\xaa\xc8 \xe1\xa9\xc4\xb2\xaa\xb8\xbem\xac8\xd6\xfc\x96\x14\x91DY\xb62\xda\x93\xc3H-\xe1TQ\x9e\xa6\xfc~O\xef\xf8\xe0\xf8\xa0v&gt;\xf1\xfa=~\x88\xa6\xa4\x95\xb4\xb6?dY"\x13\x19\xa5\xcaJ*{~\xd3Xq\x0b\xdf\xa7%IbQ\x0b\x08:r\xad\x13#\x8a\xa4\xf8\xfb\xc6\x07\xcfM\x0e\x87\x1c\x0e\x9b-4999\xde\xdf\xdb\xdb\xd7\xd7\xeb\xf1&gt;\x89\xdf\xf5\xfa#T`YN\xf3\x91@=\xca\xaa\x1f*\xbe8\xbe\\\xc5\xe3S\t\xdb;\x18\x83Jg\xfdw\xefz{\x07\x1d&amp;\x93\xc9\xe12\x99\x02\x0e[\xd8f\xb3\xf54\x8e\xf7\x8fO\x9ek\x0c\x87\xc3=\xe7\xeexS\xa9tD\xc4\x08`;\x01_E\xf1\xf5\\\xc5\xb1\xde*\xc8\x0c\x15\x04\x15\xb5E\x95T|\xb0\xf1\xdcd\xa3\xc9\xf0\xc0`0\x81-\xe0\n\x18\x0c\xe6k&amp;Sh\xa0\xd1\x16\xb5\\\xb1X\xcc\x06Cc\x7f\xef]O*\x82%\x14S\x0b\x1f\xf9\xa9\x15}\xa5\xdb\xe1\xb5\xc4\xaa\xaa\x08\xa2d*\x1e\xbbs\xe7\\O8j2\x98\xcd\x06M)W\xd8\xe10\x19\x0cv\xbb\xd9b\xb0\x99\r\xe6\x9a\x9a\x9a\xe35\x16\x83\xa9\'49\xd0\xef}\xaa\xb0\x9c\xc8\xf3\x94\x8at\xc7Wa\xb5\xb6\xf1\xaf\x0b\xe5#\xa5\xcbk\xb1|O\xcf\xed\x9e\xaeN\x03\x84\n\x04\x02\x0e\x9c\xc0\n\x18~\xb2\x9f&lt;y\xeax\xd8l6\xdbkNB.\xf8k\n7N\xf6\xdf\xed\xf5+\xd8\x07\xb1\x92\xc8\xeeV:\\+I\xad.\x95l\xe1\xc9\xf3\x89\xdb=\xa3\xa3Q`\x99L\xae\xa0\xcb\xe5rhG\xc0d\xbex\xb3\xfbo\xa7N\x02\xf6\xa2\xfd\x8a\xc5l6\x85!`\xd4\x15\x9c\x9c\x1c\xe8\xf3("\x9e\x89\xa5\xab\x95mT\xbdoG\x91\xa8\x18I\x16b\x99\xfc\xe5\xcb\x97\x13\xa3\xe1h8\x1a\r\x87B\xc1F$\xdd\xe5\x02\x81\xe5\xa6\xbd\xfe\xea\xbfoj\xa1\x82\xb5\x86\x07\xd1\xa8&amp;W\xc0\x15\xdcs\xd2\xaf`\x05`\xdfV\x1a\xeb\x03U(\x9b*\xacMgf\xaf?J$nc\xd64\xaa\xd0\x18\xae\xa0+j0[\xae\\\xea\xbe\xf4\xbd\xd9p\xcb\xe0\x08\xda\\A\x1b\xbe\x10\xd6\xe64l\x0b\x85\x86\xc7\xfbz\xbd\nB\xbf\x0fX(\xea\xec\xd2Z&amp;S\x1c\x1a\xba\xde9\x1a\xbd\xbd\'V(d\xb3\x05\x83\xd0+`\xfe\xc9\xac\x8d\x1f\xdc\xb4\r\x03d\xcc\xa6}\x06\xb5P\x1d\xc1\xb1\x01\xf4Y\xaa\xf2XF\xdf.\x92E\xb3\x9aX\xc0\x1a\x1a\xea\xba\x1d\x8e:\xd0T\xc8:\x90\x02.W\xe0?f\x0b\xb4\x02\x84\xcbe\xfb?j\xd8\x16\xc5=j\xcd\x16\x1a\x80\\\x1e,\x8c\x15\xcf\xd6.E\xc9\'\xd7f3\xd3\xc5\xda\xda\xda\xa1\xae\x9e\xc6\xb0\x16\x1e\x83\xf9\xef\xb8\xb44\xdd\xbab\xbf\xf9=0\x1c.\x08\xa6\x99\xe72E\xb5!\xfd\r\xab\xbf\xd7\x13a\xc5\x8a\x9b\xb8+)\x8a\x92]\xca\xe4g\x8b\xa5R\xedu\r\xab\x0b97\xdb\xbb\xed\x17\xedx\xe9\xbe\xd4\xddmGq\xa1\xb9\x0cf\xbc\xab\xd1\x1aM\xeb\x8fk\xc0\xb2\r\x0f\xf4\xf7\x01\x8b\xdd\xaa4\xd6{%\x9dN\'aaq\xa8\x04\xb1\xbazz\xf6\xb4\xb28[\x9c\xdd\xdd\x7fu:\xaf\x9er\x82\xca\xee&lt;\xf5\xe7\x96\x8b\xb7\x9c\xf6\xee\x16\xa7\xd3\x02\xec\x07Z\xd9\xba\\c\x08\xbd\'B\xd9\xc5\x97\x95\xcd\x96q\'\x9d\xce&amp;\xe3\xb3\x0b\xc5\x85\x85\x99R\xe7hWWW\xe7\x0f\x16\xcb\xf1\xfa\x96\x16g\xbd\xd3\xd9\xd2\xf2K\xc7\x8d\xfaK\xdd\xf6\xab\xd5\xd57\xaa\x9duMM\xed\'N\xd4\xd5\\D\xd3\x074\xb5\xc6 \x97\x17j-\xbe\xac\xf0\xbf\xd6\x17\xd9t\xb6\\\x98-.\xbcy\xf3\xa6\xf4\xe8Q\'\xdc\xaa9\xfe\x87\xe6\xa3\xad\xce\xfa\xfaS\xc7\x9a\xaao\xfc\xab\xa3\xb5\xa5\xb5\xba\xb5\xfa\xc6\xd9\xd3\xda\xf1\xf8\xf1\xe3\xd3\xedmg,\x86kH[\x10X\xe3^%Ri\xb5\xb0\xdd*g\xb3\xe5\xcc\xaf\x0b\xef\x9e\xbd+%F;G\xf3\xf9bqv\xb6\x98\x9f(&amp;\x86\x1aZ\x7fi\xad\xee8[\xdd\xd4\xd1\xd1t\xac\xa3\xe3\xc4\xe9\x7f\xfc\xf7\xf4\xc6\xc6\xc6\xb3wo\x9a\x8f\x18\xaeA.\xcc\xe5\xd8\x80\'\xa5\xb0[\x95\xc7J&amp;\x0b\xd3\x0b\xcf6^\xcd\x94\x12\x89b!\x99Lf\xb3I8\x9b\xcd\xc6c\x13\x89o\xdb@\xd5\xdeq\xe2lS]s\xa9\xb4\xf0\xeb\xc7\xb5\xb5\x8f\xb82\x99\xe9\xe90\x8a\xde\x15\xb0\rce\xacto\x1d2B\xadd\xa68\xf3j\xe3\x19\xa8\xf2\xf1l\x1a\xbb/\x01\xbb\x15IB\xe6\n\x99\x89o\xdbZ\x8f\xb55u\xd45$f3\x85\x94\x826\xc1\x95\x06|\xf9n\xc8\x16\xb4]\xbb\x10\xfc\xd9\xf3\x94\xfdT\xe1\xa5\xda\xf80\t\x0f\x87~|\xf5\xc7\x1fkG3\xf1d\xb9\x9c\xc5")\xed\x1d\xe9d\xbc\x10\x1b=\xd2|\xb4\xb9\xb9\xeeL"\x1f+d\xa5\xbd\xff\x18 \x83\x96\x18\x94\xc1\xa0\xeb\xc2\x85\xe0\x807\x15\xa94\x96~9\x9b,O\xd7~\xf7\x97\xeff\xaeO\xc42\xb3\x1f3\x99\x8f\x99\xa5\xa5\xa5B\xa1\x9c\xf4{\xe3\xf1\'\xf9\x1f\x1a\x8e\xd6\xd5\xb5\x1d\x19\xcd\xc7\x96\x92\x9aH\x85x|\r6\xae\x15\xca\x9e\xde\xc9`\xf0\xde\xbd\xe1\xdeT\xa4\xd2\xbbf\xe3\x8bd2&gt;\xdd\xd0\xdc\xdc\\;:]|\xb7\xf1f\xa6T*\r%\x8a\xb3\xd3\x99Ll)\x16\x83Z\r\xcd\xed\xed\xed\r\x89\xfc\xf3\xe71$\n\x930\xb4P\xc2\xdc\x96\x16\xa6\xe3?\x8f\x8d\xdd\xbb\x10\xdc\x07,\xfdJ\xb9\\\x98hhh8\xf3\xa7\x89\xd2\xc6\xc6?g\xde\x95\x1aJC\xe0\x9a\x9e~\x0e\xa8;\xf9\xda\xb6\xff\xb1j\xbe\xafi\xe4y\x1cg\xe1 \xd0\x07M\xaa\xe6F\xdd!\xeb\x98\xab\xc6XW\x8d\x19\xb5\xad5\x8bq\x1c\xddl&amp;:m,\xc9\xe4\xb6d[\xb05\xd2D\t[\xcc\x0f\x88?b\x84\xa6f64R5\x89\x1a\x1a\x0b\xa96\xec\xd2\xacw\x0f\xae`\xed\xb1\xb4\xe5\x0eJ{&gt;H\xda\x07\x07K\x8at\xfb\xa0\x84B\xf7\xd9}f\xe1\xfe\x83\xf9\x8e\xf8\xc0\'\xf3\x9a\xf7\xe7\xc7\xf7\xfd\xf9\x8eR\xa9T\xde\xa3\x9a]\xba\x9bZ\x8d\xc5R\x1c\xd6\xd4z\xd4hT\xa1\xb2\xe9\xf9\xf9\xf9\x91\xc4\xc8\xe8\xfd\xab|\xdb@\xa8\xc4\xad\xb5\x14A\xa0\x06\xa4\xf0\xcb/\xd1\x1f\x0f\x0e\xd6\xffPjqo-\x18\x0fB-\xa2\xf2\xb3R\xb9\xa2G55\x9d\xf2O\xae\x05\x9d`\xac\x17\xefN\x1d\x14P\x04=y\xbe\xb5\x0f\xb0\xe6\xa1\x14_\xf3&lt;\xc0\xb6\xbd\xdc[\xdb\xb3\xb0\'\x85.s!j\xf4E\x0bwc\xab\x8bO\xf6\xf6\xa0\r\x04gf\x86\x831G\x8f\x9c \xb4j\xc2\xb1\xb4\xb2\x19\x1c\xbe\xcf\xf9\xfdTj55\x8d\xe3\xa8A\x18\x98KpX\xfd\xf7\xff\xcd\xbb\x97\x7f\xbb\xb6\xe6w\x9d\x14\xa2&gt;\xa3\xd1x\xb0\xfe0\xf5`\xf1&amp;w\xca\x00\xeda\xe6*@\xcc\x8a\x84\x14\xec\xd8\x12\x12\xb3\xc0\xb4\x03\xdb:\xb0.\xde\xb9\x1b\xb38$\x12C`"\x91H\xcc\xc7\x833\xbc\xcf\xaf\xdb\xbf\xaf\xed\xc5$]z\xd4\xa8\x8c\x1a\xd7\xfd\x8bo\xfb\x87N\xff\xe9\xab\xcf\x7f\xf8a\xeb\xeaq\xc0\xda\xf4R\xe2tHO\x85"\xde\x144\x82\xe3\xc7\xbf:v\xeb\xeb\xd33\x93)K\xb7\xcb \xec\xe2\xb0F.9\x87\xff\xc6;\xd6\x7f\xd6\xd6\x16\\z\x89\x19\xc42\xcf\xc6\x82\xc7O?\xd9\xfa\xf3\xe7\xb7\xfe\xf2\xcf\xb7C\xc7\xae\x0e;\x01\x8b\n\x81\\!/\xb6\xe2\x1c\xfar\xe6\xe6\xb1\xcfn}\xfd\xd9\x89\x13\xc3\x93X;\xccA\x13\x03P\x89\x8f\xfa\xd7\xfe\xce\xfb\xf8\xfa\x11\xb0\xc4z\x91\xd4j5\xca\x96\x16\xe2\x93\x9b{[\xd0/g\xb6\xb6f\xee\xcf8\xe3\x93\xd3Z\x02\xb8X\xf1\xb7+\x96\xf8\xbd\xa1\x99\x9b\xdc\xd9\xc3\x89\xad\xa1/\x87\xe2\x11\x98\xd3\xec\t\xc0\xfai\xf8\xf7m\xbe\x8f\xdcn\xbf\xde\x03\xb5\xdc"\xa9Ri\x94A\xed#SwV\'7a\x05\xfb\x87A\xacTAi\xa2\xd2!*\xd4\xfbW\xefj\xdc\xd9\xdf\x0f\xbf\x06\xf7\x16\x17\x83\xc3\xce\x95VI\x97}` 1\xf2h\xf8#\xcfv\xeb\xc6\xe5\x1b\xef\x9e\x04\xfd\x1cV\x8f\xcf,\x83\xf22\x9bQ\xc7l\x04\xe3\x8eh\x86\x9d\xf1\x18\xa2\xecaC\xe9\x8b\xc0\xd5\x8d\xc5\xe2\xce`|\xd3oYB}2\xd7\xec\xd2\x12y\xbe\xcb\x9e\x1dH$\x1e=\xfdx\x83\xc7\x03\xc1\x96\xb6g\x8f\x8f&gt;\xbe\xdf\x0c\xfa%]\x84J\x85\xa2\xf84\xce\x90\xd7"^\x8b\x7f|\x14\x84\x19\x9d\x8c\xd1VE\x11\x92\xeb"\xa7\x17f\x89m:\x9d\xa3\xfe%\xc6gD\xc1.\xa6)a\x97g\xee\xffXmm|\xbd\xffl{\xf9`\x1d\x89aK\xa3\x16\xbd\x840\xcbT(\xcc\x18(\x82\xcfb+~\xffx&lt;\xbe`\xc9\x90&gt;\xc5 Nq+\x14\xa2\xaea\x98\xc5\xbf0~i&lt;\x16!9\x13+\xe6\xfc\xfe\x1c\xc8u\xe9\xe9\xc7\x97\x9f\xde\xbd\xb9\xcc\xcf\x1b\xb3\x96o~{^5V\x8a\xbe\x05\x0b%6\x98!\x84\x063*\x93\xa1.2\xc2\xdd\x7f\x05#q\xd4jEC\xb0\x00+\x1d\x12\x97J\x91\x92\xd7k\xb1`\x11\x12\'D"\x89\xf8\xbc^\x92\x85\xe4\xba\xfe4v\xc7R*\xfd\xc6\x8f\xe7j\xbb\xfc\xbe\x99\xd9\x0f\xcbuK^\x89\xd8 \x93!\xb8A\x86\xca\x0c\x061\x19)a\x16\x8bw\x16\x12-jvq\x89\xe5fC\xbd\xe9P:\x92\x0e\x85\xd2\xe9\xd25\x17\xb4,p\xd5B\xa1\xf0\x0f\xac\xef~\x9a\x1f)\x85\xaa/\xde\xf1\xb2\x03\xb5m\xdfm\xd2\xfb\xe1b\x12i\x17\xbbd*\xb3\x8c[\x84P"\x16\xb7F0\x0c+9\x10\xd4g-\x12,\xe56\xed\xec\xb8A2I:-a\xa9P\xa9\x1bg\xf5zQ\xc79\x91\x88\xa0\xe6\x00k\xfezv\x02r\xef\xf0\xe8\x1f|a1\n\x82\xea\x91J\x0c\x06\xce\'h\xcd\xe6"AH$lk\x04\xf4\xc2H\x99U\x19\xf5iwv\x80\n\xb8(\x8ae\xd3\xadzV\xe2rQb7\xa1\xd6h4\x02\xb5~"\x9b\x1d\x18\x19\xb1\xbb\x93;T\xf5_/y\t\xe2\xf6\xfbfN!\x90+\x05z!!WJ\xa5*\xed`Qd\xd2K\xd2$\xc9\xc9\x05\xf9n\xadT\x8a\x1c\xd3N-o\xd2\x87\xd2,\xb0\xe9YBOQ\x84F\xd0)\x80\x8f\xc9\xceE\xb17\xab\xd9MR?7&gt;\xf1\x92\\\xb7\x8f\x9a\xaf\xeaa\xb3\x17\xd5\xbb;t\xba\x9e\xc1A\xb9\xbc(\xfa\xc2-\xe9\r9\xa0\xeaJ$\xeaC\x1c\x95\xc1A\xa0\xca\'\x93\x10\xc6\xde4\xa1\xa6X\xa2h"L0\xa3\x8d\x8duj4j\x0f\xd7\xb8\x12YM8I\x95\x1a\x9f\xdaxi[\xaf\x9f\x17\xa2\xe9\xc3&amp;\xe6\xd6k7\xc2\n\xabRn\x93\x83\x85a\t\xa1\xeb\x1a\x04\x11\x8b0\x0cb\x84\xb1\xb0\x96\xaf\xd5\xeb\xf9\x1d6\xdd\x1br\xb9\x88\xa26/\x10\xd4@\xaa\xb11\x8d\xe9\xcc\xa9\x00\xb7-.\'\xebI\xea\xb0\xf1\x86\x1f\xac7/\x0e\xe8F\xa3\x89\xe9\xf5\x1a\xdd\x86N\xa1P\x86m=\xf2\x0e\xb5\x89\x12\x97\xbc\x98e\x01C\x8a\xca\x8d\xdd\xdd\xfdZ-\xb9\x0fX&amp;6\x14\xa9FX"\x9f\xaf\xe5m\xc9Z\x9e\x93\xeb\xd4)O ;\xd0\x9bN\xd6\xc3\xb5\xeaC~\xd4j\xd9~_\xa9&gt;\x7f\xde\xf0\t\xdd\x1a\xc5\x06\xb7\xc2I[M\xde\xa9\xa1\xd2%\x0btzZ\x077\xb3Z\xf3y\x0e\x04"\x99/R\xd5C\x92-BH\x93\xe1p89\xd6\xa96]\xf1\xd8\xe7\xfa\x0e\x1b\xb0\x0b\xd4J\x99g\xfc\xf4\xd3\xdbG\xb9j\xb3Y\xadw\xb0j\xb9n\x1ft\xd9\x08\xdbjcZ!`\x1d\xfa\x1b\xe3\x85\xdd\x8d\x02M\xe3h\xa5b\xaa0\x912\x0e\\\xf4a\x89$j\xc9\xa4-\\\xaf\x87\xc7\x04g\x96=\x9e\x89\xec@\xebH\xb5:bJ?\xb8\xcc\xd3q\xcd\xaft\xa9y\xaf\xbc\xaf\xb5\x8b\x04\x8a\xf0\xfe\xee~8\xa9\xd5\n\xa0\xd2\x00\xeb\xa1\xdf\xbf\xae\xa0\xfb\xaf\xf6\xa7p\x84q\xd0\xab\xfd\xc7\xef[\x8a\x04Y:\xc4\x1c\x835-`\x81\xb2g\x05\x17\x96!\x86\x03c\xf6\xc3F\x83\xbdx\xc4\xd7h\xfd\x89\x9e\x1a\xbd\xd7\xf0u\x04L\x02\x9bn\x7f\xbf\xae;\xab\x15\x08L\x84[\x1c\xa9\x96\xcb\xd5L\xee\x85\xf3E\x86a\x98L5S~\xb8\xd9\xdf,3,R\xaa\x92h^\x9b\x0c\xd7\x936\xdb\xd8\x99+\x17&lt;\xd9Dw\xb2\xb3\xd1\xbc\xce\xf6&gt;\xe6k\xce\xd8&gt;\x8a\xe6\xe0As\xc2+\x9aN\xc5\x86N\xa7\x94k\xa5Z\x11A\xe0$\x99\x03\x9aL9\xc3\xe4h\xf8\xa6\x99L\xb9\xfa\xa2Q\xc5}J\xbcZv\x14\xe5\xb6\xa4\r:\xc4\x95\xe5\xe5\xae@\xb6\xbb;l\xbbt\xef\xd0}\xf1\x1dO\xee\xa6\xe5\xf6\xe3J=\x99\xbe&gt;\xee\xb8pNjS\x0eJ\xb96\x8f\xa2,\xcb2\x0e\x1cA\xa6\xa6\x18\x9a\xcee\xca\xab\x99\xe9\xa9\x1cM\xdf\xa1_!\xe0("e\x9a\x90KmZ\xbd\xfa\x8c;\x10\xb0Od\xbf\xeb\x0b\x0b\x1f5\xd3z\xc7\x07\xbe&lt;W\xdb\x87u\xe5n\xd2\xf0m\xab\xa9C~\xd6lV\xc9\x10\x07\x8e\xe3.\x96\xc3A\x90W\x0c\xfd0V\x06\xad\xb8k\x8a\xce\xc1U\x19\xb4\x92\x98\xd7EHmc\x84iy\xd9317\x91\xb8\xde\xde:_\xa2wB?\xde\xe0k\xceh\xb9\xf1xg?\\s\xb4\x9b\xce\xc9\xa5\x06\x99T\xe5"\x11\x99\x81tAb\xd38\x93\x03\xa5\xe0\xc2\x11:S\xa5\x11\x06\x078\x84\xb1\xe2\x96\x95\x08\xae\x86}\xc7\x13\xf0\x04z\xfb\xe6\xfa\xe6\xb1K\xa5|^\x1fz\xc7\x9bC\x05\x7fZ\xaf\'M\xed\xad\x1a\x91Vd\xd0\xaad\x06\xd4\x81\xca\\\xe0\xb7,\x99\x1c3\x85\xe4h2\x87\xa3\x08\x88G"\xe6\xc1\x02]\xce!\xa8\x03\xb3`.\xf5\x17nw\xc0\x1e\x08\xf4^\x1c\xe8\xfb\xbe\x1b\xd5\xd5\x05\xe9\xe23\xfe\xfe8\xd5\xf2\xcd\x87z\x8dm\x17k:\xa4\'\xcdR\xb3\x0c\xb5\xaa\x10\x9c\xc6b\xb1\x0c\x83\x14\n\x85J\x85e*\x15\x04t\xc3+0GV\x18\x9atD\xbc\xde\x92\xa1S\xadw{&amp;&amp;\xec\x13\x01\xc0\x92@\xb7P\x87~\xe5\xf3\x18\xa2\xe5\xf6\x7f{X\x87\xa3C*\x15\xaa\xccZ\xadT\xd9\x03jX&amp;\x17\xe8B\x94[\xbe\\\x84A\x99W\xc0\xf5*\xaaP\xd6\x8add\xb6\x8cy\xbd\xaeN\x01\xc8e\x9f\xf3\\\x013\xff\xbd\x046\x01\xb5\xe2\x19\x8f\x13lKK\xdb\xe5\xddA\xb3C \xed\x10\xa9\xb4Z\xb9\xbcGk\x98\xc50\x7fl\xfa`C\x17-0\xe5\xff\xf1n~?i\xaci\x1c\xef\x1dw\xc58\x10~d\x02\x03\x04\x98A\xba\xe2\xc0 \x11\xc4\x1cA\x84\xd0I\xab\x838\x8a@\x10\x12\x04\x8c?6\x84n\x0f\x98U\xe4\x94M\x96\xd5\xc6\xd4M\xeb\xb1\xa4\x9et\xb3\xc9\xb6j8\xb1\xf6\xc6\xf4\xc2\xdd\x8d\xc6\xea\x05\x8d9\x89m\xbc01\xdblj71\xcd\xd9\xbb\xcd\xee3\xf4d\xff\x02\xc7\'\x81\xcc\xe5\'\xdf\xe7\x99\xf7\xfd&gt;\xef\xfb\xcc\xd6\xeb\xa3\xad\xad\x7fl\xd5\xebGOB\xebk\xeb\x94\xa7\xf7\x89#\x18\x14w4\xb7p\xb5\x05[O\x86\xcd\x81Ol\xff\xcb\xe9\x95\x1e\x8e\x00\xd7\xc1\xfe3\x9fZ-2\x13jp\\r\x8c\xc0\xf2\xf3\xf3\x8fW\x8b\x1f6\x96\xb6\xaa\xb0c\xa6Ko\xbfF}\xeb\xf5\\\x08\xa3\xf2\x0e\xc7\x1c\x05\xdbN\xa5\xe2\xae$\xdc\xee\x02kh\xeeh\xa17\xaf\xfa$\t\xf4\xfa\xe4T\xeb\xd4f\x8c$[I5J\xf9\xca\xa5\xd2\xd6\xc2\xf3\xfat\xa9\xf4\xb6^_=\xac\xf5?\xae\xd56\xea\xd5\x7f\xbe}[M\xf7K$\xaa\xb4\x8a\xea\x86$\xc2~X\x81\x8d\xda/\xbc\xffW\xdd\xfb\x83+\x1f\x14\x14@\xdd\x83\xab\x91C\x0e\xf5:=m\x16\x96\']ccc\xbf\xfd[\xed\xcb\xc6\xc5\xbb\xfd\xb3\xfd\xf7\x9bgg\xbb\x1f.\xb6J\xd5?\xbb\xde.=IW\xd3\xben0\x0f\x1cV\xa5\xe0f\xa5\xba\xfb\x9b\x07&lt;\xcc\xb3\x08\x04\xf1\xa7\xban\xb9H!\xb7\x9b\xec\x849\x9fNW\x07~\xf5\xcd\x9d\xcf\xe7\xbb\xe7\xe7\xe7g\xfb\x10gg\xfb\xe7\xfb\xb5\xda\x97\xe5;7\xef\xdcy\xe1]DGF:Z\xfa\x98J\xa22\xee\x96\x1d\xee_\xc6\x9bn\xf0\x11\xb77\xed\xdd#\x08*\xb7\xeb\xec\x04U\x9e\x05\xb3506\xb6\xfc\xe5\xe7\x0b\xc0\xfa\xf7{\xa0\x02\xb8\xb3\xf3\xf3\x8b\x9f\x7f\xff\x87on\x8ey\xcb-\xf6\x91\xf6\xbb\x9cX\t\xbco\xff\xd1m\x9eF\xa5\xc0\xa7\xda\xed#\x9dP]v\x9d\xaeU\xe2\t\xcd\xa9\xea\xd0\xec\xbfr=\xdf\xf8|\xf8\xfe\xe9\xe1\xee\xf9\xfen\xedb\xe3b\xe3\xd5\xb7w\x06\xa6]\xa5r\xbb\xc6\xc8\x8c\xe3\x15\xe0\xc2\x15\x97M\xfc\r\x96\x1d\xe8\xec#F\x9f\xb4\xd3n\xd2\xd9\xc95\xb47\x18\x84u\xa1^\xdd\xda\xaa&gt;\xfer\xb1\xb1Q\xbb\xb8\xf8\xfcy\xb9\xc4\xbd\x93K\x0b\xe9\xd9|\x8b\x06w\xbb\xfb8\x03\xe1\xde\x89\xf38\x1e\x18\xdf\xd4h\x9aE2\xa5\xba\x9b$I5!\xe9\xa7\xa8\xfe\xed\xed\xed\xa3\xfaQ#\xb6\xb7O\x80\xb2^\xff\xa9\xfe\x92\n\xa9\x1c\x9e[\xcd\x0c`\xe1\xb8\x92\xc9\x9c\xf39\x1cx\xfbT\xa3\xd1\xb4\xdcU\x8a\xd4\xa4\xdaN\xca\x89l?\xf6\xe1\xf8\xe4\xf8\xf8\x04\xd8NN\xb8\x7f`&lt;:\xfa\xe9\xf5\xc3\x87\xd4\\\ni\xc1\xc7\x99q\xa6\x0fg2\xcc)\x8f3\x9e\xb0\xa6\xea5\xcd\n-\xa2T(\xe4@\x86\xe5\xcb\x92g\x1f\x9e\xad7\xb8\x80\xea\xe4\xe4x\xed\x18\xb8\x9e\xf4\xf6\xa0\x94G\xa6PJe\xe3\x99\xf1&gt;\xbcP \x0e\xf8\x1c\xf1l\x8a\xef(n%d\xb2\xbb"m\')\x97\xfb\xe6\xb2S\x92\xe2\xde3\x0ee\xbb!\xd6\xc9q\xe8\xe4$\x84\xf6\xac=\xec\xf5\xf5(\x98\x8c4\xe3\x1e\x87\xf6B|x\x8fG\xaa\x1b\x82\xf8\x0e\xa3\xc4\xa5B\x19\xc2(H\xb9\x02\xf5H$\x9e\xa4\xaex\xfc\xf2\xe8\xe5\xf7\xc7\xb0S\x9f|\x7f\xbc\xb6\xben\xeb\xe9\x11!\xbf\xfe\xa3H\x91\xc9d\n\xe0\xb6\xdc\x05\xe9)\xaf\xf3\xd6\x82\xb8\xc9\xcd\x8cK\xc5b\x1fc\x96\xdb;QJBQ\xebI\x1a\rq\x93$\xe0\x1fB\x92$\xbd\x96\xa4\xb5\xb2\x9e\x1eD\x86\xf8\x06W\xc4l\xa1P\x10\xb2\xb58\xbfc\xba\xf1\xa7Lc\xa8G*\xf3)H\xc0\x82.,\xc4\x1d\r\x86\xe6\xa0\xd1\x80&amp;\x88ZS7\xabi-\xd3\xd6\x83\xe0\xc2\xae.\x96e\x0b\xac\xd8"\xfe\xc4\xefP\xb3 \xbe\x89\xb1B\x08\xa9L\xaa\x05\x1b\x01\r\x86\xc7#A\x01\xaf\x17\x9cs\x7f\x7f\xc8\xb6F\x93\xad=H[\x9bH\xf9\x0b\x16\xcbZ\xc2\x92\x03\x9eG\xf9\xe3\x9b:\xe1\xe0W.D!\x87^\x03\x95H\x9ea\xdc\xdfz\x88\x92\xd8\x92\xe4\xba\xadU$\x931m\xca@\x9f0b\x11\xaf\xb0]\x86\xa1\xdc\x05\xcf\x93\xe9\xa0\xd6SZ&lt;8(\x16J\xcd\x88\x88P\xb7\xa2\x80\x04\x99\x94H\xb0uJ\x82\xdah\xeb\x1a\xa1P\xb6\xc9dx\x87\x82a-\xacx\xb0k\x06\xe2\xfc6\xffX&amp;t0\x12\xb1H\xcd2D$W\x136\x1b\xf4:\x9cf(j\x93\xa0\x18M\xaa[\x94J\x84I\x18\xb5R\x96\x15\xb2\x86\x99\\.g8m\xe2\x1d\xeb\xf0\xbe\\\x18\x0eG\xc4\x80e\x93\xab\x9dN+mC\xd1$\xe6\xa1P\x1b\x81\xda\xd4\xa4\x02Q\x8a\xb4\xb8\xd1\x88\x88\xd9A\xd6\xc2M@\x8c\xfa.\x9bn\xf0\x8c\xf5\x1eZ}*\x12V\xa5|f-!\x97;wL{EN2O/\x85\xa2\x12ZM\x8a\xf0\xf6v\xa52\x80\xafX\x06YH\xe1\xe8\xc4\xe8\x0c\xbfK|\x03k\xd7d2\x11bC8\x9c\x12\xcaDr\xab\x1e\xc2Y\xb4\x12(5\x05\xf5e\xb3:I\x85R\xd4b4\x06\x84]\x06\x8b\xc5\x00T\x13\xb9\x07V\xbe\xb1\x9a\xe2\xbb{:\x13iN\x85\xc3*\xc8\xa3\r\x93\xac\xae\xbe\xb3Z\xa1\xee=\xd9&lt;\xac\x14\x98\x8dF\x98\x1eD\x11@\xc4\x91\xf0\xd0\xccLnbbbf\xc5\x1e\xbf\xc1\xbbZ\x87:\x9d\x9e\xf0\xa5\xc2\x8b\xaaT\xaf\xd9\xe3\xc9\x967$\xabSS@U\xces\xf7f\x14\x86\xfa(\x91Y\x9c2\x84s9\xd0jt\xc8\xefw\xf2\x8d\x05jqg\xa7\x04\xe6\x89\x84\xc3\xc1Hoova\xe1\xf9B\xb9\x9c\xcd\x06\xcb\xe5\x85|v*[\x9e\x9a\xca\xf7\nS\x06C\x98K\xe0\xc4\xc4\x90\x9f}P\xbb\x06\xb58\xac"aN\x19T\xaa`$\xef)Or\xb1\xb00?\xbf\xb4\xb4\xc4]\x9a\xc3\x83C\xe5X\\\xcc5\xa8r\x06\xbf\xbf\xabv\rj\xed\xe9\x9c\xdc\x05\xac/\x15T\xa9T\x86|~rzz\xda\xbb&lt;Y-MV\x97\'\'K\x93\xa5\xea\xe4"P\x8d\xfe\x9f\xca\xdf\xf5\xee\x1a\xd4\xe2^\xbc\xa2\xb3\xd5\xecKE\x80K\xe5HW\x87]\x03.\xaf\x97\xbbo\xf5\xba\xbc\xcb\xd3\xa5\xe1hz\x94\xa3\x1a\x1d\xcd\r\xb1++\xac\xe5\xc35\xa8\x05TI+I\xa0\xc0\x15\xe4\x04s\xcc\xcf\x96\x00g\xe0\xc5@\x03\x0c\x1eK1\x0e\x89\xfb\ru\xf9\x0b\x99\x8c\xff:jkOO\xdbh\x9a\xc0\x10\xb3\'\x15t@,6\xee`\x07\xbe\xe5\xb0\\.\x97w8\x06@\xb3\x9cVa\x8b\xbfPp_\x03\x16\xa8u\xb8\xe7L\xd2\x98\x04\xc3P\xb3g\xaeA\x95\x8e\x95\xbc\x03\x8d\x80\\\x0e\x0fG\x01\x0b\xa4\xca\xe5\xc2\x91\xc1\x82\x1b\\\xe0u\xa8\xb5y\xb8\xe3t\x16\x93\xdc\xfd+&amp;\xc9\xceqI\x9cO\xc7\xa2\xc3\xd1a\x88(\xf7mA\x8c\x8b\xd1E\xa0\x8a\x88\xdd\xb8\xbb\xc0\xfa\xf7\xf8\xc6\x02\xbf\xb5\xb7\xa7\xd7\xd3\\\x161\x1b\xac\xed\xf9 ,\x06\xb3\xb1\xd9\xd9Xl6\x16\x85\x88\x01Vtb4\xac\n\x1bR\x06q\x1b\xee^\xb9\x06,P\x0b\xa8\xf4V\x1b\x9d\xc4l6\xccf6{\x82\x1c\xd6W\x8d\xa2Q\xeeC\x8c(HeHY")K\x17t"\x19\x96\xf5\xf3\xed\xe4\x1bj\xe9\xf5E=\x9d\x04\xac\xa4\x9535\x9e\xd4\x9c#\x16-5\xb2\xd8\x90+\xadJ\x89\xb9\t\x7fp\xb0Zh\xa7\xa1\xb6\xde\x1d\xf0\xfc%sS|\xd3\xa4\xb7\xd2zg\xd2FaI\xba\x08\\P\xfaY\xc7/\t\x84d.F\x84\x0c\x82\xc88[\xcd\xe0\t\xbc\x8fqgX\xe19\xf7\xc5&lt;_\t\xbc!\x10\xdc\xbb\x84U\x9e33\xd6$\xb8\x85d\x91$\x93\x04a\xe3\x0e\xbba\xc3\x99w\xa8Ry\x8fY\x9bH(\x19)P%\x8c\x01\x1c\x87\x9a\xf7\xfb-\xe5\xda\xa7\x03^\xc0\x04M\x82\xdb\x07\x9fj\xef\xc0@\x98\x00\xab\x98L\x12IX\xed\xf5Nk\xab\x9c[[\xc5\xf9r\xb0\x17\xac\xa1H\xd1\xa9\xd0"\xb2Lf\xbc\x12\x08(\xf1&gt;\xeex\x92\x1dz\xf3\xe3\xbf\x1e\x9f&gt;\xe2#}\xf7./\xca\x13\xa3\xab;\x8d\xad\x1aVz\xdaZ\xb4Z\x9dz=7\x01\xab\x10!&gt;\x9f\xd9,\xba\xd5\xa9\x19\xd14\xdf\xeaicdn&lt;\x11\xa8T\x94}Lf\x85\x9b9}\xe3\xf5\xce\x7f\xba\xfa\xfe\xe7\xd1\xe5a\xf8\xcd\x8fo\x82\x98\x13\xc4\x82\xbd\xbahuB\xc1[\xe1Q\xa7\x87\xae_\xa4EZ\x14\xf2\xe6N\x8d\xbd\xbb\xdb\xaeioc\xfa\xfapc\x87\xd1X\xc1\xc73\xac\xff\xc1L.\xe6\xf5z\xbf\xe3\xb8\xae\xf4\xf8\xfb`75[\x9d\x9cLgm\x80ejx\x08:\t\xaf\xa3\x13\x1eI\xbbZ\xa1\xd5\x8an\x81P\x9d\xdd\xbf\xeb\xb6\x8ft(\xef"8\xae\x0c\x18;\x02\x8d#f\x16\xb0r\xb3\xae\x17\xae\xa5\xb3{W\xf9\r\xbf\xe0O5\xc7w\x1f?\xbe*\xcdS\x84\x15\xb0Lz\xd2\nZ\xd1\x90I\'\xa9&amp;\xd5\xad\x84H\xa44vh\xd4j\xd0\xaa\xb9\xc3\xa8lD"\x10H(\xfb@-\xb6+\x97\x9b\tG_\xdc\x1c\xcb\xff\xe7\xbfWW\xf8\x82\xa6\xd3\xcf\x1f\xff\xfe\xc3o\\\xd1\xff\xb1r\xf5\xb1M\x9cw\xb8w\xbe;\xdf\xc99\x08\xb6)\xb1M\xed\x10\xc7\x89\x1d\xdb8\xd8,\xce\xec\x1dt&amp;\x01\xe2\x81\x9a\xcd&amp;$(\x1b\x8c9^\n)\xea\x94B\t\xe5\xa3Z\xd752L\x9b\x17$\xa3jQ\xab\td\xa2H\x93\xe5\x0c)\xb1\xf2\xf5\xc7\xb2\x91\xfd\x91D\xa0(\x91\x16DH\x84\x14\xa5\x1a\xa0(\x82\t\xdan\xcf\xfb\x1a\xb1j\x1f\x15my\xe5\xd8\x8e\x9d\xc4O\x9e\xe7\xf9=\xbf\xdf\xf9|\xb7i\xe3^\xc0\x1a\xc4V\x05@\xed\xad\xda\xeb\xa8vx&lt;\x1e\x04\xbe\xcd\xa6\xabu+J\x89\xd5\xaa\xf5G\x03.\'\x00\xd9c\xb1(\x02\xa2\r1\xbf\xfd\xc4\x99\x8a\xed?&lt;\xd0\xbay\xfc\xf1\xa7\xff|ao\xec\x02\xd6\x9f\xce\xbd\xbc\xb9w\xc7\xbb\r\x1b\xb7U\x95\x13s\x95W9\x8cU\xde\xaa\xeab\xc02\x17\xfb|&gt;\x83\xaf\xb6V\xa7\xd3\x9b\x9dN\x88\xe7\xc2\x16\xac\xc5\x1e\r\x80\xb7\xef\xd7\xd4\x9c\xfe\xb0\xe2D\xd3\xd6\xef\xfd\xf2p\xbau|\xe5\xc9\xa7w\x86\xd4/\x04\x18\xd2\xea\x935\xbf\xda\xfcZ\xfa\xc0\x91\x86\r\xdb\x88\x88$\xe6\x1dF\xaf\xd7S\\\xecp@A[\x1db\xea7[\x0cu\x06]\xad\xdeb\x83\xad,0\x97+\x10\x08\x90\x9d=G\x01k\xfb\xfe\xd3\x8d\x87w\xf4\xa6\x01kiz\xe0E|\xe6M]\xf8\x93\xcfV\xb3\xad\xbd\xa7\xb2\x07\x7f\xdd\xb0\xc1[U\x0e\xc7\x03\x91\xc3XR\xe2\xd9\xb8\x91\xec\x98\xf2\xe8u\xe4\xad\xa5\xba\xb5EE\x86Z\x9b\xbd\xde\xe2v\xc7"vK \xa0\xb5F\xed\x04V\xd3\x99\xad\x1f\x1e]\x7f8\xdb\x9b]\x19y\xd8\xdf\x97\\\xca]\xd9\xf3\xd27\xf2\xbe\xba\xb0\xf0\xaf\x9f=y2\xdb\xdb\x9b\xce\x82\xado\xed\xdd[N\xd24H`\x19=\xc5\xbab\xf2\x11%\xc5\xe6\xab\xab\xab+\xaa3\x18t\xba-\x16\xb7V\xeb\x8cF\x9dN\xb7[\xdb\xec\xb2\xb7\xa1\xf94\x9dY\x7f\xb4\xa6\xf1p6\xfd \x93x80\xf9*\x97\x1c\xbb;p\xf1\x1b\xf4Iu\xe1\xd0D\xcf\x9d\'#\x8b\xd9\xf4\xbe\xec\x81w\x1b\xea\xaa\x1d`\x0b\xde\xf2V\x81-\xa3C\xaf\x18=\x1eE\xd1\xe9ju\x06\xc3\x16\x9d\xceg3\x07\xb4\xda\x80;\xe0\x8a\xfa\xa1a\xc0\x12i\xab\xa9ilj*j\xab\xd9\x7f,\x9b\xbe\x9f\xc8\x10X\x0c\xc7\x88}\xa3\xb9\xa1=\x85_\xb3\t\xbe=0:\xd5ssudd9\x9d\x1e\xcf\xfe\xb8a\xe7\xc6\xea|nAF\x8f\xd7\xab\xa0\xd5\x94h\x91\xf1\xb0{\xad\xc5\xef\xd4\xeb\xb5\xa8E7A\xe6r\xb9]\xd1\xa8\xbd\r\xdd\xa7\xb1\xa9\xa2\xa6-Rq0{,\x93Y\xb9\x9e\x9a41\xa2\xccHLr\xb4\x7f\xe8k\x9c$E\xad\xbe\x98Z\xeac\xfbr7\xef$\xce.\x0e\xa7\xd3;\x0e~g\xd7\xae7\xcb\xc0\x96\x97\xa4\x15\xe8R\xcc\x8a[\xab \xe2}\xf5\x16\xbf\x9b\xe8\xe6V\xcc\xe0\xcaj\xc5=\x97+f\x07\xac\xb6\xd3\x8d\x15\x155\x91\x9a\x13\xc3\xd9\x99\xf6\x85\xc7\xb7r\x93&amp;I\x16T\xbc$\x08\xc9\xe9\t\x00\xfbj\x94\xa9\xf7\xf4,\xf5\x85%Sr\xeef\xcfjbd\x16\xb0\xa0\xe2;\xefl\x03[\xc1`\x89\xa7\x04\xa62\x13X`K_\xebw\xba\x80$\xe0\xb6\x98\xb5\xcdV\xab\xd5\xe5t:]\xb1\x0b\x16L\x10mG\xf7Wl?\x1ai&lt;\x96]\x8e\'\x16VS\xfdc&amp;\x16\xb0T\x92\xc00Lr\x92\x9e\xf2\xe6+\xec\xd4\xbc27&amp;\xcb\xa2\xeaU\xcdhO\xcf\xf5D{\xe6A:\x9d=x\xa4\xe1\x83\x9fVvt\x00\x97\x91Z\x1d\x03\x83\xdbjU\xccn\x97\x9b|P\xcbJ ai\x9d~\xbf?v\xe1\x02B\x15\xe6Z\xbf}{M\xa4b\xf8\xdeb\x1cd\r\xdcN\x9a$\x86\x11\x04\x89H\xc9\xc8a\x00{\xde\x8eDN\'2\xa9a\xf1\x9b\xbc\xa9\xa0\xaf\xbf\xe7\x1f\xab\x898d\x1c?p\xf0\xbd\x0f6\x94W\x12\xbe\x8cF\xab\x16=\xc7\x0cz\xb4\x8a\xe2\xf4;\x9d\x01\x97\xd9\xaa\xb5j\x91\x0bZ\xb7\xbf\x1eA\x7f\xc1\x12\x8b\xc5\x90\x10k\x7f\xb4\xd5Pwxx\xa6=\xb3\xf00\x95\xba+\xb2\x12\x07\xa2\x80L\x909\xae\x14\xc0&amp;\x86\x9e\xc7b\x0050\x9a,\x90$^\xd6\xf0&amp;I3\x0f\xbaV2\xf1\x99lz\xc7n\xb8\x1e\xd3Leg\xb0D\x0bk)\x18\x1d,\x16=:b\xcc\x19p;-\x01\xf2I@m\x00Qo\x81\x88\x88{\xb4\x9f6rhgd\xd7\xf0l{|a5\x97\xea\x9f\xe2y\x81\x13(.Fh\xd1p\x9c(\'\'\x89\xc7\x9eC\xbf\xbe\x16V\x90X\x95\x00X*n*70\xb0\xba\x90\x89\xdf\xcf\x82\xafMo9\xbcp=\x99\xb2\x14j+\x9b\xdd\xa6\xd3\xd9-1\x98\x0cBBI\xc4\x963\xe6\xf7;\xdd\x08\x08\x17b\xbe\x88\x1c:\xbc\xe9A\xa6=\xf3\xf8V*7\x17\x96T"\xc7K\x92 \xca"\xc3\x88\x1cpq\\r\xf4\xcbs\x0c\xcf\x91\x93\x0c\x15\x80aA\xe2yN\xe0UBx~`\xe0\xd6\xe7\x8b\x89\xf8}\xd8\xfe\xc8\x0f\xaaC\x1d\x95\x9d\xa0KQ\x9a\xb5z\x8bYo\xd7E"\xba\xfa\xfaZ\xbdSk5+\x8aB["\xbc\x85\x96\x8d\x91\xcb\xdef(*\x8a\xf8N\xcc\xb4\'V\x1e\xa6r\xfd\x93\xac\xc4jd\x13\xa9D\xa2#\xdc\x95G\xd6w\xf7\xe6\x97\xec\x07-\xbc\x98\x1aM2\x10\x10\xb0X\xa8\xc8I\x92$\xf6M\xa4R\xfd\x9f/P\\\x07`\xae\xee\x8e\xc1\xc1\x90W\xd1\x02\x164\xb4\x03U\x84\x1c\x99\x88I\x105\xe0\xb4\xd4c\xd8\xf2c\xb0\xa1\xb0b\x11C\xd1Z\xdd\xce\xe5L"\x03\tsw\xc3\x12\x0fk\xa9X\xf2\x02\xd4_\x00\xc6\x91\x15\x1e\x9b\xfb?E\xa9V\xef\xb99\x9f\x14\x85\x02\xf2o\x08\x12Y\x1c#I\x8c&lt;\x9dK\xa5&gt;y\xbc\x10\x1f\x99\xed\xdd\xf7\x9e\xef\xe7\x1d\x1d\x83\x95\x95A#\xa2@\x0f^\x90\x02\xb6\x88\xc1\x80\x96\xe8\xc3|\x03\xde\xea\x11b\xce\xa8\xdfIDtE\xc9e\xd2\xe9\x05\x00\x00\x06\xf1IDATa\xdf\xaf\xef&gt;5\xbb\x88$\xcdM\x8c\x99$\x95 \xa3\x96H\x19&gt;5\x98\x80\x9a\x14E\x91KN\xf6\xff/\xefC\xbf\x89)\x19D1\x120QX&lt;#\xe2Z\x0e\xcf\xe7R\x03\xd7W\xbaF\x12\xcb\xbd\xbfx\xebo\x1d\xdd\xdd\x1de%FX\xcb\xecB`\xc5\x80\x06\xd3\xc3\x96-&gt;C\x91\xc1g\xb7\xc7\xfc\xd1\xa8\xdb\xe5\xa4d\xb9]v_\xd1\xeb\xbb\xbfk\x12\x86o\xf4\xe7r\xa3\x8c\xa4R\x89\x0c+\x03\x95L\x05\x14e\xea\x17\x81\xdeO.\xfd\xf7\x19\x95H~&amp;e\xc2+\xfd\xc1\xa7\x0b\xb6\xc4ur.\x95J=\\\xc9\x8c$\xee\xa5\xff\xf8\xe6`ww\xf7`0h\x05\xach~\n\xb5\xeb0q\xe9\xc8\xd8e\xb3\xd5\x13\xf5\xa2\x98\xb6b1\xcc6f[d\xed\xcf^\x81h|\xf2n\xff\xed$\xcb\xaa$\x19\xa6\xcd\xbf\x08H\xe2\xc0\x1bn\xd0\x8c\x84\x96\x16Mx\xec\xf6\x7fL=\x85oO\x8cq\x82T@\x8d(=[\x02\xda\x17\xeafl\x82\xe2J,\x8e\xaf\xd9\xf7\xfe\x8d\xee\xeeJ\n+\xa0\xb8\xb0\xd1e\xd3\xdb\xc0\x17iA:x\xcbf\x81\xd7\x91\r\x01m\xd4\x85\xca4\xbav\x02\x95\xc4J\x92*\xbc4-\x0b&lt;+\xca\x12\xd1M$u(\x8a\xd4W\x1a\x8d\x86#\xdf\xb6\xd0\x9a\xfc\x02aj\xf5\x95\xf9dA\x0bq \xf3\x8c+\x81\xca(\xa3$\x05i\x12\xf6J\xad.\x0e\xf3|\xcb\xc9K\x7f\x81\xe7\x83\xde \xe2=\n\\\xc0\x044fd\x18\x01\xa8\xd3+\x88\x06$=\x89{\xc4\xc5\xa5\xf3*\x9ee\xc1\x16jZ\x84\x84(;Q#\xd2\x02\x14\x89\xa7\xf2\xa8\xc2\xe10\x90\x89Bi\x0b\xf7\x05\xc2\xd4\x85=\xd3ab?\x06~\x7f\xea\xab\x7f\xcbH\xd8\xe3F\x81\xeb\xf65\xd4\'\xdf\xf2\xfb\xdf\x01\xd6`Y\x88\xe02G\xa3\x98 \x80Eq{\xccz\x92cz\x85\x8c\x11\xd6\xe6`s0\x18\xdap\xad\x94\'K\xe2U&lt;A\xb7.\xacAV\x85\t;\x94#\x02\x8dB\xd4\x10\\\x1aNfJK\x93\xf3C\xf9\xf6\x8d^3\xc6\xd1\xb2\x90XFx\x06\x8b\xa7w\x04\x0e\xee\x94$\xd8~b\x8a\x12\t\xbe\xfe~\x03\xb0\xcaB%\xe8;XfP\x85\x8di\x85\xd0\xa5\xa7\x9bf\xcd\xcd!\xac\xe0\x8d\xdf\x9ecy\x16\x80\x80\x88~\xb5&gt;\x9a\xb9\xa7\xe1%\x99#\x88\x08:\x82\x8f\xba\x8bj\xc9i\xa8\xa6\xc9\xe9\x1e*\xe0\xd0\\\x92`\xa2\xa1\xf0LAY\x16\xa8\xdd%\x8eC"\x0b|riJ\xca\xeb\xcb\xf2\xebN^\xbe\x11\xea\x0c\x06\xf3Y\x8f\x96\x1d5\x13\x11!&amp;\x96\xd2L\x9e\nuV]&gt;\x99\x87\x94\xbf\xa8\xa4\x825\xb3\x89C\x99\xe5lo\xa9D\xda\xa1H\t\xa3\xd0\xf2i!r\xf9\x07\xb8uS\xb4\x02!`\xbe\x02I\xf4J\xd4\x8fDzt\x07\x80`D\x8dF\x14\xf1wE\x81\xa5\xa0Y\xda.\xcf\xbf\xffq0\x14\xfc\xe8#\xd8\x07\xd2\x991\xa9\xc2Y:\x98\xdel\rU\x96\x85BU\x97\xcf\x97J&amp;\x95\xca\xa4\xa2*\xf2*V\xd5:\x9b8\xfb\xc6\xd5\xae\xae\x99\x99\xe5q\x8dD\x9c\xa5y\n\x84p&amp;\x0b\xf9\x12\xd0\x80\xc40\x11p\x8a\xa0\xa5\x05\xcbPB\xf3\x9a\xd3G\x18R\xc2\xe1\xb0\xf0\xed{\xa7\x00\x06u\x9e_\xb8\xe5\xd9s\xd7.}L\xf4B\xb9\x19\x15\x87\xa3\xba\xd8\xecA\xccck\xb1\xb3\xa3\xd3{\xf9$f\xaa\xfc\xa2\xf2\x81\xaf\xde\xfb\xc7\xcf\xbe\x11\xef\xea:~\xb5\xbd=3\xf3\xe05N\xa6\x8e\xa7\x86\xd7&lt;5Z\xbe.\xc3\x9a\x97\x86\xe6\xfa\xe4|\xd6\xe6S\x84&lt;A0!\xec\xa8\xe4\xb8+\x95\xee{\x94y\xd4\xcaC=b76\xef\x14\x10\xf0\xf2y \x0b\x86Be\xe5%\x0e\x076f\x8d\x98\xeb\xad%\xc1\xca\xb2?\x10\xf9X\x13\x05\x95\xbf\xf0\xaf\xdc\x9b\x89_\x8d\xc7\xbb\xfe\xdcu\xfc\xf8\xd5\xe3\xf1C\x87\x16\xff\xd5t\x19\xbb\xb6\rDa\xdc\xb1$c\xc5v@\x8b\x0b5)%\x15\xe9\x94\x06\xba\x85,!\xa3\xa1d\xea~\x8b\x15/\xa2\x05E\xd0f\x90\x87\xd2\xc1\x97\xad^\xbat\x89:\x18\x02Ad\x15X\x1d\x8aA\x7f\x814i\xb07\x0f\xb67\xaf\xfd\xde;\xa9\xe4\r\x89"\xc2\xdd\xef\xbe\xf7\xddw\xa7\xd5\x83\xadB\xab\xea%\xb3\xf1\xae\xec\xd7\xfe\xf4;\x1c\n{*B\x98\x8a\xf2\x8d6\x08\xb5\x11\xb1om\x97\x89\x94\x9bwZ\x1bX\xbc\xa7\x08J\xc1\xb5G\x7f?\xbf\xfd\xfa\xeb\xf8\xe8\xf4\xfa\xf4\x15&gt;\x87\xde\x9f_\x1e?\xde\xdb\x17\x86R\xaa\xae\x1ahh\x07\xab\x85\xe3\x05\xfe|&gt;\x9f\x10\xd7\xd4\xf1D\xb0X\x8dt\xbe\x0b6\x9f\xa3\xf5\x19\xabE\xc1\xae\xe4Tg9\xa7I\x93\xc1\xe8\xbd5Z\xef\xa4\xe3$\x9e\xccI/\xe4\x8fI1T\xa7\xa2){\x9a\r\xff\x1f_\xe2\xa3\xe3\xfa\xfa\xfd\xe5\xf9\xf9\x8bOg\xaau\x95\xa9\xe8\x8ftC(\xfed\xceb\xe1\x11\xc5`W\x98\x13\xf3\xa1W\x9df\x19b\x8c\xd5\xc5\xf5Ue\x9b\xce4z\x93\xe9\xf9^\xdbi\xda\x1fW\x99#\x82@\x08\xe1\x05\xd9S\xd7@\x84\x90Hl0\x14M\xad]hg\xf7\xbf\x1f?\xbc9:9y\xf9\xfa\xdb\x08\x1aQ\x9fKc\xf5\xf6Mm\xb8]\x00\x83\xa0H+(\x15p\t\xe1\x8alf\xe9\x14\xf1d\xa42\xc1\x88\xab\xd6P\x17\x8b\x96^bQ\xbb;t\xd5\xee\xe0\x9fGy\x14\xb8\xae+\x00\xe6\xc1\xa7\xcb&lt;mS\x1bI.6&gt;\xa9f\xb0\x81\x0e\xad/\xdf\x7f\xde\xdc\xfc\xb8\x83Huj\x9efT\x96\xdfO7\x8e\xe79\x92\xa8 \x16\x9e\x031\xa6*\n\x0c-\xf3\x07\xcc\xcc\x9b\xb1\xf3\x7f\x0f\xb4jzu0q\xae1\x15u\x95\xf4\xb3\xd7Kw\xec\x02\xc9\x89&amp;&lt;\xe6|\x9e\xe5\xb3\xe1\xa1\xc1[\x91\xe42Mn\x12\xf5\x13\xe7\xca\xd9\xed\x9d\xad\xfcM\xe6\xe3F\x1a\x9a\xfd\x94C*\xcf\x93\x13*\x9f\xb6\xa1\x12\x8aV;\x0e\xc3B,\xd7\xcaR-\xeeY\x93c\xb5\xc2z&amp;\x94r\xff\xc0\x1c\xae\x92\x18k\n\xa0~9$\xfd\x98l\xb6\xa9U7\x98\x89\x1bj(\x93\xd1a\xdc\xeb\x81\xced0\xce\x05\xb3&gt;\x98m"\x8f\x9c\xe9H\x10\x01\x8f\xec\xe0\x12\x13c\xb9n\x11\x16\xb1\xdcZ|\x16U\x18\xf8]\xd3U\\\xb0\xa9T\xa6\xd2k\xe4\xe8\xd5N\xc4X\x8c\x1bxX+\xda\x88\xd1\xa7\xbe\x1fE\xbe\xbf\xc8\xf2t\xa0a_\x9a\x95\xb1\xcd\xd2\xd9\xe5\xbe#\xcb\xb5\x8d\x0b3\xddf\x12D\x1e\x1c\xe00\x12X\xa8{\xae\xd2J\xa0\x17\xe8d\x18\x8b\xdc*\xa3I/5*\xb1\xd4\xde\xe3O$z\xd1\xa87\xd2e\x18\xc6!\xc6\x104\x12\xe0\xa6\x88\x1b*\xe9K)\xa3,_\x0f\xbb$Z\xa9\r\xd2\xbc\xd4\xcel\xb4\xc9\xf1\x07\xb7\xdb]\x94$\x89\x17$P\x88\xba\x86ah\xc8p\\\x15\xa8 WQ\xc4q\xb1\xb9\xea\x0e\xca\xb3\x85\xc3\xa2V2\xaa4`\xeb7\xe9\x86\xf5\xb4\x08yA\xc0\xa1b pI9\x9d\x82\xca\x81C\xe42_\xa7\xd6a\x9d-\x0e\x0e&gt;\xbb(l5\xc3~\x98\xad\xa0\x93\x08\x80ELJ\xa6\x02\xda\x03+F\x85a\xc8O\x05?P\xed\x86{\r\x85E*\xf5\xff\x014Fb\xcd\x94\x94j\xd3\x00\x00\x00\x00IEND\xaeB`\x82'</t>
        </is>
      </c>
      <c r="M458" s="3" t="n">
        <v>45492.67663194444</v>
      </c>
    </row>
    <row r="459">
      <c r="A459" t="n">
        <v>1116677</v>
      </c>
      <c r="B459" t="n">
        <v>1980</v>
      </c>
      <c r="C459" t="inlineStr">
        <is>
          <t>Luis Mandaca</t>
        </is>
      </c>
      <c r="D459" t="inlineStr">
        <is>
          <t>Luis Mandaca</t>
        </is>
      </c>
      <c r="E459" t="inlineStr">
        <is>
          <t>MC</t>
        </is>
      </c>
      <c r="F459" t="inlineStr">
        <is>
          <t>MC</t>
        </is>
      </c>
      <c r="G459" t="inlineStr">
        <is>
          <t>MC</t>
        </is>
      </c>
      <c r="H459" t="n">
        <v>178</v>
      </c>
      <c r="I459" t="n">
        <v>44</v>
      </c>
      <c r="J459" s="2" t="n">
        <v>37165</v>
      </c>
      <c r="K459" t="inlineStr">
        <is>
          <t>Right</t>
        </is>
      </c>
      <c r="L45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97d4954-ec74-40be-b3e9-348d6eea09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fa\xaaF\x00\x00\x03\x00PLTE\xff\xff\xff\xed\xb4\x94\x18\x17\x15\xf1\xb6\x96\xf5\xb6\x95\x0f\x0f\x0e\x07\x07\x06\xfe\xfe\xfe\xf1\xb3\x92\xee\xaf\x8e\xef\xbf\xa3\xe9\xc7\xb3\x05\xc5\x92\x1e\x1d\x1c\xea\xb6\x99\xee\xad\x88\x04\xbd\x8e\xf5\xb0\x8f\x02\xb7\x87\n\x91g\xe1\xb2\x98\xf6\xb9\x99\xd9\x9bx\x0f\x8aa\xe8\xb0\x91\xf4\xae\x8a\x08\x99m\xf5\xb3\x92\xda\xa6\x89\xc7\x8en]\xa4|\xe9\xad\x8b\xef\xbb\x9c\xd5\x9f\x83U\x9cuf\xb7\x8b\xe6\xa9\x88\xe3\xa3|\xed\xa8\x84\xd5\x95q\xe7\xc0\xa8b\xb1\x88\xee\xa2\x7f\xec\x9d{\xe8\xe9\xee\t\xcf\x9b_\xac\x82\xf3\xa9\x86\xdc\xa1\x81\xa7iI\x07\xa0u\xdf\x9fw\xe9\xcd\xbb\xee\xef\xf1\xcc\x92u\xe2\xa3\x83\xd2\x90j\xe6\xa8\x83\xf3\xac\x9c\x11\xd5\x9f\x93N,\xeb\xc5\xac\x17\x97k\xd3\x98x\x04\xaf\x80\xe9\xa4~i\xbd\x90\xc3\x87g\xbb{X\xcd\x99}\x8dD\x1d\xf3\xa8\x90\x9eiJ\xb2}`\x05\xc8\x99\xdc\xac\x91\xf4\xc1\xa8\xf3\xb4\xa0\xf2\xf5\xf5\xe4\x93m\xe8\xbb\xa0\x05\xa7{\xaepN\xe2\x97s\xd2|Y\'&amp;#\x88V89$\x17\xfa\xfb\xf9\xf4\xc5\xaf\x9aaA\xc9\x86`+\x1c\x10\xe6\x9by\xe1\xb6\x9f{M1\xdb\x98p\xf3\xa5~\x88G+\xbf\x81_\xdc\x91j%\xd6\xa1\x9eR,K-\x1ap\xac\x87\xf3\xba\xa6\xb3wUj\xc5\x95\xe0\xac\x8e\xc8uPuA$\xdd\x89d\x1c\xab|\xa1]&lt;\xe7\x8ac\x97H \xeb\xa2\x88\r\x7fZ\xd8\xe0\xe0\xd4\x85b\x90_A\xa8sU\xee\x99rx\xb5\x8e\xe5{G\xe1\xe5\xe8\x18\xa2t\xce\x8ah\x93W8\xe2\x7fT!\xb2\x83,\xdf\xaa\xafc@\xc4kG\xf6\xbc\x9f\xd9\x81\\a4\x1b\xab[6\xef\x9a\x84\xd6sD|U&gt;\xdazK\xb8\x84h\xee\xa0\x92\xde\xba\xa7\xee\xd5\xc4s\xcc\x9a\xf0\x93j\xf4\x9etdB-\xde\x8amo\xa0\x7f\xc0\x8et\x17\x05\x02(\xb9\x8e\xc7\x7f\\\x85&gt;\x18.\xc3\x9c\xd2\xa6\x90*\x08\x02\xf0\x8aW\xd7\xaf\x9bQ9*\x8bnZ\xcfm=\xbbrMDuY\xb4mJ\xa7\x87q\xf2\xcc\xb7J\x92n]\xc6\x98J\x86e\x19\xdc\xa7s7\x16\xc6\xa0\x8a\xde\xc5\xb4d\x99w~\xbd\x94fM=\x9fxb\xbbg=\xcf\xd6\xd8\x85\xc5\x9e9\xba\x91X\x92pO\x1e\t\xb8^1`"\r\xc8g79\xaf\x8310-\xea\x90}W\xc0\x92,\x9aqQ\xb6\x89&lt;\x12\x05\xb6\x92\x807_F\x15\xb4\x8f\xabT)\x11\xae\x86@0&amp;&amp;\x8ad\xe8\x8ds\xc4\xcf\xd4LLF\x1b\xc1\x962F9?\xa1v\xf9\xf5\xeb\xb4\xd5\xcc\xef\xe1\xd0htf\xbf\xa8\x96\xb2HK\x8ccL\xe7\xa5\x90D\xc6\x9e\xf4\xed\xdd\xa7\xad\xa3-\xa6x\x8f\xcf\xa8\xe7\x8f\x8c\x91\x93\x85\xcd\xb2\xa1q-\x1dQ\xa7}y_P\xc4\xc2\xba\x9f\xd4\xc4\xa358v\xb9\xa2\xcc\xcd\xc8\xcccb\xb4\xbb\xb5 &lt;+\xe8\x9b\xa4\x88\xc1\xb3\x87\xe3\xc6\xd5qq\xdd\xf4\xeb\xc1PY\xa6(\x04\x9b\x9c\x91?\xd4\xa8[_T\x12hL\xe2y\x7f\xb9\xec\xdb\xcaD\x0fz\x81u\xe7e\'\x84!$\x86\xae\x8dU\xd9\xafr\xd6\xfee\x00\x00 \x00IDATx\xda\xcc\x98\xddKb\xeb\x1e\xc7g\x16\xe8b\x88\xd5\xdcH\xcc\x85\xb1\t\xa6\x1ct\xe0\x14\xa7\x97\xd9 D\x94Q\x08\xb9i\xb9\xc6 _z\x11\x85!\x15_\xc8F\x1aJH\xd4\xd1\x15E\x19\xc5DS\x9a\xe8U\x06f\x17[\xc2}1B\xc8F\xba\xd8E\x03]\x14\xd8E\xccmt\xd3\xcd\xf9&gt;\xcb\xe1\xfc\x03G\x9b\xf3[.\x97\x03A\x9f\xf9\xfc\xbe\xcf\xefy\xec\xd9\xb3\xff\xbd\xe8\xff\x16&gt;&gt;\xfb\x7f(\x02Bwu\x1d\xdf\xfe\xb8B\xdd\xcd\xbe\xad\xd2\xfdZ&amp;\x9a\x1e\xe9\xba\xbb??;c\x18\x86\xa28\x11\xc3\x95\x1f\x7f\xdc\xcd\x8e\xfcR0z\xec\xd3}\xf9\x8c\x12\x89E?K\\\xbd\x0b\x0fW]c\xbf\x8a\x8c\xa6\xdf&gt;rb\xa1\xf0\x00\x0f\x8a!\xef"\x8aa\xca\xd7\xc7c\xf4/\x81\x1a\xb9\xe6\xc4\x14E\xfcPb1\x9e\xe4#%\x16\xb8\n\xdc\x19E\x95g\x9f^\x18=v[&amp;\xfdbD\x0ca\xaa\xe2T\x95\xe1\xa6\n"\x8ea\n\xd7]\xf4\x13\xab\xea:g\xd0*`1\x1c\xde\xa8j\x0b\xd1\xbejS\xf1\x01Xh\xe5\xd5\x08\xfd\x94\xeb\xef\xee\x01\x86D\x14\x8a \x11i"!YhhU\x1bS\xe0\x10\xb1\x02u\xfe\xe9\xc9:96\x8bT\x81\t\x96\x80%\xaa\xb2\x90K\xcc\x08/\x92y\xb1\x08\x16\x0b\\\x81+\x1f\x8f&lt;\x8d\xab\xae\xc73\xf4\x8e$\x08\xb3\x8a\x01\x82\xe8g\xa6\xaad\xdc\xcfO\xa0\x16Q\x05\x8e+_\x8f=I\x07\xaf8\x81\x85!\xa6\x04\xba\xaa\xaf\x9f\x0f2#(B\x86\x1f\x10S\xd0Eq\x8fO\xe0\x8b\x9e-\xc3\x03a\xe2`K \xa4\x04iB\xc6\xd0=N$\xe6\x84\xe4\x17\x18\x8c}\x8a\xfc\xd0U\xdd\xe3E\xbf\xc5\x12\x14U\x17!E\xf6\x1b\x8e\x13\xe9\xf5\x94^\xaf\xd7\xe9\x85\xb6\xc1\x10\xc8\x90,\x0ek\x11\xd6\xb8\x02svvK\xd7;X\xd7$Q\xc2\xea\xc7B\xe3t:\xbdNg\x8d\xc5\xad\xa1x\xc8\xaa\xd3o\x81\x8f\xa1\xb6\n\x0c\xc7\xe9K\x1c\x85\x7f\x0bV\x0b\xe5\xbb\xfar\x8d\xdd&gt;\x80\x06\xbfV\xaf+\x95t\xa5\xb85\x9b\x8d\x99\xec\xf6\xb9\xc5\xc5\xc5\xa59+\x08I\xc5uq\xab\xb5\x84\x07\x90\xe3_\xf5D\xe0y}\x07k\xd7\x03G\x06\x83\x0eD\xb1X\xcct97\x94J.\x05r\xc9\xe4\x92%\xec\xb4\xdbC\xf6\x90\xc9d\x07\xa7\xc9\x145\xc5b\xd6X\x8c\x00B`\xe1\xba\x9es\x15\xab\x10\xc1\xda\xd2Y\xe3\xb1\xe8b\xc7\xe8\x80\xd7\xc1\xefG\xf6#\x91\xfd@\xee4\xa7\xb4\x1f\xd8\x0f\x0e\x0e\xa6\x94\x83\x83J\xe5\xa0\xc5\xe2t.\x9a.\xa31b\x8d9+&lt;\xd6\x8f\x8b\xbe+p\x0c\xa5\xd3\x85\xecS\xce\x94\xd6\xef\xf7\xf3|d\x1f\x15\xd9?\xc9\x9d\xe6\xc3\xdb\x80:\xd8\x1e$\xe5\x1et[\xf2\xb9\\.\xbc\xb8\xf8\xfe}\xcc\xaaC\xd8\xee\xe9\xba\xad\xc2\x07,5\x9d\xd5\xa4L\x05x\xff&lt;\x1f\x89\x10\xa8\x93\x93}\\\'\xf9|~\x10\\\xdbU\xacm`\x9d\xe6r\'\'\xb9\x9c-\xe74\xc5K\x14U\xa8W\xec\xc7\xee\xb1/\xebC\xce\x00\xcf\xf3\xf3\xfc|\x84`\x9d\xa0\xf2\x02\xd6\xe9\xa9{\x9b\x14\x81\xc2\x1b\xb0\xf2yp\xa1\xc5|\xd2\xf4m\x0b\xcb\xb1&gt;\xb1\xa7\x8f\x11\xf7\xafVgd~~\x1e7\xc8x\xc2\x15\xd8\x17\x94\x11,\x81\x07/%d\x01+\x9c\x0f\xd8N\xf6\xf7y\xdea\xb3\xeb0M\xae\xeb\x81E\x8f\x9dch[\x95&lt;\x88\xf8y\xff\xbc_h"~\xad`m\x1f\\n\x82\xe4\xaef\xcbmq\x9f\x9e\xe6Nl\xb6\xc0I\x84\xf7\xef.\x85t8\xe6\xd4\xa5\x8d\xb3\xd8m\xf4v\xe2j\xde\xef\'\xef\xf3&lt;\xc9&lt;\n\xe2"\x02\x97{\x9b,B\xd0)-\x96p8\x9f\x0bh\x036[$\xe8\xdau\x0cY\xf5L\xe1\xbc\xf6\xe7hz\xec\x1aC=\xe4\xe4\xabT\xb8\\\x0e&lt;y\xe1\xf2\xbb\xe0.\x9fw\x0b%\x0c\x08\x8b3\xbc\x94\xb3i\xb5\xe3\xb8\x83\x1a\xcd\xae-\xa4\xe7\xcauH\x17\xfd\xa9\\\xd0\xc7\xec\x01B\xb5\xeb\xf7\xbb4\x9a5\xd7.\nc\xc2\xefB\xf9#\xd0eq[\x94\xd0\x05*\x82\x95\x1c_h\x92y\xbd\xc1\xa0\x99u\x05\x95!\xdd\x19W\xf3\xbd\x91\xa6\xef9&amp;n\x87,\xc2\xb2\xebZ[[\xf3\xe1&amp;@.\x87Fc\xf0\xb9\xf8\xfd\\\x95\x8b\xcc,P\xa5 \xcb&lt;\xd1\xfbN\xe6p8X\x8d\xa3#\x94\x8d\x97\x1fk\xdcE\x9a\xfet\xc6\xc5\xa3\xf6%\xbf\x00\xe5\xf2\xf9|\n\x94O\xf1\xb7fC\x83\x97\xc1\xa0\tb\xa6\x82\xcb\xe2V\xba!k)\x9cJ\x8e{e\xedM2Y\xd3DkO+\xfb\xc1\x9e\xcd\x96\n\xc75\xd6E\xdf\x16J\xd9\xa8\x93\xdfE\xe74\xae5\x9fB.ok\xfbM\xee1h@\xb5\xa1aY\x87\x97\x0f\xd8\x92y\x8b{\x90`9\x9dK\xa9\x81\xe4\xf8D{{S{\xbbT=\xd3\xf3\xef\xf19S6[\xf3QO_\x17\xe2\x95K\xad\x1f\xad#\xa6\xda\xda\xda\xe4}\x9e\xef\x1e\xc3_\x06\x96\x85/3\x1b\xd4\x06\xf2\x88S\x18\xc9"\x91_\x84\xaf\x81\xee^\xa9\xba\x9d`Ifz\xa6\xe7\xa2\x95J\xe9\xbc\xb6\x07Uz\xe4\xa1\x94\xbd\x1c\x9e\xd0\x10(\x9fb]\x0eY\x1e\x82\xc5n\x10,\xa2Kk\xcb\xe5\xc3\x08\x17\x19\xf2SSH}j\x1aX\x99\xe6\x1d\xe9\x8cD=3\xa3Z&gt;:Jgk\xbc\x03\xe1\xa8\x1c\x8f\x0e5\x9b5&gt;\x05IU\x9f\xbc\xed\xc5s\x8fG\xa1\xf8k\xc3\xb1\xb1\xe1pl\xb0\x1b\x1b\xd0\x95;\x15\xb0\xa60\xec\xa7\x94\xce\x01`\xf5v\xabZZ\xa4j\xb5D\xbds\x94)\x16c\xa5\xdav\x91\xbe\x82\xac\x8f\xefX\x83\xa2O\x01W}\x1e\xe8\xf2(\x0c\xc0\n\x06\xb5\xc1\xa0w\xc3\xecp\xd8\x02\xb9\xb0\x85L-\xd8B\x1b\x9d\x1f\xa6\xfb\x9b\x9b\xbbU;R5\xc0$\xea\xcdL:\x93\x88\x9f\xd7\xf4|C_\x95+G\xcd\xcdl_\x9b\x1ca\x97\x03\xce#W(4\x9a\xbf\t\x96\xd6\xeb\xf5:\xbc\xb0\x15X"\xb6\x10zP)-K\x03\x03\xe0RI[\xd4R\xa3Z*\xd9\\\xce\xdcT\xb2\x0f\xb35\x1d\xf1\x8f\xd9\xca\xf2\xb2\xcc o\x93\xcb}\n\x83 \xcd`X\xd3\xb84A&gt;\x18\xb4i\xbd\xb8\xb0\xff\xe5\x96\xc2\x98Yn7\x19\xa8\xa3\x1d\x03D\x97\x8a\xf4pF-YQ\xa9\x80\x95(\x7f\xaa\xe9\x88\x7f@\xe0\xfbY\x05\xb00\xac\x14\x06\x08C\x0b\x15\xe0r\x11]\x10\x86\xdb\x16\xb0\xa5\xc2\xa7at\x12#"\x9c\x1c\xf8\xd2?\xde\xfcN\xd6\xdb2\xa3\x9e\x91\x18\xdf\xec\xdd\xdc\xdc\x1c\xa5\xcb\xb5\x9c\\H|\xf4h\xb8\x9bUL\xc2\x95\xe2\xb3\x87t\xb0\x0f\xcd\x94\xfb0\xe7\xfd\xbc\x16d6P\xe50\xb8r\xf9\x1c\xc0,\x98\x15\xd8{\xc6\x9b\x91\xfa&amp;)\xba\xb8\xd2px\xb8sQ,V\x8ekzZ\xceV\x12\xdd\xad\xf2Ib\tT\x9f\x15\xc28%\x1d5\xb0.G\xd0!\x18\xb3\x91\n\x04pT\x86\xb3\x14l\x8dCW\x0bV\xe2\x8c\xda\xf8G\xc3\xea\xea\xcd\xcd\xc5E\xe5G-m\xdd&gt;$\x86\x9a\xe4/\'\xe5\x8a\xcf\x82+@\xbd|\xf1\xe2\xe5\x0b\x8f\xdc\xe3a1M\x1dA\xaf\xd0\xc7q\xa1\x97K\xa8\xd1T29==\xfe\xae\xa9\xbd\xa5I*\x91\xbciX\xfd\xe7\x9f\xc3\x8b\x8bDM\xbfa\xff\xa8$\xfa[\'\xff59\t\xac\xcf\x80\xf2\xb4\xbdx\xd1\xd8\xf8\xea\xd5\xab\xef\x1eO\x0f6D\r\xf6c3\xd6#\xe6\x84\xd7\xbb\x90\xc4\xb7\xb4\x8e\x8e\xd4\x00\xaa\xbf\x7f\xa1\t\xa17\xbe\xe9$X\x877\xe9\x9a\xda\xba\xaa\x0c\xcb&amp;\xd7\xd7\'\xd7\x15\xe8\xa2\xc2\xf3\xfa\xf5+\x89Qb4~\x7f\xd5\xf8\xdd\xf3\xfdw\x80\x99\xcd,\x90\xcc,;1a\x96\x8d\x0f$GQ\x1f?\x0eu\x8cN7\xf7\xcaZ\xd4F#l\xad\xae\x02\xeb\xbe\x96\xe3\xf4*\xb1\xd9\xb7N\nP\x86n\xd5f\xcb\xce\xde\xde\x0en\xb2\x0b{zz~\x870\x965\xe36\xb0M\xb2\xee\xe6\xe9\x8fCssQ\x94)z9\xf4q\xb9\xbb\x1d]\xec\\]]\xed\\)\xde\xd74[G\xcdrB\xe5\xf3\xf5u\x0f\x17\x8b\xc5L&amp;]L\xe3U\xdcT\xb5\xb4\xb7\xf7\xbc\xc6\xe6H\x1aH\xd8\x16\xc6\x97\x87/\xa3\xd98\xf9\xf3\x84Ug\x8dE\xa3\x89\xe1\xcd\x1d\xa3\xa4\xa1\xb3\x13X\x99\xebZ\x1e\xb9\xee\x8e\xba}\x04\x8b\x95mn\x16\x8bGG\xc5D\xa2\x92\xcdV\xe2\xf1l%\xbd\xa9j\x7f\xdd\n,\xf4\x10\xe1\xff2:\x14\x8d\xe1{\xb4X\xbc\xb5\xb5\x85/\xe0\xbax\xf62\x81\xff\xc6J\x03\xa8:W.j\x89\x05[\xbd\xbe\xf5\xb5u\x1f\xdb\x0f\xaaL:\x9dN\x1cEa\xa4\xa4+\xe9\xe2\xd1\x84\xaa\x07\xe7&lt;\xb3\x99P-L\x0f\x99\xac%=\x05$\xc2\xf5\x8d\xd8\xba&lt;*\xded\xf6\x0e;Q+{\xb5mb\xba\x97\xd82\xbc\xdbT!Q{;*U\x8blazx\xe8\xfd\xe5e\xcc\xf4\xfeCSO\x9f\x06\xba\xccf\xef\x97\x0fs\xe4/J\xfa\xaf\xfao:k(t`_\xec\x18\xde\xccdnn\xf6\xa0\xab\xb3\xe1p\xa7\xa6Xwi\xd9\xda\x1a\xe9\xa1\xf4\x8f7+F\xa3D\xdan`\xc9\xb0\xf2.,\xc8\x9a\xfb\xfb\x81e0\x04\xbdfm2\xd51g\x0f\xfd\xf9g\xc8nz\xbf\xe8t*q\xbe\x19\x9d\xee\xde\x81\xaa\x15\x01\xcb\x98\xb9\xa8\xe5J\xbcK\xf7\x02Knh\xfd\xed9\xc6Uc\xe3\xf3\xc6\xb6&gt;\x1c\xdf\xb1\x0b\xda\xbcX~\xad\xf26\x85\x01\xa3&gt;iQN\xfd\x87U\xf3{I\xac\xcf\xe3x\xa2&lt;\xf9\x03\x14\xe1(J\x86\t\xa5\xa2\x17G\x19\xd7L&lt;H\xa4s&amp;\xf2\x904\xd1\xa4\x8eN\x9a4\x18Vh\xb1&gt;\x8f\xb8\xa8\xa0V\xceN*:1\xe1\x90\xb6M\x947&amp;\xec\xcc\x8d\xf9@\x17]\x0cC&lt;\x17\xd1\xb6\x1b\xf3\xc0\xec\xc83\x17;\xcf\xcdBw\xd1\xc2~\xbe\xcd\xee\x7fp\xbe\x17\x82\x9c\x9b\x17\xef\xcf\xe7|&gt;\xef\xcf\xe7{\xee\xa9\x02n\xa8\xf2K\x87\x99H\xe6 i4*\xf6Z&lt;\xb5\x9a\xc73\x10\x80Eg9\xfd\xe3\x91)\x1a\xf7\xfb\x91\xfbcp\x18N.\xc1\x95\x0c\xcf\x99\xaa\x07\x87\x9b\x9b\x07\xd3\xd1\xb8\xc6\xcf\x11\xacM\xc6\x966\x1f6\x9b\x9d\xf6Y\xc725\xafR\xc5\xaa\x87\x99\x8c\xcd\xa4\x90\x81\xe3*\xaa\xd5\x04\x8f\xc7#0Z\xb1z\xfft\xd4?\x19\xf7\xe3\x9cA\x0e\x93\xcd\x1c\xe0:u\x8a\x89\xc1\xa1`u\xf3M\xd3\xb2\xf0~\xda\xab\xe4\xb0\x07\x18\xde\xf5\x93U`:\xab\xb5\x03S*\xcfXRU=88\x9c\xd2\x8f\xf9\x90\xdbr"\xb1xj\xdf1\x9d\xa3b\xef\x1f\x8e\x8c\x80%\x00$\xb6\x8090:\xc7WcaU\xc6\xd2\xect:\xcd\x85lP\xc0\xe2\x86\xf8\xda\x97\x1f\x9a\xedZm\xa7\xf6&lt;e\xdbR\xc8\xec\xc6\xf1\xd4\xc2\xd2\x03\xd9\xebq;&amp;\x0b\xf3\xd5&lt;\x82\xd7 \xb0]Z\xb1f\x91Z8\x87\xcdd\n\xa4l\xe5\xa8@2\xb1\xf5\xe7\xe7@P;kw\x9a\x9b\x1e93\x142\xc7_\xacvjP\x14v\xda?n\xd9\xdf\xfd\xe3\xaf\x1f\xe1y;u\xdc\xfa\xf2Z\x16\x0e;!\x88\x04\xa8\xb5\xdb\xa2\xd54_\xbd\x0eV\xa4\xcc\x81\x01&amp;\x9b\xc5b\x0b\x1e,&gt;{\xf5\xcb\xdf\xa0b\x9eA"\xbdyc\xc3X,\x8a,\x7f\xc7\xfaa\xe7\xf9#\xf7\xc6\xfe\xd7\xdf\xd1\xf3\x9d\'\x1b?\xf9\xf6\x14\x18\xc6wB\x0cy\x84o\xf7_\xf4\xdd\x7f\xf6\xf6\xce^\x8d\x055R\x16\x97\xeb\xc8\xe5\x98\xd2h\xea\xd9\xd1\xd5/\x1f\x7f\xd8\xa9m\x04\xdam\xcbI\x16\xeb\x13\x92\xf9\xe8\x8bU\x08"\xa8\xf5|\xe3\xc9\xfe\xd5\xef\xbf~\x04\xc2\x8fG\xfb\x1b\x16\x15V\x84\xdc\x82b\xcaS\x17\x8f\x7fEW\xc64\x85\xb0u|4\x1f\xd4pX\\\x97\xab\xe1`k\xb6m\xc9\xe2\xd7\x7f&gt;\x85\x08\xce\xa4:\xdd\x05\xcf\xfa(\x8e\xe3\xf1\xf4\xcf\x1f6#\xa9\xa7P\xdakg\xfbW_\xae\xfe\x02A\xdc\xbf\xba\x1a\xdf\xd2\xeb\x9cj\xf5\xffR\xbe\xdf\x9d\x11_\xd2t\tT\x02c\xec\tj\x84L\x87\xab\xe1\xe22\xd9\x12\xeb\xee\xee\x97\xafG\xaf\x9e\xa5\x0e3\xab\xab\xd9\xe0\x88\x12\x077\x9d\xfe\xf9}5f\x1a\x7f\xbaS;k\xce\xa4\x1e\xbd\xdb\x7f\xfe\xe4\xd5\xbbG\xfa\xab\x96L\x8cI0\xc8y\x08\xe2^\xf0ePB\xd0\x83\xd5\xcb\xd7\xe0\x95\xb9\xa0\x86-r\x00\x94HDQ\x9c\xebbq\xf7xk\xf1\xf0\xc3\xc2\xc3\xcd%\x9d\x04\xc4"\xe3\xe9\xb7\xd9X\xf0\x81n\xeb\xe9\xceYg\xd9\x02\x15\x1e\xed\x9d\xf5\xc6VK\xa6\xd3\r\r\xcb\x9dP\xb8\xd4\x98r\xd09\xe2\xbf\xa0\'\xb3\x98~a\x9f\x12\x82(\xca\x89X}l\x8aIQ\x94\x0f\xd3%\xabY\xf0\xec\x07K\xc9aD\xa5)\xa7\xb3\xd9\xe9\xa0Ng\x9f\xa9\xd5\xa0\xf9\xa0\xed\xeer`\xc1\xa3(\xfad:\xb1xx\x90\x0f\xaf"\x84\xd2 \xbb\xad\xd3\x82\xd53\xcb\xba\xd3\x8aD^\r\xde\xc7d\x0bq\x9c\xc3\xa4B\\\xc6\xa0w.\x19K\x9ab\xd3\xc9!\xa5\x86$qm9}\x92]\x9f\x1c\x1eVT\xa76\xce\xda\xcb\x01K \x10x\xb8p8\x06\x96Y&amp;V\x89\x07%\\\xc0\xe2]6x\xb7\xf5O\xb4\xa8u\xc1\xbe\x93\x0f\x88F\x958\x9b)\xc4\xfd\x02F\x88\xcf\x1f`p\xe4#\xa3\xd0\xaec\xb1\xc7\x1a\r)$\xf1r4\x9d}\xbb\xee\r\x87\'\xacI\xa3\x1b\xe4\n\xa4"\x876\x8fI%\xd6\xe9tb\xd5\xdc\x88\xdc\t}\xd1`\x88K_\xdc]\xd2\x83\xd5\x97`\xe5\xfaF\x95J!.\xc5\x95J\x0e\x93\xc1f0\x18\xf2A\xef\xe3\xed\xed\x95I\x188H\x92\xac\x94\xcb\xd0\xb8\xd3\x93#XXgR\x8d\xb9\xc1\xd3\x80{8\xf0\xa8\xc4b\xb1U\xac2\xcd\r\xc9\xf9(\x86\xf2D\xbd|W\xa2\x07K\x9a\xf0\xfbY\xa3\xa3\x1aR\x8a\xa3v-`0$\x1c\x89|\xf8\xf1\xf6\xca\xf6\xa4V\xeb\xcf\x93B\x1c\xe6\xd8\xf5,\x04q\x94\x8fA\xc8lS\xeef\xa7\xf9\x06q\x81\\V\x95)\xf6xH\xc2 \xd4N\xa2\\\xafT\xeer\xbd\xb4`\xf9\xebB\x87\x14\xb0\x84R\\*\x15\xc8%r\x18\xc4\xae\x11\xd5J9\x8e&amp;\xb4&gt;\xd2_.\xd7\xd3\x08K\xcbPc\n\x93M\xaf\xd7\x07\x80\x0br\xab\xeaIB\x06\x06\x1f\x8c\xf0\xf9j\xb5s(Q1\x18\xeauz\xb0\xa4~G\xe5nE\xab\x11\nY"&amp;\x9b\xcd\xe1H\xd0\xbe\r\xcc{\xf4\xfc\xfc\xf44O\x8a\xf02Z\xef\xbex\xb1&gt;&lt;\x88s\x9d2\xabm*\x12\x89\xcc\xa0\xeb\xb2\x85\x0cL\xd7\xd5\xe0\xdc\xb0\xc4I\x80Z\'\xb7wu\xb9\xa1&lt;K\x0f\x96HTN\xa4\xb5~i_.G\x99\x99le^{\x1e\x8d\xaeD\x81\xea\x1c\xa8\xa8\xbex\x854\x93\xe5\xf4\xcb\xe8\xa0D\x8b\xf3d\xc6y\xbd;\x10q\x07\x02\xcb\x10\xc7L\xd5S\x9d{\x10v\xa2\xde\xe3\xfcps{\x9b(\x19h\xe9&gt;\xb3\x03\\a\xa5\x1e\xf5\xe2R\x96\xc3\xe5r\xb8(\x0e\xa9=?G\xaboDU0\x87\xf2d\x08\x86\xd3|tz%\xcc\xc3\xb4\x12lL\x9f\x9a\t\xa4R\xeeT\x00~\xf56\x9bU\'\xf3\xa9aJ$$\xd5\x9b\x9b\x9b;\x82\x1e\xac^\x83\xc8_\xaf\x9fjq\\\x04\xcd\xa7\xd1pPd\xfe\x1c\x9dSt\xc8\x10\x99\x0f\xb9B\xaeFae)\xb9\xd7*z\xa3\xd8b`y\xb9\t\x95+\xe2\xb6\xb8\x1fMm\xa1\xd2\x85\x9c\xbc\x81\x08\xfbVonn\x9d%zzu\x89UN\xd4\x05^\x8d4\x07X.\x1ex\xabB\x1er\xea\xf3\xe9\xe9g\x14C2\xd40\x93fs~}I%\xb3\xf7\xcb\xb0\xb5\xadN\xb7\xd3\xe9\x02\x16d\xfe\xe2\xe2|\xbfB1\xa1n\xc1\x98\xa8\x0e\xf3\x0e\x01\x8bA\x8fZ=\x97\xc2z\xa2\xc2\xf5\xfa\xa5H-\x97\x8bK\x99\x0b\x85B\xfes\x01\xb8N\xd7H\n\xa8\xf2y\xb2p:\x9dM\x1e\xbb7c&gt;\x83\xa2{v\xd6nwg\xdc\xfa\xf1\xf1\xf9~\xbbQ\xb1\x8b\xf9Z&lt;\xa4\x96\xc1\x0eX\x02z\xd4\xea\xfd$\xac\xdfi\x89\xc7\xb80\x87R\xcbA\x85(\xaa\x80N\x1e\x1d3\x152\xa77\x9e\xfc\xe6=\xcff\xc6~\xab\xb5O\xa2j\x0c\xdab\xad\xdd\rD\x16\x17\xc7\xfa\xd1\xaey\xc2\xe7C\xd3\xeb\xff\xd5\xba\xa4\xc7A|\x92\xd6\x13Q\xae\x17\x17\xb2!\xe5]\xaeP\x882\x9b\x91`k@E\x9a)*\x7fsV\x0b|&gt;\x7f\x1fy\x05\xce\xef\xefi\xd27\x0e\x9e\xbe\xd6\tD\xc6\xc7\xfb\xed\xf6\xfb\x81\xb7\x88|\x8d3\xac\xbb}{\x92\xe0\xd1\xd2\x13{z&gt;1Y\x95\xf2\xe4\x90_\xc8\xca!,\xc2EPd\x81\xbc\xd7\x0b\')\xca|z\xfb\x9fo\xf0\'\xdb\x01o\xdf\xf9\x06X\xaf\x97\xbfc\xcd\x8f\x81V\xb2\xe3=\x9f\xaf\xa8&amp;\x0c&lt;&gt;\xf6\xf2\xae\xce$\x1a\x17\xf4\x04\xf1B\xc4\x15I\xe3s~\xa1\xe8^-8\x14\xd2\xeb\xba\xb0\x86C\xaa\x03V\xfa\xdf\x05\xb3\xf94k\xe9v\xbbo6\xb7\xafUU\xfd\xf2Y\xbbi\x89\xcc\x1b\x15v\xb4o*\xde\x8b\xc5sJ^&amp;*\x84\xa3A\x93\r\x9c\xe5rK\r\xc7\x1c\xa4|\x0eq9\\!\x94^f3HfF|\x10P\x04\xf7M\xe7\xa9\xf6\x1b\x8d\xd6\xedX\xd56\xb5\xdc\r\xa4\x16\xef\x13\xcb\xde\xf2\x15y\x04\x88\x053/\x9b\xabl\x0c\xd0\x93Z\xc0\xd5\xe0\x96J\r]\\\x9a\xcb\x01\x13\xd8\xf9\x10\x1c\x8a\x8f\xb0\xeee\x03\xc5\n\xd7\x85\xed\xa5\xebj\xd5\xa42m\xc3Iz\x16-\x16\xbd\xad\x1f\xa8v\'Z-\xa4\x15\xbc\x88\xdc\xf0@\xa3Qj\\\xd0\x84\xd5s\xe9(5\x1a\x83q\x9c\x95s@\xddD\x85&gt;\xf4].\x8a\x12\x99Q\xcd\xba\xbe^;\x9d\xb6)\x92\x07\x07\xf3UO,\x163\xa9\x926\xfd\xe1\xbc\x15]\x16\xec\xb5\xe0-l\xa1Y\x7f`\x98\xdf(\x95Jt}f\xd6{\x01\xe5\xaa!\x01,V.\x04A\x84\x83\xe2\x08"!4\xb2\x80\xee\xcaT\xd5\x8c\xdeh&lt;\xd0\xeb\xa7\xa6\xe6a\xd2PY\x93\xd5j\xd2*\x93\xa1\xfd\x03\x1az\xee\xd5\xd2\x95y\xa5\xd2\xa7\x1e\xdaN\xc9\x81\xb0\xfc\xd0\xaa\xa1\xcf \xac\xd0}\x95\xb8\x0faaM\xa7K\xea\xaa\x99@`\xdcx\x98r\xbb\xddz\xdb\x98\xd1j\xb5\x9aLV\xb1b\x02\xc3\xbe/\xb6\x0c\x84\x81\xebT%\x98\x8d\x12\x8d\xdf\xe4]\xb8r9\xcd$\xbc\x8a\xc0E\x01\x14\x02\xa3\xa8{\xb4\xebk\xbb\xd1\x9a\xf4\xae\x9ct\xbbS\xe2\xe9\xcd\xc0\xa3\x99\x1f\xdd?AR\xd9Mb1\xba\xe1,\xaa\r-0\x0fj\x82 \xfeK\xcb\x19\xff\xb4q\x9eq&lt;\xd7;\xc5w\x87t\xd6I\xb6u\x9em\xd9\x96|6K&amp;\xd9\xe8:\xdb\x87\xa0\x961\x96m\x01\x89\x05UA\x18\x8c1\x0c\x0814(\xa8\xc1C\x0b$"\t\xc9\x90C\xaa\x02\x9e"1\x11\xb6\x91\xaa\xd5\x18\x01%\x03\xa1\xa9MI4MlR\t\td\xa8\xa0\xd0*Ll\xd9(?\xac\xa9\xa6\xa8{\x1e\xb3\xfe\x01k\xb9\xd7g\xff\xcaG\xdf\xe7{\xcf\xfb&lt;w\xcf\x8b\xc5\xfb\xab\xc6\xc3sV\x8e\xeb}\xc2\x0b\xb7"\xa5\xbd\\A\x95\x97W\xe4\xb0r\xbe/\xb3\x06\xdd\xee-\xcf\xf5k\x17\xfex\xb6\xe3\xca\xa5\x81\xaeJ\xe0Jg2\xd3Y\x93Og\xc4wP\xc3\xd0\x88A\x8b\xc8\x16\x97[\x9e\xadn\x1c\xee\xfc"\xf4\xfb\x1b\xae\xf7\xd0\xf3$Hv\x10\xc5\xf2SQ\x8d\xd1\xeav\x9b\x9eb\x8a\xd8\xdb\xdb\xbd\xb4s\xf6lWi$2w{n\x0e\x1fB\xbbR\x1aT+\x0f\xb5\xca\xcb/f-\xab\x87?\x07\xa1\xaa\x89\xbe\xe74h\xcb/S\x97\xb5@u\x19n\xcah\x99\xd5\x9d\xf5i\xe2\x85\xd7\xb7\xb6\xb6v\xf7\xf6w^\xbd\xda\x86t\x15\xceN\xcf\rMN\xcee\x8d\x9a\xb8F\x13\xcf\xc3\xfe\x10c\xc8r\x1b\nL\xb3\xa8^\xffi\xa3\x13:X-\xa0\x95\x83\xc7\xcaY\xcdt&amp;m\xe5N!\xd4\xcb\xbd\xbd\xb5\xb5\x9dW\xdb\x8b\xdb\xdb\r\xc9\xa2\xca\xe0\xdc\xe0\xc8\xe4\xdc\xf8pT\xa3)\xcb\xcf\x1f\xce\xe7\xa2lq\x1e\xcb\xad\x1cQ\x00k\xf58\xee\x8aZ\xf0\x17~N\x95\x0f\x8fg\n\x02\x15\x85[/\x01jwm\x7fg\xe7\xd5\xe2\xe2\xd2\xc2\xe2\xd2b2\xd9\x92^\xaa\x1b\x99|\x00\x9ba&lt;\x1e\xcd\x8fF9\xc2\x92\xcf\xb2\xc5J\x0c\xc6\xaaV\xc4F=\xaf5\x18P1\xe0b\xe3\xa6\xa6\x9bO\xaf\xbfD&amp;\x10\n\xd7\xe2\x12l\xd6KK\xdb\xfd\x8bK\xbf\xf8\xe5\xc2Pd"\x1e\xd5D\xe3Q.\n`\xacRX5\x02ba\xfb\x03\x8b\xd2\xb2\\\xd3T\xcb\x9b{\xbb\xfb\xfbk\xfb\xf0]\xdb\xd9\xd9\xc1/\xfc\xa6\x87\xaa\x8f\x1e=\xba0\x98\xb6\xc6\xa3\xf1|\r\x97\xcfq\x10E\x96\xcdSd\xae\xac&amp;\xbf\x91\xd7\x1b\xb4\x14o\xc8\x85\x92\x14\x1cg\x17\xb6w\xf6!\x86\xb0vw\xf7\xe1\x02\xb8\xb5\xc8\xf4\x93\'\x0f\xd6\xeb^[Z\xec\xb7j\xa2(\x14\xf4\xe0\x1c\xc1\x96\xb37\x94\x19w\xbbqL\xaf7P\x943\x84\xf6\xa2\x08\xfb\xdbW\x0b.\xedm\xbd\xd8z\x01\xeb\xe5\xd6.\xdc\x8bk\xb0\x1e&lt;y\xf6l\xdcj\x9a\x03\x8f\x05s!\x14\x00\x8a`\x086\xba\xaa\x0c\xd6\x86\xdf\xc9\x1b\x0c\x06=\xec\x8d\x94\x96\xa2\xfd\xcd\xe7\xa0&gt;E\xa8\xdf\xe5\xc1\xcf\xde\xde\xff\xb0\xa6\'&amp;4\x1aO0\xdd\x106\xa5P,\x0e\xb0H\xc6\xc2\n\x1b\xca\x0c-\xd6\x98\x9d&lt;Ej)\x03\x0f\r-\xc5\xd8\xfd\xc7\x9c\xfa\x10\xd4\x0f\x85/\x10\xeb%\xc4p\'\x99,\x9a\x8a\xe9&lt;)\x8f\xc7\xe5\xcef}\xa9oc\xc8\x91,kV\x08KU\xac\x06\xb5(\x03\xc5\xf3\x06\x9e\xd7\xdb\xed!\xa7^\x1f\xd2\x1aB\x90OGw\xaf&amp;\xb7\x17\x16\x16\x17\x16;\x0b\x02V+\x94\x0eP\x00\xfa\x8c\x1a\x0e\xd5\xc2g&lt;\x16.\xb5zD\x19\xac\r\xbb\x9e\xa6\x0cH\x06\x8bW;y\xde\x19\nQ4\xd3\xdd\x1c+\xc0\xc9\xe1\xd6\xc1\xce\xce\xc1\xc1d\xbb\xc9\x07\xbba\x99\xd5h5\xe2\xfb!5M\xd2\x04i\x11\xb8U\x85\xd4\xaa\x91\xd5&lt;,=\xc5C\x10I\x9e\xa7\x0b\xf9\x90\x9e\x0e\xd9\xc5*\xa8\xfa*\xd3=\xfdE]\xfd\xc9\xdf&amp;kK\x83F\xa3\xa6\x0c\xc7XRh+\x9a H\x920Go(\x84\xa5\xd2\xf8i\x8c\x1f\x94\x83\xda\xcb$\xd8&gt;\xa7[\xe8\xd8\xf1\xaa\x04\x94\xa47\x7f=555P\x94L\x86\xdb\xddV\xc0*\x1b/K\xd98\x82ah\x1a.\xb3M\xa1\x04\x01\\\xc3\xa2Z\x8fA\xd4bJ\xa5\xc0c\x14IQ\xa1Pw\xb7\xbf~t\xf4\xdc\x9b\x1d7;\xa6Z\x92E\xa0\x96\x15\xa8\xca\x8ce)\xb3Y\x00&amp;\x82\xa1\x19Y`\xdfW\n\xabX\xf2\xabA/\xb8\x17)\x8aF\x83\x19H\x0c&amp;p][\x1e\xc5\xe9\xa4\x8e\x81\xae\xae\xfe\x82&amp;\xf7\xb8F\xa31B\x0c\x053\xc3 \x14a\x939\xe5\xb0\xf2&lt;\x12\xb8\x1e\xdc\xa5\xa7i\n\x02H\xe1+ \x9a\x06\xbd\xae-\x7f\xb4\x8c\xa36\x03W\x07*\xdb\xa18\xd5L\x94\xa5R)A\xc0\xd9\x12\xf8\x98E\x81-/V\xea\x0c\xcb\xeb6I\xb4\xab\xd5\x90\x17\xe0\x96\x84mH\x8f\xc2\xf1\x80\x15\xea^^\x1e\xbd\x92\x1bd\x99\xc2^z|\x02J-\xa4\x12\xd4\xb9%\x83X\x8aa\xa9n\xd8e\xc9o\xb77:\x1b\xf5\x10C\xc0\xd2\x03\x14MV\xd0\x85O\xeb\x97Gq(i` \xd7\xb4B\x11\x0f\x8b\x83\x18\x82Tj\xbb\xec\x17,\nU\x10\xb9\x92K\xad\x96$\xbf\xffXc#\xe8\xa5\x07[\xc1\r@V\x90\x85\\\x85\xd0]?\x8a!\xbc:\xd0\x04!\x04\xb1\x86\xe3\x1a\x8e3\x03\x96\x1d\xa0D3\xc1\xc2^\xadT\x10\x01K\xd6I\xa2\xdfow\xaa\xf5|\x88\x82Xj\xb5$YX\xc1i\x0e\xb0Z\xba*\x03Y\xeb\xf88&gt;v\x88s\x10A\xbb\x1f\x96(\xab9\xd6\xc2Z\x14\xc4\xd2\xfb\x1d:\xe4\xb2\xab\xf5\xc7\xc1\xfb\x90"0\x8c\xc4\xd3\xe3\x1fA\x82\xb8\xdaR\x14\xce\xe6f%\x86\xa1\xd4\x12\x18\xa4\x12EQ\xb6\x999\x08"\xbb\xa2\xd4\xee\x03Y\x9e\xf1\xf8t:Q\xb4\xdb\x9dN|N\xcf3\x90\xc7\x99\xee\xe3\xf5\'\x01\xab%\tMl$;=\x8e\xd6\x12\x04\xb5\xec\x97$\t\xa9\x04\xacN-\nb\x19h\xb3\xe8s\x80b\xf21\xe4r2\x04-\xa8q*\xe2\xeds\x1d\x03\xfd\x9d\x9d\r=\xe9H6\xeb6\xa6Rf\x1b\x98*\xe1\x90d\xd1f&amp;P-\x8bR%\xc4\x86Z\x8f\xef\xaaE\x87\x03:yQ\xf6\xdb!\x98f\xf8\xf3\xa2TUu\xaec\xaa\x0b6\xea\xc1\x86\x86\xf5\xb9\x8c\xdb-\xba&lt;\xa2(\xf9\x1c:\x8f,\xdb\xcd\x0c\xa1 \xd6\x91\r\x06\xd2;\xc5\xa8=:\x87\t\xbaf\x97\xc7\xe5\x81\xca\xca\xe8r\xe9t\xb1v\xe8\xa7\x07\xf1T\xd4\xc8HO8\x12\x80V_\x87\xf3\xdf\xb2\x8c\xde\x02,\x0bK*\xa5\xd6\n\x03jA^W\x8b\x92\xc3k2\xb9\xadA+\x94U\xc1\xa0\xdbd\x8a\x84k\xdf\x1a\xb9U]WW\xdd\xda:4\x14\xc9\x98\xbc\xbe\xa0\x0f\xc8\xe5\x9c\xe7\x05T\x8b\x9cxG\x19\xae\x15HVZ-T\x04jY\xd29\xdc\x81L\x16\xd7\xed\xdb\xd0\xddO\x1eLN\xd5\xc1j\x1d\x19\nG2\xd9`\xd0\x97H@ %\xdd\x01\x96\x85tL\xdeU\xe2\xbc\xb5j\x05\n\x08,\xe3i\xbd\x1d\xfc\x04\x91\x8c\xcc\xc1\x9a\xfc\xe2\x8b\xd9\xd9\xd9\x91[\x07T\xaf\xd5U\xdf\x9a\x9d\x8c\x98@\xaa\x84\x94\x90\xa4\xe6\x84\xe8\x91s\x9e\'\x1dS\x8f\x9f+pD]U\x03\x15)bAij\x96e\x8f\xcb\xe53\xa5\xc3C\x88\xf4\'&lt;\x81W]}pV\xb1u(\xe3\xf6:\x80\xaa\n&gt;\xcd\x89*I\xb6\x11\x90\xe6)G\xec\xdf\x9b\x9b\xcf\x1f\x1d:X\x8d\xb9\x11\xbbW\xf2 \x8e\xb2\xe8q\xf9\xdc\x99\xb9\xf5\xa1Y&lt;ZW]\x8d\xf3\x809\xaat\xc0\xe4u$@\xaa\xaa\x84\xd7\xe1MH\xa2\x99A\xcb\'b\x8f7q\xdd=q\x98\xffn@\xa5\xfa\x99\xd8\xc8c\x01h@,\xc6f\x83\xdb\xd0\xea\x0b\xa4\xc3\xebC\xb93\x7f\xad\xd5\x07T\x91\xa6@\x0c\xc4Jx\x13\x89\x98\xf7\x1cb\xd9\xcc\x80eI\x94&gt;\xbewos\x13\xaeG\x7f?\xb4\xc35\xaa\x13\'&amp;\xabrjQ\xb0\xdb0\xb4\x192\x96\xcdft\xf9\x02\x11\x8c$x\x0b\x05\x03\xaap&amp;\xe0\xf5\xeat\x12*u\xd3\xeb\x058\xc9\x0f\xe6bY\xff\xfa\xfc\xbd;\xf7r\xabm\xec0\xce\xce\xab\x8e\xa8\xbe|\xb4\xd96p\xb2\xd1\t\xed&gt;\xf4\x17$\xb43\x0c\xc3 \x99\xc7\xa5\xf3\x99"\xeb\xeb##\x83\x90 ZG\xc2\x11S\x9f\xc3\x01\xbbN"\xd6\x17\x8b\xc5\xfa\x10K\xb4\xe1\xad(\xcf\x8e\xf5\xf6\xf6\xde\xc1\xeb\xceo&gt;\xfe\xde\xe6W\xa9j\x00\xea\xddw\x1f\xff\x1c\xb0x(\xe2\xa1\x91\xc1\x97\xc3\xf8~\xf8@3\x8f+\x1b\xe9\x19j\x18imm\xe8i\x0f8t\x92$\x03\x97\x03\xa8b\xa0\x96\x0e\xb1\x04\xd6\xe2\xb9\xd5\xdb\xdb\xd6\xdb\xd6\x06\xdf\xde\x87\x17?\xd8|\xf4\xa3\xef\x05v\xf790\xc1\xfa\xcf\x05\xc42h\r\xdf\xaa\x05E:x\x8calf\x9b\xd5\x9dI\xd76\x0c\x0e\xf6\x84\xdba\xc3\x84\x0c\nj\x99J\x9b\x9a@\xadfT\x8b!XK\xf0/w\x80ilf\xacm\xac\xed\xe1\xc5\x8f?\xf8\xc3\xe7\xff|\xe7\xbb&amp;2U\xcd\xd7\x9f\x9f&gt;\x9d\xc3\x9a\xb9p\x12\xb6gH\xf3$\x89`h{\x12\x1b\x1b\xb3 \x086\x97.P\xd0\xdf\xd9P\xdbT\xea\xf3I\xa2h\x93\xa5\xbeXii;\xc8\xd5\\U/\xdaqW\xbc\xfd\xf8\x00kflf\xfe\xab3\x80u\xe6\xfe\xa7\x7f\xfb\xf3w\x8a\xa5\xea\xcb\x7f],9]\x92\xe3\x1a\xbb\x02jAAJ\xa3\xe9-$\t\x15\r\xc0Y8\x82\xe0\x90\xcb\x11\xa8\xec\xef/\x80D\xea\x92e\xd9&amp;\'\x00\xab\xbd\xf4&amp;`%\xea!\xcfs\x1c;9\x96\xc3\x9a\x9f\x9f\x99\x7f\x08X\xdf\\&lt;\x7f\xe6\xfeg\x9f\xfe\xf0\xd1\x8f\xffO00\xd5\xd7\xdf\xfc\xe4\xfc\xe9\x92\x92\x12\xc4*\x89\xe5\xb0`[4\xd0\xb90\x12\x0c&gt;\xf7\xb0p$\xc7\x81\xbft\xee\xd2\xda\xdaHS\x9f\xc9%cQ\xe1\xed+mo/\r\xa0\xb9\xaaD\x99\xe1,\xe5\x93w\xc0\xeec3\x1f\xce\xcf\xcf\xff\xe3\xab\x8b\x9f\xfc\xf5\xf7o\xfc\xe0\xfc\x1b\xe7?\xbb\xff\xc9\xf3\xffRn\xbe!m\xedg\x1c\xd7zG\xb5\x9c\x9a\xd3\xa43\xf6\xcc\x7fMl5#9\xd7\x9cN\xdbr\xe8\xf1\x18S\x88y\x11\xeeq,\xdc\xa50\xcb\xb2\x80$"),\xc1 \x89\x12\xdf\xdc\x17E.\x17J \xc5\xc1E\x16.&amp;Y\xaf\x0e4\xbe9\x90\x84*Yp5H\xc7E\xb0\x14\x04\x11\xae\xb4\\\x98\x932h\xf7}N\xda\xb1\x8d\xfd\xb9\xfb\x194\xe2\x9b\x0f\xdf\xe7\xfb\xfc;\xfe\xf2\xff\x98\xec&lt;\x94zw\x1a\xc8\x87\xa1V]\xae\xc5\x9fjX\xd4\x80\xb40\x02\x0bt\x98\x0eZ[\xbao\xde\x18\x18v\xce\xbbb0\xfc\xc0\xb5\x1b\xbd\xd7\xfan\x8d:\xc7\xc7\xed~\xf2\xd6\xb5\x11db\xd3\xcf\xff\xba\xb1\x06\xc3o\xe6r\x99\xccE\xa9\xa0\xee\x87\x13\x86\x04\xb8\x12\x90\xecE\xf4\xfbU\xd8\xf3\x04u\x1aXX\x00\x96\xd9a\xaec}u\xff\xc7\xf0\x16R\xf1\xa3\xf7\xd9H\xb7m\xe8P\x10\xdb\x06\x86\xfd\x0f\x10\xc36\x1a^!\x96?H\xb7\xe6\x9d\xe4\xad\x1b\xb7u`\xefO\x01kvr3\x93\xdb\xda=\xa9\x96\xd5\xfd\x04\'U\xa5\x84$\x90d\xb5\x8d\xef\xe3~D\xefu\x00\x87\xb0*\xbc\xd9\x8c(\x02,\xd57\xf2\xb1\xd6\xac\x7f\xa8\xcd7\x8d\xba\x16-\x1d\xb1\xd2\xb7\xa3\xe2\xb7\xf59\xedv\xe7\xe8-\xaa\x0f}\xb7\x10\xc1q\xfbx\xd0\x7f\x0fU\x1eX\xcd==\x9f\xbf\xdd@\x14S\xd0j\xeb\xe2Y\xa9V\xd8\x0f\x1b$\x83\xc4I\x06A\x82d\t\xf5\xf8\x7f\xcd\x17\xe7=o\x10\xbd@@\xd4\xb0\xd8C\xb3\xc5l\xa6l\x9c\x1d\x1a\xc1*\xf61VD\xac\xd4\xcdM-\xd7\xa9&lt;\xe8P\xb8nSYm\x9bs&gt;\xb0\x07\xd1\x0e\xe9\xf8\xc7\x83v\xed\xffe\xf7\xe6~\x85%\x0e9\xdb\xf3\xa7\rRk\x13T\xbb\xe7"j\xb5P\x08\x1b\x8d\x00\xc3\x91\xc0%%\xc25\xc7\xfa\x7f\xb9\xcf\xf8),\x05$1\x10\xc8\x03\xebY^\\\xb1X,\xc0\x02\xd7\xd3\x11l\xae?\xd2\x1eqa\xe1i\xa6-\x90\xce\xaf1N@\xad\xb9\xe0\xbc\xcf\xee\x1f\x1d\xf5\xfbG\x9dN\xbb\xcb\xe5\xb3\xd7\x83\x88-C\xa7k\xed\xf9\xf3\x0b\x885\x99\xdb\xda\xda:9\x91\x0e#\x85B\xa2\n.#\x1d\xa8\x06\xd9\x12\x89\x03\xc7\x9e\xe7?D\x0f\x96\x12\xc1\xa4a-\x10V\xbe\x04*\xb8\x0bX/Gt\xd7\xaf\xd0\xe0\xdcD\xed\xba\xa7\x19\xbbM7\x86uD\x10Tms\x0f\xbc.W\x10\xc7\xe9\x1f\xb7\xfbf\\&gt;\x97=HW\xcb\xa0\xd6u]\xe3\x97Z\x0cW3\xbb\xbb\'?8I\x96\xaa\xe9\xb4d\x94 \x971R\x17\x8d#\xae\xc4A(\xfa\xe9\xbfM\xbe\x80M\xa4\x97Hl\xc0b\xc4|\xd5\xcc[\xcc\x16\xc8\x15\x9a\xbd\x89=\x0c\xdb\x0f=\x15\xb9D\xf7\xaeoS\xf3\xa1\x08v\xdc\x1c\xe8s\xferz\xc6ew\xc5b\xc1\xa0\xcf7?\xef\xf2\xcd\x03\xeb\xf1\\\x1f\x16^`\xbd|\xa1\xc5\x10v?w.W\x84\xd7\x13\x1cd\xc2\x89D\xa4\x88&amp;\x99dHpBX}\xf1\xaf\xd3\x05%\x9fh\x13\xe9%\xba\xc5&lt;\x89\x95\xb71\xf93\x0b\xcf\x9b-\x0e\xe2zr\x1dj5\xd1\x85)\x94\x87\xe6v\xf2V{/ul\x8a\xa1\x9d\xf6\xb1\x19\x17\xb8|&gt;/\x8e\xcf\xf5`\xfc\xb7\x8f)\x88\xd8\x90:Rd\xadT\x86\xb0v\xcb\xa6\x9c\x14\x86\x9f\x8cdwp\x19"\x04\xc6\x19\x0c\x02\xb8\xc2\xc57\xe7\xffQ)\xcfQ\xa0\xceDz1\xa2\x16\xc3|\xde\x96\xe7V\xf8C\xcd\xf4\xa1\xd0\xdb^pQ-\xbdt\xe9\x12&lt;\x0f\xa0\x16t\x9e\xa9\xba\xe3}\xbf\xfbl\xda\x0b\xae\x18\xd6\x8d\t\xafw\xde\xe7{0\x1e|L\\#:\xdd\xf2\x06amn\x01\xebg\x87\xd9\xccJ\xb9d\x14\x12\x06h&amp;\x91R\x1a\x96\x11\xee\xe7\x84D8\x9c&gt;\xfa\'\xa5\x026\xb7\x88\x97\xdb\xb6\x10`\xf4"Q-\xe4Y\xa1\xc2V\xcd\x87&lt;\x99&gt;\x1br&lt;\xc1\xbe\x7f\x05a\xd4&amp;\x08zv\x85\x1d\xb0\xb5\xb5\xbd\x17=\xb1\xd3&gt;\xfd\xd9#/q\xb9f&amp;H,\x1fR\xd1\xe9\x9f\x9b\xbb\x7f\xedv\xf7\xd3\x14MZ\x93T\xb2.f\xca\xc5\xcc\xcaa\xb9\\5\x1a\x12\x07\x89\x84\x11\xce\x8fT\x01\x16!.\xe8%\x87\xd3\x7fO\xbf7\xa7\x01\xd1\xc6\xb8\xa1\x12c\x13\x17D\xbd"\x12\x94[\xe1\x14\x8e\xa9X,&lt;%c6\xebx\xdb\xdb\xa2\x03S\xf3\x15\x1dU\xac\xf7T\x8d\x97\xbb\xa9U\xbb&amp;\x1eQ\x14\xc1\xe3\x9d\x98\xf0\xa2?\xda\xe1-\xff\xe3&gt;`\xdd}\xbe\xb6\x06\xaeU\x8a\xe1I\xb9\xb8\x92\x03\x96\xc5\\\xaera\xc8\xa5\xd9\x9e\xbe(1%\x8d\xebC\xa1z\r\x8f\xdb\x18\x96a\xdd\xcf\x18\x00\x89\xb2\x80\xefy\xbd\xac(\x06\xe1\xd9\xe9\x11LoqdC!\x87\xf9)\x98&gt;jj\xd6\xd0\x1au\xba\x96\xc6v*\xf2\xdd\xbd\x1dm\xa3\xb1\x99\x89i/\xc9\x85o\xc0B"\x8e\xdb\x9d?\xa2\x0f?\x00\x00\x08\tIDAT\xce{\xf7\xee_\xbbJT\xb3kk\x9bT\x1cr\x87\xe6\x1aae\x8b\xc5r\xd2\x000\x83\x91{OU\x0f\xa3\x10\x96\xdf\x97\xf4wT\x10l\xac^\x96m\x8c\r\thS\x80%\xca\x8a\xacg\x156y\x1a?\x86Xh\x8c!Gq\xb2\x83\x86\x87f\xea&lt;u\xb5\xda[z\xdb[\xb5\xc1f\xccE*yg\xbc\x1f\x9c\x85\xba\x85T\xbc\xd56\xb0\x9c\xa2\xa1\x94\x0c\xbf\xb5\xfb\x9c\xcf\x9a\x80U.\x86\xb2\x165\x1c\xe6\x0c\x1cRRz_\xc1\x0c\x1a\x97\xa2h\xf1{\xbd\x80\x00\x06D\xb7^\x11\x047c\x83\xa9\xdc\x8a&gt;\xe0f\xf5\n\xcb0\x15EX\xfanO+]Y\x87\xc3l~\xd9J\xf7\xe6\xe1w`]\xd7!\x88\xedd\xfa\xa9\x8e6\x0c\x82\xf3^M\xad\x873\xde\x19\x9f\xcfE\xde\x82\xb9\xee\r/\xaf\xce\xd2A\xdfA-\xfd\xb6\xe80\x95\xaa\xb5r(T\x0c\xc1\xde\xc9d\xc2( \x07\xb5\xb2\xca\x19\x8c\xa8_\x9c"h\xf1\x0b\x04l61/\xb22\xc7\xc9\x0c*C \xeffe\xd9\x8d\x982nFA\xce~7Hr\xa1H8\xf0\xe3\xe9\x85\x1e\x9cz\x91\xc7\xd4L\x17&gt;{\xa7\xa6`y\x9aO\xe9&lt;\x04\x94\xcbGW"\xd0\xab\x83\xfe\xd1o\x9ecJ\xd6\x9a4\xb0R\xd1W\xa6C\xc2*fCE\xf5 \xac\x16\xd4\x83\x9a\x91\xaa)j\xaa\x16D\x0er5 ~\x0b\xa0\xb2\x05\xf26\xbd`\xe0d\xd6\r\xe5X\xbccY\xc6\x06\xb7\xe9eNQ\xf6&lt;\xebh@&lt;F\x892o\x99|B\x0f\xab\xeac \xa6\xe6\x96\xfa0\x7fu\xb8sq\x0c)\x880R\x8d\x88\xd9\xc9Z\x84\x15{\xf8\x17\x0c\xc9\xb3Z7\xcclev\xe2\xb3\xe5Z\xb5zX\xcc\x02\xeb\xe0@-\xe2M\xb6\\;\x8b\x80K{I\xc0J4\x90\x93\x08+/.\xe9\x91\x04z($\x0b\n\xfe.\xb0\x01\x91\xd1\x93\xe9\x15\xf9h\xd0\xf3\xaa\x8b\xe75\xc5xK\xeaK\x8d\xab\xa7\x87f\x9anm\xbfn\xebk\xbb\n\xb54s\xa1\xeb\xa0\xce\xdb]\x94\x88c\xc1\xd8\xc4\x1f\'S\xc0\x9a\\\xc5\xe8\x90\xc9|\x1b\x8dZx`\xa9\xa0)f\xcb\xf0=~\x16\x0e\x12\xa8\xa9g\x12\'\x00\x89\xb0\x04\xc2\x82&lt;n\x9b\x08a\x14\x01\x1e\x17\x14=\xde \x9cn\x88\xa5\x07\x97\x9ee\x8f\xac\x9e\xa8\xb9\xab\xab\x0bz\x91h\xcf\x7f\xd1\x0f\xb0\x0bM=\x8dMh@\xdd\xbd7\x06\xfa\xda\x86\x87\xb0/\xfa\xc8T\xb1Xllql,8\x1e\x83T3\xd3\xbfOu\xa5\xba0,\x83*\x97IE\xad;\xc7e\x8aa\x96D*\x96\xcb\xc5B:)\x87\x11?.rvvV\x12 \rR\xb1!\xb0\x90\x07\x15cs\xb3,\x84\x01\x82 \xc8\xa8\x13x\xcb\xe0\xb0z\xaa\x19\xecQ|\xd0\xb3a1\x99L\xbc\xc3\x8chN.\xf7\xf7\xf7\x93`\x8d=\x8dh&gt;\xb4)\x0e\x0fu\xfa\xc7\x10:\xbbkllq\xb1\xb3\xb3\x13S`,\xe6\x9a\x98\x9eX]]%*L\x7f\x9b+\xb9\x1dkt\xfdX\x95J$\x16\x84R\x93\xc9tEN*R\x02IX-\x95PT\xcf\xaa\xb0\xbc\xd2\x80\x1aEXz\x96\x84! \xa8\x05\x99\xe0~\x81\xc0\xdcn\x86\xd1+Gq\xabg\'\xc4\xaf\xact\xa1L@\xae\xccb\xff\x9d;\xf4\xf0\x18d\xdd\x98\x97\xe9\xc3\x92\x9d\xa3~h\x84E\x7fhh\xe8\xee\xd0\x90\x7fl\x0cul\xc2\xfb\xbcN\xb5\x9a\xcb\x99\xbaV^\xc5\xe3;\xf1c\xb5ZR\xe1\xf8\xfd\xfd\xfd\xf4\xf6\xf6v\xa5\x92\x94\x05\x83T\xaa\xe1 \x94\x91\xb3\xc8\xabc\xb5!/\xe6O_/\xc1\xdf\x90F\x96\xc9Zz\xa4\x1f\xdco\x10\x90\x95\x14GAV\xf6\xe2q\xcf\xe0\xab/L\xb9\x95.\x87\x96\x8d\x8f~C\xf7f\x00\xf6I+\xa9\xa5Q\xe1t\xfa\xe9\x13\xde\xf4,\x0eX\x08\xe0\xc4\xcc2\xc4Z\xa5uge\xb3\x8b_E\x08\xe3\xf1\xe3\x83\x12a\xed\x17\n\xe9t\x05GI&amp;UU\xad\xd5J%\xb4F\x9c\xea\xce\xceNC\xfe\xdd\x1bk\xfc\x03\x96"3\xcf\xc8Oz\xb8\xdf\xc0\xe9\xd1!\x192\x9c\xb2\x13\xb7Z=\xf1\x90\xc3\x94\xcbYP\xe9-\x8e\xcc7\x9f\xd3\x07w \xd9\x85\xd6\xcbS\x03\xc3D\x85\xc8\r\r\r\xd3\xc7\xce;\xae\xc2iA\x17J\xd82\xb6B\xbek\xd2\xbc\t(\x8bi\xcf\x1a\x8dZ\xad\xc0:P\x0b8\xeaR\x05ZU\xd4BY=\xac\x1dHT\xba\xa8\xd8\x97\xf6\xd6\xd7\x1b\xde\x0c\x0e\x0eF\xd3\xdbI\x96\x8c$T\x08N\x90\x11N\xce \xb36\xd4}\xc2\xda\x8e\x12\x96\xe7\xe8\x0b\xde\x941\xd1\x1ed\xb6\xfc\xe1\xe9\xd7?\xa1{\x88w\xfa?i\x05\xd6\x10\x89\xd59\x0c\xa8\x8e\xcb\x97\xa7::\xeev.\x061I\xc4\xbeB\x08S\xfc$o\xe2\xcd\xbcy2\x1e_\xb7\xd6\xb1\x92\xe1t2\x9d^\xda\xde^\x82h\xfb\x05U\x95PQ\xd1\xaa\x89\xaa\xb6\xb7\xb3\xde\xe0\x19\x1c\xb4F\xb7\xe5\n\xcbPU\x97\x89\x83Z\x0e\x12\x101dX\xfc\xfe\xb7\x96\xcd\xe0\xa5m0\x0c\xe3\x7f\xc0&lt;\x84Z\x10D?\xf0\xeb\xa5\x81\xaf=\xc8\xe2eX\xa5\xe2\xc1\x08\xc1\xed\x0f\xf02\x06\x05=\xf4\xd2\\F&lt;\xe4\x0f\xe8\xb5\x12\xf8\x841\x10\x17#(\x8c\xae\xb9\xec \xac\xa1H\x88\x10\xd8!((\xc5R\xe8\xc8\xcd]\x06\xb2\xe7\xfd\xe2\x17[\xdaR\xec\xcf\xe7}\xbe\xe7}c\xdbMM:\x0eq\x19\x07M\x16\x9cB.\x80\r\xff\xce\xe8\x03\xc1o\xbf\xad\x03ki\x03\xc6\xda\xa2/\xe8/\x1d\x96\xf7\xf7\xe8\x9d\xd7\xb5c\xf8\xec\xec\xac\x17rF\x0b\xd9\xa2\xf3\xd8\xb0\x85!D\xee6\x10\xee\x1e\xd6` 30\r\xdc\xd5\xf6\xaaJ\xfa\xf9\x85\x9b\xeb{\xa5\x96e\x19"\x1e\x01\x0b\xe6.\xb0\xb0!\x95t\x9b\xa5b\xcd\x99\xe7De\x18\xd6\xe4`\xec\x9f\x86t\x1e\xd4\x0co+\x9f_\xeefO\x97o\xaa\xf4y\xa9\xe5\xad\x9d\xee\xf2\xc6\xca\xeeay\xaf\xba^-\xef\xael\xd3\xffT\x1fpV\x0f$h\x85ARo\t\x07%\x04V\xbb\xd1\x1e\x81){\xce\x06\x9e\x942JF#\xc4\x02\x8eF\xe3\x1aS\xe1\xc2,.\xb0R\x14\xca%,l\xc5M\x05\x82;\xf0?\xe2\x02ziZ\xee\x08lEd\xd7A\x05\xee\xc2\xe8\x85\xd6\xf8\x87\xe1\xaa\xd9j\xbd\xdc=~A\xcd&gt;\xeet\xd7\xb6w\xcb\xfb\xf4E\xc4\xea\xfe\xc9o\x10Q\x9ep\xce\xea\x10K\xaf\xb3\xba\x1f\x0b*\xa1#\xf2\xa3#\x88\x85\xd2A)\xec\xc4\x84\x0c\x86\xcc\xc6\x83\xf7\xd77P\xac\x93\xc76\x15\xd1\x98\xac.\x02\xabV+\x11\nF.\x93\xd2\x1d\x88(\xac\x99\x98\x91\x96\x165t\xaci\x13rqFm{\x18\x00\x8bV\x9d\xf5\x1e~!\x1a\xba\xc7\xc0\x02\xd5\xe5\xd3\xddK\x8f\xf10\xe4\xb09\xb0\x88\x0el~\xcbv\xfax-aL0~\xba\x12\\\x99\xf4\x92(\xd1\x08\xcc\xf5\xdc\x9f.\x8d\x13\xf3\x98q\xa6\xc0\xc23\x8d\x1c\xedXu@\x98\xaa\xf6\x0ex\xaa\x80\xa8$:\xb8ijQ_P\x11-\xdbJ\x9b\x8cB\x02zU\x82a\x81\x85\xf2@\x8f\xab\x7f_\xbfw?\x9c&lt;\xce\x08\tK\xd1\x00\x87\xae\xc9]\x9c\x07}\xf1D\xbfE\x88\t\x8d\rT\xbdA\x16\x8dH.\x89;.\xa00y\xc1\xf7\x9dN\x0b\xde2 W\x8e\xce\\"\x</t>
        </is>
      </c>
      <c r="M459" s="3" t="n">
        <v>45492.67679398148</v>
      </c>
    </row>
    <row r="460">
      <c r="A460" t="n">
        <v>1116954</v>
      </c>
      <c r="B460" t="n">
        <v>1961</v>
      </c>
      <c r="C460" t="inlineStr">
        <is>
          <t>Marquinhos</t>
        </is>
      </c>
      <c r="D460" t="inlineStr">
        <is>
          <t>Marquinhos</t>
        </is>
      </c>
      <c r="E460" t="inlineStr">
        <is>
          <t>PD</t>
        </is>
      </c>
      <c r="F460" t="inlineStr">
        <is>
          <t>ATA</t>
        </is>
      </c>
      <c r="G460" t="inlineStr">
        <is>
          <t>PD</t>
        </is>
      </c>
      <c r="H460" t="n">
        <v>175</v>
      </c>
      <c r="I460" t="n">
        <v>77</v>
      </c>
      <c r="J460" s="2" t="n">
        <v>37717</v>
      </c>
      <c r="K460" t="inlineStr">
        <is>
          <t>Left</t>
        </is>
      </c>
      <c r="L46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33e48a-8cc5-4a88-b7b1-f7c15213d7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[\x16\xef\x00\x00\x00\tpHYs\x00\x00\x0e\xc4\x00\x00\x0e\xc4\x01\x95+\x0e\x1b\x00\x00\x03\x00PLTE\xff\xff\xff\xa8dT\x82]S\x1d".~ZQ\x1b\x1e(\xf4\xf4\xf7\xff\xfe\xfezYP~VL\x93WIyVM\x9f0A\x9d`T\x99`O\xf9\xfa\xfc\x97`U\x8cXI\xa3eU~^W\xc9\x90\x83\x9cfWtTMpOH\x0efk\xa3`O\xbeyj\xc6\x8c~!&amp;2\x85OB\x87\\P\xf5\xf5\xfa\x86VJ\xaaiX\x83YN\x94\\N\x82TG\xfc\xfc\xfc\x87aU\x01mo\x02{\x80\xb6vk\x17\x19!nD&lt;\xafl\\\x9af\\\x9f]M\xca\x95\x87\',9\x90SG\x89RE\x8d\\O\x02sx\xb3qg\xb5~v\xaemc\x9fj]\x9aZMxI?g&gt;7~OC\xae;H\x8f`U\xb5\x86}\xc0\x85w%#+\xb8n_\xf2\xf1\xf6\xb2BJ\xbcsc\x16PM(.=\xab\x85\x81\xa6wm[97\xbc|r\xb5xr|RH\xb6\x8a\x83\xcb\x9a\x8e\xb5GN04A\x7fI=fKF\xc3\x92\x87\x95cZ\xa6-D#)6\xa65D\xb5l[\x9fVG\xcb\x9d\x95\xa4\x80}\xab\x82|\x1d`b\xaboh\xc4\x7frwLC-0=\xc4wc\xc0\x8f\x85\xf5\xf0\xf0\x9a)&gt;\xed\xe9\xeb\x8feXQ34\xf9\xf8\xf7\xc5\x97\x8e\xbfp\\\xa7mc\xad|q\xa2p_\x97sqoUP\xaecQ\xb5sa\xbe\x91\x8d\xc7\x87y\xab2G\x90mj\xafeX\xee\xeb\xf1\xcf\x9f\x9a\xd0\x8e~\xa8^N\x1cfk\xa3f_\xb7\x90\x88\nLM\xbf\x8c~\xb0iV\x93j\\\xbaKQnJC\x07DC!VV,*1\x94VOwC8\x11VU\xbc\x8b\x84\xd6\x99\x87\x9fsj\xaaha\x81c_\xb55LjOM\x06cd&gt;&gt;G\xbajW#\x1c#\xcb\x84r\x87hg\xafqn\x88e\\5#\'78C\x0flpwQHbC&gt;\xa3{u\x98mf\x9d}ztZT\xdf\xd8\xda\xb5fS\xd2\x9a\x8aC*.\xc8~j\xd8\xd0\xd1\xe4\xe6\xe8GGO:5:\xc2QU\xbe\x86n\xe5\xde\xe1\xcf\xb8\xb7\xa8vc\xafze\x85sp\x84KI\x8cTQ\xde\xb2\xb8\xb1\x87u\xc8l|\xcf\x88\x92/ZZ\xaf\x8a\x87u&gt;2\xbe~\x81\x9d^ZRCC#ML\xbb?M\xb5\x82h\xc1\xaf\xae\xed\xe2\xe5\xeb\xee\xf7\xd9\xa7\xa3\xd6\xa0\x95\xc36Q5rq.gd\xbf\xa5\xa0\xe0\xc0\xc8\xbdlu_HD\x88\x80\x85v^a_1)\xb8_ixSXBhdSV[\xc8\xc6\xc8\xa8\xa6\xaa\xbb\x9b\x91\xed\xda\xdcF:=\xe6\xcd\xd2\xb9\xb9\xba\xd6\xc5\xc3U,%+zv\xcd|\x89vtxZOR`]a\x93\x90\x94\x9f\x89\x86\xcd\x93\x8d8.2dfm\x95\xb7\xbc\xd1\x9e\xac\xb9PV\x8aL;\xc7]g\xc2\xd3\xd6\xa6\xc2\xc9n6,\x86\x1a4\xd2\xdc\xe0\x90\xac\xaf\xa7\x91\x8f[\x84\x81X\x94\x98u\x9d\x9e:\x87\x87\xa6CT\x92BZ\xd2&gt;\\\xa0\x99\x9c\xaf\x9d\x9b\x18ty\xafMb&lt;b\x94t\x00\x00 \x00IDATx\xda\xc4\xd8\xddK\x1b{\x1a\x07p\xf3\xe6\x98\x88\xd6\xf7\xa2\xa6\xe2K\x12052*1\xea\x11\xdbX$Dc!+\x12\xf4\xec\x12\x1dV\xa2.Zl+Z(\xca*\x85\x08E\x8bL\xdd\xaa\xe1\xa8\xab\x87\xae&amp; =.xUsq.\x0b\x8d &amp;%\xe4&amp;Q\xaa\x7f\x84\x17\xfb}~\xe39{\xf6z\'\xed\x93I|I\xa1\x9f~\x9fg\x9e\x994#\xe3\xff(\x8e\xa3#\x833\x1aG|\xbeL#\xfb\x8d\xd1\xc8e|\xd7\xe2\x8c\x9cq\xdc\xb7\x17M$b\xb1\xcbH\xe42\x16\x8d\xee\xfb23\xefp\xdcw\x83\xe1\xaf\xe6\x8c\x99\x07\xfb\xb1\xc8\xf5y0(\x8ab@\x0c\x06\x83\xe7\xd7\x91X\xf40\xd3H\xefr\xdf%(\xe4\x04\xd3E0\xe0v\x0b\x82\x1b%\x8a\x02/\x00w\x9d\x84\xcc7r\xc7\xf8\x1d`\\\xe6^\x02&amp;\x81w\x80$\xf0\xbc x\xdc\x00\x06(51x\x91Dh\xbe\xcco\xce\x1a\xdf\xbb\xb9\x16\x91\x10\xefp\xf0\x02\xd2\xa2\xbc\x02\x12*\xe0f\rM]D~=\x1c\xe7\xbemT\xd1\xa4\xc8{&lt;\x82\xc3\xe1\xc6\x81\xdeQ\x13\xdd\x81\x80\xfb\x16G\xb3&amp;\x8a\xe7\xc9\x84o\xdc\xf8\xcdP\xe3\x07\xb1s\xc1\xa3\xd7{\x1c\xbc\xc7\xe1\x10\x04\x04\x86\xb4\x04\x0f\x0f\x18\xab\x90(\x86\x02\xa1P@&lt;\xbf\x8c\xfa\xbe\xcd\xba\xe0\xb8\x91D2\x88\xa8&lt;`QV\x0e\x0f\xb2\xe2y7{\t\x04D\xb44$\x86B!\xc1\xef\x0f\x85\x00\xdb\xcf4~\x8b3\xd0ws\xee\xe6=\xbc\xc3\x83t\xc0r\xd07\xbc\x83\xa7\xc1G[\xdd\x02y\x02!?^\xfd\x02"\x13\x93\x89\x17i\x0f\x8c\xbb\xb3w\x19\x14\x98\xc4\xe3q;\xf4z\x07\xba\xa9R\xe9I\x85\xf3\x91\xe7\xfdv\xbf \xf8\x057\xaf\xf7\xeb)\xaeP ~\x11;H\xf7\xe8\x1b\x0fI\x05\x13T|\xc0\xadW\xe91cz\xfc\xa4\xd7\xf3\x02ay\x8f]Eo\xf3\xc0\xda\xed~\x92\xc5S7\x87\xe3\xe9\r\xecQ,\xe8\xf0P\xdf&lt;ztN\xf0 (z\xa0\xa5\x984\xfa\x86\xb7\xdb\xed\x1a\xbd\x07o\xa8\xe0\xb5\x93,\x14\n^\xee\xa55/\xe3\xde5F\x9cN&gt;\x07\xcfNC6\xf9*\x8dF\xe3\x11\x90\x8fF\xa5\xf2\xe8\xfd&lt;^U*\x8d\x19.\xbcA\x89\xf9\xc5X:7\x05\xf7\xe2RtHS\xaeW\x01\x82\xd6\xa9\xb0%\xccf\xb3F\xa3\x17\xc0\xe1=pP\\$\xd5h\xd8\xab\xdf\xae\xb1\xeb\x83\xb1\xf4\xe5\xc5\x8d\'\xce\xa9\x85&lt;\xe5\x83H\x80\xd3\x985\xc8\x84X\x1a;\xaf\x97 *\xe9g\xd4\xed\x17\r\xa6,\x18\xf3\x19\xd36\xefI\x07\xadPL\xb3\x19-b\x03\xaeR\xdd\xfe\xd5vJ\xc9,Y\xccT\x8c\xc7\x80*;\x06\xed&lt;\x9a\xa6\xb8\x10V\x90\x1a\xa8g\x0c\x8c5Z\xa8"\xcf\x1aDkkv\xcd\xda\x1a\x10kf3}\xb1\x03d\x96JC=U\t\x91\x03.]a\xd1\x1ee\x13\x8e\x7f&gt;;\xdb\xc0\xf8\x8d\xf5\xc72\xe3\xf8o\xd1\x1fWy\x82\xd1\xb4,\t\xee\x05\x96\x83\x83\xf5M\xc5N\x7f\xf4\xc6\xae\xb9M\n\xcf\xcdM\x1c\x7f\xac\xb5\xdfm\xc4\xd2\x0b\x97/\xb8t\\u\xf6\xb1\x1cx^\x12I,\xd4\xa6}s\xf3\xfd\xff\xd6\xd8\xd8X7\xd5\xd8\xfb\xabMxoY*\xfd\xc5\x9e\xfcqq\\fL\xa4q\xd7\xd0bg,\xbb\x9f\x81\xc6\xbao\x19T?\xe0\xf8\xe1\xfe\xfd\xfb?)7f\xde\x15N}\x0e\xc7\xaf\xec\x12K\xa3\n$\xd2\xb0\xbb\xb8\x83\x08.\xcc\x04\xf2\x87\xae\xaep\xc0\x03\xc5\xd6\xfd\xfbm8\xda\x86\x87\xdb\xda\xda\xda\x87\xdb\xdb\xda\r\x95\x95\x15\xa3\xdb\xf3_&gt;}\xfa\xf4e\xfe\x9fo\xa6\xc2vb\xd14&amp;\x0fd\xbf\x8d\xe6\xee$\xce\xb1\xdc\xb1&gt;C\x9f\xef\xde\xfd\xa9wx\xf8\xdf\x7fj\xbf\x87jl\xa4g\x83\xae\xa1\xf1^c~SS\x87e\xd99y&lt;\xff\xe5\xc7/\xac\xe6\xb7g\xde\x84\xed\xb4\xcb\xf0\x10\x13\xf2w\xf1\xd1\r&gt;A\xf0\xfeP\xb8\xa4\xa9\xa9&amp;\xaf\xa6\xa6fI\xd7\xd0\xb0\xd4\xd8@\xa5\xd3---\xe1K\x8d\xc5\xf2\xc4y\xfc\xe0\xf1&lt;&lt;\x0f\x8e\xa9\xb6\x97\xb7w\n\xc3~\xac4\xba&lt;F2\xe5\x8e\x8b\xc3\xd5\x10wT\xf1&gt;e\x7f^G\xde\xad\x8b=X\xe9\xa8\x96\xf2\x9e8?|p\x1e\x1f\xcf\xffu\xfe\xf1\xb1\xd3\xb9\xedt:wv\x16GK\xe2~\xb6l\xfd\x17\xfbr\xb3\x8c\x89s\xb0B\xab\xa6~b\xe5\xe5\xb5\xe6\xe5\xe4\xe6\xe4\xb6B\xd4z\xcb\xd3-\xb5\xe6\x14\xb7&lt;i\xa1\xbc\xe6\xe7\xe7\x8f\'\x9d\xce\x0fO\x802\x8d\x9a\xfaBW\x04\xf3\x07nd\xde\xf4\x9c/B\x9f\x02\xc3\xca~\xb0\x18\x8a\xea\x04\xac\xd6\x9c\x9c\xd6\xdf\n\xbf*.&amp;\xd7\xf1\xe3\x07\xc4\x02\xaa\xc3\xa4T\x9a\x94a\xe6\xf2\xfb\x93&gt;yY\xc6(\xee\x94\xf9xI\xbf\xc5\x92G\x95S\xc0\\\x12%\xa7\x1e\x8fR\x06\xcb\xcd%\xd8\x87\xc9c\xa8\x96w\x16\x17G+*\xaa\xe1Z\x8d\x87\x00\xf3\xdb/\xf6\xe4e\x8d\\\x06\xdcB`u\xd4b\xa1\xb0rN\x8asN\x90\x15\xbd\x9c\x14\xcc\x15(\nJKK\xeb[\x07\xe1\xd2\xe9jr\x8b\x8b--\xcb\xcb\xa4Z\xec\xa8\xa8\x06K\x99\x1d\x8e\xc7\xc9%\xfe:.\xef\xd2J\x06\x04!\xac\xb6\xb4\x10\xeb\xa4\xf8dN\xaa\x13|\xb3\xb2R5\xa7P(J\xeb\x07u\x80a\xf2\x1bt\xf9\xf9\xb4*FQ\x1d&amp;SE\xb5\xbaZ\xfd9N\xae\xab\xab\xc8\x0b\xb9{\x88\xb0L`\xa1Z\x00\x9a\x98\x00\xc8\xeb\xf5\xae\xd8lt\xacT)J\x07\xa9t\x83l\x835\xde\xab\xac@\x99\xf0\xa8\xd6j\xd5\xea\x92p8L\xae\xa4\xac\xb7\x11\xe311\x10\x08\x97\x8c\x12\xca2717\x01\x90wb\xdd\xd5\xdc\xec\xaa]\xaf\xad\xb5Zm\xb3\xb6\xd9\x97\x83\x83\xad\x83\x83Xc\x8dl\xcdV\x1a\xaaYi\xb5\xbdZ\xa5\xbaOr\xa5\xa2r^\x7f\x1e]\xe2\x03|\xaa\x10\x03o\xc9\xb3PT^\xab\xcd\n\xd5GT\x8f\x0b.\x9b\xa2\xce\xa6\xa8gy\x91\x8b`\x06\x03\xb9\xb4\xd5\xda^\xb0\n\xb3V?\x93+\x9c\x90o\xb8\xb8\x8c\xc3kQ\x0cOuX\xa8\x89@M\xd8\xacV\xab\x0b\xaa\xd7\xaf?&gt;p!,\xa45;\xabx9\x08\x18\r\x97\xc4\xaa4h\xd1?&lt;\xb3\xb5\xca\x8d\xc2\xdd&gt;r\xc5o2e\xbc{\x88\x9e\x8ba\x84\x85\xb4\xfa\xa5\x06z\xad\xae\x1e\x97\xeb\xe3\xeb\x8f\xcdL\x85\xaaS\x80%\x8d\x97\xd4\xc6\xf6J\xca\t\xd5\xdb\x9b\xad\xde\xd8(\x9cB^\xf1\xb8\x8c\xc3\xc5q\x89`05\x85\x05\xdf\xdf\xdf2\xe1]\xf7\xa2\x87\xeb\xd6Z\xc4E\xb3e\xb5\xd9lV[\x1d\xc2BV\xf5\xf58\x19\xd9x\xb5\xa3\x89\x88\xab\x9a\\\xd9je\xa1\xbad\x8a\xf2J\xed\xcb6\\\x9c1\x16L\xad\x9euH*bIM\\\xc7t\xb9\\Vr\xcdbE\xbc\xa4\xa2\xfd%\rWe\xa5\xa1\xd7\xc0X\xd4\xcb\xac\xac,\xe6J%\xe4cq\x97\xa9\xd4j\x16X\x16\x16\x16X^\n\x0bB\x17\xf5p\x85z\x88\xb4\x9e\xce&gt;\x85\xab\xbe\xbeU\xd7\x08\x97\xc1\xd0\xdek`\xe7\xa16\x1b\x05\xd7\xd4*\\1\xf9.\x8b\xe3\x97\xa9\xa93S\x07F\xab\xc5\xbb\x0e\x96\xd7\x06\x97\x8b\x15T\x03uu\x9d]]\x9d\x9d\xb3\xac\x14\x94\x17\\\x86v\xd4\xefi\x11\xacd\x8a\\\x97r\xb18n$\xb2\xba[H,d\xf5\xcb:\xa9\xd0E\xcc&lt;\x1e`u\x0e\x0c\x0c0\xd7\xc0\x02TX\xf7\xf5\xb95\xba\xfcJ\x03\xabj\x06\xcb\xee\x85\n\xac\xa9\xa9T$S\xb6\x1e\x1e$w\xdf\x14n\xa0\x85^\xd7\xfa\xba\x94\x95\xb5\xb6\x87\xaa\xac\xa7\xac\xf6Y\xa7T\x03\x0b\x03\x03\x0bO\x89U\x9f\x93\x9b[\x93_\x89b\xabKJ\xab\xa4dw\x17yEFdc\xed\x1d\x9d\xbe\xd9\xd8Xl\x99hn^\xa7\xa8Vl\xd6Z\xc6z\xc8h\x14\x14ja\x96\x9eO1\xf5\xa5\xa5\xb9\xe4BUJ{^K*\xb0\x00;\xf2\xc9\xf7Q,\t\xd6\xe2\xce\x8e\xb3\xb9\xb9\x96.\x80\x12\xeb\xe1ty\xf9\xf4\xc3\xe9\xe9\xa12\x82A6;Kia\xec\xd1\xc9\\jd~Se5\xae\xd4j,\xd5\xec\x92\xbb\xccuz$\xd7\xe7\x0c\xce\x18}\xc7X\xcb\x93\xc4ZY\xa9\x83\xaa\xac\xa7\xbc\x88\n\xaf\xe5\xd3CCe\xd4E6^\xc8K\xa1\xa8R\xb0\xbc\x9a\x9ap\xc1\xaeV+\xd5\xea,)\xae\xc2\xa9]\xf9X\\\xf4\xe8\xf4\xdd;\xc6\xc2\x9abY\xf5\x0cM\x17}\xa5**\xfaZN0\x90\xca\xd0O\xe46\xb0P\xb5PUUE\xb7\x87y\x1d\xb8\x8b\xa0\xbbS\xe4\x95%\r\xd7\xee\xd1\xa1\x8c\xac7\xeffv\x96\xd1Cl\x04\x9b\xd4\xc1\xf2\xaf?J.t\xb2\xa8h\xba\xac\xab\xabl\xa8\xa7\x07*\x04VWWUUPP\x8cb.\x93\x89\xe5\x05\x16`G{r\xb2f\x88E72.+\xb9z\x1e\x16IYAU&gt;==\xfd\x0f\xc4\xd4\x85bg#Tdj\xc1a\xe9\x1f5\x99L\x1b&amp;\xa56\x0b.:\x15ee\x9d"-\xe7$X\x93\xbf`\xb8l\xb5\x0f\x9f\xff\xed\xf9\xf3\xd7\x7f\xa7\x81\x1f\x1aBG\xa9\x89lI\xd0B\xadR\xe46\xe1\xa3\xb5\xa9\xa2\xa2\xa3\x1f7\xce\x80)\xa5\xb8\xa0\xda=\x92\xebC\x19\x97!\xb10\xf0`y\'\xe6,\x96\x89\xed\xbf\xfcy{y\x87\xae\x916\xdb\xb3ge\xff*\xeb|\xfb\xf6\xed\xc0\xdb\x81\x05,\xf9\x9a|\xc3\xf0Vww\xf7V\xdf\xabW?)\xc9\xa5T+\x95\xb8\xf8\xecfQZ\xb2\xb1\xb8\xfd\xa3\xd3\x99\x19:\x0f\x8f]\x1f&amp;,\xca3V\xb8\x92lm\xbd\xea\xcd+\xa8\xaa\xeb*\x03\xab\xf3\xed\xcf?c\x99\xb66\xb4\xbf\xda\x1a{\xbfI\xff\x9136\xd6\xdd\xa76\x11K\xad\xa6\x8b"\xadS\x19\x9b\xb8Gi9\'\xe1\x9a\\\xde(&lt;;;=\xc3\xc5\xad{\x0c\xb5\xf5\x1fV\xcd\xed\'\xcd&lt;\x8d\xe3+!\xc3)\xba\x02"\x01\x83\xc1\x13\x89y9\x04H\x91\xbe/\x01\xd7\x84\x04\xb0\xd6\xe4\xc5^@\xdb\x08A#\xa5\x08\x0e\xd4h\n\xa9\x81\x86d\xe7M\x8b\xc4\x84\x812\x1b&lt;L\xb1\xee!\xad\xbaZ/J\xdc\xa4\x9araS%Mv\xdbN$\x99\xed4\xd3\x0b.\xbc\xe8\xe5L\xb2\xcf\xefu\xfb\x17\xe0\xa37\xe2\xcd\'\xcf\xf1\xfb&lt;?\xc4\xfaf\x81\xd2J\x8f\x9eR\x04Z\xe9e\xbe\t\xc7\xe0__/J\xcbN1\xb3\xa0@!d"\xaa\x0b\xc5\xfa\xdb\xf19V\xc8\x10Z\xcd\xe4!\x9eh/\xed\x16\xa7R)q\xa7\xca\xd8\xa5\x8c\x82A\'\x05*5\x97o\xf2\xa60\x14B\xccK\xcf\x9c\x94\xd3\xc9V\x08!\xb1\xd8?\xa2Y\xbd\x84\x1a\xc4E\x80\xb1\xfaXS\x9fN\xf23v;x\xcb&gt;7s\xd3\x10z\xb9\xbd\xbd\x15\x16\xe9GR\x186\xd2\xd9*\x00,+pE\xe2H:\xc8p\x8c\xa8\xd5\xaa\x04\x86\xf7\xea\xcdf}7\xa7(\xe6Af\xf1\xday\xec\xf6%\x845\xc5\xba\x80\x17c\x16+\x10`}\x03Xs\xe9\x15p\xd7\xea\xdc\xcd\x84\xe1\xe9\xcb\xedp\xab\xbe\xd7KT\xc1\x08\x13W\x10\x95\x82E#\x12\xa0\xc2\xcb\xd5\xda\x93\x9a\x03#\xc00\x93\xbe\xa7G/\xe7p\x18\nv{;\x9b-^Zr:\x8f\'\xfb\x02SS\x93\r\xca\x9b\xbeg\x9b\x9b\xcf\x02_N2svdi\xfbD\x02\xa8Z{9\x8cL\xfb\xb2\x83 \xaa\x04\xae\xeb\x19\x18\x9c\x1d\x1c\x8eB\x04\xb5$Q\xad\xddZ\xca\xcf\xcc\t1\x9a\xcc\xc4\xd7\xf3\xa1U\xf8\x190z\xda\xc5N\xc0\xfa\xf4\xcd\xd4\xc1\xbbwG\xa7\x93\rqM\xbd[-\xdcx\xfc\xfb\xc9I&gt;\x8d\xb0B\x89\xc4\xe0\xcb\xae^1\x83\xb9\x84\xaa\xed\x89\x83\xc0\xc8\x9e\x1eQ\x7fG\xc7`T\xc2\xe5\xca\xb0j\xcd\xf1v.\x9f\xff\xef\xf9?\t\x07\xd6\x0b\xf2\xc6\xecW\x00\xd5\xb7b\xa7\xf3\xcd\x9b\xdf\x9e}\xc9@\xcfHo6\xe2/\xd6\xe3\xbd\xe9k\x9c\xb5O\'\'\x99U\x84e\x99\xd8\xdb6\xe2\x84p\xe9\xe4\xf3\x87\x9f\xff\xfe\xc3\xaf\'o1\xaagZ\xd05\x0cX\x90\xee^\x8cp\x149o\x8f\x8f?\x7f\xfe\xf3\xf7\x7f\xf9\xf8\xaf[\x8e[\x98\xa9W\xae\xf7\xfb\xd9\xb4\xb7\x9c\xcbo\x8e?9\xc5f=I\xae\x1c6\x92_?m\x1b\x0c~f&amp;\x03Xi\x18?\x16\xcb\xcb-9\x91r8\x7f;\xfe\xf0\xf1\x1f\xdf\xff\xfa\xcfO\x8c\x9d\xd6\x01e\x17d\x97\xd2\r\xce\xc2\x08\x8cJ\xfd\xf2\xef_&gt;\x7f\xfc\xd3\x0f?\xff\xe7\xf8\xd6\x93[\x0etM\xedT0\x81J\x0c1t\x8a\x9d\xcb\x8ap+Y\x96\x9f6r\xb1|?\xa8\xb9nX\xcd\xe73\x19h\x0b\xab!Kh\xcb8R,b\xde|\x9e\x0e\xe2\xdc\x8cy\x7f\x1f\xb6\x1e\xa52:\xcf\xd5\xca\xd0\x95\xf9\xec\xed\xef\x07\xc7\x1f\xa0\x9d~&lt;\xce\xa0#4\x86\x9bF\xba\x15\x0c\x1e\x9dZ\xe2\xd4\xf22/\x1d\xee\x91\x95\xc9\x83F\xb0&amp;5\x9a\xca\x84ee%\x7f\x92_\x05e\x13\xda\x1aW\xe9\xd1\xaea\xee~\xbb\xe4p\x108\xb9\xb3\xbb\xdf\xd5\xd4\x04\xa3P\xa2\xad\x93\x80\x85S;\xe6\xd5\xb9%\x00"p\xaf7\x05\x9fx\xbd^\xb4\xed\xf3 \x86\xa9\xf6T\xca\xeb\x0f\x85\xf9d\x99:\xfac\x03X\x81\xbb\xb3\xa3\x9a\xb1\x84e\x05j\x11\x86uhz\xda(2\xa29dO\xabvwvv\xc8\x9d\xef\xc6\x1f-\x82\xbf\xe6#n-\x8d\x85\xef\xc2\xe6\xb6;\x82\xd3\xc1+\xa60|\xc44\xc2a\n\xa1?8\x9d\xed\x1c\xafW\x1e\xde\x0b\xf3\xa9\xb3\xf2\xbb\x86r\xfe\xb9\xb4M\x03\\{\xf9\xfcL:m\xdf\n\x1b\x8d"\x95\xcan\xb0\x80\xac\x9f\xde\xdf%\xa9\x9d\xfd\xf1\xf1&amp;\xc9\xbc\xcb\xea\x8a_\xd6Q\x04\x018\xf2]\xf3._\xae\xd3\xc9{\xa1\x040\xe4-\x1e\x1b\xf6\xd7\xa57N\x0e\xc7$\xd7\x1bCaY\xf9\xac|\xd4\xd05\xfcut\xb8\x03\x94qb\x95\xc6\n\xabD\xe8Fy\xcd\x18V\xb5\xf6\xec\xee\xe0\xa6\xdd\xfd\xc5E\x81\xba\xc9e\x95\x0eE\xd4\x97M\x18A\x912\x19IQ\x14\x8e,\x85\xc1 \x00\xae"\xc2\xfa\xd6)\xee\xee\xe5\xeb\xf5\xaa\xad\xb0\xe9\xec\x0c\xdfl\x08\xeb}\xbf\x15\xa4\x9e\xa6#\x9d\x99I\xdb\xd3\xc6\xd6V\x15\xf8\x0bT:\x1f\xe2\'\xdfUM\x0f(\xe7\xd5q$\x01]M\x92f&gt;NQ2-\x94$I\x95\xcbe \x82\xf4BVd\x0b\x99\x10\xc4b\'\x9fO\x92="\xa3\xa9Z574\xb2Y\x93\x89\xe1\xebO%\xd1s,\xbb\xd18\rv\xef\xfc\xce\xdc|o\xa0\x1fTi$\xee\xf2\xf9\x82C\xa5\xb8\xa4\x19xH\x99V\x8dV\xfe\xcb\\t"\xe1\xc3v\x8d\xee6\xe0\xac\x1f\xc5N\x8e\\\x07\xb9\xae\xe3\xb6\x00\x96\xad\xb16?y\xb7\xa32\x9bLF\xc3\x05\x845&gt;\xde\x0f6\xa0D\xfb=\x1a\x84R\xd8y\x92C\xbe\r_\xb0\x14AX:\x19`\xb9\xe3\x91\x08\x94&amp;H\n4\xbd\xf9h\xf7\x01\x15(\x14\xa7FLd\x99\xac\xd7\xeb|\xbc\x86o66\x15\x03\x9b\x9a\xf5X.X\x12\xdc_[\x81J\xbc2&lt;8\x88\x842"\xf2\xd1`\xa5,P\xf9\x82\xd9\x12\xe4\x96N\xf6\x7f\xacy\x17R\xd0\xb4.l1\x9b\x91df\x0b\xdbS&amp;\x12AQ\x94\xae\\\x9b9lpV\x9f\xb6\xc5b\xb9\r\x9frume\x05T\xf3`G,\x16\x9b\x05\x10k\x10~\xacRk\xc9\n\x7f\xf8\x82\xc1lD\r1\x94\xe9\xb4\\7p\x95\xd0U\x02\xe9UIK\xabY\x01\xca\x94-d\x17\xe5\xbd\xbaz\x1d\x8aPwF4z\tg\xbdNll\xe4r9\xa9\xfd\xc6\xcd\x90a\xef)\xec\xd2\x80\x95\x03*P\xef\x10\xc8lv\x039\x0baI\xb8:\xf0U\xcfe5\xc2r\x05\x91\x0b\xb3\xc9\xa4@\xe4W\xb0yl!4T\x85\xd9\xac\xa3\xce\xaa\xa4\xa9\x9a\x7f\xd6\xe8\xed\xfb\xa71_\xd0\x97\xcb\xc5\xf6l\x80e\x81\x10\xc6b\x0f\x91\xfb l\xd9\xa0\xd4\x03\x89e=\xc7\x82(je2&gt;`\xa9\xe3\x11W0H\x7f\xear)\x95F?\xb3\x9d\x97\xc9\xf08f\xbf\x8a_\xaeVI\x8c8h\xf8\xf8\xf6\xfe6\xa4\xcf\xecz\xe5\x81\xcdv\xd3bIt\xc4\x1e\x82\xc5\x10V6\x1b\xf4x\xac\xc1\xa1\xa0\x8f\x0ec\xb6\x04\r\x15*Q\xc7UG\\V\xdf\x06x\x11`]\xd1\xed\xad\xfb\x0c\x1eOX\xe01:\xfd\xc6\xdej\xad:B\xe4\x0f\x1b\x7f\x84\xba;\x1cw\x0f\xadW\xc6l/l\x96D\x9b\x06\xa0*\xe0.\x9f\x0f2\x07\xa28\x1fO\x82/i\x06H$.4\x00\x92\xd4\xc6]\xd2\x8d\x1c\x8dUJF\xb7\xb7\xc3~6\x9b\x99avv\xea\xe5\xe5Z\x8d\xe0\x88\x0f\x1a\x15\xf3\xac?L\x1e\rF\xddZ\xd7\xfa\xa8m\xe1\xea\xd51\xcd\xfaC\xda[9\xba%\xc4KC\xf3\xf3\xd6\x8d\\\x8c\xae\x8al\xb2I\r\xed\x92\xa4H\xee\xbc\x14\xd2\x91\x0e4\xc2\x02w1\x19\n\x86\xa2\x13\x07\x99O\x14Ss\x8d\xdf!X\x81\x03\xa3a\\[\xef\x1f\xb5\xbdX\xb83\xba\xfe\x15+X\x8aC\xc5AwGyWy\xfe\n\xc0\x82I\x97\xa0\x05z(4\xa7\xe6\xfeY\xa0B\x0eEA\xdc\n+\xa0u1\x15#\x10A\xacH,\x1f4~\xa8d\xf5\x9d^3\x87\x04\xf5{\xa36\xdb\xc2\xed\xafX\xb9\x8dl\xc4\xedv[=\xb9Y\x94k\xaf\xce\xb1\xb2\xd2\xedpK\x8b\x88[&gt;\x93\xdd\x93zhgE\x92J\xd8\x92\xc2~\x1e\xc2\xc2jU\x9c\xb3\\\xcb_\xc0\xd1\x86\xc5:\xbc\xe1\x7f\xd01\xd0?z\xd5v\xe7\xf6\xa8\x06q\x01\x82\xaf\xe4\xae\xbb\x87&lt;P\n\x95\xca\xabW\x95\x87\xe7\x99$}\t\x08["hM\xb2\xe6!\xe99VW\x18T\xc7}\x84\xd59\x82\xe1\xe6nG\xea\xe0"\xae\xba\xac\xc9\xa3\x9b\xb7+m\x1d\x9a\x89\x17wnO$\xda\xd6\x1fB\x83\xd8\x18\x8a\xd7\xb5\x97&lt;\xb3\xb1\xca+\x84\x85*\x13\xf5\x83h\x97Hd4\x82\xb7\xce\xca\xa4v\x1e\xf5\xb2H\x93\x00\xfc\'\xba\xcf\x14\xa2g\x96\xeen?\'\xb5vx\x11k5+p\xba01\x96H\x8c\x8d\xd9\x16&amp;,\x86\x8eu\xe4,\xab\xa4N.zf\xa1\x87\r\x8f_A\x8d\x1f\xe5w0)i\xe1\xf2u2\xa4\x1e(H|\xb5\x0ba\xb5\xf0u|\xf3}\x85\x90\xc9\xe3\x15\x8b\x0c\x05\xaf\xb0yA\'\xf0\xc3\xebW-\x86\x84f\xec\xc6\x8b\x07\x86P\x02\xa2\x18\xb3\xba\xcb\xd4\xbda\x8f\x07u\xff\x81\xc5\xc5K\x831\xa8\xbbhR-C\xcb!\x06j\x8b\xa2\x0bR\xdb\x94Lv\xb5\x98p\x93\xde_(0xL^\x91\xc7f\x7f\x99\xba\xa0#D\xe0\xf4NbB\xa3I\x1c\xbd{\x10\xda\x06\xac\x98\xcf}FS\xa1y\xed\x91\xd2G\xe7\xa7\xfd\xfd\xca\x16\xaaVs \xd9\x0c\x06\\ \xba\xea\xea.\xc0\xc2\xf0\xceBan\xad\x80n\xce\x8c\x99\x0b\xfb\xd2\x01kr\xf3.\x94\xe0\xf3\xc3\x83\xab\xa1PB\xa3\xf1\xa8\xcf(\x15z\xc1\xe8\x97\xd2\xbfW\x86\r\xe3\xd3\xadr\x1d\x86n\x0fh\xb10\xa1/\xb6 \xae\xb2L \x10\xf5\x12\xb8\xbe\xa0\x98\xf9\xebfZ\xd1\x89\xd6\xd6\x0b|A\x7f\xff\xfa\xf5\xfb@`s!\x14\xb2\x8c\xb5u\x951\x95\x9d~\x1cC\x0f\xaf\x97\x1e=z4\xbe\xff\x1d\xd2\xf1\xd5*r\x96\xd7\x84\xbeg\xc3G\xef\x188\xd5#\x10\xc9\t\xafYQX{\xd6\xf7\xf8\xe0\x7f\xbc\x9cOL\xdai\x1a\xc7+!\xa05V\x94\x7f\x99\x9aU\x14!\xe9(!+QXK\x81\x14\x9b0U\x81\x8c\xb0\x99\t\x105\x81P%V\x9a\xd2P\xecF\xc2X\x0f$DL\x0f\xad\xd8\xc4?\x948\xa1\x07A-TB\xe0\xa0D\x0fJ\x0fL\xb2\xa3\xeb\xba\xe9a\x9d\x83M\x93=\xf42\x9b4\xb3\xcf\xf3\xa23{\xd9\xccn\xd7\xdf&lt;B\r\xf1\xd0O\x9e\xe7y\x9f\xdf\xf3\xbc\xef\xf7\xc5\x7fp|\x91\xb2p\xa6H$b2Eq\xcfk\xc0\xd2\xfc\xfe\x1f\xaa\x19\xb5\xddno\xd0\x0c\r\xf5\xca\xc3\xd8\xae\x92!H\t-s\xb7\xb2\xa3N(\xac\xe1r\xb9,Y\xabR\xd9V\xd7\xcc\x15\xb4)\x01\xeb\xa4\xc0\x14\x8d:\x1c\x17\xac\xb2\xc1\xad\x1ff\xec@\rX]_\xb65\xb6,\x07\x0c\x10Whq4\xbd\xbd}]}\x83\x93\xf9\x9a\x9a?\x04\xa1\xc4\x07YD\xa4\x01XUm\xc3-\xc3\x82v\x85\xa0\xadU\x0cXN\xbc\xa6A\x85\xb2\x9fY\xd8\xd3\xab\xd5vM\xc7p\xe3B\xbf\xea.t\x13\r\x1a\x8d&amp;\xa7\xc9\x85r\xb9\xbeH8\x1f\x0c\xa6RAa\x10\xc6\x0f\x9c\xc4\xae/.\xf6\xab\xfa\x85\xf7\xb9\xad\x80E\x9b\xff\xe0\xb8D\x911\x9d{~\xc0j\xa8W\x9aU\x8d\xd7Gn_o\x99\x89D\xfa\xf0\x10\xb6/\x12\x99\xcc\x07!\x90)4A\xf7\xdf\x9e~\xfe\xf9\xf3\xdbU*\xb3\xa0\xfd\x16k\xb8[ \xa6\xcd}\x1c\xa5\x18Kz\xed\x15kr05\xf2\xed\xd3\x91\x7f\x86\xf1\xc4,\x82I\x1f\x9e\xcc#X\n_\xdd\xcf\t\x95Y!a]m\x97\r\x0f\xb7\xd0\xc4s\x1fk\xa9\xc4\xd2\xabC\x86\x86\x1a\x96\xbc\xaf/u\xfb\xf9\x88\xbb\x98\xc9\xbc-\x16\x8b\xb9\\1\x12)^\x9b\x0c\xe6\xc3\x83\x91\xbe\xfc\xab\xe7O\xbfm\x13\x98%c\xac\xb1\xab\xf5\xad\xdd\xfd\x8d\xb4\xd9\x8d=\xea\xc4\xc3\x88\xa5\xd7{\xa4\x9d5r\x8d\xbd\x8b\xd5\xf6\xe4\xfb\xe4\xfeQz?\x9d\x81\x0e"\x939M[r\x96\x89\xdc\xe9\xf6\xd2\xdc\xc8\xc8\xab\x14\x8b\xab\x18\x9b\xec\x94\xab\x94\xc3\xad41{c\x9b:\xad\xb5c/\xeb\xd7\x87\xec.M\xb3\\\xe3r\x05\xf2\xa9\x0f\xf1\x97\xbe\x84\xb3\x90&gt;\xf2\x15\xd2\xe9\x82\xef(\x19\x8b%\xe3\xf1\x13\xef\xabT\x90\xc5\x95L\x8e\xad\xafs\x1b\x95\xfdU4\xf0\xd66eT\xd0K@\x87\xea\xf7\xdb\x1b:\x01\xcbb\xe8\xca\xe7=\xfb\x05\xa7V{\x08\xefX\xc2\xe7s&amp;\x9c\x89x\xe2\xd8\xad\n\xb2P2\xa1X\xeb\x1d\x83\xe2\xd5\xdaBc\xcfn$\xa9\xc4\x8af\xf5\xfeP\xc8\xde{Mc\x9a\x980\xe4\xc2\xe1\xe2\xe9~\xc2\xe7\xf4\xf9|\x85\x82\xcf\xe9L\xbc\x8cm\'\x0fPK\x05T\xdc\xf1\xf5u\x96\xa0\xbf\x9fr,\xc6^T\x97\x85\xec\n\x05z5&amp;\x0br\x15K\xc5MH\xaaX"\x11\x8b\xbdL\xc4\x8e\x93\x96\xbb\x91A\x89\x19\xa5\t\x90Zk\\Yk?4Y\xb4\xd9\xb9\x8dc\xca\xb0.\x8d\xeeY\xadY\xa8\xa8\xa1\x80Fc2LLLX\xec\xb0\x0677\x81\xec\xf4t;y\x9a)\x16K\xf2\xf0\xa4\xc4\xcc\x92($\xa8\x13\x94\xb5 \x16\x9d=;\xeb\xa5\x0e\x0b\xa6\r\xabU\xa7\xd3\xa9\xd5\xfa@\xc0\xee\x9a@\xcb\xa0\xbd}\x0bh\xf0~\xff\xbe$\x8f\x0cB\xb5\xe2J\xb8,\xc9\xb8BEN\xf5\xe9\x88\xb5\x11\xa7\xd0[\x80\x85`6u\xc8drA\x14wvv\x00\xec\xf44\x83\\\x80U*\x85\xc3c\xb8_\xc8\xe5\x9a\x15\xe3\xe6\x16\xa2\xfd\xa1\xb3\xc1\xbc\xd4a1E\x88\xa5\xb3\xdalj\xbd\xc9d\xb0X\x10kg\x17\xfd\x85P\xc5\xf7\xa5\x9f\xfeTQ\x8f\xbb\xab\xf0\xa0\xe6\xa2\xb3\xce\xb1*\xd9\x1b1\xea\xbc\x05X\xd13\xae\x10\xa4|\x19kg\x05\xa2\xb8Y"\xf6\xb0\xa2\xa2yl\x1c\xc6\x0c\xa8\xa5\ns#\xeak\xaapS\xe4\x05\xdb\x9d\xa0\x10+y\x16D\x9bN\x8fX\x86\x89\x1d\x98|\xa0\xb7\x1f*\x96\x156@U&gt;\xa7f\x01\x15\xc9,:d\x16\xee\xd7P\x8be\xb3\xda\x80\x0b\xb1&lt;\x10C\xc3\x0f0%\xee\xae&lt;zp\xf5\xbe\xbc\xb9\xbe\x02\xa0\xd0\x14\x18B\x05W\xd5XEtH\xf4j\x1e\xaf\x92\x1d-P\x87\xc5&lt;\xc3\x02\xcbz \xe3-R)\x8c\xaf+\x0fp\xcc\x90\xb77\xb7\xb7\xa3\xd2\xa0\xb9\xbe\x86\xc5RpY*Z\x15\xd1G\xf1\xf8&lt;\xf0\xd6\x89\x93:\xacKI\xdb\x92\xae\xcc\x95\xf5\x03\xd6\xae\x81\xc3\xc1\xf9\x0c\xb8n\xdd\xbf\xd9~\xf3&gt;\x01Cgq%\xaa\xc6J\xe2\xacj&gt;\x9f\x07\xb9u\xe2\xa0\x10\xeb\xd8\xb6d#X\xd9l\x16\xa3\xb8\x8bJ\x08l\x9dq7\x15O\xac\x7f\x96@\xa8\x1a\xe9e*\xde4\x1f~\xb3\xa9kN\xa1\x17?\xb6\xdd\xb5\xe9\xce\xb8\xfcXOw\xa5\x9cG\x1c\xce\xa3g\x80\xf5\x0c\x95,\xed\xed\x150\x82A\xe5\x12\xa3\xec\x0er\x9d\x87\xce\xfa\r\xb0\xd4j\x1dT\t\x8c\xe2\x01\xac\xc5\xdd\x1f\xf0\x88\x03\x9dEtI_?D\x15K\xfd\xb8\xe2\x0e\x8d`!\x15\x9f\xff\x9b`\xe9\xf5\x84+\xfb\x01\xa2\x08\x8b\xf1A\xef\x90f\xa8\x97D\xf0k\xac\x10@5\xa90\x8bi\xa8\x12\xa9F*\x1e\x0f\xa2I)\xd6\xa52\x96&gt;K\xb8\xb2\x07\xb8\x18\xed0\xe9\xe7z;\x1f\x86ov\xb6W|VSs\x05B(\xb9\x031$\xa7\xd3||\xf1\xa8\xf6V\\\x07A\x84FP\x17\x85j\x7f\x92=\x80\xecr\x85p\x1c\x0bO\xd6\xcb;\xc3\xf55Ba\x10Z\x1a\xb3\x8aV\xf9\x02=5\x8d1\xa4&gt;\xe5\xe3\xb8\xd9\xac\xf7{\x90+\n\\\x96\xbd=\x8b\xc7\xe3A\xac\xf0\xa0\xbc\x1e\x06X!\xb4\x80\xb0\n\x89\xa7\xca\xc6#\xde:\xf1QXN\xcbXz\xcf/\xfe:\xf0\x84&lt;\x9e\x10b\x8dM\xd6\\\x11\x06\x85BY\x0b\x06\xf0^\xd9U\xf0\xe6a\x9d\xa0\xb2\x9c\x9eyK\xad\x07\x92,rE\xa3Y\xbf\x1f&gt;\x86\xba\x06\x89\xa8\x9f\x05c\xb5\xa0\xaa\x9aw\xef\t`MO#\xd5\xc2\xc2B5&gt;\x17\xa3N\xcan\xf0\x03V\xd6\x86\x14!\x8f\xcb\xa3\xb7E\xa3n\xb7\xdbJ\xce6\xfa\xc6\xf2y\tP\tZ\xfb\x17\xf8\xfc\'OP\xad4\r6\x8cX\xf8\xb8\xa6\xbbc\xe4\xab#\x98\x94yKo\xb7\xdbM\x1e{Hou\xbb\xa3n\xaf{\xe9\x0b&lt;g\xcc\xe7\xf32\x99\x00\xa0\xa6\x07\xde\x0c&lt;A\rU\x1b\xe1B*\x1a\xad\xaar\xeec\xccA\xd5\x971 \x16\xcc\x89v\x13\x90\x85Bz\x1bxk\xc3\xebu//\xcf,\xc3\xb4\x93B\x99\x0f\xf0\x0c\x0c\xc0?\x80\xd56=\x0cT8%B\x11\x9b\xf5\x9e\xec\x1d\xc7\x9c\xd4\\d&gt;F,h\x98M\xf6@@\x1d\n\xe9\xdc^0\xa2\x9c2\xabTU(\x0b\x01_\x11\xa8\x7f\xc3\xc2\x18\x92)\xe3\xe4#\x909j/\xfcz\x9bc\xdb\x8aXv\xa9\x94\xd3\x10\xd0\x04\xec\x1e]\x14\xa0\xe6f\xd1\xd8(\xf0\x1ex\xf3fq\xf1\xf6\xedEH,\xa0\xea&gt;\xf7\x16\x9d\x0e-*\x9d=5\xb3d\xfd\xb0\x1dw^\xec\xd5(\xa6s;\x1a\xb5Aj\x99LR\x13\xa7A\x130\xb9pAzg\xbf{Atl\x00\xb5H.).\xc2\x1a\x1c\x9e&amp;\xc7\xe7\xd8\xccc\x0c\xe1\xf1SY9?5\xf3\xc5\x8c7\xfa1~\x81{\x82"\x11\xe3\xafs\xde%\xc0\x82\x18\x9aP\x9c\xdb`w\xb9&lt;\xfe\xac\xd5=\xc7\xe6\x97%yh\x7fY\x1c\xe0\xf3\x16\x16\xf0\xbe\xe2\xb0R\x89\xcd\xfc\x19\x16\xbb\x9a6\xbf\xbc\xf6\xfa\xee\xfc\xbd\x8dmg\xedE\x80\xe1\x97\x9dh\x9b\x12Q6\xc1\x02.;\xf4\r\xf02X\\\x1e\x8f^\xb74\xb3\xcc\xe6/\x96\xc1P\x0cX\r,Je7\xfc\xa0`\xbe\x85F\xba\t\x184*\xc5S\xe3\xeb\xaf_OM\xdf\xdbf0FE\xa2\xffse2E\x0e\xa7\xb6\xa96&gt;\xc7v/\xc1\xcc\x03N2\x11\x19,`Y\\\xa8?Uw\xcd\xc0L\x88\x1b\x93mP@q\xbc\'"~\xd4\xf1\xb7\xfc\x8c%f\xd3\x00km\xeb\xf5\xd6\xd4\xe2\x89\x8f\x01\xe6p\x8c\x8a&gt;\x99\x8c\xc9t\x1c\xed;kk\xcbXV(\xa7\x88%E.\xa9\x05\r&gt;\x064\x83yVJ\xa0\xc4d\xea\xefo\x15\x08\x00\xebwJ\xbc%\xd2\x82\xa2f\x825/\x16\x13,\xe0\x12\x03\x96\x96\xa1\xf5%\xf6\x0f?9\xcdD\x87\x13\x99XSmSml\xee;\xf7\xd2\x12&gt;\x12].)\xc1\xe2H\r\xc8e0H\x1bza\xf4\x11\nP\xda&amp;\x104\xca\xea\x04\xe4\xfa\x91@\x00T\xa8h\xc6\x8epv~\xfe\xce\x94bm}kkk|\x0f\xb1\x18\x0c_\xb2\x98I\x1f~\xca6\xe1h\xe14R\xdag\x80\xb3j_n\xa0\xb7\xa0B\x98\\\x00\xc2\xe1\xe0\x0b\xb1\x0c\x16\xf8\xa4\xb9v\xbf\xf9\n\x11\xee\xd7\xc9duu\x1d\xad\x1d\x1d\x1d\x82s,\xa27`\xcf\xcfO\x8d\x8f\x13\xac\xb5cB\xc5`\x14r=\xef\x8a\x13G\xff\x9b\xcb\x98\xcc\xd1B\xba\xf8\xe3\x8f\x19g\x13b\xf9\xfe&gt;\xeb\x86\xe4:\xc3\x92r\xa4`\xc4[\x80\xd5\xd00t\xab\xbd\xfe\nR\xd5\xd5\xc9\xea\xce\xad\x91\x08\xd3\xe9\xc4[lp\xd6\x1a\xa1Z\xf7\'\x18Z\xc2\xe5H?\xee\xe91\x96\xde\xa6\x0b\xa3\xff]\x92\x91\xef\x1a*\xa4s\xc6\x9e\x1b?\xedk1\x86\xb5\x8c\xef\xe7\x08\x16\xa4|\xd9]\x00f@\xc3(J\x87n}S/&lt;\xa3\x11\n/_\x16^\x96\xa1\x95\xb9p\x08\x12\xcfC\x08\xb7\xb6V\x81+\xe9+S1\x1cG\xef{\x8c\x00\xf6ns\x07]\xf6\xabK\x13\xfe&gt;z\x98~\xfb\xce\xd8c\xfc\xaa\x94\xd02\xd0]\xa3\x7f\xc6\x073\xcc\xd3\x90[\x90\\\x90]\xe7\\\x86\x95\x95\x95g\xb7\xbe\xf9\xac\x8c%\xc4\x8b\x05\xc4\xce\xb1\xc8\xc4H\x83\x18\x82\xafVW\xb7,\x05-`51\x9a\xb4\x8e\xc3\xa2\xd1\x08\xff\x87\xd1\xf8\xb8\xc4I\x1f\xfe\n\x19\x81\xda\xd9D(c\xcfW9\xa7VK\xa2\xf8\xf2\xe4\x17,\xcc,R#\xd0\xa4+\x06\x82\x85\xf7%/#\x151\x16K&amp;S\xc9\xce\xbdE\x17\xdfA\xac\xd5\xd5\xd5@\x1c\xa9\x18MM\x10I\xc0z\x0cL\xf06\x1a\xdf\x952i\xf0\xd9\x7f&lt;\x80\x81:u4Q\x04\xa8\x1b7zzn\xfc\xf1_m\x9c\x7fh\x1b\xf7\x19\xc6m3\xb4\x11$\xdbsb89\xb4\x8a\xea5R@U\x89-/\xf5\x1f\xb2\r\xd2DK\xa0\xf3 \x162[\xaf\x1b\xa4\xb2\xe9\xa0K\xb1\xab\xa1\xc0\xe1\x1f\x15:\xc6\xc1\x16U\xff\x8c\x82 i\xfaOdlwk\xeb97:$fm\x96\x90G\xb0\xe5u\xc1)v\xe3\xfe\x11\xc5X&amp;\xf2$\xff(s\xf6\xbc\xef\x9d\xed\x18\xfaJ2!\x10\xdd\xc7\xcf\xfb\xbc\xcf\xf7.\xa7\xaf\xbe\x08{2\x8c\xe5\xf9\xfb\xb5[\xd7\xde\xe8\x1e\x01\xd6O\xf5YDH\xbc\xcc\xc2\x9d\xfde\xbf\xf3\xd4E\xf4\x8e\xa9L\xa6f\x13\xb8\xba\xda\xbbx{\x01\x96\xeac\xac1\xbd\x85\xc0\n{\xeeo\x82)2\xb9\xa1\x81\x11\xd9?\xf2\xe4\xb3\xef\x84\xca\xdf]\xec%"p\xb9\x19+\x8c7ih\xb0\xdc\xf9\xe8\xb7d.\xbd\x8b\x90k\xec\xec\xd8\x19\xa6\x9aj\x19r^lk\x83T\xc0j\xc6E\x99\xa9\xb9\xbe\xb1\xb5\x0b\xf5\xfc\x0bD\x85\xd3\x88:\xc2\x82X\xa0B\xfb\x80\x85\xe0\xf2\xac,Fz#\x93T \xdb\xd8\xe8\xed\x9d\xdc\xdc\\\x9b\xf9\x8eo\n\xfa&gt;\xa0\x16\x16\x19\xc8\x1d\n\x05B\xa1\xd0\xc2\x80\'\xac\xc9\x15\xfe\x1fy\xfe\xaf\xc3\xc3\xff\xf9\xf9\xafi\xb5\xa6[Q\xe4\xfc3=-CM\xa7\xda.^&lt;\xc5\xddk\xb26\xe1\xc2\x8cw\xae\xc0\\\xc8yp\xd5\xd5\x9d\x1f\x84\xe3A5\x00&amp;\xb8\xc2b\x01\x95\'\xbfAb\x1d\xd5\xc6\xc6\xe6\xda,\xc0\xf2\'&gt;s\x06\xf1\xde^Y[\x9c\x9dy\xec\x0e\xb9\xdd@\n\xf8\xfd\xa1\xd0\x1a\x9a\x98\xf4\x10V\xc3\x9d\x8f\x08\x8b\xba\x08\xb9\xce\xf0\r\xb2\xb3\xbcq\xa5\xa5\xbf\xd6\xd9\xd9\xd9\xe94\x99\x9a\x9a\xcc\x84\xd5\x0c,\x9c\xae\xf2\xf6\xa3:Z\x80\xce\x0f\xbeD=$*6\x16Z\x18\xf6\xbc53\x19\xa1.\x1e\xa3\xad\xcda\xd267\xef\xe6O\x1a\xfd\xfa\xc2\xec\xe3\xe9\xf0\xdd@\xc0\x1d`\xb9\xfc~\xff\xc2\x9c!S*7\xe8\xee\xba\xf9\xc6\xab##\xd4\xc6\x97\xaf\x10\xd5{\xef\x91fS-\xfd\xd6Z3W\x93\x99z\xd8d\xe6\xedZ\x94\xfa0\xd7\x0b\xc8\xd4\xc1AD)Q\x19\xd8W\x96p\x12b\x85\xafG\xd8U\xec\xaf\r\xc2\xfa\xa2\xec1\x0c\xe4\xff9;{r\xfa\x00e0L/\x04\xc0\x05s\xb9\tk\xf1cKf\xab\xc8A\xdf0\xfd\xdf[\xbfx\x15\xd7\xaf#W\xb8\x8b==L6\xd5\xf2\x13\xc7x-q\xd5\x9bI-\x14E\x04\xedn#\xaa\xcf\x11\xf5\x83\xef\xbf\xf4\x9b?\xfd\xe5\x93\xb0\x0eeI&gt;(c\x1e\x07\xd6\xd8\xe9\x11\x86c\xc5\xfeX\xd9.%\x11\x1c3\xcf\xe6\x14\xe2\xd6b(o}\xb3\x17\x08\x05\xbc\xe9t:FXOW,\x9e\xed\x8a&amp;\x97\xe5\xc1\xfa\x877_\x1fy\x1d\x99Jg]==SS\x00\x83\xe1u,f\xc2\x8b\x92\xab\xfd\x1cQQH\xe0A\xcba\xf7W\x9eC\xad\x92_~\x93\x04\xd6\xdc,\xa5\x16GD\x84\xd2(\x12\xb9\xb7\xba\xba\xbbS,%\rGP\xd7\x1f\xe3D!S\xda\xde\x95\xd6\x03\x01c \x1dI\xa7\xbd\x8c\x95\x07\x96X$w\xbdX\xaeJ\x137n\xd2\x8d\x0c`\xe1\xc4\x99\xf6\xb6M]ni\x19\xea\x1f\xb7\xd6R5\xd1\xff\x8d8q!\x8bh%\xb1h\x87\x01Q\xf5\xf5\r~\xfa@\x8bv\xa2\xda~\xb4\x8d\x1eZV6Y-\xcaS/\xd7Fa5\x0b\xb0\xcaN\x91\xef\x03\xdc\x9fy&lt;s?lHn\xed\xec&amp;l\xe2R\xc8h\x0c\xc5\xd21V\xcb\xb8\x97\xb7\x18\xb6\x15\x96\xcbR\xb4\xdb\x13\x13\xa7_C\x1f\x87\xe9:\x93K\xe5\x14\x00\x00\x04\xbeIDAT\x03X\xf4\x91\x03\xda\x8bArYk\x89\xad\xc9\xec\xac\xafG\xb2\xb6=\xf7\xa3s\xad\xb8\xf8\xa7\x9c\xe8\x1b\xbc]\x90\xaa%\xad\x81\xa0*\x14\xb6 \x96ef\xc3\xab\x17,\x03\xb2\xf4^a5\x07.\x90\x01j.\xff\xd5\nR\xa0T\xac\xaeJ\x82 \x88\xfb\xfe\xa0?\x14\x0b\xc5b1\x98\x8b\xb1\x8a\x8a\xb8\x93lh(\xed\xda\xc1\xa5\x9e\xfe\xfd;\xddW \xd7U\xa2\x1a\x1a\xfa3\xa0\xfa\x1d\xe3V\xab&amp;Wm-\xd9\x1dP\xcf\xb5\xb5\xd77\xf3\xa7z\x1b\xcf\xaf\xe7l\xf1x\xb5LP\x86\xf2N\xa1\x90-\xd1@\xde=drst{\xd3\xbf\xcb\x01)\x9b\x05Y\xcd[\xd3+\xd3\x1e\x0f\t%\t\xa2$Iqu\xdf\x18\xf4\xc7\xb8\x10[\xfe\xa7w2\x86-I\xc9\x15=\xc9\xaa\x9d\xca\xa5\xbe\xdb\xf8f7_\x96\xf5\x10\x95\xc3\x01*\x87c|\x9c\xa6\x91\x04s\x12\x15}\xc7Gks\x13\xc5}\xd7\xed\x82\x10\xa7\xaa\x96&lt;\x16\x0fQ\xe5*\x8457\xebe\x91\x88\x89r\xd2\x9b\xfe&lt;\x97\x03\x13\xb8\xb25\x03aO\xb2\xb4]\xcd\x82H\x12E)!,\xbb\xe1\xa8Xz~~\x9e\xb80\x89\x99LI\x8a\xfb\n[E\xbbV.q\xf9{\xaft_%\xac\xcbP\x8a\x84\x1a\'(\xb2=\tF\x1bX\x08\xab\xd1\x84\xb00u\xd6-K\x0ce\xb3\xd9v\x8b\xe5\x7fW\n\x85\x82Z\xc1\xc0\x1b\xf2\x93i\x8em\x84\x91\x97~\xb8\xbdK\xc0\xcae\x19+\\.2\x93(2\x98 .\x91\xa5B\xa1\xd8&lt;\x83\xc5f\x93\x8c\xa5\xa4\n\xab\xf6\xc3\x12\xd4\x0f\xfa\xba\xaf\x12\xd6\x05\x87\xd6&lt;s-\xefK$kiT\xe7~\xd8J\x1f16\xb7\xae\xe7\x04\x1d\xca\xe6r\xadV@\xa5\xe6r;\x03\x88\xfa\xeb^w\x80\xa6K+\x92\xec\x031\xc7\x05\xac\x9dJ\x16\x8eb$I\xc2;\x88\xfb\xe94\x07Vh\x9ek-\x9c\xc9l\x89\x8a\xa2\xf8\xc4\x84\xcb~,\xd8\x87?\x06\xd6\xd4\x85KV\x8a\x06\xa7\x99t\xb2\xf2700\x16:Hkv}]\xe1\x08\xca\xe6\xb2%DUUe\xbc\xbe\xc4 \xce-h&lt;F#?)\xbf\x1f\x8a(\x19\x0f\xb1\x064\x82\x10\'.\xd8=.\xc6\x1f\xbau,\x80\xc5b\x84\xe5\xc9\x14G\xa3\xf1\xf8\xa8O\x15\x8f\xb9\x12\xea\xbd\xd7\xc6\xc6\xb0\x1aZyw\xb0\x93\xeea\xd0\xbeDPa\xd1\xc6\tN+V\xa3\xe7\x97Y*M)\x9bMTS&gt;\x9f/%\xcb\x85\x07\x18\xc4\x95\xa7F\xaa\x00\xff`\xb9\x08+\'\xca\xb2"+\xc0\x12\xc1#H\x82\xc6%\x7f\x86\x1ce\xae`\x90r"6;g\xc9\x14\xa3\xd1\xd1\xb8\x12\x1dM\xc9\x89\xa3F\xba\x84\xc2\xa7\xef\\F\x922\x95\xf9\x10\xab\x93v\xc73\x94\xb3\xfd\xdd\x9c`\xd3\xca\x05*QV\xe5\x14Q\xa5R\x85\x92\'\x1c\xfed\xcf\xa8\xd7Q#\x1f*\x8a,\xcb@Wj\x04\xbdt\xb5\x96!\xd6d:\x863\x9a \x15\xa7\xbcak\x14\\\xc0\x1a\xf5\xc9\x82\xcbe\xa7\x07+V\xb8\xf7\x8ac\\[\x0e\xe9\x86\x0f\xdd-\xe8l\xc5yW\xa7\xc9\xe4l\xbf\r\xa88\x1e@r\xd9\x01EJ\xf9d\xae\n\xfc:0\x0c \x1cA\xef#\x89\x06,Q\xf1q\xd5$\x12:W\x82\x9e\xea\x92\x16\r\x88,\xfa7O\x82\xc1\xbd\xbc\'\xb3\xe5\x8bF\xa3\xca\xe8(\xe8T8\x8c\x0f\xc4u\x90}t\xba\x8b\xc42\x03\xea\xd2\xa5KV\xfe\x9e\x16\xa7\xa9\xf1\xf4\xf2\xb3J\xb9$H\xe4\xe3#\xe2\xc0\xb2\xba\x9d\tg&gt;^\xc4\xfb\x1b\x83:\x91&amp;\xda\x04Y\xf8\x19\xac8\x90\xf0\x87\x848\xb1\xafC\xf9\x03~p=y\xf2d?\x8f\xa5Z\x06\x16\xa0\xf0L\xa5T)\xa1\x1dL7Yn\xf9\x07\xedh\xa2\xa3\xa3\x83n\x94\x99\x9d\xa6\xbe\x1b\xeb\x05\xc9f;\xa6J\x88\xa9T*\xea\xa3_K\x11\xe3\x8a\x9c-\xa3\x873{\xd4\r\xa3\x91\x9f\xac\x95\xdf8\xe1\xc3\xef\xaea\t\xac\x161%\x04I}\xb8\xc7\xe3\x97\x8ea\xd91\x12\xd5I,\x05z\xf9d\x15n\xd4T\xb0\xb3r\x89\xec\xfa\x8dfG\xc7\x85\x0e`\x9dd\xc2\xf4\xd9\x04@\xfd\x8c:\x18\xc5\x0b\x93\xa6\xc8;\xc8\xca\xf00\xa4"\xb5\x08M\x13+\x14\x98`\xf4(c\xd9t&amp;\xc8%\xa9K\xbd\x80\xfa\x16\x15\x8b\x91\xb9\x08k\xa5\xe1\x10K/\x99F\x1c\xc1{\xe0:,\xee\xe6\xad7;\xfe\xf0\xfe\xa3,\xff-\x11\xc5m\x89\x83\x84\x80\xc1JQ\xf9F\xd1D\x85\xca\xa7b\x9d~{\xeeZP\x9b\xaa [\x8c\xb8B\x81\x7f\xa5\xa2t \xbcjl\xec*\x86;\x90\x96\xff\x96\xd6\xb1\xbe\x9d\x0f\xf9u\xac\x17-E9\xaas\xe1mE)\x87#\xa9jv\xbbX\xdd=8\x9e\x80\xd5\xca\xd7_#q5\xaa\xc4\xc1nu\xa7X\xc5\xec\xa5\xd8\xe4@\x02\x17&amp;\x1fXX\xa7\r\r\xf9\xfd\xa0\x9f\x1f\x8c\xc5p~\xe3\xaf\n&gt;\x9d\xeb\xff\x99\xe9\x96\xbe\xa6\xf2\x8b\xec\x00\x00\x00\x00IEND\xaeB`\x82'</t>
        </is>
      </c>
      <c r="M460" s="3" t="n">
        <v>45492.67722222222</v>
      </c>
    </row>
    <row r="461">
      <c r="A461" t="n">
        <v>1116955</v>
      </c>
      <c r="B461" t="n">
        <v>1999</v>
      </c>
      <c r="C461" t="inlineStr">
        <is>
          <t>Nathan Mendes</t>
        </is>
      </c>
      <c r="D461" t="inlineStr">
        <is>
          <t>Nathan Mendes</t>
        </is>
      </c>
      <c r="E461" t="inlineStr">
        <is>
          <t>LD</t>
        </is>
      </c>
      <c r="F461" t="inlineStr">
        <is>
          <t>LAT</t>
        </is>
      </c>
      <c r="G461" t="inlineStr">
        <is>
          <t>LD</t>
        </is>
      </c>
      <c r="H461" t="n">
        <v>182</v>
      </c>
      <c r="I461" t="n">
        <v>45</v>
      </c>
      <c r="J461" s="2" t="n">
        <v>37486</v>
      </c>
      <c r="K461" t="inlineStr">
        <is>
          <t>Right</t>
        </is>
      </c>
      <c r="L46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affd656-d4b7-422c-a403-63c90ac76c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W\xe6\x0e\x00\x00\x03\x00PLTE\xff\xff\xff\xee\xf1\xfd1\x1e\x17\xfd\xfd\xfd\xe9\xeb\xfcR3\'\x1d\x1b\x18\xff\xfe\xfe\x15\x14\x11\x18\x18\x15\xf4\xf4\xfb\x9deGL0$|F,\xa1gH\xf4\xf1\xfc\x11\x11\r\xa7oO\xeb\xee\xfag;(:"\x19S/!&amp;\x1b\x16\x98`C\xeb\xed\xfeP+\x1b\x94Z=\xf1\xf3\xfe\xfbDDY2!\xe4\xe7\xfaT8-\xe7\xee\xfd\x84[G\xdf\xe0\xf5\xec\xef\xfel=\'\xfb?&gt;]5$\xee\xed\xfdB$\x19\x90Y;\xe4\xe8\xf6XG&gt;\xe8\xe9\xf92&amp; O9/:+%)#\x1fY8*K3)\xe4\xeb\xfc\xadsT\x80Q;\xf4\xf4\xfe_;*\x89_KX-\x1b\x9cbCq@)"\x1f\x1c\x96^?\x85N1\x8aX@\x8fS7\xfa\xf9\xfa\x80H+\x97iPuD,c8$\xa2kN\xf6\xf6\xfdG71\x80J2\x90YB&lt;\x1c\x11\x97_J\x87O7A2,q8\x1f\x8eiVW@4)\x17\x0f\xec\xdf\xf1\xe0\xe6\xfbj6 \x9edOP&gt;6D,!\x8aS9\x8aJ,_@1\xa8iJ\xf0\xf5\xfd\xec\xf3\xfd\xda\xe2\xf5\xeb\xe4\xf8b4 \x84U&gt;\x90_EzI4w&lt;#\xef\xf1\xf9\xf3\xf6\xfe\x81^N\xb1~f\x1e\x14\x0f\xa1lU\xdd\xe2\xf8mI;\xf8\xf6\xf6`.\x19\xa4bBH\'\x1a\x89dR\x7f@$\xf2=&lt;lA/\x80VBL+\x1fyA(\x8bP3gA2\xed\xe9\xfb\xf4\xf1\xf1\x96T4aF:xO&lt;\xe3\xdd\xf0\xea\xd9\xe9\xe4\xe2\xf9\x84E(\x9cr]\xfcJG\x84J/sG4\xafx[\xd3\xaa\xbb\xe5\xe3\xf3\xe1\xb5\xc3\xf5\xdf\xed`PG\x9e\\=\xf1\xeb\xf8\xdd\xd8\xea\xafnOvYM\xf4DB\xed\xe7\xf3\xf9\xee\xf8\xa6qY\xe7\xca\xda\xbf\x8e{\x92n\\\x90M/\x9bW9\xe2\xbd\xccJ \x12\xf7\xea\xf4\xd8\xa3\xb2\x83eW\xd9\xe0\xef30,\x8eT?\xde\x9a\xaa\xb6uT\x9e\x80o\xbc\x7fa\x8fbN\xb6yZ\xa9wa\xf7IL\xd2\xb2\xc5lQE\xf3\xd8\xe9\xef\xd3\xe1\xee\xeb\xe96\x14\r\xde\xc4\xd6wSD\xf8\xf1\xfc\x9dyh\xb6\x85ni0\x19n\\R\xf8\xdd\xe4bXS\xea\xc3\xd4\x91thleb\xf5\xce\xd9\xf8\xe6\xee\xdf\xab\xbb\xc0\x88l\xedSY\xcf\x9d\xae\xdf\xeb\xfa\xe7\xd1\xe0\xd7\xbd\xd2\xa7\x83q\xde\xcd\xe0\xf0\xbb\xc7\xd0\xcc\xcc\x84~{\xee\xae\xb9\x96;)\xe7\xf2\xfd\xb0&lt;0\xda\xda\xdd\xe3\xdd\xdc\xc7\x96\xa2\xe2?;V%\x14\x9e\x99\x96\xcf\x8a\x9c\xe9MK\xe7\xe5\xe4\xc8=4\xc8\xae\xa6\xbeo~\xabe_\xd7\xc1\xb4\xe6\xd3\xca\xa9\xa4\xa1\xc6\xc3\xc3\xdc\x92\xa2\xc5\x95\x87\x91\x8c\x8a\xc0\xb8\xb8\xb5\xaf\xad\xcemy\xc8\x80\x90\xe8\x92\x96\xec\x9a\xa2\xb4\x94\x8fB?&lt;\xf3\xc6\xd1\xba\xa3\x97\xf0\xe0\xd8\xea\xa1\xaf\xc9w\x87\xe0w\x84\xd8\xd3\xd4\xa1\x8a\x82\xd9\x82\x92\xe4gpvts\xc8\x8es\x81meL\x06\x08NMJ\xb0\x89}\xad^G\xe8\x83\x8c\xf0el\xc6`]\xfaYX\xbe\x00\x00 \x00IDATx\xda\xcc\xd8_H\x9a\xfb\x1f\x07\xf0\xa1\xa8E*\x89\x7f\xc2@D\x081\xe4\xc9\xc7\x91\xf4O]\xd6\x12\xcb4\x15J\xcdn\xd6\x1c\x9827\x8d\xcd\ng\x17\x93\xf2\xc6\xe0t!\xb9\x1f\x81&lt;A;\x0b\x82F\xd8\x0e\x92\x17]\x1d\xc8\x9b\x06\x0b\xe2\\\x9cd\xb5+97\xbbh\x87\xae~\x9f\xef\xf7\xb1\xb6\xdd?\xb6\xf3Yju\xf5\xda\xfb\xf3\xf9\xfey\xbaw\x8f\x81\xe2\xd5\xeb\x1e~\xdd\xfb\x8f\x14\x12\xb1\xa3\xd1\xe8\xd9\xc9Y2jA\xb8\xff\x02\x8a\x1d=;\xae\x9eW\xae\xae\xca\xa5\xf2U\xe5\xb4z\x16\xb5\xb0\x7f5\x8c\x9d&lt;\xab\x9e\x97\xafk\x14I\x92F#\xbc\x11\xb5\xf2\xe9\xe5\xf1Y\xf4\xd7E\x06\xbd\x8b~=-\xd7(\xa3\x91k\xe4\xd2e\x84"\xa9\xeb\xf2\xf9I\x94\xf7\xabT\xc9\xe3\xd3\x12E"M\xf3\xf7\xa2qT\xe9\xfc\xcc\xf2\x0b`&lt;\xcb\xdee\xe5\x9a"\x8d\x98\xd4\xd4\xd4\xd4\n\xaf\xa6[\x19DV&gt;?\xbb\xeb\x19\xe3\xb1\x93\xc7W5\xda\x04\x18\xfc\x8f.\xfc3\xb7\x19\xc3*\'w\x1a\x18\x8fm9\xb9\xb86\xa2\xdea\x06\xca\xaa\x15\xc5\xd5\xdaZ\xcf\xac\tgF\x95\xabw8\xfa0\xe9\xd52E\xab\xb0\xe8\xa6@\x86?\xf1\xefq`\xd7\xa7{w\xd5H\x9e\xe5\xe3\xf95I\x8f\xd4w\x0f]\xe1\xdb\xc4\x9a\xe8\x11sV\xbeF\xd9w\xc2\xb2\x1c\xa3\xa8\x9a\xe9IG\xa4\x1b\xd3\xcd\xe7\x8f}4\x92\xe5\xcb=\xde\x1d4\xd0rY"\xeb\xa8\xe6\x9b\xc6\xd5;I\xcbZo\xd7d\x13^\x92\xb5\x8b\xb3\x86\x0f\x18{\xef\x0b4\x90[_y7CE\xe7\xd6\xda|\x13X8\x1c\xfe\xbe\x8d\x19\xa9\xcaGv\xa3U\x175h\xe0M\xd7nF\x8b\x1b\x0ese`\xa1\xfb\xc7\x95\xc9\xb8u\x17\x8a\x15\xb9N\x1a9\xf8\xb0\xaf\x7fA\xaa\xe6\x9fT\xe1V\x00\x85e\x84\x8c\xc5\xf2\x84\xc3\xad0\xf6\xd0\xbb\x9f\xf3"\xaf\x1a\xe9\xe2E\xcfo\xb3\xa2c\n\xcbX2\x8f\x87\x05%\xf1i|&gt;\x9fD\xc2\x92\xa1\xd8d\xf0{\x19\xf7\x87&gt;\x82\xabq;\xc3\xe55\x17\xef\n\xf4\x00\xc9\xc0\x92H\xc4b1\xa9B\xadV\xf7\x88\xc5K==\x81\x80\x9e\xcf\xf7I&lt;,\tA\xc8Pb\xf0\xbf@\xe77u\xb1\xc7n\x94\xea\xb8L\xd6U\x90\x07K\xc7\xe7(\xd4\x8fPMBu\x0c&lt;\x0c\x8e\x06WWW\x1f\xae\xae\xbe\xe8\x91&amp;\x12|\xbe\x86\xc5\x92\xe1\x83\x00\xdd0\xae\xab\r:\x88\xd8{W$\xbdSAP:[\x97R\xdf\xd33\x02\xa8\x91\xc9\x8e\x89\x89\x89\'\x0b\x0b\x82QC0\x18\x14\x04\x11n\xf5\xc5\xd2R \xe0v\xb2&lt;2\x19}t\x97\x1b4^\xd1/N4Wh\xbe\t\x9b\xdb\xed\x0e`\x15Jj\xe2\t\xad\x82\x12\x08\x16\x04\x00\xc3\xb5\xbf\xbf\xbe\xeb\xd6\xb0\x08\x19\xbe\xebP\xa7\x8d\xe8"\x8f]E\x83\xc5\r\xcbH\xc2\xe9\xd5\xa6R\x81@\xcf\xc8\x08\xadB\xa8\x85y\xc1\xca\rkt4\x88l\x86\x97\xaa\x10\xc0\xba\x90\x0b.\x87\xd7\xd5F\xb8\xf6\xae`\x11re\x84\xd3\xe6\xd5\x82*\x15\xe8Q\xabqX\xb8\x83\x02(\x87\xc3\x8cd+\xa3+\xf0\x016\xc3\xac*\xd4\x1b\n\xad\xa7\xbat\xe8JM]\xed5 \xadj\rT$\x04\x85Q\xa9\x80^\x8dX\x8f\xe8\xb0\x04\x8e\xd1Q\x07\x94\xd9\xe1\x87B\xdf\x80\x0f\xa5\x15\n\xc5\xe3\xf1\xc2\x1fZ\x1ba4\xd6\xaa\xccOW\xf4\x94\xe06qu^\x18\xaa\x14j\xa1\x9e\xa3\x80\x02\x16\xad\xf2;\xfcc[\x0f\xfcc\xb8\xb6\xfc\x88\x154\x80\x0b\xf2\x8a\xbb\\\x85\xc2\x1f6\xd2HV\x18?\xb4\xd9\x1f\xcbp\xc1\x82\xb0@\x15H\xb9\xddz\x8e\xf4V5??\x04!mA\x8d\x8d\x8f?\x1e\x87\xd7\x96\xc3l\x1eE\xc3\x05\x05\xaex\xa1P\xc8B#K\'&lt;\xc6\x97!\x05\xf3N\xd8\xbcnX\xf6n\xb7\x92#\x95J\xfb\xfa\x9e\x01\x0bT\xf3+\x8e-\xd0\x8c\x8f\x8dOM\xc1\xd7\xd48\xe4\xb5\x08y\x19\xb0K\x15\x8f\xbb\xe2\x85u/A\xd6\xbe0\xbcw\xb1\x93\x17\xd0B.\xda\x18\xb0\xea\x86\xf5a\xe2\t\xb0^;\xc6\xb0\x06\xde"\x91\\$\x02\xae\xc1\xc1E\x87\xc3`0\xcc\xce\xbeTA\\\xa1xh\x17\xe2\xba`\xf8)\x8d\xfd\xb1\xd4\x8c\x96a\x17\x98\xdcz%\x07TrP\x01k\x02T+[S\x91)T\xb9H\x0e\x15\xb8\xda;\x07\x07a\xf41\x0b\\\xa1Pa\xbd\x8b`\xba\x8b&lt;\xf6q\r\xce\\R\xd7\xd5\xa5\x84\xe2p\xeaa\xa1\xb4\xe6_O\x0f&gt;\x86\x90r\x10\xd5\x0e]\xb9\x88\xb5\xa5\xad\xbd\xceB\xeb\x11\xb6\x89\xd0\xbaVGR\xa7Q\x86\xf7R\n\xeeM\x98\xe5\xfd\x99\x85T\xed\xe3\xa0\x8a\xb4\x8cO\xed\xec\xcc\xcd\x1d\xcc\xcd\xed\xe4DS\xe0\xf2\xe36\xd2\xdb\x84\xaaP\xd8\xb5\x11\xe4U\x92\xf1\xb4\x8c$\xe9\xecBq\xe1\x16B\xf5\xd5\xc3ze\x1a\x1b\xcf\xe5\xacS\xe3\xb9\x030\xa1W\xc6\n\xacN?v\xa1\xe1\n\xa9Tq\xc4\xa2*\xcc\xb2,\xb0\x10\x8d$,Do\x9d\x95\x90\xcb\xeb\x13\xffz\xfa\xcd\xa0\xff1\xcc\xd3T\x04%\x85\xe3\x02#\x8c=\xcd\x82\xbd^\x85\xc6\x0b\x86K\xc70\xeb^\xf2\xc2\x88zh\xab\xab8(-\xcc\x9a\x98\x9f~3=\xbdh\xb2Z\xadS(\xac?\x11,\x93\x11Y\xf1.\xe1\xff\x81\xe5\n\xb9u\xd4\x15\xc3\xac\n\xb0\x08\x9d\x13\xf7P\x9a\x90\xcaQZ\xcfnYf\x93Ud\x8d\xeclll\x1c`\x15\xb0`\xb6n\xba8\xab\xea\x85&amp;\xc6\x11\xab\xc4\xec\xed&amp;zArI\x9d\xd3\xd6\xe5Ur\xf8ry\x02\xa7E/\xc4i\xa8\xc56\xa1\xd5\x1a9\xa0Y\x99L\xb7H$D,\xe4\x9a\xad\xc7\x05\xac\x80\x93\xba&gt;f\x98e\xbce%\xe4x\xe0o\'~\x1a\x86\xabM(\xb2\xee\x1c|\x06\xd7\xdc\x0e\xb0\xba\xad\xc2\xfe~\xcc\x9a\x85\x1d\xc2\x80\xb7\xaex(e\xa3\x18\xde\xb8\xa2\xa7F.\xa1\xb3\xd9\xa0\x89\x1c~]\xd5\xf7l\x12\xa9\x16\xa7\xdf\xbc2\x01+w\xb0\xf1\xf93\x8akg\xee]\xa6\xdb\xda\xd2o\x82-\x15\\\x0ff\x971\xcb\x15\xdf\xf5:\xcb\x8c\x1e\xd6h%\x1a\t\x98,\xaf\x97f\xe1szrbahq\xb0\xbd}\xed\xb9\xb0\xdf*\xcal\xa0\x02\xd9\x01L&gt;\xedZ\x83\xc0\xc6\xc6TH\xd5\xfb{\x03Xl\xcb%ER\xb0=x\xddx{P\xa8GFF\xc4\x03\x0bC+\x8b\xed-V\x91Hd\xb5\xe6\xe6\x8e\xb0\n%\xb6qt\x040\x91\x10\x06l\xfcqoo/V\xb9\\\xebZ\xe7\x15\xe3\xfb\x16\t\xd7R/&gt;\xa5\xe1\xd1\x02\x9e\xbe\xc4\x03\x0f\x87\xcc\x8b\x9d\xfd\xa2\x0c\x9aq\xa1\x08\xb1\xe6\xd0\xd4\x7f\xfe\xf6m\xe3\xdb\xd1[\x98\xfd\\.=\xdc\xab\n\xb9\xe2\xf1\xdf\x11\xab\xb0\xebez;\xbd\xa4\x08tYF,w\x00.\xcc=\xe2\x8e\x17\x0f\x83\x86\xd9\x07&amp;\x11\x1c8\x19`e\x0e\x8e\xa0\x7f\x10\xd4\x11\x8a\xed\x08\x96d:\xef\n\xed?}\xfat=\x9f\x07T&gt;\x1f_\xd72\xccbWkT\r\xb3\xdcpav+\xf5z~\xc2\xc7W\xea\x03\x81\xa5e\x95+\x1d\x11\xb6\xcc\x80\xeb\xe0\xe0\xe8\xed\xdb\xa3\xb7 \xfa\xb3\xe8\n\xed\xa6\xb4no\xd7}%_\xbf\xef:\xcc\xe7\xf3\xe9|({\xc1\xf0Q}R\xa2\xd0-^\xeb\xd5f\xdd\xf7}&gt;\xa5\x0f\x1e\xe6\xe1\x90\x84\xc7 \xdd\xfd\xd4\xf2l\xa7I\x08mD{\xd6\xbbw\x99H\xef\xcb\xdd\x80O\xa7\xa3(\x82\xd0\xf9\xe0![\xbf\x9f/\xa6\xf3\xe9\xc3B\xe9\xd4\xc2\xec\x03F\xf2\xc2\x86Tn\xad\xd6&amp;\xd1h\xf8\x89\xf7\x9ep3\xfe+\xbcL&amp;\xe1\xeb\xc5A\x7f[\xbf\xb0\x1b\rY\xb7\xc8:+V\x80\x9a@%\xf1A\xa2O\x97\xf7U\xe9b&gt;]\xfc\xb7\xcc\xe8\xf5\x94\xc7c[\xbe\xd4\xb4Y\x04\xd3\x12\xac\x84\x94\x13\xb3{&lt;\xf0\\\n\x05\x9f\x9a\x84\xa2c\xd4\xdf\xde\xd6"B\xdb{\x7fgP-\xd7H$\x12\x9d\xef\xbe\xf2\xe92:\x0fU\xcb\xab\xbd\xc5tq\xfb\xf0\xdf\xafL\xfe\x01\x8e\x9dLZ\x8eK\xd9,r\xd9$&gt;\xb4\x12\xd5\n\xb5Z/\xe5\xc7$\xf6\xf7v\x89F\xfeh`\xc8&lt;h\x9a\x11\x89f\xfa;\xcd\x0f\xc5\x8aD,!W\xbf\x08\x1a:Mmmm\xc3\xc3\xbd\x06U\xfa\x10X\x95\xaf_\x8f\xcf\x18z\x88eG\xab\x95\xca\xe9qY\x0b\xac\xac\xb6\xcb\xc7\xa7w-\xb1\x18\xde\xa51\x8d\x1d\xd5f\xdf\xe4\xc2P\xfbLw\xb7\xd0d\x16t\xa8\xa5\xf2\xcd\xcd\x98bd`@`\xf6\x83\xac\xa5ex8\x8d\xd2:\xdc\xce\xe7\xff\xd9ch\xdc?\x1e\xba\x95\xb6r\tX\xd9\x94\x16.\x10}\xa8\xe4\xf2O\xf2&gt;\x85^\x9f\x90\xd0\xaeO\x93\x0b\x83\xa2w\xdd3\xfd\xe6\x85\x11\x85\xdcn\xd7\xf0\x03K/\xc4\x93\x93\x1d\x0bf\x04\x1bN\x17\x81Ux\xe9\x18+\xfe\xcdcf\xcf\xfak)\x91\xd0\xb0t\xda,\xc8R\xa0\x82\x03q\xd3n\x8f\xc5\x12\x1ce \xa5\xe4\xfb0l\xf3\xd9\x93\xc5\x99\xcco3k\xe6\x85G\xd2\x84\x06\x86\xcbw_\xbf$\xee\x10?\x9b4\x8f\x99Lm\x11\xc4r=n\x1b\xdc\xfa\x8b\x99KDt{\xd3\xae\xf1I$(\xadlJ\x8a\x82\x8a\xa1\x91f\xc1\xb4;\t\x89\xc6\xa7\xd4\xbc\xb7k6\xfb&amp;\xa6\x85\xdd\xa2\xe7\xaf^O*\xf4\xc0\xf2\x84\x9d:\x96\x8f\xcf\t\xf4t\x08\xfcm&amp;\xd3\xf0\xce\xf6\xf6a\xde*\xfc_\xfb?\xcc\xac\xc6d\xb1os3\xa1\x91x\xb30\xf5\x01\xd4By\x0c\x99&lt;\xe1\xb0\xac\xa6\xf3\x16\xdc\x1a\x1f\xb0b\x9f&gt;\xbc^\x13\t\xd7\xa6\xe7?\xf4I9\xbb\xbb,\x8f\xceFd\xd7}v\xb9X\xe0oo7\r\x17\xb7\xb7\x8b\x11\xd1o\xcf\xd7&gt;3\xf3\xb0\xb8W\x9c\xfc\xb4\x19\xfb?\xedf\x17\x92\xe8\xba\xc5\xf1\xa1x\xf1\xc2\x0f\x10\x13\x19AD\x90\x17c\xd8m\x0c\xc5/&amp;-_\xe5h6:\x03\x9a\xa57~\xc1D\x98\x96\xbci\x92\xe3E\xa1\xdd$\xd8\x85LI0\x10V\x06\xc1D4y\xa2\xb9\xd8WBss\x1a\xda\x10\x9e\xac\xc3\xec\x19\xd8\x04uQ\x17\x13\xd4\xc5Y\xeb\xad9p\xee\xf5\xb1o\x05\x7f\xfc\xd7z\xd6\xb3\xfe\xcf\xf3\xf4\x88\xf5\x8e\x90\xc4\x00k\x10\x90\xde \xdao\xbf/\xde~  \xed\x15\xab\'\xfb\t\x13[\x9f\x19M\xb8u\xc2\xed\xf5\x0f\x8a7o\xba\xbcK\x1f\x88\xc1\xd5\x00\xb7o\xc6\xd4\x1d\x9a\x07\xac\x92\xaa\xe2\x7fx?\xdb\x12\xac\xe3\xe5\xc8\xc9\xea\xea bm\xbf\x13\x06\xf6c1\xdd$p`(\'{\xa5\xef\x96\x96\xb6}\xc2\xc9U\xc8\xf9\x01\xb1\xbe\x00XNy4\xba\x1dM*\x08\rI\xe7\xf3a\xca\x86T\x80U_\xdf[\xa8\x16\x8b\x0f\x9fN[\x835\x9f:9A\xac\x83Z\xcd\'\xb1\xb8\xf7\xddn\x8bN\'\tX\x02\x16:\xca\xac\xc5i!P\xc5\x9cs\x99B\xa1\x9c\x99\x8bP\xeal\x1a\xc6\xb468"\x86^\xb0\xbb[\xfc\xf2\xe5KTk\xabZ\xad\x14\x1f\xde\xb7\xa4\xe7b\x9d\xee\xa5Nt\x80\xd5S\xabm\xfbH\x0bn\xb39\xdd\xeeX,\xe6\x0eX\x04\xe9t4\xad\xd1\x9d\x9c\x9c\xc4\xdc`6\xca\xc05\x93pR\xe1&lt;M\xef\xcadF\xbb\xb8,\x16\x8bEz\x18\x8e\xf9\xf5\xfa\x96\xaa\x02X-\xca\xad\xd9\xba!\x06j\xed\x00V\xcd\x07\r\rxC\x18N\x08f,\x16\xd0\xa4\xd3\x01\x1d\xe3\xaf#\x89\x95L9\x1e\x870\x0e\xa4\x0c\x14E\xd3\xf9\xb0m\xc8\xd4\rTl^\x1c\n*b\x15+\x95\x8a\xbfE\x05b\xf6V\xfe\x0bk\x1b\xb1\x0c\x06h\xe1\xe7R\xa9\x883b0\xd0\xee\x00\xe2\xc5\xdc\xe0\xfaW2\x85\xf8C!\xb32:\x97H\xe0\x1e\xe5\xd0\xd0\x1aLA\xa4\x02,+\x83U\xac\x14\xc7\xce[\xb3.\xf6_\xd1\xbaG\xac\xcf\x88E\x1b(nne\x05\xdc\xe1\xdc\x1c7\x02\x01\xddg\xfc"83\xc4\x8a\xc7\xcb\xf0\xd4\x1c\x8c\x1cd\xba\xb8\x0c\x8d\x85\x1f\x06\xcf:\xfe\x84U\xbdo\xd5\xe2s\xb4\xad\xd3!\xd6gP\xcbG\xd3\x14\x17\x8cE\xa6\x9c\xc9\xe0\xfb\' \x9a\xfb\xe8\xf9#\x8fjA\x14\xe1\x19P\x0c}\x1a\xfe\xce/\x16UEh\xf6\x11kl\xa3\xb2\xb1\xd1\x98h\xd5\x9a\xb8\xa4\x0b\x00\xd6\xf0\xe7\xda;\x1f,\'\xe0,\xe0\x1d\xcb\xccX\x81xA\x9e\xc1\xectF\xe6\x98\xdc\x02\xaeB!\xee\x8f\xc73\xf0\x12\xf8\t\xd3I\xc5`\xd5\xeb\x9f~nll4[\xd3A\xb0X\xa7\x87\xa8\xd6\xe0k\xc4B.j`4\x83\xef\x88\x01\x1b\x9d\x1b\xcd\x81^\xb8\xa3\x84\xac\xf1\x07x\xc4M3&amp;=\xe46\xbc\xc0\xef\x7f\xc2\xe2\xa3Z\x9f\xfe\xa8T\x16\x9a-kl.\xa0O\xd9\xd9\x19\xae\xd5\x1e\xbd\x05b\x15\xf0-\xfd \x89i&amp;\x12\x8ba\xcd\x00\xb1\xe0\xaf\xc5\xa2\xbf\xe8\x17\xcf\xe4\xe6\xc4\x1b\x1bU\x95\nz\xe8jE\xf5\x0bk\xcc_\xf0o\x9d\xb7\n\xab\xff\x87\x14b\xf8\xe6\xd5\xffc\xf9!i\xfc\x85\xb2i`\x1fz\xc0\x81Db\x06b\x86\xda\x14\x81L_0\xe5\xc4U\xf0\x1b\x1bU\xf8xRk\xaf^\xca\x14\xfc\x9f\x8e[\xd4\x9f\xb2:o\xb6\x07\x15;o~G,\xe8L\x9f\xb0\x8a*UU\x157\xf5\xa5b\xf2!\x93i\x94!\xad\xfc\x84\xec\x01}*E\x95(\xd7\xbd\xf0\xf3\'\xb83F\xb5G,\xc7\x8a\x9f\x7f\xd92K\xd6\xf9\xf1N\x91\xf42XJ\xa5R#0p!\xb7\x18,\x7fy\x94\xeb&gt;\x91\x0f\x89\xcb\x99\x99\x99L\xa1\xb8\xf1\xf7\xdf?\xff\xa8VP%\xbex`m\xe1\x0f\x04\x03N\x95\xaa\x84X\x9exu\xeb\xaaeX\xac\xd9[\x0e\x87\xd3\xf1\xea\xa0\xe6\x93J\x01K\x9e\x82\xec\x8eC\x87\\\x846&amp;\x12[\x8d\x85m\xb9&gt;\x1b7g\xe2U\x01\x03\xc4\xc1\xc8Y\xf5}\x03b\xd5\xa3Z(\xd7\xf8\xfc|\xbd\xa4\x1a\xbbo\xb6\xce)v~\x7f\x97\xec\xedzu\xb0\xf8\x1a\xb1,\x0cV!\x0e.\'\x03u\xeb\x04\x1a\xe6\xd5\xd5\xd5\xe7\xc2\x00\xd7\xee\xaflTK\xa2\x91\x91\x91n\x11[oJ\xe4D\x0bHUA\xa36\x0e9??\xbeu\xdf\xcaC\xfe\xe3\xbb^E\xc7\x13\x96\x92\x0c\x18r\xb8*\xf3\xf4&amp;\xa8Z\xa9\xfd\xd5A\x98\x108ta\xb1\xbf\xc8\xb69\xdd1\x9d{\x88\x17\xcf$"3\xbc\x85*\x16\x08\x0c",\x8a\xe6\x90\xeb\xb2\x95[6\xfd\x17=]\x0cV\x0f!U\x92\x96G,\xa0\x9a\x03\xb5\xdc\x01\t)\x11&amp;\x93\x93;;\'\xce\x81![X\x1d\xce\xe7\xd5v=O4\xe3L\x89\xad*\xec\x1a\xf8\xaa\x12\xb8\xeau\xb3\xd1\xd5h\xe19\x06\x8but\xe0\xed\xfa\x07\xb8\xb1\xde^\xa9\x06\xa2\xc8\x05\xac2j\x95H\xb9-\xe8\xccH\t\xb4\x12J\xa1\xce\xa2\xde\x0c\x05\x01Lm\x14\xb3\xf5\xe2\x9c\xb3\x8f\xc7\xc7\x82\xc1\xe3#\xd6\xde\xd6x\xfd\xa6\x851d\xa1\xd7\xff\xed\xd5\xe2p\x8f\xb4\x17\xd4\n\xb8q\xa11\rDR)\xb9\x05\x8f\xf4-\x1a\x89D\x10\xdd\xc5S\x01\xd7\xb2\x0cO\xaa\xb3\xd3\xc1\x90#d\x8fD\xc4P\xe7\x01\xcb\nX\xcb{uH\xf8\x96nRv\x1e\xff\xb58\xbc\xf8b\xb8\xa7\x97P\x92$\x83\x05]\xa8\\@\n\xc1\xf9kH!|Sj\x00,\x1a\x95\xed\xd24\xf4\x86\xd1|V\xa6\r\x05\x9d9(\xbbL\x03av-\xaf7\x8e[\xbaa\xc3\xf8\xfd\xa3\x8b\xbb\x17\xaf{9\xbdJ\xa5\x04\xb0fr\x11\x03\xad$\x88\xa4\x17L\x17\x81w!\x94J\x80QJ\xd2i\x8d\x06\xaa\x1b,\x9e\xf9]\x99\xd6\x16\xc90m\x8d\xd5\x0cX\xb7\xc7\xad?}\xed\xec\xfc\xf8\x17bq\x08\x89\xc4\x12\x190q\xe5\xb4\x8f\xe3\xf5*&amp;\x15\xa0\x94DB\xd2\xd3\xda\xcd)\xadlz\x1a\xfae\r)\x91h4\x9a\xe8\xf4\xdbi\xf7\x00\xcf\xcfc\xb3=\x0c\xd6i;n\x1cL\xfcX\x1cf\xb0`*\xf6\x8dP\x02\x9f\x14&lt;\xac"\xf9\\B\nh\x8a\n\xab\xed\xe3\xa5\xad\xb1\xb1\x929\xe40\xaa\xb3\xc0&amp;\xf1E\xa3\xd3r\xb7\x88\xf7\x88\xb5&lt;\x7f\xd9\x86#t\xa8\x12\xff9\x80\x99\xc8!\xb0B\x8c\xac\xd1\x1aioG\xc7\xe0\xa4\x12\x94\xc2\x13~9\x15\x1e\xb2\x8f{\x1c\xcc\xf0x\xcc\xb2&lt;\x06s7\x1f\xb0#\x16\x88\xe5\xda\xbb\x9ah\x07\xd6\xb3\x9b\x03H\xf9\xffa\x11^oG\x97\x82\x93TL*I\x10P\x80\x9eP\x1d\x0c\xe2\x91\xf5\xda\x08\x1e\x8ce}Ib7\xeb^\xb3b\x14\x01\xeb\xb0\xd1\xdf\x0e*\xd6\xbf&gt;\xe3L$\xb0\xccw\xdb\xf3\x84\xc2\xdb\xe5\xf5v\r*z\x0e\xf7v\xa7\\o\x0f\xef\xeb\xcb\x87\xf7\xf7{\xf3\xf3\xe6\xad-5\x1d\x13d\xd3\x93\x9c\xed\xac\xbc[\xc5\xb7\xf2\xac\x88\xf5\xa3-\x97\x7fX\xa7_\x86{\x08\x02\xb9\xe4FGV8\xd9\xe3\x05\xbf\xdfqpw\xd5\xbcl4\xae\x9a\xd7\xe7\x8d\xe6\xf5u\xb3\x01\x8ff\xdd%\x1cL*\xbdD4k\x10a\xcb\x0cX\xcb\x87\xdf\xdbs\'\t\xa6b\x0f\x9e\xbc\x12\xa4&lt;\x18\xca\xa6\x95\xbe\x9e\xae\xaeW/\xbe\xdc^5\x9b\xcd\xf3\xe6\xf9\xf5?\xcf\xcfg?\x9e\x9f_\xc3\xa3y\xb5\xa4\xd8\x19\xf4J\xa3\xd9\xb0\x15\xd42#\xd6\xfaM{\xae$\xcd\xfe\xf9\x02\xd4\xea\x85eQ`\x83\xc9\x16M+9\xde\xe1\xda\xdd\xfam\xa3\xd1&lt;?:\xbe\xfex|:1{}}}\x0eT\xf7o\t\xa8\x1dD:o+\xa9\xa0h\x8d\xc3L\xbcm\xcbD\x84\nq\xb1\xf8\x1a\xc5\x92\x12$e4\x06\xb3\xf9\xb42\xe9\xe5\xbc\xde^:\xdc\xbb\xbcj\xa0L\xc7\xc0\xd4l|{\xbf75M\x0b\x044I\xd2a\xa3\nC\x88E\xfer\xa2MX\xdfk\x88\xc5\xe1\x08\t\x81\xda\x18T\xab\xf3\xb0\xf6@}\xd7\xe4\xb3v\xc7\xd9\xfbo_\xaf\xbe~\xfdv?v\x06U\xc2\xbef\xb3\r\xa9)9e\xe4Af\x99\xcd\xe66bu\xde|\xc6\x93(\x0e&lt;4y5`Q\x01\x9dN\xf8\\H\xcaS\xb95\x8f\xe7\x0c\x06\xf3\xe5\xcc\xe3q\x88\xc1\xe7\x9b\xfa\xb86\xf6/\xb1\\\x87W\xfdm\xc2:\xbd{!e\xe4"\x80+\x1c\xb6\x85\xdd1\t\xa9\xb1X\xdc\x91\xc4\xca\x9a\xc31_\xdf\xbb\xff\xf6o\xc0z\xf0X\xf9~=^\x84\xb0C\x0b\xeba\xc4r\xb5k"&gt;c}\xfc\x829\x8fT\x84DCS\xe1\xb0! \xb1\xa4i\x9a6\xa4rCk\xf6\xad\xaf\xdf0\x86g\xc53\xd5\xc2\x02\x9f-\x16\x8b\xbb\xd9V\x9e\xc8\xc1P\xb9\xd6\x8f\x9e\xb5i\xcc\xfe\xb9\xc8`\xe1\x10\x92\x02\x10L\x1e\x08\x08p\xcbh\xc8$\xc2\xbb,c\xa5\xb3\xad\xc73t\x15\x9f\xad\xd7\xebEl\x8f(\xc4`M\xb9\xd6o\xdat\x85\x98\xd5\xf9\xfd`\x98Q\x8b\x83l$\xe0P\xee\x80@\x0e\xcb!,\xd4\xb8\x14\x8e\x97\xc6\xad\xe3%h\xdd\x99C\xce8\x0f\xd6\xc2Ph\xd3\xec\xda\x9c\x9a\x82\xb6\xa6]X\xac\xa3\xcf\x10E \x82F\x82\x93$\x04\x06*L\xc9\xe5r\x03\x8d\x9bl\xf9&lt;\x9d\x9d\x96\x05\x83F\x90\x87\xbf\x00\x16\x0c\xfa,\x87yS\x0bX\x9bZ-,=\xb3\xed\xba\xa7\xcb\xc2:\x8fX\xc4S\x18\r\x14\x972P\x94A`!\xa1_\x90\xfa\xa2\xd9\xac:h4\xbe\xe4/\xf0qX\xcd\x9b\x9b2\xed\xe6\xa6V\xa6\x85\xd4j\xdf?@\xf4_\x1c`\'\xf84$\x029r\xc10\xc8\x05\x1a\x92 |\xe9\xe8\xb4,\xe4`[\x99\xcd\x10\xbe\x95\x8d:i\xf1sj\xf9\xb2\x8d\xff/2qQ\x03\xf7\xf3_\xda\xcd?\xa6\xe9\xfc\x8c\xe3\xe9\x0f\xec\x8e\n\xcd\x15l\xa1`\x81V)\xf4\x07\xc5\x1a\x81\xa1P\xc0+t\x05\x1b\xa0L\xb8Cm\xa1\x8e3\x08.\x90\x08\n\nmwh,\x18\x1a\xc5\x107&amp;\x10\xcd\x85\xcc\x82\xa3u\x99\x1c\x1c\x10~t\xf5\x07\x07\xc3\x88;\xb9L\xcd)*\xc9&lt;\xa6\xde\xa2\xd9\x94=\xcf\xe7\x0b\xce-\xdb\xee\x97&lt;\xc0\x97|\xff{\xe5\xfd&lt;\x9f\xe7\xf3y&gt;\xdf\xe7!L\x05*\x9f5\x1a\xc4\xf2\xf3KK\xde\xb6m\xd3n8\xc1\xd7\x94\x1f\xadJ\xc8\xda\xfb.P\xa5\xef\xd8\x91\xce6\x03Qe\x17\xc1\x1a\xb8uh\xe5z\xadSo_\x82Z\x11\xce\x82*0\xd8\xb2A.?(\xf4S\xa2\xa3\xd5juD\xd5\xd1\xfaM\xea\xac\xed@\x85g\x198\xfd\x01Ve%@%td\x7f|g\xdfJb\x1d\x87\xf2\x07\x99\xc2T\xaa\x18R\xc9\xbe\x87\xdf(\x80K\x90\x95e\x86h7gm\xc7\x06\x84\x1d\xecD6;\xcb\x8c=,\x04k\xe0\xe9\xcab\xc9d\xa4\x88U\xa9\xb4Z8\xe4\xac\x8d\x047\xfe$\xf9 X\n\x80\x91V&lt;\x7f\x10*\x91\xcd\xe7\xf3\xcd\xe6\x04laIH\xd8Syz\xe0\xe3{+\x8b\xa5\xcd\x97\xa1\x1bc\x80\x0b\xfc\xb8\x01\xb2\xd6f\xbf#iii\xc9)\x02\xa8$\xb6\xefMg\xb3\xf9\x02\x01_\rP\x11\x11{\x00\x0b\xfe\xb2\x07\x06\x06\xee\xad\xe0$R\xea\r\x99^\x99/\xcb\xd7\xc6h\xb5Z\xbd^\xb5:l\x83\xa6h\x1d,\xc5\x03~i\x98\xe7\xf7\x82\\l\xec\'\x83PKH\xc0\xe6;\xb0\x8e\x8e\xd3\xd9\x1d\xcfWT\xad\x1b2\xa5B\xa9\x95\xe5\xe7kU\x88\xa5\x87\xb3D$\xacG0\xbf\xf7\xb1\xbds+\xe4y\xa8\xc7\x8a\x8b#HG\xe0\x89\x13\'\x80\xaa\xa3\xe3\xc4\x9e\xd3\xf7W\x18+\x96\x8e\xbdx\x00\xa5\xd7+\x95\x05\xab\xf1z0\x00\xb0v\x17CJ\xdf\xba\xf5\xa3\xdf|\xd4U\xbc\t\xaa\xd8z7BQTnw\xc2\xe9\xbf\xacT\x82`\xb1XD-\x1eO\xa1\x07.-ba\xf7\x85\x0f\x80\xed\x87\xf3\x84\xba+\xa1k+\xd4=]\x04\xca\xedF*"\x95\x1b6\xa5\xec\x15\xc1\xc2I\xd2\xdf\xa6RXt\xe0Rj\x89^\xc0\xa5\xc0o\xd2\xf155\x01\xfb\xeb!\x9a\xba\xf0\x08S\xb9\xc7]W^~\x02\xb8.\x01\x99\xbb\xbe\xbe\n\xb0\xe6W`6\x8a\xc5:4\xdd\xf5\xfc\xfe\x9f\xa0\xc8\xd0\x03V.\x8f\xae\xd4Sr\xc1\x1b\xbd`uXa||M\xb9\xbb\xaa&gt;"\xa1\xaa\xca\xed\xee\xae\x0b\xcb\xc9\xe9\xee\xee\x06\xa8\xee\xee\xf2\xfa\xaa\x15\xc2b1\x86\xa6\'^\xbcX\xd3\xf1\xf4y\xbe^I\xa7\xe7\xe6\xa2#\x81\x0b\xb0bKK\xe9 \x18\x90\x15\xd6\xd5\xd4\xb8\xdd\xe5u\x8599*\xbd&gt;F\x06X\xdd\xe5\xb8yG\xac\x10\x16\xe3\xf1\xcc\xe4\xef_\x80U\xcb\x00\x8b|&gt;\xcf\x05G\x82b\xfaX\xde\x8fJW\xf1x\xb0&gt;\x0bTa&gt;\x1b\n\x0b!\xfd\xeb\xf5\nx\x97\x1d\x07O\x96\xc3\x89\xa2X]\\\x9c\x90\xfd\xf7\xb7~\x8b\x94\xfax\xf4\x0b\xa4\xea\xed\xf5\x81\x9d\xa7 \x90\xfa\xac\xcfS(\x94\x00\xb0\x8a\x8c\xfcak\x92\x02\x17\x80\xaa@\xa1P\xe0\xc0\xb0RV\x07X\xf5\xc5j\x9d\x1a\x93X\xe5\xefn\xf5\xa5\xb2\xdej\x87\xcd\x9f\xff0}\xeb(R\xa9\xf2\x11+\x8ap\xe1\xa4\x0f\x90(\xa8\xe9;\x9c\x98\xa1+\xe8t%0m\xc1\xb1\x1e\x85&gt;g\x89Jw\x16\xb7\xf1\xca\x8f\xe6^^\xeb{\x9b\x99\xfe\xf1\x17\x13\xf3O\x9e\x02V\x81V\x8fW6\x14Wi)\x0ei!\x055j\xfa\x0e\x8fX,\xce2o\xd9\x12\xabP\xd5AX\x01\xd5Y\xa4B\xac\xc5\x91W\x00\xf6\xd6&lt;\x99znrb\xd6u/\x0c\xa8\x94\xca\x18\x82\xb5\xa4\x17\x04\x18\x1d\xfc\xc5[\xf5\x0e\x19\xca\xc2i\x9eR|\xf0b\x95\xfa\x98:\x0c+\xd4\x8a\xc2\xea\xda\xbb8\xd2p\xfe\xd5\xc3\xbeT\xc6\xdb c1\x06\xe7&gt;\x9f\x9c\xf7x\x9e\x07j\xb5\x90\xae\x00\xab\xba\x02\xb82I\xdc\x03\x17\x9d\x1e\x0b"!\x11oI/\x9e\xa2`\t\n\x8e;81\xa2\x06\xba\xae\xad\x80\xd5\xd00\xf2p\xf0\x90\xef\x0f\x9f\x9dg\xec\xbb\xb0\xb08\xb7\xe0|\xf2\xe4\x86V\xa6U(\x08\x16\xe1\xa2\xd3\x97\xb1\xe8t\xe4Z\x86\x82\x0c\xab\n#T\xd8\xfe`\xe6\x9b\x81\xca\x0c\x07\xfa\xd3\x8b7\x01\xab\xe1\xd5\xb5\xa1\x92\x92\x92\x8c\x1f\x00\xc6b02\x9a\x9b\x1a\xcf\x9d\x1bn\x9b\x9a\x9a\xba\xf3\xe9\'Z:\x85\x15\xfc\x86^\x14\xd7k\x83\x0c\x16\x06\x95\x06\xe5\xc0$&gt;?\x89oVG\x9b\xcd:sW\xf6?\x08\xd6\xcdGC\x1c\x0e\x87\xf6\xe1\xf7U\x8c\xc5H\xf5-\x91\x1aZ\xdb\x8fy\xac\x96\xce)\x87\xe3\xf6\xa7\xda\xc0@\xc0\xc2\xa6\xf4\n\xe0\xca\xcc\xec\xcd\xa5\xe7\xbeA\x14\x18\x98\x19\x85[7\xd6?\x90\xact\xd8\x96\x01`:\x9d\xd9l\xcez\x8d\xf5\xb0\x89S"\t\xa2\xf9f|\xaf c\xa4\x96H\xe5r\xe9\xf8\xf4t\xabMd4vvv^\xb9\nX\xfa\x98\x182Z@\xb8z{\xc9\xc4\xa4\x82\xa2\xca\x0c\x8c\x8a\xaa\xa8\xf6\x89/\xac\xa1\xaa\xb2\xe8$\n+)\t\xe4\xca\xca\xea\xfa\xd5u\nk\x88\xb3\xab\x96\xc9\x94\x84ddd0\xbe\xe3\xad\x04+\xd5W\x0e0\x96\xd6\xe9i\xaf\xddf++3v\x1a-7\xb4Q\x81\x05\x04\x0b\xb8\xaa)\xbd\x96u\xc2GTT\x14P\xd5\xd4\x1cE\xad(*6p%\xf2\x93\x10K7I\xd4\x1a\xf9\xea\x0cb\x89\xb9\\Z\\\\\xc6ws%#\x83&amp;\x17u:\x1cm\x0f\x1ex\xca\xf2D"[\x99\xa8\xd3n\xbfs&lt;*P\xa9"X\xc8\x15L\xda\x02{3A&amp;@B\xa9*\x82\xa1\xa2\xdd\x7ft\xf7&amp;\\z:&gt;\x9b\rgz6(\x06N4\xebR&amp;O6\x846\x84\xbe\xba|\n\xb0\xe4b1w\x97\x18\xc0|\xbf}\xf0\x83T\\\xa1\xd1\xe1\xf0\x0e/,\xb49\x8cy6\x91\xc8n\x19\xbf\xd0:&lt;P\x1d\x18\x08X&gt;k\xa9\t\x91\xe0_\xa3b\x14\x120U\x04S\x1f\x0e\xb0\xa3X\x07\xab0\x91\xed\x8fEY"\xd6\x1af\xb5z\xe2\xf3\xf3\xa1\xa1\x90\xb9\x06Oq\xc4r.M\xcc\x0c\x02\xc5\xc4$\xc6X\xdfN*\xae\xd0&amp;\x02\xaa\xf6\xd9\x99~\x8b\xc5j\xb5\x8e\xbb\x9c\xa3\xd3333\xf3\xe5\x10\\*\x1c\x88Z\xbb\x964\xbda\x8cU\x10\xa4\xeaj\xecU/\n\xd8Li\x05\t\x8bO\xa8\xfc\xa1\xe0 X\x1fL\xde\x0c=\x19\xda0\xf2\xb2\xef"\'H.\t\x11\x07\x05\xc1/\x93\t\xbe\xcc\x00\xb2o\x96\xaa\x84+G\xaa\xd6\xf6\xd9g\x97]\x1e\xe7\xb1\xf6Q`\x9a\x1e=\xe6\x19\xf7~\xa9\x85\x98\xc7\xcb-\xca\xb0\xa1\x92\xd2-8\xf8\xc7\x00\xa5\xc1bv\xdb\xfbj\xd2\xb1Ei\x05X\xc0\xa5\x13\x1cD\xb1\xc0\x89\x18Z\x1c\xa6\x9c\xb6\x84\x05\\LqH\xdc\xceo\x90\x0c\x0e\xa1-v\x83\xc1\xe2\x98\xf2\x0e/.&gt;\x9by0??\xedt\xb9\xbc\x17z\x0c\x06\xbb\xdd\xe0\xbc\x04\xdb\xcf2Vdd\x91\xa6\xa8(\x92\xc0\xc1\xab\x06/$\x00*:\x9aP%\xfaC\xbd\xc8f\x13*\xbe.\xe5\x17\x13\xd7\x1b\xd0\x87__\xbe\xc8\x91\x98\x98\xb4\x9dKX`b&amp;\xbc~\xf8\xff\xc0X\xfb\x0c\xd6?\x8e\xf7\xb79\xaf\x80\x07ggF\x87\xdb\xfa[\xad6\x13s\xa3\xd0f\x13\n\xedV\xd7m\xad\x12o\xe6\xd7\x10,M@@\xd1\xcf5\x01\xc0\xa6\xd1h~J\xd5\xb1\xd1:A4\xb6l\xf1\xd9;\x88\x07!\xb4\x92\x04\xba\xb3D,\xc4\xfak\xdf\xc5\xe6ZS\xd0N\xc0b\x8a\xc5bT+\x1c\x8c\x1bB\x96\xe5\xff\x88\xaa\xbe\xb6F\xe7\xbd\xd1\xe9Q\xa7\x0b\xe2\xaa\xd5"2\x8aD\xc6N\x91\xcd&amp;\x97\x8e\xe5\xd9l\x16\xafw\xeao\xb0+RX\x91\x80\xb5\x0e\xe7\x967\xaf\x0b\xc0;\xae\xf7\xfcH\x0f`\x121X\x84\xe9\x14\x16\xe4y\x01P\xe12\x0c]\xdf0\xf2\xe8L\x9cD.\x94\x84\xd0\x80\x88K\xc3\'\xc1\n\xe7J8\x1cX\x95\xff\xcd\x7fg\xfaGG\x1b\x9d\x1e\x97\xd7\xdb\xdf&gt;{\x17\xa9\xc0:\x8d\xa22\x9bpl,\xcfn\xf0z,\xf6;\x9f\xa8p\xfe\x08\xc7\xbb5XPo&gt;p\xe0g\xf8\x0f\xa1RHH\xc1\xca\xc3\xd4\xe0\x9f\x9eN-\xc3$\x81\xe0\x97\x13\x93\xd7C\xd1\xce\xbf\xba\xcc)\xa9\xb5Ch\xd1\xd0\x83\x80%\x0egR!&amp;a\xd6\x9ei\x1a\xbcp\x88\xf1\x9f\xa1&gt;\xd46\xda\xe8uX,\x0e\x87ktv\xd4j\x11\x95\x01\x95\x08\xac\xac,olLh\xb2z\xacr\xa9\xf1\xbe\xccg\xc3\x06\xfc^M\xb8\xf0\x1e\xe9\xc0f\xa4\xf2KF\xa1\x121\xc61\x8b\x82Z;\x90J\x10-\x88NyMu\xfee_\x1c\xc7d\x97\x87\xc4\x85H(\xac\xa0pfx\x90D\xc2\x0cg\xb64\xf5\x9f{6\xdc\xf3o!\x06\xa1n\xf58[\x1d\xb0\xc7\x18\x1d\xadwg\xdb\xad\xa22\xf8!f\x04\xac&lt;\xa6\xc9\xe0i5I\xf3\xf2\x1c_\xe2h\x01\x8e\xe3j(\xac\xb44\xbcx#\xc3"\x90\xd6\xd1q\x89|\x8a\xca\x9fO\xda(\x0f\x12\xaa\xf5\xebC\x97\xd6\xa1\xc9\xce\r\t\x91H\x82\xc2\t\x163\xfc3\xe0\n\xdf\xd82xwa\xe6r\xcf\x19\xdf7\x8e=\xac}C\xadN\x8fC\xd4\t{\x9f\xa3\x7ffv\x18\xa8\xf2\x96\xa8@\xac\xb22\xa1\xc9\xe4rZMBa\x9et\xeaj\x0e\x14\xd2\x91\xcb^\x04\xef\xa5\xe1\xf0r\xda\x91\xe4\x94$\xec\x98L\xc4=\x07\xe3\n\xfd\x17}\xf8\xf02\x15`\x9d\xffz\xf0"\xa7\xd9\xd0B\xdb\x05X\x90N\x89Z\xe1\xe1\xb5\xb5\x92\x8d\xd2\xc1gs\xd7z\x9a\x9b[\xb8%K\t\x16\x8e\n\xa7z&lt;\xc7\\\x0e\xf4X\'l8\x0b\x8d\x84\x8a\xf2 h\x05\xb2\xd9\r\xad\xceq\x93T(\x84\xe0\xbfr\x15\xe7\xbc\xe3\xe3a\rR\\\x14V2\xb6\x02\x92x\xa7\xe0\x92P\xaa\x94\x14\x12W\x04\n\xc4z\xd4\xc4\x914\x1bL\xb4](\x13\xc1\x82\xecP\xdb\xdc\\+\xb5\xde\x9d\xbb\xd6\xc4\xe5~\xc6\xe5r%!\x90`\xe1\xa8p\xaai\xdcy\xcck\xc1U\xe7\x18o|0\xdbf\xb0\xd9\xf2lTd\x19\xa9\xf8\xb2\xb8\x80\xaaV\xb8Q*\x95\x8fI\xaf\\\xad\x8b\x0f\xc0~\xf9\x00\xcd\xbf\xe4J;r$\xf9 \xde\xbf\t\x0eSp8\xa9u\xf0\xc8\x07@ur=Z\x03l&lt;\xb8\x1f\x9a\x00\x8bF"~I-&amp;\xb7\xd6\xd4\xf3\xd5\xdc\xb9\xa6\x16\xe6?\x9b8\xa3\xd06\xee;\x8eK\xa0\xa7+\xe1\xd8\xe5a\xa6g\x84\xb1\x13\x8e\x1c\xf7vC/c&amp;\xdb`"\x81&lt;\x9d_\x12v\x97\x83\x8d\xd3C\xdd2\x88\x0bn\xce\x83\x93\x02a\xba;*o\x96\x10[\x84\x84\xa9`P\x0b]\xd1\xf4"4$a[\xaeU\x14ws\xc1\xc6\xcd:\xf0\xd8,\xbb\xa8\xb5\xd5\xd80X\x9d\xed\xfb\xfb\xcb]\xfb\xc7\x92\x1c\xe9t\xfa\xdc\xef\xf7\xfd}\x7f\xbf\xbfA\x89\xec\xec\xa8T\x95a1\xb4\x94\xd5\xb6\x90@\x87\x86\x97\xe5\xee)\x1a\x8e\xbb\x99\x9a\x9bc\\D\x85h9\xdaVz\xdb\xb6\x15%*\xcb\xae"g\xbfz\xf9\xe6\x8d\x1b\xd7\x19\xd7\xf5\x1b\xc0\xba\x03*ZOf\xc7d0.\xfa\xe6\xeb\xec\xec\xd3\'\xcf\x0fX\xac\x18\xd5\xfaI\x9b\xb0L\xdb\x12\xc3\xa0\x9ab\xd1\x9a\x02\x87\x9c,\x1f\x95\xab&amp;&lt;lb\x07\x98\xd4\x92B\xeev\xa5\xb2\xbd\xbc\xccd\x95/\xbf8\x0c\xa0\xeb\xcd\x87\x9b\x845\xcd\x8a\xd1u\x92\xb5\x8d-SQ\xf16U\xce\x9a\xa6,\xe4_\xfe\xe9\xf1c\xc2\xba1\xfe[3}5\x9e\x81!\x95\x8c\x8c}Ox\xf6\xce\xb7Tp\xd2\xf5\xcb\x16\x87\xb9\xd44g\x0c#&lt;q\x15\xad\x19\x14\xa1\x02\xaa\xc3\xaa\x8d!,\xa2\xd8\xd2\x0c\xc0"\x91P\xed\x9f[(\xc0i\xd4`\x12b/%\x91\xbf\x14\x0cann\x9eT\x85\x889\xc9\xad\xdd-\'\x15UU\x1c\xaf(\xa6,g\x0b\x1b\x9f\xfe\xf9\xcd1\xd7\xf8o\xcd\x80\xba\x83\xe0 \x91l\xdd\xbb\x07\xaa{\x0f\x1e&lt;?X\xb8yE\x85\xbe\xd3\xcf\xf1\xba\x951\xed\xefbMLH\xd9*\xa3R`\xac8=\xf2\xb83\x15\x91B\x95\x9a\xb3\x8a\x0fg\xb2:\xf34\x17\xe9S\x90\xc4\x14*\x11\xf3\xdf\xc3U7Y\xd9-h\xd3H\xab:\x05\x81\xaa\x11EN\x96\xbc\xe2W\x08\xd8\xdb\xd7\xaf3\'\xbdv\x87Ik\x16\xd1z:\x0e\x19}s\x1f%xE\xc5\xda\xce\xfaI\xa3^\xd7\x85\xaciO0,i\xc6`\x8a\x17\xa0\xabC?#(\xea\x14n\xb2"\x90\xc5N\x84\x96\xe1\x9b\xf3\xab\xcbN\xb7\x0cYiQ\xfa\xf8(\xad\xb9\x87\xd3$/\'H\xef65\xf7\xe1\xdc\xfc\\\x94\xc2\xab\xdaf\xb6\xd6\xa9f\x84\xe4\xbf\xfe\xfd\xf8\xedq\xb0\xe8\xff[\x00\x17\x1clqq\x11\x85\x89\x86}\xf7\xee}\x88}\xe1\xe6\xe4\x15\xd6\xda\xfaq#\x97\xc9X\x18\x04LE\x10\xa8\xe5`\xda\x92$A\xf0\xfb\x88\x15Nk\xe3\xa9H\xd4u]\x85\xc4\x15b6\xb0Ln\xb5\x11h\xa4\xf5\xb9\xe8\x1cQaR\xc6`\xeat\xd3\x14\xab\xf9\x14\xbd\x12\x8dLA`\x99\xa0\x92/f\x04[\xfb\xe8\xe5\xef\x1e\xdf\xf8\xe1/\xef 6\xf7\x90\xc11\xd5\xe2#\xb4\xa1\xfb\xef\xbd\xfekF\xc5\x8apmmr\x05\xc2*Z\x19[q\x1d\xd7T\xb0G\x90]\x19\xcb\xb6\x85l\xff\xe8\xbc\xa5\xc9\xaa\x02\xcdb9\x8e\xe3B.\x91\xd0&lt;\xab@\xef\xec\xccs43\xba\xc9"%\xcb\x10\x17\xd9\xa8\x93\xdf\xd8mV\x93\x1a\x96Cw&gt;n\xd5\x8eW\xf5\xab\xd5F\x10\xfc\xfd\xd3\xdf_[\xbc\xf6\xf4&gt;\xda\xce-\x90=\x85\xc6\x16\x1f=z\x02\x03{\xf6\xec\xe3\x83O\x16V\xaeB5\xb9\xb2c\x19\x00\xea\x00\x00\x06\x0cIDAT\x7fq\xda,4[A7_(\xd4\xf2\xf9 H&amp;\xab\xbe\x96\xc5\xea\x9d\x9d\x0f}M\x89FMW\xde\x94]6v&amp;\xabZ\x08\xaa\xfa\x0bF\xbeA\x13\x1e\x0e\xb7\xc4\xcd4\xb3\xae\xa2\xb8t\xc8p\xef\xac\xe4U\xd2\xdf\xae\x8e\xe7\x95\xf7J\xe9R\xa9\xb4Q\xc6\xed\x1f\x7f{\xef\xde\xec\xad_\xa0\xe1\x90%\xb0\x90=\xf9\xc9\xd3\xdb\x80:XX`X+\x84\xb5~q\xd2\xf1J\xe52\xdeRf\xf7\xa5\x12\x9d\xaa\xd9m\xb7F\xa3\xa1O\x17\xcb\xee0V\xe5\xbd\xd2F\xc9\xab\x85\x96\x97\xbb\x85\xc1\x8bR`\x9af\n\xa8\xcb\xdb\xdb\xf9Zm\x0bci%]\xe9\r\xce\xf666\xd2\xdf]\xdea\xb9\xe3U\n\xec\xa2\xf3\x05\xafS\xfa\xfc\x8d\xbb?}\xe3{?\xff\xd5\xbb\xcf^\xbf\xfd\xce;\xb0\xaa\'\x0f\x00\x85\x04\xdedz_\x01\x17v\xf8~1W\xf4\x83n7\xa8"\xd2x\xc4\x9bk\x85Jaxy1:\x05\xe8a\xf9j\x1d\xeem\xa4\x0b\xdb\xdddh9\xdf\x19\x0c\xbc\xea\x95\xca\x1d`m\x03k\x0bX\x95\xce\xde\xa0\x89p\'5\xc7\xc1\x0fR\x99\xd4\x92\x85f\xd5og3\x99\x0c\xf6\xc6\xf5\\\xb1\xdd\xe8\x1f\xbd\xf8\xcf\x87\xef\xff\x00`\xdf\xff\xd1\xad\xdb\x7fx\xf0\xfc9\xe5o\xe1\xca\x19n2\xb5\xb7r\xf5:g\t\x92$\xd9\x11iF \x87\x10-\x0e\x83\xcc\xc9\xe8\xb4\xc3R\xf0\xcd\xea5\xab\x1a\xc6\xceH(\xbf\x0b\x0b\xd5 &amp;*@u\x0e\x9a\x86\xaf)\xb2bj\xc1\xee\xa0\xe9\xa0\x1c\xe7h\x84\xc0\x1d\xe5\xbfV\xd32\x19\xec\xf1pf\x0b`V\xbbwy\xd4\x0f&gt;\xfb\x9c\xc0~\xf6\xdak\xef&gt;\xfbx\x0c\xb5\xc0b\x85P1g\xe0\xd1\x7fE\x94\x1f\x16\x9a\x9e\x106\xb0t\xddj\x9c\x9c\x0f\x8b\xb9\x1c\xbbF\xcb\xc2\x83e\x08\xb6m\x9b\xaa\xaa\x86\x06g\xa5\xaa\t_PQ \xa8\x7fT\xc1\x94\xba\xb9\xb9)\x9b\xc1\xc6\xa0\xe0b\x8f8\xaeN\xcc\xcc)\x13\xf3\xa9f\xda\xd2\x84\x14\xc6\x99-\x8e\x97\x8a\xc3\xcbQ\xaf\xc8\x17\xbf\xfc\xec\x8b\x0f\xdf\xff\xcdo\xbf\xfe\xfa`\x0c5\xa6\x9a\\Y[\x83\xac\xb0\xd7\xb1\xb8\x98\x84\xe6,\xa1\xdd\x85\xc3\xa2\xc8\xc5\xc4X\x82\xf3OG\xbd:\'\xc6,j\xcf\x06\xdcBbVj\xa3T#\xa1\xf3\xa6\x8b\x02T\x95H\x94\xc5I\x9d\xa0\x11hG\x81\xf7\x0e\xe0\x0c\xee\xb4\x8cP\xa5\xa2)3\x9aB\x82\x1d\x04\x14\xe08C8l\xf1\xb9v\xef\x1cT\xba^_Z\xfa\xe0\xa3/\xfe\xf8_@\x8d\xa9(\x87c\x13\x1d\xf5\xda\xb9z&lt;\x81K\x98`\xef\n\x1bz\x82V\x1cT\xe7\xbd%\x8e\xd3\xc3x\xde\xd0EK\xc2l?\x03.\x85\x8c"\x14d\x15P\xb18\xa94WG\xd0D\xa7\x84\xa2\xdf\x19x\x98$\xe8\x10\x88\x8e\xa25\xbd\xec\x98\xd4\xb7\x18\x17\xa2\x15\xce\xc0\t\x91\x05^\xd7y\x8e\xcb,}yv\xf0\r\x13E\x0bR_\xdb\xbf8i\xe5\xb8x\\\xd7c\xc8\x12\xb2\x1eK$\xb0\x97H\xc4c\xb8\xa4\xfey\xafX\',p\x89\t\xde\xc2\xb8\x83\xdf0\xf1\xc0\xd6\xdc\x10\x0cAQa\xb2\xd4\xca\xc9-\xe1\xbd3B\xb1\xda\x19t\xfc\x14\xf6;\xc0R\xd9\x8a\xce\xafb\xe0\x8e\xc0\xa2\xd1\x1b%\xcb\xe0s~\x1f\x9e\x93\xab\xf3\xbaX\'\x99\x15\x8f?!\x1c\xb6V\xc8\x18\x90\xc0~\xe3\xad8&gt;\xda\xd2\x13"\x87\x15\x03\x16\xc7\xc7\xb9D\x82o\xf7\x0fAU\x8f\x03kf&amp;\xcc\xc7D\xbaP1,Q\xeb\xb15`\xe1\xe2\x15Ua\xe6O\xa3\xbeDTA\xf9\xac\xe3\xcbr\x8a\x9c\x95\x14Gb\x8d\xca\x91\x19\xd4\x02$K\x07\t\x99\xc6\xe9\xe80\xc0\x10\xccq|]\xb4t}\xe9x\x1f\x12_A\x98Vh\xad\xad\xaf_\x0e\x91\xa4z\x9d\xe7\xf4\x18\xc4DT\xb1\x98\xae\x13\x1f\xd7\xee\x1d\xd2\x8b\xa0\x14\xd1\xb0\x19\x16[\x86\x01u\x99\x8e\x13B\t\xaaHLd\x82F}\xca\x9fa\x15[\x87G\x1d\xdf\x04\x12\xcd}6\x8d\x1c\x13\xa0Qh\x07%LA\x00\xe8gYP\x9d6r\xc8\x8b\xa8\x1b\x98\x0c\xc2\x0ck\xf2j\xad\xad\xed\xbf\x1a\xb1\x04\x82\x06\xc7\\-\nXBOp\xf5v\xaf\xdc\xe2\x00\x18\x8f\xc7\t\x08\xbbDQ\xa4x\x11\x9cd\xbb\xab\xab\xa1Mu\n0;\xaa@\xb5\x8b_\x84l{x~\xd6\xf7M%\xaa0\xf5\t\x92@}U\x10d\x05:G0\x8d\x9d\xb0Ul\x9c\x1c\x9d\xfa(1\xd4\x95n\x88\x90W\xac\xc8\xa25\xb9\x86H\xed\xaf_\\\xf6{\r\xb8UL7t\x8e\xe7b,V\t\xc2\xa2cs\xbd\xf2\x10\xb8\\\x02T,Nb\x82\xb8\x0c\x83\x8c\xc2\xca\xb8\xab\x7f\x85\xb6l\x9bLA\xb0vvh\xc4\xce6\xfa\xe7\xe7C\xd3&amp;\xa9Ge\xd7\x95#DK\xfd^Q$\xbc\t\xf9\xb3\xf8"\\\xb4\x8c\x91\x00g2X\xc9C\\\xc5\xe35BZX\xd9\xdf\xbf8\xee\xb5\xf2&gt;\xcf\xe7\xea`\xd6\xad1\x16\xeeX\x02u=\xd3,5\x97\x90]\xda\xe3\'\x18\x97NX\xa4.|\x80\x90u\x93^H\xcb\xfad\xdaYrIA\xb2\xb11::le\xa6H\xe4*\x0b\x97 \xe0\xe5"V\xbb\r\xef\xcb\xf1\xe4\x7f~\x7ft\xdcj\xe7\xe8\x9f0{\xdcx\xc3(\x9e\xec\x93\xa6\x00u2l\x04\xa0\x02+\xf1r\xc8a&lt;\x8e\x84\x8d\xf3\xc7Y\xb9fi\x88\xf4r\xd0Y\x82KP\xf6D1\x91`\x0f"a\xc9Z\xb0\x17\xeax\x85B\x1e\xcd\xbdJ-]\xf1{\x97\xf0\xbf\xa2\xb2\xa9\x98\xd4\xdf\xb5$u\xaff\x13=\xb0\xe0y\xe9t\x05\x07\x17\xf2~\xa3?\x1a\xf5\x9b\xb5\x1a\xfab\xb7K\xdd\xc9\xcf"\xf7\'\xeb\x90\xd4\xfa\xc5\xf1\xb0\x9d\x0b\nU&gt;\x1c\xe6\xb1\xa97H\xebq\x86\x15\',\x8e[\x1avHt\x08\x9ba\x00K\x17I\\\x84%B\xa7\x86%\xd8J\xb2?\x08yh~4\x11\xa4;\x1d/h\x0f\x8fG\xa7\xadv;\x9b\xf5iri5\xd1\xcf7JtKw\xa8O\x13]\xa5\x8b2:\xe9\x15\xd08\xc1\xd5\r\x92\xfe\x07&gt;\xb8\xb2\xed\xfe\xabW\xaf\xe8\xddo\xe5\x1a\xcdj\x8e\x17aV\x10\x12\xf4\xf3\xffE.\xfa\xe3\x86\x07*&lt;\x0b\xa2\x04{.A\xc1\xc2\x8a\xc1vur\xd7`\xaf\xf3?\xf0\xa7\xc3\xaa\xd5\xad+\xa7\x00\x00\x00\x00IEND\xaeB`\x82'</t>
        </is>
      </c>
      <c r="M461" s="3" t="n">
        <v>45492.6772337963</v>
      </c>
    </row>
    <row r="462">
      <c r="A462" t="n">
        <v>1117065</v>
      </c>
      <c r="B462" t="n">
        <v>2020</v>
      </c>
      <c r="C462" t="inlineStr">
        <is>
          <t>Kervin Andrade</t>
        </is>
      </c>
      <c r="D462" t="inlineStr">
        <is>
          <t>K. Andrade</t>
        </is>
      </c>
      <c r="E462" t="inlineStr">
        <is>
          <t>PE</t>
        </is>
      </c>
      <c r="F462" t="inlineStr">
        <is>
          <t>ATA</t>
        </is>
      </c>
      <c r="G462" t="inlineStr">
        <is>
          <t>PE</t>
        </is>
      </c>
      <c r="H462" t="n">
        <v>163</v>
      </c>
      <c r="I462" t="n">
        <v>77</v>
      </c>
      <c r="J462" s="2" t="n">
        <v>38454</v>
      </c>
      <c r="K462" t="inlineStr">
        <is>
          <t>Right</t>
        </is>
      </c>
      <c r="L462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803a8bbc-2a89-4ab8-8806-ae0e787bd2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5\xe3\xe9\x00\x00\x03\x00PLTE\xff\xff\xff\xf3\xf3\xf8\x0e\x0b\n\xfd\xfd\xfd\x06\x03\x03\xf7\xf5\xfa\x02\x01\x01\xfe\xff\xff\x08\x06\x05\x0c\x08\x06\xd2\x01\x1b\x12\x0e\r\xa3`E\xa9fI\xb5rT\xb9vW\xdb\x02\x1f\xd6\x02\x1c\xef\xef\xf5o@0\xc3\x80b\x8eO6\xc8\x01\x15\x02&lt;\xbd\x17\x13\x12\xcf\x01\x18\x02:\xb8\xe0\x03"\xbby\\\xb1oS\xca\x87h\xa9iO\x02&gt;\xc1\xb1mN\x97V&lt;\xcc\x01\x16\xbfzZ\x9f\\A\xd4\x91rs&lt;\'\x93S9\xfa\xf9\xfd\xbe|`\xc2}^\xd1\x8cn\xce\x8aj{E1\x85H1\xfa\xf9\xfa\xeb\xea\xf0\xafhJ\xc8\x82d\x89K3\x02A\xc5tD5\xa4dIv@-\xb6nO\xadkOh;,n&lt;*\x80E.\x92YB\xa8bEk7#d5$\x99[A\x9cW&lt;\x1f\x19\x17\x9b_F\xbarS\xbdvW\x86M9\xc4\x01\x12\x7fJ6\xb5vZ\xb4\x01\x0c\xe5\x06&amp;\xd3\x95y\xbb\x01\x0e\x8fU&gt;\xcb\x8dr|A*\xa5]@\x16\x0b\x07\xd9\x99}\xc5\x85izL&lt;\xe1\xdf\xe3\x1e\x0f\t^2#\x89Q=&amp;\x13\x0c\xa2hP\xc0\x01\x10s7\x1d$ \x1e\xf2\xee\xee\xf6\xf4\xf4\xb4oZ\xe8\xe4\xe8\xe6\xdc\xd9\xe0\xa1\x82\xe1\x0c)\x9ccL\xabqX.\'$\xea\x0e+\xb9t\\&lt;\x1e\x110\x19\x10\x049\xae\xe2\xe5\xf0\x02C\xcaf1\x1c\x8dH.m3\x1b\xcd\x85jz&lt;!\xda\x96vT(\x17D\'\x1d\\.\x1d\xaedE\xb4iJ\xce\x85b\xd5\xc6\xc4\xda\xd8\xdc\x9drd\x7fRC\x87XG\xd5\x9d\x85\xad\x7fn\x93]J\xd8\xd0\xd3\x033\xa6\x97P4\xaehV\xd5\xd8\xe9\xf0\xe8\xe5\xcc\xcc\xce\x99hS\xb2\x87y\xa4nZ\xbd\x81f\xd6\x13-\xa8\x01\t~_T\xaawg\xd8\x8ej\x9d\xaa\xdb\xd3\xbd\xb9\xc9\x7f\\H"\x12\x98l]\x8baRR/"\xcd\xb0\xa9\xc4xSJ70\xc8\x14(i\x8a\xda884\xa3\xa1\xa2\x16J\xb7&gt;-(\xbf\xbf\xbf\x91\x8f\x8d\xc9\xce\xe4\xd8I]\xdd"&lt;\x9d\x7fx\xd9]q\xb5yftsp][Zkhe\x83C&amp;\xe5\xc3\xcf\xd6|v\xc2\x91\x7f\xbc\x9c\x94\xcd\xa3\x99+V\xb0\xea\xac\xbcb+\x13\x0eB\xa3\xb6\xc4\xe1\xbf\'?tQDkMC\xc7tl\xf1\xd9\xe1\xbc\xb7\xd4\x82~|Lt\xce\xe5\xcf\xd3\x8fhZ7f\xcd\x12K\xc9bC7\xdc\x9c\xac\xc8?OQOK\xe6\x90\xa2\xd6p\x85\xaf\xae\xb0\xf1Lkk+\x13\xbe\xaa\xa4\xc3|y\xae:j\x8c\x00\x04\t.\x86\x9a\x02\x08\xce(AY:/\xe2\x80\x93\xc7\xa1\xbb\xa8`T\xe3\xaa\x8f\x89\x9f\xd5\xc5\xb8\xb6\xb3\x13+\xdf\xbb\xad\xa6\xb8\xdfGD@\xad\'SR\x1e\x11\x1eT\xcd\xb2H|\xd8\x8a\x8bh\x84\xc3\xcc\x85\x9a~\x91\xc2\xf4b~\xaa\x94\x8e\xb7W\x86\x8erk\xb6u\x9d\xcf\xab\xc6\xaf\xa5\xc7\xc2`aSq\xb1\xc2\x8a\xaf\xa0Gw\xa5HGN\x1dI\x84\x80\x9cs\x05\x13\xb7bV\xa3\x9b\xbb\r"g\x93\x19*\xafYe2F{\xfb\xdaq\xeb\x00\x00 \x00IDATx\xda\xcc\x99\xcfK\x1b\xf9\x1b\xc7\xcb\xcc\x98\x99\x0f\x93\x1f\xb0&amp;0\x87\xfc \xa1i\xc4\xb2&amp;\xb5\xc1\xd8\xf8+&amp;\xd3n1 I\x9c\x1aSS2\xba\xb24\xc3&amp;\x07\r!I\x17\xacZK\x0fq\r\xd8Kj@H09\x19-\xf4\xb2\x07=\x08\x05A\x90=z\xd8\x93\xf4\x0f\xf9&gt;\xcf\xc4\x1e\xbe\xe7e\xec~ Fc /\xdf\xcf\xfby?\xcf\x07\xef\xdd\xfb\xb7\x87\xa6}}&gt;\x9aeY\x9a\xbd\xf7\xdf9\xf4\xf2z\xbbuU]_XY\xa6\xe9{\xff\t2\x80`\x17:\'\xdd\x93\x9bf\xf3\xf2\xb8sU]\xe9ci8?\x1a\x8e~\xd4&gt;\x91eY\xe498\x94\xdc&lt;\xeeT\x97\x97\x1f=\xf2\xb1?\x10\x8c\x85\xf2\x9d7\x05B\x11\x86\xe1\x08p\xc1C\xb8\xe9\xb4\xdfW\x17\x96\xd0l?\x06\x8a]j]6e\x9ec\x18Bt:\x06\x0e\xa1(\x8e\x08\xca\xe5\xe59\xd4s\x014\xfb\x01V\xa3}\xad\xa6\xc0\x83R\xc0\xc51\x88\xa5\xe3(^\xe0\t\xd0\x89\xb2\xdc\xbc\xec^\xadC\x17\xdc1U_\xb5\xdd\x15\x04\n\x88\xa0\x88\x1c\xa7\xe3\x08\xc51\xe0/\x81\xe7\x08\xc1rR\xbcrs\xd2m-\xdc)X\xdf\xd5\xf1e\x93\xe79\x1d\xc3Q\xa2 \x08@\xc7\t"\x85\x90\xe01\x8a\x072^\x10EA9\x7f\xef\xbb;_\xd1\x8f:MQ \x0cx\n&gt;_\xc4V$\xd0\x89\xf0\x04\x8a\x11B\t\x14\xa8%*2\xcf\xcb\xc7\xd5;\xe3\xa2\x97\xda]\x85"\xd8}\x08\xc1\x83\\\x14\xb8\x8c\x82\xef(F\x87O=.\x19^\x96\xbb\xebw\xc3\xc5\xfa\x96\xdew\x15\x1e\x8bE\xb0\x01)\x91W\x01\xc1\xfa`)\x8e\x03(\xd4\x8f\x07&lt;h\tJ\xe9\xac\xdcQ^U\xbb2\x86\x010\xe8\x10\x85\xa7\xd4jB+\x12\xe8H\x0eTR\x14\x19\x8cF\xa1\x98\x0cu~\'\xb6g\xe9\x95\x96\xc2\xa9!E!\t\x94\x8f\xa2t:N\xf5:!\x18c\xa2\xa2\x88\xf0;\x80\xc5\x97/\xabw0\x8dXz\xe1\\\x81\x0f\xd7\x11LR\xac!\xfa\xabWA\x02\xed\'\xa0\xd7\xe4CE@(8\x14\x11[w\x90\xf8\xec\xc2\x89\xcc#\x96\x1a\xa2\xea\xd0a0PU*\x02!/\x82\xb3\xa0\x8a\x02\x07L\x80\x06\x9dz\x17\xcd\xd8\xd7R\x08\x8f\x95\xc3\\Wg\x0ewK\xd6\xb3\xb8 ~w&lt;\xa7\xebe?#\x1c/h\xde\x85\xd5\x1b\x1eD\xe1S\x12\xe8\x84uB,\xeaV,\n\xba\x8fB.\x01\xfb\x90\xa0\xb58|C\xf3=\xab\xb1\xb1\xd6\x8f),\x16/\x10\x1d\x0e\x19\x10\x03\x90x\x82\xc5\xc2zR(\x19\x8f\xb3\x92\xa0Z\xd0\x19\xc8\xa6\\\xf9\xb4\xe5\xfa\xe9\\\x00;\xa9\xba|\xcf*\x82 =\xb1`L\x83P\x90\xa1\xe0.\x11\x93Uu\x17puW\xb4\xcc\x08\x96m+0d\x18\x80\x02\x1a\xd5\\\x90\x00\x82j$\x06\xb90LylE\x18\x87 \x9c\xca\x85\xa5V\xda&gt;M\x9du\x0e\x93\x10\xab\xa8\xe6:\xa56\x1b\x85V\x02"\xdc\xb7pZ\x03"\xfc\xc0\xdd\x1a\xbe\xe7/\xeed\x81\xd52\xb2n\xc0T\xea\xb6\x87\xd9\x89eR7\x08\x1e"\x83G\xc9\x88(\xab3\x07\xa1\x08\xa7\xe6V\x8f\xac\xd9\xd60\xbb|W2/\xa1\xb5u\xea\xb4Q\xc5\x82"\x02\x96\x00\x98(\x1a\xd0\xf5\x1a\x92\xbb\x95\xea\x16M\xechg.v\xe5\x18\xe6\xb0:V\x98^\xc2c\x8c\xc2b\x03\xd9\x0e\xa4D\r\x86\xde!\xba\xff?BW;s\xd1\xd5&amp;\x94L\xa60\x16\xd0\xe38\ry\x9c\x83\x14\x0c"\x1dr\x89\xb0\xcb\x08\xea\xdau+\xd3w\xc9\xa8\xe3%V3\xc3_\x89\x0c/\x8a\x14.\xa5\xd8{8l(I\x82u\x1e\xf5\xe1`J\xc2\x8c\x06.E\xc4\x89\xcd\x10UUU7\x8e\xd1.Q\xe9\xa5.\xa5^"z7\n"\xa5\xd2))\x9d\xcb\xa5\t`\x89"v#\x0cih\x00\xa8%Z.\x95JI\xf0\xce^\xd8\xcbm\xcd,\xbfr\t\xd2\x80\x10\xe8#\x8e\xa4\xf2\xb9\\\x1e\x1e\xb9\xb4\x84@\xa2\xc23j\\`b\xe1\xdb\xa4T&gt;\x9d\xeaMN\xf8+\x84\x8eO\xab,]oJ\xea\xca\x80\xf7\x1a\x86K\xe7\xea\xa5R\x0e\x04Co\xe1B/0\xbdU\x10T\x94\xe0\x01\xc4i\x14\xacG\xc6u\x7fb5J\xad\xb6,\xa9\x17hH,\x9ea\xf2\xf5o\x95\x92\xfa\xc9)\x10\x05T\x12E\t\x0eP\xa5\xd2\xc0T\xaf\x7f\xfb\x06\xdc\xa5z.E\xf0.r\xa9\xd1\x8e\xca\xd2-\x11\xffvu\xd9\x83\x9bN\xbe^\xaa\xfcU\xa9\xe7\xf2\xe94\xbc.I\xe9\xbc\x02\xdf\x02Q\xbd^\xfaV\nyB\x85\xd5\xc2\x84?\xb1Z\xc9a-ur[\x9b\x1d\x95\xa5; \x0b\x9a\x06\xe2R"\xa9\xfa\xb7\xd5P\xa1P\xf8\xabT/\x97\xcb9&lt;\xe5F\xa5T\xa9\x84\xbckk~\xbfw"\xe1)z\xfd\x16Kb\xb5T\xca\xe3\x86\xd1\xd1\xe6\x8aM\xd3\xe7`n"\x11\xbc\x13JR\xbe\xb4\x9a\xc9\x80 \x99L\xd1\x93\x18\xf2x2\x9e\x84\xd7\xeb\x1f\x18X\x8bL\xe9\xf5s\x91\x88\xcb?\xe1\x1f\xb0\xac\x01_\xa8\x92\x93zU\xd4D.\xdf\t\x18)\x9d\xea\xdd\xc1\xf2\xa5J(\x03\'\xb1f\x19p\xb9#\x1f&gt;|\x88D\xdcsz\xbd;2\xf5\xc4h2\x1a\xa6\xf4\x91\x81Hd\xc0b\xf1{=\xd3\xf54\xc8%W\xb5\x19\x8b\xcb\xc7\xd8_\xd8\x8cDH\xe7*\xab\x99b\x02\x04q\xcf\x19\x9c\xc6\'\xc3o\x86\x87\x9d\xc02ep\x9aL\xd6\xc1\xc1\xdfmA\x83\xdb\x1dq\r\xb8\xfc\xfe\x89\xf1r&gt;\xc5\xe8\xf8\x96&amp;j\xb1\x8fn\xd4\xde\xc7:J\xf9\xfaj\x08\xad\xe3\xd2\x1b\x0c\xb6\xc1\xfb\xa6g\xcf\xac\xd6A\xa3\xd3\x16\x1d4\xcf\xcf\xcf\xc7\xe3\xf3\xf3\xb5h\xd0\x11p\xbb\\~\xafw\xb4Q\x06w1\'Z\xac\xa8\xb0/7{\xc1N\xb0\x0bW=\x9e\t,\x9f\xc3h\xb4\xce\xcf\x9b\xcdf`Q\xbf\xcc\xcen\xe1\xf9\x12\xafEmA\x87\xde=`\xf1OL\x03\x16\xa3\xbbY\xd0\xa0\x8a,[U0\x92P\xadti5\xe4\x19\xf2Z\\\xe1@\xd4Z\x8b\x03\x0c\xd0\xbc\x80\xe7[\xa4/\x7f\xbe\xfb\xf8\xee\xdd\xc7\xac\x03\xb0\xdc\xa0\xd7\xe8K\x08/\x88\x08-\xb0\xe8\xaa\x92\xeaa}\xa7\xb2\xc467666wv\x8fT\x1e`\xdb\xfa\xe7\x9f\xad\xad?\xdf\xee]\x1c\xc0\xb9\xbe8\xdb\x88\xc5\xc2.\x8b7\xe1i\xc0h\x12ZZaAXBn\xd6C!\xc0\x9a\x19\xeao\xc0P\xcc\x97\x1b\x17\x9b\x1f\xe3/\xb6~\xc3\xf2\x01\xd5\x97\xdd\x8d\xebC\xf5\xa8h\x8b*\x96\xa7,pT\xd7\xa7\r\x16X+\x97N\xd7\xc7FC\x9e\xd1\x99\xe7H\xa5\x94\xcb\xf0\xd1\xa7\xdb\xd6\xf8\x8b\x17\xf1\x07\xb3[\xbfm\xcd\xd6v\xf7O/\xe0\xb5=8\xa7\xa7\xfb;\x8b\xde\tH\xb6\xe9&lt;EN\x96\xb5\xf0\xd6B\x13\x94\xca\xe5\xcb\xfd\xc9\xd1\xf1\xf1\xb1\x99\xc9\x9d\x9d\x9d\x8d\xb3\xb3\xb3\x8b\x8b\x91\xe4f\xd6\xfcs\xdcn\x7f\xf0b\xeb\x81\xbd\x16\xdd\xdd\xd9y\xf5\xb1\xf6\xa5w\xb2\xc9\xfe\xa1b\x11\xe5\xe25\xd9P\xd9\x95&amp;,3\xe5\xdcErd|\xba\\~9\xb2\xb9sT\xab\xd5\x8e\xb2\xaf\x9fn?u\x98\x1eB7\x82\xf1\xe3\xf3fk\x14\xc2\xa2VS\x1b`v\xb6\xb6\x9d\x1cJ@\xeeV\xd2\xfcI\x1f\xab\rV\xba\xdc\xb8N&amp;G\xa6\xcb\xb9F\xf2u\xb66\xaf\x9e\xc1\xa8\xcda0&lt;1\x99\xee\xdbg\xe3v3\x12\xd5\x06\xa3\xd6\x87v\xa8\xea,D\xd8.\x8e\xa6L(\xaf\x11\xd6\xf2\r\xc9\x1f\\\x9fn$\xfb\x1b\xe5\xfeI\x87\xd1\xfa\xd0\xfc\xf8\xb1\x1d\xc1j\xa6\xe1\xb99\x08xs\xdc~\xff\xbey\xde&lt;h2\xdaL\xa0\xdd\xd6\xec\x03\xf8}t\xa6\xe2\xc9\x14Bu\xe1xY\x8b\x98\xf7]J\xe5\xeb\xd3\xfd\x8d\xe4Xcd2\x1cp\x9a\xcc\x8f\xed\xf6\x9f\xd5\xd42;a*F\xe6l\xe6_\xfexf\x9e\xb7\x9a\x9c\xc1\x80\xc3f\x055\xed\x8f\x1f\x0eZ_\x8d\x87@\xae\x92x\xae\xc9\n\xe1;\x16\x0e\xce\xf6?m&amp;\xc7Fb\x931\xbd\xd3\x185\xdal\xd1h\xf6\xd7\xf8V&lt;\xf8a\xed\xf3\xe7\x0fz\x9b\xf3\xcd\x93\xc1\xc1g\xb6@8\x1cpDkG6\xa7\xe9\x17\xa3\xd1\xb6\xe8\xf1xB\x15\xa5\xa3\xc5\xacf}\'\xe2\xc5\xe9W\xc0\xda\xd8\x9e\x8c\x85\xdd\xe1X\xd8\x91\x8d\x1e\x1dew\x8f\xbe\xc4mk\xc5L\xd1\xef\n\xe8\xf5\xc1h4\x18p\xc5b\x8b\x8b\xdb\xbb\xbb\xaf\x02\x01Gp\xd8\x19\x9eH\x14\x0b%\xa5\xa5\rVW\xbe\xd8{\xfbiss\xe7\xf5\xe4d\xcc\xeb}\xfe&lt;\t\xd1\xb0\xfdz7Z\xab9&gt;g\n\xc55\xd8p\xdcz\x87m*\xec\x1do\x94\x15\xe5\xb0\x011\x126\x18\x86\xf5\xfeD1\xa3\x11\x16\xed\xeb\x1c\x9e\xed\xbd}\xbb\xbf\xbd\xb3\xfd4634V\xca\xe3\xffv\x0e/\xc6f\xc2\x86\x81L\x01\xb0p\xe7r\xeb\x83nO\xe9\xfa\xe0\xb0\xa9\xc8R&gt;\xdf\xf0L\x1a\x82z\xcb\x04`\x1dj\xb2\xd9\xd0\xbe\xd6\x01b}\x02\xb1bCce\xd8\t\xc5\xa6\xdc\xbc\xde;\xed\xf7\xba&amp;\n\x85\x0c`\x81\xed\xe7\xe6l\x81\xe7\xa3C\xfd\x95\xf2!,\xd3\xf9t&gt;\x14\x0e\x06\x06\x12\xc5P\xfd\xf0\x8a\xd6d\xb3\xb9:\xd8\xfb\nT;\x93\x96\xd1\x12\xdc&amp;r\xa5\x97c\xfd\x1b\xdb\xafv\xb3YK\xe6oT\x0b\xa1\xe6\xe6\xf4\x0e}\xd85\x19\x0e\xbf\xda}\xbd8\x11z\xe9q\x19\xa6\\\x89L\xa1~\xa8\xc9%\x83f\xdb\x17{\xfb\x9f&gt;}\xdd\xf6\xc3\x87M\x8f\x8d\xcf\x84\x03\xc1_\x8f\xc0\xf3\xd9\xa7\xc5\xc2\xeaj!\x11y\xf3\xc7\x1b\x95\xcb\x10\xb6L&gt;\x85N\x8c:\xf4.\x8be\xca9\x1c\xfe\x1f\xad\xe6\xf3\x93H\x9a\xc6\xf1I8p\xa9\x1f\x07\xe0VE\xa5HQ\x10\xea\x07\xaeE(\xa9\x16PH\x01\xc1\x84 \x04{\xb6\t!JC0\xa1/*\xe0\xb4\x94k\xbb\xd8\x91\x10q\x13!2\xba2\xa7\x9d=t\xfa@\xba%\xf1\xd0\xed\x1e\xec\xd3n6\xeai\x12M\xc7C\'}\xe9\xcc\xa1\x0fs\xe8\xd3&gt;\xe5L\xb2\xff\x00&gt;\x96\x17c\xe2\x87\xe7y\xde\xe7\xf9~\xcb\xd7\xefXy\xf6\x8f\x87y?o\xfc\x1e\x96\xef\xd1\xd6Q\xc0?53-\xc6c6\x14\xc3+\x05\x8a"\x15\x0bx\x8d\xb3\x9a%\xe8\x1b\x0c\x1ai{:M\xcf\xa9N\xe0\x82\xf9\x01\xd29\x1c\xa4i{\x1c\xb0~z\xf9 X\x86\xc5W\x07P\xc5\xbd\x98\xe8\x98\x16-N\x90\xa6\x08hw\x8c\xc1\x83\xab\xf9\xb5\xb3\xb5\xd5\xb4o\xd0\x1f\x0c&amp;\xc1iL\x9a\xcdsTYVH\x9c\xc0I4\x18D\xed\xee\xa9\xd9g?}o|\x18\xac/\x80u\xb4#NMyl\x08\x8c(\x04\xa5\xa3L\xbf\x8f\xed\x0e\xf3ggP\xc2\x81\xa6\xf5\x07\x91t8\xd8\x88r.Ir\xddG\x05S\xc0\x0e\xc5\xc4\x19\x1d\xeba^$]\xbd\xd3\xc7\xa98\x15\xb7\xd8Q\x1f\xc3\x00\x92&amp;\xf4#\xe9\xd5\xe1\xef\xc9\xea\xf7z\xbd\xfe\xa0aC\xb0H\x94\x93\xaa\x92$\x99am\xba\x08\x12\xb1y\x00\xeb\xdf\x7f2\x1a\xc7\x9e/#\x1c\xc5\x97\x07\xef\x8e\x8f\xb7E\xbf\xc5N\x0f\xfa\x9a&amp;\x00\x06\xcfm\xd8a&lt;8,\xbb\xc1A\xaf^*\xf5\xb4\x81\x0f)\x00Q\xb5\xaa\xe9!\xb0\xac\x95P\xc2\x9e\xd4\xf43p&gt;\x86\x89\x89\xf1\xeeE\xfd\x83\x1a\x8b\xbf\xbe\x07,\xbf\xc76\x19\xd5zz\xd4{\xfdh#\xe8L\xb9mHx\xd2Z\xba\xbd\xbb+\xc1O%\xac\xca\xb2,/\x00\x14\xcf\xb2\tv\x01G-)\xc7\x0f\xff4,m\x9e\x8e\x8acU\xce\x86\xc5%\x83\xe1)`\xc1\xd4r"\xe8$#\x08=^\x10\xb4&gt;\xd7p\xa6R\xbbi\xfb\xae\x9d+\xdd\xde\xde\xd6\x81\xb5\xceU\xd8L\x9d\xafj}\xa1^\xaf\xb3\xa0\xc1\xb0\x90\xe8x\xfe\xebU\'\x17\xde\xddo\x8f\x11k\xe9\xea\xc5\xbb/?\xff\xfc\xfe\xfd\xd1\xd1N2\x04g\x0b\x87\xf2\x08Z\x95\xe7\xabHj\xcd\x1f\xb6\xcd&lt;\xf7\xfbz\xa5R]S\x10\x8e\xe5\nV\x9eg\xebl\x15\xe82\x89y\xc9L ~\x87#L\xe2&gt;\xe8\xc3\xcd\xf1\x8d\t\xc3\x89wfm}}\xfd\xd9\xbb\xad\xa3r(\xe4\xb4\xa0\x11\t\x884\x9e\xcd$\xec\x8e\x95\x9a\xcd\xf2\xe3\x9f\x7f\x0c\xf7{\xac5\xf4\xfc\x93\x85aZ\x1c`eJ\x99L=\x91IX\xcd\x1c\x81\xba\x1d\x1e\x86\xe5#\x8d\x8d\xdd\x93\xb1U\xd1\xb0\xb4\xf5\xe9\x12D\xc0\xe5\xd9qskO\r\x89\xa2\x8c\x81\x04\x94\xaa\xfa\x9f\xa6&lt;k+)\x8bce\xc6/\x9b\xcd\xc4r\x8eB\xc9V\xc1\\\x85le \x12\x89\x84\x99\xe3p\xca=\x93\xb4\xb2Z\xa41H\x8f\x11\xab\xbd\x03;o8\x1c\xe6\xf7:\xdd\xfd\xb2\x9a\x84\xb5\xc30VA`K\xb7\x89H\xda\x03\xf2\xc1\xe1\xf7\xa4\xfc*\xf5\x9a\xe5\xcd7H\xab\x02rZ\xafb"\xf3\xd7LF0\x9b\xa3hl&amp;\xa9\r\xfa\x8dF\xbf1&gt;\xac\xef\x8a\x81|\xfe\xb2\xb6\xea\x1e\xeeu:\xddeYVd;\xaa\xb8\xaaU\xbeT\xaaF\x82\xbb\xabn\x87\xc3m\xb3%s \x93\xb9J\xc5\xccE\xa2R_\xe3\xeb\xacu&gt;\x01\xbd/q8\n\xd9\x1a\x0c\x06\x1b\x1bRc4\xbel\x15\x03\xb5\xda%\xc8O7`5\x97)JA\x11;\xcaH\x80U\xe7\x1ai\x8b\xc5\xe2\x86YF\xba\xc0\x90Y\xf5\xe1^\xf1U\xa4j_c\xf9\xaak\x81e\x05\t\xc7Q\xffl\x8c\xd6z\x83\x8d\xea\xc6h\x9c\xd9\x1a\xd6\xf2\xf9\xda\xf0w,\x90\xc2\x10\xe00\xaa\xf5\x8c\x14\x81\x11n\xb18=a\xd2\x0c\x96\x03\xfcW\xa5\xd5jM\x16\xb8\xaa9ZeyiA\xd0\xb1|\x888+\xa2Z)\xe1[H\xdf\x8d\xb1\xb7\xca\xf9Z~uw\x98\xda\x01\xac\xfdrNET\x84\xe0$&gt;S\xc5\x10\xa7\xc5\xe3\x84o[Pi\x15 Z\x14`\x91\n\xe6\xb2b\x0c\xcf\nV^\x80\x1a\xd2\xf6\xa9\'"\xad\xd5o]\x95Bq|sk\xa9\x0b%\x0c9\x87\xf9m\x1d+WVU\x95"#\xd5:O"PA\xa7\xd3\xedv"\xadV\xe5|\xe1\xfa\xfa\xfau\xa1\xd5*`\x85\x8a\x99P$\xbd\xaf\x18\x8e\xc3&amp;C\xe2l\x1c\xd34\xf6o\xe9\xd18\xcd\xe2\xdb\xcb\xcb\xe1\xea\xb0V\x8b7\xef\xb1\xca!UF1\xbeN\x06BN\xa7\xd3\xe3\xf7\x84n U\xdf\n\xe7\xd7\xd7\xf3\xd7\xd7\x95\xd6M\x8b\xc4@\x05\x92lF |L\x84F\xed\xe2l\xcc,\x0c\x06x\xf9b\x8cT\xc6C\xc7%8\xaear\xbb\xdb\x04\xac\x1d\xdd\x91\xa10\x1eUU\xb6\xb9S~\xb7%\xeb\xb4\xdf@\xf1t\xb1\xdaj\xdd\xdc\x80\xe8!\xe7\x96\xe7\x96\x17J\xac\x0b\xb0P\x14\xb2\x95\xec\xf5"\x8dH\xb3=\xc6]\r\x83k\xed\xf2,?\xb4\x04\xb6\xee\xb1\xb2\xc9@hR\xab\xbb\xa8eU\x9c\x99\x12\xe3\xf1)1\x8b\xdc@\xc6^wa\xae\xed\x04\x026\x8b\x8dRr9\xa2\xc4r\x11\x86Qt\xac\x906H\x87\'\xdf.\x8dU\x02vR\x97\x9f\xcej\xf9\x98\xfe\xf2\x11\xb0TY\xa6\xb5\x8ckn9k\x9a\x9dq\xc4\xb3{\xcd\xee\xdb\xd1ht\x07q8\x1auvb\xa27\x9bS\xcad\x9de0\x86\xc1)=[$\x16\x0e\x07O\xc7)l\x8c\xc6\xd3\x98\xe3\xd3\xd9\xe5\x99\xb8\xd5\xects\xe5@\x19E1\xc0r\x95\xb3\xa6\xf5\xf5\xc7\xafNG\x9bw\xc56\xc4"&lt;\xffj_\x9c\xbez\xf1\xe4IVU1\xc0\xa2\t3!\x07\xc4G\xf1\xd7%\x17\x8d\x8e\x8cc\xc5:q\'=\xb6\xe1\xd9\xf4V\xb7\xd9-\xe7r9\x8a\xc2\x84\x92y\xae\xbc\xed\xfd\xe1\xfd\xab\x93\xcd\xc3b\xb1\xbd\x08\xb1\xb4\xb4\xb8\xd8^|Z|\xf9\xdf\xf7\xeb^57\x97a9\x12\x83\x95\x18\x982%\xa9yWX\xbe\x1b\xaf&lt;-&amp;k\x1608\x90\xadfs/\xb7\x0c\\\xa4P\x12\xf0V9\xfe\xe4\xa0sux\xf5\xf1\xe4\xa2X\x84g\xf3\xf0\xf0\xf4\xf0\xf0\xe3\xe6\xe9v6\x87a\x1c\xb4&lt;N\xb8p2i\xf2R$E!\xfb\x9b\xe3u?\x8b\xcd\xb5\x99\x99\x95T\xfcH\x9f\x10\xfb9J\xa1H\xad\x9413\xe4N,\xbes\xd4\xdd\xd9\xb9\xb9\xd6\x9bkt\xda\xb9n\x15\xf6\xf7\xbb7\xea\x1c#q\x02\xb4&lt;A0\x04\x955\x99\x96Y\xccN5\xdbc\xa52N\x1c\xc6WVR\x1e\xc7\x07(\xe2\xf22\x05\x8f\xd2/\x95\x04h\x9bd\xcc\xed_\xfd\xed\xb7o\xe7o &gt;\x7f~\xf3\xe6\xfc\xeb78\x94\x15\xab\x95\x97X\x1d\x8b!H5f\xfa\xf06\xc1F\x88\xbbq{\x8cv\xc7\xef\xb7X:_\xba0\x02\xf6a[S\x14\xc3\x96\x04\x86\xa1C\xd9X\xd2\xf6\x07\x15`\xe9\\\xb0\x83\\V]\xcd\xd73&lt;`\xe1J\xe0\xc5\xbb\xab\xc5\xe2\xdd\xdd\xc5\xd2wc\x0e\xc3ES\xdd;mo6\xb7\xf6\xf7\xf4\x8e\xa7d\xd2Z\xb7F\t\x0cUm\xb6\xf0\xff\xb1\xfe\xf3\xf9\x1cB\xb2\xea\xee\xa2^\xefI\x0c\x8e\xe3r\xd6{\xf0\x17\xc3\xd8m\xcf\x1f#\xf5\xa28ahw\xba{\xe5rY\x96)\x8a\xc6\xc1;\xe0\x18\xad(\x14:\xd9\x8a|\xfd\xfa\xf5\x1e\xe8\xfc\r?\x0f\xe6\x03d\xben\xc68\x02~C\x8d\x9b^\xe97\x9c\x1f\xe8\xff\x9c\xe0\xc9\x96N\xb6\xf6`\x8a\x87TDV(\x9c\xc3pE\xa11\x1c\xac,\x13\xf5E*\x95\n\x08\xacD\x02\xca\x07\x9de\x05M\xc3\xe1\x186\x89$\xbd\xa6\x8f\x0fv\xc7\xe6\xde\x12\x1b.\xb6\x8e\xb7\xa1\x9b\x02\xa1\x90\xaa*\x04F\x83\xe3\'1P\tf\xab\x8e\x021/T\xadUI\x002\x817\xe34(\xc6d|\xfa`\xf1\xbb\x07\rc\xbbs\xfc"\x1e\x8be\x93\xc9\x00\x88\x1b:\xa8Sa8\xcep.\x17\xa7\xdbB\x01\xd4!|\xe9R\x0b\xbc&gt;F!\xf6@\xdc;\xfbe\xe2a\xef\x9e\x1a\r\'\xc7\x8f\xe3qQ\'\x0b \xa8\x82 \n\x8dc&gt;\x9a\xc6\xa2Q\xb3\x00&amp;\xad\xaa\xfb|\x01\xce!\xf80\x0eC\xed6[\xdc\xfb\xe8\x97\xcd\x87\xbezj,~x\xfc\xd8+\x8a \x1bbIU\x0e%eZ\xef\x9fI\xd0\xd0\xbcN\x05\x02\xfe\xbe\xdba\xa41\x98\x8c\xd8\x921\xd3\xa3_\x0e\x9e&gt;\xf4\xcdS\xe3D\xe7\xb1\xd7\xeb5\xe9r&amp;\x16P\xd5\xa4\xac`\x00F@o\xb1,8\xb0L\x82\x97\x04\xe8y\x97\x99\xc1P\x19\x86\x9ah\x9a\xfd\xfb\xab\xc5\x87\xbe?l4~|\xe15\x99\xa6\xa7\xef\xf3\xa5\x96C2E\xeb\xedE\x08\xfa\x11\xcc\x94J\xa5\x0c\xcf&amp;X+A\x90\xb2\xfa?^\xce6\xa6\xad\xf3\x8a\xe3C\xc8\xf2\x17_[\xf2K-\xa1k\x1b[vlL\xf0\xe5\x1ac\xdf\x18\x1b\xbf0\x83eW\x0c\x1c\x05[\xb8l+/\x11T48\xa8\xda\x12\x88p\xa0\x0b(\x1e\x912U\nk\xc8D\'H\xa0\xa2\n\x11R\xc4\x12h\xa4\xc0\x92nt\x8aF$\x94\xa9\x0b\xa9\x92O$\x8a\xd0\xda\xecC\xa4D\xea\xfe\xe7\x9ah\xd2^\xd4\xb5#~\x8c\xa3|\xf0\xcb\xef\xfe\xff\xe79\xcf9\xf7&gt;\xd7\xe1h\xcc\xad\xaai-\x04Vq\xd7-|U\x8dO\xe5\x16\xdc\xb1\xa6H\xb8\x1b\xfd\x99\x0e\x1d\xc5~t\xd1\x8d\x87\x0e\xdf\xbf\x7f\x98z\xe9\n{\x9c\t7Ec\x02\xa8Z[_?\x16\x96\xa1\xf9dMM\x8d\x8a\x86;Z\x1b\xa6\xd4j\x94\x9b\xf5\xe2I\x87\xc3\x87\xdf\xc7_\xe3\xa1}z\xb3\x17\x06\xc6\x1c8\x80P\xa8 X\xedW\'\xdd5\x04\x06\xc1b\xe9Z\x14\xaa\x06\xc6\xc8V\x11\xd6\xfbx\xdc\'\x17\xf7\xabu\x91t,\xe6&amp;]\x01V\x00,i\xe5\xc6\xf9\x117\xd4\x12\x8d\x8c5\x11\x17\xda 5\x9d\n\xd9\'\x9e\r\xa9h\xd9\xaf\x97G\xd2n\x1a*\xbc\xc8W\x08\xac\xe2\xca\xdf\x9c\xbcEQOB\x90\x8d\x98\x8e\xb2\x88\xc1\\\xb1\xef\xe7\x8dz\xb4\xfb\x8d\xfa\x96\x96\xb3l\xdbH\xd2\xad\x12\xb1T\x82/X\x10\xac\x89\x93\xe7\'\x91\xbb(l\xc0\x95L\xa7\xc9I\xafB\xado\xd6\xb7\xd0\xd3\xde\xd3\xd3\r\xadT\x98\xaan\x95\xcf-\x08\xbeB\xc4V\xe5\xd0\xf9\xf3\xb7\x86\x87\x93\xf9\xb8\x01W\xd2\x1d\xab\x8d\xb4y\xe3q\xfb\xd98\x8d\xb63\xa7\x92H!B\x0c\xab\x01\xd2\x9bC\xb0\x9e\xfc\xe5\xeb\xc7*\x1e\x05\xd6\x08a\x89z\x01L\xa5B\xe8\xb7\xb5\xf5\xf4\xa0\xc6\xef&gt;sjx\x98\xbcsD\xa3\x98\x89\xa0r8\x84\x82`u\xa1\x88\x18\x19\xces\x85B!&lt;\x81\x16\x8b\xa5\xd1l\xd7\xd6\xa6\x87\x93b\xee\x88E\xd3ip\x81\x8d\xf3\x0b\xb7\n\x80%%\xac\xe1d2\xf9\x8a\xab\x15\x0f\xa0a^\xbaE"\x9a\xa2\x8ehS\x13\xb0\xc0\x96\x8er\x89\xc9B\xdcS\xd3u\x92\xb4\x12WF\xc2j\x1dh\xdd\x1d!\x1a\x80\xaaq\x83\xaa\xb6\tHMMM6\r\x97HvI\x0b\xa1\xd6HR\xa4\xa2\xb5\x91\xb0\x06D\xb2P\x1e,\xafU\xba\xb6\xb6\x89J\xb2p-\xb0\xfc\xaa\xd1\x02\xdc\xbc"bA(\x95\xb8d\xfb\x82y\xc1@\x15\n\x06}A\x1f\x8a\x0bT\x89\x08\xb3\xa6S\x91\xee\xeeH\xd8\xa4\xf1\xfb\x86\x8a\x0b\x83\x95_\xad\x89\xcag\xc5\xf0\x89\xff\x17\x04\xaa\xc3\xa21\xb1tE\x9aE/\xf2W\x99\xc5\xa4\xe1|\x1b\x95\xc5\x05\xc2"\x12\xb0\x80\xc9\xc1q\\\x94\xe4\x11\x07j\xfc\xeeH$\x1cA*k\xa36\xd7\x12\xb6E\x85\xa7\x95\xaf\xbf\xe0\xea:?\x92\x14\x04(\xe4\x13\xd5\x12\xc4\xddx\x8cN\xae\x88\xa3\'TPB\xd5\xb5E\x00\x87D\xd6q\x9a\x91Y\x805\xdf.}\x9dDR\xb1\xe0:?\xec\x100\xc8;\x0c\x87?j\x921\xf2\xf2*\xbd^_Q\x81\xfe\xa7\xc5\x1e7 \xafB\xab\x8e\x1e\xaf\xc1\x136\xa5\x85\xc9\xf6\xfc\xc5\xbf\xd7\xc0\xf4\x03\xba\x1c\xd8\xfevg\xd7\xc6$a%\x08\xcd\x17\xa4\xcb\xd6.\x93\xc5\x88%\x11\xcd\x18Z\xe9\xe6\xe6\x16\xb6\xa3\x07\\\x86\x8ex\xbcC\xe7e\x10\xf3\x8eO\xbb*+\xcb\xca\xca\xf6&lt;\xf0\x81$Qv\x8e?\xd8x:;\xbbC\x1e\n~\xbf\x1f\xcbJ0\x14\x14\x1c\x1ca\x95\xa3\x10\xdc\x8f\x16\xbf\xb1Y\xdd\xab\xf3\xa2\x08;\x8dn\xb6\xb7\xc3k@\xcc\xfb\xddwr\xb9\xecx\x8e\x97\xeci\x88I+\x8b\xf8T*;&gt;\xbd\xba\xba\xba\xb3\xfa\xc1\xa7n\x95\xd5\xe1\xe7\xf0\xf0\x0b\xa1\x10\x82\xcbfq6\x94\xa3]\xad\xd8\x8f\xc2\xa6Y\xad\xd0\x19&lt;2\xc3\xe9\x0e\x96e;\xc8E\x1b\xe7~:7w\xf3\xf9\x8bKY\xe5^rI\xf8\x0c\xcf\xf3\x99\xdc\xf4\xe5+\x187\x90\x1b\x04`q.\x17\x07\xb9B&gt;\x07]\x8fUW\xd1\xb5)\xb4&gt;\xa4\x16#\x93y\xbc\xecY\xb6\xb7\x83\x08M\x9c\xb0:7\xf7b\xe1\xca\xea\x9d\x1c\xbfw\\\xc5|g\x86W*\xf9\xdc\xf4\xc2\xe7\x9f/&lt;\xba\xd0\xda\x1a\x14\xfc\xb4\xbd[\xa3\xf1[\x83\xfdA\x9f\xdf\xc6\xd4\xff\x1aj\xc1\xc2C\x8dz{\xdc\xeb\x91\xc9\x0c\xbdv;\xb9HXQ\xe1\xc6\xf4\xcd\xe7S\x8f\x16f\xc73E\xd2=\xb30\xc5\xf3\xb9L&amp;3\xbe:uqj\xea\xf8\xf1\x0b\x03!\xc2\xb2\xd9\xb0\xb0\x08V\n/\x97\xe5@y\x1e\xabY\xaf\xa6My\x1eF\xc7\xb2v;\x1bG\xcc\xcb\x10\xf3\xa1\x1b\xb3\x0b\xef\\|t\xf9R*#\xd9+,I\x16X\xb9\xdc\xdcW\x0b\xef\xd0\x86\x9e\x0b\x17Z\x83V\x88e3\x99ly\xb9\xac\tM\xa0\x81N\x8cT\xb4\x88$\x06\xc6\xe0\xa5\xc8b{E\x17\xc3\xb6XM\xeb\x1f\xa6\x8e\xfc\xf4\xe2\xc2t*\xb3g6Vf3\xcaL\x0e1{\xf1\xdd\xe3\x17\x88\x8aLt\xd9Luu&amp;\xcc\xb2`\x7f\xbf\x15Q\xcf`*V\xc0\xc0\xb8Nw\x1a\\\xba^\xd6\x8e\x07Az\x90P\xb1\xa4\x87\x8e\xbf\xf5\xc3\xa9\xd9,\xbfg6\xb6\x8fv*\xf9T\xf6\xce\x95\xa9\xbf\xa0E\x1e@\xc5\x10Lp\x1a\x9b\xc5\x12\x86^\x9c\x15X\x89\x84\xcb"\xaf\xd2W\xd9{\xe9*\x19L4t\x10\x13\xb9\x88\xb9H\xc1E+\xe6\xb1\xb7.\x12Vfo\xe4*n\x1fM)\x95\x99K;7P\xce\xd4\xa0R\x18\x08\xf9\x12\xb4+\xdd\x82uX\x94\xcbJ;\xe7=\rjV\xa1\xd3\xc9\x11\xe5\x8c\x81\xb6\xa8\xdb\xedv5l\xd41\x9e\xb0\xc6\x81&lt;\xc7Y\xdf=r\x19X9\xc9\x1e\x949\xd2b)?\x9a\xc2D\x1c\xdf\x19NFch\xde\x07\x06B\xd6],\x19\x04sY\xdf#,\x8d\xc9)7\x1a\xe5\xc8\xec^\x0c\xb9]\xadV\x9fU\x83MtQ\xe3\'\xd3\xb9\x0f\x8f\\N!\x1c\xb2\x95\xd2\xff\xf3\'6\x8a\xa5e\x92\xb7\x87\x08\xab\x88\xdf\x18F\x15\xec\x10By,\x8d-\x0c,\x19\xbe\x12\x8b#Q\xda,to\x01\xab\x88\xcb\x8d^\x1d\x0b \x80\xd9wo4\xb0qX\xa0,\xaec\x1f\xce"\x1cr_\x8c\xcf)\xcb\xbe7\x18\xfd\xdaJQ\xee\xab\xe7\xd3WG\x11\xf3E\xca\xec|:\xed\xe28\xdf\xc0@\xd0\nulu\xc0\xf20\x810\'z\x08\xc8\x80Q\xae\x90\xe3\x0fN\xb2\xe5\xe5\xe5\xa0b\xd9\xdd\x14\xe1\xb2\x1d\x0c\x04\\\xc7\x06\xa63\x08\x87/\xfe\xbe\xbdv.\x07\xb2\xefa&amp;\x98\x8a\x95sO\xbey\xf9\xcd\xfc\xd7\xa3Y\x92K9~R\xa3q\xd1\xad;\xf9\x89\x18\x16\xb1&lt;2[\xc2J7e\x04\x18\xa7\xf1\x00\x956r9\x9dME\xd6\x07V\xaf\x82\xb0 \x97%08\xc8\x1d\xaby\xc0\x17)3\x7f\xfb\xfa\xc5R\xdf\xcc\xf6r\xe6;+\x06\xa5\xca2\xe7\xd6\x966_\xbe|vweB\xc4*\xe2\x1f\x9c\x02\x16G\x89jW-\x86\t\xa0\x9e\xe2\x12tU\x981\x1a\x0f\xd4+\x1a\x1a\xe4\x18\x8ar\xda&amp;\x05\x0bYh\x87t!\x0b\xcbN\x9c\x08\xfc\xec\xd8\x07\xe3\x84\xb5\xb8\xfe\xf8\xc9\xf5\xbe\x92\x99\xb5\x87\x99\xef\xb4uJZ\\\xa6\\\xfe\xed\xed\x99\x92\x92\xbe\xcd\x97\xcf\xef~y7\x8f\xa5\xe4\xaf\x9e\x82^\xd6~\xca\x0f"V\x80a0\xfd]\x94\xf1\xc5B\xb0\xa1\xc1\xdc\x00\xb9\x14vu\x95\x1a.\xda\xed\n\xccM\x9d\x176:\xeb\xeb\x0f\xbewm&gt;\x05\xd1\xf9\xec\xfa\xc77\x97\xfa\xfa\xb4%\x9f\xad=\xe4\xcb\xfe701\xa22\x0f\xd7f\xfa\xfaJ\xaa\x8f\x96nn&gt;y\xfc\xe5\xcaD\xaaSI\\\xa9\xa76\xc2\x12#^\xdc\x84\xe7d\x18/\xb8\xe0\xa1\x0c\x16\xca\xeb\xe9\x0c\xbdB\xce6\x98wcKA\x91Fz\xc9\xcd\xf5\xb6k\xc1\xe9\x0c\x1d\\j}et\x1b\x1f\xaf\xd5jK\xa1X\xd9\xb7K&amp;B\xcdm\xdd\xee\x1b#\xa8\xa3\xa5%\xc0\x9aX\x7fS\x94\x8b\xb8F\x7fa\x8b\x92Z\x90\xa7Nv\x90\xd4b\x18\x8fI\xe3\xd2\xd4\x11\xd6\x01y\x83\x82&lt;\x94C5\xb3\xb9\\\xa4\xc2\xa0\xcd\xcf\x8ar\xa3\xff\xda\xf0\x10_D\x07\xb7\xbe\xb2xn\xa6O\xab-\xc1\xd8\xb5R\xfa-W*\x94\xcb\xdbK}cc%G\x01\x85\xf7mn&gt;\x1b\x7f\xfc&amp;\xe4\x12\xb1\x8a\x94Cg8R\xcb\x95\x17\x0ba\xeee&lt;u(%L"\x96Q\x8e\xa7Q\xa7\x80\x97\x04\xc6\xb24\x03\xe2\xf4/k\x96\xfd\xe4\xda|V\xf9\nk\x19X\xd5\xf4\x05Z\xed\xcc\xda\xb9L\xf1\x7f\xff\x89%L=If\xeb\xd9L\x1e\xaa\x9a\x8eE\xab\xdd\xdc\\\xba9\x04\xb9PD\x88\x1f\xc9o\xd4Z\x83\x88\xad|d\x01\xcb\xe9\xc4&lt;#K\x03N\xa38\x9c\xf9\xc8\xaf\xafG\x0e\x03P\xaf\x82\x16G\xb5\xd9\xa8\xf9s\xf0j\x8a\x14Wv\xad\xdf[\\^\xca\xdb!~\xcb\xcc\xed\xad\x9c\xe4?\xa7\x0b1Im\x91P\xf4\xfa\xeaR\x12\xb8D[:\xb6y}+{\xf7G+\x13|\x9e\xab\xa8\xf3\xa9\xc3\xe7K\xa0 \x85Vy.FVg\xa3\xfd\x9e\x81A&lt;\x90%\x80\xd5 \x0e`5\x00\x8a\xee\x87\xa82{\x12\xd7\x92H\x0f\x12p-\xde\xbb\xf7{\xc2*\xad\xce\x1f=\xdc\xd4.m\xe5\x8a\xfe\x1d\x0c\xe6J\xe6\x9e,\x81I\x84\xd2\xeeB\x95V\x03\xebYnb\xe5\xc7\x9f\x90\\J\xfa\xd4\xec\x8e`\x158M]\x80\x02\xcbI\x03\\utg\xdbA\xa4\xccA\x11\x0b\xae\xd5\xd7\x93\x8f\x14\xf9X\xc2\xf5z6\x1c\xec\xdf\x19-\x92H\xa0\xd6\xef~\xb5\xde\x05\x13KJ\xf1\xf9\xd5\xd5\xa5P\x0c`}\x00\xfb\x17.\xd8W9\xb7\r\xa81:\x84&lt;\x14\xa6\t\xbd\xa7d\xec\xfa\xd2r\xea\x937&gt;\xfac\xa7\x18]\xf8\xd8\xa1I4\x18\x88q\xb8FPF\xccF\x99\xe5\xa0\x8c\xf6\r\x0f\x0e:\x9d\x07\x00\xf4*\xb8\xcai\x8b\xa7\xbe\x02\xe5\xb4.\xd6\x1f\xbc\xca\x97IH\xad?}\xf4q\xe7C`\xe1\xb0\xe9\xc8\xc5\x10\xa3/\xbc\xbd\xa5\xfcg\x82\x85{e\xfc\xf2v^)z\xa5hw\tQ\xe1-\x9f\xcd\\\xbf\xfe\xa4s\xf1\xde\x1b\xeb\x8b\xa2\x8b\x12\x89D\xf9`DpPZ\xa7 \x17\xd1\x06\x19\xa84\x88\xe1&lt;q\x02Tb\x9a0\xd3\xee\x1a$Uh\xd5\xa2oa#\xff\xa8\xda|C\xdb8\xef8.1\x8e\xc01\x9c\xe7\x11\xed\x85\xdb\xb5#\xcd\xc5\xac^H\';\x18\xa6\xbdh\x06!\xce\x8e\x9d\xb8A\xdf\xf8\xcd\x0e\xa4I\xa8\xc5\x83x\xe4\xa5=\xa5\x1bE\x18\xb9K8\xad\xc8\x81\x91 \x83\x19\x92\xa6\xbe\x11M"l\xc1$\xe2&amp;\xc8H\x98"\xc7F\x86D\x185j\x1ccl7v=\xd3%\xec\xfb{N.\xec\xe7?\xb1\xceg\xdd\xe7\xf9\xfe\xbe\xbf\xef=\xc2\xce{\x7f\xf9Wb1\x11\r\xc1\x9e\x8dL\xc1\x97\x9e\xc3\xb5\xc8,B2\xba\xdc)\x9a\xca\x85^\'\xc5=f\xe1\xf9\xbc\xab\xd4\xa9^\xf7\x10(\x90j\xf8\xd1\xc3\xd9\'{\xf7\xe7\xefg\x07\xbf\xc9\xe8\x8d\x8a\xc0\xf2\x86\xa2\xf1\xaf&gt;\xfe\xebo\xf0\x9au(\x10\x08L\xd2\xfc\xc1\xe7\x90ih\x12\x8f\xdf\x19\xb9B\xce\xa2\xeeaw\x8f\x17\xb3\xe7\x7f\xda\xf7\xc7\x9f\xff\xf6\xa3\x1b_E\x07#\xc5\xcd\xef\xfe}{1Rp\x1a\xc0\x9a\x9b\x9d}\xf8\x88L/\xaeuJ\xd4O\xe6^$\xc5\xab\xc9\x13\'\x067^\xbaP\xa8\xabd(\xd1o0=\x98M\xaf\xd7\x1aK\x87\xf3\xf3\xcf\xc7\x17sz\xa6\x06,)Rkl\xde\x8b\'\xe2w\xff\xf6\xe6\x19\xec\x18\xa0\x15\xa0\xfaN\x8e\x04&amp;\x03DE\x05\xac\x93\xa4\x14\xedVQo\xfc\xe1W\xbf\xffdfZ\xf2\x0e\xfa*\x05Co\x7f\xf7\xba\x9ciy\x9f\xcc\xcd\xed\xd4\xaai\x90\x9dvE &lt;R\xe5az\xfc\xc4\x8f&lt;\xe3i\x17\xeaj\xcf\xe2\xe0&amp;Y\xa1Sz\xfd\x9b\\\xde\xe1\xea\xd1c\xb8k\xbc\xb4\xa6/\x15\xbd\x91Z\xceq\n\xc5"v:\x89\x1b\xbf;\xd3\xff\xc1\xc5\t1z\'\xcf\xc2Kw(\x15P\xe4x\xe1*\xdc\x7f\xce\x9d{\xeb\xed\xcb\xef\x7f\x92\x08\xfb%\xaf\xe4k9\\\x93\xad\xd4\xea\xea\xeb\xdb\xcf\xe7\xe6_\xb5\xcb\x85\xcd\xdd\xf4\xec3\x81$&gt;\x11\xd8\xdc\xcb\x05\xc9s\xffX)\x1cw\x89O\x0f?#\xa6\xc6RF\xe7Lcl\x05r\xbd\xccF\xea\x195W\xff\x96\x8e\xe5k\x15\x84\xbew\xfa\xee\xfb\xb4\x9d\xef\xbfxq\xa8\xef\xad7.\xfc\xf9\xd6\xadsg\xe1\xf4\xb3#\x81\xc0\xdb\x81&gt;\xe4j\x80"\xad\xff\xcc/\xde\xfb\xf8\xba\xe4\xf7\xc3\x94\xa5\xbc\xcc\x19Wu\xdb2\xdb\xaf\x0e\x0fWM\xd34\xca\xb9\xcd\xf5\'\x0f\x9e\xd14\n\xae\xd34\x93/&lt;\xaeP\x82\xc6\x9d\x0b\xd2\xa9X/8\x96\xa9kccLf\xa9\xaf\xff{u\xfe\xc5x\xa4\x91Q\x14\x9ds]\xd1s\xc5\x08B_\n\xdf\xfe\xf0]\x04\x03b\x81~\x9b\x08\x1f\xc1\xdf\xb7@u\x11\xbb\xc3\x1f\xd3\xcb\x8f\xa9)\xdc\xd8\x7f\xf9\xeb/\x13@\xc2\x0cVr\xaa\xccd]1\xa8,\x93*eZ\xb6\x9d)\xd4\xf6\xa8\x99B\x16\xe1\xee\xab\x1ew\xfa\\P\xe1\xf1\xf4n}9\x1f\x93MS\x0e\x8e\x8di\x86\xca\xec\xa3\xaf\x1fcw\xb4\xfem\x86\x05\x83\x9an\x1a\xdciE\x90\x16^\x7fx\xe6\xe6%\x8a\xaa\t\x84\xc2Y\xfa\xf5\xf4\xf9\xf3\x17\xaeL~05uf\xea\x9a\xa8\xa9\xfeK\xef\xfe\xec\xef\x9f\xd2\xf8J\xd2`\x0bRs\x01eY\xb6%\xa0\xa8,[\xc9,5\xd6\xd1L\x84\xebi\x17\xc6\x03\xa5\x86\xddX\xfb\x93`j\xe5\xf21\xc6\xb8\x99R\xb4 \xa8l\xce\xd4\xd5\xa3\xc3\xf9\xc7\x87\xaf\x14\x0e*\xc5\xb4\x19\xd3\xd7\x10\x16\x18\xca\x01\xef\xccG\x17\x87\x8e}~\x01\x0e\xbfug\xe2\xd2\xd4\xb57\xaf\xd1\x7fb!\x19\'&amp;\xfa\xff\xf1O\xba9 \xaeJ\x19]\xe6\n\xd41\x0c\xdbP \x9a\r$@\x19\x86\xae\xea\xfaZ\xa1\xb6\x010\xe2\x00\x9d\xe7\x94\x1b\x1c\xc3\x8f\x9e\xb9L\x9c\xc3P\xb0\xa5\ri\x82\xba\xad\xcb\xb2j\xad\xae\x1c\x1d\x1d\x99\xb2\xa6\xa9\xb6\xa5\xb0\xa0l\xe8\x8dHHD\x987\xfey@\xb8\x9c\xf2\xea\xdc\xb9;\xf4G\xa8\xa4\xd2%\xca\xb1\xc9\xc9\xa1\xc0;7\x9f\x8a\x9b\x83\xe4\xad\xe4\xe0+\xdd",EWUNOl\xda\x96\xa1\xea\xf4PVU\'W\xab\x92bT\x9ea\x17\xea\xe1l\xb5\xd4\xc8\xc3\x8f*\xd74f\xa4LH\x13d\x86\x81\xf3\x15\xdb\\]YY\x05\x0f\xd3\rU\x0bj\xb2\xa2\xe7Kn\xb2JR\xfcsl\x90\xcf^\x19\x99D\x05\xd0@\x82\x9aB\xdcO":F\xae\xf4}\xf6\x14\xfb&gt;\xa2\x1al9\x1a~\xd20\x14EQQ\xb2\xc0\xb2,C\x86\xdb\x14\xac\xd2\x12\x89k\x00\x00\x03\xf8IDAT\x1e\xe5\x14J\xe9\x07\x02\xcc\xe3&amp;\x94\x18&lt;\x95\xa1\xf32\xd3\xb8\x91\xa2\x16j\x1a\xb7mE\xd7\x15L\xf4\xca\x8a\xc55\xd8\x15\x8a12=\xcfUzX\xa4\x17\xc2adrb\x08V\xbf|\xf9\xc3\x9b\x9f\xdd\xb8q\xf7\xdemQ\xf7\xee\xce\x10\x15a\xd5\xf2\xb0\x00I\xa4\nid\x1d\xefP\xcb\xb0\x14\xc8E\xd7\xc11\xce\xa1X\xfa\x81\xc0\x1aF\xf7\xd6\x0b\x19\xcbR8\xd3\xd1#FT\x80@\xc9\xb6\x8d\xb6\x1b$VJGV\xa0\xbf\xf4\xd4X\x9d\x1ckM\xbbX\xe0\xfa\xe2\x0b\x8113\x13\x8f\'\x16\xa3\xa3\x18\x87\x90\xb8\xa9\x87\xc3\xa1\x88\xeb+\xc9[\xcc\x91\xfa\xbc\xc7\xa5\xc2L\x02\xcb\x80\xd7\xd0\xcfc.\x02+\xac\xa3\x93\x9eG\xb3\xd5Z!\xaf\x00\\&amp;\xb18c\xaa\xe9R\x11 \xad\xc5N\x81\xca\xa0\xde2Fb\x01K\x97\x11^!/M=\xb8"\xb4\xa1\x0e{\xdd\xf2\xf5\xfe\x15\xce\x13[!:\xa7R\xc0\x00\x05\x19u\x8e\x88T\x95:\xa9\xc0h\x8am!\t\xd1\\\x85\xb8tRlm3\xfd\xc0\x93.-c\xf2\x0cX\x0f\x174 \x96l\xa7\x90XA\x81E\xcb!\xb1V-\x19GzX*Y\x81\xb1|\t\x17\x1c\x18 2\x9fO\xf2\xfd?\x92K\x83ls%\r\xd7\x1dP\x91\xdc$\x97\x8bE\xee0\x81e\xa2KL\x98N\x17\x16\xc39\x85uO+O\xd7S\xc0\x0c\xef\x19:\xbe4M\x11\x058*#RU\x03ba\n\xe9\x88Fl\x84\x85EiZ\xae(\t.\x80\xf9z\xfa\x10\x1a\xbe\x8eD\xf0\xc0\xef\x17\x13(\xaa\xb4\x16C\x06b\xdd\xb2\xab\x17\xde\xc1%\xb0 \x99\x8a\xd5rE\xcc\x828A\xe6yO\x1e\xa7kL\xb5\x01\x85(\xa1[\x16\xf2\x92 \x98H/]\x87X)J\xd6\xb1`\x0c+\x0e\xca\xe52\x16\xc5qJ,W\xf4\xbaX\x03\x92\x10h4\x9e\x18\x85\xbd"\x9f\xc6\xe3\xd7\xbd\x03\xa4\xa1\xe4\xaaU\xc9\x11\x15\xb02\x19r\xbbh\xa3\x8e&gt;\x10\x96n\x9b:}\x17\x83d\x88\x1e\n0\x0f\x1d\xd1b\xb2\r\xcb`\xf05M\xb1zT\x1c7\x8aT\xca\xc0\x18\x9a*Q\x89\nj\xcd\xea^\x99\xcb\x0e\xc39\xc1BE\xf2\x1fs\xe1#1s=r;\x1e\x8d&gt;\r\xf9B\xa4\xe0@O\xabP\xc3\x19\x1b\xa3\x8c\xce\x1clw\xbb\xcdf\xa7M\xca\x18\xe8\x1f\xa9e\x98\x96\x08#Y\x11\xcbu\xb9&lt;\xb1X\x8c\xf1\x18\xb7d` \x94\xb8\x81V;(,\x8bq\x8cd*ef\xd6\xd6\xf2\xc4\xe4\xe4\x1dGkn|\xdfY\xda\xd9\xe9PKc\xad\x10h\x06D\xa1i\xd1\x99\xe8\xe0L\xfc\xfa\xe8Ltz\x1a\x1d&lt;\xa6\x92j\xa0\x02\x16_k\xee\x97\x8a\xa3\xe3\xc9\xea~\xb7\xd3i\xa3}\xa6\x05\x9fS+9\xa5\x11D\x94\xf9\xb1Z\xc0\xd28\x8bY2m\x16\x82N\xa7\xd9\xdd\xde\xd9\xdf\xdfll73Pk\xb5s\xd0\xe9\xee..\xee6\xf2c\xdd\xfd\xdd\xdd\xfdn3[\xfdObp\xe1\x00\xf6\x8f\x05\xf3u\xa9GE\\\xd3Q\xbf\x94\x88\xc7#\x91h\x14\t\xe1\xca\x88\xc3E\xb4\x10\x17q\xb67[\xf5R\xa9X\xf1\xfaC\xf5\xe5B\xb7Cj\xb5\xdbm\xb4\x93,\r\'\xcb\xe8!YO\xe6\xaa\'\x86g\xc76\xc1P\xd1\xb7\xe0Xy\xa7^\xaa\xf8\x108\xa5\xad\xc6vYy\xb5\x93M\xee%\xb3\xe9tvt\x7f;1\x9e\xcd\x8e\'_$\xb3\x1b\xde\xbd\x832\'\xaeX\xbe\xd4\xe3"\x80p\x183\x17\xc2\'\xc9\xef\x1d\xfcA\xc4\xe9\x02Q\xc5\xd6v\xea\xad\xad\xad\xe5\xe5\xadRx \\_^^\xee\xb6\xdb\x07;{\xd5\xbd\x83f\xb3,\xf7\x86\x94g\x9a\xcd\x8c\xab\x16\x8b\x05\x83\x10P\t26\x96\xef\xaeWP\xe8Likyk\xbb\xfd\xba:\xbe\x90\xf5m\xcc\xce&gt;\x19O.x\xab\xcd\xce\xf7\xbe\x85dr\xc1\xb7\r\xcd\x99\xe0\xca-\xfe \x97_:\xce+\x04\x96W\x80\xe2-\xd4\x12T\xceN}\xabG%U\x88j\xb9\xd09\xa8\xe2\xc9\x93\x1b\xc9du{\x8d9\xe5\xeev\xd3\xe9T\xb3M\x1a\xd6\xff\x01\xfa\xdc\x1f\xaa!\xd0W\xf7\x00\x00\x00\x00IEND\xaeB`\x82'</t>
        </is>
      </c>
      <c r="M462" s="3" t="n">
        <v>45492.67738425926</v>
      </c>
    </row>
    <row r="463">
      <c r="A463" t="n">
        <v>1117102</v>
      </c>
      <c r="B463" t="n">
        <v>200653</v>
      </c>
      <c r="C463" t="inlineStr">
        <is>
          <t>Rômulo</t>
        </is>
      </c>
      <c r="D463" t="inlineStr">
        <is>
          <t>Rômulo</t>
        </is>
      </c>
      <c r="E463" t="inlineStr">
        <is>
          <t>ZAG</t>
        </is>
      </c>
      <c r="F463" t="inlineStr">
        <is>
          <t>ZAG</t>
        </is>
      </c>
      <c r="G463" t="inlineStr">
        <is>
          <t>ZAG</t>
        </is>
      </c>
      <c r="H463" t="n">
        <v>182</v>
      </c>
      <c r="I463" t="n">
        <v>47</v>
      </c>
      <c r="J463" s="2" t="n">
        <v>38016</v>
      </c>
      <c r="K463" t="inlineStr">
        <is>
          <t>Right</t>
        </is>
      </c>
      <c r="L46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ffbab75-c61f-477c-b145-f2582c4f5d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2.n\x05\x00\x00\x00&gt;tEXtComment\x00xr:d:DAEewil2SDw:3759,j:3325205453230688475,t:24032721W\xbf\x04\xf4\x00\x00\x00\tpHYs\x00\x00\x0e\xc4\x00\x00\x0e\xc4\x01\x95+\x0e\x1b\x00\x00\x03\x00PLTE\xff\xff\xff\xfd\xff\xfd\xff\xfe\xfe\x08\x06\x08\x13\x1b&amp;\xfd\xfd\xfd\xfe\xff\xff\xfe\xfe\xfe\xfd\xff\xfe\x15\x1d)\xfe\xfd\xff\x17 ,\xfc\xfc\xfb\xfd\xfc\xfd\xfc\xfd\xfe\x11\x18"\x04\x03\x05\xfa\xfc\xfe\x0c\n\x0b\xe9\xb8\x9f\t\r\x14\x0e\x15\x1f\xed\xbd\xa5\xe0\xa9\x8f\x0c\x11\x19\xf6\xf9\xfd\x11\r\x0e\xf8\xfb\xfd\xfe\xfe\xff\xf3\xf8\xfc\xeb\xb9\xa3\xackV\xe4\xb1\x98\xe8\xba\xa3\x1a"/\xff\xff\xfe\x16\x11\x12\xe7\xb4\x98\xf8\xf9\xf9\xdb\x9f\x86\xc7\x92\x7f\xd6\x97\x7f\xbf\x8by\xb4pW\xfa\xfc\xfc\xe7\xb7\xa3\x9aYG\xda\xa3\x88\xd9\x9a\x84\xc1\x88t\xe5\xb6\x9d\xa9cN\x9c^K\xeb\xbc\xa7\xcd\x96|\xb5t]\xd0\x91w\xde\xa4\x8c\xbcu[\xcd\x8ct\xcd\x94\x82\xbd}i\xcb\x91w\xf4\xf6\xf7\xadn\\\xc7\x95\x87\xd2\x99~\xb3ud\xc3\x80j\xc8\x87s\xb0zk\xc6\x8e{\xf0\xc3\xaf\xd1\x91|\x93WF\xacvg\xd4\x99\x83\xc2\x86m\x07\n\x10\xe1\xe8\xf4\xbazd\xaehQ\xc6\x7fe\xe2\xae\x96\xc2\x8d~\xc4yg\xc3~c\xee\xbf\xa9\x18\x16\x1a\xe7\xb3\x9e\xef\xf4\xfd\xa8gS\xc6\x80o\xe2\xae\x92GMW\xeb\xf1\xfb\xd5\x93z\xd5\x9e\x81\xc7\x8cp\xbb\x88v\xa3cO\xbapY\xcf\x87o@34\xc9\x85j\x8bO@\xed\xb8\x9eBGP\xc3z_/\x1c\x19\xc0x^\xabrc\xc7\x8cv\xb5|n\xd5\x9f\x87\xb7\x8a}\xe1\xb2\xa0\xc1td\xe6\xed\xf8\xec\xee\xf2fC&lt;\x9faQ\xba\x81l\xce\x9b\x86\xdb\xa8\x8fqMD\xa4pb\xa5^J\xdb\xac\x99\xa3gS\xf2\xf0\xf1-&amp;\'\xb5k[\xa1vk\xb5zg\xec\xc0\xab\xa9zp8)*NT_\xb3\x82q\\C@\x9aqi\x83c\\N:8\xb5\xb9\xc2\xef\xf3\xf8\xbbrb\x1f\x1d"\xd6\xa1\x8c\xf3\xc6\xb5\xd3\xa4\x92\xb0\x85z\x94`QX71\x9bk`?%\x1e\x8bXHI0.\xb3iS\xab\xb1\xba\xdb\xdf\xe5\xcc\xd3\xddchr\x9beX\x91pk#\x14\x12\x98\x9e\xa8yD9\xac\x81t\xe7\xea\xed\x87id\xbe\x92\x88b:/2/5\x85[Q\x8d_U\xd3\x8cu}NB{\\U\xb5\x8e\x86\xd5\xda\xe0\xbb\xc2\xcc\xe2\xe5\xeatUQ&lt;&gt;F\x84H&lt;\xa6g^\x8f\x95\x9f\xb6\x86u(/&lt;\xbc\x82t\x80TI\xa4\x80}n?4\xa1\xa6\xb1"(2R/\'\'!#\x82\x88\x92\x91f^\xc4\xca\xd4#\x1a\x1c\xec\xe7\xe7\xc6\xbd\xc1jSQ\xda\xe2\xed\xb0\x8a\x81{|\x84\xe5\xde\xe0\xcb\x80y37@\xd5\xc4\xc3lp|qy\x85\xd4\xd2\xd7eLI\x9bxv\xc9\xa0\x96Y_j\xd3\xbd\xba\xd3\x98\x8c\xe3\xa2\x98\x8c\x8d\x94\xc9\x9b\x8f\xd7\x8a\x88\xafcV\xd2\xb1\xac\xd4q}\xf1\xba\xaf\xdd\x98\x90\x95SA\xcc\xa9\xa1O@B\xcc\xca\xcd\xc3\xad\xabtbdA*(\xd4\xa9\x9c\xe3\xd7\xd7\xc8jv\xaf\xaa\xae\xdc|\x86\xbd\xa0\x9c\xde\xcf\xcc\xb2\x97\x96\xa2\x8b\x8d\xce~f\xa7\x9a\xa0\xe2\x8a\x90\xc4\\k\xb4Sa\xe7\xab\xa2\x8cvz\xdc\xb6\xae\xa4KX\xa7UE\xa8\x00\xccQ\x00\x00 \x00IDATx\xda\xbc\x97qL\x13y\x16\xc7{6\xc3\x10348\xb79\xbc\xc2Y\x8c\xcdp{\x1d\x88n{\xdb\xb5F[\xc5\xec&amp;\xecJJ\xd1\xa6\xa4\xb7F\xf7\n\xa5\xa1\xad\xcb\xee%\x94S\xc4\xd2\x95\\\xd7\nx\xddh\xb1-\x12\xa04\xc5\x16(A(\x90\x88hac\x8e\xd8\x84p\xa0\xe4\x82\xd9\x7f\x0cFL\xf8c\xe3?\xb7\xc9\xde{3\xc5\xcb\xdd\xfdu\xc9\xe0\xa3m\xda\xd2\xd0\x0f\xdf\xf7}\xdf\xf7\x1b\x91\xe8\xff.\xf2\xdfUD\xe6\x90\x04\x85\x95\x07E\x15JXxJ\x90\xffU\xa2wQ\xdb_\xb6kW.Yt\x00\xa9\x08rOS\xef\xf8\xcaJ\xef\x8d\xdf\xdc(\x94\xfc\x0f\xd5;\xe1\x82/\xe1n$AP\x04\xc1\xb2\x04\xa3\x1d\xef\x9aYK\xa5\x96\x96\x1a\xfa\xfe\x9e\x19\xbc\xf3\xb2wB\xcb\x89F\x10$\xde\xe1\xc3\xefD-d\x12!\x15E\xb1LSo\xd7\xfaZ\xc2\xff\x9e\xb8R,\xa6\xf7\x9aL\xfeG\xa9\x86\xb5\x87\x13\x0c\x14\xf1\x0b\x82\xca{WM$9\xa1\xf0\x81e\xd9\xd8\x9d\x85\xb5\xc4^)-\x16W\xe6\xe7\x03\x17M\xc3\xbd\xb22\x91\xb9\xd7{\x83e\xb3\x1f\x14\x91\xef\xcaZ\x04\x05w&amp;\xf6r=\xb1\xb7\x12\x98\xc4b\x80\xca\xcf\xe7\x1e\x90\x8d6\xa5\xfa\xb6&amp;\nY\x18\x03b\xc7\xe5\xe2\xdd\x9b\x95\x80$\xb4\x7f\xcb\xa4\xfc\x95&lt;S~\x16\x8b\xe3\xc2\xaa\xdc\x9b\xc8\xach\x89\xb7s)*\xdaI\xb3\x8bD\xb9\xb9"\x02\xcd\xce\xc4\xb6\x1aL\x954\xfd\x9fX\xf8\n\xde\xe3\x9e\xf9\xbf\x9dy\xd9\xc6\xb0\xc0u\xe0\xc0N\xf6\x11u"vs-\xa4\x98\x89\x99\x94\xb4\x92\xd7J\xcc\x17\x0fGK\xa54\'Y\xbe\xf8=\xff\xd9\xc1\t\x06fU"\x91\x1c w\x12\x8b\xa2v\xe7ag\xb4+\x0b\x89\xb7,\xbc\xd5y\xac|\xdejb^6:\xb1\xb0\xa2e\x19J"\xc9\xdd9\x83\xa1N\x10\xe5(\xd5\x9d\xbey\x9a\xd3\x89\x97\x88\xefZ\xb6\x85\xf0\x8b\xec\r\x86\xd2\xbf\xd6\xd5\x06!F\xe6\xee\x9c\xf1IR\xc2\xf5\x8f\x19\xcf\xa4LR:;~\xe2m,\x9a#\x12\xf3X|g\xa5R\xa9)uG\xcbP;9\x8f\xb8\x02!A\x0b\'\x16\x1e\x81\x81\xf0\xab9\x8f\xf3M\x84\xc0\x92Ki\xae\xc4\xf9\xfc$\x80\xcfhZ*?\xbb\xd5\xc4\xc2\xf0\xa2\xd8E;\x11\x0e\x90\xec\xa0Valf\x89\xfb\xfe\xed\xb9\x03\x93K\xe5r\xb9T\xfe\xd8\x11\x81\xe2\xe0\xd0\xf7\xd9F\xcaM\xa9.-\xc5c\x1d\xc8\xd9\x81p !\x1a(\xb6mpi;\x16\xc4\x1cQ\xc4\x91\xad \xd6f\xd0\xf1\x18 MrZ\x9cm\xaa\xdc\xd4\xd7\x8b1\x01\x16(\xca\xd9\x81$\x05\xa9X\xa6\xad\xab\x81\x97\x02\x98\xe4\xf2H\xc4\xb1\x99\x8e\xb7\xb8\xe2s\xf1\xee\xec=\xde\x9d\x0e\x06\x1d\x0e\x13\xa7\x1a*FK=\xeb\xe3\x0c\xe4*,\xa3\xdc\x1d\xe9!\xc3h\xef5\xc8y\x07\x81J\x9b\xc1`:j\xb3U\xa8***B\xb6\xd9PE(\x14\x08\x85\x92S\xc9h&lt;\xbe\xe9\x88`g\xc1^b\xa9\xdc\xdf\xb7\xc2\xb0\xb8\xb0H\xe1\x9bH\x92\x14\xa3\xed:\x8b3\x08\xcd\x8b\x04\x83\xa0M\xb4B\xa5R\xb5\xaa\xb0\xcaT\x16\x8b\xc5l\xb6\xc0\xb32\xa0L\xc6\xd3\xa0\x19\xf6\x13\xed\xe5\xcfL@|\xc1\xc8\x08\nU\xc47\x91\xa2V\x1a\xa09\xe0\'\x87#=\x17\x8dN\x858\x16\x0eG\xa94\xcbd2\x9dLf\xb1\xa8\x9aU*P/\tM\x05\xb2\x08(&amp;\xa7\x13\x83My\xe8/\xa1\xb1\x8arsIJ;\xe8\x87\xc6\x80R\xe9xt\n\xbaW\x06Xf\xa5\xd9\\%\x93U\xf5(\xd4\n\xe0\xd2\x99-\xeef\xe4\xb2\xd9l\xd1(J\x86\x9d\x94\xcbS\x0f\x81\x8b;g\x17\x89r\x84\x13\x0b\x8f\rlW\x83\x1cG/\x08\xdd\x9b\x9a\xe2\xa8Z\xcdfP\xa9\xaa\xaa\xaa\xa7\xb6\xb6V\xf1\r\x87\x05\xd5\x0cv\x0b\x85lSS\xd1\xb9\xb4#\x02\xf62\x99\x1a\xba\x98\xbc\xed\x0b\x00\xc1\xb0 \xdd%\x92\xa650\x96\xdc\x01R!\xd5\x8b2U\xb3E\tBA\xf5(\x14\x88\x05r)df,\xb7\x05\xe7\x00\xb8\xa6\xe6\xe2\xe9\x88\x98\x86ck\xdf8\xc4\x84\x04/\x02\x84\xc3\x82UX\xd8\xb6\x95@[\xa5Q\xaa,\x95\xa5J\xa1P\x80V\x08\xa5\xd1h\xd4\xf0J\x01dP\xe0}p&gt;\xd7\xc9\xb9\xa0T\x0c\xd6\xf7\xac\xc7 %\x8a\x08\xc1N\x13$b\xb1\xbf~\t-D*`\xb2!U\xab\xa5U\xd9\xa3\xd0\xd4\xf6\xf4(j5N\xa7\xd3n7"\x99\x1ao\xe037\xcf\x85}\x8c\xc0v\xa4\xe5\xb0\x1dY\t\x99G\x88\x04\xc4b\x98\xa6u\x13\xb8\x1d\xa8\x80\xe9\x05R\xb5*\x95 \x93F\xa3Ph4N\xbb\x11\xca`D\xc9\xf4\x1a\x8d^\xafW\xcbP/\xdb\x0b\xe0\x8a;p\x1b\xd1\xa6\xbe\xf1B\x16L*(\x96\xf6^\n\xa2\xc1\x11G\xaa20;0\xf5\xf4p\xad\xe3\x942\x1a\x0c\x06\x00\xc3\x17F\xae\xf4j3\xe7/0X\xdc!\xc55%Ml\xc1\xe5\x10!\xd8%\xc7.8g\x81X{\xc1Y\xc19\xa0\x82\x11,k\x05*N%\x042\x1a\xedP\xa0\x96\x81\x07\xac?Uo\xd4k\x14\xe8/l$\x98\x0b\xb1*M\x99\x18\x1e\xee\x05S\x0b\x0e4\xcc\xf8\xb7\x98\xed\xe9h\x05GU\xd6\xda\xda\xda\xa3\xb1\xdbA\xa3z(\x83\x1d\xad\x05D\xa8\x13\xbeQ\x7f\n\xe4\xd2\x99\x9bU\x01\xe8\xe4T\x1a\xc3\x0b\xd2\xab\xe1%^\x83\xe7\x08\xa6\x16$\xe9\x96\x07\xc7\xb0;YQ\x81=\xfc\x19\x9c\xa5pnS\xd5\x1b\x0cv\xfb6\x16\xbcc4\x9e&lt;yT\xafV\xcb\xb8]Ta\x8b\x06#\xdcrHua\xd0\xe4\x08\xe6-\x82\x8a-\xc3?\x8c=\xac@\xbfc\x0fq\xfc\x90\xeb\x0c\xda\x8a\xeb\xa1\x11\x9b\xe9t\x82\xdd\xd5jxP(t2\xd0KU\x16\x9a\xeavDpk-\x01\x16\xb1\xfb@\x91pX\xe3ga\xc8#\xe19\x1b\xd7\xc2\x9f\xd1YP\xb5N;\xf8\x0bh\xd0\xf5\x86z#\x9f]\xb8\x83tj\x1d\x17_n\x15.\xa2\xb9M\xdc\xdaR\xff C\tgy\xbc\xb0_i\xa0\xe5\xd0\xc3(7\x86(\x16W`z\xd4,k\xf4z\x83\x93\xc3\xaa\xe2\xa3\x7f;\xeeao\'\xbb\xf1t(\x95\xf7\xc5\xf2\x84\xf3\x16\x04\x04{o\x89\x8eD\xbc\x1cV+\x96R\xa9\xe4g\x11\xe3\xc1\t\x86\xaa\xab\xaf\xab\xab7:\x15\x98cY(\xf7\xb4\xcc\xcd\xed\xc7P\xd2\x15\xf6"Wj\x05\xf6\xb5@X\xf0wH\xc9\xc3y&lt;\xf7\xf1XJ\xaeP,\x05\x06\x17\xb6\x0f\x98\xea\xb2XN.\xe3!LU*\xb7\xdbmqs\\s\xdd\xe1M\xafG\x9e\xb8G\xb1\x84@\xab\x1a\xcf\xf0{\xe0H\xe3\xf0\x86\xe3S\xbcXJ\xe8\xa2\x92o$8\xdfn\xe4\xe7\x11FP\x8d\xfa\xa1^JU\x19l\x82\xb2f\xb7\x1bTS\x85\xa2.\x97\xab\xdbcztg\x0f\x9b\xb7[8,f\xc6\x14\xd9\x0c\xa7\xe7l\xb8t\xf8\x16"\x15\xbf~\x9c8\x8b\x86\xfa7\x90\xab\x1a\x050)\xd0\xf6p2\xb4X`\x9d\xbb\xcd2\x9d;0\x9b\x9cm\xe9\xf6&gt;~\xf4\xb0\x90\xc9\x13\t\x86Ei\xd7\x1f;\xc2\xdd\x90Z*\xe5\xdb\x16\xf6\xa0X\xb5|\x8c\x1a\xde\xbc\xa9\xab{c\xc0\xb9t\xe2\xfe9yR\x8f\xadl.S!\x96\xac9\x10\x08!\x96\x7fF+X\xca#\xd6\x8d\x05\xfffg\xb7kVe\x96U\xf1T\xb0\x10q%br\x01\x14\x18kt\xb4\xae\xeeLO-hV\xff\xc5\xb1c\xc7\xbe8uT\xaf\x97\xa9@.\x19\xe4\xaa;\x10J\xfa\xac\xf3\xfeL\x9b`\x93\x88XM\x99\xf9\xb0\xcf\xd5\x12\xb2\xc8~\xc0c;\x80\xc1\x14:\xedg\xcel\xbb}\xf4\xdc\xb9s\x80\xf5\xc3_\x8f\x1c9r\xec\xe2\xf3g\xcf\x8f\x9f\xfe\xdd\xb5\x8f?\xbe\xec\x06\xac\xf2v\xb5\xac?4\xeb\xea\xf4\xcc#\x96pj\x91\xb1eO\xa7\xafe6\xe0\xe6\x13\t\xf5R\x9f\xe4\xaa\xee\xa3\x8fF\x91\xe9\xfd\x92\xf7G\xebF\x8f\xfe\xe1\x93\xe3\xa7\xbf\xbe\xf5\xf4\xa7\x81\xa1\xa1\xa1\xb1\xc9\xb1\xe1\x00\x98K\xa7\xd7\x97\x83\xbdZ:\xbd\x9eL\x9b\x90\xde"b\xcb^\x10k\xb8\x1f\xe2[\xf7\x8dN\x06n\xd6\xb5\x1f:t\xff\xfe\xa1O~\xfb\x8f\xcf&gt;;XRRr\xf8p\xc9\xc1\x83%\xdf\x1d\xff\xcb\x83\x81W\x8b\x1b\xd6%\xf8\xb1Z7VGF\x02n\xc0R_\x06,\x9f\xd5\xb3\xdc$\xa8\xe5c\xcbVW\xcb\xec\xc8t9`\x95\xeb\xdc\xaa@\xe0\xf6\xf5\xeb\x03\x1d\x1dC\x03O\x9f\xdc=~\xf3JuqMqAAMM\xe9\xb3\x81\xa1W\x1b\xd6Db)\xf1\xc8\x93\xd8X\\\\\xf5\xb9\x86\xa7!\xc9.\xf4\x0fO\xaev&amp;2M\x0c\x95+\x1cVo_g\xcb\xe4p\xff\xb4\xae\xbc\xfc\x82\xae?\xd4\xe2\xf2\xf96:\xad\x9ey\xafuc\xf1\xa7\'\xcf\xfeT\xba\xbf\xb4\xe6\x9f5\xfb?\xd8\xff\xec\xe9\xabU\xc0ZJ\x00\xd4\xab\xa1W\x8b\xab\x9da\xd7\x88N\xdd\xde\xf8\xe9\xf7c\x88\xd5F\t\x88\x957\xb1\x0cX#\x97/\x94\x97\xabu\xfd\xc9x\xd8jMx=p\xd1\xe8\xf7{\xac\x8bO\x9f_)\x85\xaa\xd9\xf7\xfb\xd2\xd2\xd7O\x06\x00\xc5\xeb\xb5\xc2\xdb?\xfe\xf8\xe0\xc1\xc0\xa4/\x9ct\xeb\xda\xef_\xbb=\xb6\xe8\xb3.\x08j\xf9\xbcX\xa6sr\xec\xf6\x85\xf6\xc6r\xddt2\xbd\x89T\x89D\xc2\x0f\x05\xaat&lt;y]]\\\\\\\xb3\xefW\xfb&gt;x}\xf7\xc1@\xc7\xec\xec\xf0\xc8\xf5\xaf\x9f\xbd\x86z~k\xc85\xd7\xaf+o\xbcv\xb5cruc\x1drK@\xb5\x9a\x16|c\x1dW\xdb\xff\xdcX&gt;=\xdc\xbd\x19\x0e[\xc3hh\xab\xd7\xeb\r\xfb&amp;\xbf\xbfu\xf3RAAAu\xcd\xbe_V\xdf\xbcx\xfa\x8f\xd7\x0e}\xf9\xe5\x87\xe7\xbf\xfa\xee\xd2\x95+Wn&gt;\xbf{}6\xa0\xbb\xf0q#\x87\x05qJ\xe6\n\xb6\xaa\x89\xa6\xf5\xd5\x8e\x81\xab\x8d\x8d\x8d\xba~W8\xec[\x1c\xeb\x18\x18\x1a\xeb\xe8\x18\x1e\x1e\x1e\xe9\xbf\xdcx\xe8\xc4\xf9\x92\xc3\x05\x9fW\xd7\x14\x7f~\xe9\xab\x8b\'N|x\xe2\xc4\xf9\xf3\xe7/U\x17\x03\xd6\xbfX5\xff\x986\xce3\x8e\xb7\x91(\xa8\xb2\x91\xf6W\xfeX\x144M\xb2}\x81\xc0!\xa8\xb1s&gt;\xd7\xf8|\xe7\x1d\xe7\x93\x9c\xd5\xee4q\x89\x8c\xc1\x89\xab\xa49\x9b\xd4jl\xc0\x10j&lt;2\x02T7b\xc0!l*d\x89 \xe1\xa7\xd2\xa4\x0cA&amp;u\xf3B\xa2\r\xb2)\r\xaa)#2I\x13\x02\xaa\x06\t\x7f@\x94=\xafI\xaa\xec\xcfa^\xf1\x0f\xb2N\xf7\xd1\xf7y\xde\xe7}\xbe\xcf{\x91\xc8\xc9\xc6\xa8A\xa4\x98\x86\x96\x91;\xdf\xaf\xbf/\xcb\xdc\xa1ID\xf2n`\xfdN_oC\x93\x97\x12\xbbN]\x8f5\xb7\xf7G\x96\xe1\x85U:3\xcd\xf3&amp;\x816\x96\xe1J\xed\xa1C\x1f|P\rXeF\xb5&gt;\x9fw\xea\xd5U\x91\xb6\xea\xea\xea\xe5\xf9\x93\x8c(2L\x03\xd4\xb1o~P\xc823v\x0c+=\xe7\xf7K\x80U\xee\xe5\xc4\x8eX\xbb\xcd\xa6\xaa\x8a\xd4\xd5\xb5U\x99\xf3I\x92\xe4M&amp;\x9e\xc5Y\x16\xc3\xf3\xb4\x87&gt;\xa8\xae4\xaa=\xe1\xd2\x90d\r\x04\x18&amp;\xcc\xeb\xaa\xeb"\xc5\xe3\x1c\nb_\xcb\xc8\xd2c\x99b\x07\xdb\xc0\xb4\x9c\xcf\x97 \x88\x13\x8c\x18\xe4\xc6\x8b\x8bu\xba*\xd5x0\x1a\xe4(\xeatE\x11\xa0\tC\x02I\x9a4Fmu\x9bZ_.\x8eQ\x14\x17\x1d\x1c\x1c\x18\x0c\x06\x03U\xd5u\xf368\x86@\xad\x96\xbe\xa5{\xe0\xc8v\xaei\x96\xe5&lt;^\x1a\x81\xdcb8\xaeIU\x15\x8f\xab\xb8\x8e\xe1\xb3\x9d5\xf0^n,\x8b\xa2BVSh\xa1;\xf4\xa1\xd3R\xa5R\xe5S\x061v\xbd\xf5\xcc\xc7\xd0\x9f\xd5\x0c\x8a\xfb*\xab#\xc5\xe5\x0c\xd3\xd8\xd0\xd2\xd7\xb29-\xdb\x89)\xd7\x9ew^OM\xff\xb09\xd2\xd7\xcc0\x1cc\x8b\xc7\xe3\xe6\xb1\xe1+Oo\xfd\xe5\xd6gg\xce\xb6t\xf8\rTV\xc8UP\xbb\x10rY\xf5\xaar\xb3\xd70\x16[\xbaq\xe3\xea\xd5\x1bw\x0f\x9f\xe9\x1c\x1c\xafl\x03,/\xd3\xd8\x0cX\xcf&gt;\x85 \xbe\x95\xf2\xa5\xec\xd6\x18\x10\xdd=\xd5\xaf\xb7 ,\xc6\xab\xaa\xaa\x9a\xe8\x98\xec&lt;\xf3\xdb\xab\xc7\xee\x1e&gt;\xf6\xc5\xb3\x81\x92\\?\xb4\x85\xb9\x80\x15\x92H\x9e\x82\xc2\x16\\\xbf\xf6\xaf\xc3Go\x1c\xfb\xeb\xdf\xfeq\xe1\n\xa7\xaa\x84$\x0c0\\\xb4\xa5e\t6\xa2L\x96\xfa]1&lt;\x9b)K\x93\xe5\xc8d\n\x94\xf3\x8c\x97\x99PU\xe9\xb8\xe1\xaf[\xbf\xbb\xf6\xc5\xefn\xdd\xba\xfb\xa7\xf5\x014S\x027\x0bb\xb9 \xd1\xb3K\x0bKzn\xfe\xf0\xdd\xd1\x8b\x17\x0f_\xbb\xb76r\xa5+P\xb5\x85\x15k\x19X\xfa\xbc\xfe\xf1\xed\xa9\xb4\xd4\xd5\xcaxW.\xcb\xf9I\x0e\xac{\x9b-\xbd\x8d\x0c\xc2Rq\x97\xbe\xbe\xbev\xfb\x8f\xdf_\xbc\xd8\xdaw\xfd\xd2W_\x95\x80o\\\x08I&gt;\xc9UTt\xb0\xc2\xdf\xd15\x18\xeb\xab\xe9&lt;\xb5\xb9\xfe\xac\xb7\xab\xcbO\xaa\xdb*\xf5\x13^.\x1a\x1b\xd8\xbc\xbd6\x10\xfbO=x\xd8\xd4\x067\xbb\xf6\xec\x92\xcb2\x7fZ?\xfd\xe5\xa7_&gt;\x1b\x89r\x1c`\xe9&lt;\x86\x8f.\r\x0f\xf4n\xb6\xd4\xfcyx\xf2\xa3\x12\xbf?7\xb7\xa0\x1b\xa8\xec&gt;\xabt\xa0\xbb\xb6\xa2\xe7\xf4XOOOG\xf3\xcd\xfb\x8d\x1c\xf4\x1b&amp;}%\xc2\xa2\xa2\xb1\x8e\xde\xfb\x93\xb9\x0b\'W\xb6n\xd7SP+\x03\xdd\xf2d\xd6?\xe9\xed]\x7f\xbc\x8e\xb0\xb8|\x0fm\x85\x16\xbd\xa4\xa4\xa4#\x1a\xec\xf1\x17\xfa\xfd\xfe\xc2\xdc\xda\x10\xc4\xcf\xee\xb3\x9b\x04\xd3\x81\x83\xd0\'\x8f\x89\xa2h`\xf6\xed3{xXz\xb5Q\x1f\x08s\xc1\xe8\xe9\xdc\x87\xb5&gt;\x9fw\x0b+\xa5\xdc\x82\x0e0S\xb62\xea\x7fX\x12\x8b\r"\xb5x\xda\x04\xbe\xa6\xc8JJ$)\x89c\x08*\xb7\xb6\xdb\'\x01\x16,\x81\x06\xae\x8aB\x7f\x90\x0b\x07\xf2=j\x8bZ\rM\xbdG\xafv"\xac\xa0\xe1\xa0\xeb\xb9\xc3n\x9bBALI-8\x0e3\x01\xab_\xb0w\xd7\x16\x8cE\x1b\xb80o"%+i\x02\xd1h\xc1j\x00,\x7fEA\xb7\xcb\xe7\n\xb9 \x88&gt;I\xa0\xed\xae\xec\xd2\x8a\xd3\x06*\x90\xafW\xeb\xd4\xc0\xe5\xe4\x9dN\x1eR&gt;(\x92&amp;7\x8b\xfb"\xf5i\xa9\xaa\x95\x91\x1c\x8bL\xcf..\x1ey~\x82BXh&gt;\x04X4`\x99(C\xd6\xe9R(\xa3.\xdf\x01\xf0A\x00\x15\xca2\x90\xa6\x13\x07\x8a\xb2KK\r\x14\t}\x84\x07\xc4r\xc2\xa9I\x86\xc3P\xf2&lt;,\xcb:\\\xcb\xefok\'\xbe\xf9H\xfa\xaed\xcdz\xb18\x87;\x86\x84 \xc7Q@\x15*"\x05X\xe0\x04\rY\xa5Y\xb0\x01}\xbe\xee\x82n\x08\xa2/TPa \xd1p\xcb\x9am\x00x\x9ev\x82V&lt;\x1f\x08\x90$`y-864\xe4z\xa0H^\xb7\xfd\xdfj\xbd\x81\x95\x91\x91\xf6\xf6\xdb2\xc5j\x1c\xc7\x948\xcb\xc0\x19\x88\xe6\xc8\x12\x89,\x0f\x88\x03+\x99R\xa1\x85\x85\x90O\x98\x11|\xa1\xd2\xd2"\xf8\xd1\r\x01.\xb2\x9ax\xdeI ,\x1eaq\xa2\xd7\xa2u\xb8\x8f\xbb\xbeUl\xabl\xfd\x8fZ\xe8?\x99b%~d\x08SVz_aYI\xbb\t\xb4\x91$\x17T\x05\x94Q@%\xd9\xc1+\n \xd8\x82\x15\x94&lt;B\xb8A3\xb7\xdbI\x10N\x14\xc5\x00`\x05\x19]\xb5\xd1}\\Z\x95m+\xab\xd2\x93\xbb$\xfd\xf5x2M\x9e\x96\xb3\xc2\x82\x97Wj\xbdL\x18\xb0\x8a\x8aN$\r"\xf0\xf8|v ATv\x01\xbc"\xfeov\xc6\xbe\x10\x82\xcd@\x13\x04\rX`e5\x1a=\x81\x0c6\xc5\x05\xb9r\x15\xae\x1d\xb2\xad\xc8\xb7\x95\xedobe\xec\x82\xc3\xe7]\xd9\x8ap\xfc\xb9[\xd9\xe6\x85\x06\xca\x8a\xa2C#\x1f\r\xd9\x85J\x02)H\x05!\x01\xc4\xd4\xce\xc1Z\xc4\x04I`=\x80\x05`\xf4\x90F\x8394\x04\xe1\x06,1(\x86\xf3\xe3\x1b\xda\xf9\xa9\xf4\xed\xaa\xf5c\x14\xd3\x7f\x9e\x9e#\x93+V&amp;\x9e;p\x96f\x18*\x0c\xcd\x95\x89&amp;\x1c\x8e!\x82\x00\xb2d\xa9\x92B\x02&gt;\xb7\xb1w\xef\xdeD"\xb1\xff\x93\xb6\x19R\xa7\xf3\xd0\x1e\xd6\xc1j\x08\rf\x04*\xc2mBXL\x80\x9d\xdb\xd8=;\xb5\xcd\xda\x90\xfe\xea\xbb\x95\xe4\xe1\x83\xda\x07\xc5\xca&lt;vH+X\xc3\x0ccE=\x1f\r\xde\xde\xc1\x0e\x1d\xa1\x01\xcb\'\xd0\xbe\x99\xc5\x8dD\xe2\\\xe2\x1c\xac\xdf\xfc\xec\xd7Z\x9a\xd6\xb1\x1e=\x86a8\xfc%\xb1\x9cI,\xce\xc3\x82\x9c\xb3S\x99\xdb\x0b\xe2\x1b[1}\x0f\xba\xcd\xcf\x99ZV*\xe7\xe2|2\x88\xa4I\x80\x84\x01\xac\xa4Z&gt;;-\xcc,\xeeO\xbc\xf7^\x02\x91%\x12\xbf:\xf7\x8b:\xb3\x8a\xd5\xb3Xr\x04\xa0,3j4\x1a\xc2d\r\x8b\xd1\xa0N;G&lt;\x9f\x98NK\xf9rx\xd7;\xc9\x8f\x0c\xa6\x96\x17-\xf16\xe3\x84\x88\xb0 \x9fY\xb4\x08\r\x8b\xa283\xb3\x988\xf7\xe0\xd1\x8b\x04Z/F{\x1b\x96\x13\xf1|\xb3\x86\xc5\x94\xca\xbc&lt;\xbcL\x899\x1c\x1a\x8d\x93\x84\x94\x17-\xb8\xd0\xfdra5\'u\xac\x8c\xf4L8\xac\xa7\x96\xe1\xe5sZ\x0f\xe7\x05GA\x10\xac\x03"\x84\xb1\x0e\x07\x81\x92kfc\x7f{M\xe7d?\xd8\xea\x8d\xe8\xf9\xa7\xc3\xcc\xfe\xb6\x00M\xc0\x16\xd0j\xf3\x94Jm\x19ft\x18\x1dNk\x98cX\xa9\xe0\xe1K\xefJ\xeaXo\xa5CA\x95\xcb\xa7\xe6\x17\x16fp\\\xd7\xe4\x9d\xe0i\x10\n\xb3 .\xcc1t\x04%\xd7F]p\xb8\xf3\x92w&gt;\x12)n\x1c\x8eM\xcc\xcc\x99I\x84\x05\x86vw\x19\x96g\xc1q\x1cs\xa0\xb3\xdaK\xd7f\x85m/\xea\xd3vB-t\x97X\xff\xe8\xe5\xc3\x97R\xb6y\xbc)\x9f\xf6\xfc\x88\x05oK\x16P]\x9dmL\xd4\xc5G\xfb\xfb\xfbg\x97\xe36\xdb\x04%\x10\x84\x03S\xe6\xed\xde\x8dcm\x16\x8bR\x89\x1b=|\x98k\xd2\x9bt\x91\xd9UEf\xcaX[\x1fL\xc2\xe9c\xcb\nI/\xa9v\xb0\xf1\xfa$\x16 apL\x0e\t&gt;\xa8\xeb\x14%\x16/\xcf\x02\xd5\xda\xec\x83y\xaf(\x82XP\xb3\x1cX\x9eV\x89++\xc1qW\x1a\xf5&lt;\xc94\x19\xb5\x9fD\xc6We\xa9\x7f\x06\x94\xb1\xe5/\xe4S\x0f\xda\xb4q\xda\xdc~y\x9f\x1e\xf6\x18f\xb1@"c\x18\xe1v\xa3R/-\x14\x8e\x9d\xec\x1f\x1d][\x1b\xbdy\xbf\xb9GD\'&amp;T7BcT\xe2\x18^f,\xb3X,\xaa\xfc\x00s\xd9\xac\xae\x8b\x8cN\xcbw \xb5\xb6\xb0d\xf5Oluus\xda\xf6\xcb\xe5f\x90\n\x96\x11*\x97\x86\xfe\xa5]\x92P?S\xd1\x13\x8b6C\x93\xdc;\xf2M\xcdd\x8f\x81z\xd5\xfc@[j4\xaa\xd5F\x8bQ\xa7\xda\xc77^f\xf9x\xe4I\xbd&lt;u\x9f\x98\xfc\n\t\xc8\x14\xdfN\xc4\xab\xb5,\xd78n\xd6Yt\x80\xc5"*\xd3\t\x17j"\x0c\x15\x85\x93\xa7:;\xcf\xde\xb9\xdez\xe1\xc2\xd3\xceS\x93\xc9Q&amp;E\x9a\xd0\x1c\xc2\xa8\xd6\xab\xd5:0\xb5&lt;wr\x8eU\xcd\xaf*v\x06\x0b\xc9\x95&amp;\x9f\x9e\x8d\xef\xb6\xd0\xde\xc6q\x9bJ\xa5\xd3Y0\x16N\x16h^\xb2\xd1\xdd\x8e\xbf\xebR\xe7\xf9\x8f?;\xd3z\xa7\xf5(x\xe9\xf3\x9d5]\x1d==\xc1\xb07\xc0C\xbf\xac\xd7\xa3\'\xcc\xf9|\xe3\xdf7\xe6\xe6\x1fM\xe5\xec\xc0|\xeb\xb5y\x95\xd7\xff\xb3\r\xfb/-\xe7\x1b\xd2F\x9e\xc6\xf1EHG$\x99c_\xb9\xbb\xf5\xb8J\xdd8\x1d\x0c\xe9\x08\r\x11\xa7\xd1\xa4\xe8\xb4g\xe4\n\x1d\xd8\xbcX\x0f\xe3@\xc3\xbe(\x8d\x89\xd0\xac1\xc16D\xc7\xcb\x1f\xd95g4\xadp{\x11\x9a\xd5^\xb2&amp;w\x176\x17\x92t\xa9\x04\xff\x90\xd5\xeb\xd1\xa4h\xd1U\xa4n\xeb\xd5\xb6k\xa1\x16\xb6\xdc\xf3\x1b\xf5\xf6\xc5\xbel\xf2\x90\x90\xf1\x85\xce\xc7\xe7y\xe6\x99\xef3\xbf\xe7\x97\x0b\xebt\xc8\xc5\xb1\x0cAk4\x17.\xa8Z\xce~\x89t\xe0\xe7c3h\x04\xe3\xca\xce\xce\x04\xb8l\xfc\xe6\xcd\x9d\x9d{\x16\x9b-\x9d\x05\xcd\x08z^\xa5bHV\xadf\xa9T\xe6\xe5\xc6\xc6\xca\x92TR\x1c,\x91\xd0f\x1c\x9f\xffY\xbd\xfah\x95wqf\x92a\x08\xf0\x81\xb1\xfd\xec\x97\xe7\x9a\xaf\x07o\xcd\xdc\x01\x94{\xb6H\xfa\xee\xdd\xdb\xc1\xb6@ l\x19\xb7Y&amp;&amp;,\x91\xc0\xd5\x81v\xd0\xcd\x1cG\x12\x04K\xba2\x0bK\xcf\xe6\xa58^\x8c\xa7\x81\x07\x03\xb0\x18^\'\x9d\xbf\xbf\xb1\xf18\xc3\x03\x16IR\x8c\xcah\xfc\x144T0l\xbbc\x19\xbfg\xf3$\xe9\xd5\xd5\xe5\xe5\xe5\xf5G[[\xabf\x8fg*?&lt;lI\x07\xdaz\x8d\x14\xc5qI\x96%\x01\xeb\x81T*\x14\x87\xe2`\xa1\xd5R\x0c\xfa\xfd\xa6\xf9\xa5\xf9\xe7\x85\x90\x99\x84\x13Q\x8c\xd1\xd8r\xb6;`\x1b\xbfw\'\x1d\x0e\xb0[[\xeb`[\xaf\xd7\x85\x8fQu\xac0\x15\x8d\x86#\xf6^\x8aru\xbb\\\xf0\x9fp\xfc\xab%\xfcp\xce\xb7H\x03I\xc7\x84\xc9N\t\x94\xd5\x1f\x0b!?\xc9\x81\x19\x19\xc0\xba\x9a\x1e\x9fpG\x9d\xdc\xfa\xfa\xf2\xf2\xe6\xe6\x8bMx\xbfx\xb1\xb9\xbb\xbc&gt;\xfa\xdf\x871O\xd69\x06X\\k\x9b+\t\xbf\xe0r\xee\xcdK$\x07\x83\xeaE2(\xaa\xf8\xfb\xa8\xd8\x8b\x1fdx?D1\x99b \x8c\xbd\xf6\xb0\xc56\x95[[_\xde\x05\xdbD\xb6\xbb\x89\x0ewS\xeai\xde\xce\x9b\xb9\x14\x85\xb0Z].W\x92\xf7&lt;\xbfv\xd0\x1e\x16m|\x0bIgH\xd5\xba:\xd1R\xc6\xe9\xe7X\xf0\x17\xe4=\x93J\xd9g\xb2\xfc\xb4\x1a\xa8\x12\x85\xc4\x9b\xfd\xfd\xdd\xdd\xfd\xfd7\xc8\xde\x8e\xa5o\xa7[\t\xab\x02\x02\xeejkM&amp;\x93.&gt;\xb3\xd0\x84U\x15u\xafA\xf9\x81\x8c\xc6%\x92\x7f\xbe\xf2\xf89\x12e0\x0b\\,\xdb\xda\x1d\xbc\x15L\xbcy\x0b\xf6f\x1f\xb9\x0bb\x08ho?\xbb\x9d\x0ev\x03\x16\x03I\xd5\xda\x9at\xb9x\xcf\xabg\x12Qq\xb1\x8e\x95U\x1d;V^^\x8eU4=\x81\xe4\x9a\x9e&gt;\xc0"\x18\x9aH%\xbe\xbd\xfd\xedg\x88\xe9\x85`\xaf_\xbf^\xdf\xdd\xff!\xd1\x96JQ4\xc2b\xc9^\x08a\x88/&lt;\xbf\x06XU\xef\x15q\x16\xfcd\x99`h\x00\xe8\xc7\x823d\x06.\x16\xaa*\x14o\x82\xea&gt;\x97\xb8\x9e\xf8a\x7f\x17\x01!\xacG\x8f^//\xb3,\xc1P\x04\xa1 \x10\x16\x97t\x85B\xa1\xcc\x82\x14\xc3\xabJ\xb1a\x04\xb0\xea\xfe\xfe\xaa\x10\x02.5\x81\xa0h\x82\xa5(#C\xd3P\xb0\xb6\x84\xea\x00\x9f\xd0\x95\xf5\x8fZ\x81\t\xde$\xc9\xa0\xc5ND\xb5\xb7\xf4\xbe\xa44s\xcd\x18V\x81\x7f\xfd&lt;\xe3\xf7\xe7bjdV5\xc1\x12\xb4\x82a\xa0\x94\xae\xc2\xfd\xa5;\x11\x08\x04\x9d\xc0\xac&amp;\tZk2\xa99tu\x80\xb7\xfc\xfeP\xe1I\x13\x8e\x95\n\x0b\x97H\x1f\xec\xc5b~tjZm\xa5\x19\x926i5\x04\xc3\x90.{0\x12\xb6\xd9\xf2\x16\x8b-\x1ch\xe3\x14&amp;\xb9\xcf\xc4\x86\\\x90\x84d2i\xceA\x0c\x9bpQ\xb1V{~\x8d%\xb9\xb1\xb0\x17\xcb\xc5\xcc\x82\xbb\xd4$G\x80T\xd7\\P0\xdc\xd5\xc8\x8c\xcd\x02v\xf7\xee-\x17\xad\x95\xcbM&amp;"\xc9\x0bX\\(\x96\x0b\xf9\x17\xa4\x80u\xb24XP\xec\xeb\x96\x9e\x80\xbf\x90\xbb \x88p\xb7\xa3Q\x0bq\x1a\xe4g\xca\x1eI[,3\xc1\x01\xa3\t\xf5&lt;&amp;+\x17\xe2\xd1]\x87L\x86r\xb9\xa4\xf9\xbe\x14\x97\x88J\x84U\x01\xcaKz\x7fo:\x96\xcb!.\xb5?\x045\x9f6A\x97z\xfat-\x9dj\xcb\xce\x04\xa9ZyCC\x9f\xcfd%BN\x0f\x9f$I\xb3?\xe7\xf7\x93\xec}\xa9HR\xac\xe9\x9a_c\x89%\xf8\xb3\xbd\x18p\x99ADM\xfby\'\xcfs4t\\`Z\x9aI]\xa5P/-\xf7ii\xc2\xcc{&lt;N\xdel\x86+$\x04\xb7P\xc0\xc2q\xacTA\x14I\xf0\xa5\x97\xc9\\.&amp;\xb8\x0b\x9d\xda\xc3\xb3\xd0\x0b\xa9\xa0\xd7\xa1\x96)\x8a\x81c\xc5\x05\x9a`8\xde3\xe9\x81\x1a\x17\xcad\xf8\xa4\xb1\x0baI\xf0\x12\xa5&lt;\x86V4\xe6\x1f\x93I?J\xafi5\xeb\xe7=\x01\xa7+E\x19?=\x0b60p\xb6\xb7\xbd\x05\x94_\xaa\xb7\xdb\x99\xf5z\xa7&lt;!\x7f\x01\xd8(\x95\x8a\x14\x82X\xaa\x02Q\'\x16\xd7]{ld\x92\xb9X\x06\xaeG3\xe4O\xd6\xe3\x0c\xd8\x07\xce57_\xbc\xf8\xbbD\xa2m\xe0\xdc\xb9\x81\xden{6\x9a\xcf\xc7\xe3S\x85\xc2\xa4\'\x94lW\x19\x0f\xb1N\x96\x04\xab\n\xa4\t~c\xa3EI\xb0\xe6\\\x0eD\xce\xa47\x1a\xf5\x86m\xe9\xb1\xdf\x8f}\xde\xdc\x9cH\\\xb77\x07\xc7\xc6\x82\xce@\xd86&gt;\xbc\xed\x8eOMy\xccdooW\x17J\xf9\nQ\xb1w\x17\x1c\xadvb"\xa8\xa8+-J\x85\x82\xc8e\x9c\x85\xc2\xe2"8\x05Jh\xfa\xd6Xd,\x90\xb0\xdb\xc7\xecf{$\x92\x9d\x9c\x8a\xbb\'&amp;\x0c\x8b\xd1I3K\xf5\xb6\x0bX\x18^:,L"\xc1\x7f\xa2\x95*\x95U\x9d\xe3\'\x9fno\x0f\x0f\xbb\xdd\xc3n[8l\x9b\x89d#\xd9\xb0\xf3a.\xe2\x8d\xc7\xa3\xeea\x83\xc1\x90\xf7\xb2Vr\xe0\xe2!\x16V*,LT\x85K\xb0\x9f\xd4J\xa5R\xe1[\xf3\x17\x9e\xfe{vhhbgh"\x1f\x8fB4\xbd\x16\x9bw2\xe6\x8f\xc6\xf3\xdb\xc3C\x0e\x87c(nV@\xdf\x8a\x9e5\xa3\xdc*\x1d\x16\x12\x83\xd8\xb3\xb5F\xa5R\xa3\xb0\xaa3q\x83\xce1\x046\xec\xce\xc7\xbd\xf1\xc5\xc5x&lt;\x1f\x9d\x9c\xcc\xa3\xf9\x08\xc7\xec\xc8\xec\x8ewMA\xa0\xe5\x95\xae\xaeRc\x89pl\xe9a\x97\xf2\x9bF\xa5vt-\xe3\x86\x93\x03\x98a{b8\x9fw\xbb\xf3\xd0\x87m/n;f\x1d@5b\xf0\x9a\xadV\x05j\xf7U\x8dl)\xb1\xd0\x1e"\x1c\x9b\x7f\xdcu\xb9\x11\xb0|\xa3k\x93\x06]\x8d\x00\xe6\x182\x18\xe0\x05\xf67\xc3l\x8dnvV\xa7\x9bu\xf3\x04`i\xb4\x08\x8b\\\x91\xa2\x06\xa3tA\xc4\x00\xab\xfd\xf2e\xe5)\xad\xd6\xe4\x9b^\x9c\xd5\x8d\x8c\xe8\xe6F\x80\xcd1\x02\xe94\x0bn\xaa\x01\xac9\xdd\xdcD\x16\x02\xa8\xd7\xeb5\n\x85\x12aA7V\x92*\x7f\xc4u\x03\xb0\xbe\xe9\x04\xd9`jP{\r\x10-\x9d\xee7\xbaCC?\xe8jtssW\xdcaN\x03TZ=\x1amQ\x01V\x85H\\\xd2M\x8aPOQ\x0c\xc1Lj\xe7\xe2\xd0\x1c\xb8fD\xf7\xd1G\x80\xf3\x01\x1c\xa0M\xcc\x8e\x1dK8p\xb5K)\x8c\xda \x7f!,\x1c\x17\x97\x97n3 &amp;j\xda0\xa2K\x11\xa8\xb44\xe9\x19w\xe7\xa1\x1a\xcc\xd6\x00S\xcd\x07#\x10A\xc7\xb0;\x1ei\xeb\x85\xda\xae\xd0\x9bLr0\x8d\xa2\x8b\xdah\xc2\xf0\xd2\x04\x11\xf5&gt;\x02\xd6\n\xa3\xec\xd4h\xe1\x9cZ-\xed\x8a8\xfd\x01o\xd4=\x84\xd2\xe9\x8ac\x07u\xff~3A@QPh\xf4r\xe1!8x\xab}\xe3\x86\x80U\x82\xcd\xf2e\x87\x13$R\x01\x0b\xb4\x9f\x0f\xc0\x8c\x14C\xd0 \x08\xb36\x1b\xdc\x83\xc2\x01\xbfzm\xb4o\xd4\x87.?\x8dI\xdeW\x89\xb0j5J\xea1\x1a3\x10\x95\x02\x0b\xed\x1c\x12\xd5\x89\xc4\xd2\x15\n\xb0\xf4H\x86\x82\xde\x03\xf3\xf5\xf7\xf7[\th\xd2H\xc2\xd7/\xab\xaf\xef\xe9\xef\xf7\xc1\xf5\xa7o\xa8\xec\xe8CA\x94\xeb\x15]\x0f\xe7\xc5h\xcaCR\xc4\r5\xbf\xa8S\t\x0eXM+Tc\'J-\x1f\x98\xc9J[G\xfb{\x04\xeb\x1f\xbdT_}\xa6\xbaZ\xd6\xd3\xd3g\xd2\xeb\xe5h\x04\xae\xb2R.\xaf\xd5k\x1a\xd7\x9e\xfd\xf6\x8b/\xa4\xe8\x1b\x1a\x84\x19\x9bbb\x95c\x12\xf4\x98^\xc0\xd2\xd7\xd6\x9a \xa1\x1b\x80\xeb\x08\xab\xba\xa7\xa7\xbez\x10\xb0\xaa\xab{.\xf5A\xef#\xef\xe8\xe8\xa8\xac\x84\xf4\x02,\xf6\xfe\x1f\xfe\xf1\xdd_\x8e#\x7f\xbdWL\xae\x93\'A&gt;\xe0 \xe6\x8f\xb0\x84\xfe\xc6\x04.;\xa4\xfay\xf0\x8cL68(\x93\xd5\xa38\x02\x96\xbc\xb2\xe3\x04\x02\x83\xf4\xd2\\\xa6^~\xf7\x9f?\xfe\xebZ\x1d`\t\xdf\x18QVv\xb4H\xf8.\xebd\xd0\xe2\xa1\xdb4\xa4m\xdd\x87\xd7@\x07v\xa2\x8b\xac\x01\xb2\xc6j\xf2\x1d\x86P6x~\x10\xa8z\xc0Y\xb2\xfa\x13\x1dryC\xc7\xc7\x1f\x9f8q\x02\x1c\x069\xdf\x92y\xbam\xf8\xd3\x82\x04\xb8\x84\xc7\\e\xef&gt;\x97\xf4\xcb\x9f\xc0\x80\xea\xab\xe7{\x8d\x9d\xa7\xd0\x8c"\x04\x08\xfc\xe5\x1b\xed\x91\xc9\x10\xd7\x99?\x9f\x1f\xfc\xe4\xffX\x95}\x95\x08\x0b^\x1d\x02Vw\xc421\xf4=\xb8\xebh\x94\xe5\xdd\xb1\xca1\xe1\x8b0@\x9a\x8a?\xfc\xea\xafO\xcd\xcaNh\xbb\x10V%\xc4\xca\x87\xdc\x85\xc6a\xcf\x9c?\x7f\xfe\x13\x99\x0ca\xc9\xea/\x81\x93\x00\x0bYG\xa5\\\x0fX\xc1\xb4\xe5\xe6\xf6\x03qS\xd3\xf1:\x91\xa4\xac\xe2@%\x89\xdfm\x8a\x0b\xe5:4zb\xe9\xd7\xdfoO\x92\xaaS\xa8:\x00\x15\xf8D\xde\xd7\xf7?R\xce?4\xcd\xfc\x8e\xe3\x99h\xa3U\x1f\x11\xa3U\x9e&lt;\x9eZ\xf2t\x83\'\xb4\x95\xa5\xd7\xfe\xb1z\xb4p\xf4\x9f\xe6\x19\xf8\x87(\xa8\\\xef?\xfd\xe3\xc6&amp;&gt;\xd0\xcb\x8e$\xb0\xe6p7\xe6\xc3h\xb9?\n\x8fz\xc3\xe1mp\x8c\xaa\x0b\x88\xe3Pp\xd2\xcc\xa5\x18\r\xd4@\x0e\xc2 K\xa0\xe5Hw\xec\x9f;\xd8\xfb\xf3}\x92\xb4eP\xc6\xf6MR\x93P\xf5\xe5\xfb\xf3\xfe\xfcx\xe2\x97\xefr\x94a\xcd\xc7n\xdd_\xc8\xcd\x07\x17\x16\x82\xf3\x01r\xd5\x9c+LT\x0c\xeb\'w?z\xf8\xf0\x0f\xbf&gt;\xb0\xd7\xea\x83\xda\xf1\xa1\x1f\xb6\xff\xf3O\xa94+\x9f\xa53\'$q\xe3\x1f\x7f\xfa\xf8\xfdS\xac(\x89\x12\x8dFi\xf3p\x8e\xf6\xe9\xba\xe2(\x11\xf0&gt;&lt;\x15\x0e\xbbh\xe9j\xdd\xb8~\xf9\x83O?\xfd\xdd\'\x076!?\xe8\x17\xfb5\x91\x9d\xe7B{\x80\xfe\xe7\xab!TQ\xbb\x9d\x8e\x84\xb1I\xab\xbb\x9f|\xf6\xee\x9f\x19\x16\xc5\x90\xf6\x0c\x07\x02\xcb\xd1\xe5\xdc|&lt;\x1e\x85z\x01\xc2ZX@.\xba\x88\xca\xefw\xc1[\xc9k\x17.\xdd\xb8|s\xe5\x87\x0f\xff\xba-\n\x89\xb4\\\x1d\xf7UQ\xb2\x89/\xeb\xfe\x7f\xab\xd9\xf9\x97\xc7\xd5\xd0\x1e\r\xd1&amp;\x89\x91HDl~\xfb\xf3\x95\x9b\x97\xa9\xaf\x90Z\xc9h4\x10\x8f\x07r\x01p\xe1\x16\xd2E\x03\xe1yF\x05\xae\xa0\x1f+\x08\xf7\xa3F\\\xb8r\xf9\xde[+\x0f?/\x89j"\x9d\x96\xcb\x03\x95\x8f(\xaa4\xfd\x8a\xf9\xcd\xe63Sg\xccg\xcc\xe6)\xf3\x1b\xff\xba\xfc\xca2\x89J\xa9\\\x1f\xe4\x85\xc1\xb7\x7f\\y\xf7\xf2\x15z\'\xfa\xdc5\n_\xdc\x15\xc7\xca\x05r9`\x81\x124X:\x96\x07+\xc8\xa2x\xed=`\xbd\xf3\xce\x17_\xd6|B"\x91N\xe4\x8b\xd5\xe2 ?()\xbc\x9eJ\xb3\'d\xe7\xcdXo\xacU\x06\xf6\x9e\x1d\xdd\xcd\x1e)\x15{\xbd\xfe@N\'\x9a\xbb\x0f\xdf\x02\x16&amp;@\x8aa2\x1ap\xf9\xe7\xe3a\x9d,\x10%C\x05=\x08"\xb8\x82\xc1\x05P\xf9\x83pW2I\xb3\xcd\xdd\xb7o\xfe\xe5k\xc1\'\x08BBhn\xb6\x87\x95N\xbdTRT^\xb2\x9bl\x9c\xc9\x04\x19\xce\xd0\x06\x87\xe9\xef\xbdi\xb46\xcf\x9ah+\xa6\re]\xac\x95\x1bZ\xaf3\x90\xe5\xbc\xaa|\xfd\xc5\xca\xcd\xdb\xd7o\xa0\x82\xe3\xe3\x1cB\xe8B\xc4(\ru\x87\xfb=\xb1[\xa8\xaa\x0b\xd4\x82b1\x00\x92\xbb\xd0\x17o\\\xbfs\xf7\xde\x07\xbf=p\x8a&gt;\x80\x89\x8a\xd6\xdb,\xacW\xaae9\xaf(\xab\xa2\xc4\x99\xd8\x0e8\x03\xbbp\x7f\x93\xd1\xa6\xcd\xd4gHa^\xa9\x97\xb1dP\xe5\xd3\xea\xc1\xe7+o\xdf\xbes\xf5\x12\x02H[\xe4A\x12$(\xf8\xdc\x13\x8by\x00u\xff\xfe}\xe2"*,?j\x04\xea)a\xdd\xfe\xd1G\xdf&lt;\xe6x\xde\xe9\x13yA\xce\xcb\xfd\xd6$U\xe9\x15\xebr\xa9\xa9\xfa8V1\x0c\xba\x95\ro\xc6B\xf2I\x92O\xc8\x97;\xa3\x89\x96\'\xaat\xa4\xf9\xcdg?\xbes\xf5\xea\x0f.\xb24\x8c#\xd7 \x88\x1f\xb2\xac\xa1\x98\xe2\x8bv\xb4\xe0\x1b?d#L?L\x16@&amp;\x12\xd6\xdd_l\x88x@\xbb$J\xc2\xa0_\xce\xe7\xcb\xda\xb8\x90\xaaTA&amp;8Y\xf5?o\x98\xfe\xcfM\x83\xe4\xb6\xd9\xe9\xd9\xd9Yt\x1b\x03\xed\xdd\x97\xecN\x9fO-W\'\xeb\xd9T\x07P\xf9t\xc2\xa7n\xfc\xea\xde\x9d\x1bz\xeb\x81\xc1\x89\x8b\x08\xd6\xfeNL:\xd5\xfd\xb5[1?|\x15\xf3\xf8=L-\xaa[W\xee\xdc\xfe\xe5?\x9b6`\x99$\x9bTk\xa5&amp;\xbb\r9?h\xb4*\x85\xd4\xb8SV\x04^\x02\xb1\xe9\xa4W\xbe\xbc\xa4a\xa7n\x18\x0c\xe7\x81\xd9\x11\xab\x90\x00\x00\x08RIDATf8\x036\x13\x07\xa5\xd4R\xa7\x92\x9d\xb4\x8a\x8dr:MXB\xa4\xf9\xaf\x8f\xafc\x1a&gt;\xc7\x8a\x14\xa0&lt;\xfey\x12+FL\xc7b\xad\x91\xa5\x82\xc0r\xe91L.\xb1\xab\x8cG\x07\x11\x1b\xc7\xd9iom?e\xb1v\tG\x96\xeb\xc5\xdd\xd1\xa4\xd2\xeb\xf4\x9b\x8a\xe8t\x82\x99Y\xfft\x13\x12\xedBBz\xce\xceN\xb3cT\xe8\x1dW\x9fZ*\x8eS\x93j_\x96\x9b\xc8B\x80%\x12\ta\xfb\xd1\xfbW.]\xbcx\x8eJ\x96\xdf\xc3\x9e\xdc\x8f\x86\x18ca\xbc\xa5\x1b\x9e\x02\x8b\x08\xc2\xefa\x9a!\x96\xa8\xcc\xff\xecP\xb1\xd99\xbb\x9d\x97\xf8H\xb5m\tY\x8d\xa1\xe1\xa4\xd5\x18\xe4\xf3\xf5bu&lt;\xa9\x8c\xab\xfd\x12D\xe39jI\xaf\xabE\x1e\xe7\xf4\x1dn(0\xcd\xe2f\xaa\xd0*\xe7\xe5rgW\xcbS\xbd\x81\\\x08\xe3\xdf\xae_\xb8\xf8\xd3k(\x06\xf1\x0c\xd5\x00?5A\xa0Qy\x8fa\xb6!,\xfc\x16\xa5\xc1\xef"\xb5\xf4\xee\xf3\xfd\xa3\'\xa2m\xdat\xf6\xac$\x8a\xcd\x8a\xd5b\xb1\x86\xac\x16c7;\xd6\xcax\xc9\x88\xe6\xa82\x1aW\x8b\xe5\xa6*\xc1g\xaf]/O\xb3\xa9\x83z\x95(\xa4\x9b\xc5q\xb6\xd0\x83R\x8dV\xa1\x1d*\xf4Q\x07i\xf9|\xca\xc6\xa3+\xef\xd1\x8cG\x89\x18D\x93!\xd7{\x16\xfc\xc1\x05"$0r;\x90\\\x19`\x85\xd1\xae\x93\x98\xcb\x8e\x9e\x8b\xd2\xf1\xc1 b?k\xb1Z\x81\x15\nY\x8c\xd6va\xb3\xd3\x97\xd3\xe9f\xb9X\xed\x8d\xc7\xbd\xaa\xb6\xad\x88\xaf\xee\xd9""\x82\xe2Q\xf1\x06\xdah=\x05\xa8|\xb9\x97\r\x19\x8d\x96PK\xd5\xb1\x04\x1fO\\\x17\xce%\xe1\xad\xf8q\xb5\xf2S\r\xa58\x02\x8a\xc6\x1b\xa2\x8a\xcf\xcd\x91X\xf4\x95\xbc\xf8\xe1\xd1v\x84N\xbe\x9a\xe6$^\x8cT\xbbD\x85\x85\x1b\x92\xad\x9d\x1a\xb5\xfa\x03\x14\xffA\xbd\xd1im\x8e{\xda\xebj\x99\xe8\x9c\x1aA\xa5\x9aB\xdb\xdd\x91*\x9dB\xd7h\xc1]\x8d\x85:\xe4\x12\x18\x96\xa8l\xfc\x9e\n*\xa9\x05\xfb\xe0\xd3\xc5\x8a\x04\xabT\xc0Z\x8b-\xe0W\x0c+\x98\xa1!"\xf9\xe0p{\x95\xcc&lt;\xcbqN\xdeW\x1b\x19\x8f\xa1,F|\xd7\r\xe1\xf1\xbb\xeb\x93\x9eV\x1e \xddk\xf5Fu\xf4r\xab?MU\x92\xe4\x14\x94zq\xbc\xde&amp;\xa8\xf4\xa0Xi\x1b\xb1\x88\xab\xad\xa1i\xd0\xf2\xf1\x92m\xf5\xe0\xe8\xc3\xa5(\x9e\xd7\xcf\x82u\\\xdfI/\x18\x7f\x8d\xaa;\x1b\x1e\\\x04\x97\xc9\x84\x9f\xed=\x89\x88\x94\xfe\x80\xe2}\x11\xad=\xe3uP\x18\xc1e=\xd6\xcdB\xe1\xccVZ\x8d\xb2,$\x94\xfa\xc99"\xec@;\xe4H\rBu\xbb\x85V]Uj\xc5Q\xdba\xb4\x1a-\x04\x16\xb2\x8c\x14 \xa1u\xf8|N\x9b\xcdW?|\xba\x94\x9c\x0b\x93R\xec\xe9\xc9ah\x83\x18\xb6\xc8\xf1\x94\x89\xc0B\xbb\x0e\x873\xf3{\x1bM\x8c1\x98\x8bL\x12\x8fG(ggf\x16\x17\xbd^\x87Qw\x98\x85,\x86P"7\xdd\xeen\n\xa2)\x89\xa9\xe3\x93\xe1pm)\x11Se\x18Z\x1fk\x83\x84\xda\xd4Fm\xb7\x03\xa1\xd7\xd5\xb2X\xb2uR\n\x0f\x0b\xb9x\x9b\xa4l\x1d&gt;\x83\xe9\xb1\xe6(\x86\xe1\xe3\xc5\x06\x88\xa0?\x93\x81\x8c\x99\xb9p0\xe6\xc9\xed\xbd\xc0\x04o:\x8b\xec\xb6\xf3xU\xb5\xb1\xd7\xbbH`\x8b\xbad!\xcaHvC1\xc5\'\xc8\x1aS6\x13\xf5IQ\x92j\x8d\xdd\xc2\xb0;\xac\xa0L%\xd4zu\xd2v\xe3\xff\x10\x0f\xe3\xc2\xfdZ\xaa\xc0\x03\tXN\xca\xe1\xc8\xe3\xad\xbdg\xc9(f\xe30E\x8cA\xd1\x081\x0f2\xaa\xfc\x0b\xb8\xbapy\xc2\xfb;\x08 ]\x1dNs\x1c\xbd(u\xd7:3\xe3\x9da\xcbK`\x10\t\x06c\xde\xb78\x1c\xba\xe9\x86Sl\x83\x83$\xaa\xb0\xd1o\xba\x85\xddFIN\xcb\xfd\xddB\x97\xb1\x13\x10\x13\xcb\xe8\xf0\xce\x0c5p9y\x91w:9\x8e\x92#\xf2dk\xff\x01e\xa4\x0b\xde\xa7!"@\xfd;\x9c\xc9\xb8\xe6QL3ss\xe1\xdc\xfe\xe1\x0bEd\xc3\xf1,\xe7\xa4\xe1\xa1\xd6\xea\xce\x90X:\x95\xd7\xcd^;1\xe1\x1f\xa3\xc3a\x0c\xb1e%,\x0c\x9e\xf5\xdd\xa1\xa3[\xa1f \x97\xb41J\x82\x85\x85\x8f\x919\xb0\xbc\xd0|f\xbd\x98f\x11\x04\xd5,\x9d\xae(\xf1\xab\xcfw\x00\x86\xab\xae\x0c\x95O\xa8EX\x04\x99\xc1\x9a[zz\xb8\xd1D]\xc0\xa5\xa1aZ\xa7\x12\xb4\xb6wf\xf1\x94\x89\x96C\x7f\xe9\x90\xcaM\xda\xe9k\x8az\x94\xd2\xa8\xa0\x02t\x06h{\xf5Ne\x88P\x9f:\n\xdf8\xdc\xc7\x8f\xb4\x98\x05\x17Z*\x1d&gt;f0\xb3\xb2+)\xdb;\xfb\xcb\x81L\x86M\xa2A\xba\xde\x87\xbf\x08*\xb3\xf4\xd5\xd1\x06\n;\x1a\x0e\x9ce\xd2\xa9\x12\xe9\x8e\xf1D)\x00a\xb9\x99^\x94\x93F\x87Q\xa7\xa2pNI\x1c_\xaaf\xdd\xed\xcd~:B\xd3B\x9b\xe4\xd4\x03\xe8`\xe1\x03\x94\x97-&lt;XVSy\x12\x8b\xa6"\xd3\xf1\x06\x17\xa5\xbe\xf5]\x8e\x06\xe4\x18\xda!\xc80,g\xe6\xe2\x08\xdfV)\x02(\xaa\xd0\x12U+\xb8=\x91Ok!])`9X\x1c\x00\xe6p\x93`\xf8\x99\xf2\x12\xb1\x04\xde\x14\xaf6F]\x0b\xa4\xd2}\xcedb\xf6c`n\xef\x89\x0b\x80\x85\x8fBY`\xd6\xe2h\xbc\xa5y\x1a\x19#\xae&gt;y\xb1\xf3]\xd8\xa3\xf7\xe95\x8f\xc7\xb5\xfc`\x7fg\x1bW\x83\x92\xe9,\xb9\xd0\xe4$*\x9a\xe2\x13B\xb1\xab+EZ\xb1\'p\xb3\x9f\xbc\xddI\x01\xcf\xcd\xda\x11\x896\x05\xa9\xac\xc3\xcd~&gt;\x8d\x11\xa6me\xeev0\x99(\xd8d\xa9\xd3E\t4l\xe4U\x9f\x93s\xb2H\x9a\xcd\'%/\xf2\xf8\xc5\xce^.\x88:\x1f\xcc-?\x83PO0\xa5\xd0IAt\n\x9e\x13TX\x02\xf5S\xa1\x18\xf2\xba\xf5\xf0\x19I-\x06\x058\xf8\xb6L\x9e\xd6\xeb&gt;\xbc5jw+\xda /\x17GC=\xe9\x18\x17\x81\x9dH\xf5\x92\xcb;\xd3\xd6d9\r\xc1$N\xa2?\xbcL\x19\xe8L@\x88\x86\x9a\xf7|ko\xff\xe9WO\x8f\x0e7\xb61\x05\xf3\x12\xc7z\r\x9c\x8b\xc2\xees:\xe1,\xa4\xb1O\x0by\x1d$\x94C\x0f \xa8\xa0\x19"\x91\xedc\xb6\xd3\xc6\xa96\x15~db7E\xa3K\xa3\x97\xb5\x9eV(\x1d\xcc\x8d\xe8\xff\xbb\x8akGm\x18\x88\x82\n\xc8\x84\x8d\xbc\x0e\x86\x18\xb2\x88mT\xb8\xd2\x1dr\x04\xf5.\xa4\x03\xb8\x97\xee\xe0\xce\'\xf0\xa7\x10\xe4\x00\n\x01\xa3F\x824AMHR\xe4\x06I\x95"\xe93\xf3\x9e\\d\xc1 \x0b\xbc~;ov\xde&lt;[,\xd7\xb5\x18\xa3\x93\xd1w\xf4\xf4\x0c\xcc\x12\xb0K}\x9a\x07\x8e\x11\xcdh\xb5\x7f\xfe\xf9\xfd\xfa\xdcW\xcbe\xba\xe4\xe1E\x04\n\xa59&amp;\\\x0e7A\xfex\x97,\xc6\xb0\x98H\x12\x0c\xacBZ7\x07(\x8f\x1f\x9a\xfa\rv\xc5\x84\xc1[\x93A\xa7 \t\xe2\x7f\xaeC\xa9\x08\xa1\xa2\xcb\xec\x9b\x91\x00Jz\xd3i\xab\xb1\xc2\xfaI\xb1\x19M\x9b8\x0f\xd8;\xac\xf7\xfd\xde\xc7z,\xabF\x85";\xd7$\xf2\x80J\x9b\xc6\xdf\xc9\x19*\xfd\x06\x98\x80[\xd6\xa1\xe3~\x9a\xba\x02\xa9\xb8?t\x88,\xd8\x97C\xbdID\xd2\xa8j\x12X\xdb\xe2\x9</t>
        </is>
      </c>
      <c r="M463" s="3" t="n">
        <v>45492.67746527777</v>
      </c>
    </row>
    <row r="464">
      <c r="A464" t="n">
        <v>1117513</v>
      </c>
      <c r="B464" t="n">
        <v>1963</v>
      </c>
      <c r="C464" t="inlineStr">
        <is>
          <t>Fabinho</t>
        </is>
      </c>
      <c r="D464" t="inlineStr">
        <is>
          <t>Fabinho</t>
        </is>
      </c>
      <c r="E464" t="inlineStr">
        <is>
          <t>VOL</t>
        </is>
      </c>
      <c r="F464" t="inlineStr">
        <is>
          <t>VOL</t>
        </is>
      </c>
      <c r="G464" t="inlineStr">
        <is>
          <t>VOL</t>
        </is>
      </c>
      <c r="H464" t="n">
        <v>178</v>
      </c>
      <c r="I464" t="n">
        <v>35</v>
      </c>
      <c r="J464" s="2" t="n">
        <v>37354</v>
      </c>
      <c r="K464" t="inlineStr">
        <is>
          <t>Right</t>
        </is>
      </c>
      <c r="L46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a9d68a-f721-4caa-aac8-995f7a49c0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+\xb7\'\x00\x00\x02\xf7PLTE\xff\xff\xff\x00I6\x00A.\xf4\xb9\x9b\x00Q&lt;\x00B3\xee\xf0\xf4\x00C/\xfe\xfe\xfe\x00F3\x00O9\x02[D\xf9\xbc\x9f\x00L9\xf7\xba\x9d\x01UCK6(\x01T=E2&amp;\xf4\xb5\x99\xf7\xb4\x95\xef\xb4\x97\xf2\xf4\xf7F.!f=,\xe7\xb3\x98m?-\xef\xb8\x9b\xf8\xa3\x88\xfb\xb0\x97\xf4\xbc\x9f\xfd\xbd\xa3\xfc\xfc\xfc\xf3\xa6\x8aV6\'\x80H5$\x11\n\xf5\xa0\x84\xf5\xac\x8cyG5\xb4u[\x01;+-\x19\x10gB2vB/_=.&gt;)\x1d\xe9\xec\xf0?."M9.oE3\xec\xb1\x95\xe5\xb0\x93\x81R?8&amp;\x1b\x95WB^8(\xec\xa8\x8c\xeb\xae\x92\xc8\x84i\xeb\xb5\x9a\xee\xa2\x84\xf3\xaf\x94\xf0\xad\x8f\xfd\xb6\x9d\xf2\x9c\x80\xf4\xc7\xae5\x1f\x14\xf8\xae\x91\xf9\xf8\xf8\xf5\xc0\xa6\xee\xb6\x9e\xf9\xb7\x9aM2"\xf0\xba\xa2\x85K9\x9b^G\xe0\x9b\x80T&lt;/\xe8\xa4\x88\xe9\xac\x8f\xd3\x91v\xe6\x8dq\xe1\xa2\x87\xd7\x9b\x80\x18\t\x05\x89YF\xb7z`\xe5\xe7\xea\x8fS?\xfa\xa7\x8f\x8aP;U- \xe1\xac\x8e\xcdy]\xef\x96{N(\x1a\xc8tXiK&lt;&gt; \x14P@7\xeb\x92v\xbf|c\xe0\x88nE)\x1crI:YB5ZI?\xdd\x85h\xa9gOqSD\xea\x9b\x80yO=\xabqX\xdb\x92x\xca\x9b\x82\x94`Lh6\'\xd2\x88m\x06^L\xb2nU\xa1eM\xbd\x85l\xd8\xa5\x89G"\x15\xc0oV\xc9\x92w{g^\x9f\x89\x80\xd8\xe2\xe6\xb4\xa1\x98\xa5]F\xb0\x83k`1#\x86ma\xd0\xa6\x91\xf7\xf3\xf2aF8\xa2lTiWN\xe4\xa7\x8c\xbd\x8euaPG\xd7\x83h\xbalPr_U\xe3\x94{\x96n[\xf3\xcb\xb8\xa9zd\xb2dL\x9agPo8*\xd0\xda\xe0\xe0\xdc\xdc\xaf\x8f;\x8e\x81z\xd7\xd0\xce\xa4\x91\x89\xe7\xe1\xe0\x80_O\x01(\x1e\xe8\xa0\x83\x8aeS\x9etc\x19O17\x15\x0bD92yYI\rH/\'U4\xb9\x96&gt;\xdd\xad\x95\xf5\xec\xea\xd6|a\x031&amp;\x8ewm\xc2\xb1\xaaMh:\xb1\xc5\xc8\xad\x97\x8e\x9f\xa1\xa3\xe5\xb9\xa4\xc1\xa8\xa0bp;\xea\xd4\xcd\x86\x81?\xd5\xc4\xc0:c9\xc3\xbe\xbcW"\x18\xed\xc1\xae\xa7\x90B\xcd\xb7\xb1\x80rk#l`\x9a\x7fs\x03\x1b\x14wx;\x16aU\xa4\x868\xe6\xc7\xba\xc1\x9a\x8d\xf5\xe3\xdf\xc2\xd5\xd6\xfb\xbf\xaf\xb2\xac\xa8\xced\\\xc0\x9a?\xc3\xca\xd1LyH\xea\xc3_\xbdXR\xf0\x80o\x99\x9b\x9bU\x8d\x85\x9c\xbc\xbc\x88\xad\xacs"\x1eg\x96\x94\xae\xb3\xb82vk\x99\x8bB%eAF{wy\xa2\xa0\xb6\xb3d\xb1\x8b\x80i\x83K\xaeNI}5-\x9f\xac\xb3&lt;V.\x9a\xa2Y\xa0BA\xdbpi\xe0\xbaT\x91\x8e\x8d\x1d9(\xcf\xb0P`\'\x1f\x8a83\x97\x818\x82\x91R\xd8\xb2\x9f\x1dID3XV\xad\xa5Tf~~\xce\xc0l\x86o*dV\x1f\xe5\xbe\x9c\xe6\x80|e\x00\x00 \x00IDATx\xda\xc4\x98]O\x1a\xe9\x1b\xc6{\xd4\xccA\xb3\x99\x80v(k7\xbcU\x0c/S\x06\x17y\xb1J\x0c\x12\x17\x95\x01\x04\xb1V\x16\x10PyQTTR\xa9\x82)jE\x14E\xe3K\x0c\xae\x86\x1a\xf0\xa0kl\xd2\x1e56Y\xd3\xa3\x1ex\xb8_`\x93=k\xb2\x07\xfb\x01\xfe\xf73\xb8\xf9\x7f\x01\xb0\xb73J\x80\xc4_\xae\xfbz\xae\xe7~\xe6\xde\xbdj\x14\x06\x17\x0f\xcah4\xae\xdd\x7f\xb8\xf6p\xcd\xc8\xc3\xb0{\xdf\xb50\x0c\xe3\xad\xdd?9:\xbe\xba\xba\xbay\xfd\xa1p](\x14\xbe\xdd\x1c\xaf}g0\xccxt\xf3\xed:\x9b\xcd\xe5"a:\x10\xa6i\x8a\xc6\x03\xd9l\xe1\x93\x11\xbb\xf7\xdd\xc00\xde\xf1o\xb9\xb2BA\x06\t\x82\xc5"X\x14M\x0bp\xdc\xc4\xc2\xa9H\xe1\xea\xc4\xf8\x9d\x14\xc3\x8cW)\x8ali!Y$N\xe38\x0b\xc7)\xf8M\xe2\x14\x81STn\xf5\xf5\xf1\xda\xf7\x90\x0c{z\x93\xa5\x88 I\xb0\xc2\x14\xe8\x84\x07\r$\x85\x93H7\x9c\xc0\x15\xacp&amp;\xbf\x04&amp;\xe3\xdd1\x18vT\x08S&amp;\x01M\xb3X\x14\x85C\x1b\xfd\x12\tI\x18$\x04t\x93E\x92-\x06B@g\x97\xde\x9f\xdc\xa9\xfbQ\x03i\x82\x85\x87\xc34N@\x05\xfd~\xbfD$\xf1\x1bD\x12\x16\x01\x8d5\xc0\x0b\xd2D\xd0\x91\xd4\xcd\xfd;\x043^\xe5\x14$x\x88\xa6\x08\x13E\x0bL\x00f0\x18$\x12\x89H$iA\x7f\xe1\x95$h\x08\xd2x\xe4\xfa\xe6h\xed\x8e\xa8x\'\xd7D\x8b\x02Ln\x82\xf2\x9a\x04r\x8d\xcb\xeb]\xf0\x07\x83 \x19\x80\x89\xfa\xe1\x16\xf5K\xa0\xa5-$Ego\x8cw\xa2\x17\xef\xa8P\x06qH\xdc\xe4\x82\xd2p\xb9s\\.Wv8\xb7\xb2\xe2Z\xf0\x97\x10Q\x7f\xbf\x08\xf1I\x98o\x11\xb9\xe3\xbb\xc0\xc2\x9e\x7f+\xa3F\x91\x02\x8eR&amp;\x1cR\xab\xd3\xe9\x89\xfd\x89\xf4D\xbawP6\xb7\xe2\xf2\x82d\xfd\xfd\x152\xe8\xa5\x81 \xa9\xf7w\xb0 \xb1\xb5\x8fY\x16\xc4\xd5\x82\xebP\xbd=&lt;\xbc8\xecfjxq{{?=(;&lt;\\\xf1\xfaK\xa2\n\x172\x1bI\x12\x85\xb5\xdac=\xfd\x98\xc3YA\xd2{\xa8v\x8f\xdf\xd6\xd6\xd6\xd6\x85\xfb\xe2\xc2\xbd\x08`CB\xa1p\xeeV2\x84\xd5o \xc9\xfcI\xed\xa3\xe1c\x04\x0f\x06\xbd+C\xc3\xe3}}}cp\xf7\x8d\x8f\x8do!6\xc4\x05`\xea\xc1!\xa1\x0c4C\\\x06\x90\xcb@\xf8\x8ek\x1c\x12\x98\xf1&amp;G\x05\t\x8d\xf8\xe5\xf8\x88g\xa4R\x00W\x11\xed\xa2\xc2\xb5\x9f\xeeU\xab\x87\x84\x87\xae\x12Z\x92\x92~\x11I\xbf\xaf-\x16\xc6\xbb\xca\xe28\xa1Q\xb7\xeeLN\x02\x96\x07\x8a\xe1\x82\x02\xbd\x00\x0b\x15\x90M\xf4\x0e\xf6\xc8V\x16\x98\xa8\xe87\x10K\xb5\x8d\x08\xec\xe4\x1ar\x9d\xfb2\x8e\xa8&lt;\x9e\x8e\x8e\x0e\xb8=#\xa8\x93H\xb2\x0b\xf70\xac\x01\xe0\x02\xcdz\xd5C\xb2\x15\xaf\x04\x1a\xd9\xdfB\x9c\x1f\xf3j\x9a\xee\xbfE\xc2\x02\xf1(@Mv\xa0z\x02\xf5\x1f\x17\x12\xecb\x98)\xc6b\xbd\xea\x1e\xe5\x1cc0IKx\xa9\x96k\xd1x\x95\xcd\x08T\xf1\x1ds\xb1\xe3\t\xfay\xd2\xd0\xd0\x00X\x1d\x8c\xc1@.\xe8"J\n\xc4\xb5\x9fN\x83\xbf\xc4\x9c\x8a\xf1q\xdfU\r\xa3\xeb\x08Z\xa8\x8a\x9b\xcd\xa0\xd5\x93[\xaa\x86\x06P\xcb\x03\xf6\xef\x1b\xb9\xe5\x1av3X\xfb\x08\x0b\xb8\x82\xe0y\tI_\x9f`5\xf3\xfb\x9f\xe1\xb0oz\xa7\xd8\xd6\xd6\x06\xcdk@T/^\x80\\\xc8\xf6\x15\xb9.\x10\x142\xd8mNL\x89C\x1c\xc6\xf7d\xf8\xa6Vr\xf1\xaer\xe1\x8c\xb3\xd5\x0cT\xc8T\x8cT\x8c\xb9*I1\xd6w\xeby\xe4z\x845\xd4#\x14\x8bC!\x8e\x1f\xfa(\xc1\xf3G5q=\x86\x1d\xa5\xa8\xb0\xef \xc6\x88\xd5Q\x11\xab\xe1\xd6\xf2P\x90\xa9H\xad\n\x17\xb3\x0fA\xa8\xca\x94\xa1hHn\x00{\x91T\xe1)V\x9b\xc8\x8aPt\xa8\xc9\x0cX|&gt;\xc3\xd4\xf8\xa2\xe1E\x03\xbf"W%S\xb7\x98\xdd\xb1b\xad\xc1\x1e\xb1\x8c\xcb\x05\xae\xa8\x006m\x12\x8f\xbc\xaf\t\xd6\xc3B\x80\n\xabF\'A,~#`56vvv\xbehl\xe4\xf3\xdb&amp;;&lt;}c\xcc\x16\xb4U\xc1\xaa\xacC\x19\xc2\xf2E\xa3QB$j)\x87/k\x10\x12\x18v\x9c\x83\x1e\xce\xb62X|~#T\xe7\xe3\xba\xba\xceN\xe0z\xd21\x89bk\xab\xb2g3\xf1\xd0\xcb`\x1dr\xa5\xd2P\xf4\xdc\x07\xabQ\x11\xc9\xd7`\xec\xc2\x8c\xdf\x02t\xc89\x1d/\xfeG\xd5\xd9Y\xf7\x18\xb8\xd8\x8f\xdb\xdb\x91`;L\xa0\x02\xd7\x16,C4{\t\xa1\x87\x87\x1c\x8eT\x19==\xc5\xa1\x8d\xe5\xdc\xeb\xeaoA\xd8Q&gt;\x90y\xbb&gt;jk\xe3\xb7!*P\xa9\xb3\xb3\x1d\xaa\x8e\xcdF\\\x93\xff\x07s/V\xb0d\\\xce\x1c`I\xa3\xe7\xa9(\x8c\xf6\x8aH\xf5\xa3\x1e\x19&gt;\x1c\xdd\x1d\xb5\x99-Zm\x1b\x12K\xcf\xd7B\xe9\x01\x0cq\xe9\x91^P\xb1X\xdc=\xfa\x92\xc1\xea\x11s\xb9\x1c(\xa9\xef|\xf5\x94\x90(\xca\x81\xa5\xdf\xabo\xf8o\x01\xdf\xdb\xbd\xa4\xc3\x82`\xf8|m[\xd1n\xb7o\xe8\x9a\xeb\xbb\xba\xd8\xecnv\xbb^[\x84\x8d\x12\xb8\xe2\xa3\x8b\x80\xd5\x8b\x9a\xc8`\xc9\xa5\xbe\xe8j\x8a\x96\xb0\x14\x91\xc2\xefUo\xe2\xf3\xeb\xf0\xf9\xeer\xd2\x0ePmZm\xd1\x96\x98&gt;\xd8\xdd=;;[~\xf3\xae\xab\xbb\xbb\xbb\xab]k)\xc2\xfbf\xc0jjj\x9a\x98G\x83\x8d\x92Q\x8b\x03j\xa5\xe8\x96r9R\xfd\r\x08;\xc9\x87O\xf7\x126F,Kr\xef\xc09\xe5\xf3e`\xc8\x11(w7_=\xeb\xeef\xeb\xb4\xf0\x99\xc5\x1ek\x05\xac\x97\x13\xbdj\xa7J\xacDr\xc9Q\x13\xf3a\x92\x15\x08\xe4\x8f\xb0\xaao&lt;`\xf8\x04\xea\xa1\xdejO\x1c8CJ\xa9\\#\x10\x98\x82\x1ayho\xe6\xdd\xb3\xae.\xbd\xd6b\xd1Y\xec\xb6\xd1\xa6\xf5\xd9Y\xe7\x94S\x05XJ\x06+\xca`Q\x91@\xae\xfa\xb3\xf3M8z\x96H\xda\xadZ\xfdFbV\xa5r\xce\xee\x1d\xc0?\x0f\x85TN\xe7A\xe2\xd5\xcf]\xcdZ\xad\xdd\xb2a7\'G\x0f\xa6BrS\xd0$\x90*\xa1\xa4R\x8e4z\x9a\xcagX\x81r \xf7\xa9\xdaX\xd8\x9f\x91\xd3\xbd\xcd\x99\r\xab\xde\x9a\\\x9f\x1fm\xb59\xecvG21000\xbd\x97H$\x7f}\xd6\xac\xd3\x16cf\x87-\xb1\xa7\x92\n\x82\x95\xc3\xbe\\\x9a\x01Q+X\x01\xa8l\xb5\x87.\xccX\xf0\xbd\xdd\xdctl\xe8t\x8e\x81&amp;\x9b]\xab\xafo\x86\xb5gv\xc4\x1c\xb6\xa4-\xe9\xb07\xd7\xd7[\xcd6\x9b-\xd94\x0bT\xe81\t\x8c3\x86\xa0 \x93A\xd6J\xe5\xc3a\xc0\xca\xddTy\x88\xc0\xd6\xae\xa3g\xcb\x9b\xaf\xac\xf5V\x07Z\x8d\xfavv]\xbb\x16\xa2*\x163\xc3e\xb64\xff\xf4S{\xd1\xd6\xda:p0%\x07,\xe6)\t\x1a\x97\x83r\x9f\xeft5\x95\xf5\x01V9\xf0\xa1\xdaX\xcfS\xe7g\x9b\xc9W\xcdl\xdd+\xe4\xaf\xf6_~\xf9\xa1^_\xdc\x89\x8d\xc7\x01\xaah\xd1\xb3\x1f&lt;`\x17\xe3\xe0\xf6)\xb9\x06=\'qy\x83p\xb4\x16!\xaeh*\x95:\xcf\x81X\xe5r\xb5O\xd70k\xed\x9em\xce\xfcZ\xdf\xfc\xe8gk%\xdbuV{,\x1e\xdf\xda\x8a\xc7\xec\x16\x10\xef\xc1\x0f\xed\x93\xa3\xbdB\xa5\xc6$\xd0p\xb8b\xf1\x94J\x15\xe2\xb8\x0c\xc0\xe5[]\x05\xb9"\x88\xab`\xac\xf6\x8e\x98:[\x9e\x99yT\xdf\xdc\xa5\xdb\x00,\x0b(d\xb7\xb5no/\xba\xe36\xbb\xae\x9e]WW\xc7\x1f\xdb\xeeY\xf1.,\xb88S\xb3\xf3\x13\xd3\xd3\xd3\xeb\xb3*\xcd\x82\xc4 8\xbd\\]\xcdGr\x91r\xf9\xba\xdaj\x1d\xaf\xee-\xcf\xbc\x81xz\xb6a\xb5Z\xccf\xb3\xc31\xb3&lt;=\x9fNo\xbb\xe3\xe6\xe6\x1f\xd9u\x8d\r\x9e\x8b}\x99\xd7\xef\xf7k\xa6\xd6\x07Z\xa1 \xc0\xd4bM\xd0\xe0\x8f"\xb9"\xb9\\Y\x91\xafv\xcc\x1f\x7fY\xde\x9cy\xf3\xa8\xab\xab\xd9\nX\xb1\xd6i\xa7/G\x13.\xaeP\xbd\xbde\xd1\xd5\xd7\xc1Ac\xcc\x9d\x96yK%\xbf\xc6\xb9\x9ct8\xcc\xb6\xd6\xa6y\xa7\x98\x03\xfe\xcf\xac^^\xa6r\xa0\x96"[\xe5\x98\xe7}\xfa\xb2\xfcu\xe6\x1d`\xe9\x80*\xae\x9e\xe3\x9e\xb6D\x14\xfd"\xff?\x7f\xef\xc7a\xa0\x80Apd|8\xfd\xf7\xe7R\xa9\xa4q\xee%\x90Z\x805\x04X\xde`\xe6\xf2\xcb\xd2u6\x1bQ(R\xcf\xab\x8a\x05c\xcd\x97\xbf\xbe\xbe\x01\xb5tz\xab\xa5\xcf\r3\xf1\x99\xdc/\x12\x95\\\xa1\xc3\xc1\xb1\xc968^{\xfa.\x16\xd5\x87\x9f\xfd\xa5\x92W9\xdb\x04\\\x03\xd3\xbdN!\x17V%\x91\xf9\xb2\xb4t\x99\xcdB\x13\xab\xec-\x8c\xf7\xc7_\x9b_aV\xa8\xd7\xeb-\x93p\x9e\x18\x8b\x8fN\xcf\xc3\xe9tP\xbd\xef\xee\xf3x:\xe0\x10;r\x01\x8e\xff\xbc\x80\xba\xa8\x9a=[^\xde[\x1fTj4\xa6\xa0\xd7\x14\xfd\xc0`A\x13/\xab&lt;\x9e\x1a\xff\xf8\nb\xfd\xdb\x85\xc6\xbd\x8e68\xafN\x8e\xec\xc4\xd1S\xa3\xe1\xf1\xbe\x11\x0f:\x9d\x81Zi\xe1\x8a\xcb\x0b\\%\xbf\x00\x8f\x04(\xf9\xffh7\x97\x9f\xb6\xb2$\x8c\xb7di\xc4\x02!\xc4\xc5\xc2\x0f\xae\r\xf6\xd07j\xdb\x11\xf816\xf8\x81\x99\x10\xf9q!\x10\xc2\x90\xb1\r\x81\t\t\xcf\x06{L\x1b\x91\x10\x82u{\xcc\xa3\xc9@\x9b&lt;\xda\x8a\x88\xd3\n\x11\xc9\xc2D YX(j#"6\xb4\xe5f\x13o\xd8\xa2\xb0H6 e9\x8b\xa9:\x86\x99\x7f\xe0R\x02\xc4\xf2\xa7\xaf&gt;\xd7\xa9\xaas\xac\x02\xa9\x06.\x0f\x94\x8dr\xf1\xf8^4\nX+\x15&lt;\x9f=\xbb@5+\x16"U\x15\xb4\xf2\xd6nh\x90\x97\xde-\x05\x97qmSU\x0e\xa0\x04\x0b\xea\x03\xa4\xd1\x15}\xb3\xf8\x06W\x0f\x0f\\\xbd\xbd\x97\x07\xce\xb1J\x8a\xf9\xde\xa1\xe6\xb1\x1c:\xa0j\xc0\t\x03\xc0\xacV\xff\xabWV\xb2\xb4)\'\x83\xe2-\xc4\x02.\xa8\\\xf35\xf9\xdd\xe9Zo\xd9\x95\xde\x81\xf9$\x17\xdf\x9b\x06\xb5\x16\xf9\xee\xb7*^\xa4\x10\xab\xbe\x12!*\xff\x1fd\xb0\x86\x0cB@}`C\x9d\x00\x05\'\x8f( z\xb0\xf6\xdd\x95+\xdf\xad\xf5\xfe\xa5\xb7l(\xce\xc5\xc3P\xb9\xde,&lt;\xe7\xbb\x0b|\xf1\xf5\xebl\x82\xaa\x07\x10\xef\xd9\x90\x0f\xff\x9e\xafl\xc0\\\r`\xf9g\x1eu\x04\xb0\xd2\x9d\xa6\x90\x9ae%\xa6H\xe7\xc0\xc0\x95+\x80\x15\xe6\x92\xe1\x0f\xd1\xe1\x9ai\x9e{\xf9\x82\x8a\xe7\xbb\xb3c\x16[=\xce\xd1^\x1c\xf1a\xc6\x07K\x81R^oC7\xfc\xa1\xbd\xddKSM\x8c\x08\x92\xd8\xd3\x19\x91\xa8\xd5J\x98\xc7L\x9d.0W\xd9\xb5=.\x19G,\x9eW\x95\x15ss/\xf7\xe1\x9c\xb6\xd9\x1ai\x0c/Y\x1f\x91\xa5\x8d\x97\xae\xea\xf6\xd2\xb4&lt;\x9bmY\x9a22\xdaH\x1e\x8b\x81\xd9\x95`)\\\x97\xcb\xaem\x80ZP\xe7\x879^\x1d\x7fu{K\xbc#n\xd7\x0b)\x8a\xb6\x93\xf0\x924\x82H\x8d\xb4\xb7\x9c\xb6\xd3U4`\x8d?ca\xb4\'X!5\xc3\xb2(\x97B\xa1q\xb9\xae\xcdp\\|eza\x81\xd7a\xbfb\xbb\x16ld\x85\x06\x94\xa2\x9c\x84\n\xe4"\x1b7\x1a\x88\x1a\xedrg\xed\xabF\xca\x16\xec\xf3\x84"&amp;\x15\x98\x1e\xb0b\x0c\xeb\xf3\x19\x94\x8cV\xa3\xd1(43\xc9dre:\xca\xaf\xb5\xd6\xfd\x07\xef\xbct\xa3\xdeB\t\x9cN\xbb\\n\x87,b\x1e\xbd$\x9f\xb4\xdd?"2\xb4\xd77\x9b\x9bb\x11\x91D\x8brEB!\xb5\xd2\xe7\xf1\xf9\x940 \xa9T\xf3\xabI.\xfcaz!\xceg\x0e\x0b2\xb9\x836\xaf]\'v\x08\x04\xce"\xa0B\xb9\xec\x8d\xe82\xd0\xcaF\xfb?\xad\xfd\xed\xcf\x9e\xe6\xf1\x11\xa6\xa7W\xe4Q\x06:{!\x8b1\xb5\x92\xf5y`\xde\x1f\x84\x18\x05\xac\xf8\xca\x87\xe8o|\xce=\x05Or\xb9*\xdan\xb18\xdc\x02A\x91\xbcP\x0e\x82\x01\x1bM\xb0ho\xe5?N\xd3k\xb1w\xfd}\x9e\x1e(\xa0\x83FF\xd3\xfb\x80`\x01\x97\xcf\x07]j`tt\x06\xb1V6xm\xb6\xae\x02\x96\xd7nw\xe4\xb1\n\t\x96\x1d5#X\x95\r\xef\x0e\x0e&gt;\xf5\x97/\xf7)\xd7\xa0\xac\xabG\x18E/dQ\x02X\xc0\xc52\xea\xc1\xc0\xdb\xb7\x8f\x8f\xb8\xf0\xcaJ\xfcO\xbc:&gt;\x9b\x83\xc2dsC\xaf\x05T\xa0\x16\x8aE\x1c\x86d\xde\xb6wm\xe0\xfe\xca\xe5)\xec\xb5b\xff\xbc$yp\x8e\xc5*}J\xb5V;8\xfa\xeb\xc6\x11\x94\xf9\x15~\x0f\xc4\xab\xd9\x1cT\x03j\x0b\x1af\x01\xcc7\xf2\xb3 \x16\x83(o(\xa7+k+\xfdf#\xab\x8e\xb1?5u\xaeA\x12CD,\xac\x11Z\x89jtu\x0f,\xcf\x85\xf9\x9d\xf4\xe7\xe8\\9-\xdf\xd9\x12[,B\xaa\xe8\x7fX\xf23\xacF\xdaV_k\xb5.\xf7O4yB\xe9\x10P\xf5\x9c\x00\x152\xb1XRE\xaa\xdb3G\xbfs\xf1d\x92\xdf\x93g\xce\x9b\xb3g\x0b\xdd\x80\xe5\xa0\xa8\xb3,f\x11\xcbI\x93\xbd\xa9\x15\x9a\t\xbf\x7fy|\xaa\x89\r\xa5\xe1@\x84Z\xea3\x1a=&gt;\x00c\x80\n\xb1\x92)\xeeC\xfc}\x01\xafj\xad\xdb\xbc\xd9\xac\x13\xd4\x12[t\x94Lv\xae\x97\xd3IV\x80\xaf\xacV\xd0\n\xd7m\xe6\x1fY\x06\xea\x15\xc3(=\xf7Fp\xa3\xcb*\x19\x89\xc8d\xd2\xdc\xde\x00\xac\x85\xf8\x8b\xe7\x7f\xe7\xb3\t\\\x07\x83{i\xc4\x12\xeb\x84R\xa9 \xcfUX\n\xb9k\xa9mi\xb1Z\xa1\xd9Y\x0e./\x8f\x8fx\x18\x89\x04-\xe5\x19\xc1\xfd\x96\x8f\x88eRhn\xefq\x9b\xdc\xf0\xfcBt\xe37\x1e\x8f\xeau\xb9\x17Nc\x82%\xb6H\xa5R\xe2\xfaB\xaa\xae\xae\xae\xb5\xae\x0e\xc6k\x9cz\xda\xbe\xef\x0f.M4\xb1j8\xa3\xa1\xc1\xbfw\x8e%\xd2(\x14C\xa3\xe1\x14`\xf5(\xb4\xb7\x7f\xe5q\x91\xb4Nw\xe7rw\x11KO\xb8dPR\x0b\xedB\x84t\x0b(\x1b\xddX\xe9\xf7\xfb\xbb\xfb\xa1\x0b$\x9bxH"\xc8\x85\x97\xaf\x06\x06\x8fj\xc5P4\xccm\xa6\x86;M\x91\x93\x10\x8f\x9dM\xa6*\x97\xcbu\xbb\x89ZbPK*\x03\xdb\x17a\xd1w\xcbdT\xad\x7f\xf9\xcb\xc1\xc1\xc1\x97[x#\xe6\x81\xaa\xaeF\xbd\x9a\xee\xa1XZ\x11P)4\xd1p*\x95ZT\xa4\xd3\'\x87?\xf0\xf7i\xccP\xb4\xb7\xff{\x07b\xe9Q-\x0b\xb8\xabH u\xb8\x1d\x0eGm\x10\x98&gt;b|&gt;=e=Fp\xb960\xc8h\r\x80\xa8\xd4\x8ap\x8b\xa9\x18\x9a\x0eo\xa66G\xd3\xe9\xf4!\xafX\xd9\xac\x9c\xaeto\xe9!,\x98F8\x82\x8a\xa4\x0e\x8b\xb8\xf5Q\xf3\x120}\xc2\xf8|z||\xcabM\x00,\xadHk\xf0\x19\x18\x95F\xe1r\x15\x17\xcf\x03\x16\xb79O\xb0^_\xe5\x15K\x0e\xe5\x14\xa8\xc4y\xdb\x0b\x04\x02\xa9\xa5\xebQ\xb3y\n\xa1&gt;\x938=&lt;\x86\x80\x92\xa0\r\x18\x065\x1a&amp;\xc0\xa0X\x80U3&lt;\x13\xe7\xb8?\x14\x90\xc2\xc3\xc3#\xfe\xce\x9f\xf5\'\xf2&lt;\x968O\x85\xae\x97I\xf5\xad\xb5\xcdS\xcf&gt;~\x04_\xa1b\x80ur\x18\x8b\xa9\x99\x98$\xd0\x11\xd0\x98$Z\xad\x16\xc5\x02\xb5\x16\x11\x8bSDB\x80\xf5;\x7fXsY;Tu\xf8$\x12\xae\xff \x96\xdb-\xd5Q\xb6o\x1b\xee\xf6\x7f\xc9\x07\xa0\x11\xb2P,\x16c\x0c\x01\x91I#\x81\x92\xe5"\xcf\x17\x177\xe2\xf1\x14\xd7\xd3)9&gt;&lt;\xdd-\xe0\x15\xcb\x9e\xc7\xc2\nA\xd4r\xc3\xf1X\x8a}|\x03\x14\x8f\\\xee\xcb\x99b\xb1\xf4\xc9\t\xc3\x1a\x0c*\x85F\x02\xceR\x14C\\C\xacM\xae3-b\x0f\x8d&lt;v\\\x15O\xe0P\x96\xff\x15\x93\xa8G*\x0b)\x12\xb2\xa2R2\x02\xc1\x04\x84\x9a\x11\xb5\x8ec\xa1\x93\x08c\xec\xe8\x18\xd4\x984HU\x02Xw\x166\xc2\x80\x15I\x87\x8c\xc7G|.l\xd6A.\xa2\x16x\xde\x82}\x84\x10\xb1\n\x91\xab\xb1\xb1\xb2\xca\xbfD\x9e\x8a\x9cq\xc5bJ\x03\x9a\x0b\xb0\\\xe4\xc5\xe7\x10`%w\xe3\xe9t\xe8\x07\xf6=\xaf=D&amp;[H\xed\xec\x10o\xe5\xa1\xa42\x81\xac\xc8^\xe8t\xd2t\xfd\xab\xa0y\xea\xe7\xa9\x89\xa9\xa9g?\xfa\x8eC\x91\x90D\x120\x04p\xde\xc1\x0c\x16\xd7\xd4\xdc!X\xd3\xe9\x93\xd8/Oy\xde\x9c\xce\xadg2\xfbD-\xb1^\x08\\2\x19\x94\xae\xc2\xd2R\'E\xdbZ\x96\xc7\xfb\xfan^2\x9b\xfbF&lt;\xea\x18P\x89\xb4\x81\x80\x8aP\xe1\x03\xd9\x9a\xa1\x85\x0fa\xee\x0f\xd5ID\xfd\xf4=\xffw\xc2s\xfb\xe2\x04\x16T\x1dP\t\xb0\x8f(r~\xdbX\xe4\xa4l-\xfe\xe0\xb8\xd9l\x1e\x1f7O4\xe1\r\xa2$$\xd2jU&amp;WY\tQ\xeb\xcePt#\xbe\x19\x8fDB\x86\x14\xff7\xe8\x05\x15\xdb[\t\xe0\x12\x13,!Vz\'4\xa7\xa5\xb4\r\x0e\xc5\xe0\xf5\xeb\xc1`\x10\xe5b\x19\xbcA\x84\xe1PQVR]\x02r\xd5\xdc\x19\x8e\x86\x93\x9b\xd3\xa2A\xd1\xe3\xcc\x05&lt;\x1b)x\xb9\x95\xe8\xea\xd2\x93\x1c\xa2Z\x14U\x8a\xd6*\xb5A\xff\x10\xc4\xbb\xe0\xfe\xf1\xbe\x89&amp;\x1f^\xb8\xc2\x08\xabq\xe1#\xe2\x12\xc0\x1aZ\xc4\x1c\xdeV\xbd~\x9b\xba\xfa\r\xffQ\x90\xd9\x07\xac.\xbd\x0e\xe4\xc2\xb0\xc1\xe0\xef\xa4\x9c\xd05[\xef\xb6\xf5/\x8dC\xf4M\x18=J\xc8!\x90)\xca\xca\xaa\tV\xf1Pt%\xb9\x19W\x88^?~\x7f!ol\xe6\xf6\xb7\x12\x93 \x97^x\x16T\x91\xddYJ\xdef\xb4\xb5\xe1C$\xf3\xcd\x11\xa3OM\xee\xcc\xc1Y\x10\x98\xc6\xe2\xe1\xe9\x8d\xe4\xe6L\xa7\xea\xf1\xd1\xf6\x85\xbc\x19\x99\xdbF,\xd0K(\xac\x13\nu\xa0\x9a\xc0\tXV\xd2\xc8\xf7/\xdd\x9a\x9a\x80\x96\x94\x85\x14\xaa\xb0s P\x98\xc4\xe1\x99\x15\x8e\x1b\x15\xa9Vw/\xe6\x19\xde\xfa\xf6\xfe\xd7\xc4d\xa2K\xdf\xda\xda\xd5\xaak\x85\xb6\x9e\x82\xa8oiii\xc6\xeb|\xf3\x04\xde\x9a+a\xfeRI\x08\x16\xf1V\t`\x85S+\xaa\xc1\xc1\xd5\x8b\xc9\xe17\xeb\xfb\x80\x95@\x7f\xa1duu\x0e\x07TV\xa1N\xff\xe8\xc6\x8df\xbc\xceG*\x1f\x0e\x15*\x11b\x11k\x95\xc0\x898\x13O\x8d\x9a\xb4\x81\xd7\x17\xf4\xaa\x0c\xb1fgg\x13\x89I\x92J&lt;\x87\xf4:\xb1&gt;\xd1\x05X\xedx\xbf\xd3d4(\xc9\xdd\xb4\x88\x88E\xb8\xa0\x98n$wW%*\xc3\xe6\xc5\xe4\xb0`}g\x07\xb1f\x13\x93\xed\x93\x84\x0c*\xbe\xbe\x0b)\xdb\xdb\xaf?\xbc\x7f\xe9\x17c\x07\xc3h\xb5"\x8d\t\xa9\xaa\xcfs\x18\xddKe^\xa6\x8ev/\xeamzfg\x0b\xb1\xc6\xe0g\x0c\xb8\xd0e\xa0\x19@\x8d=|\xf8\xef\xfb7\x7f\xea\xe8\x08\x80T\x1aBU\x9d\xc7*~sgx:\xfc\x1e\xbf+ra\xcf\x153n}\xd7$ \x8d\xe1o\x1elrvrl\x0c\x98\xee\xdf\xff\xd7\xd3\xd5\x8e\x00n\xfe`\xd2\x01\xa9.WWW\x97\x90\xaefq&amp;\xf9\xb2\xe0"_\xe8f\xdc\xba\xd6\x1b\xed\x0f\xff\xcb\xcb\xd9\xc64\x99eq|\xf1\x81\x0e\x06h\xd5\xbe\xe0\xd8l\x071\xc1\xa2\x0bE\x10\xc1\x82m\xa2\xf2\x1a\nm m\x8dK\xe2\x02!\xa0)k\x05-\xc5\xac\xda,\xa3R\xa9q\x02\xa4S\x94\x08\x82Y\xc6\xc4\xa0\xd3\xa9,K\x88\xcb\x80\xc3,\x12\x13\xbe\x00\r\xb0\x81\xf0\x01\xbf\xe0\x87M \xc4\xfd\xb2\xffs\x9f\x07u\x93}\x9d\xa5{Z\n&amp;b~\xfe\xff\xe7\x9e{n\xef\xbd\xf5x\xea\'\xeb\xeb=\xd7\xea\x85\x00UssG_[w\x7f\xc5a\x88U\x00\x03\x93\x93\x81\x15KW4\x8e\\\xb83\xfe&lt;\xb4W\x0b\x86\n\xe5Zp\x11\x85\xa7\xde\xc3\xc7\x8a\xc7\xd3\xeci\xee\xeb\xe8h\xeb\xae\xabhi\xa1\x1e+\x99\x05\xc4\xa2\x9e\xa6\xea\xee\xf5\x1b\x9d\xa1=5&lt;\x84iP\xab\x85^\xd7\x9a!\x0fh\x9a\x9b\xc7i{\xae\xaf\xb7\xad\xad\xad\x97\xb0\xce\x17\x17\xefJ9\x06\xa8c\xc7RR\x18\xd5\x85;7C2\x13~\xda:s\xd2|\xa9\xdcX\xcal\xeb\x00\x0f4\xeacD\xbd\xbd\xdd\xdd\xddu\x02\x15\x8bd8XUUu\xfe\xee\xf5\xf1\xe1\xb8\x90b\xe5\xb4\xe7\xa3\xeb\x93\x1a\xcb\xd9\xc8#\xc1:\xfa\xfa\xda\x88\xa8\xbf\xbf\xbf\x8e,,\xde\xb5G\xa0J\xa1\xbc\xaa*&amp;\xb1\xbe\x1b\n)V\xe4\xed\x97t\xa6@*O+\xbfZF\\\xa0j\xdb\xe2\xaa\xe3\x8fL\xedI\xe1\xb1\x90XG(\xce_\xb8\xf3\xecy\x88\xaf\x15&lt;-\x04\xd5i\x9dT\xa7\x05\x17\xc0\x9a:\xc8A\x04\x19HTGv\xc5\xa6\xa4$\x93\x83\x94\xee\xbf\x03\x16:\xc0\xf1\xd1\xd7\xa1\xc5z]\xa8\x03\x96L\xaa\x93\x7f^^~\xf5j=\xb8\xc0\xe4\xed\xed\xed53\xb5\x8a\xe9v\x14\xa5;\r\xc2]|\x0bX\x05\xac\xa7!\xa5\x8adX2\xb1\x98\xe3\xd2\x8e\x12\x17\xacl\x86\x850\xb1\xff\x83\x89[ut\x0f\xc9\x86\x1f\xaa\xfao\x84\x18+nH\x9a\x90pZ\x96\x0f,N\x8e\xb9\x10\x01\xb0\x0e\xaf\xd9l\xee\xbf\xc8j\xd6\x11\xc2\x12"\x99\x1f\x8e\xc5!\xc7\xcai\xd7\x11\x16Q)\x95i\xd9G\x8dX\x03a2\xba\xd6\xece\x93N\x12&lt;\xc4T\x98\xcc\x8a\x16]l;%`\r\xfe\x1f\xb0\x12dR\xa2Rf\xa7i\x11G\xb5\xc6\xf2\xf2R\x13z\x87\xf4\xd4\xa4\xf8\xd8\x9a\x9ad\x1e\xe8\xd0\xa1C\xa7\x0e\x81\x0bXu7C&lt;\xf5&lt;}\xa9\xa7\x83\xb9d"\xe3\xd2\xa7i\xd17k\xb5\xad\x06\x93)\xcb\xe2nH\xa7\xc5N2\xa3:\xc5\xc7\xb1\xe4\xd8\xe2\x96Pc\xbd.dX\xb2\xfchp\xa9\xe4i:Pe+\xf3\xb2\x8d\xd4\x03\xd2\xd9\xc9\xf4Z,,\xe8b"=\x00Uy\xac&amp;\xb6\xb8\xe2\xe6hH\xe7\x9e\xc8\xa1l\xc2\xc2\xf2&gt;Z%\xe6TJ%\xfaezS\x17\\\xd0\xab\xda\xe2\xf6\x9a\xd3S\xf7\x92\x93\x95\xc9\x95\x95\x955\x955\xc955\x05\xc5\x15\xcf\x86sB;\x10\xe5\t\xfb\x99Z\xe2h&lt;T*N\x99\x9d\xad\xa4\xc3\xb9ZckY\x16\xc3\xbax\x18\x1d\xe0\xb9\x9a\x9as\xe7\n\xce!b\x0b\xe2\x8b\xeb\xc6C\x8b\xc5g|\xc2\xe9|\xe2\xa2\xe0\xa4\x80\xca+\xcc\xcd\xcdCS\xe1\xb1;\x1b\x80\xb5\x0fX\xf1\xf1\x99\x99\x99\xf1\x99\xf1to1&gt;\x89\xb0B\xd8\xd7\xa0\x91\xd7\t\xb9\x95\xcf\xa8H0P\xd13\xad\xb5\xac\xc9\xdd`\x06V--/\xb0 \xc3Rq/\x03+\xae\x18\x7f\xdeu;t\xbd)j\xbc\x9ea\x9d\xceg\\*&lt;8N\xca\xc1\xc5\xdc\xbcV\x93\x85\xa8\xd2\xc1\x95*\xc4\xbe\xbd{3\x7f\x19\x1f\x9fT\xf1l\xf0\xbb7\x0fC\xb3@\x8c\x8c\xbb\xad\x19\xca\xd3\'\x08j\xe5G\x7f\x01\xb1h\xc7@*\x95\xcb\x0b\x0b\xb3\xcb\xaa\xa9\xd6\xa7_\x04\x16"\xf5\xe0A\xdaE\xbc|\xf9\xcbx\xda\x1b\x1b|\xf0 \x10\x9a\x8b49\xd6\x91\xe7\x7f\x92\xef\xa7\x94\x97\xc9~.\xe4\x96\x8afGN\x95\x97\x97\x97Vf?\x93Nq\x11j\xd5\x1e&lt;\x90~\x96\xf6\xa0\xbe\xbe\x9c\xf9%\xb0n\xde\xb8\xfe\xfd\x83\xc0\xc3\xed\xe7\x8a\xcc\xb1\x0e\xaf\xac\xbc`b\xc9\xa8B\xf0\\b\x04\xd2^\x9e\xa6-\xcdr\x92\x83f\xe6c\xfa\x99\x0c\xda\xf99\x00\xb92i\'\xb1\xfb\xe6\x9d\xeb\x0f\xd6\x16D\xdbO\xa5\xe9\x1a\xec\xeb;\xaaO\xd8\xaf\xe7\xcb\xa9\x90\xf4pQ\xcc)\xe5\xda\x92K\xd5\xce\x06\x8a\xa2\x0c\xb3\xf9\x0c\xa8\x10\xb4\x19\x0c\xb9\x80\xd5\x7f\xe7\xee\xf7k3\x81m\xbf\xb1\x12\'\xea\x1c\x9dl\xeb3\x02\x8b\x99Hb!\xb1\x18\x95X\xacTj\xe9\xac\xa7\xd7\xe9v:\x1b\xa0SFFQ\x91\x93.r\xf2r\x1d\xae\xa8\xbbp\xf7A \x10\x18\xd9\xee\xc3\xb9\n\x88\xb5\xd2\xdbf$\x13\xf9\xce\x86\x82\x99\xa8\xe2\xf2\xa5zc\x89\xe1J\xb5\xdanw;\x8b\x8a\x8a\x1a\x8a\x8al6\'\xbb`J\xfb\xaeII--G\xbe\n,\xac\xce,\x88\xb6\xf9\x00%\xb0nut\xf7\xe9\x19\x16\xe5\x96X\xc5\xb0\xd8X\x14s\xba\xe3\xa5\x06L\xd5j\xb5\xddF\\\xce\xdf\xda\x1a\x1bmN\x86uy/\xb0\x92\x8a\xd7F\xfc\x0b3o:\xb7\xb5HD*\x805\xd9\xd6\x9f\xa5\xa7\x00\x17M\x8ab~,b4\xaa\xa4:\xbd\xe1\x92)\xabZ\xdd\x08,\x1b\x90\x1a\xef5\xb2\xfd`\xb6\xa5\x9f\x99t8\xe9\xab\x91\xa9i\xa85\xd2\xb9\x9d+\xfe8\x86\xd5]\xf4k\xbd\xfe\xb4L/\xa3\xb6\x196\xaax\xa8/r\x0bUHy\x83\xe9J5\xe4\x02\x0e\xa8\xf0\x8d\xde~#\xb5\xd8Q\x83\x96\x80\xcfGX\x0b\x81N\x9fh\xdb\xc0r\x14\nQ\xe7d\xed\xbd\x13z\xbdNOL2\xacay\x0f\xa3\xc5\xb9\xb9\xb9X\xff\xb7\x92\\d#\x90\xd4\xeaj\xd8\x89\xe4\xa2\x0bQ\xfb\xf6\x1dN\xad\xbd\xde\xe5\xf2\xf9\x033o\x02k\x81\xcdM\xff6\x81\xc1C\x85\xc8:\xf8\x8b_\x9d`Lr&lt;\xa4\x9c\x98\x13\xe4"\xaclmk)5\x82\xd5\xc4\x84\xf8\x8d\x9a\xbdWy\x96\x8e\xe0\xa5\xd6^\xac}c\x05\xd6\xccL`fmfs}#\xb8-\x1f\r\x81\x84\x07\x96f\xd8|\xef\x04\xdae\x19\x1f\x98\n\xa5|A\x05Ua\x9e\xb1\xb5\xb5\xb4\x8c\xb0\xd4j\x8b\xc5BI\x86*\x86\xaa\x7f\xe0 \x1d\xe4\x7f\xf6\xd0\xea\x9aZ \xaa\xb57\x81\xf5\xb0\xb1Y\xff6\x80E\xc2C$W\xe7\x8a\x8d\xb0\x80\xc3\xc9\xa5\x9c\x92\xe3d\xb4\xe1\x13\xad\x02V\x1e\xd4\xe2\xb1,\xa4\x15oaQC\xc6Y\x9a\x8a\xd2\xcd\xbd\xa3\x1a\xabkz5\x00\xac\xc0\xc2\xf4f\xc4\x84dbv\xd5\xf5\xbf}\xfaN$\x13\x8b\\\x1cv\x1b(\xd3\xd11HeR\xf6\x82\xd9PL\xad\xcd\x07\xb5\x18\x95\x9a\xb4r\xa2xe\xb09\xd2\xdc0n\xd5X\x91\xf1\x01\xb8\xb80\xed[X\x97D\x84I&amp;\x16\x97\xfdV\x80\xfd44\xaaX\n\x1eK\xd39\x99%cs \xc0\xa0\x99\x14F\xd2\xe6&gt;\xc7a\x9e\xa6\xf7\x99MW\x80\xd5\xa8\xb6\xa8-\xccB\xa8\x85\t\xd2\xdc\xe0u\x8f\x8a\x80\xe5\x87ZD\xe5\xf2m\xc6$&amp;\x86\xc5\xc48&amp;\x16\x83SV\xc5O\xd0\x0cJ\xb9\x82A\x11\xa3\xc2?=\xdclT!8&gt;\xa4\xf4\xa2bm\xcd\xe7\x94\xf1\x97x\x0fAe\xb1;\xbd\xf0\xd0\xeb\xa59\xd2k_\xd1\x08X\xab\x0b\xfei\x9f\xd5:\xbd\x918\x10\x11\x11\x11\x16\x13\xee\x18[\xda\xd2\xec\xbf\x80\x8b\x8c\xd3\x04\x17\'f5&lt;\x96\xc8\xda9h\xe2T,\x94\x9cX\x80\xc3\xbaL\x8e\x15\x19-|\x08\xcb\x82\xa7Ems:\x9d^\xa7\x17\\^\xb7\xdd2\xac \xac\xe9\x05F\xe5\x82\xa1\xd3\x1b\x03\x89\x89\x89;@&amp;q\xc0\xcd\xf9\xb9)Q\xce\x7f\xca\x86\xbf\xa3\x98\x9a\x9dp8\x1cs9\x8c\x8a\xe4\xf2@\xae\\P\x91db\xd6k\xe1\x0fX\xc5\xc2C`]\xc9\xaa\xce\xaa\x06W\xa3\xddms;\xdd^7A5MZ\xe9W]S~F\x05,\xdf\xe6@\x0fqA\xb1\x18\x89$\\\xe2\x98\x18\x9b\r\xce\x11q\xce\xbf\x05\x83\x7f\xbe\xe51G\x14b&gt;\x87WK\x03\xb9\xaea\xe0\xf1An\xb2\x16P\x05\xb9\x8cH\xf8\xb2K\xa6+\xb4\xd1\t\'m6\x9b\xdb\r\xb5\xdcv\xb5\xa5i\x18\xbf\t,\xdf\xf44\xd3\xca\x15\xdc\x18\xe8\xe9\x19\x18`X\x111\xe11\x0c\x8d\xd8\x16\x97\xe6\xa7\xe2\xfe\x15\x18\x98DS\x02\x94D2\xaf\xd8\xc2ruy\xcassO\x9e\x14\xb8\xa0\x172\x8c\\\x84\\e\x06p\x91b\xe0\xb2\xab\xedn\x16[b\xb9|S~\xc4\xdc\xea\xf2&amp;A\xf50.\x86\x15\x13\x16F_x\x89\x01\xdc\xd8\xbc\xdf\xfa\xcf\n\x07\xa04\xfeY@IX\xec\x9eU(\xac.R\x1f\x192\xea\xc9;\xc9\x87 \x18j\x98\\\x97F\xf5\xc1`0\x98.1\'\xa9\x93@\x8f\xe3\xf6\xda\xd5MM\xa3"\xdf\xdc\xf2\xd2\xfa;\xc4@\xcf+\x8aO\xb1"vF\xec\xdc\x19\x01\xac0z\x01\x99c)\xe8\xfbG^"\xa5\\\xc1\xa5\t\x92I\xb2;&lt;|\xb7$|I\xb3\xbc\xb14\xbf\x1c\\\xf5\xfb\\]\x93W\x05\xac\x97L3\x95\x12\x03Qgl-i-!\xaeRr\x92n\x052.\xb2pr:\x08\x81^\xfd]\x10\x15\xe5\xfc\x8e\x08!@F!\x80\x8d\xcd\xce\xb9&gt;~:\x16?\x14\x90\xe7\xcb\x8b\xc8s\xc7\x16\xd6\xee\xf0\xc5\xb9\xf5\x81\x81\x88\xa5\xf9\x99U\x94\x9d\x11\xcf\x8b\x93\'\xdb?(\xa6*\xe4\xe4\xf0\xf0xIII\xe9#\xc3#\xba%e\xcaj\xaaVw\xd8;\xec\xd0\xea\xd6\xb0ouI\xb0\xed\xd5\xabC)\x05\x05\xbb\xf6\xa4\x90p\xef\xf8\xa1(\x08F_a&lt;_\x18\xe5\x9aclyJ\x14\'0\xc5\xc5)\\\xfe \xb9\'\xd8\x87\xc0OQ\x13\xcb\xeb\xf4\xff\xdb\x08\xa2\x14\xba\\\xcf\xebO\xb6\xb7\x7f\xe4R\xd2V\'\xc3*y\xf4\x08O\x8c\xc8\xa6&amp;\x8c\xc6\x0e\xb5\xa5\xf9V\x97\xd5\xe5\x9f_O$i\x06\x06z\xde\xfd\x15\xf1\xf6\xed\xdb\'\xbf\xff\xf1\xc7\xbf\xfc\xf0\xed\xb7\x8f\x19\xd7g\x02\x9c\xf0=\x8c\x97L\x02\xc9\x00\x95#rM\xcd\xcd/\x8dM\xb04\x8f\x92D\t\x01\xd5\x1c\x8e\xd9\x8dW\x94\x0b\xebKs&gt;T\xaf\xc1\x17\xed\xc4\xc5\x93\xe5R\xbe\x13\xd6#\x02+i=\xdej0]kj\x82\x8fM\x93\xc3V\x94\x85yR:b\x07\xc0\x12\xdf\xbd\x7f\xff\xfe-\xc9\xf4\xc3\xfd\xfb\xf7\xff\xf8\xe7?&lt;y\xfc\xf8\xf17\x9f1\x9co\x9e\x80\xf6\xf1\x16\xa1`\xe6\xcf\\s\xcb\xb3\x8b\x13Q\x92\x8f*I&gt;A\x8bZ\x9c\xedI\x84\xd2;\xc3$\x8b\xc1\xbf\xb5i\xc6\xaem\xe3Q\x1c\x97t\x92\x85\xa43FC\x03!\xd0=\x93\x87tiz\xb4\x10\xb8+d\xa9\x0f:d\xe9_\xd1\xc1\xd0\x9b\xb2w\xcc\xd2\x98\x12:\x88"\xb9\xc7\x81\x02\x87\xa2\x13TG@V\xc0\x83\xb1\x87$\x98\xd89\xa3!\x06s\x06;\x87I\xa7\xfb\xbe\xf7\x93\x94\xf6\xb8_lKv\xe4\xf8\xa3\xf7\xfd\xbe\xef\x13I\xea?\xee\x9d\x9c\x9c\x1d\x14\x05\xfbi\x83~\xbd\xd5h\xbcx\xf1\xf8q\xe3\xd9\xb3m\xfe{\xd0\x93\'o\xde\xbc\xfe\xe3\x88Ra\xa8}\xf8M\xd1\x14\xc6\xda\xbc\xf9\x92.|E\t@\x95xQ\x90,\xd2Q\x18D\xae\xae9I\xdcj\xc7\x19\xe0&lt;\nY\x81V\x95\xae:B8U5qC\xaf\x9a\xf9R\xf1\xd44\x9d\xf1\xdf\xf0\xa7\x82qa5\xaf\x8f+k\x95#\x06\xdb!\x93\xed\xd2\xffQn7\x00\xf5\xf8\xe9\x03\x0cJ\xfe\xb3\xcb\xcf\xafo\x0f\xd1\xb7\xf5\xee\xf5\xe6\x07z\xa7\xa0\xda\xdctn|g\xd3G\xa9|W\xf7\xd3\xb4\xb5H\xd2v\xdb\xf7\x92\xb0\xd7N\x83\xc0\xf3F\xf8N\xe98Y\xe2*\x01\xa1\x9a/\x99\x97a\x18\xae\xe3EQ?\x8cC\x97,\x8a\x86\xb1\xad\xe6\xb0K\x97\x13\x02\xec`g\x03\xa5jlo=\xd8\xde~\xfa\xdd\xc3\xefQ\xbc\xb7\xbf\xbc|y{\x821X\xaf_\x9c\xe2]\xbav\x8fEK\x89\x82\xd0\xd7\rg\x84\x9a-B\x14)J\xda\xed^/\xf6!c\x18\x8f\xfcBIM\x93\x98\x8a\xbe\xb88&amp;\xe3\xc9\xae\x13e\xcb,\x1a;\xd1|\xber\r]\x07&amp;\xce\xc1F\x9b\xec\xd3\xe4\xe6\x92\xa1Z\xaf\x1a\x8f\xb6\x9e?\xdf\xd8\xe0\xfc\xdf\xd8z\xf4\xe9w\x01\xb5?\xfcG)\x16h\xe8\xa6\x90\x9e\x8a\x02C\xe9^\x0c%\x930\t&lt;\x17Xm\xec\xc4\xf0[\xe2\xe5f\xcb\xb1TZx\xb4y\x07p^\x7f9\x9d\xcfV.\xaa\x06\xac\xd81xQ\x07\xab0\xdb\xc5^\x85g\xf7\xc9\xd9\xe7\xf5\xb7\xaf\xd6\xd71$\x99j\xe7\xe1\xee\xd9a\x9d\x07\xe8\xf1\x95\xa6\x1bL\xa1\xe8%\x1evu:?\xcd\xd0}(\xb6\x08}\xd7\r@\xe5\xbb\xb2CE\x0b\xa2 \xf0\xbd\x1cL\x12PvM@\x99U\x1bLY\xe4\xcfgS\xd3\xac\x12\xd6\xd4\x95\x05\x17rE\xaeB\xc9\xeb\x0b\\\x16\xd0\xa7\x1f\xbd\xff\xf3\xf6\xd3\x0f\xbb\x84\x84\xa9\xb4sv\x84W\xe9v\xd9\xe4\x93\x00\x06z\x9f6z\t\xa6\x10\x9a\xae;0}\xe6\x19~\x0c\x1a\xfc\xf8\xa8\xd5\xeb\x85\x01\xe4l\x93\x90\xe40\xc9\x14\x96\xca5\xb4\xb3\xd5\xbc\xef\x98\xd5\xfe\x8c\xb0\xcc\xeax\xda\xf7\xd8kt\xa3\xe3L\x15av\xde\xe5\xaaT*\xbf\x1e\xbe?\xfbL\x93r\xe7\xe0\xe4H\xbcV\x7fw\xae\xb27Ei4\xda\xea\\*\x81\xc7X\xd8q\x1d7\x8a\xa1\xa0k\xc0k\xbd\xde\x88*\x16\'\xa1g\x18t\x02R\xeetT\xc6\x8c\xfc\xf1\x18\xe29\x00\xec\xcf\x06S\x13[\xdb\x94y\xa0\x92\xe1\xe8 \xeaS\x04^g\xf8\x8e,&amp;j\x065\x01%8\xebk\xc7Wy\xcb\x18\xb9b\xf7\x8b\x914~0\x8ch\x14\xb6\x88F7\xdc\x04\xae\x8f\\\x1fX\x1eL\x1d\xf87\x8e"\x91x4h\xc6\xd9j6\x9bdc\xc4\x9ca\x00\x00\x02\x04IDAT\xb3\xc1\n3G%\xac\xbc\x80f\x1e\x19\xd528l(yz\x91\x17\x8c\xc9\xf6*kb\x0f\x1dX-\xb0\x0c\x9d\xef\\5\xbd\x90\x92\xf9\xa8\xcf3\xd2,\x04\x95\x8e\xe4\x8a\xfd \x0cZP\xd4KR\x8c\x81\xd0\x97Dj\xf6\x97ww\xab\xd9`\xb6\x1c\x0c&amp;\x16|\xd6\xbf\x9b\xf4\xe1\xb7b\x15\x84\x82\xcb\xb6\xcd\x9a\xd5&lt;\xef\x96\\\xb8\xb4\x16\\\xf5\x8b\x8e\xc9\x19\x03#\x16X\xc6\xd7\x05\xd3s,&lt;\xc0\xe1\x88SC\x03\xadC\xb1E\x98&gt;fS\x1a\x86\x8bTB\x98\x8e\xb3\t(\xc6\xfd\xf9`\xc0X\x08\xf9\xd3&gt;\x86\x0f\xb6b\x1e\t\xae\x92\rOm\x1b\xc7\x0c),*\xc5\x1d\x8f\xfb\xc3\x1a\xdb\x81\xcdx\x8fe\xfc\x1f\x95\xe8\x01r\x1f\x1f\xe2\x05\xe1(\x8cn\xbe,\xd2\xc0\xf1\x80\xc5PS@M\xef\x06\x05\x96\xc58M\x1a\x8bM\xa6\xb2Ygf3\x85\xe6x\xc5\xb2N/9,\xd6*\xe2Z\xf1\xf8Je\x1f\x16"\x16\xeb+\xa0\xd2eE`p\xa6\xf3Q\xae\xeb\xea4\xa2\xbc(l\xb5\xa4\xe5d\x92\x8d\x05\xda\x04X\xf0\x148h,\xe6\xa3\xb1&amp;4\xe4\n\x91\xb1HD\xf1\x14\xd7c\xd6u\x97/_\xd7\xa8T\x7fu\x8a\x19Q\xd8K.Z\xb2\xf0;\x1b\xbe\x08\xb3\xc2f\xe5\xd2\x14\xd4)E\xd6\xb6R)C\xa1\x80\xb6\x1c[\xd6dp\xb7\xc4\x0e&gt;R\xf8[\x15\xe5\xe1m\x9e\xb5\xac\xa3\x10\x94\xf3\xce\xa2\xd8\xa7jU\xba\xd7b@\xc89Z\xee\xaf\x1c+\xcf\x05\x84\x92^X_\xf9\x86\x8a\x92\x04\xa3\xc0\x0fG4\x99B\xc9\xc9V\x13hh\xda\x96?\x1fL\xc6\xa4\x18\xaa\x92\x7f\x02R#\xc7c!K\x19s,\xbcX\xab]\x1d\x93\xd7/;UjVA%t\x94\xbf\xc52\n\xf9\xee;\xf2\x1e\x8b\x8e\x07\x15\x04u|\x1aM\xd2t6\x8fl\x93\xf2\x81\x1cV^\xd0\xd4\x8a\x0eTK\x02\xb1a\x19KT\x02\xeb\x0c\xf7\xf7\xcf-\xb5\x18\xf7r\x1e\xbf\xf79\x91#)\xca\xc7\x8fe\xb2*\xff\x11P\x96u\xee\x00\x84\xb6\x17\xc4\xa3\x7f\x016I\xd97\xff\xfcN\xd7\x00\x00\x00\x00IEND\xaeB`\x82'</t>
        </is>
      </c>
      <c r="M464" s="3" t="n">
        <v>45492.67798611111</v>
      </c>
    </row>
    <row r="465">
      <c r="A465" t="n">
        <v>1117597</v>
      </c>
      <c r="B465" t="n">
        <v>7314</v>
      </c>
      <c r="C465" t="inlineStr">
        <is>
          <t>Alix Vinicius</t>
        </is>
      </c>
      <c r="D465" t="inlineStr">
        <is>
          <t>A. Vinicius</t>
        </is>
      </c>
      <c r="E465" t="inlineStr">
        <is>
          <t>ZAG</t>
        </is>
      </c>
      <c r="F465" t="inlineStr">
        <is>
          <t>ZAG</t>
        </is>
      </c>
      <c r="G465" t="inlineStr">
        <is>
          <t>ZAG</t>
        </is>
      </c>
      <c r="H465" t="n">
        <v>196</v>
      </c>
      <c r="I465" t="n">
        <v>4</v>
      </c>
      <c r="J465" s="2" t="n">
        <v>36469</v>
      </c>
      <c r="K465" t="inlineStr">
        <is>
          <t>Right</t>
        </is>
      </c>
      <c r="L46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42fe12-891e-4e05-bffb-586c4fb481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b\xe3\xda\xfb\x00\x00\x03\x00PLTE\xff\xff\xff\x17\x17\x17%()\x1c\x1d\x1d))+&amp;%(\x1f $#$&amp;\x19\x1c" \x1e \x1f$&amp;&amp;!\x1d\xff\xfe\xfe\xaf\x80V\x19\x1a\x1d\xfb\xfa\xfa\x18\x1f)\xb4\x88X\x1d\x1d#\x19\x14\x0f\xb9\x8bY#\x1d\x19\x99oH\xfd\xfc\xfc\xb3\x83Y\x9frG\x98lB\xf8\xf7\xf6../\x12\x13\x13\x12\x1b\x1c\xad}M\x13\x1c!\x97pM\xb0\x7fO\xb0\x85U\xa4xJ\x90h@\x8ad&gt;\xb2\x82Q\x9fuP\x1f\x17\x13\x92lJwW9\xb7\x8a^\x18!#\x1f\x19\x1c\xfb\'\x1e|^B\xad}T\x84_9\xb7\x85S\x8djL *(\xa7~X\x96f@#\x1e&amp;\x1d\x1d\x17\xa8~L\xbd\x8d^\xf4\xf3\xf2\xf0\xee\xed\xaayL\xc4\x91_\x91pQpT8pO0\x1e\x17"\x90mE$#!\x89gG|\\;\xca\x94Z(\x1b\x10\xb7\x86\\}U4\xad\x82Q#&amp;/- \x16*%!vS2\x83bB\x8fgEiM.\xa0yV,($hO9\x1a\x0e\x07\xc9\x96d\xbb\x88V\xbd\x8ee\x84[AC1 \xa7yS\xc0\x8cXhF)\xea\xe7\xe65&amp;\x19\x82bJ^E-\xc7\x97naC$\xe5\xdf\xdd1,\'\x19%\'\xab\x81\\\x90c&lt;\x99tR\x88kPS:!\xaf\x86^\xc5\x8eW\xc2\x92h\xa3zQK6%,\'3555$\x14\x08\xfd\x1b\x1a\x0f\x0c\n\x12$\x1e\xafwT\x8aa9\x98wY\xa0}^\xcd\x9dv\xa7tH\x99iKZ?%rX@\x1e%\x1f\xa1\x9b\x9a5 \x0f\xb2\x80^v\\E\xa4oG\xd8\xd3\xd2&lt;*\x1cS@-\xa5rP\x9emO@;:,!$\xfd#\x1a\xb7\x81K\xa9\x88e\x88Z8(\x1c\x1c\x9fiA\xa4\x83`\x8c]&gt;\xb2\x87b\x82Y4\x83hG\xb6\x8be\xbf\x87P\x99tE\x94zf{`HdH2rI(N1\x1a,\x13-GED81+\xe8\xd6\xd1V\x16\x1akUDm\x1a\x1f\xdd\xcc\xc5\x93\x8d\x8c\xbf\x8dn(\x13 C\x19\x18\x93hX\x8eaDD)\x16\x92Z4\xb7~W\xc9\xb1\xa8daa\xb8\x90k^K6\x7f\x1b\x1e\xce\x9di\xa7wZC:+}fR\x91sY\xae\x8el\xa7\x8c\x80\x97`9\x8abR{O,\x86R)\xcf\xbb\xb2\x9emZpkk\xdc\xd9\xda\xc4\x92u\xcf\xcb\xcc\x0f!\x13\xab\xa6\xa6\xb8\x85h6 3\xd5\xa4xZXX{SA\xb9\xa0\x95\xb8\x88v\xb4\x97\x8cytt\x82~~\xbe\xbb\xbcQE:\x91\x16\x1fj?\x1dQMK\\SN\xabpQ2\x13\x10\xa0\x0c\x14`2\x1a\xb4{A\x96bJ\xb5\xb1\xb2\x86nZ\xad~d\x9ctc\xc7\xc4\xc5\xdb\xc2\xba\xca\x9c\x87\xcc51\xf2\xe6\xe02\x1d$\xaauc\xcf\xc5\xc0\xa2\x85n\xc4\xa9\x9b\xba\x96v\xef,2\xe225\xf4\x1d\'\xa0.*\xaf\x81m\x9e|p\xee-\x1f\xae\x1b!@\x0e\'\x8b4(\xb1]H\x9eU?\xb371\x8fA=\x98\x84v{mf\xe0\xdbL\xb1\x00\x00 \x00IDATx\xda\xdc\xd9\xffOZ\xfb\x19\x07\xf0\xcbh\xd70DsszPd\xe8\xf0\nz\xa43G\xa56\\\x01\x85\xf0\xa5\xd8;\x10\x11\xd1\x8a|Ui\xab\x16%\x1a\xd3j{Q\x18\x15nl\xeaz]\xb5\xb6P\xa2\x8b\xb9f\xcb5\x1b\x18g\xeb\xdd]\xeet\xd6\x9b\xe9\x16\xb5\x99f\xd9\x8dK\\\xd2e\xdd\xfdi\xbfn{&gt;\x87u\xfb\x07z\xec\xb2G9~\xfb\x81W\xde\x9f\xe7\xf3\x9c\xf3\x89\xef\xbc\xf3\xff\\Y\xb99|&gt;_.\x97\xc35\'\'7\xeb\x7f\xc2\x94\xc3W\xb866\x8f\x8f\x8f\xf7\xf7\x8f\x8f77\\.\x05?\'\xeb\xad\xe7$\xef\xda&lt;\n\xed\xed\xa6R\xeb\xa9\xedTjw1\xb4u\xb4\xe9\x92\xbfE\x182\xb9\xc6\xf7C\xeb\x87s\x13\x03\xf3\xbe\x01\x9fo~~`b\xee`{o\xeb\xb8K\xfe\x96\xd6\x12\xfa\xc95~\xbc\xb5\xb7=Gy|&amp;\x13\xdb\xe4\xf3YMl\xdc:q\xb0\x1e\xdat\xf1\xdf\x02,+W\xb1\x01\xa6\xd4\xe1\x84\xcfj\xb5f82\x9c\x8d\n7\x99\xac\xf3\x07\xbb\x00\x93\xe7\x9exT\xae#\xca\x04\x1e`\x99\x00\x83\x9b(\x94\xc9\x84pV\xdf\xfc\x1c$\xa68YW\x96|ck}\xc2g\xca8L\x99\xafVj\rMlL\x86[\xd1\x9f\xe6\x0f\xf6\xf6]\'\xd9\xfa\xb9\x8a\xcd\xc5\xed\x01\x1f\x9b\xc0\xad(\x1b\xa4\xc2q\xf4\xc9\xc6\xe1\x07\x0cc\xa3\xf8\xd8V\x08l\xab\x8b\x9fur\xaa\xfd\xbd\x03\x1f\x8a\xc9j\xa50&amp;\xeaJ\x102\x99\x0cd\x18\x86g\xd2\xf3\xcdO\xa4\xb66N\xaa\xc1r\x15\xc7\xbbs\xdf\xd6\xa28|\xf7q(\x8a\x85\x03\x8b\xc0\x08\x1c\xb1\x08\x02\xbf\xcf\xbe\x0b\xf5\x97\x89Th\xfcd\\\xb9\xf2\xcd\xbd\xb9S\xe7\xb5T7\xe1\x04N\xc8\xd8Z\xd8\x85\x0c(\x0cD8.\x93\x01\x10\x05v\x1f\xbf\x7fw\xfe0\xb4q\x12\xeb\x98\xc5\xdf\x08\x1d\xf8\xc6\xc6\xb4Z\xd4Q\xf0\xfe\x0c\x06K\xabe2\x04\x02\x06\xd0\x04\x18\xd8X\xe5\x8c\xf2r\xad\x96U.\x93\xc1\xfe&lt;\xdc\xea\xca9\x81;\xa0\xeb(5\xcf\x92\x8d\x8d\xb1\x98L\xa6LV\xaee2Yg\xce\xb0\xb2\x19\x0c\xd9\x98\x96\x05\xbc\xa1!`1\x98\xf0-\xe394\x1b\xe1\xfe\xe7&gt;\xfds\x025\xd6\x84I\xc6`\x82\x03\x02b\xb0N\xb3\x98\x90\x16\x8b\x99\x9d\xad\x85\x00Y\xc0\x12d\xa3\xbf\xa0\xcb\xf3\xe7\xcfe\x841\xf6\xd98\x9f\xf6%\x1c_\x9c\xb3\x82\x82\x8aeh\x08\xad\x9c\x80A\x15&amp;\x93a\x18\xf5\x1d\xe4\x84~G\xb1\x182\xe3O\x16\xb6\\4\xc7\x05K\xb8}J{\xe6\xb4\x164\x94\x8b\xb2a\x02\x0c\x1b\x1a"\xb0!\xe8y\x8c!\xa3:\r`\x05\xcfQ\xc3\xb1\x8d\xf6\xdd\xbf\xca\xe9\xedz\xd8\x85\x03\xcc\x82o\x9e\xd6b\x0c\x16+;\x03C\xfb\x8f@\x17j\x1f\xc2\x15\x99\x87\x04\xb0\x96C\x14\x8bm|\xb1H\xef2\xe6*\x8e\xb6\xbf\x0b\xef\xc5"l\x04\x0c\x05\x02P6\x94\x10a\x802\xba\xe1\xc3@\xd8\xa8\xdf\xa0\xf5E/\x01\x8396\xe6;\xdcR\xd0\x19W\xce\xc6\xe2@\x01\xb0 \x1d\xb6\x95m\xc41\x9b\xcd`4\x1a\xddnw4j\xcf\x94\xdb0\x08\x1f\x06\x98\xac@C\r\x96\xcdd\x8e\r\xecn\xd29\xbc\xe4\xfb\xeb\xdf+\x100P&lt;\xd1(`\xc2\xc6p\xd4\x1e\xe8\x8d\xf5\xf6\xf6\xc6\x96\x13\xde\xa0\xd7\xbb\x1c\xb0\x87\xc3@E\xf1Ah\x02T\x8c\x82\xf3\x07!:\xbb^\xb1\xb5}\xa5\x00\xfa{\xd0h\x0f\xd8\xa3K\xf6d\xa07\xe8\xb5\xa8$*\xb5Zb6\xeb\x1b\x1a$\x12K0\xb9\xb4\xb4d\x07tx\xd0\x86\xd6\x18\xb9\x98\x03\xebt\xc6\xa5\x08\xcd}G \xc0\x06\r\xf6eoo2\x19t\xaaU\xfaJ\xb1\xa6L#\x12qK\x1fqE"Mc\xa5\xdai\xe9\xec\xf4\x06{\x93K\xe0\xb2\xd9\x08\x0cz\xad\xdcJg\\Y]\xa8\xb50\xdb`8\x16Q9\x9dN\xb5^\xdc\xa8\xe1\xf2\xfa\xdb\x95Je\xe1\x07E\x85\xef\xbf\xaf,\x06\x9b\xb0\xb1Q\xa7oP;{a=\xc3n\x034 qwbo#\x87\xbe\x8e\xdf;\x85\xc2\n\'\x9b\xe3\xe6\xe9\xe9J\xb1\x88\xcb\xe3\x15\x17+\x8bJJJ\xee\xa1\xaa\xaa*)*,\xe4\xb4W7\t\xcb\x1a\xcdz\x95\xb77\x10\x88\x1a!3|~}\x9c6\x16\x7f|\xef\x14\xa3\x9c0\xb8\x83\xaa\xb8Y,\x12\xe5\x83\xea\xcemeQU\xeb\xec,\xa0fQ\xb5\xb6\xb6\xe6q8\x9cR\xae\x90\x0b\x99\xa9\x13\xcb1\xbb\xc16\x84\xf9R\xf45\x97\xfcx\xfd\x1b\x0c\xfc\xfe\x1f\x96\x12\xa3\xfaJQ&gt;\xa5\xba\xa3,iu\xf8\xfd\x8eY?\xa5\x9au8\x1c5g\xeb\xf3\xfay\\\xaeF#\xd6\xabT\xcd1\xf7\xa0\r\xb3n\xef\xd36\xe9\xe5\xfb\xa9\xf3\x05\xe5\x84\xdb\xde\xac\xd7W^\xcb\xe7\xa1\x15l\xe7\xbc{\xb6\x06\xca\x016\xbf\xff"\xbc\x1c~\xc7\xd9zNu)W#\x12\x8b\xcd$\xd9l\x871\xc6\x86\x89JW\xcf\xcb\x8f\xb6\xaf\xc0,\x8d\x06FI=\xf4\x15t\x95\x92\x93w\xae\xa6\xa6\xb6\xb6\xa5\xb6\xb6\xd6\x7f\x11\x15\xc8\x1c\xc0\xca\x03V\xfe\x85kb\xb3\xd93\x1as\x1b\x0c\xf8\xdc"m[Qq\x94\xba"\x10\x10\xf6\xd8(I6rK\xdb+*8\xf5\xe7\xfa\xfaZZ:ZVZZ.\xbe.p\xd5\xe7q\xfay\x88%n\xf3\xc4\x9b\xedF\x03&gt;\xb1G\xdb\xd3 ,"\xb0~\x1cX\x8e\x903e\xa5\xfd\xed\xd5\x90\xd5\xe5&gt;p\x01je\xe5?\xacZ\xbf\xa3\xb5\x9e\xd3^\xcc\xcb\xcf\xd74\x9a=OQ\\\xf8\xc4\xee\x06\x8d\xac\xf3\x90V \x11\xf7\xe8\x84\xa5M\xed\xc8U_C-b\xcb\x7f\xd3\x82e\x9c\xad\xaa*R\x16\xf3\xb8\xf9eef\x8f\'\x12\x8b\x1a\x8c\x13\xbb\xb4M\x08\xc5~\xea[\x02\xcc\x80X\xd2\xba\xeen\x80UWpJ\xaa`&gt;P}\xd5r\x91\xa2\xf9\xfd0-\n\x95\xb7!\xac\xc6\xb2\xb2O\x81\xb5\x1c5\x1ai\x1c\\\xd0\xf2c\x88\xe5\x8d\xf7H\xeb\xea\x84\x00\x83\x01_XX\x04#\x0bv`\xcb\xeb\xc8f\xef}\xf5\xd5\xed;\x1f\xe7_\x10\x89\x1ba\x11=\xf1e\xbb\xd1\xe8\xa3\x99E\x00\xcb\xd3#\x95\x02\x0cX\xfd\xc5\xe0\xbaG\xb9j\xa9\xa2\xc2B\xaa\x8f\x7fq\xa1\xb1\xd2\xack#=\xf1\x85\x80\x9bN\x16&lt;@\x8c\r\x11\xc6@\xc2\xd3\xa3\xd3\x81\xab\xbb\xa9\xa9\xbf\xbf\xa2\xa8(3\xe03.\x88m6\xe3\xcaG\xac6\xfdN&lt;\xbe\x10\xa3\x97\x15:0a6\xb7w\xc7\xa3\x9b\x99\xe9\xa9\x1b\x1e\x1e\x19\xb9z\x1d\x06\x97\x03Z\xcb_U\x83\x1a\x1fv!\x0c\xfa\xd6L\xc7Kuf\xbdDB\xc6#\xc0Z]\xdf\xa0\x8f5g"\x06\xa3\x89\x1d\x9d\x14\xb1\x9e\x81\xeb\xea\x83\x870"\xa8\xad\x08\x83\xa2\x0f\xc6\xaa\xc3\x81B\xab9w\xbd\xbai\xb8Ng&amp;\xdb\xc8H\xc4K7\xcb\x8a\x1b\xec\xcd\x1e\xa9t\xa6\x07\xaa\xaenxd\xf2A\xba\x03j\xe5\xd6\n\xfa\xd2\x01y\x01\xb1\xa3\xa3/\xfd`jd\xb8n\x06n&gt;$\x19I\xd8\xdd4\xb3\x8c\xc6\xc0\xce\xe7R\x1dI\xc6\xe3\x11\x924K\xeb\x9a\xa6\x1e\xf6u\xdc\xca\xd4\xca\xad\x7f\xf3\xfa\xd2k\x93S#\xcfzH\x89\x1eT\xe4h,\xba\xbaK\'\xcbg\x0c\xc7v&gt;\x87\xe7c\xb5%\x91HX,j\xb5\xde\xac\xe9\xbe\x9e\x06\xd8o2\x05\xba\x8e\xf4$\x8a\xaa\xc7\x13QY\xd4\x00\x8bG\x96\xed/\xe8\xbb\xf9@\xcb\xcf\xbb\xa3\xb1\x9d6\t\xa8,\xcdP\x16\x8b\xd3\xd9\xd9\xa9\xae\xec\x9eL\xbff\x81+\xdd$%U\xcd\x96\x84\xd7\x1b\x84\xe7j\t\x89n\x8b\xc0\xa2\xedV\x1d:\\\x9d\xb7{\xc9\xb6K\r\x97\xccTw\xf5\xcc\x90*pY\xf4uSi\xb4\x8a\x80\xea\xe8HW\xeb\xd4\x9dA8\r\xc1\xf9\xc3\xdb\x89\\\xf1\x05\xfb\x0b\x1a\x9f \x80\xb5\nS\xab\xedR[\xd9\xc8\xabW\xaf\xd6&gt;[{52\x0c\r$\xd1\xeb\x86\'\xa1\xdf\xa1\xf3;\xfa\x1e^\x15\xea\x9d\xe8l\xd6\xac\x8a\xc4%j\xa7\xd32\xfata\xf5\x80&gt;\x96k\xf1\xc5\xea\xeaj\xb3\xa7\xed\x07\x1f\xb6?H\x7fM\xd5\xda\xda\xe4\xc8\xb0\xb0L\xd8t\x95\xba_\xb7\xf4]\xae\xef\xd7L7\x903=\xcf\x9e\rOMu7N?\xe9T=]xq\x18\xa2\xe5`\x9d\x95\xcb\x97w\xfd\xe35\xeb\xce\x8d\x9f^\x86\xd5JS\xac\xa9\xab\xd5p\xf6)\xf2\xaf\xac\xb4\\\xac\xadi-z$\x12\x8b\x9a&amp;\'\xd7\xd6\xd6\xbeN_\xff\xa0\xf8f\x83$B\x17++G\xf1\xa3O\xbex\x1c[]\x8d5\x93m\xd7&gt;\x02V_G\xfa!\xec\xb8\x91&amp;tk\xe4\xdd\xce\xf3\xc3\x03\x84\xbf\xb5\xaa\x90wS\xf3\xa8{j\x8arM\xbe\xf7^;W3\x83Xt&lt;4g\xf1_\xfe\xf9\xb7\x7f\x7f\xf5\x14\xb1FI\xf3\x877n(?j\xef\x17\x8a\xf5p\xa0\xd6\xa3\x13\xec\x05^^+\x1c.ZK\x94\xf9\xd7*5\xc2\xee\xba\x9e\x99\x19\x18\xb6S\xd7\xcfU\x00+\x8eXo\xbe\xb7\xb2r^\xfe\xecw?\xff\x14\x1e\xcb\xed\x81\xe5QRWZq\x83w\xed\x97O\x9c\xc1d8\xbcd\x81\xbd\xa8\xbe\xf4\xc3R8\x86q*\xfa\xb9\xe2i\xb5Z\xadR\x05\x93\xc9\xde\xa0\xfa\xd2Mt\x00B\xac\x85P\xd7\x1b\xff\'P\xae\xfc\x93_\xdf\xf8\xfe\x97\xbf\xf2$\x92\xc9\x04b\x95\xf2n&gt;I&amp;;\xe1\xdd\x97\xbc\x7fzLZTfiS\x7f)\x94P\xd7&amp;Q\x07{\x130\xd7\xc3K\xc9\xce\xce?\xfe~Z$\x94\xce\x8c\xc6\x96\x1f\x7f\xb1\xe1z\xc3G\xc5\x9c\x97\x7f\xfb\xf2_\xbc\x9a\xddk\x1a{\x1a\xc7\xf7\x0fH\x08\x81\x83\xa9\xe6\xe20=\x99\xa9\x8c\xbd\xd0\xa98\xd04\xa9\x8a\xe8\x929\x17\xe3\x0b\xd2\xe8\x1aKR\x0b\x8e\x9aMz\xa7m4\xb2k\xec\x1e\xbdh\xc5\x1a\xd3=6\xf6B\x0e\xae\xac6\x91\x1e"I}Id= E\xcd\x95Pp\xdd\x18\x94\x90\xb7\x9b\xe4\xb6\xec39\xd7\xe7N\xfb \xcc\xed\xc7\xef\xef\x99\xe7\xf9&gt;\xf3{\xbeT{We\xe1\xea\xfbM\xa8\x068\xcaD\xe5f\xad`M\xff\xec\xef\xab\xbbv\xbd\xc3\xa2R\x8a\x11\x0f\x8e b\xf0\x0c\xb2U\x87\x1e\n\xe8?\x9em\xca,\xef[q\x02Snx\x1d\xcf~\x89\xe5\xb3}\xbe\xd3\x18I4\x9c\xc1`\xb5s\x9a6\xbf\xd7\x02\x96\xc6\xe5\xc24\xb67\xaf\xdf\xecA\x7f\xf1\xca,\x0e\xb3Z\x8ak2\x1a\x0f\xae\x04*\xcb\xfb\x0f\x8e\xcd\x85g\x7fq\xe8\xbd\xdaV+N\x11\xea\r\x99\xc3\xa1\x15l\xec]\xf45\xbf\x86\xc6\x93\xe5\x82\'\xd2.\x03VK\xceba\n\x04\xd1\xbd\xf9ty\xf9\xfa\xf9\xde\xbc\xccl\xa6\x95\xb8&amp;\x12!=\x9e\x0cE\xd3Z\x8b\xc3\xb1 \xf3\xae\xed\xee\xed)\xa9R\x89"T*\x99c\x81m\xeb\xe7\xc9\xbe~\xac\x1c\xef\x06\x83\xa6\\.w\x9a\x8e\xc3\xbf7*q\xfcg&gt;L\xf3\x88Ng\xc35\x04MS\x916\x19\t\x91\x81@\x90\tQ%y\xdcl1\xcb\x84v\xf0cR,\x14ra\x84Jn\x91\xc1\xac\x84&lt;?\x98\xea\xabZ]\xbeu\xd1\xea\xf1t\xca\xf1\xa6\xdc\xa8V\xc2\x90x\x7f\x82\x0b\xa3\r\x0fE]\xa1\x10\xc8D2[[a\xa7\xd3_\x08\xed\x83&gt;\x14h\xa6\x02u\xe0dQ\x14\xc5\x08\x81vA F\xf8\xa8\xf4\xe2q_\xd5J\xe6$\x12\x0f\xe5\xa9t\xe2M\n\xd3\x88m\x92\xc5\xd1{w\xbew\xfba\x92\xe0\xf1\xb8\x81@\x98\xdc\xda\xda*\xf8\xdd\xe1\xc2&gt;D(\x92\x89D\x08Bc\xb3!\x1c\x1e\x8fd\xb1\xcc*\rJ\xba4\xf5\xbe\xda\x88\xf1d\xa7\x1d\tE:\xbd\x8e\xd9Le\xa0\x01.\xbe\x9d\x9c\x9b\xfb\xe7\xab\xef\xddn\xf7\x17\xa7\xd3\x19\x08\x17X\xac\xb0?\xbc\xb5\xbf_\xda\xdf\xdf"!x\x1c\x18@&amp;&amp;\xdc&lt;\x17!\x90kU\x98\x8bd4\x87\x89\xbeb%\xae\xa2MJW\xe9\xd9\xccq\n\xc3m\x92u\xc3\xcd\x88\xf3\xea\xb6\xd3\xb9\xbd\xbd\rg\x07P\x85B\xd8\xedf\xb9\x00\xabP y\xdc\xe5\xe1\xe1\x1f\xef\xdc\x81f\x14\x05,\x01Ubx\x8a|b\xa4\xbf\x05"\xd4\x8c\xeb.?\x89\xe5\x80\xa5\xe0[\xdf\x1a\xd89bnv\xfb&amp;~\xc7\n\x87\xff\xbb\xbd=}\xc3\xc52\x92\xe1\x89\x1fF\xef\xc1\xd4\xcfuQ\xb4\\.\x887\xf7IE\x7f\xd5\x1ay\xdak7[\x9a\xcb\x8f\xcfUf\x9a\xc0u\xeb\x86%v\x82~89\xf3;\xd6\x970\x9ca\xd8\xbd=;\xbb=\xcdfW\x01\x8e\x10r\xee\xce\xbd\xd9\xb9\xd9\x1b,(*T3\x1e\x85\xdc\xeag=\x1d;\xb9\x08\xee7\x89\xc5\x8fo\xd4f\x1aC$o+Ov\xc0\xc6\xb0X\x90Y&gt;g\x80,@\xc2\xdf\x9e\x99\x99\x99\xbc\x15\x86\xe4r1,\x17\xf7\xf6\xec\xdc_\xe7\xeeM\x90\x84J \x94\x1a\x9b\xcd\xb8\xb2\xbfo\xe2\xd0T\xb6\x13`(\x17bS[h\xa5\xcd\n\x13\xc5g\x16kv\xdb\xe9\x06\xae/\x1e\x86!\xc3\xd33\x86\xc9\xc9%C\xc0\x15\r\xb9\\\x0c\x83\xf2\xb8\xaff\x1f\xfe\xf9\xe1\xac\x88\x83\xa9h\x81\xd8\xd8l5\xc5\xd9\xa9\xbeb=\xe86\x02\x01\xb2TrE[r\xb5\xf4\xc5\xfa\x93\xcf\x80\x05T"\xa7\xc9\xe9\xf3\xe5\x82\xc1\x80)\xb0\xfd\xe8\tLf\x95\x1c\x13\xc20\x0cU\xa0(\xf7\xcew\x8fvv&amp;E\\4J\xd3p\x88\xad\xe6\xde\xd9\x83\xfe~cN\xf4\x02~7o?\xdel\xc5k \x97a\xe7\xf3\x0e\x9b\xf1N\x7f\xd8/\x02\xae\\\xce\xe4\xff\x02R\xa5R&gt;O$\x83k0\x8cq1\xdc\xdb3K;O\x0c\xc3\x01\x92(\xc9\xa3\xf1V\xd3\xd8\xef\x0b\xcf\xb1\x93\xecU@4#B\xe3\x163m\xc4u\xa3\x93;7X\xd3~?\xa8\xe5\x0bxH2\x1cvBn\xf98!*\xa2\x01,W\xc8\xc5\x9b\x1e]z\x02X|2Z\x8a\xd3\xf1&amp;-\xbd\xe8\xf3\xac8\x04r\xf9\xa6\x87\xefZ1\x0b{w\x81\xdc\x1f\x85\x81b\xf2\xde\xb4\xdf\xe4K\xa5\xaa\xd6`$\xc4\x84\xc9\x80Hd\xe2\x84J\xa5R(CrH(\x11n\xc0Z\xba+\xe1\xb8\xa2%s\x9c\xa6\x94\xb1\x83~\x1bg0\x82=\x9fu\xf1\x8d\xd2\xa2\x95\t\x08\x94\xfb\xe3w\x0f\x1fM\xba\xc3~_\xaaRIUs\x9e\x08\x19\xe0\xb2\xdd\x1b+\xc5\xa1?e\x82\xd0\x1e\xc3a\xee\xb0a\xc9p\x8b\x8f\x82Xq0d{\x03\xb8\xb4\x1e\x9bJ^\\~zmg/\xc4\xa8\x10\xef\xfe\xa8ar\x9a\xe4\xf9*,U\xb5\x13\xf0\x04M\x12\x13\x07\xc73Q\x9a*E\xda\x01\x1f\x143?\xcf}\xeb.+\x16%7\xd3\xe2=\xfb\xf9A\xff\xa7\x8c\xa1\xa1\x07\x89\x83\x8bzL\xaf\x07\xac(\xc3\xbdu\xd7\xc4#%\x95\x95J\xb5\xa3\x0bz\xda\x99v\xd0j\xe5#\x08\xa21f2m\x0f\xa8\xe5t\xbaI\xde\xc4\xb0\x95\x8f\x12\x80\xe5\x8d\xc5b\xd9\xc7\x03\xf8\n144&gt;\xf54Y?Z\xf3\x82Z\x0cO$\xe1\xa1\xfc\xb7\x97\x1f;:O$\n\xde&amp;\x12\xf1\xf0\x11\x1cG\xc4F#\x80e&lt;A\x7f\x00\x86 \xde\xb2\t\'(h\x89k\xe7`\x99\x07\xf3mdhld\xea\xe5\xdf\x8e\xde\t\x8d\x11\x864\xf1\x19\x8dN\xa2\xc3\x01\xa3f\xcc\x04\x83\xed\x1b4c\xc6HA\xff\xa3\xa8\xa8\x8b\xe1p\xb9$\xc3\xe5c\xd0\x11e\xde\xa3\xfc\xc1\xe0\x96\xa6\x86\xc6\xa6\xce\xbe\xda\xd5\x1ap\xa2|\x0e\xa61R*\xbaf,\x8a\xd3\xc7\x8dF\'w\xeai\xb73\xc5\xe2\xbc\xb0&amp;\x90\x9b-ZZE0\xfc\xe82\x9f\x12\xc8\xb4@u6\xd0U\xae\xf1\x97y\xbb\xd2\x93\t1\x1c\x84\x00_\x00J\x19\x8b\xe9b\xfa\xf8\xea\xaasZ&gt;=-\x97\x8f\x8f\x8f\xedv\xa1Lk\xb1X\x9a%\xa6\xc4\xe7P\x02\x81w7\x7f65\xd0\x05\xb3\xb1\xa7\xf5#qP\xc3\xb8x\x08\x11\xa7i\xb9\xb9V\xab\t\x8bi\x88r\xba\\N\xa7\x8b\x10\xef\xbcz\xbd~\xd3\xb2\n\\Q\x0e\nX\xefb\xd9\xa9\xc1\xee/B\xd3\xde\x93\xda\x10\xdc\x85\xda\x14Q\x9b\xb1\xf5a\x13\x8e-\x96\xcf_\xc7\xae\x1b\x8d\xe3\xf4\xf5u\xfa\xdd\xda\xee/\xbf.,8\x1c\x0eK\xbc\xc4p\x08\x81@xT\x7f:\xe8\xe5\x9f\x07g1i\xd0\x86`.\x18d:\xe2\xd6\xbf\x1d\xd7\xf9|={Q?\xacw\x0f\x0e\x0f\xb3\xd9\xc3|\xfekl\xd7\xfb\xd3\x87\x0f\x0e\x9aqq4\x94@8\xff\xb5\xaf\x03\xcf\x1f$\xd7\xb9\x14Gl\nB!\xd1Y_\x18\xcd\xab\xd7\x17\xd9n\xf7 \xd9\xed\x9e$\xb2\xddD\xf2\xe0 [\xaf\x1f\xc6\xf4\x1f\xdek\xf1e\xf6=T\xcd\x1f\x1d\x0e|%\t\x8cj^\x9c\xc1\xa5R\x0c]\x96\xe8\xae^\xa4e\xb1z7\x91\x00\xa6\xc4\xc9I2q\x92H&amp;Y\xb2|m\xd5l\xd4Y\x97\x91\xa8Jh\x87::\xf0\x05\xae\x91\xc7u\xb1Q)\x96\xe2\x18g1\xf7\xb1s\\L_\x1fv\x93\x07\x89D\xe2\xe9\t\x90\xc1\xb3\xdb\xcd\x1e\x1e\xd7j\xc6tNbBi\xb5\xd0\x9e\xef\xb3\xcb\xfa\x83\x9c/\xaa\xd4j)\x82\xa1\x8b\x8b\xd5\\\xae\x0c\xe5!\x7f\x98\xaf\xd7/@$\xf8Av\x1d\x9e\x17k\xb5b9\x97[\xfe\x99\xa0\xd5\xf3\x90\xf0\x83\xdf\xc2\x83\x9c?\xf2\xae\t7\xa4(\xca_\x04\xabe\n@Gl\x17\xa1F\x1c\xdf\x04\x94\x88y\x90*\xc3\xf6\xeee\x82V\xa9\xec\xb1\x83\xc1\x8b\x059\x7fv\xa4\xf7\n7\xc4\n\x94;\x0c\xb6O\x94\x0b\x04\x83\xe5\xd3\xabF\xe3\x14\xe2\xea\xea\xea\xb8\\\x84\xae\x08\xdd\x9a\xbf\xac\xa0\xe5\x02\xd9\xfc\xe0w\xf0n\xb0~;\xda\xd4\x0b\x84J\x85\x02_^\x9f\xf1\xb1q\xdai\xf4z=\xa8\xf3\x9dF\xa5qu\x9an\xb7=\x88\x87\xc3\xe7\x10q\xadL\xbf\xfb\xbf\xc7\xdfb\xf1t$\x19\xdb\\\xd0\n\xd4\n\x85\x06Y\xf4\x89\x86\x87g\xaa\xd5j\x05\xb0\x1a\xf0lT\x80\xab\x1c\x0c"\x1c\x0e\x87\xab\x88\xb2w\x1dGg\xdf\xe2\x0c\xa1p]\xcb,\xabZ\x15\xc8\x85X\xad&amp;\x91\xc9gHUVz=\xd6\x0f\xa6R\xc0U\xed\xc0\xb9\x02\x16\x87\xa1h\xed\xc2\xaf\xb1\xdf\xc6\xbf\r\xd6W\xa1\xd9a\xa1\xd5J%\xae\x93\x80\'\x05\xdf\xbc\xb2\xd2[\xa9\x80\xa9\xaf\xb2`\xa9u\xab\x89\xc5B\t\x9a^p\xe8\xbf~\x93\xd4\xfa\xd3\xc8\xcb\xfc\xbc\xc0b\xd1\n\x84\x1bJ\xb1M"\x91\xdc\\\x8f\x01\x95a\x1d\xd2\x0c\xb8R\x1f}&amp;\x84\x83\xe0\x188\xaf\xd5\x9f~\xf9\xd7\x7fF\xbe\r\xd6\xb9]-\xb7\x98\xb52\xa1Z\x88\xbf\x00\xae\xf5\xd4\xca\xe7\x95\xff\xf3r\xef1MfY\x00\xc0\x97G!@\xabT\xbb\xd0\x96n\xba\xa5_im\xab\xa1\xb5-\x0f\x91\x14\xa7-\x01+\xd0R\x98\x0c`\x10:&lt;\n\xd8l\x1b\x9aE\xda@)\x15y\x95D\x91gXYF,\xc5\x15\xc5\xe8B\x10vv6\xa2\x19\xfc\xc3\x1dq\x95(`tvt"\xba\xce\x1f\xae\x11a\xdc\xd9s\xbf\xb2\x9b\xd9d\xb3;\xe3H\xef?\xbc\x12\xf2\xcb9\xe7\x9e\xfb]\xb8\xf7\xfb\xf8Wy\xe9"\x11$\x14\x82f&lt;\xc8bU\xf2\xe1\xc1\xa7\xd0\xae\x9fn\xf4\r\x0bjK\xa2\xd2d\x95\x94\xa0\xb3w\x1a\xabN\xa7\x93\xf5\xa3p\xc1\xd6\x8bJ\x15\xc2\xc6\x10\x92\xc8cU\xb24\xf08Vh\x9f\x98n,\xf5Q\xb4^\xc9\xb5\xac\x98B{vJ\xb6&gt;\xa5J\x0e0C?h&gt;\xce\xeb\x17\xa2\xa3-\xbf\xcb3\x98"X\x95\x12AvvvaI\xae\xafXQ\xa3\xaf\xe4|]\xa5\xa0\xc4\xae\xd7\xdb\xf5\x02\xd5\x8c\xb5R\'\xeb\xe9\xcf\xcb\xeb7\x1a\x8c\xc6\xfe\xfe\xfe\xa3&lt;\x1e\x9f/?\x05\xcf\xa7\x85%\x85M_\xce\xfb\x8a\xf5\x1b&gt;_&amp;\x93\xa4\xd8\x0f\xdb\x87\x86\x06c\xe53ry%\x04\x0cT24\xa6xZ\xbeDR\xd5\x00?\x86\x89Q&lt;\xe3;\x96Vk\x92Y\xfb\xb2\x0f\x0f\x8d\x8f\xdb\x1b\xa6\xab\xaa\xd0A\r\xd8q\xdbt:\x1e\x8fU\xaf\xcdW\xa9\x8a\x9b&amp;\xcc\xe6\xd6\x92\xec}\xc5\xe7}\xc5z\xfe\x956\x8eg\xea\xb2\xc6\xea\xc7\x9d\xce\xc3\xfa\x91\xa6bt\xf2@g\xb3\xe9`\xf7\n\xaa\x0b\xf9\x9a\xe2\xa6\\sK\x014\xb7T\x8d\xc4\'\xcf\x0f?#\x02\x8b\x1fa\x92u\xd9\xe4)CK\xce\xf1\x82\xd6\xdc\xa6\xe9/\xe5\x90H\xb9D\xa3Qi\xf9\xda\x0b\xb1\xb1\r\x13\xadE\x19-\xad\xd9\xa9\x1a\xb1\xafXIW\x81\x85\x01\xcbV5\xe8\\r:q\xd7tqq\xf1\xa9\x94l\xe8\xb1\x9a|AJ\xae\xde\xdc\x92\x96V0\x91\xd2\'\x16\xd7\x7f\xed\x13Vd\xd2\xd5\x19-\x9df\xd2\xd9\xbal\xa7\x86\x96,\x96\xb4\x96\xd6\x89\x91\x11t\xfa\x00v;\xfa\xdc\x94\x94A\xbd}\xa8(\xcd\x92qe\xa4O%&gt;Q\xff\xf5\x19_,&gt;\x91{/\xcd^\xe0\x980\xcc$3X\x05CN\x8b\xc5Rt\xe5\xee\xdd\xbb\xae+\xae\xe1\xe1a\x17|\xd6jn\x81\xef:\xcd\xb9}\xe8\xff*1\xb7|\xc2"\x1ez1[\xcf\xc10,\xf1\xa0\xc1 \xcf\x1d\x87xY2\xca\x86\xcb\xca\x18e\x1d\x1d\x1d\xf8\xd5\xbb\x8c4\xcb\x87\x96q}\xac$\x8e\xc3\x11\x8b\x8f\x8f\xfa$Z\x87\xbe\x98mW\xd0\xb0\xc4\xc4D\x83\xd1V\xac\x1f\xc7\xcfS\'$$\xfc|\x17\x8c\xce\xce\xce\x1d\xdb\xe1\x1b\x16\xa7=\xa5\x8f\x0f\xacZq\xd7\x93$\xa2OX\xe7Y\n:b\xa9{\x8e[\x1b\xec-i\x08\xf6!\xba\xfb\x80\xdf+@_XZ\xec)\x1a\t?...\xa6[w\xf5i\xa4/X/\xce\xf3\x15t\x1ab\x19{l\x92\x064\xebp\xd8\xc6\x80\xa4:\x0b\xf4\xa0bE\xd0\xe3\xe8\x9c\x18\xd6\x0b_LE`IT\x8a\x08\x94E5\xdb\xd8e\x95\x14#\x18\xd4x\x9a\xc5\x82\xa3\xd2\x9c-\xe6\xc1&amp;\x15\xec\xbci\'\xe9\xc0\xd2\xde\xf2Eqm-\x9d\x97h6Xj\x83AW)\xe9\x8bmj\x18&lt;\x0c\x1d\xdf\xb9\xb4\xe4,*0\x9b\x0f\xeb\x05}|\x16\x8f\x87\xce\xc3rj\xbb\xa7\xaen~q\x11\xa3F\xff\xc6W\xf1\x11K\xcdf\x1b\x8d2\x96J%\x99\xb1\xcac\xf7\r\x0eB\xdf\xb2\x0f\xa2\xd3S\xfbRU\x11&lt;\x98\xacX\x04\x9d\x03\x9d\xeb\xc5S\x1f\\\xd6\xbaT\xc5\x97l\xb0\xc8d\xa3,\x026f\x956\x9b\xcdj\xb5\xca\x8bcOA\xb7\x8f\x15\x08\xc4\x9c\x08,\x19Xt\xc4\xaa\xf8f\xd3\xb3HL\x1a\xfd4\xb6\x9b\xaf\xd0\xf2\xf0\xda"\x0b\xd5\x18l&amp;x2\x83\xd1`8~\xbc\xabR\x02C\x93\xda+\xe6\xc0\x94H\xae\xab\xa3Am\x9d81{\xe9)q\xb3U\xf3\xd3Y\xfb!\x89&lt;\x13bQ(\xec\xc4\x01:\x8d\'3\xf6\xf4\xf4\xfc\xe1\xf7\xc7u,\xb9\x9c\x1f#\x16\xd7B\x03a\xfe\x8b\xd5\xdb\xfd\xcd\xe66zb\xd2\xf3\x7fL7\xed\xef\x8d\x81\x82\xc6\x92\x99j2\x85BV\xd3\x06h\xd8A\x12\xb8\xfa\xfb\r\xbc\x88\x08\x96"F\\\xcb\xa1a\xcch\xfcX3,?\xfb\xf7\xcfnnu\xc1\xf3\xf2\x9f\x9b\xf2\xbbO\x00+\x82\x97,"Q){(l\x0c\xf3\x96?\x0c\x13m``\x00X\x15\x03\xa0\x8a\x06\x97\x97\x95\x95\xff\xf7\'\x9bwY\x8b\x18u\xe6\xd3\xb7\x7f\xca\xef\xbex"F\xc2oo;(B\x87\xd2)\xbb\xd5\x89\x89\xa8\xceD\xe8#\x8d\x06M\xa1\x02R\xa8\xe6\x02+:\xf9\x98\x97\x95%\x9f\x1f\xdd\xa4\xbf\xe9\x12\xb7\xee\x1d\x9d\x7f;\xf9\xa6{\xfd\xe2\xc5\x0b\n&gt;\x0fgQ\xc0\xc5eB\xc3g\xaa\xd5\xeaD4\xf7L\xc0\xe2\x0c$\xb2\xd9\xdch\xee\x06K\x90\x95\x95o\x9b\x7f\xf2t3\xfe\x02NL*\xbd\xfa\xea\xad\xc7\xf3f\x1d\x86\x165K/\x8bB\xe1\xaa\x99L&lt;\x87L\xf0a\xd8\x00\x9d\x03\xc1b\x93w\xa3$\xd6\xa1\xb3\x19\xa9Y\x82X\xc9\xec\xadKg\xde\xfbk\x0f T\xcd_|\xe6\xf1LNN\xae\xaf\xad\xadW\xf0Y\xacv`\x81\x8bB\xd9\xcd\xe5\xa2\x0eF!s\xd1\xb5(\x0c\xca\x8b\x86\xb3\xb8L&amp;D\x0b\xb1\x04\x02\x8d\xea\xe1\xfa\xc3[OJ\xdf\xef\x9b""\x93J\xef\x9c\x1dy\xe0\xf6L.,\xbc\x01V7\xab\xbd\x1eX$*\x9a\x8a\x142\x98P\xd8\xc0\x07\x91KD\xa5\xe6e%c\xe8\x96\x08\xb0R\xfbT\x0f\xdf\xbey\xf9l\xfe\xd2\xf3\xe6CI\xefk\xe1\x8e&lt;\xf4\xb8\xf1\xa6\xab,c\xcc=\xb9\xbc\xbc\xfcr\xed\xa4\xb6\xb2\xbem\x11X$\xd8\xdd\x0b\x91j\xcf\x9e&lt;\xa82\x18\x1f\xe1\xb7\xb5\x98\xd1\\tm+\x19\xdd\xa9\xf9\xe3\xc5\xde\xfd\xa9}\xac\x93/\x17\x96_\xbe\xcd\xbd\x7f\xed\xec\x9d\xd2\xf7\x92L\xfce\x067]\x8c\x9c0\xa7\x97\xb5\x1e\xa7\x90\xd7/zY\xc6t\xdc\x85\xee\x1f!\x15\x85\xfc=\x16\x13X\x8a\xb8\xb8\x8b\xbd\xbdbE\xdb\xda\xcb\xe5\xe5\x85\xc9\xb1\x9c2\xd7e\x80\xfd\xe4\\\x12#\xf76\xdf\xb8\\\xcd\x08\x0c\x94*3\xdc\x9e\x05\xf8\xe5o.\xc8%\xed\x8bG\x10\x0b\x0f\x97\x90,\x14n\xa8\xbe\x17-6\xb0\xda`\xc1\xe4\xd4\xf6\x8a\xc5\x95Gp\x96g\xac3D9|\xef\xbb\xc6\xe7?-b\xc4\xc8\xa8Cwn\x9ff\xf8\x87\xfa\xfbK\x1d\x19c\x9e\x85\x85\x85\xc9\x07b\xb9\x84\x87G\xcb\x80\x87\x0b\xaf-!\x85\xfc\xd1n\x18\\\xa8t\xc4\xe2B\x0e\xeb\x8e\xa1kd\xb5\xd0\xf4\x17\xd7\xbe]\xc6Y\xe7B\x94aeW\xee#XT$\xf1]e\xf8\x1b\x16\\\x84\xa0`\x02\xc1_*\xcd\x1c\x83\x9a\x9f\xf4\xb8\xb3\xab\xaa\x80%B\xd1\x82\xaa\'\x93\xd9l\xaf\x0b\xa1P\xb0P\'\xe5\xa2\xf6\xe0e\xd5V\x9c\\\\{\xbd\xfc\xfa5b\xc5+\x1d\x0eG\xd8\xf0\xfd\xef\xce\xa2\x88\xbd#\xaa\xb9\xf1\xda\xe9j\xa5\xdf\xaexB\x0e\xb0rV\xdc\x1e\x8f\xc7\xbdd\x1e\xe9\xd3\xb5!\x96\x81D2R\xc9\xa8g\x91Q\xa7\x00U4J!\xde\xe1\x91\xea\xd8\x80\x02\\\x15\xf4\xb6\xb5o\x11k\xd2\xbd\xba\x12\x1f\xeap\xd4\xcc\xcde"\xd8\x8d\xcf\xdf\xe1\x9f\x8c[\x93\xae\xdf\xb8}\xaf\xba:\xd0\xef\xd7\xbb\xe2w\xe5\xe4 \xd6\xaa\xdb\xbd\xbad\xc9h=e\x9d:\x82\x07\x8bDb{Y0v\x93\xb9^\x97\x17\x87\xb3\x06\x14\x9c\x8a\xb8\xf6\xa95\x98\x87\xaf\x17\xbc,iyM\xcd\x9c\x03Ry\xf7\xfe\xed\xc6\xc7?\xf2(jd\xd2\xf5Gg/\xbb\x18!\x04\x7f\xbf_l\t\xf2\xcb\xc9tH\xfd;VVWW\x972,-M3S\xde\x1c\x8a\x80Ef\xab7\\x\x12!\x81(\x93\xc9X\xdd1\xb4r\xd3\xe3\xea\xdb\xa7\x1eNB\xc7\x83\x1c\xae\xac\x10B\xcb\x81U\x03\x89\xcc,\x1bvA\xbf\xf810b\x14\xf4\xcf\xcb.\x98\x80[\xb6\x04\x87\xf8m\t\x08\xc8T:\xa4\xd2\xf8O`\x9c\x0b\xdb\x9e6Q5u\x14L2\x91\x8c\xc4\xa6R\xd9\x1b.\xd4\x1e\x80\xc5\xa5\xe2,x\xac\x19\xf0\xb2\xda\xf8\xbf}\x80\x16\x08\xf7\xd8J\xc7\xbfYJeN \x83Q}\xfa\xf6\x0fN%,5\x9f\xa3\xa2b\x04\xfa\x07\x07\x05\x05\x05\xf8\xf9m\t\ts8\xca\xcb\xc3\xc1\x15\xff\x81#aGA\x93\xad\xe7(I$:(\x12\xb1I\x90C5\xb4u\n\xacD\xe9\xd4\xe8h\x98\x06$TZX\x1d\x06\xaa\xbac\'\xdbg\xf7\x8d;\xc7\xdc\x1e\xf7X&amp;\x81@\x08\r\x95By\xe5\xc0\xf0\x87\xd9-eT\xdf\xfb\xcb\xa3\x1f\xf2\xe2\x0f\xe2\xd6\xa4\xe6G\xa8\xa8\xfe\x83\x95\x90\x10\xb0\xb3&lt;\xfc\xc0\'\x07\x0e\x84\xef\x0c\xd8^\x94\xfbUO\x8f\x91\x8a\xd7\x16\x15\x8a^\x8d\xbb\x84h]D*\x92\x08\x05+\x19X\x89m\x8b\x8b\xb3\xf9\xe64\xcb\xd2\xd8\xd8Xg@\xa8T\x1a\x1a\x1c\x1c\xacTv\xe0,)|\x19X\xed\xba\x892\x19\xf9\xffP\xd7\xef\xa0\xa6\x1e\x18\x18\x18\xec\xcf@\xacm\xe8]\n\xc0\xda\x16z\x00Fx\xf9\xce\x9a\x844\xf3g\x7f\xed\x11\n\xa9x\xc9\x0bq\x96\x9a\x9d\x9eN\xa6rQ\x87%qI\xe8\x89\x19X&amp;S\xdb\xe2\xb3\xd9\xdc\xa2\xb9\xed;2\x96\xce\xf9\xd5\x94\x97\x97\x87\x06+;:V:::\x08\xc1Ri\xb9\xd4?\x18R\xe9\xbav\xa3\xf9\x7fe\x92\x88\x16e@\xa1\xaa"\x04\x85\x10\x02\x11\x0b\xbd\x19\x03El[&lt;R\x85Ci\x04\xech\x19\xb1\xf6\xf4\xe7\t\xa9`\xc0Yh\xd3\x08\x9f\xc3&lt;\xa0\xa6\xa7\xa7S\xa9\xa2\xe4:,\x19Vm\x19\xaf\xed\xd9\xf9\xd6\xb0\xb9\xb9\x84\xb0s\xe7~\tE\xb53 \xa4\xb3\xb3\x13\xb1\x94\xc1\xa1\x90P\x06\x81\xc0`\x042N\xdf~\x84\x1a\xff\x7f\x97AO\x7f|\xf6\xf2i\x84b\xfc\xb3\x8d\xf3\r\x8d\xe2N\xe3\xf8ffv\xfe\xa5\x0e\x9b\xdfe@\xe8:\x0e\xe7\x0b\xbb\xb03\x12d\x97\x89\x81\xaa\x0c[\x888\xbbp$\x85Ms\xb6\xfb*+\x95\x90&amp;iXH^\xd4\xd8\x8a\x11\x8cY\x96\x10.G\n&amp;b\xc4K\x8e\xbchR0\xc9\xcb\x83\xf3(}\xd3\xe2q\x87\xa7\xe8\xabE\x08\x18\x05\xad\xa0p\xdf\xe7\xf7\xdb\x8d\xd6\xf6!\x99\x84\xcdd\xfd\xf8}\xbe\xcf\x9fY\xb2\x83\x93\xe3Z\\S\r\x8ee9\x96\x15\x06\x9c\xaa\\\x91s\xa9\xfc\xe5\x8f\xce\xce\x0f\xf5\xa5\x81\x90\x16X\xc7\x0evt\x1c&lt;H\xef:\xed\xc2\x83H#\x8a\xf4\xf4\xb1l\xb6\xe7\xef\xcb\xfd\x9dw*r\xb0\x12\x02\xcb\x91ez\x01eZk\x06\x92\xa2Hq%y\xe5\xbf\xb7\xf8\xed\x9e~\x03\xf6\x1e\xc6\xdf?/|\xb7\x04*I\xc2\xc9\x00\x934\xcd@\x90T\x8e\x03\xacx\x82\x8b5\x99\xb3\xbb\xa7N~&gt;84\xd4\xd7\xd7\x87\x99\x88\xeb\x8c\xd3XO;:h\xbd\xc7x\x84ZH%T;}lv\xe2\xdc\xc9aP9!j8\xe1:\xb2a\x00\xcb \xa1L-\x0e\xcd0?r\x86\x84\x7f\x8b,\xf6;\xb7{z\xaf\xd1&gt;I&amp;\x9c\x86\xff\x03\xd0\xe2\x84E\x9ew\x1c\x07\xbd&gt;0\xbdJ\xb9\xe2\x99\x86_\xcb\x7f\xf5\xc9\x07\xf3\xa0\xea\xeb\xa2Y\xcd/0x\n\xd3x\x04X\x80J\xa7Oud\xc7\xff\xb2\xd1\x9f\xbfs\xa7\xa2\xaf\x10VB7l\xdbO\xb5\xc8f\x19n\x07\xd6\xe3\xc79\xf8\x1fi\x8cC\xb6\xe4\xd2w\xb7\xdei\x16\xb4~&gt;\xa4{V\x81j\x84\x84"0\xd8+\xc7\xb1\xa0\x95\xe3\x1c\xb0\x02\xe4\xd4+W\xca\xa6\xe5O\xd7\xd6&gt;\xfdSv\x8e \xb0i\xd1\xb4n#\xa3\x11\xd5PW\x1f\xb8N\xa5)\x93=\xe76J\xdd\x9dp\x14\xefxA\xe8\xd7jv\xea@\x8b\xe3\x95\xcbM\xac\x1c\x9aF\\\xe2\x99\x1c\x1d]\xfa\xc7\x85KoMJ(\xf5\xf0g\xf4\xf4\x01\x889:2\x92\x1c\x19\x19\x89"I\x81\xca\xf0\xe7t\x0eC\xcc\x11Y\x0c\xd42\x9eRgA\x90\xbfv\xf2\xc4\xec\xdc|W;_\xb5@\x95\x9eG\xd0\x9b\x02\xbb\x8a\xc56\x10~\x93\x9dX\xd8\xdc\xb8n\xa3\xb3xz\xb0\xb8\xb2\x12.\x86\xbeo\xa7\xfep\xc0\x81\xf5\xcbo\x92\xa8\x80K\x11\x07t\xb1\x9f\x1e~\xf6~\x13\x8az\xfa\xd2\xa8"\xf5\x0e\x10\x91\x08pi9P\xd5\n4[]\xd7u\xc2 \x08T\xd5C05\xa8\x95\x86/\x8eOd;\x8a\xc5\xe2\x19\xcci\xa4r{}\xfdo\xf4VEz\xd7d\xdb\xfelO\xcf\xd6\xe6\xdd\x81\xceN\xc3\xd0-=\\\x99\x06WX\xf3}n\x08`M\x02\xab\x19\xbd\x8d\xaf\xe4\xe8\xd1\x1f/\\j\x96\xdf\x052\x15/\nE\x89\x88\x89\xbe\x95&amp;\'\xe9\xb6=\xad9\x19O\x04,\x97\xb0\x18a%\x80\xd5\x9a/]\xfev\xeb\xf3\x0f\xf6\xd1_\x08\x9fi\x87Z\xeb\xeb\xebC\x84u\xfcx\xf1\xd0i\xd8\xea\xc4\xf9\xdb\x036zK\xa8[a\x18\xae\x10\x96oY\x16\x7f6\xcf\x9b49\x97\x16\xe4\xde\xe0\x11\x97\x92\xfc\xcf-a*8\xfd\nTR\xa6\x89E\x8a\xc04\xd0[\xc8\xe7[[\xe9\x15\xd1\xc9IU\xd7C\xe6&amp;\\\xd7\x82X\x84\xa5{\x8c\x059\xdb.mlNd\xbf\xf8\xf0\x8fGI\x9f\xf6v\xaa\x80\xe3\\\xac\xaeC_\xf4\xccn\x9d\xecoE\xc6\x00\x02\xa8\x10\xbe\xc2\xd1",p\xc9\x9e\x81\x86\x18\x10\x96\xa6\x05oqq\xb2%qM\x03S%G~@\x00M\xca\xe0\xf1B\xe9\xeb\xd5\xd5k\xd7\xd6J\xf9B\xeb\xa4\xc7\xa8\xb8u\x92\x8b\xb0(\x87:c*CQM-/T{\xfe\x8c\r\xb9H\x9b)Ry\x86\xa2x\xb8m0;1~\xb1\xffK\xba\xdd\x0e\x87\n\x19\x1dtd\xd3\xb2tO\x06\x1b*)\x08\xe2\xcd\xee\xf5\x86\n\xa5\xaf%c\x9f\xf1\x99\x9cQ8\x15\xb0"\x14no\x89\x06\xeb\xcb\xd7\xaf_\xdf\xbc\xb1V\xaa\xf9D\xb5H\xde\xd2US\xf5\x12\x9e\x8e`LgF\xaa\xbb\xff\xfcxup\xffa\xce5C;3\x9c\x06\x9f\x9d\x9d\xdd^X\xee\xef\xa6\xd7\x9f[,\x80\xe1t\x06\xc5\xf1{\\-\x81e\xc0\x12{]U\x8b7\x8f\xc8\x97\x12\xfb\xd7O?^Q2\x19I\x11X\x91\x94\xc9\x15J\xb8\xf0z\xf9\xecU\xbd^\x7f\xf5\xec\xfb\x9b\xab\xf7V\x16\x7fX\\\x0c-rD\xd9\xdb\xc3".t\xd5\xf3;\xdbs\x83\x87 Sq\xe6\xc1\x03\xba\x7fF\xf1Tz~\x9bSu\xdb\x9d-\xa8`\x8bN\xa7O\x8b\xd4b \x02\x18a\xa9\x81\xaa\xbd\x13PK\xd5FGc\xa8\xbf\xa4\xd4\xc4\x82XRo\x9e\x94\x02\xd3\xee\x93\'O\xd7g\xca\x07\x00\x00\x03,IDATvw\x01\x86\x85\xf4\x97_\xe0WT\x10\xb0\\\xf4D\n\xf4\xfb\x84\x99Ku\x0fo\xceV\x07q\xa1\x08\xb5\x1e f\x8e\xb6\xa5\xe7\xaa\xdb\x0b\x1fO\xe5k5\x1f\xbfRq\x1c]\x84EX\x8c\x19\x86\x802T\x9a\xb7\xea\xaf\xc9\xe2\x92\xa4\xc6\x93RL4u\x81E=A!\xa9^\xd4\x9f??B\xf1\x84\xd0\xa0\xd8\r`\xa1\xb0]\xd7s\x9bX\xc4U6\r\xbb\xd4\x7fn\xa2:\x97n/r*`\x9d\x9a\xdb\xdey\xb41U\xab\x19\xbe\xe5V&lt;\xd7r\xb9\xba\x94&gt;\x1c\x98l\x19&gt;\xcd3Cf*&lt;\xc1TZth\x12\t*\x85\x96\x96d,JF\xc9\x0c\xdaBRt\xaaL\xe1kNu\xe4\xeaU| \x80V\xaf?\xc3\x06w\x0f\xf6\xe5]\x02T\x81\xaa\x9b\\\xae\x04\xf2\x98\x1f\xfevb{.}\xfc\xcc\x8c\x10k\xb0\xba\xb3y\xb7T\xcb\x05\x8c%\xbcD\x19\x99\x17VD\xfa\x98e\x19\xb2EZ\xd1\x02\xc0\x0c`\xa9\xaa\x00jp\x91\xb1\xc8[\xc9H\x89\x14&gt;\x99\x89\xaa\xac\x15\xd6n\xbe \xa9\x08i\x8c\x02\\\xbbu\\J\xdd\xb8\x97j\x11\xdd\x0b]\x88\xe9\xf0X\x03\xcb.]\xbe8^\x9d\xdb\xdf\xde&gt;\xf3\xd7\xa3\x87\xf7\rV\x176/\x97R\xb6\x160\xd2\xd3sQ\xc2DE\xae"\x95dd\x11uL\xfb\x12\xcf\xa1J@\r\xb52\x1c\x0b\x11S\x88\x8a\xf7NZ\xf1\xcc\xd6\xa9\xfb\xcf\xea"\x81GH/p=}\xfa\x14`\xff\xfb\x1e\\&gt;u\t41`!\x9f{\\y\xd4\xe3lv\xb0\x8f^\xb1&lt;[]\xb88\x9c\xb7SF\xa0\xd2\x8fA\xa5;\xc2\xf1\xba\x85\xcd\xc1\x90}\x12\x0bh\x01M[\xb4\x19\x98\x0bP\\4S\xdb\xc3\x8a$\xf1\x9dD\x9b\xa2i&lt;\xbe\xff\xb2\xce\xb5:\xd2@\xe3\x8a=\x85\xc3^\x08.]`y\xb0\xbf\xc0br\'|\x7f~\xab\xba=?\x8f\xc60\xbb\xb5|;\x8f\xc1\x80\xfe\x96P\x13t6\xff\xe4TXi\xe07\x18\x1eJ\x01+ ,!W\x13Kj\xd0\xc4\x14)\xe2s\x12Xf&amp;\xd7z\xede}\x97\xcb\xd4\xc4jpA\xb0\x17\xff\xbeq\x0f\xe3\x83QA1\xd3\xa9\xa0\xd3s0\x1d`\xe8_\x0bU\x8aY\x98\xdd\xb6\xb1N\xe9h&amp;e\x8f\x90\xdc\x06\x96\x8eM\x0b`\x8d2\x14j\x89,\x02\xa8\x91J\xa9\x111\x00\xa1\xb5F(\xcc\x8cT\xc8\xaf\x82\x8a\xec\x0e\xaa\xe7\xbf\x92\x8b\'\x92\xae\xd5Wh\x82\xb8,\xc3\xb1\x04\x97\xa7\x92^\xcb[\x13;;\xd8\x18\xa6R&gt;\xb9\nX\xa6\xe7\xb90cS-\x06\x89\x0c\xbf\xd1\xb2d\xecnDe6\xd4\xe2\x01a@A\xa6\x8f)\x117U\x844\xf6\x96Vo\xbe"\xaa\xb1=\xb1\xde\x92\x8b\xb8^Qo\x05\x96\x03,\xc7\xf2ep\xa1 ]\x97\xf28\xf5\xf1\xa3\x85G\xcb\xb7K5\x94i\x827\x0fO\xe73y\x0f+\xa0\xbdT`\xf9\xbcI\x04\x02K\x15\xde\xe2`M\xb5"\x0cfP\x05#J\xe1\xf1\xda}A56\x06\xac\xab\\\xae\xb1\xe7c\x82kLp\xc1`\x10\x8cE\x91\x07,\x1fC.\x81\x11\x0eDp\xf5o,\xdf\xbdn\xdb\xb98\xa1F&amp;2\x88\x19\x03\x0b6\xb2H}\x14[\x8d\xcc\x83\xdb\xac\x91\xc3w\xb08\xd9\xff\x01u\xceOY\xcfe{\xe5\x00\x00\x00\x00IEND\xaeB`\x82'</t>
        </is>
      </c>
      <c r="M465" s="3" t="n">
        <v>45492.67814814814</v>
      </c>
    </row>
    <row r="466">
      <c r="A466" t="n">
        <v>1117710</v>
      </c>
      <c r="B466" t="n">
        <v>1955</v>
      </c>
      <c r="C466" t="inlineStr">
        <is>
          <t>Gabriel Xavier</t>
        </is>
      </c>
      <c r="D466" t="inlineStr">
        <is>
          <t>G. Xavier</t>
        </is>
      </c>
      <c r="E466" t="inlineStr">
        <is>
          <t>ZAG</t>
        </is>
      </c>
      <c r="F466" t="inlineStr">
        <is>
          <t>ZAG</t>
        </is>
      </c>
      <c r="G466" t="inlineStr">
        <is>
          <t>ZAG</t>
        </is>
      </c>
      <c r="H466" t="n">
        <v>190</v>
      </c>
      <c r="I466" t="n">
        <v>3</v>
      </c>
      <c r="J466" s="2" t="n">
        <v>37016</v>
      </c>
      <c r="K466" t="inlineStr">
        <is>
          <t>Right</t>
        </is>
      </c>
      <c r="L46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0f1b155-0d9a-41c7-b53f-f1f1f9d359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3|\xbc\xcd\x00\x00\x00\tpHYs\x00\x00\x0e\xc4\x00\x00\x0e\xc4\x01\x95+\x0e\x1b\x00\x00\x03\x00PLTE\xff\xff\xff\xe3\xe5\xf1\xe6\xe9\xf3\x06\x05\x05\xf7\xf9\xfc\xf6\xf7\xfc\xef\xf1\xf8\xff\xff\xfe\x02\x02\x01\xee\xef\xf7\xe2\xe4\xf0\'\x1b\x11\xdc\xe0\xec\xf3\xf5\xfa\xe0\xe3\xee\xe5\xe8\xf2@."H3&amp;\xe4\xe6\xf2\xde\xe1\xed\xe9\xec\xf50 \x15\xe8\xe9\xf2\xec\xee\xf6\xfe\xfe\xfe\xf2\xf3\xf95"\x17\xf5\xf6\xfbD2&amp;&lt;*\x1f\xa6tYH6*\x1f\x16\x0f\xc7\x9b\x83@+\x1f\xe6\xe7\xf0*\x1f\x14\xcf\xa3\x85\xd1\xd5\xe3\xeb\xed\xf5\xda\xde\xea\x0e\x08\x06\xd0\xa5\x887\'\x1cU&gt;0\xb3\x81f\xd0\xd4\xe1\xd4\xa8\x89\xc9\x9c{\xa2rW\x92kV\xa9zb\xcd\xd1\xde\xc8\x9aw\xc4\x96y\xca\x9c\x7fL8,\xda\xdc\xe8-\x1c\x12$\x16\x0eL5)\xd9\xb1\x95\xd2\xa7\x8cQ;-\x13\x0f\x0c\xea\xeb\xf4\xd8\xad\x8f\xd4\xd7\xe3D.#\xc2\xc7\xd6\xbd\xc2\xd1hN?9%\x19\xd7\xda\xe6\xee\xee\xecnH3\xbc\x91y\xb8\xbd\xcc\xc0\x94}\xb4\x8as\'!\x15\xaf\x84l\x7fVA\xcb\x9e\x83&gt;\'\x1b\x8chV\xc7\x98}\x87fU\xd4\xd8\xe6\xf1\xf2\xf7\x92gN\xb8\x8bo\xfb\xfc\xfcyQ&lt;\x87cN\xb4\x85maG8~_LnRCR5$\x84[E\xc7\x95u\xc1\x90w\xc4\x98\x80bJ=\xd5\xaa\x8d\xce\xa1\x81\x8c\\C^D6\xb8\x8ewyVD\r\x0c\x0b\xb7\x84h!\x1b\x16\x1a\x0e\tnL&lt;\xd2\xa9\x90\xcc\x9f}\xf2\xf3\xf2\xca\x9f\x88\xa5x_\x9dva\x89_I\xc6\xcb\xda\xca\xcd\xdacB0P7*qUF\xc1\x93s\xa1u]\xa8\x7fj\x8dcK\xd6\xdb\xe9\xc4\x96tuL6\x98r]\xb4\xb9\xc7y[KYB6tQ@\xaax]\xad}f\xaf}b\xa6}g\x18\x15\x12\xad\x81i\xa7\x84p_&gt;,K;0\x81aP\x91`G\x97jR\xba\x93\x82\x91n\\\x8cdQM1"\xbd\x8fp\x83^J\xa1zg\x7fQ:\xad\xb3\xc0O=5Z?1}[G\xc0\x98\x85G-\x1euYG\xf8\xf9\xf82$\x1b\x9fmR\xae\x87rZJB\x96oX\xd7\xb2\x9eU8-\xbc\x8augE2\x9boU\xbd\x8al\xce\xa3\x8e\x95cJiD:\xa0\xa7\xb2\xd5\xac\x94[:+\x90\x97\xa3}aU`cajpr\x9bhM\xc1\x8eq\xb0\x8az\xa7\xad\xb9\xc2\x9d\x8c\xba\x85n\x9dpY\x98wg\xe7\xe7\xe7W7\'4-)\x86W&gt;\xc8\xce\xde\xd9\xcc\xc2\xaewp\xe1\xe2\xe2&gt;2,\x86k_\xb9\xb8\xb6v{~))\'r\\R_[RRD;z\x82\x88\x9a\xa1\xaf\xc0\xc1\xc0\xdf\xd2\xc8\xa8nhF82\x98aY\x85\x8d\x97\xd0\xa7\x97\xe6\xdd\xd4fRI\x8dqd\xda\xdb\xda)!\x1c\xcd\xce\xcc\xd2\xd4\xd3\xae\xae\xad\xce\xbd\xb3\xda\xc5\xba\x87}q\x8eZS\xcc\xb2\xa4\x98\x7fp\xc8\xa3\x95\xbf\xac\xa2\xa0\xa4\xa2\xbf\xc1\xc9\xb6\x9d\x8e\xc7\x9a\x91\x82RJpjd==;\xa8\xa0\x9cyumFDA\x8a\x89\x87\xd7\xb5\xa9\xed\xe6\xdfOPN\xa7\x94\x85\x98\x96\x92\x97\x8c\x81\xa1ga*$:+\x00\x00 \x00IDATx\xda\xcc\x99_Hb\xeb\x1a\xc6\x07\xd6E\x817u!,\xa4\x1c\to\xc2\xbaXy\x13\x16\xe4\x85\x90hd\x89!\x98Z\x9a\xcc\x11\xca\xc4\x84\xb6\x05\x16&amp;\x18\xa6\xd92\'\xb3\xda5LZi\xc5l\xdd\xb8!j&lt;\xd1n\xfasQ3\xe3\xccl:\x9c\x8b3\xd5\x14l\xd8{\xcf\xf931\x05\x9d\xd9\x9c\xf7\xfb\xac\xce\x9csn[u^WKE\x88\x1f\xcf\xfb|\xcf\xf7~\xfa\xe0\xc1-\x14I\x92\xda\x9b\x827y\x0f\xfe\x1f\n\xa0\x16\x16\xf6\x0e\x0e\x8e\xb6d\xdd\x08K{\xef\\$*\xed\xde\xab\xe7\x97;4\x9d\xdd9\xbb\xfc\xf4\xe5\xd5I7I\xde+T\xde\x03h\xde\xde\xe9\xc59M\x10V\x02W&gt;!\xce\xae\x9dni\xef\x93\x0c\x94\xda\xfbxF_\x11\xe5\xa8\xf2\xe1N\x9f=?\x90\x91\xf7EF\x92\xdd\xa7o\xc5\x04&amp;\xc9A\xe5\xa3?t\'\xb2k\x07\xda{\xc1"\xb5[\x7f\xfdl\xfb\n(\x87\x84\xb1\xe0\xb2f/\xf6\xeeA/R\xfba\xcdv\xd3\xb9\xfc\x9b\x17WXp\x13_\x1e\xdc\xb9\xf9\xc9\xee\x8fY\xeb\xb5\xcd\xafE"\xf2\xf3o\xde@Y\xb3\xcf?\xdci\'Ir\xeb\xb5\xcd*\xb6~\xe5\xf4\x1b\x95\xbe.\xeb\xf9\xc1\xc2]6\xf0h\x8d\xa6\xad\xd7j\x119\x97\x13\xf0\xfe\xbf\xe1\x88\xb3\x93;\x93\x8b\\88\x07\xa9r\xf5\xefp J\xaf\xac\xff\xb5^\xc4\xda]\x19\x9f\\8\xcd\xd2\xd7T\x08\xccj-\x85\'1\x94\x95\xf8\x9f&gt;\x12\x97\'w\xc3\xa5\xfdp\x86\x08p\x891\rm\xb354\xc4\xe3\xc7\xf1c\x1b\xf0\x96\xfe\xc7:\xc8\xb7\xbe\xde\xba\x0b\xdf\x93{\x974-\xa6\xc5\xa5b+}|\xbc\xf3\xf0qeMG\xebP\xab\xd9ln\x1d\xaa\xa9,*\x16\xc4m&lt;\x1e||\x03F\xaf\x1d1\xaf\x97v\xe1\x82\x06\xad\xc4t\xc3~\xa5\xd9\xd8?\xef\xed\xec\xd4\xe9t\x9dP&gt;\xbb=9\xfb\xac\xaf\xba\xbaP")`\xf3\xe8\x1b0\xeb\xeb\x05\xa6g\n\x94W\x80\xc5*l\xb5\xcfG\xa3\xd3\xd3&amp;\xa5\xf2\t`=Aw\x9fO\xee\x0cm\xb7\xb5\xb5M\xcd\xcd\x95\x14\x0b\xd8\xbck\xc9l\x07Z\xa6\xa3\xe14+\xa6Y\x92$\xa0({{M\xed\xed\xbbOp)\xe1R\xea&lt;\xc9Phee\xbb\r\xb0T*)[\xc4\xea\xc2`\xc4\xdb=f\xbb\xa8=9\x13\xd3\xec\x90\xdc\xa3\xf3\xe8\x94\xedP\xbb\xa8\x00kwW\xb9\x0bX\xf2d\xd2\x89\x14\x9b\x9b\x03,\x0e\x9b\xcfg\xf1J\x11\xd7\xe7n\x92\xd1p\x87\x18-N\xca\xe5\x1e\x8f\x07H\xda\xaf\x0b\xbd4\x99L\x08K.O:C+\xd0G\x95\x14q\xb1\xf8Ub\x10\x8c\xfe\xc8\xe0j$\xc9\x8f\xc7\xb4\x04S!\x81\xae\x98\xd2\xe9p\xb8=\x1c\x0e\xbb{A.\x8f\x1csm\x03W\t\xc6b\xb1\xaa\xba@\xb0\xf3-\xe6\x86Qr\xebR\x1cw&amp;\x91V \x16B\t\xa7\xd3\xe9L"3\x8eJ\xe3\xee5)u\x98,\x19Z\xd9\x9eBX"\xc0j\xe0A#\xad\x1f\x99\n\x89&lt;R\x0b\xab\xb0\xe6Z+\xcc\x94\xc9$\x12\t\x17EQ\x9b\xa9\xd4\xb8\xbb\x17\x16\x01Z\x92\x1e9\x18\xacm\xee\n\x8b\xc5\xe2\xd1\x04\xc8\xc5T\x17I\xd9\x1a\x1dO^w0\x9c\x06"\xca/\x14:\x84P\x8e\xcd\xcdq\r\xd2\xcbdB+R\x8e\xb0T\x1c\xe0\x12\x89\xc0\xf6 \x17\xfd\x8a)\xb9\xc8\x93\x1d[\xa5&lt;g\xf6p8Cq\x85--\xc1aTB\x87\x83J ,\xe0\x022\xcc\xb5\r\xa6\x07.6\x98\x8b\xc7\xeb"\x88\x9f\x16H\xa6\x0cO\x1f\xb7zt\x98*\x9d\xa1\xfc\xc3\x8d\x8d\xc1a\xe1\xb00\x88\xd8\x1c\xd4\xf88P!\xb9LQ\xa5\xd2\x1e\xda\x9eR\xe1\xc5\x08\x8d\xe4\x81\\\xc4\x0eS\xd9\xa5}m+\xb2\xeb\xd0\n\x04[%\xb8\x80\xd5b\xb1(\x14\x8b\x00\x17\x0cB\x1b1\x16\xb8K\xa94)\xed\xce\x15\xe8"\xca\xd4\x1c\x96\x98\xb02\xd4ER\xf6\xf6\xb8\xacS\x89\xa8`\xf5q\xa1\x85\xdf\xd5Eb\x11\x8b\x02\xb0\x1a[\x82\x0eWJs\xd5CX\x8fr\x84\x85\xc2\x1e\xf4B]\x84}\xe8\x82!\xac\x93\xb3\x1d\xb3O\x87;\x98\xa0(aKs]]},V\xa7hi\x0c\x06\x1b\x87\x85.0\xfd\x8d\xe5\x93(\xba\xa6 \xbcT9,8L\xae1\x93\xa8\xe4\xc1\xd9\x9f\x8d\x9d\xb0\xe5\x00\x15,\xc1\xe1\x96\x16\x90\xcb\x02P\x8dA\xe10\x98\x0c\xba\x88\xb9P\xa8&amp;\x9d\xb03\xb6m\xe3\xb0\x07\xac\xaa*\x90\xeb\\\xc6\x0c\xd6\xe9\xfe\xbb\xf9\xa8\t\xf2*\x93\xa1 \x13`\x01\xc2%\xf4s\xa1 \'\\.W\nE*\xd2\n\xe5i\x1b.\xc8z0W\x15\x8b\'\xb62\xe3y\x08\xd3\xc7f\x84\x95\x06\xbf\x0b\x83\x80CqqA\x98R\\\x87\xc3\x01\\\x9b\x88\x0b\xb507\xe0\xc0\x8835\x07j\xe1D\x15g\x199m\x90\x0b_\xde\xd5z\r&amp;\x94\xed\x14\xd2\x08Q\xf9\xd13\x05\x97C\x88\xb0\x90^\xbd&amp;\x9d\xfd\nk\x05w\x11G\xbd\x8d\xa6\xb3\x1f\x98\xc1\xbaX2z\xf5\xbdh\x17\x04\x10D\xe5\x87\n\xf8)\xac\x18\xe2r86S\x90^\xa6N;J\xf9\xa9\x9c^R\x08z\xc0\xe2\xd1\xd9\x03f\xe6\xd2\x9f\xcd\xfd\x86I7\xe4C\x86\xc2\xfd\x0b\x04\xca\xa1\x02\x01\xbf\x10\xc5\xbcp\x04\x1eH\xb2A\xf7t\xd4gO\x86P\x0bA-\xa9\x88\xc5\xe7\xf3m&lt;\xdb\xf1+F,/\xfb\\;o\xd0\xbb\xc3\xed\xe9\x04\xc6\n\x94\xb747\x7fgin\x81\xb5\x08\xd1\x05\x91\n520\xe2Z\x9eD\\\xad0\xd7\xa3\xf9Y\xca\xc7\xdb\xb5\xcdf;e"!H\xd9g\xe3\xfc\xd8\xb4\x1b%&lt;`\xf9\x03\xe5\x00U__\x1f\xab\xaf\x83\x98P\xa0\xa0\x80\xfb\xe2\xe2\xe2@OE\x93&gt;\xda_\xdb\xda1\xdb\xd7W\x8d\xb1`J\x05\xac/\x0bLa\x19\xa6a?\x06,D\x05;\x0f@m\xfc}c#\x16\x89 0\x8b%b\xb1\x00\xd7L\xcfD\x93\xda\x8b\xb9\xca\xfa$\xd0D\x84\x05c\xd7O\xcc`\xfd\x0cXz\xc0\xd2\xa0@\x10\x06\x15\x96\xd8\xc6\xc6\xaf\xf0\x80\x8a\xa1M\xc8\x12\x89D\xd6\xd7G\x07\x00K=v\x8dU(\xe0#*~C\x83\xedu73X\xf3^\x10K\xe3NQ\xa9\xf1\xe5\x9e\x91\xd1\x08\xaa\x8d\x8d\xbfa.\x10\x0c\xb0b\xeb\xa333/&amp;\xbc\xb5\xe62\xa8\x1atd,\x86\x83\x06TCC\xc3\'\xa6\xb0rbm\x8eG;\xc7V\xd5/_\xbe&lt;|y8\xba\xb8\xbe\x1e\x89\xc5\xd0\xde\x18TD"\x8b\xb8\x81CO\xd1\xe9:\x1e\x17\xc4\xd9lA\x1c\xa0\xd8\x08kM\xc6\x10\xd6\x18\xc2\xaa\xd0\x18\xfa\xfb\xdf\xbcy\xbf\xf4nh\xc8\\\xbb\xfa\xe2\xc5\xcc(\x80E"\n\xc7\x80b}`\xb0i\xdeX\xfb\xf4aA\xfc\x98\xcf\xe3\xa1\x11\x90\xc5f_a\xbde\x0c\xcb\xadq\xeb\xf5&gt;\xa3\x11\xa8\xde/--\x99\xcd\xfd\xdeUu\xd3\xc4\x8c\x02M8\x8e\xcd\x9e\xd1\x99\x891c\x07P\x81X\xc8SP\x00\x87\x9bx\xcc\x1c\x96\xc1\xad\xd1O\xfb\xfa\xe7\xbd\xab\xd0\xbf7\xe6\x0e\xa0\x1a\x1bSOT\xcc,Fb\x1b\x91\x81\xe5\x8a\x1e\xe4\xab\xa1\xa7\x8f\x8b\x8a\x8a\xf6\x0b\n+\x1f\x16\t\xd0$\xcfj\xe03\xaa\x16\xc2\xf2\x19\xbd\xea\xc1\x99\xd1\xc5Q\xe8\x97zR\xafnj\x1a\xec\x19P\xd4o\xfc\x1a\x1b\xa9\xd0\xab\xd5 \xd6PY_e\x99\xd98\x0f\x8b\xb1\xa3\xa6\x18\x02\xbe\x8a\xc50\x96\xdem\xf0\x8eM\xf4\x8c46\xa2\x18\xd0\xfb\xe4r_T_\xe1\x1an\xa9\xfb\xc37\x16\xc7d\xa7\x11@\n\x0b\x0b\xabgk\xa3cc\x86yc\xebl\xb5D\xc0\xbaR\x8b!\xcb\xff2o\xe8uW,\x0f\xf6\xc0\x1e\xa8\x89\xea\'\xd4v\xb4\x1f;}\x93\x9b\xc2\xe6G\x8f\x1e\r\x8fG\x93}\xd5\x12\xa9T%-y\xd6Zk4wt\x94\xcd\xce\xd6\x14\x96\xc4\xb1\xe1\x19S\xeb\x17oT?Y1\x08\x83BJg\x1f[}?TP&lt;7\xd5\x16\xb2\xf7\xba\x1a\xbf\xfd\xfe\xc7r\x97\xdb\xde\x87gwN\xb5quu\xe9\xb1@ `s\n\xaa\x0bK\xc0\xfd\x18\xeb\xd6\xd5\xc2?\x84a\xac\n&lt;Uy:k%\xbc\x9d3\xa2\x94\xa7\x9a\ny&amp;\x1c\xc1\xe6r?\xa5Q:\xe7\xf0\xc9\xb0l\xd5\xd0\xb1\x9f\xb5\x11DiW\x15KTP\x00|\x98\xeb\x93\x0c\xff\x9f[\x1c\xb5d\xb2\x05\xb2\xfbwCT\xbf\x0c\xb3KJ\x97\xec\x13\xbc\xdd\xa1\xc5\xa5]\xfb\xef\xe7\xb6\x95\x9b\xc3\xfe\x00\x97J\x84u\xa1\x12t\x8c..\x9b\xea\xfbym?\x9b\x0f\x93\x1f\xaf\x8b\xc7*F\xb2!\xac\xe7\xddZ\xd9\xd1\xd1\xad\xfd\xb2A\xca~\x1b=\xfc\xfd\xa8\xfb\x9f\x08\x0b\xc6&gt;\x93sN\xd5\xb1\xfa\xa6\x98-\xe2\x98\xfbW~\x98\x0c\x94\x03\x147\xd1\xaet\xaa8"\x96H*\x12|:\xfd\xc2+-\xe5\xd9\xcew\x80\x8b-\xe5\x08\xe2\x08\xebBvz\x99\xdd\xff|K#}\x9e\xf6\xb7L"\xf3\xc4\xfb\xe5\xd0\x10\x9dN\x05\xfc)\x93N\x17U\x1f\xbex\xb9\xdao\xf4\xd9\xe5\x93\xc1\xe6@"\xc3-\xe7\xa6\xa1\x89\x1cQ\x15\x9b\xa3\xaa\xae]=\\*\x88\x0b\x1e&gt;-\x8aC:p8\xd8]\xf1\x8b5[\x17K$\xb8\xd0\xe6\xdd\x8eX\x03\x1e\x9d?\xb1+\xef\xd4O\xbb\xa9\x007\xdc\xab\xd1\x8c\xbbP@L\xfb\xe4I\xcf\xe4\x8c0\x91N\x94\x7f[N\xf5:K\xa4"pS\xc93\xbb7\xda\xd9o\x9e-{&amp;\xe1\xc0\xc8\xcc\xc6Xp\xcc\x00\xaf\xc1\xe7K\xb7#\x97\xf6/\x03Ot\x03\xe5\xdc\x0c$\xfc\xb8\xdfO\x8d\xbb\xc0^\xa9\xe5\x8a\xa6i\x9d\xdccj\x1aL%2 V\xf3\x8f\xfe0\xc6\xaa\xaa\x12\xa9\x9e\xfd\xe0\xf3\xd9\x9d\xa1\x95&gt;\x89\xa4\xa0D*\x15H9\xe8k\xc1\xae.\x1e\x87\xdd\xd5U\xf4\xeaV\xbe\xe0\xcd\xfb\x93\xd0\xf3\x8f\xfaG\x7f\xfc\xfe_\xb4\x9a\xefOZi\x16\xc7_\xb2\x89o\xb8/H\xcc\x8d\xa0\xd7\xc8\x0b\xcb%\xe5G\xb8\x10d\xc4\x17&amp;\x92j0\x8a\xd0D\xb6\xa0V\xc1\xb5HY(\x836\x11\xd0\x861\x05\x84m\xad\x83\xa5\xd0f\xb1\xad?ZA\xa0Dc2\x9ab\xdblp\xe3$\xb5\xc9\xe0\x18\xed4\x9bh\xb5\x9a\xa8M7\xabq\xea\x9eK\xfb\'\xe0\xa9\xa6/\xfd\xe4\xfb\x9c\xf3}\xce9\xf7a?\xd7\x04\xbc\\\x98\\a\xa2\x887\x07\x95\xc1`s\xbc\x7f)N\x0e@\xd0\xd5\x9b\x00\x0bfU\xa0\x12\xcb\x1e\xbc\xe9K\x91k\xd4\xa8\xe4I\xa9\x04\x81\x9cG\xe1V\x84)\x16\xf2\xcel\xa6}\xcdK;X\x98\xe1\xd6\xee\xe8\x14N\x82\xe8\xb9\x15gLN2\xf8|\xc6d \x10\x8f\xc7\x97\xfa\xfb{|l\x93\t\xa0\xe0?\xdf\x0b\xc0\x82C\xa35=yr\xf5\xcd\xdc\xf0\x1c\xb9u\x1e\x1e\xee\x8b M,R-\xb1\x18e\xa1bsy\xc5\xe7\xfc\xf8W\x86\xfb\xe8\xe1BRO(\xee4\xc7\xb9\x93\x93^\x13i\x07\\\x18X\xf9C\xecX\x9dN\x97`\x9b\x00+m\n\xcc\x90X4\xd9\x93\xab@3\xdc7S\x9b\xdb\xa3\xceD\xect\x14\xd4\xa2M\x80O\x88+\x00k5?\x8b\xc1\x8c\xf7\x11\x034\t\xa9\xf8\xcdpb^\xad\xc9\x04\x18\xbe\xa1!\xb66\x16\x93\xeb1\xd5\x82\t\xe6\xb2t\xda\xc4\xad-\x057E\x9b\x90\xb9\x19\x8b\x05\x90~\xaa\xfd\xe9\xca\x95\xdaa\\B\xcd\xb5\\,\xba\xac\xa4\x04\xb0\xcc\xef\xfe\x9d\x17\x87\xc82\x1e1\x80$\xe4\xec\x07,/[\x1d\xd2\xe9\xd4i\xad)\x9d\xae\xc309\xa1r&amp;\x00\x92\x9dN\xa4}\x8d\x0frX\xd5s)\x8f\xb1\x11\xe2J\xa3\xd1\xe8i\xb1K\xa8h\x0e\xab\x94\x05\xf5\x00\x89\x7f/OX\xde\x17:\x82\xe8\xd6\x86\x96\x9a\xe3@\x05I\x06\x17s,\xa6\xd3\xc9\xe5:BE$\xc8\xdcJ/\xe8\x16\x86nFe2\x9aXFb\x91\xdf]\xda\xdb\xc3a\xa3\xa3E\n]\xd77\xb5h\xe0\xf7h\x05\xa8\x95\x97C\xcc\x0e\xc5\x84\t\xc6\xbf\x9a\xb5\xdc\x00\xd7\x07Tz\x15\x04\xa1\xd7\x93\x07x\xa1R\x98\x80*4\x91X\xec[s\xb9ui\x93}\xc63\x16\x0c\xde\xbcy\xebf\xfb\x98\xa7\x13\x17A\x13QF\xa3M\xc8\xa0\nI\xaegy\xc9-JF\x8b%\xf8\xfdK\x8b\xdd\xf1\x00\x97\xad\xd6\x11\n\x1b\x84\x02\xb3\xd9\x0e\x93\xc9J\xe1\x82\xcf\xcb\x86\x03M\xc7tC\xcd\x11\x12\x0bE\x91&gt;K\x18&lt;\xb79H\x8e\xd75n\x11Be\xd1 @\xa8\x8a\x82\x02\x9a8O\rNF\x8d\xf9\x96z\xea\xa7m\xdc@\x8f)\xe4\xc4l\x95\xb3\x1b\x1b7\x92\xc9\xbd\r\x1b\x86\xe9\xd2\xe4*\x02\xe4\xd2\xe9\xb5\xcd\x11:\xe4\x96\x0cm\x8aZ\xc6\x82\xbc\xe7&lt;\x1e/8f\x84\xc6\x10Z{\x946A\x9b(3C\x14\xd0\xf23\x98Q\xb2j\x15#\xe0\x7f\xb9\xad\xe0\x07|\xea\x90SQ9;M\xc6\xc6\xa1&gt;\xad\xc3\xe4\xe9t\x02J3\xa1\xc3\xb0t\xa0\xaf\x94E\xaf\x86F\x10\x991jx\xbc\xe7\xcfy\xc1\xf0\xd3\x9a\x16\xbc\xb8\x08\xe4\x9a@ee\xe6\xf2\xf2\xf2\n4O\xdf\xa52\x80\xf5s\xff\xdeveC\x9c\x1d\n\x11]\x80u||&lt;\xbdW\xa7\xd5\xcam\x90\xf5\x1dP\x02*\xdbt\xb2~\xc9\x82P%\xb8\xbdT\xd6d\xb7\x84\x83 \x16O\xa9iut\xba\x01\x8b&gt;1Ag\x15\x90X\x05\xb4\x8fyRK\xabc\\\xeb\xdf;\xfeaj\t\xc4\x122\xbf\xa9\xb5\xa1O\xfb\xd8\xfa$F(\x14B\xa1\n\x9b\xde\xde\xeb\xeeuH\x11Q$"\xa1\xa3MsF\x12K\xa9\xbc&lt;\xf2\x14\x92\x0b\xb0\xa0\x08\xe9eU$\x16\xfa\xbf\xf1&lt;a%\xbc\xd7\xe2\x8f\xa7\xa7\xbb\xfbC9\xac\x1b?\x00\x95-\xe6\xf3\xfa\xb0\x8d\x8d\xba\x81\x86:B\x85%7\xe4\xf5\x835"\x89\xd4\xed\xb6SQ\xb4t&amp;\xac\xe4\xe5&amp;\xa1\xd66\x12\x8blQ\xa9\x05@e\x16\xd3\xbf\xe4\xa5\x11,\xdcT\'\x16&amp;_\xf0\x93\xd3\xa3|\xa7\x93\xb02/T\xce\xce\xce&amp;\xf5Z\x06\xb7\xde\x96L&amp;\x87\xda\x83\xfez\xb9\xbeN;p\xd9`\x073@$t\xa8\xba7\x1eMP\xa3\x19\x81\xf9\xc7a\xf8\xa6\x16\x95n\xceQ\xfd\x9e\x9fee\xe1\x8f\x8f\x13*\xc2\xcb\xb8\xf3\xb2{\x08\xb08]\xcc\x0b\x17\x92I,\xe6\xfd\xa5GnS(T\xfa\x18\x9f\xffp\xa0\xbe\xe1a\xefS\xbc\x98^a\xa6\xc9&amp;PT\xf6`\xc6\x18\xd6\x84[[o\xdfv|W\x8bn6C\x0fAGW\xf3\x93\xf1\x94\xc2]\x1d!t\x9a~\xf9\xb9\xe7\x8e\xd3\xe5\x12X\x99]L\x9b^\xce\x9e\x0ctc\x98J\xa7n\x18\xf0\xfb\x07\x16\x07\x06\xef\xb7\xe2t\xe8N+\xc4\x13,:\xbd\xe9\xc1\x8c\'\x1c\x1es8\x1cmdnA)\xd2\x0b@*p\x0f\xda\x9f\x85y\xc2\xda\xd4\x13:\xd5\xc5\x0eo\x0f\x1b\xd4\x12p\xba\x84\x1c\x15\x06U\xe0\xaf\xd3\x13\xb1^\xe5\xf3\xdb\x8e\xa7\xad\x9f\xa6\x06\x8d\x86\xea\tr\xb2/\x80k\xa6\xb4\x9aT+\xec\xf1\xd4\xd4\xd4t\x1aD\x08`A\x1d\x8ae,1\xed\xdd\x87|\xcd&gt;\xe3\xbbDH\xf8\xb7\x8b\x02\x9f\xda\xe5\xe2\xb8\\V\x8e\x8bP\xb0\xaf\x05\xa7\xea\xea\x07\x94\x16\xdc]\xecv\x1bn\x8f\x8c(A\xad\x92\xaa\xf2\xaa\xaa\x92\n\xb4\x14\xb1\xf7A\x8f\xed\xb1\xb4\x90C\xac\x94t\x08\x168-\x9d\x8eR\xbf\xe4m\'X\xf8\xfa\xb1\x8eyq\x96\xc9V\xbb8V\x81\xcb*\xe8\xe0\xc8\x9b=w\x17\xef*[[\xc0\x12\xe0\xcf\xb68\xda\x8c\x83\x97kp*\xe9\x010\x1f\x96\xb1\x10&lt;\xa5\t\x8eY\x0c\x86\x08\x8e\xe3p\x8at\x16\x8c\xdbT*\xfds\xfefXJ\xe1\x96\xfc\xc6l\xa5 \x87e\x15p::\x88\x9e\xc6W\x7f\xbc\x9a\xc7#\xf6(\x04\xb9\xb4\xd1\xf0\xa6\xfc\xcaN)\xe8Uu\xbd\xfcz\xd5?\xca\x8a\xf06\xdeM\x0b\x8eK\xa5R\xf7w\xb9\xe8T\xea\xbb\xff\xe4q~\xa5l\xca\x93\x95\xccJ\xad\x1a\x12\xde*\x10\xb8\x16L\x8d#+\xef\xe7qI_8\xd8;05\xfaR\xce^Z\xf2\x0f\xf8y\x8d\xc3,1\x1c\xe4\xf5\xf2\xf2\xaa\x12j\xcd}\x9e\'j\xc7\xed\xd2\x16)Y\x8b\xd4Rj\xd1\xbd/\xf9\\\xebR\xc6\xb70\xe6\x05\xa66D\xe4\xb0:\x16\x18\xb55n\xb7\xc3`\xec\x81\x06\xb5\x8e\\Q\xc6\xb4l\xe8W\xfb\x03A\xa3%R]F~\x10+\xaf*^\x194F$\xb8\x04o\xc1Ep[\x17\x15\x17\xbf\xfb\x92\xdf\xf5)e|{\xef\xe5\xe3\x86\x10\x87\xd3E\xaa\xe5d\xd4\xe2-m\x0f\xfd\rCk\x10\xcb\xdfbm}g\xe7\xe8\xc8cIu\xba\xed\xc8DAU\xf9\xdf\xdf\xde\x1f#\xb1\xa4$V\xd1\xea\xea\xea\xc7\xdf\xf2\xbd\x02\xa7\xfc\xf5\xd2\xc9\xc9\xbeZ\xc5\xc9\xa9\xe5b\xb7\xf3\xc2\xca\xde\xf5\xa3\xa3\x1d\x88u\xf8\xb7\xb3\xbe\xbe~d\xb1\xa4R\x86H4*\xa9\xae\xae.EKJj\xee\x87#\x88\x14\x91\x1a\x00\xeb\xde\xaf\xaf_\x9f\xc7\xc3J\n$\xbe\x96\xe0X9\x02WG\x87\xb3\x87\xdfh\x99C+\xde\x1c\xad\xaf\x1d\xee\xc5\x0ec\xcb\x8b\x8b\xebWR\xa9\xb97\xd1\x07O\x90\xea\xdc.\xa2B\xec\x18\xd4D\x11i1\x0eX"2\xd7\xcf\xe5\x9b\x0f\xa5p\xbb\x81\xe0p\xc0\xb8\x04\x02\x8e\x9a\xff(|\xd4D[y\xbc7\xbdy&lt;\x9d\xdd&gt;\xcef\xf7\x96G\x0f^\xed\xfcq\xbb\xed\xad\xa4Zf\xfeK\xb9x\xd8?\x10\xb6\xdb%\x08\x89U\xfc\xec\xc3\xb9=\xcf\xc868\x05\x1cP\x0b\xb0\x08_\xfbR\xec\xe8\xc1\xca\xd6\xf6\xf6Iv\xf3$\xbb}\xb2y\xbc\x9b\xdd&gt;X\xdc\xff\xf4\xe9k\xe73\xb8\x95esc\xf5\rF\xbb\x14\x91\xe0\x110\x88\xd5\xf3{5rR\x1f\xfa.\x17G\xa8n\xee\xd1-\xef(\xf7\xb73\x9b\x80\xb5\t?\x99\xecff\x7f\xff\xd7\xd3\xd3\xd3\xb7\xef\'\xcc\xd5\xa9\x99^\xbd\xdf"%\xb1\xa4\x90\xf1o\xcf\xef\xa9\xd4\xa5Q5\xc9%\x80+\xc8\xea\xe4\x0e\x11\xb1\xe5\xb3\xde\x83\xfd\xcc.\xf0\x90X\x9b\xd9\xcc\xfe\xd6\xfe\xe9\xc7\xaf\xcf~/\x88zR\x96\x06\xf9\x12\xd4 "\xcda\xfdw\xfc\xbc\xb0(?\x1e\xa8C.R-\xa7\xc0*\xd4\xb2\t\xe0\x02\x7fX&lt;\xc8lme2\x19\xf8\xdd:8=]\xe9|OcE,\xa9\xe1\xb0\xba;h\xc0%\x08\xd8&lt;`}9\xb7\xe7\x81\x85\xe3\xbb\xd0\x88\n\x85\x1cW\xc8e\xed\xc2B\xd0N\xa4I\xbfZ[|\xb9u\xbc\xbb;zppzwe~^d\x8f\xa4R\xc3\xd1&gt;M\xfd\x9d1\xb7\x14A\xec$U\xd1o\xe7\xf7j\xb10;UG\xe8\xc1\xb9\x9cNA\x17SH\xc0|\x9d\xce\x19)X\xea\xd4"x\xc4\xc3O\x97\xe7\xe7S\xa4O\xd8\xed3\x9a;\xbd\x168CD$\x02\xac\x7f~8\xc7\xd7n\xaf\x17\xd5 \x1746N\xa7\x95Y)T\x11\x98*\x96N\x8f\x1e\x1e\x8e.\xaf\x9d\xad\x9f\x9d\x9d\xad\xef\x1cyRQ\xfbU\xbbH\xda\xa2\xf1+\r\xa2b\xa0\x82\x1b\xb1\xe8\xf3\xa5\xf3\xc3\xa2\x8c\x1f\xc0)\x92F\xef\x0c\xb9\xba`\xce\x17\xa80\x85Jw\xb8q\xbc{HJ\xb6v\x06\x17\xd0Q**\xb1\x8bDx\xcb\xc8`\x9bT\x82\x14\x7f\xc3\xfas\xfc&lt;\xdf,f\x06\xba\t\x95\xd0\xfa\x7f^\xce?\xa6\xe9\xfc\x8c\xe3rQ\x8c\x9c\xd5\xe2P\xdbk\xbb\x1ee\x15\xf3\x15-\xc3\xa3e\x1b\xb4\n\xd5\xde\x1c\xa5\xd74\xa5b\x11\xda\xc6J\xdb\x01\x81\xd0Z{\xfe\xa0\xe2\x1ah\xd9D;:\x07WI\x8b\x1c\x1a\n\xde\xd6*X\xe8\x10O\\\xe3B\xa1\x87P\xb7\x0e\x06\xa2\xec.\xbaH\x16\xbd\x9d\x8b\xdbe\xcf\xe7\x8bw\xfbg[\xee6\xbf{\x12\x02\x7f\xbe\xf2~\x9e\xbe\x9f\xe7)\xcf\xf7k\xb2\xb9\xad\x066\x87\xcd+\xaeH\xad0\xffyv\x16l\xfewH,\xa0\xaa\xae\xab\xcc\xf02\xc1\xda\xcb\xca\x90X\x80\x05\xc3\xe9\xd4\x03"/&lt;)\xfb\xfe&amp;)*\xe6e\x82?\xb8a\x03\xe2\x18dfsQ\xd7\xcd\x9b]\x85\xe5GO\xfd\x1e\xc5\xadv;\xec\xab\x80%P\xa9\xbb\x05\xcc\x97\x95\xc5$\xf4\xc0\x13\x1a\xf6\xc7P\xf4`]\x90F.\x06\xab\x06O\x06`7\x7f~\xc3\xd92:\xde\xa6p\xb5\x8d\xb6)\x06E\x0e/\xb0\x08Dj\x1dP1s\x98\x10\xad\x13\xc4^5#\xb9\xb8\\\xd4\x81\xb8V\x03f2\x99x\x06\xcc8{\xf3F\x87eP4\xe9s\xd8\x15.Q\xa5\xc3!\x10\xe4\x9e\xec\xac\xab\x13\xd0\xe9\xf4d\x04E\xb0Xx\xd1;\x0b\xadV\x9b\x16\xe4\xcad\x1b\xd0\x04\r\xa5?\xdb\xd5`q\xc1\x82#\xa8\xbfp\xa1\xbaN\xa4\xea\x14\\\xa9\x14\x89*\x99t\x18p\x80\xaa\x95h\xb1\xc0QoJ{\xaa\xdc\xc8\xeb\xad6\xc02\x98\xb4\xe0`\x03\xb3fi{\xfb\xb5\x13\xd7\xda\xcf\xff\xf2\xc0\xa1\xe6\xba\x13\x19\x95\xcd\x1aUN2\x99L\xa7#*b\x0b\x1e\xe7z\xa4\xec\xe9QB\x0f\x02K\x05(\x13\xac\x1bZ-\x8fW\xf1\x81\xf4\'\xb7\x0e\x9c\xbez\xf5g?&lt;t\xb0\xf9Z\xe7\xc5\x8b\xb0\x12\xd1\xc9\x90\xc3\x9c\xd6V\x18j\x08\xbe\x00_\xb1\xfa\x91\xffp\x0f\x80\xb9mV7\x17F\xc2\xccl\xad\x7fxX{\xf8\x83\x0fk\xb6\xef\xfc\xe6\xf9\xab\xe8P\xb7\xf9\x17\xcde"\xb4\xec\x08\x97\xa9\xc8\xc4\r5_b\xfd\xd1\xcf-t:\xa5J\xb7\xdbo\xcd\xcc\xce\xce6\xe1r\x99S\xdd\x1f\xc2\x92\xf1\xed\xf3\xa7\x11Vs\xf55\x01\x13\xb0\xe8\xcc\x1c\xaf\x17\x96\x9e\xa7\x97\x88\xc7\xaa\xd1r\xab\x1a\x9c\rR\xbfRi\xcdF\\\x06\x93\xac\xef\xaf\x81\xa2\xf2\xed\xe5\xe5;oe\xb5\x97]\xacnV\t`\xcd\xa1\xe3TL\xa1\x90\xfc\t\xd19\\A\xf9\xb8F\xcb+\x96:\x9d\r\xe5PaVmv6\x0f3\xf6=z\xd4%\x95J%\xd2S\xbdY\xf2\xb2j\x8d\xea\n\xf2\x05&amp;d\xd0\xdb\x8a\x16\xc4\xcf\t\x17\x8b\xf2\x9b\x1a\x9b\xc1\xc0]\xe6\x92\x80\xb5r\x8b\xcd\xc6\xd9?\xdd\xb8QUX^.\xcdj\x97\xcb\xd5"UF2\x1d\xc7\xf2Ba\t\x01\xeb\xd3\xff\x03\xd6v\x9b\x89\xcd\xb3\xf6\x00W\x8fDR%)\xacJ\x05\x93\x1fwJ\xaa\xa4\r\x16\x85]m\x179\x04t\x06#\xc2\x8c\x833\x00\x15\x0b\xb0\x16\x89\xc7\xfa\xed\xf6a\xe8\x86&lt;({t\xa21\xda\xe6\x94;\x9d\xf3\n\xd7hGK\x8b\xdc.R\xe9t^\xf2\xb6\xcb\x0b\x0b\x11\x04\xd5\x9aC\x07*\x16\x8c\x80D\xd7\xd6\xea?\xd4\xf83\r\x1cvq\x95\xd3\xf9\x18\x80\xe6\xe6\xe7\x07\x07\'Ev\x97|\xd4\xa2\xd6Uf\xb42#\xef\xd4\xee:[\x1bi\xf5z\x11\x15\x8b\xccb\xd0\twS\xd8~\x945Z6\x87\x83U\xe0\\\xa3&gt;\xdd\x9c\xce\xab\xd3\xf94\x83\xf3\xe3\x1a/\x93q\xf92z0\xea\xec;q/n\rd2\x83\xccb\xde\'\xfe\xa9\xa8}U~\xadA\xcf\xd1c\xb2\xc2\x9e\x8e\xd1\xc7\xf3\x93\xc0\xc2 G"\xbe\xfa9ox\xdbB-P\xed\xaa\r#*(,\xa1\x90\xc1b\xb1\xa6\x88w\xd3\xd5G\xba\x86\xb3\r\x9c|}&gt;_V\x84\xb8\x1e+t\xdb\xbe\xb5\x10\x0e{\xe3\xf1p\xed\xd9\xb3gw\xd5\xd6.\xc4\xa7\xa6@\xabd!\x1di\xc5b\xf8n\x13\x9f\xc4#]n\x84\x95\x97o\xe4\xcb*\xaap\xc1\xe6\xbc\x91\xb87\x1e\xb9\x0cR\x01_\x04A\xa1j\xa7\x0bY\x0c(-\x16\x8bp,t\xd2R\xe8\xb7\x99\x00+o`\x80/\xe3\x1eV6t\x8c\xce\x8f\x8f\x0fN\xfa\x10\x8bw\xca\x07\xe1\xc5M\x0b\xa4\x02$\x16\x83\xc1\xf0\xed#\x14\xab\xf4\xf6\x83{K\x13\xe7\xfc6\x03\'/\xaf\xaf/\xcf(+\xd6Z\xfd\xca\xf2\x16\xc5\xe0\xe4$\xba\x7f\x9b\x9b\xf3M\xc5\xd17\xf0B\x18\x00\xc9H(&lt;\x88\xc5*}\xf8\xfc\xe9\xd3\xe8\xf3\x06(y\xa4V^\x9e^\xc6\x856\xcd\xb5Zk\x0e\xd4]?\x99Lg1\xde\xde\xf8\xfaw7\xbe\xf16\x83\x05\\B\x06Y\x08\xee\x00z\xc5\'\x08l\xd5\x94\xb4\xbf\xcf\xf9^\x0cE\x1b\xdc_`\xe5C\x12\x8by26\x9bw\xf8\\\xef\xbb\x07\x7f\xf0\xd3_\xbf\xf7&gt;\x0b\xf9\'\x8b\x01\xfdY(LN\x16\xa2,\xb2\x18\x9f=!N\xaf\x95\xf7\xff\xe2\x9b\x9az\xf1\xb4\x05J\x1e\xcb\x1f\x000\x8e\x01:\xa2\x0c\xd3\xeb\xf5X&amp;Wy\xeeTV\x19Z\xc6`7\x84a\x99EO\xceM\x06.\x04\xb6\xed\xa3\xa1\'D\r\xf3\x94\xcd\x05O\xa7\xe2\xf1\xcf\xee\x1eukel}^~~&gt;\xda\x13el&gt;\x7f\x00\xcf\xa7\x1b\x8a\xac\xf7\x82FW\xd9)\xc8\x15\xd2sss\xd07n\xc0%$3j_\x84\x88\xcaciJ\xda\'\xe0\x02\x11\xdfQ\xbf\x95\x87\xe9\x81J\xcfa\x9bdf\x1c\xab\xaf\x0f+\xe6\x1e\xae\x92Z\xe4v\x8d\xce\x91\x01\xeb\x98@\x90\xd1\x99qe\x19\x8c\xf5\xe6\xb3\xd04ANOJI\\\xf4F"a\xc7Q\xbf\x8d\xc7\xe6\xe8\xf3Q\xee\x0c26\x16\x08\xa0\x7f{\xea+\n\xab$-\x8dr\x97]\xa3rtf\x00T%\xfa\x07\x86\x00q\xb1\xde\x0c\x0fE\x83\x84\x94\x17e\xcd\x9a\xc4\xef\xdf\r\x87\xc3\x9a\x9d~\x9b\x0c\xe3\x80X\xf9z&gt;[\x86a|,`\x1c\xe8\x1b\xa8PJ\x1a,m\x08K\x04y\xecD\xcf\xe8\xaa*;\xaf\x9c\x04,\xf2\x9b\x1f\rMO/\x12\xf1=\xf3\xa5\xf4D*\xf5y\xf82\xfd\xf4\x197\x17O"T\x97\x1e\xc3\xb0\x00?\x80\xd2\x08X\xd2\x8e6\xb9B\xe1\xea\x06.\x95J\'\xd2\x88\xf0\x8b\xf9\\\x1c+4\x1d\r=\x19\xbb\xf4\xaa\xbfl\xa6\x94\x00\x15i)\xb2\xf1\xfa\xaf~\x0cXlP\x0b9\x04\x87\x8d\xf1\xf9|\x94\xc5\xbcT\x94B\x85\x02]\xa4\x03\x90F\xd3\xdd\r\xbfU\x95 \x17\x9d\xfc\xbdg\xd33\xd3\xa1\xa1\xd0\xe2\x18z\xad\xc6\xab;[\xa4\x90\x10\x15\xf5\xf6\xdd7N\xe0X\x86e\xac&lt;$\x97\xd1\xc87B\x16\x03\x12K\x96\x02a\xa9A.M\xbd\xdd\xa5\xbe\xd8\xdd,\xc2\xfd\x82\xfc\xfa\xd0\x0c\xc2\x1a\nEC\x8b\x0f\x1e\x8c]zE\xaf\xfc\xa0\\ZC\x82\xa0\x96,\xb2\xae\x1f8\xe3\xd6\xc2\x82\xaf\xc7\xd5\xd2\x83V\x00\x051\x90z\x0e\xc4\x92\xe3X\xf5\x1aM\xbdZ!/\x83\xc5\x1f\xb9E2ya:83\x13\x82\x88\x0e\rE\xa7gb\x13\x0f\xf7\xbd\x022\n)\x85J\xa2!\xb0\xb1\xb9\xf7\x0e\x9c\x81\xfd\x10\xc6f\xfd\x97X8\x98\xb9\xa8\xa5\r\x85\xdc\x85\xb2\xa8\xb1\xcb\xd1\rDu\x9d\xca\x01r1\x9e\xf5\xc7\x823Q\xa0\x02\xc9\xa2\xd3\x00\x16\xec_\x1a;\xf2?\x92\x95\xd2R\x12I4\x1c\x8b\xf6\xe9\xfb\xefn\x07,\x03\xcc\xa7(\x8d8\x17He\x0c\xa4\x16\x9e\xeb\xe8\xb0X\x1a\xdb\x14j\xc0\xeaV\xb45\xf6f\x95]\xd4 \xac\x9cm!q?\xc2\x8a\xa2T\xce\x04_Fli\x8cJY\xf1\xdf\x91Q(\xa5%\xe9\xbb\xd3\xa94\x1a\xe2\xa2\x91\xc6&amp;\x0f\xd6\xe0X\xd0r\xd8\xe8\xb3\xa8\x87\x9a\xc7\xb1\x8a$=\xce\x16\x84\xe5\xaa\x87\x14\xca\x1b-8\x16xkFN\xc4\xb3\x07\xb0@\xa5`p&amp;\x14\x1c\x19\xf1x&lt;#\xfd `\xcc\x83\xbf\xf2\xe6k\x93QV\x96\xec^\xb7vm\xca\x1a\x10k\x15\x92\x8bF\x9d\xb8vfx\xb8\xd8\xc4F\x86\x8a{\x04\x07\xaf\xad\x80\x19\xd9\xa9\xb3e\x14\xb0\xba\xbb\xbb]m\x96\xc6^\xb4\xc8\xea@.z\xa8\x00\xb0\x82\xd3PT\xfd\xc1hp\xc4\xd3\xd4$\x16\x8b\x9b\x9a\x10\x9c\xe78zS\xd0\xd7\xc9&amp;\xa5\x94\x9a\x9e\xb6n\xed\xd6o\xac\xa7&amp;\xe2X\xb8\\k&gt;?\xe4\x1e\xd6f\xb21\xbc\xff \xb9\xf4\xc6@\x00a\x15\x15J\xa4\x1dH-\xb5\xdd\xae@b\xc9\xd5\xdd\xc8\xc1\x1c\xadM[\xf7\xc6bA\xa0\xf2xb\xd3\xfd\xa0\x15`\xed\x85@p\xc06r\xef\xe1W}\xe9\r\xa5\x94\x96\x9e\x96\x94\x94\x90\x90\xb0~\xf7f\xf8\x0c\x02\xd6K\xae\xb1\xf1S6\xf8(\x82\\\x1c\xbd~\x99\x0b]k\x80Z\x85\x92\x9e\x06\xbc\xb8\xd4jEccV\x16z\x04\t\xac&gt;\xe7y\xd2\x96\xa6Xlf&amp;8\xb2W\xdc?\x03Z5\xe1r!\xb0=\xf0\xb3\xd4\x04\x19\xbd7\xf6Uz\xc0\xca\x92\xb4\xa4uII\x1b\x12\x92\x126$\xbdFZ\x95HZ\xb5\n\xe7\x02\xb2\x87\x8arn&amp;\x8f\rzq\xbeH$\x1f\xcfb\x05\x94W\x0b\xf4\x1f\xb5]-\xefE\xd7\xb2\xd5\xe0\xab"\xc7\xe4w\xd6\x1d\x1b\x81J\n\xf6\x8b\x8f\xed\xed\x8f\x1d?vl\x0fN#FtMb\xfcO\x90\xcc\x83\x9b\x06\xe5?\xb9\xd4\xe6\xb4u\x10\x00\x96\xb0a\xd3\xa6\x94\xcd\xa4\x954*m\x99\x0b\x82zO\xae\xe4\xc2\xf4\x87\xa8\xe0\xe3\x88O\xf5P\xf3\x013\x08&amp;q\xfe\x13\xab\x1d\xc7R\xf9\x96^\xdb/FX\xb1\xa6;[\xee\xf4{v\xec(\xd8\xb2\x03\xc5[o\x1d\xc7\x01q&gt;\x94\xcb\x91{\xf7\xff}\x99QH\xe9\xc0\x83c%\xac\xdf\xb4i\xf7n\x84\xb5\x92DZE{\x89E+\x99h\xb3j\x8by\x06\x8c\x03d\xd0\xb1a\xdc\x1a0bf\xb3\xb9\xab\x08\xbau/\x14\x97+\x0b\xec\xa1\x1d|U\xa4s,\xa6\xac\xbd\x03i\x8a\xc5&lt;{\xb6\xfe\xe8NL\xbcc\x0b\x8a\xfd\x05\xfb_FA\x01\x10\x1e\xdb\xb3W\x8cr9\xf2\xe0_\xf6MJ)\xe9\x1f]\x9cAh\xe4\xd6\x19\xc7\xe7=\xc6\x82\'\xdeH\xa0\'$\x84O\x83\xb0$\xf6 \xcaV\xc4\xe8b\x10B\x03\n\x19\x1bc\xd6\xd5\xb0\xa1\xa1\x97\xb8Y\xf0-\xd4\x04\xe9\xd0\x18\x81}3&gt;\x04B!\xc6\x87@!\xb4\xa7\x82\xafM!{\x98\xb2d\xa1\x87\xa6\x97\xb6\tI\x13H\xebv/{(\xb4\xd0\xff\xf7\xa4]/\xfdvf\xc0\xeb\xf5\xccO\xff\xef\xff\xfd\xbf7\xcb\xcezh\x9e\xa9\x85\xe2\xba&lt;\x9b\x15\x9b\xd3\x8dA.\r6\x13\xb7g?\x87^p\x17\x15&lt;Oj\x9d\x9c\xcc\x11\x12\xfb\xf49\xad\x0f~LX\xc3\xe7\xb5\x9e\x17f\xb4\xa0&lt;\xf8t\x19\x99I\xf5\xc7\xac)\xd3\xa1\x00W\xe26\x14\x04\x84v\xff\xba\xbe\xb9A3\xff\xff\xc4\xf8\xe6\xca#\x97\x03\xc9\xf6@d3\x93\\\xef\x14$\x97\xb11\x9dNG\xae\xd5\xed{\x87? \xb9v\xa0\xd7\xce;\xef\xd2\xba&gt;\x99\x1f\xcd\x8f\xf6\xf4(\xfeH[\x8br\xf5\xa7\xff\xf5\x9c\xbe=\xa7\x0e-\xd7\xca\xec\xaf\xcf\x95J\xea\xba\xac\xeb(\xd5xY:64\xeb\xa8\xda\xc5\xf5\xcd?o\x9e~\xfd\xca\x7f\x87\xf0\xe6/E\xc8\x88\x8a\x85@\n\x1d\xad\x98\x03\xc0\xd8_m\xc0]\xc1\x06\xc0\x86&gt;\xce\x8c\xdb+\xea\xe2=\xf2=N\\;\xbf\xb9\x07\xad\x8ev\x8f)!\xb0\x17I\xac\x07P\xeb\xaf\xcfC;Y/\x10\t\xd7\xcb\xaa\xe7l\xfdiM\xcfO\xdd\xb0,%e"\x93$\xc9q\xcb\xf3&gt;\x07m\x99f\xd5\x92\xa4\xbd\xb9\xb3\x94\x87\xc9\xb3\x89\x03"Q#\x89\x89\x1a\xe9q\x9bC\xaeM\xe3\xce\xf5\x1b\x9b\xe2\xe9\xfe6\x16#\xe6\x11X[[[\'\x07\xc8\xad\xe3\xbd\x01\xeb\xfe\xd9\x19\xfde\xe5O\xfe\xf0\xb7\x82\xcb\xb4B8\x9d/\xab\xc8\xe6\xe6r\x89Ke\xda$\n%%\xdd%\xe1i\xbe\xbc.\xd3\x0e.\xc3\x0f\xbc\xe8^h\xa1s\x08\x04\xba\x8cA&amp;\x02\xb4\xe1,&lt;M\x11\xa0\x81\x811}\x81E\xfe\xfa\xf6\x93C\xfa\xf7e\x04\xf5\xe8\xe0d\xbe\xbbKX\xa7W\x88\xd1_\x9da7\xde\xff\xc5\x07\x9f\x7f\x11s\x19\xd1\xcb,\xab6\x93\\6\xd7\x11\xe1X/J\x8d\x05( \xe5\x84\x95uUE\xe3\xa9\xa1~\xa6\xa4e\x87\xccRI\xa2\x08\xcf\xb6I\xb7\xd1Z\x8cq\x11h\xb9\x82\xe9\xc6\x1dX\xf0\xfb\xdfn\xe3\x10\xa8\xb9\x0e\xb7\xe7G\x94\xf2o]^`]_]]\xbd\x7fv\xff\xa3\xbf\x7f%l\x19\xb5\xa0Z\xb4Y\x94\xb8Nz\xde\xc9\xba\xce\xf5\x8d\xfa\x96\xd3C=\x00\xe9/\xfa\x06\xbe\x1f\x8a&gt;\x95\x92\xe4\x8a1\xea\xb52\xf5\xf8Q+\xb5\xd4P\r\x90\xdc\x05\xd6\x06\x86\xd1\r\xa6Z\xb0\xd1\xf7\xdf|8\xdf\xd9\xd9z\xb4\xf5h{{~\x00g\xed\x1e\xef\xed\x81\xeb\x02\x85^&gt;\x7f\xe2;2Z\xe3\xca\xabu\xd3K\x9b[Yk3\t\x035\xf9XI"_\x165\xb1n\xb4\xf7\xdb\xf5\xba\x9b\x84u\x99\x98X}\xb9\xc5l\x02\xb2\x1d\xf3\xd5\xc2o\x16\x05wc\x1f\x87S\xdf\xbf\x9bF\xdaDO\xfe1\x7f\xe7\xde6\x92\x155G&lt;\xa0\x8b\x9f\x9c^\\\\^^\xbc\xff\xd9\xb7\xbe\xeb\xc8f\x8d\xc0\\\xa7Mbq[\xca&gt;i\xd2ZZ\xaa)\xa1\x8f$&amp;5zk\xf4~\xddP\xd0v@\xcb&amp;u\x0e\x9d\x12Evg\xdaZC\x92\x9aC6h\x93\xe1k\xa5\x8a 0\x0c\x03\t\xf6\x12l6\x0bo?&gt;\x18\xa0\x0e\xb4\\d\xfa\xd3\xcb\xcb\xcb\x1f\xfe\xe7\x1b\xdfe\xb2\xc9\xd6\xed:\x8bzer\xce\x9a\xbe\xa6\xd8\xacR\xcb1\x15\\\xa4+-_T]\xd7M\xad\xa3U\xd7\x84\x1c\x18\x86\xa19r+k\xe4\x19\xb8\x98=\xa0\xaa\\2\xaf\x88\xe3x6}%\xbf`\xfc\x0f\x89j[\xab\x05{\x1d\xc3^\x97\x97\xfb\xb7\x8f\rP\xf5\xe9:\xcb"He\xbb\x86\xe1\xbb\xdc\xca3,\xc0\xae\xee\xa5\xe3\x1b8\x08\xa8\xbc!2"\xa1tE\x90E\x94\xa90b\x9aN\xcc\xd0\xc6\xf9o\xa5\xd4\x00\x00\x03\xccIDAT\x86!\xbf+-\x12\x1b\xee\xf4\x0b\xdf\xc2\xb6\x06"\x1bt\x84\xa2\x9c\xeb\xf8\xd2\x01F\xab[|\xfd\xec\xe8\xf0\xb5C\xa8\xa5\x83\xeb\x8d\xe3\xb7\xf6\xf7\x8f\xbf\x8b\x05Q\xe9%\xd3K\xc6}\x9b\xb6\x19\x824]PRDi\xdb\xd6\xdc\x08|\xab\xd7\x95c\x03Q\xdcC\xcc\x16N\x04VSN\xa0\x81\xef\x0b\x11\x17\xc8\'J\x88q\x1d2:&gt;\xc0l^\xe1\r\x05E\xf5\x05\x14\xe0\x1a\x04\xdb\xd0\xc1\xfa\xd5\xb3\xbd\xb7_C\xc2\xcf\xe7\xf4\x01\xeb\x87{\x0f\x7f\xf7\x17H\xc3T\x8f}\xd7\xf7\x89b\xae\x88][\xe5\x90\xa5L\xab\xf3\xf3*\x85\xb3\xab\xf3J\x16\xb1\x8c\xfa\x84\xfc\xd5\'\tl\x95\xe9\xcd\x88\x01\x89\xca\xbe\x9e\xc4\x02\xef\x97\x8d\x95 2\xea\x98\xd2\xaaQ\x17a\x7f\xd8\x1d\x8d\xf3c\xcd\x86\x87\x02\x7f\xba\xc0\xa1\xf0\x0elf\xe4\xcfN\xdf8\xa4\x1e\xeeR\xbd\xfd\xfdcP9\x98!0Ii9x\x1f`\xe0\xb2\xfd"\xc4\xdaA\xb6.2\x04DZUpv\x99;\x18~\x93A\x07YS\xff\x16\xe7\xa0J)3&amp;\xf8\x11ce\xacP\xc4\x85\x95C\'\x07\x87L\xeapB\x82&gt;1\xee\x03\x96W\xf8\xc2\xe7\xfa\x0c=\x1d-6\x0b\xc2\xe7g\x0f\xb5\xb5\xf00\xffN\x80\xca\x1e\x9d\xaa\xf0\x1c\xbe\xe1\xcfb/\x16\x86\x88=&amp;\xcbnQe\xf0v\xaaw`\x96;V\xae\xf0\x9a*\xa1(\xc1\t\xa7mK\x0c)\xb0\xc4\xca ,\x80A\x08nc\x1fz\x05g\xcaq\x0b\x97\x98\xa0\x14a\xe9\x1e\xa2x\xe1\xba1GZ\xd0&amp;\x1a\xf5\n\xbc\xa7\x9f\x9d\xee\x82\xead\xfe\xe7?\x11\x15\'\'\xd2(1$\x0b,\xe2zfl\x90S\x8a\xd0\xca\xa3.\xc3\xd8\xd1\xc8uY\x93\xa5!m\x96\xa4/\x87\xa5\xb3\xccR\x04\xba\xc6\xa2\x16\x0e\x15\x80\x0cj\xa0i8H\x00\xca\xa7\xae\r:\rP\x8e&gt;\x80\xc51\xa7\xf7\x8d\x9bc+\x11\xf8\xc6\x17\x9f\xbfw|tr\xf2\xeb\'h\x98\xeb\xda\xfaT\x8b)\xe6\xaeo\x9a\xca\x8a=\xcb#\x97P+=\x0b\x19O\x07\x08\x1c\x1eJ)\xd3\xce\x12\x0c3\xa9\xb7\x01\x96T\xd6(3\xe9e&gt;\x01\x15a\x05\x81~+\xb8\x82\xd6\x85o\xcc\x04\xa0b\xea\x99\xaf\xfb7j\xa5\xbdO\x9du\xb91\xa3N\x8e\x8a\xcd\xfc\xee\xcb\x07{G\xff~\x1c\x18\x02\xdf\xc3\xec\xd8\xfa\xac\xe6\xc6\x86\xa1\xa2\xb5U\xd8\x1e\x9a"|(\xe6\x17\x8c\x9a\x84\xd0L\xcb\xdc\x0c\xad:-\xbd\xc2\xe9\xd3v\x81#\xf4\xa2\x8a \x96L\xac\x04j\t\xdd\xc3 \xa0\xa3z\x80F\xc2\xa5\x01M\x00`b\x03W\x88\x1ej(3\x1c\xcdE\\\xb6\xc0\x85\x0cd\xc4e\xa4_&gt;\xf8\xfeu\x04\xae\x1f\xbb\xeep~\xe4.\xb4\xb2\x82\x95\x99v\x8d\x15\x16\xb11\x80\xf9\x85)\x93\xbal\xc1U#0M\xabIC^\xe3@\x83\xddY\xb5\rM\xa6\xc9\xe4D\x8b+\x8c\x00X\xb3`\x1a\x04\x823\x9b\xe4\x86AM\\#\x9c\'\x86I\x0c\xa9\x81\x94&amp;\xb1~DF\x06\xf4\xce\x91\xb0\xa6\xe0*\x9f\xbeNZ\x83\x19`.\t\xe6\xc6\x8eS&amp;B\x84u\x97\x81\xc0\x8bW\xda$\xc2c*\x81\x97\xa8\x89t\xad\x8e\xcc\xf2$jq\xfeYV]\xadt\x12X\x98D\xd2V\xac4\x19\xbdA\r\x02\xed\x02\x8fYf!\x02m:j\xa5.4\x98\x9a\x1b\xa2\xcf\xbe\xc5\xd1\xfe\x97\x8a\xcdf\xd3\x19\xd6\x93\xa0g#\xbdl\x87\xbb\x86\x08\x93\xac\x8e\x85\x97dm\x96C1\xa1\x07\x1e}T\x88\x88Vw\xd1t\xc20\xe9\xd2~\r\xac\xc5:\xc5\xa2\xb2X\xe8\x00\xebeQR\xa0\r\xc1\xa6\xa1c\x06\x81R`\n\x80I\\h\x1c\xbd\xe2\x18b\xc0\n\x84\xe5\x8a\x11l\x98\xc8\x19-M\xe2",\x9cA\x14\x9f\x05\xb1\xca"V\xf8\xac\xce\xba4a\x85\xa0\x81\xc7E\x86y\xd9\xb5Y\xdaH\xc4\x11\xc2\xa4\xae\xaa\x0c\xde\xa2\xcc\xa2\x1c\xb3C\xf3\x7f\xb5\xc2$\xc6\xba\xdc\x92@\x00\x00\x00\x00IEND\xaeB`\x82'</t>
        </is>
      </c>
      <c r="M466" s="3" t="n">
        <v>45492.67829861111</v>
      </c>
    </row>
    <row r="467">
      <c r="A467" t="n">
        <v>1119887</v>
      </c>
      <c r="B467" t="n">
        <v>1967</v>
      </c>
      <c r="C467" t="inlineStr">
        <is>
          <t>Léo Linck</t>
        </is>
      </c>
      <c r="D467" t="inlineStr">
        <is>
          <t>L. Linck</t>
        </is>
      </c>
      <c r="E467" t="inlineStr">
        <is>
          <t>GOL</t>
        </is>
      </c>
      <c r="F467" t="inlineStr">
        <is>
          <t>GOL</t>
        </is>
      </c>
      <c r="G467" t="inlineStr">
        <is>
          <t>GOL</t>
        </is>
      </c>
      <c r="H467" t="n">
        <v>194</v>
      </c>
      <c r="I467" t="n">
        <v>24</v>
      </c>
      <c r="J467" s="2" t="n">
        <v>36952</v>
      </c>
      <c r="K467" t="inlineStr">
        <is>
          <t>Right</t>
        </is>
      </c>
      <c r="L46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083cfe3c-65e6-4f56-a0f9-db13edf7fd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f\'T\x00\x00\x00\tpHYs\x00\x00\x0e\xc4\x00\x00\x0e\xc4\x01\x95+\x0e\x1b\x00\x00\x03\x00PLTE\xff\xff\xff\x01=\xab\x01G\xbf\x02I\xba\x01A\xae\x01X\xd3\x01D\xb6\xfe\xfe\xff\x00Z\xd5\x013\x9b\x017\xa3\x01U\xd1\xbe\x80v\x01C\xbb\x01A\xb3\x019\xa8\xdd\x9a\x91\x02N\xc3\x015\x9f\xc4\x85{\x02I\xc4\xcf\x88\x80\x03M\xbe\x00S\xcf\x00_\xd7\xbd~qE45\x00)\x8c\xe1\xa0\x96\x01M\xc8\xb4ti\x000\xa2L::\x00\x1es\x012\x98\x04Q\xc6\xc8\x8d\x84\xd0\x8e\x83\xb9zo\x02R\xcb\x002\xa8\x9d]T\xc8\x86\x80\xd9\x93\x85\xd6\x8e\x806&amp;(\x01&lt;\xb1?*(F.+\xc1\x89\x83\x01E\xb1\xa5bY\x00*\x90\xb6\x80~\x01!y\xc9\x89zkLK\xff\xff\xff=.1\xfb\xfb\xfb\xc8\x83w\xa6oj\x94c^\xd3\x91\x88\xba\x86\x83\xa8k`\x9edZ\xa2i`\xb7d_V&lt;:\x97WM\x95_U\xacf]\xc3\x84u\xb2{x\xacum\x01,\x9b\x00$\x80\xcayj\x02=\xa5\x8cSJ\xafla\xbd\x82|\xc2p^\xe4\xa5\x9d\xbasm\x00)\x89\xdc\x98\x8a\xb2ng\xc2\x8e\x8bvGC\xb3yo\x01=\xb7\xd7\x84\x80\x9bgba&lt;9\xd2~z\xabpfM42\x8fZRVCC\xd3\x89z\xc6\x7fp\x00+\x96\x88XR\xd0\x84ul]b\x010\x93\xb8\x7fw2 \x1d\xb8hW\xd0\x9b\x9a\x9flg\xe4\x92\x91\xbbne\xcf\x7fo\xd8\x92\x8c\x90^X\x00&amp;\x85\xc4{w\x00\x1cn\x7fTP\xc4ubkTUV3/\xf5\xf5\xf6\xbfxp,!\'\x92ji,\x17\x13\x80ME\x93su\x86hj\xc5ri\xbflZ\xc9\x94\x92\x19\x0c\x0bjEB\xe9\x9f\x9dwPL\xe8\xb3\xaf\xd9\x8b\x87\xd9\x9f\x98\x016\xad\x88]Y=#\x1e\xabxt%\x17\x17\xe3\x87\x88\xeb\xed\xf2\xe5\xae\xa6\xe2\xe2\xe5\xe8\xa7\xa4\xb0]W\x97RE_NN\xcb\x92\x89\x8bLDydf\xa3XL\xd3\x93\x93\x83cc\xa4\x9b\xa1\xe0\xa6\xa0\xa9^N\xe6\xb9\xb4\x9d|}\x9dqn`EC\x04X\xcd\xca\x7f{\xb2cQ\xd8tt\xc4rpz&lt;5\xb0\xa5\xaa\xcbxtI"\x1bo?9\xe7\x99\x98\xc0ie\x82[V\xceon\x00\x1ag:\x1a\x14\x9d\x85\x8b\x9e\x90\x98\xd5\xa5\xa4UJNrgo\xcf\x97\x8b\xcc\x8a\x89\x89a`vZZ\xc4YX\x068\x9a\x88y~\xdb|}V(!\x8aor\x00e\xdc\x84E&lt;\xb6\xb1\xb5G?D\x9eEH\x8c}\x85\xc3\xbe\xc0\x8f\x84\x8b\xdf\xd9\xda\x94\x8a\x94\xed\xe8\xe9^T^\x8e7;\xce\xc8\xcb\x80tzIq\xbfzot\xe0\xb2\xab\xcb_ag/&amp;\xacOR-`\xc3\x00\x17b\xcdgf\x15Y\xca_}\xbd\xbbKR\x9e5;\xde\x9a\x99\xd4\xd1\xd2\x8f\xa6\xd2/Z\xaf\xc2\xa1\xa4\xc9\xd4\xe8\x1eX\xba^[\x84\xc7\xaa\xaf\xdbgi\xe7ww\xdd\xc7\xc9\xa9\xbb\xdb\xbf\x96\x98t\x93\xcc\x82\x88\xb7\nD\xa9\x1dL\xa2\xd3\xb3\xb324?8S\x9b\xb7\xc5\xe0Kd\xa7\x1bN\xb0\xa3\x95\xaegu\xaa\x01\x12W5F|=\x8f\xecw\x00\x00 \x00IDATx\xda\xc4\xd9\xdfO\x1ak\x1a\x07\xf0\xdeq\xd3\x0b\x92\xc6\x8bN\x8c\x99\x8b\xba\t\x052sb\x1a\xc9Pq\xd5\x0e\xf4\xd4\x84@\xb1\xa1\x8bi\'\x0e\x83AR8\xa6H\x1a\x18\xa8B\x95\x96pj\xa4\xa6\xa5\xcb\x14\xfc\xb9))\xbb\x1a\xc8\x9a\x18\x03[MX\x1a5\xe2\x0f"1q/\xf5\x0f\xd8+o\xf7ygl\xcf\x1f\xb0\x9d\xf6\x89 \x06\x93~\xfc&gt;\xcf\xbc\xef\xbc\xe5\xca\x95\xff\xbb\x14\n\x85\x1eJ!\xd5\x95\x9f_\x88\xa1\x8f\xbcM\xa7\xcf\x8f\xeb\xe7\xe9\x88^\xff\x8d\xf7\xf3H\xf0\xa5\x8f\x1c\x1d\x1c\xd7W\x0f\xab\x15O\xa3R]\xdc\x11\xab~pt\x14\x01\x98\xe2g\xa4\x04\x8f#\x10\xed\xef\xefUOx\x8eeq\x8e\xc3w\x05\x81\xe38\xc1Si.\x1e\x1fD~tdR\xe7\x0e\xea\x8b\x1b{\'\xb9\xc9\xc9\x9c\x8e&amp;\t\x82$\xb4^\x82\xa5qxI\x10\x18\xd8\x0ew~\xa8\x0cL\x88\xb4\xd7&lt;i6s\xb9\xad\xad-Q\x05(/\x81\xb3\x80\x83\x17^\x8c"1\\8Y=R\xfc8U\xe4x?\xe7\xe1y\x1e\x81h\x9aeQ\x03\xa1{4\x9dG,\xe4\xd3R\x18\x81a$V\xde?\x8e\xfc\xa0\x11\xd3\x1f\xacz8\x81\xcf\x81\x8b&amp;\xbc\xd1h\xd4\x9b"\xf1\xbcN\xc7\xeb\xf24\xb0H\xad\x04\xd3R8\xce\x12\x98g\xe7\x874R\x11\xa97\x05\x9c\xe3s9!\xcf\xa6\xa2\xafPE\xbd\x04\x86\xd3\\\x9e\xa3\xc3$Ib$\xe1\x9d\x05\x17\x0c\x18\x8e\x93,\xbf\xfaV~\x96B_\xaf\x088&amp;@\xcf\xd8\xd4\xba\xa4\x82\xf2\xb2y&gt;\x99`\xc2E\x92\x856\xc2lAZZ\x04\x83\x12\x16\xe5\xcfKq\xd0\x148\xf8\xb7(\x82HEg_\xfdQ)&amp;\x11&amp;R\xa0"R^o\xd4+\xcap\x9c\xc6(\n\x17\x16\x8fdv\xe9#\x8b\xa0\xa2\xc4&lt;$\xd5\xec\xa5-\x9a\n\xeb\xb6x\xe8b*\xe5M\xc1#:;;KP4\x07,p\xc9\xdbG\x85\xe2\xfc\xa4\x8cch\xd0\xe1\x0b\x99\xbcDT\xe4E\xd7\x8b\xcc\xdaf2\xbc\xbe\x0e&amp;\x82%\xb5\xe8Z\xd0j1\x0e\xa7`\xc4\xca\x8boeM+\xb2\x9a\x13\x10\x0b\xa2\x00\xce\xac\x96`\xf3$\x00\xe0\x87\xf5Z)\x99d\xc25\x12\xe2b\xc5\xc5\x15"\x83\xabQ@\xe3E\x95w\xf4\n\x19\xc3:\xdah\xf2\x1c\xaeE\x9d\x83\xf9!\xc80\xcd0dq\x1d\x92\x81\xb4b33I\x06T\xb0F`\xb4N\x97\x87o\x04W\xc6\xe0z\xc40O="c\x13\xcf\xf7\xab\x1e\x01\x87\xac^\xcdF\xd7Sa\xa6T*1L\x98\\GU\xac1\xe85\x8c\x16E\xd1\x89`p+\x0f+m\x1e\x83Nb8\x85\x9f\xd4e\xcc\xeb`\xa3\xea\xe1\xa8Yq\xa8\xc2\x8c#\xe8\x0e\xb8c\x0eG)\\+\x16\xd7\x8b0W\xd0B\xe8(\xa4\x18f\x12I\xc8\x0b\xc7\tL\x0bk\x19E\x95\x9b\xe7\xf2\xb9"\xabU\x0f\xae\xd5\x02\x8aN$\x03\x8f\xfbF\x87\x86\x86\xfazM\xd9\x95R\xad\x06\xb4b\n.\x05o\n\xc6*\x05\xd9%\xf2\x1c\xee\x9d\xc5`Sb\xb5\xdeq\xea\xe4\\/\x1f\xabR\xa6\xc6\xb5\x80\n\x06z\x87\xacw\xadm\xc3\xbf^\xfb\xf5z[\x87q{e\xe5\xb4\x06\xad$`\xb8`\xd6\xa0\xa7\x10\x18CF\xbd4\xcfs\xb0\x95S\xe3\xd4^Z\xa6\xe5K\xa1\xdfi`\xe3\xb3Z6\xb1f\xea\xb5\xfa\n\x05_h\xb8\xd3\xd5\xde~\xfb\xf9\xc3\x0e\x951\x0b0\x88,%^\x01\xeb\xc5b-\x0c{\x11\x9d\x17x\x9ad1\xc8\xb8"W\x1ba\xebiP\xe3^V\x174\xa9\x96\x0b\x85\xe5B\xdc\xec\x1fqi\xba\xdb]\x9d\xc3m\xd6\x9e\x0e\xcb\xca\xe9i\xad(\xce?\xaa0\xa3\xd3\xe1\x14\x9b\xa7I\x92\xc5\xf1]\xd9X\xd0\xc4\xb2VK2A\xa7jn\x19\\&gt;\x1b\xb04j\xa8\xee\xf6\xf6Nh\xe6\xdd\xcc6D\x06\xa2Z\r\x805\xb4!iI\x8e%Y\x12\x17\x04\x8fL,\x85"\xdd\x84\x19a\x13A\xe3\xdc\xdcr\xc1\xe7\x8b\x87PXj\xb5]\xa9\xb4\xdb\xedc\xdd\xed-\xd7\x1fv \xd9\xe9\xe9\n*$$H\xd8&amp;I\x12n\xc8&lt;u\xb9X\xc7\r\n\x96J\x87\xc5\x88\xc2\xf2AX.\xa4R\xdb[/kZ\xd9\xddy\xf5O\xd6\xe5\xb9\x0c\x14&lt;!\xd8:Za\xe1F_\xa8\xc8\xc6\xda\xd9E\xfbM,#\xb50\x1e\x82\xacPX\x885\x00\xf5~`\xa0u\x1a\xe1\xfe\xd5\xf9\xe0\xa9\x0f\xcaj\\\xa9\x15kl1\xc5\xc2\xc9\xa3!\xd3\x0e\xa4\x88l\xecR8\x97\xd8\x06\x16\x1a\xac\x90\xd9\x0f,\r\xf4\xb0Ur\x01k@\xf4\r\xa0\xd8\xfc\xc3\xc3\xc3\xa1Bf\xa5\x04\xab\x1aIs\xdcn3-\xd3\xcdV\x85\xc28]\xec\x92\x15\x0f\xd9 .\xd7W\x96R\x94\xb5J/\x95v\xa5Z\xe3\x1a\xf1\x0f\x87|\x05h\xe6\xf6)\r;c\xb9.O\x0f\xeb\xb0\xf1\xd2\xbaX\x16\xb1|\xf1\xb8\xcd\x06#\x8ff\xde\x8ef^\x8a\x0c\x81\xd0\xfc\xab\xd5\x1a\xcd\x88\xdfl\x0e\xd9|\x85e\x951\x96\xe4plwQ/O\x0f9\x8c\xa5\x131\x0b\xb0@\x15\x87.\x9a\x91K\x1a0)2\x00i\x10I\xe3\x82\xac\x80\x85\\\xc0\xb2\xcc\xc0\n\x86\x9d\xa4\xe5\x18\xae\xb7U\x1c\x8e\x12\t\x94\x96\x14\x16\xc0B"L\xa3iW\x8f)\xc5\x98\x80\xe5\x12I\x80\x1a\x96X\x05\x95\xd1\xe8N\xc2\x8dj\xa3.\x03K\x91\xae\xc0\xdd9\xf3\x8d\x15\xb7\x89}D\xae\x11i\xc6\xec\xdfX(\xa8\x90T\x88\xa5r\xba\x93y\x8c\x82kQ\x86\x9d\xe7\xb8\xc1\xe1L\xc2\x91\xb5\x18\xa5\x1eBZ\x12\x0b\xc1\xc4\xd1\x87\x91Rk\xa4\xb4\xccS \x82\xb7C\xb6xa\xceht\x06\xa1\x8br,\x11\x8a\xc8N\x19Z\xf8\x07+\xfeu\xbc\xfc#\x8f\xfe}\xb9\x80]\xaa\xc4\xb9\nI.`-C\x13\x81\x85\x957"2\xb0\xe0\xd4\x93\x07\x96\xc5\x88X\x90\x15T\x08\xa1\\\x9a\xd7\xaf\xd1\xc6\xa8\xb6KO\x97\x03\x8f\xe6Jd\xa1\x99\x87\xb4h\xbc|(\xc3\x11\xe8\xed\xbe \xe4u\x8e\xd8W\x96\xed\x9fq\x9b\x19\r\xd5k\xb4)J\xf3.^\x88H\x07\xae\xdb\xc3f1/\x1f\xb0L\xce\xb5d\x9e+\x1f\xca\x90\xd6\xd1\x9e\xc0\xeb\x1c\xd0\xc3LfY\xbc\x10\xa7\xcc\xa0j\xef\x1e\x1bS\x9e\xb5\x02\x0b\x96\x07X\xb4\xec\x1ax\xd8\xc7^?\xfat\xfb\xf6\x08,\xf3\xd2\xc2erB\x17\xb9\xf2\xfewO\x0bn\x1f\xaa&lt;\xcf\xa3\xb02\x16\x94Vhj\xca&lt;\xd2\xd2\xde\xdd\r\xaa\xb3\x81\x81\xa5\xa5\xcb]\x11^!\xe4\xeb\x96\x96Ob#C0[&amp;S`fmK\x10\xf6\xe4`5\x81\x95\x8cY\xa0\xe6|O\x81e\xfe\xd4\xd2\xfey~~\xfe\xecl\xe9\xfd\xbb\xdf\xa1\xc4\'\xa8\xa5\xb3\xe9\xf9\xf9\xcf\x9f[@f6O\xd9|\x1d&amp;C\xc0\xb0\xb9\xb0\xc5\xef\x1f}\x7f\xd6A\xd3\xc3o\xad\xb9-\x96\x8c\xa5\xe3\xce\xd3\xa9\x7f&lt;\xfbt\xf3\xe6\xe7\xcf\x1f^\xceO\xcfO/\xbd\xfb\xfdo\x12\t\x80\xef\x96\xa6\x7f\x9b\x7f\xf9\xe1\xc6/7n^{\xf6\xec\xd9\xd3;\x1d\x06\xa8\x89\xc9\x9cG\x16\xd6\x89\'\x97[p\xa3\xb4TO\xdb\x1e\x0e\xf5\xf4\xf5\xf5\xf5\xbf\xe9\x7fs\xeb\xd6\xad_\x00\xf6\x1e\xea\xdd\xbb\xa5%\x08\xea/\xb7\xde\x8c\x8e~\xfc\xd85\xda\xd5\xe7t\x9az\xacw\r\x13\xc0\xfa\x92\xf34\x0fd`U\x10k\xc6\xedv[T\xa6\x98#\x98t$\xa1t\t]2\x18\x18\xbc\x7f\x03n\xb4`\xb4Z\xa7\x7f\xbbwo\xd4\xed\x80\xa3l&gt;\x91\\\x0b:JL\xc9bz&lt;11\xf1\x02X\x95\xf3\xef\xcf:\xaf4&lt;\xb9\x85Mp\x05\x13a8\xa1\x86itn\x86\xc3)\xcb8\xdc\xa3\xfd\x1f\xe6\x95\xadK\x03J\xe5\xcb.\'z\x9f \xd0\x1b\tt\xd2f\x1c\x86\x17\x13\x1f\x11\xebD.\xd6$\xb8\xd6\x12\xa4xp\x06\x12Ah\xb5pO\xcc\x94\x82\x86\xfb\x1f\xc6\xce\xe0\xbef\xecF\x97\xa5\x14F\xff\xcb\x05\x87\x11\x16~\x8b\x81? \xf8\x02jR\x96&amp;\xea\x8f=\x02\xb0&amp;\x17\x16\xb6\x98\xb0#\xb8\x19pC\x03i8?\xa0\xa3W)\x16\x18\xec\xd4(\x07\x94\xea\xf6k\xfd\xce\xd2i-\x0c\xa7\xc4Dp\xd301\xfa8\x10,%.Y\xd5\xb4&lt;im\x89,]\xd00\xda\x7fo\xf0\xc9\xad?\xdf\x1bu:\xc4CN\xb6\xa3m\xd8\xa5|\xdf\xaa\x19\xb9\xdec\xd9Fe\xec\x1b|v\xff\xfe\x93\xe7\x0f\x1ev\x19f\xbe\x00\xeb\x8b&lt;\xact\xb3\xc1{&amp;\'Q\x1b\x03\x8f\xfb\x86\x06\xaf_\xbd\xff\xa4\x7f\xd4`\xc9nog\xb3Y\xa35\xe4\xb7\xbfou\x99\xdbT\xf0\x13\xb0,\x01C_\xd7\xe0\xe0\xf36\xb8d\x1f\xbf\x90Xr,\x10\xe9\xaa\xc8Z@,U_\xcfP\x8f)\xc9\xb08\x17\xec\xb5Z;\x8c\xd9\xec\\\xdc\xecjU\xfbCw\x8dYc\x87\xf5\xae\x13\xee\x18H:\x19\xe8\xed\xe9\xe9\xed\x9d\xb8d\x1d\xca\xb2\xf9\x08e\x1eX3p-:M&amp;w\x92\x1d\x1f\xbf\xd8\xdd\xadL\xa8\xee\\m\x9b\xcbf\n6\xff#\xbf\xcd7gQ=x\xfe\xd7\xdej\xe3\xe2b\\\x8b1\xc9\xac\xb17`\x10\x17\x08\x8fg\xe3;\xb3\xd0Gq\xe9j\x99\xe3\x1767\xd7\x9c\xceX\xd6\xe2`\x88\xdd\xdd\x8b\xf1\x8b\xc6\xe1\xea=\xd5\\\xc8j\xcc,\xc7\xcd\x7f\xf7\xdb\n\x19\xa3\xcf\xf6\x9f\xae\xff.V...\xca\r\x8c,eM\xce\x00\xac\xa6/\xaa"\xeb;~\xa6\'~\x8a\xa98:D,\xc8\xca\xd4\xeb\xb4XJ\xc5\xf0\xffx5\xa3\x9f4\xf6,\x8e\xdf7^x !\xf3@b\xc8&gt;\x08\t\xd4\x17C\x0c&amp;"\x88\xcc"hb\n\x95,\xd6@a\xdd\x92j\x0c\xca\x14Cz]\xb9\xa6\xc8m\xc2]\x1asC\xb7L\xab\xa2\xe8\xc5\xcd\x94\xb1\xe4:;\x89d+:\x815\xf5B\x15c\x9b\x1bJB"6\xe9C\xc1\xf4\xc5}\xdd\xf3\xc3\xbb\x9b\xfd\x03\xc6=\x0f\xccd\x86\xcc\xef\x93\xef\xf9\xcd\xf9\x9d3\xe7\xb7&gt;\xf9\x8f\xef\xfe5\x99\x1a\xed\x93\x92\xdf\x12\x80\xe5\xad\x15\xd25HE\xbd\xdf\xe3}\x9d]o~\xf9\xee\x97\xc9\xd2\xa3\x7f~\\1\x0e\xf4;\x9d3\xa1\xc3\xb9\xc9\xa3\xf9\x9e\x9ey\xbe2TA\xcf\xe5\xe7\xe9\xab\x93\xe7\xc9?\xfd\x0ea\r\x18\xf4\x06\x85\xf1\xed\xb6\xd1\xa9=X\r\xf5\xda\x98pP,QAq\xff*\xecp\xb0\xde\x84q\x93\x10\x07\x18\xa67\xb4z\xb0\xdf\xabz\xf1\xf6\x05\x9a\x88\x86\x99P\xe8\xe5\xdc\x97\x93\xab\xe9\'\x9fy\xfa\xce\xd5s\xf2#\xc9\xe1Ay\xff\xbd?\xce\xed/\x8d\xf7[\xa4\x16\x93J\x95\xd8T\xa9L\xb6@ C\xd3\x01\xa1\x05j\xd4\xaa7\xec\x88\xba\xf0\xc4\x8b\x84\xc9\xda\x19\xa0\xe9\xa0\x9d\xac\x92\xc8T\x16\xbbE?\xb3\x10\x9a\xbbk\xa7\xc2\x1cG~\xe5\xa5\xad!\x98\xff\\\xac\x935\xf6\x8e\xf7\xf1\x9f\xe7\x96\xc6\x07Tv\xc2K\x9282\x1bM\xe5rJ*@\x90\x9b\x89\x04\x89\x87]\x0e\x8a\x80\xb3M\xbbUIQ\x14\xcd0\x04N\x108\xfc\xd7\xa27l\x85\xe6n\x0f?L\xd7\xaa\xf5\xde\x13^\xe4:\xed\xaa\xd7\xcf\xaat&amp;8\xfe\xfb\x16\x96\xc5\x02T\x0c\x03\xa9\x8d\x12\xa5[9e\xd0\xfb\xea\xd5\xe6f\x0b+c3A\xc9\x8d\x07;s`\x18\x15\xb0\xd1a\x02\xf7\x02\x96s+\xb4\xde\xaf\xc9\xe0\xc5z\xbdz\xc9\x03\x96@p\x1a\xe0\xce\xebg/\xec\xb6\xf1\xbf\x1d,\xcd\x02\x96\x89\xc49&amp;\x9c\xa1\x94:\xa0z\x92S\xd2\xe1\xef\xbd\xafT\x08\xcb5L\x9867\xbdw\xc2\x81\xdc\x13\x94\tB\xc2\x15$\x18\x06o9q\xd1 1\x9d\xd5\xcf9\x86\x0f\xacozN\xa9t\x03\xb8\x14\xfa\xdb\xdd\x10J\xc7\x15&amp;\x93\x17\xb4\x1a\xceP\x98nmzmM71\x91a\xbc&amp;\xc0\xaa\xa5]\x0f\t8\xf1\x0eS\x19*\xa7\x03\x1d\xc1\xc1t8\xcc\xe0&amp;\x95\x13\x02W\xbf=Q&lt;o4X\x9e\xd4\xc2\x9aM\x98\xa9E\xc5\xe3n\x08\xa6\xe3\n\x15I@u\x91q9d\xfe\xb55\x7f4\xea\xe8p\x85q\x84\xc5\xa6\x0b\x08\xcb\x84\x0fc\x1d\x0eG\xd4\xaf\xcba\xaeL\x18\x0c.:C\xa9C\xad\x9e\xe4\xb8f3}\xc9\xcf\xdcZk\xc6*\x95Z\xf16\xc2\xda\x07,\x13\x01P.\x18Xt!\x02\xach\xd4\x15&amp;T\n\x92\x19v\xa5Y\x86T\xa8\xbc\xc3P\xfe\xa0\x1b\x0e\x07\xb8\x95EX\x86\x99\xd4nH\xab"+\x80\xe5\xe0\x07\xeb\xd9t3\xc6q\xb5\xea\xca\xddnX\xa9\x97`\xc5#2\x08\xca\xe7\xbb\xb8\xd8\xd9\xf1\xf9|\xd1\t\xda\xae0"\xac\x87\xc3\x80\xa5\xb0\x0cw\x88|\xc8bQG\x01\xae\xd1\x8c\xc9\xb0\x05X\x0f\x148\xc7\xa5\x9bQ~\xde\xc4\xf9\xabt\x81\xe3\x86m+\x1f\xbb?\xe4\x0fA.\x93\r\xb0\xa21\x18wgg\x07\x91a\xb4\xc9\x98\xc0Y`u\xb1L\xc2h\xcat\x88Z\xbc\x00\x06\\\x99\x0c\xc2\xda\xcd\x1en\x17\xc3\x0cWi\xac\xf1\xd3\xf6\xec\xb9t\xd5\xc8J\x18\xaf\x9f\xfd\xf0!_:\x9c\x05,\na]sE";\xbe\xa8\r\xc4\x82\xf0p\x11\xf19\xc2\xa4QE\xf9[\x97}10\x07`\x11&amp;g*\x9b]/Vi\x96\xe3\x1a\xd3\xfct\x89\x05\xa7\xa3\xdcy\xdaA\xe1\x8aGo\xf2\xc7y\xed5\x96#\x86\xb8`\xf8\xc8\xceN\x07\x12\x8bv\\\xfc\xe5\xa7x4\x83\'\x12\x01Q$\xdeR\xeb\x1a+`\x03\xacdv\xd1\xc4\xc0\xe4\xe3\x1a?\xf1\xb3\xf8@\x98\xc7+\x85\x82\x8b\xb5?8(\x95\xcb\x0b-\'\xba\x1c-*\xc0\x8aG\xdar*#,D\xd4\xc5\xc6\xc6E4`Q\xa9l\xa2x&lt;\x027\x01+\nXA\xa9\xde\xb9\x9b\xdc]\xb0\xc1\xabZ\xa8dNxJ"\x04\xef\xec\xac/V\x88\xe1\xb3s\x1f\x8e\xb3!\xad\xc9N\x03V\xd4\xd7\x12\x0b\xca\xc3\x91\x9c\xc2\xa8\xeaW\xd9\xa0\x9a\xcd\x05\xecz\x93\xca\xee\x1f\x89Gv"\x08\x0b\xa6\x1bm\xb3\x1b\x16\xb2\xc9\x92\x96\x86g\xc4j\xa3|u\x88\x05\'\x83,\xf2G\xf5v\xf7\x9bR\xf6X\xdboi\xcd\xf9\xffbm(\x13F\xe3\xdd\x9fW\xf4c\x83C\x03\x8f\xc7\x15\n\xbb\xbf-\xf2\xdb\xec\x02\xb1h\xbb\x1b\xf9\xf0\xd0X\x895c1\xe6\x8a\xaf\xcf6\x82\xf9\xd1Z\xac\xd9l\x9e\x9f\xfd&lt;\x99/g\x17\x9cz\x90\x0b\xc2\xe5\xb5\x0f\x01\x0b+\xa2\xf6\xd8\xc7\xed\xf1\x07\xe8\xf0v\xc5.\x1a\x89DZX\x10\xd32\x04,=\xbb\xaf\xcb\xeb\t\xae\xd1h\xa6m\'\xfc%\\_\xf0t\xb3Q#\x8b\xdb\xdd\xbf\x96\xb2)\xad\xd3\x1d\xa4\xb0\xa8_\xf4\x1b\xd6H\x94&lt;;[1\xde\x86\n\xe8\xee\xca\xca\xf6\xf6\x19\xbd\xb1\xd1\xe2j\xf3E\x1d\x90_\xe8g\xb6\x92\xc9\xfc\xa3"Yi\xa4+\x01\xde\xaa\x1f\x81\xe0\x12\xaf\x15\xc2$\x9e\xd8\xbe7\xf9\xebqy\xc1\xd9+\x15+e~\x91\x08a\xfd5.\xea\xc8\xe0d\xc2\xae\x9c\xb2\xd8\xad\xc1j\xb1\x88;\xda6\xe2\x88J\xe4\xd7aTP\xda;\x93z\x9d]\\\xc1i\x9ce+O\x9e\xf1\x87u\xdaUam\x01\xbfUq\xef\xe5j\xbe\x1c\xd2\x1a\x0cr\x84u\xd162\x12\x8f?\xbdu\x1f\xa2;\x1e\\\x9e~\xba\xb6\x86\x11\x0c\xfb\xd0u\xab-\x1eokk\xf3\x01V@\xee\xee\xdd\xda}}\xbc\xaer\xf9\x03L\x8d\xf9\xc2\xe3g\xdd\xf9/8c\x83L\xc5v\xf7\xe5\xeab)\xbf\xe0T\xb8\xc52\x9d_\x84\xfa)"\xdd\xc4p\xf8\x0en\t\xe4\xd6\x9e\xfa\xfd\x18A\xa0\xde\xe7\xad6\xd4g\x11\xf9e\x1a\xe1\x18\xc2\xca\x96\x96p\x17\x16\xa0\x99\xaeO|\xb6\x86O\xfb\x88\x8c\xce\x8f\x05\x9c\xdd\xab\x8b\x87\x87\x0bN\xc3\x90P\x8d\xbc\x08C\xcb\xd4\x1e\xe2\x0en\xb2+e9\x1d\x16\xc5l\x04\xe1\x99\xb8\xdf\xe1o5~\xfe\x07K\xcb\xb8\\\x10Y\xaf\xf8\xdc\x10!\xe8y\x87bB\xc15t\xb0\xba\xb8\xbe\xb8\xaf5\x0c\xc9\x85\x18\xc8%\xdak\x17J\x82R\x02G9\xe0C\n\xc2,\r\x89\xb2G\xa3\x06-\xffp\xeb\x96\x0e\xd3H\xc6\x86zS\xd9\xddR/\xe5(\xa4\xd9&gt;~\xb7\x01\xc1\x02\xc4\xb0\xe9t\xa6+\x99?\\\xdc\xdfG\xc5\xbe\x18\r\xbdl\x9d\x9a\xb2Z%\x04\x0ew\x0bid,\x1b&amp;lB\xab\xb8\xbd\x1d\xeb\xe8\x90\xa9\x85\xf2\xa1^\xc8\x1evwS\x94#Mw]\xf2\xdc0\x10&lt;\xffj\xa7\xe1\xb1\xef\xb3y(\xf6\xb5\x06\xb7\x14\xbc(SZ\x7f\x1c\xec\xebT\x8ai\xa6\xc2U*l\xba\x81\x0e5:(\xb4Z\xadSr\r\xa6V#\xb1\x10V\xf6\xe8\xeb\xe0\xe0\xe8%\xef_\xc0\x05\xf3\x97WW\x9fz&gt;eK\xebP\xeb;\xddR\x89\xba]-\x9c\xea\x1a\x1d\xed\x84\xb2\xf0\xbcz\x0e\xc6\x9d\xb7~\xe9\x80y\xaa\xafopL\xadV\x9b\xe5-\xacT9\xf9\xfc\xf4\xfd\xfb\xd3\x1bh\xae|\xd3\xdakz\x92-\x1d\x00\x96ahHn6\x9b\x81\xea\xc9\xb2\xd8FB\xb0*\xd6\x8bEt\xa8\x82\xe16Ig\xa7uJ\xac6K\xe4CC\xee\xadP*\xdb\xda[v#\xfb3\xd0\xb6\\\xc1\xb3di\xf5\xef\x03\xfd\x06\xf7\x90\\b\x96Lu\x02\x95\xbdZ?\x03\xab_[\xeb\xb4\xa8\x92\x8a;\xdb;\xcd\x1e\x89\xf4\xda\x89\xd9\xe4\xf3\x1b\xddQ\xdcsT^\\\x9a\xed\x87\xfa]*\x97H:\xf7\xf6\xc4x\x11@\x8a8\r\x11\x9c\xab\xb14^-\x9emo\xbfUH\x96\xf7\xda\xc5\x12\xb9T\xeaFX\xc9\xe4\xf3\x9b\xdd\x89\xf7\xae|\xb8\xaf\xed7\x18\xf4R\xb9\\\xd8\xbe\xb7\'4\x15\xcf\x8aU\xae\xd6z\x11\x0b\x85t\xadr\x0e`/L\xe6=\x84\x05T\xee\x99\xff\xa8u\x93XG\x805\x0b^\xd4[\xc0\x8b\xed{2u\x10\x95\xfd\x95\x1aJ\xf1\x80\xaaQ\xabp\x1c\x8e\x13\x1a\xdd\xde\x9eL,\x07\xaa\xff\x17V\x1ea\xf5\x83\x17%\xe2v\xd9\xfd\xfb\x9eo\x83\xe1L\xcbh\x9a\xad\xb1\x19*\x10\x0e\xdb\x82\x1a\x9dnY\xa6\x96[,z\xc8\x1fR\xc77\x8c%\x10\x1c\x95K\xeb\xb3\x03H.\xa9\xc4,VOLx$\x1e\x8dF\x8dAa\x1f\x0c\x06\x94X\x0eS\xaa5\x1e\x8f\xe6\xben\x19\xc2\x83\xc5\xed6@\x9d\x9f\xbdq\xac\xd7\xc7\xc7\xf0*"\xb9\xec \x17"\xf0x\xd4\x18&amp;\xd3aJ\x8a\xc2d\xc8\xda\xd5ft\x8d\xd2\x98\xa5\x16\xb7~ff!\x95,go\x16\xeb\x9b\xa3&lt;`\x8d_\xcb5\x86"\x93\'\xe8\xd1`\xc8\\.\xca\x85M`\x98\x1a\xd3\x98\xcd\x1a\xb5\xc6,\x94K\xf5\x06\x83\xd3\xb9p\\.\xdd0\x96\xe0\xdd\x87\xd2\xe4\x0f\x0fZnt\x8fY\x95b\x89\x04|\xa9\xbc\xc6ra\xd8\xfd\x0e\x99\xec\xdf\xbc\x9b\x7fH\x9b\xf9\x1d\xc7\xcf\xc7\x9az\x9aTl\xd2\xa6^\x89\x913\xd5(3\xbd\xa8YC\xbaD\x8d\xc4\x98\x1f[\xe3\x03\x1e&amp;y\x1a\x89\tgp\x01\xc3\xa8H\xc8iBV\x10\t\xbdH\x8a\x14Z+u\x83\xc6\xf6\x9f\xc2A\xfe\xe8Y\xdb\x86\xb6\x14\'\xbd\xee&amp;\xab\xee\x8fB\x85\x9bN\xfd\xc7\xba\x16\xec\x95\xa3{\x7f\x9e\xb47\xc6\xb6\xa3\xbb5\xfd\x92(\xa4\xb4}\xe5\xfdy\x7f\xdf\xdf\xcf\xf7\xfb&lt;\xcf\xb1_\x1c\xb3\x8cZ\x8e\x89\x855t\xbd\xca\x13\xbb\xff\xf0\xc1\xdd|\xab\xf5\xf5\xca\xca\xa3H\xd8\xc7s\xd9\x82b\x0ba\xa1a8\xd2\xf2\xb3\x93t\x1cr\xaa\xa5\xe5\x08-:\x15\x84\xe5\xa63yO\xec\xee7\x8f\xee\xe7]\xad\x95\x81\x07\xf3\x11^.\xa3\xb7FhA\x92\xff\xea\xb3\x03--\xa7\xce\xdc\xbbGX9.\x0b\x8fV\xd9f4\x92X\x0f\xa7\t\xeb\x83\xbcbMG\x06V\x062\x13\x94]\xc8\x08\x0b\xcc\xf5\xd9\xb1\x96\x96\x963\'\xef\x9d\xcc\x81\xb5\xf0e\x04\x15\xc4\xcaQ\rdcyWkZ\xeb\x9f_\x99\xceN\x90\xed\xdbh\xbd\xb6\x1c;p\xe4\xc0\xd5\xabg\xe8\xa8\xeb\xe4I^-\x0b_B\x9b\xb7\xddl\xf8\xed\xf5o\xe6#\x99\xd8\xf5?\xe69\xb7\xa6\xb5\xa6\x1b+\x8fVf\xc2\xd4Hx\xdd9\xcb#\x1b.}\xfb\xc5\xef\xbf=u\x04\x19\x81E\xc7b\x01\x96\xbe\xddCT+\xda\xf0P\xec\xfa_\xf3k\xf9k3\x89\xf1*p=\xca\x86\xc3\x014\xcfn\xb7[(\x14\x8b\xebA5877w\xa9\x05TBwPX\xe3\x0e\xd1\xc5\x8b\xeb_\xcd_H\x04\xcc\x9e\xeb\x7f\xce\xef\xe2s\xedt\xd8\xd5[\xb5\xb8\xb42\xa0Md|F\xbd\xcd\xe6\x0e\xba\x85b\xf5\xd8\xe0\xa51p\rN)\x14,\xea\x97\xb2y\rCC\x99\xd3\x0f\xe7\xfdt\xef\xac\xe7r\xfe\xb1\xe2\xe3&amp;\xdd\xe2\xd2@DKz\x11\x97[\xc8\xaa\x9d\x83\x83Np\x8d\xa9\xd5S\xf5\xa8_\xc8c\xc8\x84\xc3\xd9\x95y\xffl\xc2g4\x86\xf2\xafV\xc0\x11\xef\xed\xd3\xe9n,\xf9gg\xb5\x99\x90^\x9f\xb2\xb2\xaczln\xf0\xe9\xd8\xe0\xe0\xd8-\xb5S\x1d\xd4\x87\x0c\x99\x8cV\x1b\x19X\xaa2%\x02h\x83BP\xeb\x83\xfcb\xf9|\x0eW\xaf.\xda\xb0\xb8XU\xd5\xab\r\x18\x0c\xe9T\x90u:\x9dO\x9f:\x9f:i\xb4\xa6\x0c\x86L6\xa2\xbd\x10Y\xd4\xf5\xb9\x02h6\xdaP\xc4|B\xc1\xf2\xa7\x87\xcc\xbe@\xc2\xd4\x10m\xd0-V\x99f\x13\x13\xb7\xd3)\xec\x7f4\xad\xad\x00\xd2\xe0W\xab5\xe5\x99\xd0F.\xf8\xfd\x8b\r\x9f\x8c\x07&lt;m=\xde\xf6&lt;c\x91Z\x86\xba:s\xc0\xd5\xd7\x10\x8d\xea&gt;\xaa2\xc1\xf8\xe9t:u9uY\x83a\xb5j\xac\xa9t\xe8vb\xf6\x86\x7fQ\x17=:&gt;\xe1\xd1WVv\x19\xf3\x8f\x153\xd7\x19\x8d\xe6\xf0x_\xf4lT\x070\xf8\xcb\x10\x8b\xa5c\xd8v\xd1+\x95J\x1b2\xda\x0bUU\x1f\xe9\x1a\x8e\xfa\xc3\x1e\xbd\xdb\xfd\xde\xb0\xda\xda\x87\x12\xbdG\xcf\x9e\x8d\xa2\x92\x00Kdgff\xe826^\xb1X&amp;1\x0b&amp;]C\xf4\xe8l\xd8\xa0\xb7\x06\xbb\xdf\x0b\xd6\xe9\xa1\xba\xa66/\xcf\x15\x8d\xe6\xc0\xfc\xb3\x11m$\x0b\x8bG"Z\xed\x05?\t\x85\xcf\x1bL\x19\x83&gt;\xc8\x02\xab\xb3\xe9=`\xf9\xea\xd0\xc7{\xdb\r\t\xd3\'\r\xd17\x8a\x99L~\xbf\x1f?y\x9d\x00\x85\x0fM\t\xa2b+jz:\xdf\x83Z3\xc0\xea\xc1\xae\xb4}Hk\xea\xcbq\xf1`U\xf4\xe4\x0c\xa0\xa8|\xf8\xa4\xaf7a\xb0\x81\x8a\xa5\x1e5\xefX{\xaf\xdd&amp;,\xac\x84^\xcf\xc4xo\x1f\x04\xcbUR\x97{\xa2\'G\x05\xa9\x90\x1c!k\xabZ,~\x8d\xf5u\x9e\xe3\x94\xae\x91uu\xd7\xd4\xb8m\x9e\x80k\x96\xaa\x86\xa254\xf0`\xb9\xb7N\xd77\x9b\x08O\x84Rj\xb5BAX]Fc\xfa\xda\xc8\xde|\xab\xd5\xd4\x85\x9d~\xd0\n\xae\xb0KK\x8fK\x82\x8d\x9e\xca\xc2\xef*?L6\xab\rO\x18&lt;)V\xa1P\xd4\x03\x0b\xde2\xc4\xbe\xfaS&gt;\x9f\xd7\x1a\xf9\xddm\x07\x8f%dk\xdczC \x10\x08g2\x99\xb0\x96\xc68V\xc1D6\x93\x99@\xef`\x08\xd9\x82\xea\xa9)\xc2\xaa\xec\xe9\xac3\xc7\x1en\xe7O\xae\xe3\x93\x7fx0\x91\xc3\xaa`Y\xb77D\x00\x1eO\x08{\xc1t:\x94\xe6\x87\xde\x96J\x85Bz\x9b\x95\xa7\xe2\xb1\xda\x80\xf5\xe0\xbb\xb5\x91&lt;=\xf4\xb0w\xe3\xfb\xad\xbb\x19`\xd1q\x8d\x90em\xd8\xd7\x18&lt;!\x9b\x95_\n\xf9\xe1l\xc5\xbahM\xa5ln*!\x15\xb1\x82\xb0|\xb7\xef/\xed\x12\xd7\xbb&gt;N\xe2o\xb3\xf9\xfe\xd5\xc0\xa30\xb0:\t\x8b\xe7B_\xa3w\xb3\xce\xb1)45\x83\x7f\xc3{l\xcc\xc9\x83\x05\xd1\xb1\x12\x15\xb0\xba\x805q:qc}\xed\xdcq\x1e\xeb\x1d\xdef\xb3\xf7\xf8\xe4\x8b\xe5W\xda\xect"\xde\xd1\xd4\xd9SY\x13\x14\xb2A\xab&gt;\x14\xb2\xb9\xad\x1a4\x80\x83_\xcc\xcd\xfd\x05\xdd\xe9\xe0\x98S\xcdZ\xadAV\xd8\x9d\xc3\x1a\xad\xecj\xaa\xf3\x85\xb3\t\xd7\xab\'\xcb;/&amp;G\xde\xd5C\xfd\xf8GF&amp;7\xd6\x967\x9f/-h\xb3\t\x07\xb0*\x91\x10A\xd6\xea\xb6\xd9\xc0em%,\xe2\xcaaA-\r\xb0F\xeb1\xc4\xc3\xdd=]M\x1d\x8e\x84\xd6\xb5\xb0TXx\xf0\xf1\xf2\xea\xce\xf6\xc6\xe4\xc8\xff\x05\x96\xfb^\xc7\xc1\xb4\xba\xfel\x8f\xe0U|a&lt;\x02\xac\xbaN:s\x13\x06\xdd6\xbd\x9e^Vt\xf2\xb4\xbf \xac1\xea\x03\xd1\xe0\xb0\xa3\xbf\x11\x03kx4\x87\xe5\x1aw]\\:\xc8\t\x0e2*\x95\xe4\xf1\xea\xda\xc6\xe4\xf1\x9fLFP#\xe7^\x10\x93`_AA\xe3\xd2\xc5\x85\xdeY\x97\xa3\xc3\xd8U\x89\x84 .=\xa6\x9c\x8d\xba@\xe7\x18\x1ayHF\x1d*\x8a\xe8\x0e\xb2\xa3\xc3D5\xdc\r\xc77\x99\t\xeb\xfc@5\xc3\x89\x18Fn\xe7d\xa5\x8f\x97\xd7^\xfc$2\xdeN\x90i\xf7\xf9\x1d{\x99@\xb4\xaf@\xf5|\xa0c\xc1\xd4\xeb\x8aw\xd0!\x12&lt;\x1f$,\xbe\x97\xc7L$.2&lt;\xac\xa5\t\x92\xb7\xea\x15\xf5\x07\xc4\xbcX9\xac\xf8\xf9\xad+\xe5"\x11#Q\xf5\xdb\x93\x8c\xb4\xf4\n\xc86\xc8h\xff\xdbq7\xcf\xf4\xfcDII2Y\xb2\x8fa\x04\x05\xa2\xddL\xc7\xc2\xe7\xa6/\xe3("\x82\x0b9\x1f\x0c\xda\xf4|Di4j\x9e\x8aJ\xa8fQB`\xa9\x15\xf5W\x87\t\xab\xe7\x07\xacb\x19#\x91\xc8 W\x7f\xbf\x92)-\x95V?\xde\xd9&gt;7\xf2\xd6\x13 7\xefv\xd6\x81\xa4\xe2\x18NY&amp;\x920\x82}\x07\xb7\xc2\xc0\xfa\x9c\xb0\xf8&lt;%\xb9\xac\xb0V\xda\x96\xb2\xe6\\\x0f\xa9\x90[A\xea\x9c\x85\x10\x8bw\x16a\x19\xd1d\xbb.\xfav\x8bd\xe52Y\xadL\xa9L\xca\xfb\x9b\xe5"Y\xa9TR\x08\xc9&amp;\xdf\x8e\x0bP\xe7\xd6\x96_\x96\x94%9|\xb7\xa4\\\xaeb\xca%"Q\xf9V\xfc\r\x16\xa9U!DtA.\xfd?\xabH\x99Eq\xaa\xb1\x06\xc5\x08\x87\x03W\t\xab\xb2\xab\x9d\xc7:\x9f\xdd,\xaa\xad\x95J\xa5\xc0\xe2D\x9c\x12`\x9cL*\x93\x88\xd6W\xb7\xdf\x02\x0c.\xdf\xd8Y\x7fVV\xa6\x12\x01\x8a\x93\xf7\xdb\x95\\\xb9L\xc20\xd5[\x0e\xf3\xc5\\\x11\x9b\xc8\xf3\x15\xbc\xe9\xbd\x84\x05\xb9\xd0\xc4\xa0\x80&lt;UPC%\xbcEE\x1c\x1d\xed\xa6\xd3\xa4\xa1\x00\xd2n\xebJ\xd1\x15iii\xa9L)Wr\x0c\x8a\xd0\x0c\xc5$\x12\t\xc3\xbd\\\xde\x9e\xfcq\x93\x01{rm}\xff\xfe\x12\x82\x12%\xed\xcd\xfdr\xa5R$\x93\xe1\xafWo\xf9\x02\x8e\x9cZ9\xcbcT\xd4x\xbd^\xccE+\xc04\xad\xfc~L\xa3A\xef\xc7*\xa6\xa6\xe8&gt;\xb8Q,=\xedF\x03\xb0\x1c\xe6\xdd\xe2"~H\x94I\xa5&lt;\t N\x0e0\x0e_\x98S\xbd\xdc\xd9\xf8\xb1\x8b\xc5T\xbf\xbf\xdf\xf9\xf5\xfe\x02\xb8I\x05\x03\x10\x94\\\xc9\xd4\xd6\xca`\x8a\xef\xccqG/\xb0\xb0\xfa\xf4\xf0\x01\x01w\xd1\xc9;E\x04a\xf1\x0b#\x04\xd3@\xab\xa9\x9bG\xd0k\rW\xd4\xb8\xd1^\x0f\r\x05\xc2\xbe\xf9\'\x87\x8a\x8b\x8a\x81\xc6(\x93\x9c\x12%`^\x83\xa98\x8eS\t\x1e\xefl\xfc\xb7\xbc \xa9\xb6\x97\xef|\x98\xe4D\x10\xea\xf0\xe1~\xbb\xdd\x8e\xb7\x1cX\xe0*]7\xc4;\xbe\xecu]|\xddB\x08-b1\x8b\x8c\xa0&lt;\x85\xc9\xdf\xac\xd6\xa0S\xa3y\xb89\xa5\xb8%\x86\x9a\x95^\x0f\xb0&amp;\x023\xebE9\xacR\x11\xb4R)\xe5r8\xf75X2\xc9\x15\x8a\x0eb\xc9\xfcO\\|N\xedl\x16\x96a\xa2\xd8\x9b\x0f7\xf7\xf7\xf3Lry\x19#\x95\xd6\xca\xaa\xa5\x9b\xf3q\x07\xb0\x1c&lt;V\x05f\xa2\xb8^l\xc1\xffK\\AdD\x0e\x8a\x85\xc9\xa6n\xde\x9cj\xe1[\xc0\x1a[\x9b\x91\xd4\xcal=)&gt;t\xa8\x18C\xcapI9\xd5\x11?8\x14\x85\xdc+\x17\t\x04\xe5\xfb6\xff\xddb\x94\t\xe7\xb6W\xd7\x0b\x05\x8d\x1f7\x1f\xfe\x94\x84"&amp;e\xb2l\x1f#\x02\x96\xb4\xb6ZZ\xbb\xe5\x8a\x13\x16\xddY\xd6\x83\x80\x10c\x0cc\xaaU\xdal\x14]4\xa8\x8aN\xe7\x14aQ\xbfLb\xb5{\xcc\x10k`\xb3\xf8\xf5`TI@%\x93\xe4\x8e$\x81I8e\t\xb3G\xc0\xeca\n_\xae\xfe+\x18)\x85\xb5\xf8YcccIs3\xd5\x0e\x13P\xa5b\x902\xd0\xb9\xa4\x9a\xb2\xaf\xb6t]\x0b\xac8\x8f\x05\xb9\xa8\x88$H%6\x1cV\xba6\xac\xe6\x87S\xc1c\x81\x0b\x7f\xd6M\xe7\x0ff\x9f/\xb3\xcb#\x15\x15\x15\xd7rr|]{\x89\nt0.O\xa6*\x13\x15\x08D\x05Lc#\x0f\xf6C)y\xa8\x97\xcf\x1aO4\x9e\xd8\xf3\xa1\x9d\x86R%\x10\t\n\xf6\x14\x94\x95\xd8?\xfd\xf9/\x0b\x8b\xfe\xc1\xc3\x19\x84\xc6\x8d^q|&gt;\xe9\xd3\xc7\xe8\x9bHZ}\x1ek&amp;hg\xcdHN4\xa4A\x10u\x18_\xcc\xbaM\x0f\xdbt-tq\xb4\xcd\xc6\x97=4C\xd0\xb5U\xe6R\xd3[)M\xed^jz0\xa5\x10\\\x98S\xa0\x97!\x98\r\x05_B{\xda\xcb\xba&gt;\xd8\xd8P\x88\x9b\xfa\xb0\xbb\xc9\x96n\x9a\xa4\xfd?\xcdd\xdf\x88dl\x07\xe9\xa7\xf7\xfe\xef\xff&gt;Y\xa3 ]Qk\xfc\xbf?\xff\n\x8a\xff\x00X?\xfc\xf1M\xfaM\xe4\x95\xa5\xb9\x8b7\xdf\xbb}\x19T\x15\xd2\xad[\x8b\x8b\xd0;\x94ET\x1b\x97/\x13\xd6\xfb?\xfb\xed\x7f\xc6\x15U\xa3\x1e9\xc3\xe1\x82\t\xb2\xd5\x858\xeeU\xb1\xb5\xb5\xe5\xe8\x99\x8e1\xc2l\xfd\x85\xfe\xec\xf4\x1b\xfa\x80qe\xe9_\x1c|\xfd"{\x91e\xd9\xbe\x84\x98z\xb1f\xa9JZ\x0b=Y\x14\xe5\x80\xc1n\xc0\xd5\xf8\xef\xdf&gt;\xfe\x98&gt;\xdbs\x1d\xd9\xba\xb9A\xf7|\x96n@?\xb4\x9c \xaa\xc5\xc5[\xd5\xb6\xb3\xb3si\x1e\x89\xbcp\xf1v\xf5q\xf9\xbf\xfc+\x9cR\x19\x06/\xbb)\xfa{u\xd5T\x10=\x95r\x0by\xb3miqG(;\x91\x82\xbfx\xfa\xd5?\x7fN\x99\xfa\x06\xb3o\x9fB\x99\x85\xd9\xeb\xc5\x16S\x0b&amp;\x13n\xd4n\x1b\x9e`\xfdA\xe1\x1a\xc4\x85t\xfd\x1a\xc9\xba~\xfd\xbb\xdfG+\xde\xdc\xb8w\x8f\xee\xa1\\\xbcLK\xc2\n\xab\xca\xd5\xe2"\xdd\xf7\xb9Ra\xa1\xc2\xc0\xfa\xf4Y\x1d]\x88]\x18z\xbf;\x1au\xd3\xe1\x02\xc5\xea\x82\x03\xa6x\xdd\xea\xd9`\x92\x8c+\x9b\xa9De&lt;{\xfaU\xedw_\x9c~\xbd\xbf_\x04A\x11\x14\xd8\x86\x0b\x0c\x9a\n\x1b\xc6\x93\xf6\x93\'O\xc6\xb6\x99w\x8f\x8f\x07\x8c\xce\xb4\x155\xc8R\xe9v\xcf\'0\xae\x8d\x8d\x8d;w\x96\x97\xef\xdd\xbbL\x0b\xfb\xb9k\xd7\xae\xd0\xda\x9drvi\x87\xb8n\\ [\xc3\x02\xe2\xd3gU\xaaZ\xad\xba[\x0cF\xddA\xb7;\xc8+.\xb9\xaa\x82X[_wD\xc6l\xc9\x99\xb4\xa5\xe2\xfb*\xdb\xcf^\xd4^\x02j?\xa0W@l\x8e\xa5\x0bo\x0c\xa4\xb6\xd1\xd2\xb2tt|&lt;\xc1\xf9\xf9.N\x15;6\x8e\xfe\xfe\xc1\xfb?@\xaeh\xf8\x10\x15\xdd \xdb\xd8\xa0\x85=\xda\xf2\xda\x15j\xce\xc5\x9d\x95\x15\xd4\x10\xc0\xc8\xd6\xcd\xf7&gt;\xf9\xfc\x99\x81T\xb5h\x1a\x9a\xa0\xa2\x98%\xac\xd7sd\xcfY_W\x8e\xb4\xb9\xe2\x99\x99)S\x81\x02@\xb5\xaaz\x01EQ\x14~a\x0b\xadC!0\xb3\xbao\xde\x1cC\n\x10W\xd7\x8cZ\xc4\xd5\xa8?\xfd\xc3\xec&gt;5\xc5\xf2\xf22=&gt;\r\xbe\x0b\x17\xe6\xd0\x01st\xf3`\xf1\x12a\xdd]^\x9e\xbbqqc\xe3\xf6\xe7U\xae\xa8c\\\x05\xaa\xd1,\x06\xfd\x05\xa8\xabg.\x0cM\xc7T2sLS\x99oc\x8a\xc5\xa5R\x81\x89\x12\x06\x01\xb0\xd1\x82\xb6\x83\xfe\x9b\x1cO\xba\xa9\xdf\xf7\xd3\xeed2\x19\xd8\xa0\x82\xbe\x0c\xe3\xe9/&gt;\xfc\x90\xee\xf5 P\xc2\xe5\xbbw\xefR\xca\x80\xb44\x87/\xef,/\xcd\xaf\xac\\\x9d\x9f\x9f_\x82\xba\xe6\x96\x7f\xf4\xba\xa2\xc2\x90h\xb9\xc8\x15bRQ\xa1\x90&gt;\x19\xaa\xd3\x93\xbda\xa1\xa6D\xca\xdc\x07R\x10\xe0mM\xb2,\x91\x0e\x12hJSi\xee\xd8\xb5U\xbf\xec\x8e&amp;`J\x07\x83\xd1\xe4\r\x02\x95,\xdd\x16\xe5\x0b\x12{\xf9\'\xb2\x03\xb8%\xddt\x9d\xff\t\xb6\xbb\x80YZ\x9a_\xc4\x1f\xd5S\xb0\xdf\xf9\xcdUR\xfd\xfc\xd2\xd2\xf7^\x9e`\xe24"\xb7\x13\xe9\xc5`\x06DL\xd8\xd2&gt;V\x98=\xa9z\xbeo\x06\x15\xcb4\xe8}P\xe3"\x13\x8ae\x8a+\x86\xaf}?-\xfb\xab\xc3&lt;\xefWi:\x06\x10v\x00\xbaI\xd1\x81\xb4\xaax\xf9hjM\x8bt\x1b\xf1*\x08\xf0\xd7\x95y\xea@ VO\xc1\xd2}\xb2\x9f&gt;^\xd9y\xf4rLb\x8f0\xfcx&gt;\xc3\xa1\x18\x0c\x06i\x9a\x96\x05\x99\xc3Vo\xe8\x173.5\xc52+,t\x01\xcb\x9c)Vaf\xba\xebq\xc6d5\x83|?\xcf\xfd\xbc\xec\x02pdvH_h\xc9\xc6\xc1#\xd8\xf8\xe6\xe6c\x1c{e\x85\x9e\x0e\xbeT\xdd\rF\xff]\x9a\xaf\x1e\xe2G\xfc\x11\xdbgG\x8d\xba1\xc6\xa0hR\xf3\x8c*\x9e\x19SI\x91+\xc2r\xcca\x01\x10\xa2\x02\x964+\x9d\xd7l\xc1u\xc7v\x98\xad\xb8\xe4\xa1;6\xdam/\xe1,\xcbd\x96\xa9\xc2\xf7\xcbt\xd0\x9d\xa0\xad\'j\x9f\xe8\x8f\x00\x00\x05\xfdIDAT#\x85qMU\xac\x1bG\x9f\xfd\x12X\x9bt\xf8w\xe8\xd9\xd2\x8f\x1e\x03q\x05\x13ge\xf6_\x0b\xe0\x87\x9b_\xbe&gt;1H\xebn\xb3)\xc8\x18\x88)\xc5Y\x96iI\xe7J\xe1+Z\xd4\xb0\xd5@B\xddL\xc2 d\x0c\xb0!\xb0\x04\xb0\x98\xe0\xdcf\xc2a\xae\xd0\xbd\xb1\xc7\x91\xad\x0c\xe8\xd4\x82\xb4\xb72\xef\xe7)\xde\xed7[$\xb0\xb1A\\t\xe4\xcd\x07\x14k\x84\xf1\x0e^\x94@\xa2Z[{\xf7\xc1\xde\xab\x83\x13\xa4\x16K\x0f\x97\xa8\xaa()\xfbX\x9bP\xf8\x14y\xc1h"J\x9e\xc1PuN\xe6\x15+\x98\x97\xc3k\xba\x9eh\xb6NX\xba#\x1d\x06Je\x06E\x1f P\x14\xec!pbfBl\x00\x1b\x04\x98\xdd\xb4\x9a0\x8c\x93\xd7g{{\xc4\xb4\xbd\xbd\xbd\xb6\xb6\xb6\xfd`\x9b\xbe\xd8\xdc\xfc\x88\xa8~\xff\xe0\xc1\xde\xf3\xa3\xca\x80\xd1\x82.\xc7TM\x07HT\x99\x078\x84\xe3\x14o\xa9|\xbf\x88\x9b\x9a\xc5\xf4\xc4\x12\xdcc\\\xc0S\xe1\xf7\xb6e\x13V\x13X\xa8\xa5E\xb5-L\xbf,\xa9\x07\xa9\x19Gi_9:\xe6\x8f\x0cp\x9a\xfdt\xa0\x9a\x9d\xa8A\x19\xab\x9f\x9c\x9e\x1dNc\x9b\xe2\xf0\xfe\xfd\xed\xed\x07T&lt;\xe4j{\xfb\xec\xf4\xa4Q\xe5\n\xc9byJ\xfa.\xf3!I\xc7\x91\xa8B\xd1/\xfcY\xc6\x94fA&gt;z\x88\x05\x17\xb3a\xab\xd2\xd6\x1d\\+\xd74Ot\x84&amp;\x84m\xb3\xc2qT\xd1\x9f\x12M`[\xe9\x90\xe9\xe3\xfax\x1c\xda\xd4$\xb4\xb3\\v \xaf\xf1\x18R6\x0e^\x1d\x1e\xee\xd2#\xaf\xb3\xc7^\xb7\xe9\x19\xd3w7\xff\xb1\xb6}\xf8\xea\xa81\xa5j\xb5\xdc,O!\xd0\xdc\x942\x08\x1c\x1b\xd9@\xa8a\xf1\xb6\x8e}\xa6\xb9\x9apC\xe1B\xe1\n"\xd7h\x8bk\xae\xab\xbbBKPE\x93\x9a\xa4KL\xb0\x05d*\xa7\xae\x1c\x8f\xdbc[\xc66*+\x99\xcc\xfd\x8c\xc6\x10b\xdc\xae\x1f=?\xdf\xdb\xdb;&lt;$\xae\xdd\xfb\xbb\x15\x16b\xef\xfc\xf4\xa4E\x83\x99\xca\xedf}\x1aiR\xc1\xa8\x05\xc7\x85\x8b`\x94\xafa\x7fZH\xa8\xbe\x80\x15\xf00\xe4\x1a\x93,\x88m\xbb),\xac\xbejnhu&lt;W\x87\xbb\x9bdO\x93\xd1\xcc\xacr\xe6\x11\xd28\x0c1B\xd1\x03v,\xa9\x04\x05\x8f\x0c\xac\x07`\x92\xed\xf6\xc9\xe9\xc3\xb3/\xcf\xf6P\xc0]\xa4\x8d\xa8P\xcd\xc3W\x07\x157\rA\xe4\xaa@\x97I\x93\xe9:c\\o\n\xecA*\xbc\x02\xca\x16\xd4V\x96}\xe6\t\xd1\xe2\xd4\x82\x8e\x82\xca#`\xd9Z\xad\x13j\xae\xe7z6\xe7\x81\xdfG\xebU\x06\xec\x9b\x89\xee\xe9\x82\x8b\xa8]w\x99L\xb4\xa6\x0e\xfb\xb0u\x8d+\x99D \xc2q\x89\xeb\xe0\xf9\xc3\xb3\xb3\x7f\x13\xd4}\xd2\x18\x84vNZ\xaf\xcf\xb0\xbc\xccTY\xc6u\x81^GMl\xaei\x1ar\x01+(\xa6\x9e\x88\xbe\xca\xb9\'\x1c]\xb2X\xda\x0c\xfa\x8f:Vs\x1dX\x91+\xdc\xa6\xebYzV\x14\x18\x99\x98\xe0f\xc6\x93\xc4\xf5D\xec8\xba\x1bb2\xe9\x9d\x8e\x9ee\t0\x1d\xaeC\xa0au\xb1\xd0&amp;\xba\x93\xd7\xe0:\'\xb0\xdd]H\xed\xf0\xe1\xc1\t\xe9\xae\x9a\x9f-\x8fe\xc8Q\xc2\x12w\xecA1\xcd\x0e)\x18\xca\x924\xe7\x8a\x8a\x0b\xdd\x85*:Vl\xc5\xb1\xb0\x9b\xa1\x17\x85\x1a\xca(j!yU\x88*2\xe4\x0c\xabi=IxF\xad\xe7\x0f\x1d\x98\xab\xc7b-j\t|+\x81w0\x1bYM\x92\xb0b\xc2F\t{u~v\xbe;\rJ\xd5t\xcd\x0e\xacH\xc7\xb4\xb5\xb9M\xbf\xbf\xd0\xb5\xd0\x83\x0fh\x1a\x8ehYh0\xe6\x0c+\xf7*\x07\xe90\t\xb1[KnYn#\x8c\xc6t)\xafY5\xa4\xd0\x89\xd1\r&lt;\xf3&lt;\xdd,\x14\xac\xbdL\xfda?\xcf\x8b,\x11\xb8\xe2m\xb6:\xd8q\x82\x9f\xda\x8c!]\xb0\xdb\xc45fT\x94\xb0\xe7o\xa9\xfez\x10\xb6\x0cc\x96\xac\xc8K\x98\x8d3\xb64\x18*\xd4\xe2\x86M+\xc61\xb1&gt;\x81]\x93\xad\x0f\xd1\xdb&gt;\xac\xa8\x802z\xbd\xd5\xf50tC\x8c\xf5\x88*]\xcb\xcc\xbc4c\xe1\xba\x9e\'\xcc\x92\x0c\x06\xd3f\x90\x96~\xdf\xe4\t\x8f\xadp\xec\xd2\xba\x02R\x8b\x99\xf04(N$&lt;\xc1J\xf1\xdb\x80\xc2\xce`\x15\xe7\xa7\xa4\xaa\xfa\xec\x92&gt;\xd4\xa7\x11b$j\xcd\x108(\xa2KL\xc8\x9d\x8b\xa3\xe9\x9c\xa6_\x81\x05\x81\x8f\xe9\x87\xcb3-\xb4\xd6C\xf4Xd5;\x9dZ&amp;\xfd\xb4\xef\xd8\xb6\xf0&lt;\x1e\x94\x83j\xdc\xd0tWX\\\xb3\xc4s\xa7\xe1\xe9:\xfeE\x08\xd7K\xa0]\x8e\xae\x8a\xea\xdfr\xd5\xa9\x92\xcf\x8f\xa2\xfa\xdb\xab.\xa3\x059\x08\x1d\xf6\x82S\n\xff\xdfr\xd9\xe3F\x08\x03Q\x18cc-Y\xc9\x08\x84\x9c\xcaEp\xe1T\x14\xd6jO\x81DG\x95&gt;\x05\xfd\xde\xc9\xe7\xc89V\xca%"\xa5\xcc7\x10\n\xc4\xef\xf8\xf9\xf9\xbd\x99\xf1Q\xabc?\xd6\xc0\x8b\x9e rPWL\'\x05\x0e\xd5\xef\xae\xa5\xf7\nq\xfeh\xe8\x8a_\xc7\x14Re\xd4DQp,Q6\xd3\xfe%\xee\xa0\xb7\xd9\x91\xb8\xa1v\xea:D\x0c\xec\x99\xa2\x04\xf4\x82\x8d!\x89\xa9O\xc2\x88\x03\xae\xe6\xf9$W\xfdoP\x1b\xb85\xd9\x02\xcc\xc6\x14\x99z\xe2\x0c\xe3\xd2\xdf\x80\x8f\xcb\xbe\x1e\x99/\x81\x14\tm{\xbb\xbf\xa8ay\x0fugE\xb1=\xfa\xb3\x951d\xf6\xdbL\xea2jX\xd9x\xac\x13T\xc1\x15yO\xcd\x9dC\x11\xce{\xe7c\xf9\x8e\xd8\x01O\xe0\xc8,+iQ&gt;\xdb\x10\xc1E\xe7\x7f\xba\x93\xf3\x95\xcf\x8c\xcb\xce\xf1\x8f\x86,2_(\x05\xb7\xd7\xe5Z\x02\xb7\xc7\xa3\x92x\xdc\xf3\xe5\xda&gt;\xee[\xcb\xde/\xf8}\xf0\x8c\xa4(\x9bk%/n\xbb\x88\xd3\x0c\xd3\xb0v\xc3\xaa\xe0v\xa1\xedoI\xcc\xa8\xc9\xce,\x07\x82G{@\xd11&amp;\x92G\x16\xc6\xb2\x8e\x8d@\x12l\x97\x13\xdf\xa5D\xd4\x07jtm}b\x14l^hn\x847\xc4U\xf3\xf7\x01+\xa5\x92`\xd1\xeb\xac~~\xb1\xe3\xe7\x12\xf4c\xa3a\x00S\xa7\xd4\x1f\xe0\xc2\x85K\x18%\x81\xd3\x00\x00\x00\x00IEND\xaeB`\x82'</t>
        </is>
      </c>
      <c r="M467" s="3" t="n">
        <v>45492.67849537037</v>
      </c>
    </row>
    <row r="468">
      <c r="A468" t="n">
        <v>1120721</v>
      </c>
      <c r="B468" t="n">
        <v>1981</v>
      </c>
      <c r="C468" t="inlineStr">
        <is>
          <t>Pablo Maia</t>
        </is>
      </c>
      <c r="D468" t="inlineStr">
        <is>
          <t>P. Maia</t>
        </is>
      </c>
      <c r="E468" t="inlineStr">
        <is>
          <t>VOL</t>
        </is>
      </c>
      <c r="F468" t="inlineStr">
        <is>
          <t>VOL</t>
        </is>
      </c>
      <c r="G468" t="inlineStr">
        <is>
          <t>VOL/MC</t>
        </is>
      </c>
      <c r="H468" t="n">
        <v>178</v>
      </c>
      <c r="I468" t="n">
        <v>29</v>
      </c>
      <c r="J468" s="2" t="n">
        <v>37265</v>
      </c>
      <c r="K468" t="inlineStr">
        <is>
          <t>Right</t>
        </is>
      </c>
      <c r="L46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e3b0c74-064b-4e6c-aec7-19bbb2229e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c1X\x91\x00\x00\x00&gt;tEXtComment\x00xr:d:DAEewil2SDw:3461,j:7954900097623563676,t:24013121\x82D\x15v\x00\x00\x00\tpHYs\x00\x00\x0e\xc4\x00\x00\x0e\xc4\x01\x95+\x0e\x1b\x00\x00\x03\x00PLTE\xff\xff\xff\xeb\xeb\xf5\xde\xdf\xea\xea\xea\xf3\xe8\xe8\xf3!\x1f%\x1e\x1c#\xdf\xe0\xeb\xec\xec\xf6\xf1\xf1\xf9)&amp;+\xdc\xdd\xe9\xe2\xe2\xed\xee\xee\xf6\xda\xdc\xe8\xf3\xf3\xfa\x1b\x18\x1f\xf5\xf6\xfb\xff\xfe\xff\xd0\xd3\xe0\xf0\xef\xf7\xd6\xd8\xe4$")\xe4\xe4\xee\xd7\xd9\xe5\xd3\xd6\xe3\xe5\xe5\xf0\x17\x15\x1c\xda\xb4\xa1\xef\xef\xf9\xd6\xaf\x9c\xcc\xa3\x8d\xd9\xda\xe7\xc6\x9b\x86,*0\xdc\xb8\xa7\xdb\xb6\xa4\xd7\xb2\x9f\xca\x9f\x8a\xd2\xaa\x951.2\xe7\xe7\xf1;6:\xd2\xad\x99\xcd\xa6\x92\xc7\xca\xdb\xc2\x88m\xb3ze\xbb}d\xcf\x9c\x86\xcc\x95}\xbd\x81i?CQ\xb1pX\xd2\xa4\x8c\xc9\x92{~TG\xc1\x97\x82A129\'\'\xd3\xa5\x91\xc7\x8fw\xce\x9b\x81\xd0\xa0\x88\xdd\xb9\xaa\x8e]JhD;\xacjR\x9dgS:+,\xcc\xcf\xde\x96fT\xb3\x85r\xcd\x8dz\xbf\x8ct\xcb\x97\x81\xfd\xfd\xfd)!#S83oJ?\xd8\xc2\xba\xc1\x82i\xe1\xbc\xae\x93aO\xd1\xa1\x8e\xb3u^\xaf\x7fj\xa4lY0(*418a?8\xaao[\xc6\x98\x81R2.[=7\xc0\x93}\xc6\x8brJ/,\xcf\x90\x7f\xd7\xa9\x93C78\xd8\xad\x97D&gt;B\xc9\x88vB+*\x13\x12\x18\xbc\xbf\xd0[NO\xd8\xbd\xb3\xc0\xc4\xd7\xba\x87r\xfa\xfa\xfb\xd0\x96\x82cD=zQB\xd6\xa8\x99\xc0\x85q\xdb\xb0\x9d\xb7\x83k\xd0\xae\xa0\xa2q_2##uODT?&gt;\xa8ze\x85XH\xbax_\xcb\x9e\x86\xc3\x8ez\xd4\xb8\xade&lt;2\xb4\xb8\xcaXFEnF:\xd5\x97\x88\x8dXC\xaesa\xbb\x90{\x84UB\x8bbW802\xb6\x8bx\x9bl\\\x89^N]B=\xd5\xb2\xa5K54LEH\xe1\xce\xc8\xa4bK\xa4iTK==\xb7}n\\5/\x9bbMwF;\xdc\xc8\xc2cTT\xd1\xb3\xa7:8D\x85qm\xa6\xaa\xbd\x9cvh\xc6\x83qvL=eKFX:3\x92^J\x80O&gt;\x9c\x9f\xb2\xc2ye\xb9uezjg\xa6}q\xe4\xc1\xb5\xc9\xa9\x9cnht\xf0*9o?6\xc6\xc6\xd2\xc4\xa0\x93K%#\x8d\x8c\x9b\xf6\xf5\xf6\x82XLp`]\xc6\xc0\xc5\x97\x96\xa6\x99[C\xad\xb0\xc2xt\x80\xdf\xa7\x99mQL\xe9\xe4\xe8\xe3"0\x90lb\xe3\xaf\xa5\xd5\xd6\xe3\x83\x7f\x8b\xd7\x9e\x90\xdb\xd7\xdc\xe1\xde\xe3\xb8n]zYS\xd3\xcf\xd4mZWZR]\xb7\x9a\x91\xcb\x89\x87\xbf\xb7\xbd\xef\xec\xef\xa9\x8c\x87\xc5zw\xe8\xd1\xd1\xaa\xa5\xafIKX\x8cP@\x81d]\xae\x88|\x8dyw\xb9\x90\x85\xf5\xef\xef\xcf\xc4\xc9\xcd\xb9\xb5\xbf\x88}\x93RP\xab\x98\x99\xada]d.,\x9a\x81{\xe1\x9d\x91\xf75Ef[d\xbc\xa5\xa1\xb5\xaf\xb5\xc1ql`^k\xe9dl\xdb\x8a~\xd8xu?\x1f \xabVU\x94\x88\x89\xc9\xae\xaa\x9e\x91\x96\xec\xda\xde\x88C;\xdb&gt;M\xcb\x1f*\xec{\x83\xf6FR\xe8\xb9\xbf\xa49&gt;\xe6\x95\xa1\xdc\x88\x90\xbcS_\x05\x86^G\x00\x00 \x00IDATx\xda\xdc\x98\xefO\x13y\x1e\xc7}2\xf3`\x1e\xf5\xc8erI\x13\x12&amp;\xb727kJ\x7f\x88h\x7f@&lt;i$-\x034T\x98Q\xabm\xa8\x93nf\x03j\rR\xf0X\x8f\x94\xc3\x83\xae\xb2\x9d]\x1a\xc0\x1e\x86\x88\xb0Y\x0cDY+?B $\\\t\xa0\x81KPYw71\xd9\xc4#&gt;\xb8\xa8\x7f\xc0\xbd\xbf\xe3\xe5\xf6\x1fh\xf1r\x1f\x86\xa1\x85\x07\xbc\xf2~\xbf\xbf\xef\xefwz\xe0\xc0\xff\xef\x14TW\xebWKAA\xc1\xff\nS\xcb\x81\x96\xb5\xb5\xe5\x8d\xb9\xecO;[ss[\xcb\x99L\xa6\xe5c\xc3\x15\xb4\xac\xfd8\xf7\xf6\xc9\x13M\x96\x85\x04/\xf0\xb2\xa0\xbd^}\xbf\x95\xcd\x14|T\xa8\xed\xad\x9diA\x969\x8e\xe1e\x9egX\x96\x91\x05\x99\x17\x9e\xac\xcem\x7f\x0c\xb0\xea\xea\x16\\\xcb[\xd3\x02\xc7s\x0cK\xb3\x1c\xc50\x1c\xc30\x14\xcb\xf1\x0c/(\x82\xfaj\xb9z\xdf\xa92\x99\xed\xed\xe5\xbdi\x85\x979\x9a\x02\x96\xd1h`\x81\xc3R\x8c\xc4\'`\xa5,\xf0\tug\x7f\xad\xac\xce\xacm\xec\xcd/\xbe\x168\x99\x83m,K\x19p\xd1F\xda`\xa0(\x0e\x03.EP\x14e1\xbb\x8f\x82U\xff\xf6\xe1\xce\xea\xea\xa2\xc6s&lt;\x0b\x81x\x8a\x83s,k0\xe2\x8b\xc5\x8dbd\x8eG\xc2dAP7\xf6\x8d\xabzy\xef\xdb\xf9\xc5\'#\x0cda9\x86\xe8\xc5\xf1&lt;\x05\xff\x8c\x06\x03M\xd3x\x8f\xc0\xc9\x8c\xa0p\xb2\x02#\xf7i\xf5e\xe6vv\xa65\x1e\tG\xd8AC\xb1p\x91\xa2)\x82\xc4\xb0\x9c\x8c\x88q\x049!$\x12\tA\x99\xdc\xd8\x97\x80\xb5d\xe7w\x169\n\xa2@#\x19q\x02\x0bV\xa0@\xd1\x06#\xd2\xcfC,\x8a\xc6\x9f\xc0\xcds\x9a\x80\xb2\xd8j\xd9\x07\x0b[\xf6\xa6\t\x15\x19F\x19\x91Q\t\x0c+k\x9a\xc0\x92\x88\xb14\xfe\x82\x1f\xa2$I`\xe5\x04,IE\xd9\xcb?WKf\xfe\xcda(c@\xae\x19\x81g8\x19\xa1b$U\x93Q\xa4\xcf\x04\x86$_7\x95\xd5\x1b\x8cbyAS_\xb5\xe4\xbb\xd63k\x8f\x14\x86\xa6\r\x14\x84\xc1Mf(T\x96\xde\x0brBS5\x86\xe2x\xfc\x1enBL\x06\xa4d4\xed}~w\xc9\xdf,/?\\\x95Y\xda\x80 \x19\xf0\xef)\xf4\xe8g\x9f\x19!\ry\'\x08\x1c\xa5(\xba~\xd0\x0b\xcb\x94\xac\xc7\x84 \x84\x13\xc2\xeav&gt;\xb12\x7f\xc8\xce\xbf\xe1(\x03\x14""\xd1`\xc2\x18\r\xfa\xdd\x88\xb5(\td\x07\xe2\x18\x99b(\x8aW\xf0\x06-A\xbau5\x93\xcf"\xcdn\xbc9\xcc\x19t\x89\x8c\x1f\x98\xfe;F\xf2+\x83\xc8\xf0\xe0AK@.\x9e\xec\x92&lt;\x8f\xe0+\x8a\xf66\x7f\xf9\xaa\xde\xce&gt;\x1aa \x96N@*\x81\xbc\xfa\x95\x0cr\x89n\x05j\xd22\x8fl\x81HDy\xf0\x12|T\xb4\x9d\xea\xfc\xa957\x82}\xf9?\x1e"Q4\r+\xf5!\x80\xb4\x01\xc5\xe0V\x04\x11k\x93\x12%\x81\xa7\x19N\x14\x13\x8a \'\xb0A\xa6\xb3\x05y\xdbw\x169Z\xaf\x00\x06\xed\x84~B5\x88\x92\xc3\x1d\x8b\x89"\xc0DZ\x94bnE\x91D\xc0`W\x94\x04\t\xd9\x97\xd0\xac\t%\x11N\xfd\xf0c\xbe&lt;\x9c\x97\xc9\xf2\x83\x184\x0e\x0e\x14\x8a\x81\xb7w\x9c\x1b\x1b\xab\xbdT\x13r\x00-\x16s\xe0\n\'bR"!I\t\x81\x81n@D\xf6\xc9\xa8{\xf9\xb1\xb1eK\xc0\xc6B\xa3\xd99\xb2\x17\x1ai\xc9\xde1\xd6~\xeb\xe4\xc9\x9b\xf5\x7f\xba\xdc}\xfa\x1e&amp;\x14\x8a8"5!\xbb\xdbnw\xbb\x05\x01hX\x01\x14\x8e\x85a%\xacM\xe6\xc5\xc6\x82\r\x8d\xf4\xb7\x81Am\x91\xca4\x88\x8e\x8e\xf6\xa3\xc7O\x0e\x9c))i\x1c\xaa\x1f?&gt;\xd1\xdb{y\xb8{0\x14:\xd7_\x13\xaa\xe9\xd0\x92\x92\x14\x16\xe0(*#!haM\xbd\x93\x87\x93t\xc1\xf2\x1b\x86\xec\x84\x06r\x14%\'&gt;\xd1}\xaf\xf6\xe8\xf1\xca\x81\x13\xa7N\xdd8\xd380\xd0\xd8X\xd9x\xad\xad\xbew\xb8k\xb0+\xf0\xfd\xf7\x83\x97\xee%\xed\x9a\x02.\x8a\xa7\x12ZJH\xa5\xd5&lt;\xb4D\xf5#\x1e\na\'\xa6\xf5\x83(%&amp;/\xd5\xf6\xd6\x0f}s\xa2\xf4\x14\x06\xb7\x92\xd6\xe6\xd6k%\r7\x1a\xdb*\x87\xc6\xebO\x1e\x87v\x7fL\xba\x1d\x92DI\xa8YMP^\xa7\xd5\xad\x9cc-+$\xe4\xa4\x10\xf4fp$k\xba&amp;\xc6\xc7\x87\x06\x08V\xa7\xb9\xd3l\xb3\xb9&lt;\x1e\xdb\x15\xcf\x15\xdbw\xe6V\x9b\xad\xb5\xb5\xb5\xe4\xda\xcd\xf6\xa4\x1b.R4\x1f\x0es\x8a\xa6\xaa\x939/\xfbyV\xc7Be\xd1h%{\xcd\xbd\xee\x89\x9e\xa1\x0fTf\x9b\xcf\xe6\x0b\x06]ee.W0x\xc5\xe4\xc2\x98\xcc@-i;z\xce\x1e\x13)VK\xa5\xc2\x1a\xb0\xd2\xd9\\\x8buX?\x81\x12,\x03%\x85kNw\xdd}\xbe\xb0\x00\x0bK\xa1\x95\xcd\xe7\x0b\xba@e\xb5z\xcbpwY\xbdV\xf0\x99\xcc\x9d%\x95\x8f\xfb#1\x86\xe5\xed\xe1D\x18G\x1c\xf5m\x8eKb\x87\xa3\xf4TA/#\x15\xee\xe8\xef\xea\xee\xe9Y\xf8\xe6\x83\x83&gt;\x93\t4\xde\xf2\nK\xc5\x11\xa7\xbf\xc2\xe2\xf7[\xca\xbd\x10\xceg\xeb&lt;s\xf2\xe8\xe9\x98(%\xdc))\x1cN\xc5\xd5\xf4Zn\xb1V\xf1@\xc8\x12&amp;\xa3\x11\x1b_\xa8\x1b\x16\xf6,\x9c\x00\x97\x19TA"\x94\xd5\xef\x8c\x16\x166\x15\xfb\x9d\x98\n\xaf5\x18\x0c\xfa\xcc\xa7\xda\xc0\xe5\x10\xddR*\x91H)\xaa\xaan\xe4v\x1dN3\xb4\xcc\x1a\xf4\xa7.\x14V\xe0\xee\xdd\t\x88\x05*\xa2\x95\rZ\x95\x95\x7f\xe1t6\x1569\xa3N\x8b\xdf\t\xbd\xca\x80e\xb2\xd9J\x06n\xde\xaa\x8d\xc4\xdc)\x88\xa5\xa5Uu.\xb7\'\xad\xd7x\xaa\xa1i].:\x16\xe9\x1e\x9ex\xbe\x80r\x80\x89f\x9b\t\xe3\xb2Z*\x9c\xceh4Z\x18\xf5c,\xde2\x84\x0b\xc0dIV5\xf4\xf5\'Sa;,\x8c\xab\xefs\x1a\xae\xed\'\xe4\xd1\x8b\xacDx\x18\xe9\xba\xdb\xfb\x9c\x88E\xb8\x10x\xb3\xcfg\xf2:\x8b\x8b\xa3\xd1\xa6\xa8\xd3\x8bt\xf9AUf\n\xfa|f3\xa8\x9b\xbf\xbc\xdf\xb7\x14\xb7\xa7R\x9bi5\x9e\xdb\x8a\xc8\x1efi\x8e\xd6\x0b\x82r\x04\xba\x88\x85\x0b\x90\x8bp\x95\x96vvv\x9a\\\x96#\xce\x0b\x17\x9a\x9c~\xa7\xc5\xe2\xd5\x1d\x0c\x9a:;\xcd$y\xcd\xcd\r\xa3\xebK\x1d\x1d\xf1MU\r\xcf\xe6\xf4\xf8\xfcp\x04\xb5E\xebu*F\x02]\xc3$\xf0\x18\x92\xaeR\x82\xd6i*\xb38\x8b\x9dN\xbf\x85(e3{\x88\xb3f\xbdeM\x9e\xf3U\xa3/\x96`\xe0f&lt;\x15V\xb39\xdd\xa6G\xc8\xc33\xc2e\x10c\x91\xc1\x07w\x7f\xc5:\xa1S\xe1\xbf\x07\x83\xd62\x97\t\xc6\xf9\xc0b\xc3\xb7\x99h\x05\xb1&lt;\xe7\x8fUA\xae4\x02\x1fO\xe56\xf3P\x0b\xcf`db\x8e\xd0 L\xec\xed\x19\xef!u\x8a\xd0\x97\x96\xea\xa97\x01I\x1f\xbc\n\xe2\x0b\xaf\x00k\xf2x\x80\xf5\xd7\xdd\xd1\xd9\xcd\xd9\xd9t&lt;\x95\xce\xe9\xa78s29j\xe1\x12\x1d\xa1\xc0\xe0\x83\xe1\xe1\xe7=\xd0kh\x80\xacD\x9b\xcf\xe4C\xc5\x93\xb5Gp\xb0\ty\xcb\xf4\x95\x08P\x1d\xeb\xd8\xcc\xcc\xd3\xdd;\xb3\x9b\x93\xb3j\x87\xfaSAN\xb1\x88\x87\xd0K\x0c\x05\x02\x83\xc8Vooo\xcf\x109jaw\xc6vh\xf5b\xbf\xc1\xfeC\xbe\xbd\x17-\x15\xd6\x8b\xe5VW\x19\xc0&lt;&amp;\xcf\xf5\xa2\x99\xa9wO\x7f\x99\x9c\x9d\x9cM\xab\xb3s9T\xab\xfa[`\x11\xb5P\xf0\x81A\x825\xd1;1&gt;\xd4x\x06\xa7\x19\xcfYl&lt;\xd8p\xac\x16\xe0\x94\x07\xad\x17\xfd\xce\xbf\xff\x85\x84\x1fQ\x0b\x12\xb1\xae\x17\x1d\x9a\xfa\xfc\xe7\xa7wf\'\xc1\xb5\x99S\xb5v\x90-\x1a\xe7\xdfX$poPwq\xb8w|\xa8\xb2\xb1\xa1\xb5\xd5s\xd6\xeb\xbdH\xca\xddr\xd1\xe9,\xf7\xfb\xd1\xa8\xa4W\xa3~\x8b\xeb\xba\xe7J3\x12_t\xe8\xea\xed\xba\x7f\xfe\xa0cM\xe6R\xad\x82\x8d\xc3\x8c\x8e\xe5\x00\x16q\xb1\xeb\xc1po}\xe5\xcd\xb6\x86\x86\xe6\xe6\xebg\xbd~R\xef\x18R\xf4\x85\x9f|\x15\xbdz\xf5\xd3O\x0f\x1d&lt;{\xdd\xd3\xdc\xda\xda|\xbeh\xe6o\xb7o\xff\xfct\x92`\xcd\xce\xe5R\xad\xdf)xN\x86\x8b\xc0\n\x04t\x1f\xdb/\xf7\xf5\xf5=~|\xf4\xf1h\xc3\xf9\xb3\xfehq\x93.\xd1\x85\xdf\x17~uuj\xe6%fww\xb7\xaa\xaa\xea\xc6\xb5\x86\x973S\x9f\xdf\xae\x83\\:VN\x0f\xa8Y\xddD\x1a&amp;\x86\x02!L\xa0\xff\\\xffR\x7f\xc4\xe1\xb6\xa7\xfak\xfb\xaa\x8e\x1dt\x1e\xc1\xb9\x01\x07\x88O\x8ag\x8av\xef\xaf\xbc\xd8\xdc\xec\xe8\x18[Z\x07\xf9\xca\xee\xd3\xa9?\x7f]w\xfb\xdd/\xc0\xdaLo\xe5R\xad5\x85|\xa2L\x8b1G$\x12\x8a\xfc\x8b\xf08bnw\xd2nO&amp;\x93\x97\xfa\xee\x9f\xf7Z,\x15\x15\xce\xc2ha\xd1\x97/\xef\xaf\xac\x8f\xc5\xfb\xe3\xf14\xae\xf4\xd2\xe6\xfa\xcb\xa9\xba\xaf\xeb\xea\xea^\xdd\x81Z\xe9\xbd\\be\x9f1\x0c\xc1r\x00\xcb\xa1?\xa5&amp;\xe3cKcc\xe7\x925\xd0m}\xe5\x1a\xd6#V\xa3?\xdaTTU5\xba\xb2\xbe\xb4\x84ki\x13\xd3Q3\xf6\xe2\x1f:\xd6\xbb;\xe0\xda\xcc\xa9\x89\xcb\xcf8\xf2\xa1\x15\xd4r\xe0\xf99\x16s\xd7\x8c\xad\xaf\x8cb\xea\x1f_n\xafm\xbf\xd5\xd6\xe01\xb9\xbc\x07\xbf8b\xf97kf\xf7\x93v\x96\xc6\xf1\xde\xecMo6\xf1zSc_\x9cf\xd7\xf8\xe3eY(\xbe\xfex\t\xfeJ\x05\x14\x90)\xa8\x15j\x82\xc9\x12DE\xa5T\x18 \x05\xa9Th\x1da@\x885\x03\x03\x04\xc6\xb6adjM\x13\xba)Yv\x9cn\xebN\xdb\x1d[\xdb\x8a\r\x92t\x9b\xa0k_n&amp;;\xbb\xcf\xa1\x7f\xc2\xfe\x8e\xe0\x15\x17\x9f|\x9f\xe7&lt;\xe7\xfb=\xa7w\xb6\xa7gy\xcad2Mu\xcc&gt;_\x86_&lt;\xfb\xf1\xd9\xee\xbb\x88\xc4.\x91l--\xdd\xb9\xf3\x8aL\xac\x1f\xfe\x88\xdeP~\x83\xa8\x10\xd6\xdc7\x9e\xaf\xa7\xa6zzz\xa6L\x90\xbcX\xa3I\x81\t\x9bh\x11\xd6\xfe\xa9\xad\xb5\xe5\xf4\x04\x86an\x18h\x97\xcf\x9d:wyv\x19\xd0v\xdflK\x16\xed\x92\x03$\x17\xa9X?=&lt;\x8az\xfeB\x13\x1f\nx!n\xf6yMn\xb7\xcad\xf2z\xef\xb3\xc2\xb1\xd1\xd1d" \xa7\x7fA\x95\xb52\x07\xe8\x14L\xc5KLOKM\xcbS\x13z\xbd~\xa2g\x16\xc4\x92l\xdb\xa1\xb9\x80\x8bT3\x7f\xfb\xe1I4\xb8.\xf0\x87@\xae\xa1\x11\x96O\xa0\xe0\xe1\x16\xcf\xfd\xe5\xc7\x8f\x1e-\xb32Ngl\xda\xcf\xe8\xa2\xd2\x88\x81\xc6\t\x8c\xcb\xf3*\x04\x1e\xcf\xb3\xad\xe5)\x85B\x0e\xb2\xadlo\xeb\xecv\xdd\x1b\xc0Z\xfa\x0b\x99X\xbf\xbd\xf5\t\x0b\x1a~H-\xe2Xp\xa9o\xd4\xfc\x8d\xba\xa9in\xe9\xeb\x8e\xe7x\x18\xe6\xeb\xe6\xddu\xe4\x1e \xb6b\x1d*|\xeb+\xa8\xf5\xd0=\xcf\x14\xcf=q\xbaN\'Y\xd4\xe9$\xdb@\xb5E\xaa\r\x1c\xfe\xfe\xecat\xd7\xa7V\x0f\xa9\xe3\x90\xf2q\x1f\xa7\xff\xcf\xb7\x9a:\x1f~ykmW\xd1!u\xc4C\x1f\xfd\\k\xcaJ\x9f\xd0\xdbV0\xef\xfb\x7f\xb1;\x1f\xf2\x87\x0e\xee\xc4\x14\x80uj\xd1\xbe\xa8\xb3\xeb\xb6ar\x1d\x90\x9b\xab\xffy\x1d\x82\xe2\xe70\xe3E}J\xf1\xa8O\x10\xeb\xbf\xb4\xf5m\xb6\xf3\xec\xdc\xdf\x1fl?\xde49\x11\x16\x03\xb0\xac\x13\x8dm\xb6\xe2\x8bwk\x97\x9a:\xf7/\xfe\xe3\xb5g\x06a5\x00\x96D\x17y\xfd\xed\xd2{roG\xbe\xbb\x0e=\xcfW\x8bD\xf1~\xce\xe8\x8cO*\xbe\xffl\xeb@\x94\x1dR\xbf\x8f,\x06\xa5\xc9\x98\x08a\xad\xa7\xac\x0c\x8c\xdeb\xa5\x07O\xdd&lt;\x88\xf7\x89\xdeo\xaft\x98T\xe8\xb0\x9e\\\xb4\xeb\xec\x11h.\x92\xef\xde\xfe\xf6\xf3\xd9\xc3\x87\xf9\xea\xb8H)6[|&gt;&lt;\x19\x16|\xbd\xbb5\xc2\xd9zW\xec\xe8X\x18u\x88\x1c\x9b~n*e]\x07\xaf\nv\xb4\x08g\xe2\xe3\xe7\xb3\xc1`\xc7,\xf2\x10\xe7jo",h\xae\xb5C\xa4\xbe\xfe\xdf\xbeu\xfd\xe8Q\xf6\\\\\xc4\x89Yp\x1fnIf\x92R\xa9\xc0k\x9a}1\xdb\xa3\x108\xfb\xfb2w\xfd\xeb\xa9Tj\x9d\xc1\x95w\xbc(\x06\x11\xd0\x0b}PO\x07\xbfu\xda\xd8\xd8\xdb`\xd7\xc1y\xbd\xbb\xb56\xfca\xfe%I`5\x87j\xce|\x7f\xfd\xe4I\xb6(\x1ew\x8e\xe2\t|Z\n\xe64\x01\xeeT\xe5\x0eb\x8a\x85\xa4#\x14\x82\x9d\xc8E\\V\xe0\xc2\x82\xfab\xb1h\xb3\x9d3\x0e4"\xc7\xd5\xd8hk\x80)?\x1f9\xd8\x8a\x14\xd7\xdf\xae\x903$n\xbf^:x\xb0\xf6\xf3\xd9+s\x80\xc5\x19\xc5a%\xa6q0\xa7\x0c4\xcf\x03\x01\xdc\xe9\x0892\x1f\x01\x0b\x92aj\x1dR\x07\x16,\x06muu\xbdLdO\xf5\x10\x84\x8c+\xf6Hd&gt;\xf2\xda\x9b\x8aj]O\xf2d\xc85\xbc\x1b\x0eg\xd4_\xfe\xfe\xec\x15\xb6H$\xe2\x8cZ\xf0\x844\x01T&lt;t_\x83\xb9U\x0bI\x18[\x0eG\xd8\xcfH\xa7\xd2\xf4\xae\xf5u\xa0\xb3\x02T]}/x\xfb\xc6\x01#\xc4n[\x83\xa4\x8a\xa5\xd7\xb8\\O\xfe\xfb\x96\x8c\xbb\xf0\x07\xab\x19N8~\xa1\xf3\xe4\x15v\x1f`\x99Yx\xa2J\x15\xe02\xb0 \xd4\xf0n"\xe3\xc8 ,\xa8a\x97\x11\xe4ZOE!\x8e\x15\xebWj\x85\xc2\x16t?B1\xf6.\x02\xd4\xfc\xfc#a\xa1@T\xf6\xf6&gt;\x90a\x98=\xe1R\xa8\xbf\xa9\xf3\xe8\x95\xaa\xb9\x12\xb3\xa0\xb5\xd0\xf5$\xc4\x1e,\xe8\x0e\xf8\x03\x80\x05U\x0c\xfb\xd3\xd1h\x97\x11 \x00K\xab\x1d0\xdaz\xeb\xbf@\\]\xa9\xae\xde:;@\xcd\xcf\xbf\x91\x15\\D\xa5\xb2\xf7\x94\x0cS\xe3\xfdX\x02O\xdat\x98\xcdV\xb3\xe7\xae\x8aYp\xf4,,T\xaf\xb60\x06J\xd5\x80\x05.:\xe9O\xa7\xa2]6\xdb\x04\xc5j\xed\xd2\x12\x84v\x80\xc9$\xb4L\x82Fh\xa3\xf5\xf5\xba\xf9\xa7\x80u\xb39WvU\xca{\xbf\xfc\xff\xcdU\xf3\x93i\xb3\xa4\xce\xaa\xd5\x9f_\x01,v\xbf8f\xa9V\xb0\x9a\xa7\x19\x0c\xae\x8a;\x9d\x01*\xc7&amp;\x17D\x02\xb9(r\nR\xcb\xa0\xd5F\x99B\x8d\x01\x16\xa1\x95M\xea\x9e\x02V\xe4f\xa1\\v\xfdZ\xde\xbbAB\xcf\x0f/\xef\x94\xfa\xb2Y5\x9f\xcdf\xf3\xd9q\x8e\xd9\x82\xf3\x14\\\x15\xe3\xd3\xcd7\x97\x1b\x98v\xc6\x95\xa1\x0c\xd4P\xa3!\xa2Lz:\rT\x84V\x03\xff5\xd0\xe1\x06\x820\xc8\x8e \xacH\xe4\xb3\xf39W%\xf7\x9f\xbd_H\xe8\xad3\x8f\x11\xd6\xfe\x10\xbb\x8a%R\x9a-\xa8\xb1\x00*-\x97[a\xac\xfb\xa7C\x9cLfS\xae\xa5\x8e\xb5\x8f\xb9\xc6dD\xd4H#4\x1a\x03\x14R\x03\\\xf05\xc8\xc6\xaajI\xfe@\xe4\xca\xe5\xfc\xaf{\xdd$\xa8U\xf3\x08\xb0\xfa Y\xb0\x07\x81kN)\xb6$x\x9f\xa8\xacr9E\xceX\x08\x87 cK\x83\x9aB{$_81V(\x8c\xb5\x19\x00\x06\xda\x0bT\x03(\rM(\x93@oE$\xd7\\\xe5\\._\xa9\x90\x82\xf5f\xa7\x14\n\x81^|\xc0b#,)OQ\xad!C\x9e\xb6\xa6\xdd\xd3\xd9\xcc\x8e\xc0\xe7\x0bj\\c\xb9B\xb3\xcc\xa65\x14`\xc3\x81J\x9f\xb0\xe0\x8fI\xa3\xea\xd0|\x90\xb4\xe7\x81*\xbf\xe7\x9a\'\x03km\xa7\xe4\xe4\x84\xb2\xfb\x17P\x19\xe7\xfa\xabX\x8a\x80\x1b\xfa\n\xa3\xd0\xe9\xeed6\xcc\x93:\x9d\x82\xe0\x86\xab\xe0*\xb2J\x1f\xb5\x00\x08\\\x06\xe0"\xd0GC\xd3P\'a\x9cF"\xc7\xbb\xf3\xb0*\xe5\x0fd\x9c\x88?\xec\x94\xccf\x84\xc5g\x0f\x0e\x02\xd6\xaa\x94\xc7S\x04Tn8\xfd(t\x1b6\xbd\x1f6I\xb3\x9dY\x8b\xdbX,\x06\xdd\xc6\xb46\xea:\x0f\\\xb0\x05\t\x84\xc5\xd4\xd0\x08b\x0c\xb0$\xba\xe37\xba\xcb\xe5\\\x99\x94\xc3\xe7\xd0\xed\xfb%\x16+\x94UCfe\x03\x16\x87%\x15\xf0x\x01\xd8\x8c*9\xa5k\xe0\xb4\xa9T\xfawp\xa7Tr$\x05n\x9b\xd0\xa0\x89\xa65\xae\xf3\xb91W\x95\x8b\x86\xaaHcj7$\x92\x88\xa4\xfdx\xb9R\xa9\xe4rOI\xf1\x0f5\x8f3\xab\xab\xa5lv\x88\xcfGXN\x96\xaf\xca\x15P\xa8\xe4Vc\x8bP\x9f\xc8\x9467?Z\x04\xa6\xa0\x8d)\x8c\xa6\xd7aP\xb8\n\xb9\x02\x9aY4\x9a\x86F\xa31[\x8c+:IDw,_\xd9K\xed\x95s\xe4&lt;\x0f\xd7\xac\x85Y\x1eGv\xbf\xa9\tq\xc5\x11\x96\xf4\x93`rJT\xcb\xa4\xc8\xdd\x81\x9dd&amp;l*\xd61e\xb6 \x86v\x1fap\xa1*\x1aZ5\xad\x06\x03S\xc8\xec\x9d\x04,\xfb\xb1\\%\x95\x8a\xe6\xc9\xa9!\xcc\xf9\x1f\xc3\xbeLv\x7f\xbf*\x97\x88S\xc5J\x00\x97\xca\rE\xa4\xa3\xc7\xc4@\x82\xa3\x14\xf4\x9c*\xce\xf6\xe0RS0\xaa%\xa2\x84\xab\x8a\xd5&amp;\xa3\xb6\x1a\x84\xb4\xfaI\xbbNb\x1fo\xd6\x12\xcd\x85c\xa4\xd4\x10\xad\xd7\x19\x16\xa8\xb5\xaf\xaeV\x91\x03\x87".\xc5\xa5\xd2\x05\x95*H\xa1\xc3\x9cW\x05\xa6\x1d}J\x8fg\xb6\xc7\xe4a\xadN\xb91c\x14\xc8\x0c\x1aD\xd5\xdc\xc6l\x15\n\x1b&amp;\xc1\x06\x1e\x19\xcfw\x8f\xdf\x18+\x90\xf5\xc4\x7f\xe6\x95Y\xac\xbc*\x1e\x01,\xfe\xe0\x9c\x12\x1c\x17Z\x82\x05E\x00\x8e\x9f\x80\xdf\xbf`q\xf6\x8f\x88W=\x1d\x1d\xb8\xc0\xe2\xf5\x9aT\x10\xf6\xe90\x19h\x08\x0b=\x97\tk\xaf\x01\xd6\x89\xdf\xe5\xf3\xdd\xed\x85\x1b\xa4\x99\xf9\xe1-N\xdf=\x8f\x19\xedE\xe8y3\x92\xcbb\x81\xf6\x02\xd7\xecOl&amp;cf\x07\xc7\x91\x0c\x80U\xf5\xa7\x8cA\x0c\xe3\xf1\xbc&amp;AOp\x80F\xa56\x1f\x01.\xaa\xb0vqQ\xb7}|||\xbc[\x97\x7fI\x1a\xd6\x99W\xf7\xd4\x17\xcd\x9c\xbe}&gt;\x9a\xa7N\x90\xcb23\x83\'x&lt;\xde\x02\xee\x8cqXb\xe7\x8c"\x9d\x02\xcf\xb0\xe1\x82\xa5)b&amp;\xaf\xd9#u3\xa9m\xcd\'&gt;\x93\xb5Q{\xebQ ;\x9e\xcf\x8d\xdf\x98\xff@b\xf2\x19~\xdf\x7fQ\xecT\x0e\r\r\x0e\x0e\x8aF\xc0CXX\x16\xb0]\xf8\x0cK\xcc\x19\x11\xc7\xc2^\x88:O\xde&gt;\xd9\xd8\xd0nl\xc0\x0ce\xda0\xafgU\xa0\x97\xc9\x9a\xafM\xcad\xd4\xfa\x06\x08\xfb\xf6\xf1\xdc\xf9\\\xfbS2\x83b\xcd\xcb\xbf^\x12\xb3\xccJ\xf5\xe0\xe0W\xa2\xab\xe2U\xcb\x0c\x8b\x05\xa5\x9c\x89)\xfb\xfb\xef\xad\xe2\n\xa0r\xbb\xd3o\x9f\x00ZuEm\x97g\x97\xbd\xfa\xda\xff\xd1n\xfeOI\xe7y\x1c\xdf\x8en\x06L\xc7\xc9u\xb7\xcd\xd9$6\x85\n\xf6\n\x9c\x108\x85d$X0\xb1s\x03\x02\x82\xf5\xd0l\xc0,\x88\x15\x96\x0f\x0ep\xe2-I\xf2\xad;\xf1\xea\xb40\xb1u\\G\xe7r\xcc\x8b\xd1\xb1q\xae\xcb\xfc\xday\xdb\x8d\xf6m\xd5i\xc6\xda~qk\xf7\xa7\x9b\xbb{\xbd?\xed_\xb0\xc7\xe7\xfd\x01~~\xcc\xf3\xf9\xfa&lt;\xdf\xaf\x17\x9f\xf7\xa7\x84\x19u\xb0\xa84\x1a\xcb\xe7{V\xe5;\x7f\xfe\xfc7i~*|\xeb\xcdL083g\xb9\x14\x8fC\xce\xf3\xc6x6[[\xb3M\x1c3$\x83R] \x10X_/\xdf\\\x87u\x7f}s\xfd\xfe\xc0\x00\x1a|\x06e\x1e&amp;sO\x94E\xa5Ra\xaa\xaez\xf2\xce\x93\'\xe9?\xf6\x96\xf3tmm\xf6lj\xde\x1fG\xd3\xcf\x18\xcf\xe5\xe2\xd9Z\xfb0\xd7T\x086\xee\xf5\xd5\x1fa\xfd\x1b\xd6\xe6\xe6\x7f77\xd777uM4&gt;\x1fJ+\x1ae\xb1\xe8\x90\x0f\xbe*\x82Np\xc1\x94\x9e\x93\xf3r\xd8\xe2\xc7\xa0\x9fGX6\x97\xd8:38(-\x93\xae\xfe\xb8\xba\xbay\xff;X\xc8\xc1\xef\xbe\xbb\xbf\xbe\xaeVy\xf54OI\xb4\xdb7\xc4\xa2\x02\xd6\xb3?\x13y&gt;pvx\xc3\x82iq,\xa5\x0b&gt;=nU\xe8\xca\x95+\xab\xe0\xdc\xb7\x8b\xbf_\\\x8cF\x1b\xfe\xbe\xb8\xf8\xcfo\xed\xde\xd2R\x91^!*\xec\xf69X\x0ef\xb7\xef\xd9\x1f\x08\xa4zg\xda2&lt;\x8fE`X\xe4\xb9\xc4J\x1b/\xec\x965\xaa\xca\xabWW\xd7\xd7\xd1}\x08\xeb?\x9f,Bg\xfa\xdbb\xd8\xa0\xd9B\xb6\x07\x8a*:\xe4\x80\xdfg\xdf\x10\xa9\x16\xc9?\xbf\xe1\xc7\xacJ\x17Oi\x85a#\xe8nj\n\xa8\xcb/\xc3\xf68\x00\x16\x0e\x0c\xc0PV\xcaA\xadC1D\xbc\x90+rtww;\xa2\x80\xf5\xfa\x07"\xb1nY\xe2\x1b\xf38\x96\xcbjUB3\x033\xacN\xdd\xa1V\xa9\x9a\x1a\x1be\xb0T\xf2b!\x1b\xf6\xe8sB![\xe4\x11\r9|\xdd\xd1hw\xf7\xeb\x86\x1f\x884\xf1\xec\xbc\x04\xe4\x02\x17]J\xab\xd55&amp;Uw\x1e\x08\x04t\xba@S#`u\xbaC\xce\xc0\x81\xe2s\xecsl6[\xc8Q\xb0\x85\x1e\x16\x88\x05\xd7\xd0\xeb\x86;\x84bmHj7\xba\xfc \x17\xc4\xbbxL\xea\x04&amp;\x9d\xee\xd0\xc0A{}\xbd\xb71\x14R\x0f\xd4C\xb4\xb3E"!\x9b\xe3\xe5(\xe8\xccn(,\xc7\xd0\x8b\xd7\r\x84\x9e\x88\xad\x18\x96H\xfc\x1b]\x11\xabR)\x16+yA\xa7Z\xad\xd6\x05\x0e\x0c\x1c\xbb\xfe\xc99\x85\xd7y@\'\x87a\x15\xb6\x1b\x91P\xa8(\xe5\xd0\xe9L\xc7\xd0\x10\xc2\x8a6&lt;!\x14kB\xf2k\x81\x05\xd9\x08X\x10\xab\xd0\x0cB\x1fq\xfc\xa0\xdd^_j\xb7\x17\x1d\xb3\x97B\xa3\xc5fs\x10\x96\xde\x03\x81\x05P\x8e\xa1\x85\xd7\x04c\xe5\x00\x16p\x81\x8d@\xd5\xea\xb2\x85\xf1\xf6\x06\x1a\xbf\xa2\xce\xa2\x83E0\xdf_?V\xff\xd9\xb1\xd2R\x85BQ\xac\xf0P\x1d\xc0\xe4p\xbcX\xe8&amp;\x1a\xeb{\x01\xb4\xf4\xb5]\x16+\xe2R*yeh:\x83x8\x00\x1b\xa1\xbd\xde^\xe4\xf5\xd6_\xb7\xdb\x8b\xbd\xc5Fy\xb1\x87\xe9C\xe5\xfeba(\x1a=L\xe8\xeb\x0f\x15o\x04 \xd7\xe9xW2b\xd5Z\xc5\xad\xf8\xbc!-W\x07\x02\xc7\x8f\x07\x80IQl\xb7\xcb;;\xbd*H\x8bF\xda\x08\xaa\xab\x91\x85\x11\x87#\xda@(VN*\x86?\xf6\xc1\x92\xc9HD\x0bm\x8d\xb6\x17\xb2\xbeZ\x1dR\x97\xeb:\xe5F\x1a\r\x80\x1a\xddn\x99[\xe5T\x19G\x16\x16\x86FF^,0\x990a\x10\xfb\xb2\xc8\xc3x\rpI\x04\xc0e\xb5\x1a*c\xd0\xc4\xbb\xc6xeRi\xb5S%ko\x1fi\x1f\x94]\xe8\x19\xec\x19\x1ctN\xad\x8c,-\x01\xd9\x02\x8b\xc1*\xf45\x10\xfa\x8aA\xce\x83x\xac\xa6\xe6\xf4\xe9\xd3\xb1Hr2\x19\x89\t\x04X$\x92t\xb9\x923\xe1\xa9P\xcf\xca\xcac\xd9\xe0\xcaJ\xb0\'\xd4\xd33\xb5\xfc|\t\xd6\xc2c:\x83\xe5aF\x89\xc5\xaa\xb8\x8dUVV\x02WMe$\x99Lb\x02\x98\xff1?\x86\xc5\xd1\xf3r\xd0H6(\x1d\x9c\x9a\x9cBTs\xd7\x9e\x03\xd8c\x1a\x8bE\x151\xa2U\xc4\xaau\x13\xeb\xeb3\xf4\x9d\xac9\x1d\xab\x8cX\x93\x11L\xa0\xd1\x08j\x05\xf18\xe6ON.\x03Npfyrnyjy\xb9k\xee\xebG\x8fV.\xf0\xa9@%b\x11\x8bUq\xf6&amp;f\xd0\x8a\xb5\xc0U\x13\xeb\x8bX#\x91\xf8^\rz\x9f\xad6\x1e\xc3\xb9\xa6&amp;\x93~\xbfeyn\xce\xe2\xf7\xcf]\x03*\x1a\x9d*b\xb3\xa9\xd1*"_{x0&lt;\x01X\xadb\xad\xa1\xf2\xe4\xc9&gt;C\xc4j\xad\xbcx\xf4\xfd\x8c\xbd\x1at\x863\xeeO\xceLb\xa7\x04\x17\xfd]\xd8\xa5\xdaZ\x7fW\xbb\x11\xa8&lt;"\xd8 E\xd1\xaa;Y\xdb\tjmn\x8d^\xba\xfb\n3\x88\xd1~\x08\x82U\xf6E\x90^\x173~\xf9Q\xc6\xd1\x0c\x8dD#\xa9\xc5\x04\x12 \xac=\xb5w\xbf&amp;&gt;\xd7\xc3\xe7\xd3&lt;".P!\xac\xe9\xcc_dU\x10Ce\xd9\xb8\xfb/L\xdbj\xeb\xedm\x15\x83^\x95\x06\\\xaf\x98&amp;#\xe3\xfd\xa3\xb02$\xb5\x92\x0cd\xe9\xfe\xbd\xfb\xfd=`\xa0\xde\xe3\xf1p\xb9z\xd4\xa5V\xdd92K\xca"@\xaf\xb3\x0f\'^\rO\\\xc2`\xaa\xb6\xd9z\x95?q\xa1=(\x02d\x1a\xf4\x86\x96D\x02\x84\x9a\xfd\xb5\x17\x93\xcb\xed\xed|\x181\xc0B.Wn\x17\xb2\xc1D\xf3\xed\x1dDp\x99S\xa9\x89\x89\x8dSq\xc8\xf5\xaf\x80\xeb\xad^}\x06+lB\x10\xacXmL \x91\xe0FZ\x93A\xb7\xcc\x88\x9eE\xd1\xb9@\x05\x93\x86\x90\xcd\xaa\xba\xf7\xf2\xe1n\xd2\xd6\xectS\xbd\x97J$F\'.]\x05,t\xd6\r\xe7\xea\x83\x0c3h\rZ-"\x83\xfb\x00~!\xf3\x83N\x99\x91O\xa7S\xe9\x1e:\x97\xca\xc5kK\x98_u\xef\xe1\x9b\xd9\x1d[Hi\xce\x89[\xa9\xfe\x96\x96\xd4\xc6\xd5\xab\x98\xa1\xb7\xad\xad\xb9\xad\x99gS\xb6j\x11X\x1f\xc2\x82.G\t\xfdD8(\r\xb9ePU\x90V,\xaa\x87\xcb`0\xb8@\xc5\x111\x1bfS\xdf\xdf\x9e&amp;mI\xaf\x8d\x15\x89\xd1\x84\xf9\xe3\xf1\xf9\x13\xfb1\xad\xad\xad\xed\xcb\xb2ps\xb3\xcd\xa6\x04\x85\x80\n:\t\x18\xce\xc6\xc2\xc1\x90\xd3\xadj\x87\x04\xa5\x960 \xdb\xe9".#\xdf\x84\xd4\xe2\xb0\x99\rO\xdf&lt;zy\x8fD&amp;\xa7S\xae\x9c\xd9\xd1T\xc2|\xe4\xe6\xab\x13\'0\xab\r\xa8\xd0\n#\xc5\xc48\x94\x8b\x17\x96\x86@\'`\xa2S\x99L\x10\x89A\xa5B\xb93L&amp;pQ\xc8\xe10\x1a\x1e&lt;\xfazmv\x1f\x99LI_J\xe4\xfcct\xb4?a~w\xf7\xdd\x13\x1f\xe1X7\xaa\xcb\xaaoH\xa5\x00\xd6\x0b\xde\x01TX\xda\x03\xe6\xd1\xe8,Fa\xc1\x87\xf9\xc0\x05by\xb8&amp;X\\\x98\x818\xd0\x10\xbe\xf8\xeb\xc6\xf3\xa7;\xc8\xe4\xdc\xf4\xa5\xea\xd9\xc4h\n\xb0vf\x8egh\xfco\xb1P\x13\x1f\x92V\x03\x18\x0f\xb7\x0f\x94\x82\x8ab\x16\x16\xec\xd9\xf3a!\x13\xf7\xf0\',\x10K!b\xfa\x96\xba,\xd7^N\x93w\xe5f\xa7K\xae\n3\x12\x0b\xb0\xf2\xde;\xf1\x85?\xe9j.CTN\xb7\xdb\xe9\x0cI\xc3a\xa8s\xa9\x13iEe\xe4\x17\x16\x1c&gt;\\\x90\xcf@\x7f\x1e\xd1E%@U\x82\xd4\x82y\x915\x18\xf6w\xadMg\xed\xa2d\xa7K\xae#\xa9\x14\xa4\x03\x98\x98\xb7\xef\xd5\x17\xfeI\x1b`A\xff\xee\x0e\xa8T@\x16\x92JC\xf8!2#\xdc~\xcc\xfc\x82\xdf\xec\xc1\xa9\xe8\x10Z\\\x13\x177Q(\xf4\xd0\xf8\xa1\xf2\xd6\xd8Rf.\xc2JK\xd5\xe7\xfc-\xd5\x0f\x16&amp;\xc6\xcdG2I-\x1a\x1c\xebr9:\n\xdb\xa4\x82\x0f\xd2\xcc\xedV\xa1j\x87\x01\xac\xae\xe0p&gt;^X@Ub\xaa\xab\xab\xc3kK\xa1\xf7v\x96w\xb4\xd5,\xed\xc8\xcd\xa2dgoO\x87\x8d\xdb\x13\xfd\xb0\x12\xe3\x80\xb5\x8d\xb4o\xde?7\x03ju\xe8\xf0\x13\xba\xf2\xc6Ft\xe6\r\x9awh\x98\x8d4\x0f5\x1fQAd\xd1!$L&amp;D\xc5\x05\xb18\xa5\xf6\xc0\xe5\x8e/O\xae\x91(\xa0VvZl4\x83R\xfd\xfd\xe3\xe3-\xe6\x8f?\xd8GN\xf8gxce\xd2r\x1d:g\'7\x1a\xe5\xed2\x99\n\xc4\x02\xb5.\xf0\xf9tf!\x83E\xa7B\xc1S\xf1z\xc7+^\xc8).-\n\\\xd6}\xf5\xa7\xa7d\x1c+\x1d\xe5\xb5;\xd5?\x0e\x855\xde\xd2b&gt;\xb33\x93\xbc\xe5\xda\xf2\x0c`u\xa8q,\xbd\x9e\x7f\xa1]\xa6zKe\x84\xf6\n\xc6\t\xb8\x18\x8cO?\xe5\xd6\xd5\xe1\x1e\xe2X\xf2\xa2C\x97;\xae\xccL\xe7\xbe\xc5\xa2l\xcf\xfe?\xeb\xebV\x7f*\xd1\xd2\x92\x80\xaf\xd9|\xe6\xddm[\xb3n/\x07a\x94\xc6\xb1\xe4\x80E\xd3_\x00,\x15\xa2\xe2\xf3\xd1\xa6\xc3\xc0\x17\xab\xa4\xeesX&amp;\x13\xcaxN\xe9\xaf\x0e\x1e\xfac\xf9_\x96\xf6Q\x00\x0bVV6%\x8f\xfc\xf3\x15\xcb!\xdd\x84j\x1f7\xb7 \x0b\xcdg\xce\x1c\xf9 \x93\x9c\xbb6\x05\x81\x80\xfe\x0fi\x92{\xf5\xd0\'\xf0\xdbU\xaa\xb7\x16\xd2\x80\x8aU\xc2@)_r\xdeT\xf79\\xl\x15\x7fv\xec\xe0\xa1\x8e\x1b\xbf{\n8\xbbr)\xd9\x94\\\n\x85\xb45//\xebg\xfd\xf1\\\x91\xd7\x920#\xa1\xccf\xa4\x15\xc2\xda\xb9mk\xee\xee\xa9\x90\x14\xdd\x88\x81&amp;\xb9QO\xa3\xe3rA&lt;\xfc\xafr\xb3\x0bm#\xbd\xc2\xb0\xa5\x11\xcc\x98\x99\x91\x90Gb\xa4A?\x13KcG\xd8\xd3Bk\xbc\x15d\xb7\xba(\xb3\x90\xe6b\tn\x8aY\x83/\x8a\xf7BT\xc9\x95\xf1^,dA\x94\x92\x96d\t\xed]\x7f\x14\xf7.\xd0$\x12Z\xd4\x12c/\xf6\xaeD\x0c%\xddx71\xb4!\x81B\x1a\xd2\xc6\r%\x98\xd8\xebM\xd2\xf7\x9co\xf4c\xd2\x96\xdd\xa3\x9f\x89d\xf1\xcd\xc3\xfb\x9e\xef\x9c3\xb23ORA\xab\x0cbbb!Cb-., \xe5\xbf\xf5:\xfdG\xa4\xb7\x7fv\xc9\x04\x11\xab\x15\x8b\xc5\n\xaa\xaaYf\xe0\xebn\xca\x91\x13fuu\xd9\xb0\x8c\xcb\xf0\xafR\x01T\xb9\xe2z\x86\xad)\xe9[\xbf\xbb\xf0\xee\x0fQ\xb4\x08k\xee\xec\xdc\xdc\xfcyJ-\xdf\xc0\x89\x8c\x03.\x87\xa1R\x8b\x9c\\\x02\xeb{?\xb9\xa5D\x18+\x16\xc3=-\xab\xaa\x1d\xd6\xd0$\xbfF\xd5\x1f\x19\x91\xabU\xb7\xa2\xaaq\xb7\x05\xa5\\\x17P\x15\xc2\x8aC\xae\xc0gT\xaa\xe8O\xe5\x815\x06\x17\x8f\x13U\xb1\x98\x85}N\xc6I!\x08\x0b\x87Er\xf1\x8d7^{\xfd\x1b\xdf\xfe\xc1O?\x96\x91\xe9\xc3\xe9t\x8c"\x9d.h\x9a\x1c\x0c\xabAS\xfa\xaaC\xd8\xc8\x89Du\xb9\x9a\x0c\x06\x8dd\xd2\xed\x94\xab\x15`U\x18\xcbK\x86-}x\xf3\nJ\xc2)\xaa\x0f\xc8\xad\xb1#\xd8\x8c&lt;9L\x8e\x13S\x0e]\x91~\x17\x96\xca\xe3\xe6\'\x17\xb0\xde\xfe\xd5-)\x02,p\x89\xb0d9\x18\x0c\xdb\t\xdbV\xe5\xc2W\x98+F\xfe`\xc0\xb6\xa4\xa5\xd9\x06\xc2k\xad\x92{\xc4\xe5\x02\xcb\x08\x9b\x81\xe1\xe1\xfb\xa7\xe8\xdb\xdb\xd3\x94\xf2cG\xce\xce\xcd\x9f;GX\xd4\x11s\xb9R.\x0f\x1chE\x07g\xe1\xd81\x81\xf5\xe6\xc7r,\x1a\x1d\xde\xda\xdf\x12Tz\x01b\xa9j\x18`\xf1d2\xac\x85\x86\xff\xef\xce&lt;!\xb9\xabeW-\xc8\x89$Q\x19\xc9\xd55\x17@.?}\xfa\xb9\x81\x05\xd2\x91\xd8\x9fO#\x8e\x9f\xa3\xdc\x1aC\xbf\xa3\xea@\x8d:\x93g\xad\xc8\xc6&lt;\xa8R\x8b\x99\x05\xf4j\x14\x88\xe3\xdf\xfc\xceui8\x1a\x8d&lt;o\xec\x0b,\xc525Yf2;\xde\xc6\xb9l\xeb\x7f\xe7\xff\x19\xb3R\xad\x18\x96\xa5&amp;\x92I|4\t\x17\x9b\x1d\xca-\x06\xbb\xb5\xb7w?,[\xcapd\xfd\xee\xb9s\xa0\x9a\xc7\x85\xc4Xv\xae8OXG&amp;\x97\x1c\x98\x98O9y\x87\xb5\xca/:\x99\x05\x9e\x9a_{\xff\xcd\xbfn\xea\x91ht\xf7a\xe3 \xb1\xc9X\xa1\x82i\x12Y\x90\x14c\xb0d0\x14\xfbo%\xe3L\xb8R\xf6\xe4\x82\x16\x86\xac\x84%\x9e/w\xbc\nku\xd9}\xb9\xf7\xac-[\x81tt\xf8\xde&lt;E\xb1\x08\xb5\xc6\xe6\x8e\x14\x89\x0f\xf3\xc3D&amp;\x93\xc26L9\x80#\xd1\x1cg\x01\\\xc7\xbe\xfb\xfd\xd3\x7f\xbcW\x88!\xb5\xf6\x1b;z\xe7\xb1\x06\x0f\xd3\xc0\xd2\xbaz\xb1\x93\xe4M\xc2z\x05\xec\x8c]\xa9\xd8\x96\xa9\xc6\x93m\xe6i\xfb\xc7\xf2\x1a\nD\xc5\xf3ZG;\x90\xeb\x85l\xc1\xc5h\xecZ\x91\x82R&gt;\x8b\xa4\'\xb1hZ\x06\x98\xe38\x196\x91\xa8 \xd7\x04\xe4z\xff\xc2\x83\xcd\x00:\xe1\xedF\xe3\x97\xde\xd4\xb6\t\xb5\x02\xa1\x02l$\xb0 \xeb\x95H\x90`\x86g\xa8\x83\xe5\x7f$jW\\\x95\x98\x18\xc8\xa7j\xd3\xbf\xbcV\xc7\x83\xb3Fk\xb4\xd6\xfcto\xef\xd7V@\xc7N\xdf,\xceQ\x89\xc7\xd0\x80\xe4\x02\x17\xd4\x1a\x9f`.\xd0\xa4\x90a\xb9T\xdea\xae\x85\xf1\xec\xf9\x0f\xee\x99\x98h\xa2;\x10\xab^kQ\xc6\x03\x0b.jB0\x02K$\xd8I\x83\xb2\xac\x0b\x15\x89W\x0c;(\xbc\x130x\xc4\xe3\xe2\x8d\xd5z\xb5\xea\x19\x86\xbb=Z\xf7\x9em\xecX\x01\x05r\xc1F0a\x1f\x8eq\x90X0q\x9c|\xc4V\x04\x15mHP\xa1t\x8dg\xdf}pC\x8aE"\x10\xebv\xb36\xa5\xea\xac\x16\xe4\xea\xebE\x99\xcf{\x92\xc1\xfc\x89*^64\x95\xf7\x1d\x98\xda\xacT\x1c\xb7\xb6\xc0*wZ.a]\x1e=Z\xbd\xb7\xb1\xf1&lt;\x14HC.\xe5\x9a\x8f\x94\xa5\x01y,;\xcf\x1e\x92Z\xa8]%\xae\x13y\xe4~fqa\xa2\xf8\xc1}\x13\xad0\x02\xb1\x94\xc7,VZ\x91\x08\xab/W\x90\x14\x03X\x82SH$z9\xae\xc5\xe1*Q\t\xef@\xd4\x86VtL\xc6\x93\xcdV\xbd\xed\x19\x1cP\xd6&lt;\x00\x00\x051IDAT\x9e\xeb\xd6G\xb7\x13O6\x9e\xedJ\n\xc6\x93\xd8&amp;\xe7U\x96\xa6+D\xb6\x98%\xa5\xd0y\xa86\xe48\xf2\x94\xf6\x99L\xf6\xbd\x077\x14\xf4\x9b\xddFc\xb7Y\xab%\x14%\xad+\x92\x04\x17\xbb\\AY\xf6\xe1D\x9aQ?\xae$U\xc3\xf3|\xad\xe2\xfdh3\x17\xact/\xd7\xef$A\xe5VgGWT\xd8\x18"\x17\xa3\xc3o\x9de\xa5\xb8As7\xcc0\x98\x93c\xa1\xc8\xca\x122l1S\xbcp\xdd\xa26\x88m\x18\xa9\xcf\xb6t]Wt% \t\x17\x89\xab\x1f\xb2\xd8\x9aC\x117Ig\xf4X)\xca\xa6D\x1cB&amp;\x98\x0b\x9b\x03\xd9\x15\x8f\x1b\xabkk\xb6K\x1fj\x8d\xce\xbaO76\x0e\x14l\xf6h$\xf0[x7\xc9T\x13\xd4\r\x97H+\xae\\y\x0e\x16,\x95\x9a|\xef\x91\r\xdb#\xfa\x17\x8d\x03cjj\x93\x1abZ`\x81\xcb"4\xd3\xe4\'\xcd\xf4\xd9\x86\xdc\xb8\xdb\xa4\x9e\x02\xa46C\xc5\x19\xab{\x8f\xb7q \x17\xcb\xa4\x96al\x1f\xadk\xb0q\x0b\xbb\n\\\xeb\xd7H\xae\xe9\xc9q0q5\xa0\xea03\x9eZ\xc8P\xad\xc7\xbd\x94K\xa5.\x9e\x7f\xf4\'\r\xf3\x95\xb4\xfb\xe4Ea\xf5q\x07\xd5\x0bUK\xa1\xe4\xear\xf5\xc2\xa7\xd3\x86\xbcf\x93\xa5"\x9an\xd8\x94z\x1c\x0c\x99 \x17[a\x17\xd3V\xb8:{\xf4\x1f\xb7\x1f&gt;&lt;\xa0\xa6\x8b\xddx\x83M\xa4f\xe88&lt;9\xc0:\x9a\xb7(\xbf\x18,\x97s\x8a\x9f\xdd0Z7k\xb3\xb3\xb5\xda\n\x86\xc9f3aJ1Ea\xb9\xc0U\xb0\n\x85\x01:\x93\xb9\x86*&gt;\x95\x1dF\xaeq\x88\x83\xe0\xf3\xe1\xbce\xb8Xq\x8dDP\xeb\xd4\xea\xe6\xd3Gw\xff\xf9\xef/\xbf\xfc\xf2\xe5\xd3\xf5\xb7ff\xb2\xd3c\xe3\x84\x91*qQ@U\xc8\xe0j\x91r\x0b\x17\xb2\xa5\xdc\xe4\x95vu\xaaF\xb1\x8dI\tsn\xb5i\x87\x88\x8a\xb1\x00Fh=.\xb3\x8b\xe5Sq\x07 $\x81G\xdb\xc1N\xd8\x82\xcc\xf6\xaa\x9d\xfa\x1d\xcfM\xa8V\xc8\xc6\xbcZm^\x7f\xb9\xb7\xb7\xb7\xd1h&lt;\xd9\\\x9a\xc9\xce\xcc\x8c\xc3\xb4\x12\x02b\x95Rt\xa9\x9fIa\x92(\x9d&lt;Y*]&lt;\xf5\xb7\xe5)\x8e\xc7\xb2b\xc9\xc8c\xafm)\x03XL\x16\xea\x81\xf9&amp;R"\'\xe3\t\xa2a\xac\xb0\x1fB9\xe1g\xd8(\xaf\xd4\xd7\xca\x86\\0\xca\xe5\xa6\xd7\x0ekf\xe1\xc5\x06\xa2\xf1p\xe7\xa3\xe9c3\xd3\xe3\xd8|9\xa6\xc8\xf17\x10\x13\x8c\xc5/\'~~SPu\xf4h$\x92\x0eX\x9afI&gt;\x96\xd4\x03\xebsu\xb1@\xd5&amp;,\xdb\'R\x0fq\t\xe5\xe2\xeejgm\xc5\xb6\x81\x84\x01\xbc\x10\n(\x92r\xfb\x19s=\xdc\x99\x9e&gt;6\xe1\x94H\x1bp\xa1\xe3\xd0\xf75\x99T\xe9\xe4U\xe2r\xae\xbc35U\x03\xd5\nm\x11\x1a\x01\x15?\x02\xc4\xf5*\x16\x83!\xe5y\x13\x92*\x82I\xe5\x08\xabj\x0f\x0eo\xda\xc9\xf2\xf2\xcar\x13\xb3\x16\x98($= \xad\xfb\x82}\xf1\xaf\x1f-\x10\xc5\xc9\xabW\xaf\x9e\xec\xe6V\x8a8\x7f\x9c[\xbaTc\xa9jw\x98*\xe6\x0f\xa6JO.i\x90\xabO\xd6\xc5J\xf4\xc4b2!\x1a=\xc4\xdb\xb6\xd1lz\x98\xb4\x98\x8a\x1e\xf0!\xa4\x1ct\x05[\xcc\x91TW\x89\xab\x84B\x01\xb5\xd8\xc2\x8b\x1f\xfeFPm\x97\x05\x15B\xd7\xb9:\x08\xb9\x02!)DdR\x1fL\x90\r\xf9\xc5\x81\xa8\xd4\xbeZ]0\x01*\xfahP6-\xda\xcc\x02K\x82\x91\x92\xf4\x1c`\r\x08\xf6w0\xf9\\(\x10(c\xd4\x11/\xfe\xe5\x17S\xdbD\xb5\xa6!\xad\x18Jp\x11V@\xb88\xe8\xe3@\xfe\x0b,\xa1U\x97(\xe8?\xfa/\xa9Y\xc9\xb2f\x82Jx\xc8\x81\xb5c\xeb\xfb\xcf\x1a\r\x12\xec\x13\x86\xf2\xb12N.\xef,]\x9ae\xaa\xedU@u\xa9t\x8a\xb4\xafU@\xac\xd3\x93\xab\x1fC"\xb3\xfaH\xa2\x97\x07\x07^\xf3\x13Z\x15\xb6\x905\x00EAgY\x7f\xce`\x10\x8c\xe4"\x13\t+E\x06\xb2T\x1d\xa9\'\x95\xeeG\xd7\xc2\x1e\xd7\xe1\xc0\xbbCI\xaeY|z\xc6\xe1#\x1f\xba\x94*C\x81\xca\xa4\xcc\x92B\x83\x0b\xe88Wl\xeb`\x87\xc0 \x18\xb6bj\x91\xa6fg\xe9\xc1;,\xd5\x9a\x11%\xaa\xe1A*\xbd\x97ZR\xc0\xc7\xf0\x97\x0b\xd0\x83\xec\x1d\x8a\'\xc2\xc2"~\x0e\x1e\x0e"\n\xcaB*\xcd\x14\t\x1f\xea\xaf\x14\xc0\xea:\x9f\xf2\xf6&gt;\t\xb6\x0f0\xb8\xe7d \x15C\xd5\x9b\x11\x86\x12T=\xb0\x9eZ\xbcNW3\x06R\x02\xcc&lt;\x84\xcbZ\xb9\x1f\xc2.\xf9\x10\x9f\x90\x8a,\xa4\xf6\xe5\xab\xc5K\xe9\x12&amp;\x14=Fg\x8d\xec~\xb2C`\x1f\x95P\xb7&gt;\xbc\xb4\xcdJ\x95#|\xbd\x1a\x8b\x1d\xb6\x90\xb9\x02\xdd\xe0\xc5z\xaf\x14\x85?0\xa4\x8as\xf6\x86\x9d\xc3H\x02\x99\x7fh\xd2\xc6E\xcaK\x02l\x8b\xee[\n\x9f\x08T\xd0$\xba\xfb|\x87\xc0\xee\xfe\x9e\x98\x1e\xaf\xb4{E!\xf6\xaa\x85]\xb5\x02\x03x\x80\xd2\xfd\x05\x87\x82\x03X\x9a/\x99\xd0M\xee\xc9\xc8T\xa6(\x0f\x05\x89n\xbe\xec\xca\x96X\x07g\xa5\xefa" \xdb\xff|{\xfb\xe6\xda\x8a\xe13\xe9\xe4\xdda\xac\x01\xb1\x06t\x92zJa9\xfd?\x9dbC`\xd8\xee\x17R\x00\x00\x00\x00IEND\xaeB`\x82'</t>
        </is>
      </c>
      <c r="M468" s="3" t="n">
        <v>45492.67668981481</v>
      </c>
    </row>
    <row r="469">
      <c r="A469" t="n">
        <v>1124220</v>
      </c>
      <c r="B469" t="n">
        <v>1962</v>
      </c>
      <c r="C469" t="inlineStr">
        <is>
          <t>Dudu</t>
        </is>
      </c>
      <c r="D469" t="inlineStr">
        <is>
          <t>D. Rodrigues</t>
        </is>
      </c>
      <c r="E469" t="inlineStr">
        <is>
          <t>VOL</t>
        </is>
      </c>
      <c r="F469" t="inlineStr">
        <is>
          <t>VOL</t>
        </is>
      </c>
      <c r="G469" t="inlineStr">
        <is>
          <t>VOL/MC</t>
        </is>
      </c>
      <c r="H469" t="n">
        <v>186</v>
      </c>
      <c r="I469" t="n">
        <v>21</v>
      </c>
      <c r="J469" s="2" t="n">
        <v>36315</v>
      </c>
      <c r="K469" t="inlineStr">
        <is>
          <t>Left</t>
        </is>
      </c>
      <c r="L46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e1761cc-c4fa-4bb1-9bb0-a0d638884c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\x0f%\r\x00\x00\x03\x00PLTE\xff\xff\xff \x1f"\x16\x17\x15\x1d\x1d\x1e%$\'\xfe\xfe\xfe\x1f\x1e #"%"!#$#&amp;\x14\x15\x13\'&amp;((\'*}\\HX8$wO;uYGqVD\xa5sY];\'hB.\xa7v\\\x11\x12\x11dA-`&gt;*\x1b\x1a\x1c\x8b_I\xb4\x84j\x88ZB\x85eP\x8fcL\x19\x18\x1a\x17\x1b\x17uL8sJ6\x86]G\x82^IjE1\xc2\x94{|Q&lt;4\'\x1fL8*\xaby_\xa7y`yR&gt;\x98hON2"\xa3pVcL:B2%\xac\x89s\x94cK\x93q[\xbc\x8crWA2\xf9\xf9\xf8\x83XA\x9fpWmD.\x82bM[D4nK8sO&lt;kTB\xba\x8ap\xc6\x98\x7f\x8fhQ_@.|YEnO&lt;\x1a\x1b\x18S4#qR@|T@R=.\xc5\x9d\x87\x8flV\xb2\x81goH4\xba\x95\x80\xd8\xae\x99\x80U?+*,^G6\xaf~c\xfc\xfc\xfc\xc0\x99\x83\x18\x1f\x1acD2x\\I\x9bkRiQ&gt;\xb7\x87m\x8f`H\xa1v]}_L\x86bLiL9\xdb\xb2\x9dzUBvR?I0"_K8\x8bdN\x94gO\xde\xb6\xa1rG1\x8agQ\x7fXD\x8a]E\xbe\x90v\x80R9\xb1\x8fzyXEvUC\xd0\xa5\x8e|O7eH5dO=\xae\x8cw\x1d\x1d\x1b\xd5\xab\x95\xa0mR\x8dV&lt;\x97t_\x9egL\x84U=d&gt;)#\x1c\x19&lt;:;\xb4\x92}S7\'yL4666D8+PH/W;+!\'%\xab}c\x8bjU\x93lU\xca\x9c\x83\x97mUVK3-(#&lt;,"\x9bqY\xa0~i\xf6D?\x9bxbjH5\xcd\xa2\x8b.,-\xe3\xba\xa7-"\x1c\xcb\xa0\x88\'" \xa5\x82lwH1\xac\x81h\xed;6\x9abG\xb9\x8fw\xf2?;E* 1/0\xd4\xa8\x92\xa6\x86q6-#2"\x1b\x96^B\xf4\xf3\xf2\xeb\xe9\xe8\xef\xef\xee@@@\xae\x86n&lt;&amp;\x1d\xa0zd\x8e\\C:2(423\xe2/+\xa4.)\xea4/\xe5:6\xb4\x8ct\x87S9\xdc52JB.\x94W?sC.\xcf#\x1f\\Q&lt;\xe4\xe4\xe2\xd5*&amp;\xd5\xd5\xd3\xc5\xc6\xc4\xdd(#\xe8\xbf\xaehlg\xfbUN\xfaMH\x8b\x8d\x8a\xcc74\xa4cKNRO\x1f#"EIG\xc3\x90v$,(\x80\x7fy\xe1\xdb\xd7\xfb^UA\x18\x14\x8d*&amp;\xc4)%o7-\x92\x84v\xd5\xcb\xc3\xb9\xba\xb6yp`\xbb\xa5\x96W(\'\x82J6,50\xa5\xa6\xa2\xaf\xaf\xacZ^[RD:\xba62q`RT\x1e\x1b+\x12\x0e\xb1\x9a\x8b\xb4$\x1f|=5\x99\x9c\x99\xe9PI\xc8\x91xe!\x1e\xc6\xb6\xabc1\'\xfbh]qvrh[K\xackU\xfd~p\xaaJCx#\x1f\xd8KD\x98\x8c\x7f\xa4\x95\x89bd`\xbavb\xfdpd\x93=4\xd4A@F\x00\x00 \x00IDATx\xda\xcc\x98\xddO\x9aY\x1e\xc7[\\X\x06\xc3[$B\x88X\xc0\x92\xc2\xc6\xbaR\x89\xba\xbcfE\x10YB\xe3\x18\xe7\xc1\x1aW\x89Z\xbb\xa2\xa1\x12\xa8lp\xc0\nE\tf\xc5id\x1b\xf2\xd4\x89\x89\x9b\xe2[\xc7\xc2]\xc3\x981\x9a\x98\x98\xa8\xd1\xb9\xda\xed\\\xa8m\xe6\xaa\x17\x9b8W;\xbd\xd8\xdf9\xd8\x99\xfd\x03\x1e\xed~\x1f^\x9epL\x9eO\xbe\xbf\xef\xf9\x9ds\xbcv\x8d*\xd1\xe9\xd7\xe8\xc5\xaf\xff\x03!\x98\x86\xd5\xf5\xad\xefwNO\xcf\xcev\xb6\xb7\xd6\xd7\x1b\x8a|\x9f\x94\xaacumg\xef\xfc\xc3\xe1\xe3\x93D\xe2\xe8\xe8\xe8\xf1\xfe\xdb\x0f{;k\r\xf4O\x0b\xb5\xf5\xfe|\xff\x84\xa0\xb1\x90hR\xa9\x94\xc5"\xac\xc4\x93\xb7{;\xab\x1d\x9f\x88\x8c~\xadc\xedl\x9f\xa0IYRV9\x8bU^^\xce\xa2\xd1\x10\x9aTJ\x10\'\xbb\xa7\xdbk\x1d\x9f\x02ku{o\xffH\x8a\x8d\xa2!&amp;\x04\x06TV)\x82#\x88\xc4\xcb\xe3\xed\x86+\xb7j\xf5\xcd\xf9K\x02\x08\x10M\x11\x0b\x91aF\x1a\x8b\xc6\xb2\x82e\'\xbbg[WkX\xc3\xf61$\nA\x15i\xca?\xaa\x981\xab\xd4j\xb5\xd2\x10\xd8\xf6\x15r\xd1\xd7\xf6\x9e`\xa7&gt;b\xfdBUNC1\xa3\x01\x93\x15\xd0J\x18\xc4\xe1\xd5\x19\xb6\xbe\xf3\xf6\x00C\x01Uq\x0e\xfe\xea\x15\xc6b\xdd\x90"*k\x90\x11$\x8e\xf6\xdf\\I\xc2\xe8\xeb\xd8*)\xa2*\xc7\x1f\xe5\xac\x0b$\xda\x05\x16T\xf7\x06\x03\xb8\x82A\xab\xb5\x948\xbc\x02.:}\xfd\xf8H*\xc5\xb1\xc2\xd1\xc2\x8d\xa1\x9cE\xfb\xd8!\x90W4\x9a\x15\xcdF\xc0\x02\x11\xc4\xcb\x9dK\xe7\xea\xd8\xdeMH1\x16\xedc\xe2\x8b0\xd8\xae\x1b\xc8E)\x84]J\xbb\x01\xe9b\x94\x940\x18\xc1\x83\xc4\xe1\xfb\xd5\xcb\xed\xad\xf4\x9dC\x82\xc0T\xd2_\xc0X\x10p\x144\xf8\xc5\x8a4\x01\n\xe2;d\x16\x83q\xfd\x808\xd9\xfb\xbe\xe1Rs\xb5K\xe06\x8e\xfc\xa0Yo \x1c\xeb\x04\x89@2\x13\x17ZV*\x95\xcb\xcb\x19$\x12c\x91LF\xc9\xd1\xdb7\x978!\xd7\xf6\x8e.\xb0\xb0\x1bV\x1a`(\xe7\x80cnccyyc\x03x\x967\x96\x06\x06\x06\x966\x96\x96\x06\xe6\x94\xd9T\xca\xca(e2\x83%\xc4\xfe6\xfd\xd2\xda\xd5y\x02W\x10f\xbf48\x11\x9cH\xa52\xcb\xca\xb9\x01\xa4\x9a\x9a\x81%|\x0385X-\x1cN\x8dZ=\xa7L\x91A\x063H$v\xd7.\x87\xabc\xeb\xf8\x88 `\xc9C\x99ad2\xcalV\x8d\x80ZZZ8-\xd1h\x0bb\x19\xc0/L\x05X\x9c\x16\xf8Q\xad&amp;\x99\xd7\x19\xd7\x7f\x938^\xbd\x1c\xafv\x0f\xc0+\x94i\x92$\xa1n\x00\x14\x05\x1a\xce\x85\xe0\xbe\xe6\x02\r\x99W\xe4\xe2\x94\xc1\xa5N\x91PH\xc6\xc9\x9b\xcb\xb0\xab\xe3\x14:\x03p\x11\x13\x19\xa5r\x00\x17\xe9\x7fT\x06\x9a\x06w\x10X\xb1\xa8\xf8/\xca\xb0j\xb2\xc80b\xf72\xda\xc4\x16j\r\x04,(\xc8\xa7\xe8\xaf0\xe8\xd3\x0cr\x89\xd0=\x02C\xcc\xc8-T\xddHD\x04\x8a\x02\x17\xe3R\xec\x02\xb3\xd0$\xb4\x96d\xd455\xd1b\x858\xf0\xc4H\x11\xca\x1c\x08\x08E\xe62\x84\xf5\x11\t\x9b%\x8a\x08\x84B\xa1\x08\xea\xc8`\x1c\xec\xaeSo\xd6&gt;\x81\xb1\xc8\xec\x00\xa4\xa8\xe8V\x19\xb2\xc2l\x9eF^\x05\x02\xae\xe92\x9c\xf2"\x11 E0\x93"\xad\xd0\n\x80\x8bYR\xf2\xf9)\xe5\xcd\xeb,\x81j\x18d\xa4\xd4*D\x85kW\x86\n\xe4r\x01\x93\xab\x1d\xbepA\x01\xacX]Q$\x12\x11\x08\x04\n9W\xeet*\xa6\xb3)\xe6g\xa5\xfb[Tof\xce\th\x0e\xc1`\t\xc6B\x8fEopK(t\xb9\xc0\xaa@ \xed\x12\x89p\xc0q\xe20\x94V\xa0\xd0\xcae\xad}\xd5\\\x99+\x9e"\xc9\xcfN\xce:(^\x0bO0\x16\xa3$\x15WM\xe3\xa7\xa3\\E 7\x82\x80;\xe06\x80\xdc.\xb3\x19\xd9\x87G\x11\x94V\xabP8\x8d\xc37o6\xb7\xb6\x1a\xeb\xf3\xa9Ti\xe2\x03\xb5\xe9\xea@fA\x13\rNdU\xd1"T\x04A\t\x14\n\x83\xc5f\xb1\xd9\x8c6\x9b\xc5\x99\x16\x98\xcdB!\x0c\xa0A\xad\xf6\x96S\xe0\x94s\x9bu:vs_\x7f@\x15\xcf\xa7J\x9f\xecP{\xa0\x80\xeeP\xc2`2\xc9\x8cZ5\r~@\xed\x84\x11!\x8a\x8e\xb3\xdff\xb3\xf1F}\xbeQ#8\x96vA\xc8\x05h\x0c\r\x96)\xb8\xdc\xbe&gt;\x9d\xa4\x97\xcd\xee\xb3\xe8\x81\xebY\xe2\x94\xda\x9d\x03`1\x98\xa5\xa9l^e\x9fF\xd3O(\xc4V\x81\x1d\xfdF\xe3(\xaf\xb3\x93\xc7\x03.\x8b;\xa0\x00(\x11\x8a\x1c\x90)\xe4\xb2j6[\xa2\x93Hz\x9b\x8dn}!\x1f\xff\xfc=\xb5X/\x89 3\x05T`\x96\xd9%4\xa3\xbe\x00~(\xb4N\xb9\xd1h\xe3\xf3y&lt; \x1b\xb5u\xb9\x03.!J\x97\x10\x9b\xe6\x94\xc9Zu\x9e\xa4&amp;\xe9\xe9\xbd9ji\x8f\xc7\x0b\xd9=*3O\xdfz|\x10$\xb3\xf9|&gt;n\x87\x1e\xe5\n\xa0\x0c!,\xc8\xb4\xc1b\xe1!,]\x0f\xaf\xd3T\xdb\x0efB\xf0`H\x80\xb0\xaa\x9b=\xc9\xe4\xf8\xb8\x03\xb8|\xb5\xaaB!~N\xe9\x02\xb4\xf5\xe4\x80\x99\x02*\xb5Jo\xc6}\xca\x85j(\x10\xa4\x15\x06\xa8\x9c\xc9\x04^\xf5\xf4\xf0\xf8\xfc\xae.}=X)08\x15\na\x99@\xcem\xbd\xe9I\x8ek\x1c\x8edo/\xbb\xb6P(\xec\xaeS\x88E_{|\x90\xca\xc7\xa1\nv=v\x0bjULW:mp[,\x16\xbe\x8d\xcf\xe3C\xf6mn\xb7\x01h\xb5CCCZ\xad@+\xf7\xb7Vy4\xe3\xc0\x05u\xd4\xf1jgg\x7f\xa0\x14\xab\xe10\x91\xc5T\xf5@\x04\xad3\xad@\x19\x12*`e\x010\x98\x81\x06#\xc0Y|6c\xbfQ\xee\xdc\x04\xaa\x85\x85\x85\xcd\x05\xbf\xbf\xadQ\x92Lj4\x0eM2\x99\xd4\xf1\xbb\x1e\xfd@\xe9f\xb0\xe3\xedQ&gt;^(\xd8\xed\xfa\x80\xdb\x9dN\xc3\xcbe.\xba\x05\x17\x14\xd2i\x90\x19\x8d\xc6\xfejP_\xb5l!\x16\xf3{\xfd~\xbf7\x1c\xae\xa8\x12\x0f&amp;\x1d\x1a\xe4X\xd2\xd1c\xe2\xff\xb8E)\xd6\xee3\xa0*L\xd5\xb7\x03\x16\x84\xdc\x90Fe\xc4\x99\x87\xd4\xcb\xb9\\9W&amp;w\x1a\xa0M5\x0f\xb7\xf9\xbd\xde\xd7\xe1\xf0\xeb\\.\xd7=\xd2-\x16\x8b\x07\x1d@5&gt;\x0f\xc9\xef4\xfd\xf8/J\xb1\x8e\xff\x11\x9f*L\xcd\xea\xef\xbbQ\x94\x8c\x16(\x9c\x02Si\x87\xe4`\xcd\xad\xb6\xd6[\\\x99\x8c[=&lt;\\U\xd1\x18\x0e\x85r\xb9\x95\x95\xc5\xc5\x95\xba\xba\xba\xee\x91\xca&amp;\xc7\xf8\xfc\xfc\xab\x17/\xc6%\xfc\x9f(\xdds\xd1\xf7\xf2\xe0\xd5l{\xad\x1b\x96\x1a\x8b\xc5f4\x829Z\x94\xec\x85\x987\xdcX1"\xee\x1dnD\x1a\xa9\x12\x8bGF\xbas\x8b\xa0/\xbf\\\\\x04\xae\xba\x07M3\xf3cw\xc6&amp;\xc7\x9e:t\xbcSJ\xb1\xde\xc7\xa7\xa6f\xef?\xea\xea\xb2\xd9|\xfd\xbeQ_?p\xe1\x08y\x1b!&gt;33\x1a\x87gpp\xb0\t\xe4\xf0TV&gt;\xa8\xbb]Ww\xfbv]w\xae\xa2"\x9c\xeb\xae\x9c\x19\x7f\xfe\xf0\xe1\xdd\x87`W\xcf\xcf\x94b\x9d"\xacG\x8fL|\x9eo\xb4\x99\xcd\x1e\x05,\x19\xa2j\x0bW\xf5zP\x8d ;\x1a\xd0L\x93\xc3\xd1\xd4\xf4@\\5\xdcZ=\\U%\x1ei\xf3\x87\xdb\xda\x06\xff\xf6\xea\xce\xd8\xdd\xbbc\xe3\x12\xdd\xcf\x94\xb6\xf9\xd3\x02\xc2\xea\xe2wv\xb2\xe1\xe2\xf5\x19\ri\'D}\xb8\xb7\xb1W\xe2H\xa2\x89\xa6\x99A\xaf&amp;p\xac\xb2\xaa:\xed\xb2\xab\xd4*\xbb\xde\xe6a\xa7\xdd\xeevC\xaf\xe6\xd5\xd8\xe4\xe4\xd8|R\xf2\x1fJ\xb1\xce0\x96\x89\xd7\x03\xd2\xb1}\x86\xb4\xd9n\xb7[\x9a}\xb6\xae\x9fL&amp;S\x97\x89\xcd\xae\x12\x03Ree\xa5x\xa4\xc2+7\xdb\xe3Y8\xb7\x92s\xa6\xceZ{\xbd\xbd\xdeu3\xf9|r\xf2\xe1S\x8f\xe4\x9fT\xfeo\x9c\xfef\na\xf1;u:IR\xc2\xb6\x04\xecYe\x9c\xcfk\x87=T*\xf5,\x1f\xd7\xbb\r\\H\xd9\xc8\xc8H\xae\xbb"\x1c\x8eE\xa6Us\xa9\x0c9\x01+V&lt;\x1f\x7f\xa7\xef\xb24;\xee\xdc\x9d|*\xf1\\\x12\x96\x04ds\xdb\xb3YU\xed\xfd|\x8a\xfc-IN\x90Ju\xd4\xacX\xf0\x87A\x90\xf0\\(\x14\x8e\xc5\xb4\x91\xa8z#C\xc2\xd1;\x1b\xaf7uJ\xd8\x83\xf3\x93\x93O=\xc9\x17\x94b\xed\xbc\x9b\x9aEX=@\xd5c\xd1\xab\xd5\xf6.=\xec6\x99$\t\xa7~\xf54\x9cq6\xd1\x04\xf0z\xc3\xafC++\xa1\xd0\xb7!\xef\x826\xc2)C\'\x10C\xef\xf8\x9d\x17\x9a\x99\xaf\xc6&amp;\x9f\')vk\xfb\x1d\xb4\xad\xefp\x11u\xbe\xdax\xdc~\xbf^\x9dUf2\x1b\x1bKK5\x1c\xa0\x12lB\xbf\x88\xf9c\xde\xd7\xa1oWVVr!o\x0c\x16k\x85S;\x14\xae\xa8\xfb\xc3\x17\x7f\xfd\xd3\xd7\x7f~&gt;\xf9T\'\xa1\xb6Al}\x07n!,\x8f\xa4\xd9X\xafo\xb7\xf4\x19\x04h\x7f#\x10q\xd0\xa9\xbe\x0cN\x14\x9b\x0b2X\x84b\xafC\xa8\x8f\xe6\x80\n\xceE\x11\xa1v\xc1\x1bZ\xbc\xf7\xf5\xdf\xff\xf2\xc7\xdf}\xf3\xf0\x85D\xf2oJ\xb1Vw\x11\x96\te\xab\xd9\xe0\xf6x\xc4\x15\x15m\xd5\xd5\xb0_0\x08E\x9c(\xc2\xda\x8c\xc5\xe0\xec\xd5/\xf3\xae\xfc\xfe\xde\xbdn\xbf :=\r\x9b \xe1P\xec\xbf\xac\x9a\xefO\x13y\x1e\xc7/\xe4\xfad/P\x18\xa8K:C\x93\xfe`\xeaN\x99\x9d\xca0\xd8\x82@\x0bx\xb7\x88\x834\x14\xa2u:\xd4\x1f@\x0b\xb4\xa8\x05\x0c-SX0+\xa9\xb4f\xbbQ\xd2EiJH=*.?n\x9f@\x0e\xb2\x17M/1\xddH4$\xc0\xe9\x91\xac\x1b\x8dO&lt;\xcd-O\xd65\xb9\xcf\xb8\xf7\x1f\xd8i\xd2\x07M\xd3\xbe\xfa\xfe\xfc|\x7f\xa7M\xddk\x02\x11\x1a\x9a\xe2\x16KK\xdb\x8b2:\x13a\xfa\xfc\xfd\xffX\x95\xd9_8\x86#r\x83\xc1b\xb0\x94\x9c?_5p\xb2nb\x02|\xe1\xcc\xcc\x15mo}\x95\xd2\xad\x8b\x19\x157\x97\x0e\x1d\xeb\x1c\xd4\xb7\x94\x9f\xec\xee\xb3\x975\\\xf1\xe1S^\x06],-*{\x92Y\xff\n\xa5x\xfdz\rd\xbc#\xbb~2l\xd1Z,\x16iq\xe1\xc4\xc4\xe7\x1dsK\x90`\x1d9\x153W\x0c\r\xd5\x05*\xe7\xd8\x89\xa0f\xe9\xd0\x91\xf2\xce\xce\x96\x1f~\x1e/\xec\xd6:W\x1d~\xd6&lt;\x853\xab\xa5E\xc3\x19&gt;|\xbb/&amp;\xd7`vee\x8fC\xad6`\x06e\xd3H~\xce\xb8^\xff\x19@-\xcd\x1f\\\x9a\xcb\xe96\x18T\x05\xf9\x15\x8a\xb1\xb6\xb1\xa3K\xfa#\xe5\x9f\x1d\xfav4+kt\xae\xae\xac\xf4\x84B\xe6\t\x99\xf1\xd5\x0bew2|\x98t\xef\xe9\xd5\xebW\xf5\x10D\x18.n\xbb[Z\x98sf\xa0\xe3\xdbQ\xf8\xe2[\x07\xe7E\xb9\xfe\xd2\xa0\x06\xf9rF\x02\xb1\xb6\xb6\x89r\x80\xfa\xf1\x9f\xb7~\xfc\xfe\xc0\'\xdf\xfdv\xac\xb2\xf4\x04\x87\x87B!\xcf\xe5\xe1W\x87%\x92L\xdd6\x16?\xa9U\x9c\x8a\x83\xb9\x95=\x93\xe1\xb0\xc2\xad\xcd\x1foo9\xf8\xa7\x03Y\xcf\xb3\x0e&lt;\xfa\xef\xcf V\xf9xIC\x13\xa4\xffH?\xbf\x1a\xfb|\xbc\xe3o\xbf\xbd\xdb9\xf8\xe5\x1f?\x19}\xdc\xfa\xd3x\xfe\xed\x847\xe1\xf5z\x16\x01k\xe1_\xbb\x99i]\x92\x7f&lt;\xb8\x7f\x18:\xd7\xd5\xeb\xa7\xb3+k\xcb"\x11\x1a\xab\x18\x18X\xfa\xeb\xc3\x07_e=\xca\xcaz\xb4s\xadennb\xbcJ\x05Fzd\xa3\x8f\x0c.\xdfl\x99\xcf\xbd\xf3\xee\xd7\xafF\xb3\xfe&lt;\xffl\xe1\xc9ruQ\xa3\xcb5\xe4]-\xbd\xb1\xf3\xe0\xf9DvF\xaaQr\xff\xe9\x99\x96\x87\x0b\xf7~\x11\xb1\x1c=\xbc\xceH\xca\xd5\xd5\x1d_\x0f\xbfz\xf3]\xd6\x81\xac\xd1\xe7;\xd7z\x8f\xd6t\xe4\xabT\x15\x15\xd0\xbc\xfc6\x1d\xef\xec\x9c?vj\xe7\xdd\xe3/\xe7\x0f&gt;ME\x17\xdd\xb7\x1b\x9b]\xd1\xb3\xde\xd9\xc5\xe5\xca\x1f&amp;\x8e\x1b\xc72q\xef\xa0\xf5\xd7\xe2\x92\x82\x89\xa7?\xfd\x8eU\xcb\x07u\xc6\xb0\xba\xb7\xbaI\xba\xfc\xea\xe1\xf7\xb7n=z\xbcs\xa9p\xa0\xa6\xa3X\xd9\x0f]~f-n\x8d\x19\xed7;`\xab\x19|\xfa\xa2\xe5\x8bk\x0eK\xb8\xb114\xe4r\x9d\x9dfb\xcb=\r\x9167\x96\x81s\x1b\xc9\xbdS\xdd\xee.i\xdd\xf8Dy\xcb\xd1z\xc0\xd2\xf16\xd2)\x97\x97\x9d+P\x16\xbd\xf8\xa5\xe6E\xde\x91\x89\xf1r\xfdI\xa5\xb6o\x0f\xaeu\x01E\x11\x9b\xb3j\xa0ep\xb0\xf3HN\xce\x88\xf6\xc6\x9871k2OyC\xa6\xd8rD\x87\x87t\x05O2\x11\xc3\x19\xbf@O\xaa\xab\xab\x8et\x1e\xad\xd7\xd4Fx#\xa9\xc00\xf9d\x99AZ\x9d\xd7~*\xb7F\x0f\xd6\xb1I\xd9o\x08\xac\xed\xc1@L\xa3\\\xd0hT(\xab\xce\xd4\xd5\xd5\x15\x16\xa8\x0c\xfc\xec\xb4\xb7\x8d\xe1\xf0i3c\xd5\xf18\xbe\xd9\xf8v\xf7\xe3wA\xc9\x9b\r\xbf\r\x8bD&amp;\xb3;\xf5_dk\xe46\xc4F\'\xedvE$\xach\x90^:\xf5"\xf7t\xcb\xc0M\x95\x16\xb6-0&lt;\xb0&gt;\xa4\xad&amp;VFQt\xa0\xe4h\x15\x98\xb5\xfe\x80=\xc2\xe1\x1e\x863\x99q\x13\x1b\xe4\xcd\tS\xe3\xcbg\x1f\x8d%i}\xb6\xb1B\xda=\x88n\xb2S\x7f\xa9\xb7WN\xfa\x04\xb0Z\xe0\xb5\xdc\x86&gt;\xe9\xc5\xdcS\xb9`\x85\x94\xe0~\xdc\x18P\xad\xad\xad\xa7\x11\x96\xb3"\x04\x12\xc7\x1a\xceK\xa5Zl%\x8e\xa0\x1e|\x93a67\x196\xa6cB\xe8\xed\xad\xcb\x1f\x9d\xf3\x92\xc3\xaf\xba\xddv\x12\x17\x90\xf0\xc0\x99s\x9a^\x85\x8d\x14D\xb7\x05\xbb\x8b\\\xee(\x82\xbd\xfe\xe2\xf9\x92\x00\x06\x8bi\x00\xa0\xd6\xf6\xfc\xc98eZ\xe5Y+"\xb8aD\x05V\xe2\x82\xcc\xcaq\x9b@\x85\x9b\xd0\x18/\xa4\x89\x86\xad\x1bw3\x80\xa5\xc20\x12Y\xa7\xe93\x90Z\x1f\xb0\x04X]\x04\x81$\'\x8f\xf7T\xb6\xb7\xd7[\x0c+\x10T1\x86\xa0\xd7\xfaz2.\x9bm&lt;\x81\x12\x94\xb0\x12\xc0\xdc\xf6\xb8\x80X\x99\xcd\xd7pyL(\xab\x9b%\x88\x8a\xad\xda\x85\x0c`)\xd5}v\x9f@\x07\x06\x00K\xad m\x80\xe4\xa3(\xcag\x0b\x1f\xef\xd2h\xb2-\x01\xbb\x82\xa6\x15\x98\xb8\x92\xc2\x95L\xa6}(\xe4x\x90\x90\xf9\x92\xfe\x15{\xdcG\xc9\xd0\x0fX\x9b"\x16r\xd6\xab\xdc\x92\x7f\xf4I\x84\xa4\xf5M\x89\xbc\x9fg\xac\xa4j\x002\xde\xe1$}&gt;A\xa0\x10\x041\xda\xc2]\x0eM\xaf\x05\xb3\x8b\xceY\x0eP\xeb\xc0\xb5\x1eO\xa7\xf7\xf7\xd1\x138G\xc8(1\xd4I\x81"P\xd3&amp;\x8cD\xdc\xc3\xa1\xc1&gt;"Eou}\xfc\x1e!\xd9\xd5\xa8\xa5\x9c\xcf?S\x0c\x85\xe8\xe8\n\xfb(\x84\xa2d\x08&lt;\x19\xa1{\xa9!L\n\xa7\xd3i\xc7 x\xf0XO\x02\xd5\xfb}\x81\x9d\x9d\xd5!\x14\xfc\x00\x9a\x16\x10\x82\xdd|\xedM$\xcc\x0c\x87\xc6\x02{\xde\xc5\xad\x1b\x19\xe8\xa7\x0b7\xba\xa5\xb1\xa4\x7fF\xd9Y\x93\xad\xe92\x1ae\x04"R\xf9\xa0}\xb9\xe5r\xa0\xa2\x9dN\x05&amp;\xaa$\xc8dB:\x9d~\xcf\xbc\xdf\xdfGV\x83\xf0\x1e\xe0\xf2\t&gt;\x84\xdd\x9cN\xb8\x9aC\x0c\x8a\xc6\xc8=\xb6\xf1\xe57\x19\xb8\xb5\x089\xaf%\x92\xfe&gt;\xad&gt;OT\xcbHX\t\x88\x8f\xe0#\xc1\xaa*\xecr\xb9\xa2\xd6\xe9\\IRV\x02a\xdb\x86b@evE7\xdf\xef\x13A\n2PD\x03\xb5\xf0\xe6h\xca5\xe5\x01,d}\xcd\xf3\xf6N&amp;\x86\xe2\x1bK\x1f\x12\xf7\xfb\xd5\xa0\x96\xa3\xab\xd6hE9T\x06\xf1!i\xc0\x12\xd1&amp;\x81J\x86{&lt;\x9cuu\x95M\xef\xbf\x8e\xbaR\xa9\xc4k\xc2f\x13\xb1d\x04AX\x99P4\x95\x8a\x0e\xe1&amp;.\xc8c\xff\xa1\x03\x973\xb0\xdaH\x9e\xf4`\xa0\x960\xd9y\xfa\x03V\x90cLV\x84\x12h\xbb\xdd\x0e\xf1#\xc3N\x05\x89\x9aYA@|\xe9x&lt;\xfd&gt;dfM\xcd\xa9\x94\x99v\x1a)\x99\xccjE\xad\x9c9\x91J\xa5\\\xcdf\x13\xa7\xab\x9d\xdb\xda\xa6\xc72\xb1q-\x94\xd9\xe9=\xbf,&lt;Xs\x11\x82\x88\x04Q\xce\x84\x12\x88(\x17M\xdal\x11\xd2\xa9 \x18B\x00#\x16\x87bL\xbf\x7f\xcd\xf8\x04\xd4\x1bM\xd8h\xa8\x0c\x02eM&amp;s"\x11ME\xa3\xcd!\x13\xba|nk\xeb\xad\xefB&amp;\xd4\xba\xfb\x8d"\xb0\xb1G\x87\xf55\xb9\x1a\x07\x04\x91EQ\xc0\xa2\x04X$H[$\x02jQ\xbe\xb5\xfc\xb9\xb9\n\x0cfuR\x86\x14.\xfd{\x8f\x08M\x1bmP\x1a\x04\xcby\xcc!\xef\xd9(p5\x87\xb8\xc5\xe5\xfa\xad\x97v6\x13\xb9%i\xbd\xe0$7\xb6g\x1c\x835y\x1a\xb53\xa2\x8b\x05\x83A\x19B\x91\xa4\xcd\x19\x16\xb1H\x92\xf4\xbf\x9d+Ti\r\xfd\xdd\xdd+\xf6\x80Z\xbd\xbd\x9dd\xccba\x80\xb4\x0c.\x8a\x15\x8d\xba\xc4R\\\\\xeei\xea#\xb4\x19\xd9\x03\xff\xf0\x0cs\xaem\x8cTw\x8ajM\xf2\xba\x985\xa8\xd3A\x8b0~\xb8D*\x1bV\xb1m\xe7\x8d\nCS\x93j\x9b\x0e\xb9fi\x1fk\xb5\xc2"\x81\xa0\xa8\xc9\x1cJ\xb8~\xc7\x9af\x16\x87y\xdc\x8b\xcf\xbc\xc9\xc8!\xd7n\xadB&amp;`\xd9\x9d\x83y\x10DQ-\x9dN\xc6\xcb\x10#\x80\xf1F\x9b\x18K\x1as\x83vruC\x89\xc5@\x9b\xa6q\x14\xa1dV\x18\xd72\x96\xc5\xcd\xd3CQ1\x86\xae!3\x13+\x8b\x98\xa6p~7#Xw/+\x82\xc1H\xcfi}\xdeEMOd9f\xd5\xe9"&lt;4q\n\x01\xb5l\xc0%\x1e\xdc\xd2ruo\x89J%U\x1a\x8cV\xe8a\x08\x94 G\x10AX\xff\x86\xce\x8a\xed!\n\r\x82Y,\x8b \xf8\xf4tfneHv\xcb\x96\xf9\x9e\xae&lt;H\xae\xec\xae0\x1f\x04\xb5"\x11\xab\x0e\xf42R\x94\rZ9mw\xbb\r\r%\xd2\xa6O\x8b\x9b\x8a\x95\n\x1e^\xa6\x08\x16eP\x96\xe5\xf0\xa9\xa1\xa8\xd8\x1e\xc0b\x98\xc1\x91\xadz\xd8\x90+C\xffI\xbd\xfbjxRS\xdb&gt;x:\xb7\xbdh2"b\xf1\xbc\x88\x05k\x84\xf8\xb0\xd1v\xcc \xadR\x82O\xfc\xb4\xa0\xa0\xc9\xa2p\x86\x8d\x10Cn\xd3c\xe2&lt;\xd3\x89\xff\xd1r\xbe?i\xa5Y\x1c\xdf7\xbc\xda\xbd\x85k%\x1a*$\n"\x94\xda\xc0\x9d\xeb\xf5\x07W~\x15\xa2\x02#\x1av\x88\x88\x82-\n6 \xe5G\x0ba\xcb\xb6\t\xce\xaa)\xa0\x837\xe8D\xc3\x90%F\xdaXc\xdd\xbeb3m\x9ct\xb2\xf3b\x93I\xd3&amp;\x13\xdb\xb5\x9d\xcc\xb4k\xd2\xf8\xc6&amp;n6i_\xec\x9e\x87\xee\x7f\xb0\xde\'\x9a\xe8\xbbO\xbe\xdfs\xces\xce\xe3\xc1\xa1\x9a\x85W\x11\x16\x91\xba\x93\xd3\xc7N\xeb\x1d\xe2\x8b\x97\xe4D\x80T\xfb\x94Z\'`)\x00\x0b\x0e\x1f\xb0\xeaP!\xffC\xfb\xf8\x8c\xf8Bk}o\xfd\xd93\r\xd0\'s\x9bfD\xdd\x8a\xdf\x8f\x85\xa4ziH\xba^\x0bx\x08\xf9\xa1u\xbd\x94\xb0\x0e+,\xcfO\xebU\x97\xd3yL\xfa\x83\xfd{KZ\xa7:\xfb\xc9E\xa0\x82\x0b\x1b\xf2\x11n\xbdvASp\xb0\xb5\xa7\xb5\xfeL_ccC\xcf\xf5\xe1&amp;\x81\xa8\xfbs\x9d\xf4\xa9\x1eN,y\xe5\xeaU\x10\xebj2\xa7w\x10\x85__\x9e\xe6\xf2n\xe7\xf3w\x1f&gt;\x9e\xf8|&lt;\xa1aqy\x17\xf4B\xd9XW;pg\x8b\x07\x9a\x9b\xaf]k\xd3\xd4\xdf\xbe\xfd\xf8\xf17\x7f\xfd\xcbg\xe3]\xe3\xeeRG(\xb7\x9a[ET\xe0\xe0\x95+\x9bz\x87\x8d\t\x9f\xf2\xd3\x08\xa7\xb3s\xfb\xd9R\x1cW\x07\xb2\x90\x85H\xacOz)\xeaF\x81\xaa\xe5\xcb[7\x9b2\x07\xcf\x84-_\xee\x03\xd7\x9f\xf9\xed\xa2Qw\xa9\xac\x8f\xadB\x1e\x02\xd7\x95\xe4P\x12&lt;,3\xc7\xa7\xbdf\xc3\xe1|\xf1q~\x0f\xf7\x04\x0c\xd9\x94\xdb\xed\xae\xe3+\x14\xe7\xf9\xd0 \xf0\xa7\xc5Fn\xdb\xad&amp;\x81\xe6\xf0\x87CW\x7fD\xd3\xd3\xf2\xcd\xf5qE\t\xb2\xa2(]\x8d}R+94\x14\xb3\xe8\xa5U\xe6\xe5\xe9o\xffp\xfe\x81\xde\x03\x85\x01\x88.\x10\x8c\xcf?\x8f\xf4R\xb8%\xde\x01\xf1rW\x8f\xc4sxB\xd1\xf6\xcb\xa6\xc1fn\xf4 x&gt;Y.\xeeV\xf5\xb1\x18Rk(\x99\xdct8 \xe2\x99\xe7,`\xbd\xdc[BOI\x86\xac\x01\x8c\xac\x03\xb1\xf8|w\xd6\x7f!(*\x19\xea\x1b\\J\xda|qvaddE3\x98\xf9\xf8j\xd7\xf2\xb7\x98\xad:\x16K\x82PW\x86\x866\xd7-\x16i\xb9\x98&gt;\xfd\x9d$\xe8p\x0e\xe6\xa1C\x15f\xac~\x03\x14\xa6\xdaY\x16\x07\xc5Y\xf7b\xc3\xd9\x85\x85\x85Y\xf9\xc5\xd9K\x0b\x0b\xbd\x93\x83\xde f\x10\xef$7\xd7\xa5\x90\x88C``l\xd5\xe2p\x94\xab\xcc1\x1b{\x9e[/\xe6\xf7\xb4\x9e@\xc0`\xf0OC\x81\xaf\x83\xc6E\x00-\xc5r\xa0\xb1\xaf\x0fm\x07\xf6\xf5\x9dm\xbc\xd8\xd7P\xdf\xcamimi\xe6.W\x1d1\xc8D\x90j5gq\xd8l\xe5b\x81\x85\xd0\x82\x0e\xe7\x17\xc0rJ\xd4\xfel\x16\xe4\x82\x86\x98?:\xd3\xed\xf6O\x8e\xa0\x05\xb7\xd9\xd9\xb3g\x1e\xe4e\x0fU\x1b}g\xde7\xd6\x0f\x0e\xae\xacX\t\x07\x12+\x19\xcb\xe9;\xa4\xa1r\xb5\xc8|\xc7\xc6z \xe7\xfb\xf9%\xb8\x7f\xd4\x13\x06\x83!;\r]\x9e\xa2{\x94o\x88\x9a7\xa6\x16Z{\xf6\x1f\xef\xbf\x7f\xfdzc\xf6\xf5\xeb\xf7\xfbG?7\rK\xb4\x94\x97p\xac\x03\xd6*\x1a\x11\xa5\xfarb\xf7\x1d+\xbb\xba\x9c\'{{q\x1c\xb0\xfc\x06?|/Bs\xe3\xee\x16D}o\xb5\x92\x99\x9b\xb7\xae\x1d\xc1\xd9\xdf\xdf?:\xfa\x0f\x0c\xb0u\x06\xa7\xc9Z%\xa4\x9bC\xc9\\H/\x85{\xa8\xca\x8e\x87h\xd8\xd8[\xf2i\x9d\xd8D 011\xe1\x87fB\xe1^\xf4wEp\x9c\'\x11\xfb\xc5m?\x1f];\xda?z\xf4\xe8\xd1\xbf\xce\xd7\xb9\'\xd4\xbb6\x8bC\xbf\xba\x19\xd3W\xcb\xa1P\xa8L0\x95\xfb\xbfa\x05\xeb\xfe!T.\x1c\xc3$\xc2\t\x18\xf3\xc5\xfeeE\xf7\xb4\x08\x94s\xf2&lt;\x19\xd2j\xf5wIz{\xae\x7f6\xba\\\xb5\xd8*\x0c\xe1\xb0\xac\xe7r\xab\xb1\xf5P5\xd4\x01XL\xea\x1dK{\xcd\xdb\x07KK.-/"\x81\x13\x1c\x90L,v\xb7\xc3\xa0\x0f])\xe6t\xaa\xd5\xeaL \xc5\x8bJR\x95t\x98(\x16\x136\xc7\xfa\xeazn}=W\x1e\xd3ut\x94wH\xeb+\x96\xd6\x9a\xb7\x0e\xf6j\x7f\x1a\x06\xbd$\xe2\xa0Dl\xc8\x8a`\xf8i\x175\r\x80\x91\x1a,x!2\xb22\x90*2E\x86!\xaa\xd0-\xaf\xe6\xa0\x85\x90\x8e\x01\x96n\xa7\x10P\xb3\x85\xd5\tX\xf3&gt;\xa5\x0b\xc7\xb1\xa0$\x18\x94\xf8\x05\xa2\xe9\xd1\xee\xd1\xf6\xf1a\xee\xa4\x97\xcb\xe5677\xd4\xb7-2\x85\xdd\xe2\xce\x0e\xb4[\x00%\x95JC\xa0U\xc7\x0eS\xb0\x92\xaca=\xdb[\xfa\x16\xb8\x94\xa6~\xaf\xd1h\x04\xbd\xd0k\r\x189\xde\xc5\xe5\xb6\x0c\xd66\xef\x06\xfc$\x99r\xdf9\xa7\xeb@\xe9\'\xd5?\x05(]\xa9\xc8X\xad\x85W,\xc5V\xe7\x8b\xf8\x1eZ\xd3\x00\xac\xfeht\x12\xad\xae\x88D3\x82\xf1q\x91`\xb8\xa5a\xf6\xe2\xc6\x86|cj\x8aZ\x11/\xf2\xcfu\xe8t\xa1\xa7O\xa1?\xed\x08u\x8c\x95R\xa4\x90,\xb2\xa6\xd6\x8b\xb8\xd67?O\xa1\x9d\x96\xfe\xc9\x0b\x17\xbcXP,\x98A\x0f\xa7M\xd7Z\x1a\xfa.N\xe5Ur\xb9j\xb65\x98U\x9c\xd3\xe9PH\x85:\xc0B\xdd9w\x81$\x0b\x04\x8bji\xb5\xf1%3E\xdf0\x99L\x93\x93\xd1Io\x10NWWW[sOC\xe3\xc2,t\x10++\xad\xdc\xaeiw\t\xb8t!\x88,\x80:W"\xad\x05\x86`\x0f\xebC\xdc\x85\xf3\xe24E+\xd1\xbeT\xbfi\xd2k\xf4\xf6\x02\xdbp\xdb`\xfd\xa7\x05JMP\x00\x13F{\xf7\x9d\x12L\xf9\xb9\\\xae\xf4\xb9n\xccMZS\xc5p\xa2\xf2\xaa\x93-,\xc8B\x9eVI\xd5\xb8\xe0\x00R4\xaa\xf1\x82^\xcd-\x83\xb5\xed\x16\xb1\xa0\x1dfZ\xbe\xa2\xf4\xb9M\x9a\xb3X\x1c\xe1\x9d\x9dR\xc1\x9ab*\t\x02\xb08laiq\x1e\xef\x04q\xd9\xedv\xa5\xd2n\xe2]6j"b\x81\xa0\xabk\xc0(\x11\x8b\xc5\x02\x11\\\x95\x8a;wJ\xa5\xb0\xcd\x01\xc5\xbeRdv\x0b\xe0`\xa2\xa6\x16\x87E\xb5x\x87\xa0\x17M\xdb\xe9\xcb\xcax\x1c\xb7\x9bL\x1e\xbf_4#\x0ebbt%\x19\xfd\x8bH\xac\xd2\xae\xcdQ\x0e;\x8a\xd6T\xaa\xc0T*\x89\xb4-Qy\xc7\xd2\xa7\x90:_\xf8\\ \x97\x13w\x81V\x00\xe6SB\r\xebwa\x12L \x10\xa0\x1b\xc9\xab\xd1h\x82\xd9\xc5eP\x08c\x12\xe1J\x98\xcc\x90P\\\x8b\xe10`\x11iv\xb1\x80\x0b\xb0\xc0H\xdaGQ\xf6~\xdc\x89_6J\xbc^\x0c\xf3\xf6\xf6\xb6\xach$\xc2\x0c\xa9\xced\x18\xa2\x18.x&lt;)\xb8\x8a\x126\x9b-\x9d \xc2\xdb\xeca\xa1\x8d\\\xde!\x1e\xa7h\n\xa9\xe5\xb3\xfb\xec\xb8\x1d\xba\n\xd3dd\xd2tce\x04\xa2\x0e\xf7\xe0Z\x0f\x99N\xa4\x082.D\xe1\x9e\xb69\x00+\x11\xbe\xcf"\x16\x8e\xf7\xf3x\xb8\xd6\x87|T*\x95&gt;\xfa\xad\xd2\x8e\xf3\x94\xf6\x1b\xca\x1b\x0b\xd4\xc8%\xb3\\\x0e\xa9`wjS\x1e\x8f\xf3\x90\x06\x13\x89\xb4\xcd\xe6H\xa7\t"\xc1\x16\xd63\x9f+\x1a\x8d\x02\x17\x8ek\x95\x10]\x10Zv\xea\xed\x1c\xad\xa5Ur3e\x9e\x92/\xc8\xe7\xd0O4\xed\x8ag\xb4q\xca\xe7!\xc9J\x02\x02+\x1d\x0e\x03\xd6w,\xd5\xad\x03%`\xf1\xa25#\xf1\xb8\x8f\xa6\xa1\xb2\xcaU*%\x95\xcf\xcb\xe5\xe6\xa9|\x1e\xbe\xe0\xfe\xf1Qr\xb0\xd8\xe5\xa4\xe3B\x92IT\na\xa0\nCl\xb1\x84\xb5u\xe0\xd3\x82Z\x11D\xc5;AzQ \x8d\\\xa6\xca\xab\xcc\xf2)U^vW&amp;\xbb\xabR\xcd\xc9\xbf\x95S\xae~!\xee\x12\x82\x85aP\x0b\xca\x16R\xeb9\x87%\xac\xb86\x1a\x89:k\x9b\xe8\xe0c\\I\xcb\xcdf\xb3\xea\xa1\xec.X\xb8\xb6&amp;\xbb\xb7&amp;[\x93\xc9@1\xb3\x1d=\xd1\xf1\x84\xd6]\x82@R\xa5\xa1\x9c&amp;\xd8\xc2\xda&gt;\x8cC\xd5\x8a\xf0\x90\\N\xc0r\xc5\xc1.8*P)\x8f\x80\xee\xc9\xee\x02\\^\xee\xb3Cpi3\xeaT\xaaH\xa0\x02\x0fhi[\x98`i\xf2\xb9\x7fR[\xf1\x8c`X$\x02j!0\x9f\x19R\x0f\xe2|N\xb5v\x0f\x88dw\xbfZ\x03\x1b\xf3r\xca\xaet\n3\xcc.\x91\xa8@e \xd2\x90\x8d\xb6\xca\xf1i\xb7\x10h\xcd\x86\xd3y\xbc\x07X\xd0\xc8c\x18/\x82\x14\xc3]Z\x17M\x9bUp\xe4\xf2&lt;H\x06\x8a\xad}\xf50\x0f\xbfR&lt;\x9e\x1a\n|\xa1\x12&amp;\xc2i\xa4\x15\x8c\xfb\x04\\\x8a\xa7\xa7\x17\x07\xfd{\x85\xed\xad\xed\x97c7\xd1P\r\x07sF0\x14\xf88\xfa@A\x9c6\xcbU\xf9|\x1e1\xdd\x03/U\xf99\x8a\xbat\xa3\xdf\x13`H(\xa5\xc5\nZ\xd0%\xd2\x16\x8b-A~@\xef\xa6\x9c\xd3Qi\xeb\xc9/\xcf\xde\xbcys\xf2\xef\x7f\xde\x06,\xa7\xc7\xa3\xf6`F#\x86\x19\x9d\xff\x0b|\x1f\x14\x89&lt;\xfa\xc4\xeb=\xf4\xc1W\x88wp\x90\xc6\xadL\x85\x81\xc8*\xa2k\xda\x16\x06\x0fmD\xe6\xc1\x1f\x8f\xb7\xb7\xfe_\xc98\xa0\xd2\x93\xef\x7f\xfd\xe1O?\xfe\xf8\xdb\xdf}\xfd\xd3\xdf\x7fZ\xf8\xb4\x11\xeb\xc1&lt;\x00e\x94`\x91(\x0c\xd4\x90\x8f&gt;jn\xeeA\x1eq\xfd\x97\x93\xf3\x8fi"\xcd\xc38\xe3\x8c\xf3\x83\x19\xae\x17\xcf5W\n\xf4Z\x91\xeeb\x89.\x88\xab\xb8tQpC)\x15\xdaE\xe2)\xae\xd6\xa2\xacE\xe1\xf8\xa1\x82\x7f\x10{g\x8d\x05\xd7\xecz\xe7\xd2\x84\xbb3i,w\xe6\xb4]\xbd\x1e9\x8e\xec\x19\xd1\x04\x94\x00A\x11MLXW%\x10\x85lV\xffP\x13\x13\xef\xf9\xce\xb0\xd9\xe4r?v\xf7\r\x14R1|\xf2&lt;\xcf\xfb\xbc\xf3\xe3\x1d\xe8\xa9\xd3\xb7v\xef.\xd9s\xb0\xf44\x0ej\x08+\x9bV\x9e\xca\xca\xca\xb2p\xef\xaa\xb3\xb7_^\x1cx6{\xf5\xc2\x8f\xbf2\x8f,]\xb9\xf7\xea~\x90\xa5\'|\xdc\xee\xddCC\xdf\x94\xec!\xb5\x920v|\x8bU\x0c\x1b\xdf\x03\x17\x8c\x84^\x14z\xea\xd3\xd5\x07!\xd6oAu\xe8P\xf6\xa1^@9pDX\xd6{\xbap\xa6g\xfc\xae{ddx\xf6\xd6\xe6\x1f\xb3\xbd\x0cL\xb7\xbe\x1a\x88\x8e1\x0c\xcf\xf2\x8c\xa0\xb8\xdd\x13}S?\x01V#EK%+*j \xac\x8d\xd5\xc5\xc5+?\xd8C\x01{\xfb\xcfj\x9d\xbeU\xf2\xc1\xca\xf7\x92Va\x16\xfe\xeaO\xd9\xd9\xd9\xb1\x18Au9\xba*\xc3\x17\xf3g\xa6\xc7_&gt;\xf2GD&gt;p\x93\xfe\xf4\xc7\x0fE\xdb|\xeb\xc6\xa8{L\x18a\x98\x16\x9ea$E\xf9\xa4\x87\xb0&lt;\xc5\r\xf0\x90\xa8\x1a\x1a\x1b\x80UL\xdb\xe7\xab\x8b=\x9e\x95\xefB\xafch\xfb\xb7\x89\n\xf35\x95\xb6\xc8\xc3\xc1X\xac7\x03TMMM\xc0j\xdf\xf7\xf9\xed\xb9\xf1\'\xd1\xa8\x9f[\xc0\x06\x1e\xde\x9c\xbdv\xfe\x07\xb8\x89H}5:&amp;I\x9c$\x88\xbc\x1ej\xc9\x8a\xf2\xe9T_\xcf\xf1\xd5\x9e\xe2\xa4\x1d\xa9\x14\xae\xf4\xf4"/\x0e\xe3\x8b\x8bm8\xfd\xb1y\x0el\xdb\xb6\x12\xc5\xaa5E\xc9\xbb?-nL=\x8dE\'v&amp;\x86s\xb2\x8c\xca\xca\xa6\xd6\xce.Ge\xf8L\xcd\xd9\x99\xb9\xf1\xe7\xfe\xa8?\xce\x1bY%\xe2\x8e\x0f\xcf^\xf9~`\xa8\x83\xf3\x0f^\x8d\x05EQ\x90\x08\x8beG\x04`\x9d\x1dR\xb1\x1a\x93R\x81\xb5n]z\x12\xb8 \x15\x14\xab\xb6\xd1\xa3\x19[\x0e\x1e|\xf4\xe8\xd8\xb1cD\xb5\xc5Sl\xc5\x1a\x1d\x8b\xc5~]WWP\x10vtu\xd2\xd5\xd3\xb2\xb2\xd8\xc9\xb33C\xe3C~\xbf?\xc0\x19\x7f\xc1\x84\x02nE\x19\x9d\xfd&gt;\x97\x08\x17\xbes\xf5\xc6\xf0\xfd`P\x101\x04N\xe0y\x9e\x91\x805IX\x85\xf9\r;\xd4=\xe0\xc0R\xb3\xd5\xe0\xad\xc6\xc0\x91r\xbe\xe7\x00\xd6\xed\xd5%\xc7W\x1f/&lt;\xe0\xb1\x15\xed,=\xfd\x87Xo8##\xb7*\xd7\xd1\xd9\xd9\xe9\xe8\xea\xc2\\\xcc\xfep\xf7\xcc\xd4\xf8\xcb(\xb8\xdc,\xe4\nD8Yq\x8f\xce\x9e\xff?\x11\x03\xd4\xcd\xe8\x18G2\x89\x8c(aP\xe29\x8e\x93\t\xebg\x85\x9e\x06\x95*5==\x89\x8a\xcb[T\xa4r\x11Y&gt;\xed\xd6=~\xbc\xb0p\x8b\xcd\xe6\xa5K\x85\xd9\xe1*CnnUU\x9d:\r\xf1\xe9(\xeb\xbdX2\xf3b|n5\xd4\n1z#\x17\x0f("\'\xcb\xee\x87\xd7\xfe\xd79\xd1\xc2\x85\x17f\xa3ADJ\x02\x14\x03\x958AP\'"\xc7\x91\x89\x8f5\xacZR\x0br\x01\xc9\xeb\xc5\xf9k:Bo\xd3\x81+\xff\xb3\xc2\xc2\x9f/\xcb7Y\xed\xe9i\'O-/\xc8\xad2\xd0\x99~U\xb8\xd2\x81\xda\x82\x93\x8e\xf0\x19\xcf\x0c2o\xf6\x07\xe2n^o\x14\x03Q7\x03.E\t\xdc\xbc\xf2_\x05[\xf8\x97\x07\x0f\xc7\x82\x82\x80LI\x02\x99\x88\xc8\x0b-z\x9e\x17%\x8eC\xe4\xef|\xb3e[CjmGGm-\\L\',ku\xb5\xd5\xeeml\xf0ZM&amp;\x1dN\xac\x17\xd3\xf3\x9bvWJ\xda\xd6E\xcb\x9d\xe1\x82\x82\\\xba\x12QW\x06\xaa\x8c\xce\xee&amp;GYl\x1d\xb0\x9e\xfe#\n\xf7X\xbdQ\x8e\xfb#\x98X\xb2\x02\'\x87\x1f\\\xf8\xcf`\x9bo=\xbb?\x16D\xaa\x82d\x9e\x00\x1f\x19F\x10Y=\xcbB.\t\x05\xd1\x7f\xf7\xc0\xb6_\xa6\x96vtl\x00\x17a\x15y\xad:\x1a\xd5t)\xc2n\xb5\xd1\xd3H\xf4\xd8\x18\x9d\xec\xbf\x91i\x80P\x05\x05\x06CAF\x06,\xec\xeanm\xea\xac\x8c\x9d\xf8\xfc\xf6\xcb\xa7_D\x03!A\xcf\xea\xb9\x90?\xe0\xe6h\x80+0p\xef\xdf\xba\x1f\x8b\xcc;\x17\xce_\x83TA\x8e\x13\x82\xa4\x96H\x9a\xb1zA@2y^\x80\x8d\x13}}\x13\x9fmLJ--\xed(\xddP\x9b\xba\x13\xa1\x87\x85V\x9d\xc9d\xb6\xe9\xecV\xab\xbdh\x9f\xd7d6\xbb\xda\xdaR\xb6\xe7l]\x9bY\xe1\xac28\r\xc0\xaa\x0b\x87\xcbP\\\xad\xe0r\x84?\xfc\xcd\xcc\xcb\xa7\xcf\xfd\xfe\x88\xc0\xb6\xe8\x19\x05X\xb2\xa4\x82qJ\xc8?p\xef\xbb\x13IZ\x8b\xaf\xdd\x18\x18\x8eb\xfaI\\\x90\xec\x03\x04\'\xc9\x9c"\xa3#\x18\xa8\xc5\x8b\xa2$L\xf6\xf5\xf5\x98\xab\x93jKK\xe9I\x9e\x9a\x9d\x94z\xaf\xd5\x1d\x9e\x8e\xc9\x00\x00\t\x14IDATJ\x97\x00u\xda0\xd9Lf\x9d\x0bbm\xcf\xc9Z\xbb\xbc\xc2i\xa8hw\xc2D\x83\x01\xe1\xea\xa6\xdb\x06\xad\x9d\x19\xed\xcb\xe6\xb1\xc8D\x11XP\x8a\xb2\x82ON\x89\x04\x06\xaem\x9e\xb7\x92\n\xc1\r\x99\x82\xe4\x1f\xc4\xc2\xcc\x90\x11B\x05?H\x9a\xb1F\xfa\xbb\x1c\xf8\x7fo"\\_\x16\xad\xab-]\x05\xb5jv\xe2\xbc\x9e\x1a\xd5k\xb7\xda\xad:\xd5K\xd3\xa6M\xbeMf\x93%%e\xffv2\xb1\xc2\xe9\xa4\xbb\xfb\xc8}\x1diUN\xb73\xd6\x1b\xf2\t\x0bu\n+\xf4B(\x1a\x12E\x19z\x11\x1a\'\xc8\xeeH\xf4\xc6U\xcd\xc9g\xfe\xe0\x88\x9a&amp;\xe2\xc2\xbf\x13\x92\x825\xd0\xad\x08\xc8\x96\xa0\xd7\xeb\xa9\xba0_\xe0\xe2\xeb\xa4\x9d\xb5\x1d\xaaX\xc9K\x97\xee\xdb\xd7\xb8\x11\x89\xff\x0e\xcb\xec\xdb\x94GX\xfb\xf7\xe7l]\xb1\x02X\x86*\'&gt;\xabr3\xba\xbaA\xb5kWy\x93\xa3\xc063GX\x01\x19=-D\xa2nu\x86A2\x99ZI\x92#\x81\xe1YuA\n\x8ePm\xcax\x13L\xe411\x85Bn\x98.\xa0!0\x8fYVM\xfdd\xff\xdf\xee\xb4m\xe8PM$\xac\xa5^\xcfF\xaf]\x07\x1fAf\xb5\x980\xa0\x96\xc5\x95\x92\x8cl\x1d\xd6\xb0\x90.P}\xdc\xd5\r&amp;|t;2l\xd3\x83*\x16\xc7\xb6\xb0R(\x8a\xdfJ\xbd-\x11\x17\x18$\x08\x16xu\x0f-6"\x88#"\xad\x7f\xc4\x84\xaf\xc0\x8a\x00K\x16\xe9[\x08\x06\xb1\xe9\x0f\xbf0\x92\xd4\xd3\xdf\xdf\x93v\x02T\xb5\x1aV\xa3\'\x9f\x98\xa0\x17\x06\xb0\xccf3\xb0\xd6\x00+\xeb\xf0\n2\xd1`0T\xd0\xd6\x9f\xf5\x9d\xad\xbb\xd4\x81p\x15N\x8c\x8f\x7fI&amp;\xb6\xe8Y\xd9\x1fE\x90\xe7\x97\x13$G\xe6\x04QR"\xf1\xc0\x8d\xf3\t\xe8\x014\x01\x03b\xa4\x1c\xd1R\xfd\xc3\x0fH8l@\x992hc\x18I\\\x93C\xfdw\xbeX\xb5\xea\xc4\t\x8dj\x9fm\xa3\xd5\xae#,\x8b\xdd\xee\xb2[MDe"\xb5r\xb2\x0e\xd3&gt;\x08\x12+\xb3\xddP\xb7\xbe\x93\xee\xde\x95\x97\xef\xdd[\xde\x1d\x9e\x1c\x1a\x1f\xcc\x07\x96\xc0\xeay9\xe0\xe7\x80\x05\x1b\x05\x12D\xa6\xf8\x0b\x94\xb0\xc0p\x02PE\x86\x1f!0|K\x85\x8e\xb43\xb4NK\x0ck4\xf2\xf4\xa2\x06L\xfcd\x02r\xe5\x9c\x02VZr\xf2R\xda%\xe2r\xd9)U\x16\x0c\xb5)|\xbe\xa3\xcdm\xfb\xd3r\xb2\xb2V,\xca\xac0\x18\x9c\xce\xcc\xe5\xce\xdc\xf5]P\xab\\\xbb\x93~\xfa\xc5\xe0\xf8\xdc\xa3\xa8?\xc2P?D\x03\xb2\xdaE\x94/\xf0`\xfa\xcb\x14$w$\x92@\x8d\x00$\xac5\x14mF]vD\x8dQd\x17,1\xf2\x92~\x81\xd1\xd8\x02\xb9\x98\xb3w\xfa/\xbf&gt;u\xf2\xe4\x86\x9a4`Y\xed.\x97\xcb2?td\xa1\xcfg&gt;Z\xdfv)\'\x87\xb2E\\\xce\xf6L\xbcf|\xdcT\x0e\xac\xbd\x08W\xabej|P;\xb0\xd1\xb3\\|4N\xad%\xa8\xe5\xad\xb5%I\x86\xd2\x0f%\xd0,\xd4\xd6f\xf2\x92W\xe94@tV\xe2\x92D\x9e\x13\x8d\x89F\xb6\xa5\x85e~\xff\xe22l\x84\\5\xc9\xc9\xc9k\\v\x8b\x1dX\xbafK\xb3\xc5e\xb7\x9b|y&gt;\xdf\x1f\x9b\x81u\xe9\xd2\xb7\xe1\x02VEEE\xaezgX\xc5\xaa\x9c\xb8&gt;8\xb7\x0c+u\x84\x87X\xf1\xa8\xac\xcaDP\x9ab\xea\xd1\x01-F\t\x9c4\xff\x96D+\xb3\x86\x86\xf5\x19Y\x12\x18c\xe2\x92%z^`\x13\x17\xa0T\x91\xafsH\xfd\xe3\x1c\xcd\xc5\x94\x945\xa4\x95\xee\xa8\t&amp;6[,\xc0\xcaSMLAq\x91\\\xcb\x81\x94\xd9^\x81\x8c\xd5\xd1\xcdN\xda\xa1Q~ihpp\xca\x1f\xc0J\xadg%7\x0eR\xd5\xf6\xd6\xc4\xa2e\x98$\x93\xa8\xcb\x13\xf0"\xcc\x07\x0bo\xd0W\x18\x8a\xa9\x87\x99\xcb\x03+\x11\xad\xc7\x1f\x99\xbe\xfd&gt;-\x8e\xfc4l\xecI\xfb(\x8d"\xbfT\xe3j\xd6\xb2u\x14Tyy\xff\xf4\x1d\xad\x07\xd6v\xf4\xfc\xe17h\x13\xa5:\x1fs\xd7w\xabb\xed*\xeb\xb9&gt;x\xfd.\xa8"\xa2\x91W\xfc\xc3q\xd5%\x81S;K\x145\xcd\xe8\x0b\x97@\x95!\xa9\x0e\x8a\xda\x10H3\x96\x978Q\xaf\x07\x17j\xeb\\\xcf\x9d\xc7_\x9f{\x9f\xe6#\xd9\xf8\x9a\xa8\x92\xe9\xee\x85\x8bt\xc2L\xb4hb\x91\\p\x11\\)\xc9\x1f\xd1\xa6\xa0\xccL\xdaI\x99[\xb7\xbe\x89\xb0\xf6\x96?\xe9\xbb~}\xea\xaf\x81@$tdr2&gt;\x1aU\xd4\xdf\xc5hX\x82\xf6\xa1\x02H\t\x04K`\x1a\x16\x15:\x11\xa3\xe0\x91)#2\x9fh4N\xf7]\x06M\xcf\xf4\x11=\x08/_~\xfc\x04\xddTCO\x04\xaf\xa1\xa7\xa3\xecj\xe0}\xbe\xbc\xc5\x8b\x17S\xb8\xea\xeb\xdb\xea\xebS\xd2\xb2\xb6\xae]D\x82U\x18p0\xaf\xee\x1d\xd9\x95\xdc\xf3\xbb\xc1\xb9B\x1cl\xc5\xdf\x9c\xf8\xfb\xe0\xf3G\x11\x85\x82C6\x89\xda!\xfa|\x9e\x90\xf5\x04\xac+T\xa129Iob\xf1\xa1Z\xa3c,\xdeh4.\x01\xd7\xd7\xff\xea\xe1jB\xdb\xb8\xc2\xa0VZVR\xa5KEzP1\x11\xb2\x11\xd4iRri\x10%\xb9\xa5P\xbb\xd4\xae\x15(F\xd4mS\nM\\\xd2\x1f*C\x92CPA5\xa5\x87 \xc3RD\x10\xe2\xd1\xb5JrK\xb1\xf7\x07\x04\x16\x08\x04\xbb\xecU\x96z\xf2\xa9\xc6A`\x84}P\xe5\x8b\xda\x99\xb7v\x1f\xc6\x96\x17\xb3\x9a\x9do\xbe\xf9f\x85\xf7u\xda\xddn\xd7\xec\x0cG\xaf\xcaG\xc3\xf6\xa0\xbf\xb7\x92\x7f\xf3\xeb\xcb\x97\xd7\x1e\xcc\xe4\xf3y\x9a\x04`\x01\xd5{|\x1a\xb0\xf4\x1d\x1f\x15y\xf2\x00\xe3:\x95J\xbd!\x8d\xeb\xc3\x1f\xe9\x0f\x7fN\x1c\xcf\xfb\xe7g$\xd3\x17\xfd\xe3\xdex\xdaW\xe2\x01O\xc0\x11\x84\xbb\xc0(\xe8`!\x82!\xae\xa4*\x81\x01\x16&amp;O\x12\xf4!0\x83:4c\xf8\xa0\xdd5\x81\xcb\x16\xce\xa0\x7f4\x19\xa2\xa2\xef\xac~u{\x8e\xff\xa2{\x8ekV\xee\x1c\xc0\xe7i\x80+\xdb\x00i3k\xa0\x0b\xaez\x05)\x02~\xfa\xc7\x97\xf7\x7f?\x19z\xde\xd9/@utx:\x1e\x8f\xdd\xc3rDz8\'\x0cMU\xb2\xc2\x0e\x00\xda\xd0\xb9\xd8\t,\x98\x03\t\xce\xc4B!\x8a\xdc@\xe7\x88d^{eI\\\xb6-t\xa35@=\xfb\xe5L\xfd\xad\xf9\xeb?|\x01[\x9d\x93\xb0\x96\x02\xc17*\x8dJe6\x8b\x8e\\\x81\xea\x8b\x8f\x1f\xa7\xde\xbe\xf2\xd1\xbb(\xe2\xc7\xf7\x1f\xe5H\xd6\xbf?\xed\x82\xaa\xe9x&lt;\xf5l\xab\xac\xc4\xd0\xf0\x85\xa4\x1a\x8f_\x98\x84\xd4\x17~\x0f\xc1\xa1\x98\x14\x02\xc2\xa4}\xc1\xfe\xb1b\x119\r\x92\xaa\x92\t\x8f\x86\xc3v\xa7k\x9a\xa6\xa1\x1b\x860\x8c\xd6\xa4\x8c\xbc\xa3\xd4w\x16\xaf\x7fp;\xbf\xb0\xc0\x07\xf6\xd7\xd7\xf7\xa8\xacR\xa9\xd2\x80\xb16V\xd6\xee]+\x16\x8b\xa9\xcf~\xfd\xf4\xdb\xe5\xe5O\x96\xbf\xff\xfc\xa5ex\xfe\xc9\xc9\x84T\x9d\xba\xba0\xad\x87\x8c\xe31EM\xaa\t&amp;:\xd9l\xe76\x16b&gt;\xa0\xce\x01\xe2\xa2\x92\xb1\x04\xae \x93\xceh\xa41\x91\x88FF\x83A\x80\xcb\x06&amp;\x03\xd8Z\xd0\x7fDznug\xfe\xc6\xdd\xf7oe\xb3%ni\x00\xb5W\x1a\xeb\xb3KK\xb3+(b\xf1Z\xf1\xe9\xd3{\xdf\xbc\xfe\xf7\xe6Ns\xb7\xb9?\x10\x8e\x7fv|\n\xaaz\x86\x8d5,\xcb\xe4\x10\x03\xb8\xc4\xff\\\x9d\xbf\x08i\x88\x89\x199\x8a\xa32\xfd\xb1%\xe3I\x15y\x06\xc75\xbaJR=hu\xdaX\x1d\x13\'\x13\x86\xae\x0b\xc7q\xac}\t\x8c\x13U\xadm.\xae^\xcd\xcf\xe4\xd1\x85\xa5\xca\xde\xa5\\n)\xbb0\x07\x1b\xb9zw\x91\xbb\\\x15v\xe1T\xd5QG\xb8\xa7\xd3i\xcf\xedy\x86T\xc4a]fR\x95\xf7\x0b\xbc\xfb\x8b\x06\x86*\xed+\x14U\xd2r\x16\xa7\x03\x08\x10;7\xf1\x8a\x84\xe9\xf5\xc4\xab\xc4\x12\xc9\x03\xc74\x89\x0b\x12\x83\xbet\x03\xb0\x84\xee\xf4\xf7\xcb\x9a\xf4;Z\x8bR\x7f\xbey\xe3\xe6\xeaF.wi\xf5\xb7\x8d\x8d;w\x16\xe7\xb7\xaau\xe6\'\x04\x15\xb8z\xf9\xc8\xd7=\xb7\xd7su\x90-\xba]\x9c\xc6\x7f\x06\xe3N\xc3#\x1f\xa2`\x19\xbc\x7f\x00L\xa1s\x85`\r$\x8c\xd8\xe4\xc53\xfaiJ8#\xc7\x10\x8e\x82\xb1\xc4VK\xd8&amp;D\x8f:\xda6\xc9\x12\xf82\x1c\xdf\x1am?\xc3\x10U\xe4\x82&lt;\x98\xb7\xabX\xcc\x01\xc8O\x85\xdan\xb3IX;\xdb#\xabex\x9e\xebz\xba \xe16\xce#\xfc\x171\x9e?\x1d\xdc\x89\xc6\x19W\x02\x0</t>
        </is>
      </c>
      <c r="M469" s="3" t="n">
        <v>45492.67880787037</v>
      </c>
    </row>
    <row r="470">
      <c r="A470" t="n">
        <v>1124246</v>
      </c>
      <c r="B470" t="n">
        <v>2929</v>
      </c>
      <c r="C470" t="inlineStr">
        <is>
          <t>Bruninho</t>
        </is>
      </c>
      <c r="D470" t="inlineStr">
        <is>
          <t>Bruninho</t>
        </is>
      </c>
      <c r="E470" t="inlineStr">
        <is>
          <t>PE</t>
        </is>
      </c>
      <c r="F470" t="inlineStr">
        <is>
          <t>ATA</t>
        </is>
      </c>
      <c r="G470" t="inlineStr">
        <is>
          <t>PE</t>
        </is>
      </c>
      <c r="H470" t="n">
        <v>174</v>
      </c>
      <c r="I470" t="n">
        <v>17</v>
      </c>
      <c r="J470" s="2" t="n">
        <v>37693</v>
      </c>
      <c r="K470" t="inlineStr">
        <is>
          <t>Right</t>
        </is>
      </c>
      <c r="L47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b8ace05-d85a-488e-bc8f-2f2f1363a0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!\xc5\xe7l\x00\x00\x00&gt;tEXtComment\x00xr:d:DAEewil2SDw:3129,j:9030118292309124670,t:23082714\xb3\xea\x8f\xec\x00\x00\x00\tpHYs\x00\x00\x0e\xc4\x00\x00\x0e\xc4\x01\x95+\x0e\x1b\x00\x00\x03\x00PLTE\xff\xff\xff\xd5\xda\xf1\'\r\x03.\x13\x07\x0b\x08\x08\x0f\x0b\x0b\x10\t\x07\xfe\xfe\xfe\x08\x05\x05\x05\x03\x03\x14\x0f\x0e\xd9\xdf\xf68\x19\r\xd3\xdc\xf3\xd6\xde\xf5\xd2\xda\xf0\xd6\xdb\xf4\x19\x12\x12\x1e\t\x02\x1e\x13\x11\'\x12\t\xbf\x85e\xcc\xd3\xec\xfc\xfb\xfc\xcf\xd6\xeeE$\x142\x16\t@\x1e\x0f\x16\x0c\n\xc3\x8ak\x17\x05\x01+\x15\r\xdd\xe1\xf8\xc0\x87jl=%3\x1d\x17\xa9q\\\xaewb\xdb\xe4\xfb4"\x1e\x1f\x0e\x08Q+\x19\xba\x83a\xb7~]2\x19\x10;\x1e\x13\xcb\x93\x80K\'\x16\xc2\xc9\xe2\xd0\xd4\xea\xbd\x83n\xb4\xbb\xd4\xd3\xd6\xeeWDB;$\x1d[0\x1b\xc8\xce\xe6\xbf\xc6\xde\xaevV\xda\xa5\x8a\xd9\xdd\xf3\xdd\xe9\xfbH62\xb7|d\xa5lU:)&amp;\xbd~`-\x19\x14\xaet]A-)\x85R9*\x1e\x1c\xbb\x80h\xcd\x94tC\'\x1e\xce\x99y\xa4eG\x8dW&lt;\xd3\x9d~\xcc\xd1\xe7\xba\xc1\xda\xca\x90{\xb3z[]\x02\x05\xa9rSc8"\xb3zc\xd7\xe2\xf7R=:\x82UD\xa4lL\xc9\xd0\xeaJ.%U0\x1f\xb1qQ{H-\xd6\xa1\x85\xc5\xcc\xe5u@&amp;\xdd\xaa\x91\xf9\xf7\xf9\x84M1%\x17\x13\xb7wW\\3&amp;\x98aI\xc5\x8do]KI\xdf&amp;6vK;\xa0gP\xe3\xed\xfbjC5\xe3-:\xc8\x92q\xf5\xf4\xf5+%&amp;h^`\xc2\x88s \x1a\x1a\xd3\xcb\xe2G=&lt;\xda\xb8\xccbOMf:.\xc8\x8cttD0\x9dbB\xcf\x96\x80\x9beN\xe91&gt;\xef\xec\xed\xackL\x96]C\xc6\x8cy\x9diW\xaf\xb6\xce\xd9\xd9\xed\\QR\xd9 2RIJ\xdb\xc8\xde\x8dYHodf\x84ZL723^=1`XZe4\x1c\x96Y:\xde\xdd\xf4\xd5\xd1\xe7\x91aNm\x02\t\xf3\xf0\xf2\xd0\x94\xaa\xd7\xae\xc5\x9fm`\xd9\xa6\xbc\xd1\x8b\xa2\xd0\xbd\xd3\xd2\x9a\x84\xe1\xe7\xf7uQH\xd7\xc0\xd6~\x04\x10\xd2\xc4\xdc\xce\xa1\x88\x9e[=\xc8\x13*\xd5\x9e\xb3\xaa\xb1\xc7\x90O3\xd2\xb3\xca\xd3}\x94\xdf\xdb\xdc\x8c`T\xb7\x0b#hXW\xcd\xa9\xc0S6,\x95eX\xc2_q\xa2\xa8\xbe\xd4\xd1\xd3\xcc\x8bi\xc4\x80[|xz\x9a\x97\x9d\xdf\xd0\xe2\xd1\x1e1\x91\x08\x17\xe1\xda\xec\xc9\xca\xdd\xa4\x05\x1c\xdb\xd3\xe9\xcfd}\x8f\x8b\x8e\x99\x9e\xb2\xac\xa8\xaczlm\xc8\x9d\xb4\xcfq\x88\xe3\xc2\xd5\xbc\xb7\xba\xeb\xdd\xe2\xdfbw\xe3\xe3\xf1\xe9\xe7\xe8\xe7\xa4\xb6\xe1\x8e\xa1\xe0\x99\xad\xe5@K\x87CG\x82D(\xc7\xa5\x99\xe1\xad\xc1\xe9\xca\xdd\xe1u\x87\xa2eYH\x17\x1aY\x1b \xa4DO\xc3\x88\x9f\x8a{|\xe0\xae\x9d\x96UX\xcb\xb0\xa9\xe7\xb8\xca\xc7\xbb\xd2\xc1\xbc\xc7F\x04\x04\xa4up\xc3r{\xd0Ql\xae\x82v\xb9Ocm#)|-5\x953@\xd6\xbc\xb6\xde\xcb\xc8\xe4X_\xcfET\xb6\x9b\x99\xd0\xc3\xc3\xbdq\x88\xb9\x91\x80\x9a\x88\x87\xc0\x7f\x93\xfb\xc3\xc9\xdazh\xb5&amp;3\xfau\x81\xf2\x89\x99\xc5aNNM_P\x00\x00 \x00IDATx\xda\xcc\x99]Hb\xeb\x1a\xc7\x07[\x1f&amp;\xde\xac\x96\x83T\xa6\x983h\xdf\x10d\xe0\x01\x1bsROG/\x94\x1a\x1a1\x83(\x1b\'\x8c u!3}a\xb6Ad\x1a\xb5 \x84.\x86.\xa6\x8b\x81\x86\xc1\r\x82\xddJ]t\xa0\xab9\xb7\xc1\x81a\xc3\\m\xd8\x9b=\x97\xe7y\xdew\xd9\xec}}\x96\xcd~\x1b\x96\x8e\x04\xfd\xf8?\xff\xe7\xff&lt;k\xf9\xe0\xc1\xff{x^\xaf\xd7\xf3x\xf0\xe5\xc1\xdf\xe3 \xcd\xd2\xc6\xc6F\xb6\x02\x97\x8d%\xa4\xfb;Pmd\xcf/\x1b\xf5\x83T\xb9\\N]\xd5/j7\xd9\r=\xff\xc3\xa1j\x17\x07\x99\xa4$h4\x82 \xc1%Y,\x94\x1b_n\x96\xf8\x1fY\xbcl\xed\xa2 \xb0\x0c\xcb\xb2\x0c\xc3j4\x1a|\xaba\xd9\xe4\xc1e-\x0b\x92\xf1?\x82J\x9f\xbd\xae\x17$B\xc42j5\xc30\x08\x86\xffeX!S\xbf\xbe\xd1\xdf\xbf\xcdx~\xa9V/j\x88N\x1a R\x03X;C\x85\xa3\x1f\x16\x0f\xaeo\xee\xd9\xff\xf0\xd7*\x97y\xa2\x14\xa3\x86\xb2\xa1B\xf2a\xf1\x13\xfcH\xcd\x16\xaf\xae+\xfc=\xda\x1f\nX\xab\'\xf1O\xa3L,\x96\x8e\x1e\xa2Z{\xbb\x9aTU\xcd\x08\xc5z\xed\xfe*\xc9\xebQ*\x86\x18\nJ\xa6\x11\x9aX\x88\x89X\xed\xf4\x15.B\xa1Q\xdb\xb8\x1f,\xe2*\xec?\x86\xf8\x884 \xad\x1f\x92\x80J2\x96\x9a`K\x99\xcb\xec}p\xf1\x95k\x08\x05$\xa2V\xd2P\x87\xd1\xfa\xc9X\x00\xd6&lt;\x0c\x9b\xbc\xc8\xde\x83\xad*\x97E\x96T\x8d\xca%\x87\x16\xc7qX7B\xd2.\x1f\x94\x0b\x83#\xd9\xc8\xb6\x9cj\x03\xa8\x9aP2\x12\x8bP\x94\x8b\x91\r\x86P\xb2d\xf0k\xc0\xc5\xb7\xd8W\x97E\xdax\xc4M$&gt;9\xca%_HX\xdcIF\xb8\xda\x99\xe4E\x85oi\x0f\xa2Vt\xc8\x900GB\x8d\xc6@[\x91\x01\xc1H\xd5\xd4$&amp;\xc8!\x9d\xc9\xb0E\xe0\xe2[Gu\x9d\x91\xa5B\x1c\xbc\x80\xcd\x04\x01"B\x96\x8cA}\xda\xa9\xe9\xbf_\xe0\xd7\x8b\xd7K\xad\xe2\x82\x10\x85d\xbf\xcbN"\x1b\xc4\x83F4\x08\x98\x11\x1c+\xc7\x02\x85i\xff\x8b\xf5\x99B\xadEy\xcf\xf3\xe7\x07\xd2\x1d\x0f^\x89N\x1a\xc1\x00X0\x17\xd1Y\x90]\x0cU\xac\xfdN7J\xca\xd6oZ"\x174a\xc3K\xa6\x1d\xe6\xba\x06\x17,A\x10EQ\x00,P\x8dE6x\xe5ht\xd1\xd0jW\xdfe\x06)cKJ\xf8\x05\x8d\xc5P\x99D\x84\x10$\xf2\x86C,\x90L\x80W\x8e\xe5\xc8\xb4V\xd3AD"\x9fV\x92-\x9f\xb7B.\xfe\xa6\x0e\x14(\x17\xf0\x88\x92(\xd0\x03}h\x88\x89x5\x00(\xc7\x19\xb8f\xea\xd3\xb5\xa2\x99\x15jF\xbah\x81\xbb\xf8\xa5\xeb\xa2@vc\x94\t\x8b\xa7!\x07t\x12\xbc"\xcb\x81V\x9c\x06\x9b\x11$S\x93Nm\x8eoy\x181\x9ar\x0b\xdc\xc5g\x1b\x94\xa8\x89\x05\\\xa8\x1b\xe8$\x8a\x90\x0f $\x91\x0bT\xe3\xe8\xc2E\x0e\x19\xd84\xf0\x99bMq,^\x7f^\xbe3:\x08$\xc6D\xd1`\x10\t\x1f\xbc\xe3\x0c6\x83\xc1&amp;\n\x86\x0e\x9d\xcd\xc0q\x1a\x03\tV\x02$\x97\x11g\xf6%\xdf\x82\xa9\x93\x94\xa8N1 \x12cn\xd1\x06\xef$\xaf\xd7\x1b\x03\x1a@\xb2\x99\xdc"P\r\xb9\x11\x92\xe3\xb0\x07\xe9ll\xee\x14\x8cpUQ\xfe\xce\xab!!\x16\xa0\xc4,\x16\xb7\x88j\xc5\\.\xab\xd5K(E\xd1\xe4\xb6\xdbc:\xd3\xd0\xb4]D\xdf\xcb\x95\x93\xe7"\x85c\x8b5\xc5C+\x0b}\xc8\x12S\xc5\xec\x11{\x0c\xe4\xf2Z#\xd5j$2\x1d\xa9F\xa6\xedp}\xd1\xd7\xd97\xffb~\xc8f\xec\xb0\xd98\x1a\xa4\x18\x0f\x7f\xda\xbc\xaey\xc5\x13\xbe@\xf2\x00\xfc\xe4\x9d.U\xad^\x8b\xdd^=\xfd\xf8\xf3\xcf\xc7\xc7\'\'?\x1d\xbfys\xbc\xfb&amp;\x10\xf0x\x96\xb7\xc6;\xe1hM\x1dF\xe8J5\xfe\xa8\xa9\xed\xd5$"\x14\xcf\xd2"\t+\x08){u\xbd\x04\x1a\x95\x12\x1f\xbf\xee\xef\xef\xa7\xd3\xf0ot\xe2\xd9SG4\xba\xe7?;\xfa\xb0\xb0\xb8\xd8{\xd8\xd7\xa9mS\xd9:\x8cF#\xc7}_T\x85\xfa\x92\xe2\x1bMR\x02\x7f\x8bB\xcc\x1aYO\xbc.\xad\xbf}\xf4,=\x0cg\x1f\x8f\xd97\xf1\xcc\x01T\xdbG\x1f&gt;,/\x00\xd6x_g\xb7v\xa8Kg\x03.5(&amp;\xc7k\xaa\xa2t#6\x10K\x02KY\xaa\x89\xb7o~z\x14\xea\xef\xd9\x1f&amp;\\\xc1`\xf0\xa5\xcf7\xb1B\xc5Z\xfe\x8cj\x8d\x8ftvwwk\xbb\x00\xccf\xa0\x82Ad0\x85s\x85=_\xa9\x13,\xc9;\x14I\xec&gt;z\xe6\x1b\xf5\x99\xd3\x14kx8\xb8\x99\xf6ML\x84\xbec\x1d"\x16\xe1\xd2v\xb5\x99\xa0S9\xf2,@\xcdfj\xcacy\xf1L\x97\x9e\xef\xce\x84|\xa3\xa3\xbe4\xc5\n\x06\xf7\xf77\xcd&gt;\x9f\xef\x19\xd4\x10\xb1\x80\x0b\x8b\xd8\x94\xab\xcdd\xf2z\x055lc Z\xf1\xba\x15XI\x97\xb5\xfavm\xed\xc9\xd3\x89\xd1\xd1\xd1&amp;\x16\xba+=\xea\xf3\xad4\xb1\x16P\xad&gt;"\x17Q\xcb\xe4\xb5\xc6\xe8\xae\xcfJ\x17\xbc\xe2XI\xc0r\x95\x8e\xc3k\x8f\x1e\x83Z\xc0\xb5\x1f\x1c\xde\x91\xe5J\x83Z\xd1=\x82\xf5\x99`\x01\x17Ri\xdb\xdaL\x10p^\xc1@VY\xa9\xb1\xd4\n\xb5\xac\xd3\xebqT\x0b\xb1|\xe9}j\xae\xe0~p\xbf\xc7\xec{\x1a\xdd;\xfb\xee\xad\xf1\x91\x11\xe2-\xc02\xb9\xadV\x98\x9fd\x91ml(\x8b\x95=\x00,\xab\xb5\x9a\x88\xaf=\xa1ElV\x11\xb9\xd2\x90\x10\xc4\xf2\xc0E;\x11\xb0\xc0]\x14+f\xb5\xc6\x0ct\xc8\xd7\x15N\x88\x9b2b\xd9K\x1e\xc0\x9aA\xac\xf4hS-(\xe3\xa6yr\x12\xcd\x85\xc1%\xcb\xd5\xd7\xd7\xd9T\xcbkuyqk\x94$\xe1*\xab&lt;\x96\x1bj\xe8\xc9\xed6\xd5\x1am\x16\x11\xb0z\x1eNN\x12,ZF\x94\x8b`u\xd1"\xba\x92\xa2DN]i\xacT\xd2j\x81\x80\x0f\xe4v\xd7\x9e`n\xc9\x9e\x0f\xa2\xe57\xd3\x10\x11$O\xb7\xcf\xce\x00\xeb\xf3\xe2\xac\xecy\xc0\xd2\x81ZE2"\x92\xc9\xa4\xd2E\xcc\x1e\xc0\x16c\x8f\xbc&amp;j\xc9X\x90\xefr\x9cn\xbe4\xfb&amp;\x01\x0b\xb8\xa0\x8c\x80\xd5+\x17\xb1\x8bt\xa2\xcbY$P\xc9\xe4\xad\xd2XWS\x805\xdd\xeb\xc9\xc5Q\xad\t\x9f\x1c\x10;;\xc3;PC\xf0\x16`\x81\\~?q}o3! \xb7\xdc\xd6b&amp;St\x15\x93\xaeb\xb1\xa14V\xdd9e\x9f\x9e\x07\xac\x9c\x1f=\x8fX\xe9\xe0\x0e\x1et&lt;Xkr\x12\xb0\xf6h7.\xcb\xd3z\x08\xb1,.g!_\xc8\x14\xf1(\x1e\x10ug$\x12y\xb1\x15\xc8m\xfb\xf7f\x9e\xa2\\\x90\x0f;;\xef\xb0\x86\xc4\xf0p\xa2Q"\x18\xb6\xe3\xe2\xec,\xea\x05\xd3g\xd0:\x95)\xa4R\x84+s\xa1p\x9cfo\xe7\xaa\x91*4"b\xedEA.\xf3fp\xe7\xdd\xbbw;X\xc3\x87\x0f\x11\xcb\xb1\x12]\tE\xc9~\xe3Y\xec\x9d\xa5z\rZ\x10\xab\x9c\xcaC!3\x85K\xa5S\xfe\xb6T\xad\xbeH\x04\x8er~\xff^\xd4\x11jR\x01\xd7\x1dVtee` \xe4p\x84\xb7\x03\x9e\xad\xde\xd9\xf1\xf9&gt;\xd8S\x87d,\x90\xab\x90\xc9_*\xbc\x9eV\xbe\x95J\xd5\x12`\x9d\xf9\xc3Q\xc7\x80\xafg\xf3_\xef\xde\xbf\x7fO\xa8^\xd2\x1aF\x11\n\xb0f\xc29\xcfB\xef\xec\xfc\xc8\x90eP\xdb\rX.\x82\x95/\x14\ne\xa5\x97\xf9\xca\xb7\xf5Ri\xdd\x13\xc8\x9dm\xfbg\x06&amp;{\xa0\t\x81\xea\x1f\xefw\x867\xd3\xe6\x89\x10\xfaje%\x04R\xcd\x84\xe3\x81\xc4zu\xdab\x82;F\xa3\x0e\xf6\xc0\x98\xd5Y(\x97S\xe5B!\x9f\xfa\xa2\xf0b\xb3\xf1-\xb1\x8eX\x81\x1c\xd4p\xc0\x9c\x1e\xfd\xfa\xcb/_\xbf\xfe\xf1\x07\x99\x86!\x07z=J:1\xeeY\x9f\x9f\x86\x19H\xee|\x8c:]\x87\xd1\xe6u\xe6\xcb\xf9T9_.\x1f(\x8e\xf5\xdbib}\x0b\xd5\xf2\xef9\x1e\x9d|&lt;=}566\xb6zzz\x9aHx\xe2\xbb\xe1=\xcc\x068q\xcf\xbc%&amp;h\x18r\x83\xc8\xe9\xba \xe4\xdd\xae\xb9&lt;~\xd9\x08\x85\xbc\xfa]q\xac\xb7\xcf\x13\t\x10+\xee\x7fr\xbc^r:3EX\xc0$\x98\xdf\xeeA\xfb\xfcV`\x1b\xf2\x1d\x12\xfe\xc8S\xb2\xd8\xc8#T\xa3\xd1\xa63ui\xb5\x83\x83v\xe7\xea\xa7\x14`\xa5\x0eRu\xa5\x97\xe6%\x8a\x95\x8bo\x87\xe3[\xa5\xd2\xd8\x9c\xd3e\x85\xbb|\x01\x1f\x1d\xe9\x06G\x80+wt\x14X^\x98\xed\xd4\xe1m\x98\xd1\xa8j\xeb\xd2\x0e\rA\xcc#V\nK\x08X\xb7\x8a\xdfV_\xbf}\xfe\xfcy \xb7\xb6\x1b\xcf\xc5O\x1e?&gt;\xf9\x98\x00\x0f\r\xeaT*\x9bJ\xd7\xd5=\xbb\x9c\x03\xae\xe5\xc5\xc3\x91.U\x07\x1c\x8a\x05\x19\x0fqj\x9f\x1a\xfb\x94\xca\xe7\x81+\xd58W\xf4\xabO\x9e\xd7\xff*c\xad\x85\x1d\xfd\xe6\x1es\x7f(\xec\xd9\x9a\xed\xc3\xa9\xa7\xd5v\x8f\xf4.o\x87\xfdG\xcb\xbd#ZU\x07Q\xab\xc3f\x1a4\xb5\xe9T:\x9d\xc9bw\xbe\xfa\x94_%X\xe4\x1bF^9*\xfe\xfc\x04\xb0\xde\xc4\xc3@\xd5\xdf?\x10\x9a\x89\x13\xaa6\x95\xaa\r\xa8\xc6\x17?\xf8\x9f:\xc2\x9e\xc3\xce6J\xe5\xb6Z\xdc^\x9b\xcd\xd6a\x8b\xc5\xdc\xd6\xa9\xb9W\xf9\x02\xcauQ\xa9\x9c\xdf(\xf5L\x90\xd7W*\xfa\x8d\xdf\x00+\xb7\x16\x9e\t\r\x0c8\xc2\x00\xf5\x1an\xf9\x87\xdal\x1d\xc0\xd59\xbep\x145\xf7\x84\x8e\x0e\xbbUHe\xb0L\xb9\xa4\xa4\x04\xed\xc8\x19\xa0\',P\xc6\xd5\xc2*\xc4V\xa3v\xf1\xe9V\xa1\x87o\xbc\xfe\xdf\xff\xfd\xcf\xaf\xd9\xdf?\x82Z\xe1\x19\x07Ry\x16\xb7\x12\xa59\xa7W\xb4\xe9t\xaa\xae\xee\x91\xd9e\xff\xe4?\x83\xfdG\x87Z\xc4\xb2\xb9-\xae\xd5LRb\x19\xb5\xc1+\xc5b:\xb7}n\x0c2\x1e\xd2+o\x1d\xb4\xdff\x95\xe0\xe2\xf9\xec\xfb\xd0\xffx7\xbf\x97\xb6\xd24\x8e/\xc9\xae\xde\xe4fm\x82$N\x1a\xcc\x0f4\xe6\x1c\x05!G0\x90\x9f\xc65\'1\xa0\xa8$\x92\xc4\x10\x8d\x9e\x18\x12DG\x07\xc9\x8f1T\x1b\x90\xe1$d,\x84B.\xc4\x8b\xf1Bp\x08*\xa3\xdb\xcbY*\xa5\x85\xde\xd8^h\x8bma\xd0u\xdaQh\xb7\xbd\xdc\xef{\x9c\xb2\xff@\xb2\xafB\x14o&gt;|\x9f\xe7}\xde\xef\xf3\xbe\x8f\x96\xab\x97\xef\xf6\xa1\x16\xc4\x92u\x8c\xf4\xab\xd3\xa5=\xb8\xa7\xef\xfe\xda \xa5\xa4\x14\x9b\x86X2\x97\xdb\xfe@M\xd4j\x92J\xa9\xd4\x97\xc2w\r\rw\xefN\xffc\xfa\x8eT*n3\x1b\x8d\x04\xcb\xd9NQb\xdf\xa7\x9a`5\xdf\xacE\xac\xdd\xba\n\xef\x1f\x8c\x8d\xf7\x1ad\x1d\xe3\x13\x1b\xc1\xbd\xc2\xfa\xb7\xdf\xfe\xfdo\r\xce\x12-\tl\xc5&lt;3G\x87.\xfb\xf7\x91\x16\xb2\x0fEbv\xeb\xfc\xd8\xd9\x8e\xc2\xa5\xa1\xdal*\xa9X\xe3\xf4\x81k}\xdd\xa9\xd2HE\xec\xa3Z\x8c\xbc4N]G\xf5Y\xadEg\xe5\xf9\x182K&amp;\xb3\x0ef\xd3\xfb\x9f\xcf\xdb\xbeij\xa2J\x89\xe0^\xbah]%X\x87\xa1h\x97X\xd4$R\xb1\xa5\x84\x7fk.\x88\x96LB9\x9d*\xa9\xe2\x16\xeb\x87u\'\x83\x92"9~X\x1b\xac\x9d\x9e\x88g\xc6b\xc9\xf1\xb9\xd0\x8cL\xa9\xec\xe8\xcb\r\x96/.\xb6X\x9a\x0e\xce\xa5\xb9\xb4??\x12\x02\x96\xfbpf\xb0G\x82\xbd\xa9b\xb9\xf4\x1c\xfe\xa0\x97\xc3m1\x1a\xb1\x82\x82A\x15\xb0|6\x15JY\xf5yM\xb0n\xd66vp\x0e\xcfx\xd6r!\x83r~~~\xd6bMj\xafHEMs\\:\xb1\xaf\xed\r\xcd\x1c\xba\xbc.\xc3\xdaF\x0b\x9a\n1\x1d\xe08\xe2\xb6\xc8/\x94\x02\x85\x8df\x80\x15_\xaf\xfa\xdaD\x94D\x9c\xaa\tV\xf3M2\xb2=sd_\xf5\xc4\x92!\xbbr\xde\xe5r)-V\xab5\xc7g\xd3\\\x90K\xe4\xb5\xf05G.\xaf\xc9+\xf3\xa8\xe54P$r\x8e\xe3\x82BW-\xa1\xe5\xb0\xa8\x0cc\xf6\x19Q\xe8}\x1a\x11M\xd7\x08\xab\xf1Y\xdf\x8b\xed#o\xc6\xb3\x86\x8c\xb7\x1f\xba\xdcn\xd7\xbcr\x18\x16\x94\x18vDPg\xb1\x1f!\x84aSxv&lt;"\xd8w\x89\\\xcf\xa5\xd3i\xd8\xf9\x9e`0\xa8\xef\x92\xb3,\xb0R?\xc6\x9d*\x05\xcdH\x16kR!\x9a\xef-\xedl\x1f\x1d\xca\xbe\x1f\\\x1b\x9f\x91\xcd\xbb\xdd^\xaf\xd7=k\x19I\xf2\xbc\xbf\x9c\xd7\rt\xcb@\xe5"X\xca\xf1\x89\x1eH\x04\xac\xe0\xa8:;\x11\x9d\xc8f\xe1\xe9\xe1S\x81Eb\x18\xd7\x88\x14\x12\x969\x9f\xaa\x89Z\x0f_no\x1f\x1dy^L\xdcby\xc3X\x9b\x9d\xe4\x1e\x17\xedO&amp;3t\x08\xacCW\xd8\xe4U\xaeF\xd3z9\xb0\xbaF#\x91h\xb4?\x8a\x05S\x1f\xd4\xb3\x01\xb31U]\x04\x96X\xc1\x04&gt;\xd6\xa4\xcc#\xb9t\xabG\xa1\x9d\r\xf5\xda\x88A6\xeb\xf2B\x17\x93is\xa5\x93\\o\xa1\xcdpg\xbeb\x1d\x86\x06\xd5\xb0\xf0b\xb1|\x03ZEw\x06\x07\xa3\xd1\x89[,_|}\xb1`d\xc4"\x85\xbc6\xe5T(\xf333\xdb/6&amp;bP\x0bX\xa6I\x13Y\xe1M\xd0A\xb8\x15\xa2\x96\x8b\xfc\x8c\n\xa1\xe68=-\x96\xf4\xa8\x89Z\x83\xd0\x0b\r6\x82\x08\xacj\xa1`\xa6%b\x85\xbcP\xabw\xc5\xe6\xebn\xc3\x83\x17\x91\x18L\xcdm\x10M\x93\x02\xd9$&gt;\'Mn\x19\xc4r{\xf1;\xa9\xf3\xa3\xa3\x9c\\\xac\xe8\xda\x88LD\xfb\xfb\x89X\xe4\xc2\x92\r\x18Sp\x81f\x9aV(\x02_\x16jtV7&gt;\xfb\xc9\xfe`\xc7c\xb1\xe6z\x89Z^oxr2\x0c0@\xbdycZ\xb1\x0bX`\xf5*\xc7\xa3ju:H+Zz\xd4\x88\xe2\x8b\x89\x89\xc8\x06\xc4"X\xd5\xc2q\xd5I\xaaG\xe0q\xcd^;\xa7\xde\rlo\xcbd\xc9\x98\xb5CIr\xcb4\x19\x1e\x9a\x14\xa0\xde\xe0\xa7V\xecCD\x16\x84\xae\x10N\xf1Q.@K\xf4\xa3\x91\t,lDr\xbbK\xb0\x8e\x8f\xab\x0c\xb1g\xbe\xdfj\x86\xd5x=\xb4\xbamoM\xae\x8d\x0f\xcb\xe6IrM\xae,\x01j\x92P\xadd2\x9b\xd8\x03\x041&lt;\x1f\xea\x1fE\xa5\n\x06hy\xcf\xa8:\x12\x11\xca\x83\x1eT{H\xad\xe3u\x079/\x8fk\xf8d}\xd3y\xe4Y\x95Y\xf9\\/\x91\x8b\x84/&lt;)\xc8e\xda\xec\xbc\xbf\x82\x04#\xf9\xb6\xb9d\xf0d\xf5\xf2\xae \xc7\x05Z\xf4\x9c:\xa2V\x7f\x15\xcb\x87\xd4*\x18\xdbE\xf4\x9e\xefK\r\xe7Gv;[\r\xab!\x0f,\x04N\x1f\x92F\xb7\x0bu\x02\x85\x02i\xe6\x9eU\x1efd\xab\x9e\xc1\xd1.\x86\r\x04K%\xa1\xa2\xaa7\x84[ARL\xab\xc02\x8b${[\xa9Z\xce\x1d&lt;|\xb9\xd4\xaa&lt;\n\xc5\xcaI\x14TTt\x10\t{1\xbc\xb2\xb2\xb9\x12\x0e\xb7\x96\x13\xe5\xb1\x0e\xcfN\x7f\x82c\xa4\xedR*\x10\x10K\xbaz\xc8=xPObH:\xc5\xc2\xa2S\xca\xa6\xaa\xe7\xcfj\xf8\xbe\x8f\xe4\xca\x0c\xb9\x94\xc4\xda \x8aB\xd6\x13\xa80\xb9\xb2\xe9\xec\xd4\xa5\x15\xed\xd4\\91:Wb\xdbI\xdb\xa3\xa2\x88\x95\xd6\xe3&lt;\xd4\x93m\xb8\xe7\x8b#\x88?\xda(&amp;~\xfc[M\x874\x9e\xfd\x94\xc9\xc8\x0c9&gt;fE\xd2\x0b\xb5k\xf3+Tgw\x7f\x0bR9\x98.\xb1,-\xba\xed]I\x97\x08.\xf2\xc4B2\xcbH\xb0\xe2m6g\xeaQm\'\xb9\xa6\xae?\x0f\x0c\xc3\xcb\xac%\x91\xf4\xb3(\x08\xde\x95M\xafpqz\x7fh)6\xda\xa5\xcf\xf6\'\xe68\xb9BD\xfaD\xd8f\xd8\x88\x169\x81j\xa1\x89{ 5\xde\xe7L\x1d?~^S\xaa\xc6\xc6\x85\xeb\xa5\xbe\xd3$_N\xa2\xc9\x80\xe7\x82\x8fp\xbb\xddC\xe4\xf6{\xe8\xfe@r\x90\xcfkO\xf9\xfe,\'\xa7\xa4\xe8\xd1D\xc4\xfb\xb5\xb4\xb4\x00\x8af\xbebU\x8f\x1f\xef6\xd7\xfc\xb1z\xe1\xe6\xe5\x956\xc6\xe7\xac\xbd\x86V\xa5`\x06]C\x19\xb2\x96\x96\xba\xc7\xb4\x95\xfdr\x99\x1fL\xa4\x03\xb4J\x8aV\x87\x82\x01\x04\x97\x84\xa6i\xd6I\x9ci\xb5p\xfetw\xaa\xf63\xa8d\x86y\xf7\xfa\xaa\x1c\xb3B.\x99L9;\x9b\x99\xbd\xa5\xea\x1e\xab\x94\xfd\x82\x7f\x9e+\xed\x054\xd3R\xd2\xf2`Q\x12\x1aX\x8c\x93\x88\x95\xaa\x16\x1e?\xac\xcbd\xac0\xae\xbf{\x95\x1b\xef\x1dF\xbb/SB2\xc2\xb44\xa0+#\xab\xf6J%\x8e4\x16h\xb55\x0e\x95\nh\x80\xa3 \x16\x13\x00\x16\xd4:~\xbaP\xb7\xb9\xb2\xc6\xe6\x97I\xab\xb6w\xd8\xd0!;\xc2\x97r`\xa0[G\x94\x9aK\x90\xd9\x03\x9e\xe7O\xfc\x88#\xcb\xd0\xe4\x86\xb2\xe1\xae\x94b\x04\xbbl\x8c\xc7\x17\xff\xb9[\xc7\xe9\xe6\xc6O\xf9\xe4H/\xb8\xc8\xf3\x80l\xc0\xa2\xab\x14\xe7\xb2\x89b\xe5\xe2\xa2rq\xfa\xf6\xed\xc9\tb\x19di\r\xe5P\xb57\xa0~1N!\xb3\x10\xc4\x7f=\xaf\xe3,e\xe3\xb3\x8b\xd8\xc8\xc8\x9fX\xf6\x01]\xbe\x88~\xacr\xbb\xdebe\xd3i.\xc0\xd2\x94j\x9a\xc4\xb1I\xaaa\x9d\xbe8\xa8R\x8b\x8f\xea:zz\xefsl\x9c`\t\\\x16\xab?\x01\xaa}\x1e@\x15Hur\xf2\xfe}:xv\xa6qL\xdfi\x17\xb2Kcs\x1aSD\xac\xc2\xd3\xba\xfe\x1f\xc4\xc2;T\xae\x91?\xb1t9\xb4&gt;\x95\xa2\xbfH\xc2w\xf2\xe1\xfd\xabWg\xf8\x96HT\xaa;\xdf444\xb5K\x1dmh\xa7\x89X\xd5\xc2\xa7z\x0e\xce76\x7f\xc2\xf9#\xc8\x05\xb0\xe1|y\xdf?W\xda"L\x1f@uv\x06,\x80\x9d\xd1\x8eiA,\x07\x83\x18\xa6\x04\xac_\xea\x8bu\xf33\x8f\xa4\xef\xeb\xeb5\xd8\r8\x8d\xfc\xa5@\t!|\x8d\xf5\x87\xb0\xf0\x01@\x96\x01\x98HE\x01+%\xac\xea/\xf5\x9c\xe6\x87\xad\xbf\x80\\Z\x01\xcb&gt;f\x8d\xf9\x13[\x95\xff\\^&gt;y\xf2\xeb\xaf\x07\xff&gt;88\xf8\xfd\xf7\xd7\x7f|xu\xc6\xb4\xb5iT\xc2\xb5\xa9\x91@\xad\xc7\x81U\xc7\xd4\xfaK\xe3\xc3\x8f\xfer\xce\xaa\xd5\xf6\x1aP\x1f\xfar\xc5b\xfe\xe2\xf2\xf2\xb2\xf3\xc9\x93\'\x97\x07\x97\x07\x07\xaf_\x9f \x98\x1aM\x9b\x8dq84\xe4J$N\xb0\x8c\xf5\xc6Zx\xe7/\xc6\x84\x9a:\xd0\xda=f\xcd\xc5r\xa7\xba\xabK\xb2 \xd5k\xa4&gt;\xb4\xa25\x1a\xc6\xc6\x80\x8daI-M\xc5\x7fX^\xac3\xd6\xd4u\xd1\xcf\xe7\x84\xa9\x83\xa5VK\x9f\xf5\x14K\xab\x1b\xb3\x00\xea\x14R}@\xdd\x02V\x1b\xa2hc\x18\xa4\x96@\xe5[^\xdc\xad/V\xf3\xcd\xbe\xdf_NZ\x11\xc7\xb1\x01\xcb\x98\xae\xafO{\x9a\x07\xda\xdb\xb7&lt;)\xf1\xfa3\x9c\x83\x1a\xc4\xaf\r\x05\xfe\xd6\xd3\xa4\xe2\xc6\xe5\xe5\xc2nc}\'\xe6w/\xfc\xfeb9/p\xe9t\xe0\xd2Z\xf31\x1e\x07#\xc7j(\x18\x07\x87\x83\xc2\x17\x92\xcb\x89%`\x19\x97\xcd\xcb\xc7\xbbu\xfd\x87\x1fl\xc5+\x1er\xed\xe7O\xb5\xd8\x90:\x1d\xb0\xfa\xb49\x9c\xd0{\x8c\xe3N\x13J\xa8\x8aRQ\x14\x85\xe4r\xda@\x05\xac\xb8\xcfl^\xae\xd3\xfc\xf7\xff\xb8\xee}\xce\xf1~\x1e\\\x15\xe8\xa5\xbb]\xd6\xb2\x7f\x8e\xeb\xa2a\x99)\xe1\xfd\t\\m6\x1bc\x13\xb0\x96\xcdN\xf3\xf2y\xfd\xb1\xf2e\x12\xc6\\&gt;_\x81P\x02\x996\xb9\xd6\x9f%\xc74\x87\xef y8\xa746\x9b\xcd\xe9\x03\x96\xd1\x0c\xd9\xfe\x0fX\x1f\xf3\xe0*\xfeL\xf4\xd2\nTcc\xc8\xaf$v\xc1i.\xc6\xf7\'\xc8\x15\x97\x86T.P-\x1b\xff\xcb\xcb\xb9\xc74\x9deq\x9c\xb6\xb3\x92L\xe9C\x9e\x05EZ\x84\xf2\x10\x07\x91\xaa@(\x8f\xe1Ue\x10\xc2S\xad\x84\xe9\x06Y \xd1\x12\xd8\x18\xe8\x92\xba\xc4\xb8\xd0?\x98!&amp;\x82\nVS^\x11G\x940\x8a\x7f\xd0\xa1\x80\xe2\x03\x11\x81\x18\xc4\x1d\x1fQ\x10\xc7\xf51nf\xcdj\x9c\xcd~\xcf\xfd\x15%\xd9\xcdd3#{R\xfa+4\xa1\x9f|\xcf\xb9\xe7\x9e\xfb\xbb\xe7vCU&lt;^\xc5\xfc?\xb0\xfcj\x0f74\x9c={\xae\x06\xa9\x01\\\xb9\xb1\xb9\xb9\xac\x8f\x04\xf9\x82d\xdb\x14\xba\xd6)d5\xcd\xd2P\x0bT)\x01\xf1UK~\xa4\xe6\xe8t\xad\x9f_\xedY\xc6\x05\xbdH\xac\xdcX\x98F\xa3I\xac9@\x9b\xfaA\x9e\xc0\xa2\xbd\xe0\r\xa4U\n\xb2\xc5\x92c92,\x7fp\xc1\x8f\xe7\x18Wnnffbb.REI\xf2\xae\x82\x02cu\xe8\nP\xb9\x16\xc5\xdb\xa9||\x80\xd5\xbf\xc4X\x1e\x84\x95H\xdb\xaf\xdbI/\x92\xcb\xdf/\xae\xe6pmmM\xc9.___#\xd6\x8aD\xe5\xe2\x92R\x05\xaa\x04,\xcf|\x02\x92\xaa\x96\xf2\x9c\x0fw^r\x1a35\xd2\xe8\xb1\x86V\xc6u\x0cK\xc4\xede\xbb\xb7oON\xae\xce/\xae6\x96\xe5\xafM\xc0\x02c\xe5\xa7.I\xdb\xe2\x8b\x02\x9d\x9d]i\x9f\xb3\xff\xe8R\xae0&lt;\x8e\x8e\xbd\xfa\xdb\x9e\xb8D\x92\xeb\\Ck+q\x9dm\xc5\xfa\x10\x0b\xb2\xea\x83\xc5\xa1A\xd5e\x07\xb7\x84p\xad\xfc\xcb\xff\x18_\xb4\xca\x99\xc3\xaa\xbat\xb3b\t\xcf\x1f\xbd\xfd\xe1\xde\xbd\x92Z\xaa\xb7\xe0:\xe2B\x80\xb5n\x8b\xc1D\xb3\x13\xb6e\xadg~\xfe\x96\xd5D\xf5\xc9\'\xbf[\x9e\xe2\xc26\xad\t+\xe6OW\x1e\\\xbf\xb94\x829\x16\xbe\xbd1\x90\xf5&lt;-\x0e\xe5\x03"\x9c\xd3\xab\xf5l\xeb\xb6\xf8\x94\x00\x94}\t\xab\xf1\xd8\x88)\x88\x8ec,[\xb6r9\xa3\xb2c\xc58y\xed&lt;\xf6\xaap)V\xd5\x85o\x7f~\x975\x7f\xf7+?`a\xfc\xf9\xfb\x1d\xabmh-km\xdd\x10\x9fB\xed\x88\xdc!\x83"P\xd1y\xb2O]V\x12\x94\xb33\x1f5jRU\x8c\x0f\x9f?\xbf\xfb\xc7\xc2\xa5\xd0\xea\xe7\xbf\xbf\x98\x9f\xbf[\x82\xdcN\t\x01\\\xc8\x13\xd0\xab\xec\xdb\xa4\x00\x02\xa3\x03R\x81.\xec\x1c\xd7\xb2e\xcb\x03\xedX\xae\xd4\xc1\x15\x13\x93\x00\xc0\xf9\x17\x8f&gt;\xb2^L\xab\x7f\xddnu\xfa\xdeX\x83\xfc\x90\x8b\xd8"GR^\xdd\xbe\xfb\xe0\xb7;\x93R\xecr!\xaeV\x92Q\xb7\x01\xbb\xd5\xe5J\xf3cL\xccj\xbe\xf3*\xfe\xfc\xadW\x1f\xf5K\x10\x90\x18@56\xb7a\x85\xf1p\x8d\x9f\x7fl,eO\xa6X\xed\xb9s_\xa1\xd6\xda\x19\x90\x90\x92\x92PTT\xe4\xc2a\x11\x15\x89E\xfd\x19\x88\xad\xa4\x98\x00Wp\t\xb2\xfe:\xe6\xf8\xd1:4\xf0_H\xab\x19\xfd\xe5\xa4\xa0\xb4=\xb5\x84\x050*\x01\xfd\xc9\x93qTn\xed\xdc\x88"\xd0\x95\x1f\xb8\x8a\xb3@W\x12\x8b\x0f#,\xcc\xd5\x1b\x91W\x9d\xf9Y\xcf\x9f\x18\xc6*\n=&gt;N\xcb\x81G\x05QY\xd4\x97crJ\xa8.\xc5$\xa8ad\x89\xac\xdc\xc2\xd4\x9d\x0c\xc1\xe8\xfc\x05\x9fkeq\x0e\\\xa0bX\x1b\x93b\xe2}\xf8\xae\x88\xfa\xac\xf6\x97\x0f\x9f\xfct\xe1\xb7\'WG\x0f\xe4\xd0\xd9\xa9\t\xabP\xad\xbf\xbe\xc1XR\x8b\xea\x9duRj4\x0c\x0c\xf1\xef\x9f\x18W\x93f\xac.\xc6d(`\x9d?\x8b\xa8\xf8\xae\x02VAc\x1a\x12\xb8\x02\xeb\x08\xec\xf9\xad\xdf\x08F_\x8c\xb1\x7fl\xf6\xf6\xed\xd1F\xa5\xd2\xa2\x1f\xfczwM\x9c\x7ffbf\xaeF\xb1w/u\xa7\xc7\xc6\x12WT\xf6\x9e\x92\xb4dcN&gt;\x13\x8c\xcf\x80\xd8\x135\xff\xa0\xbcG\t\x1d\xbf\x9a\xc3\xe2\xec\xf9\x83\xebg\xf6{\xfcj\xa8\n\xbd\xc56:59\xdb\xa8\xcc\x93+\x95\xea\xbcK\xad{h\xf5\x05\x1f\x02K\xe1\xed\xadP(4\x99\xd9\xd9q;\x08\xab\xc0\xb7\x98\x0e\xd2\x08\xf8\x0bF\xaf\x04\x02\x81\x0f*\xfb\x8d\x1b\xb1\xca\xfe\x80\x95\xf5u\xff\xc8\xa9\xa6\xfd\xbfF1\xc7\xc2\n\xbd\x9cg5\xdf\x99\x1c\x95+\xe5yy\xc0\xd2_n\xd8\x93\x19\x1b\x1c\x1b\x1b\xac\xd1\xacW\x94\xc2\x14\n\xb7\xcf3\xa3\xb2\xe3\x98Z\x0c\xcb\x8bZ\x0e\x88M \xf0\xa2\x8b\xab@\x80\x14\xc1\x16\xff\x02\xaf\x05\xac#W\xfa/\xf5\x8f\xd4\r\xda\xd8\x9d\xcb\xff}\x00\xc0{z\x8b%O\xd5\xd2}gb\x18T\xd0J\x0e\xac\xf4\x07\xb5\xa8\xf7\x825\xeb\xdd\xa0\x13\xdd\xd5-\xf5V\x04\x7f\xbe\xe6\x0fQ;j\x0e0\xb5B\xa9\xa3\x8b#\xf3\xa2+\xe2\x9c\xe4\xc2\xc4\x04\xac\x0fbe=\xe8\xef\x1f\x19\x19\xe9;\xf5x\xf0f\x05\x1b\x97\xbf\x8c\xc6\xde\xa5\x88\xb2X\xe4y\x8d\x86\xee\xa7\xd7ZLr!\x94"S\xebmo\xe2\x82\x83\xdd\xdc\xdc\xd6\x83J\xb1\x9e\xb0J\x15\xf8\x15\x82\xed(I\xdbe\xcc\xd9\x14\xe4\xc9:\x99\xe9\xbe\xbc\x93]8\x1f\x81\x17\xa2\x8b\xd2\x87\xe0\xbdX\xcf/\x8d\x8c0\xae\xbeS \xb3\xed\xaf\xf8\xa5l\xc6\xbd\xe7Qx\xd4b\xb1(\x95\xd1\x95]7\x9ev\xb75\xca\xe5D\xa5\xb64\x9al\xd6\x89\xc9\\M)\x0b)\x98\xf7\xdeR;Vp0\xb8\x0e\x80\xcb\xb7\x98\xda\x1e\xa0\xd8\xda\x15+\xd6R\xa35y\xd2G@+\xc7\x10/W/\x8e\tv\x8b\x98\x18\x16\xb8\xea\xea\xc2\x07\x9b\xc6+&lt;\xfe\xfb\rr\xfav\x9c\xc2\xa3\xfb\xf5z\xcb8y\x8d\xd7r\xedFwoet\xa3\xcd\xa4\x1a\xb6YGoOL\xdd\x9e\x9d\xb1&gt;Z_^\x0e0o\xc6\xc6.nnx\x04\xaf\x89\xda\x01\xc1\nX\x7f\x01m\xaa\xd0y\x1a&amp;\x1b\x19[\xd0\xfa0\xb1\x8e\x10V\xfb\x95\xf7T\x0c\xab.&lt;&lt;\x83\xc8\n\xff\x93\x0cHcV\xab\xcdd\xc2\x83\'\x15\xd6O\xdd\xb8qg\xca|\xe2\x84a\xd6\xdc55999\x01\xa6q\x8b\xa5~\xfa/\xe5\xd4fSjg\x03\x96\x86\x02\xcd\x8d:\xf3\xf6a8\x92\'\xe9|\x88\xa7\xfd\xa0\x0f\x19Q\x85\x80\x8a1\x81\xea\xc5?\xfb\xfa\x16\xa0\x16\xb0"###\xecd\x8b\x02|\xff\xd8\xcc\xecm\xb3\xd9`h1\x9b[\xda*O#\xd4\xdbN\x98\x9b\x9b\xbb\xcc\xa33\xf5\xb0\xe1q\xbd^\xaf\x1e\xb7\xda.L\xa7\x96o\xde\xccI\xc6\xe4rc\xd1\x86g\x08\xb6\xef\x10kg\x0e\xb2\x83\xad\xe0Z\x1aCB\xb0@sr\x02\x13\x93\xaa\xbd\xfdE\x7f\x1fgv(\xc2\xca\x88\\\xb7N\x17\x91\xae\x02\x99\xe3\xfbRxt\xc2lh\xeb\xc0\xc7Wv\x9c8mhi\xee\x9el\xe3\xf1xaMM\xc3\x8d\x16\xb5\x1a\xd1\xa5V\xab\xf5j\xb5\xcd\xaa\xb6\xfc\xa335u\xeb".E03\xd6d\xbd\xef\x10\xf5cl\n\nbd\xcc\x8f\xb4\xefC\xe6dW\x8a\xeca\xdf\xa9\xc5J\x91e\x80+\x12\\Z\xf7\xb0h=\x81\xc1yH\xe3\x86\xfa&amp;\x95\x08&amp;\x95\x88T\xa7\x8f7\x1b\x86\xa5&lt;\x95\xca]&amp;\x15\xd2\x10\x14J\xa4J\x02\x1b\x1f\x1bW\xabM\x8f&gt;\xdbJ\xdbc\x9b\xe1\xc7RN\xae5d\xc0\xfa\xe2\x00Sk\x13\x19\xe3\xf2\\\xc1\xf6\xee\xd6\xe2\xf1}{;G500\xf0\xe4\x14g\x0bP\x19\x0c\x8a\xe4\xd2EDh\xb5\xe9a\xb61\x07\xdb\xa8\xb9\xc5:\xcc\x13\x8b%\x12\x91T\xa6Ru\xf4\x1e77I\xa5&lt;\x9eL\x15&amp;\xe3\x89\x85HXB\x89D\x0c\xac\xf1\x19\x9b^\xad\x04\xd7\x9f\xb7B\xb1T\x08\xc6$\xe3\xb0H\xac/0\x1ai7\x9f\x8c"\xcc3\x94l\x0b\xc5\xd9];\x15\xa0\x06^^\xae\xab\xe3\xa0\xea\xecL\x0c\nX\x90K\x171\xa8\x9b\xbb\xff\xdaav\xb4\xde&amp;\x14\x8b\x85R\x91*,L6hn6w\x98x*\xb8P\xc5a!\x93*\xc5*I\x9e\xd2b\x9d\xb1 \xc0,\xea3\x8f:I\xaf\xf2\xf2\xcd\x84F^\xb4c\xed;\x90V@\xfb\xf9\xb4\xa9\x0f\xb9\xc8\xa8\xff t\xa7\xe7\xdd\x81\x01\xe6&gt;@\r\r&lt;\x01\xcf\x82R\x0bP\xc4Db\xe9\xb4\xba\xc8\xde\xf3\xcf^;X\x85bPIy\x12YX:\x94j6\x98\xa4&lt;\x93D\xc4\x93Hdp"\xc3\x92\x0b\xf1vt}\x9bM\x8d\xb0\x07Y\xd3\xa3\xce\xce\xad\xa9\xb4\xd9Ipv.\xbbZ\x05\x9c\xd1\xe9\x82\xfc\xfcM\xa4[1\xae\xedC\x03\x0cj\x08\xf6\xf0rx]\xdd"\xaa\xc8\xc8\x0c\x06\x05*`\xe9\xd6]}\xf6\xec\xfe\x9cC^\x1e\x94\xe2A\xa9\xf4\x8e\xab\xdd\xdd\xe6\xcah\xfcfRI\x08K&amp;\x01\x16\xa2+O\x18\x9d~\xa2\xc5`\xa3\xb8\'\xb9H\xafN\xf2#\xd9\xe6ro\x1a\x87\xc1v\xb9\xd2\x92\xd3`\x14b\xc5\xa0"\xe9rr|!\x11\xe4bPC\xf7~b@u\x1fB\x8aS\x8ai\x15\xa1\x1b\xbc\xfa\xec|\xef\xa0\xce\x81\xdc\x07\x82\xb0\xb6\xae\x8b\x17\xbb\xea\xc1\x04 &lt;\xf1$&lt;\x99L\xc4a\xc9\xa3\xdb\x9a\x9b\r*\x94\x10l@Z\xec~\xa4F\xae\xad\x14\xfb\n\x0e\x8b\xf4\xdaw\x80:\xd4\xb9\xd3\x1899eF\xa3q\xb7\xf1\xf7/{\x86\x88kh\xa8\xa7\xa7\xe7\xdd\x9b9n\xec\xd5\x85\xdb\xe3\xdc.\x14i\x05\x0f\x82j\xce=B\xe7 \xc5\xc7\xcb*O\x1f\xbfv\xed\xb8!\x1a\xce\x14\x89H)\xfc\xc0\xad\x121\x86b\x9e\xd2d0\x9f\xae4\x89\x08\x8a\t\x86\xa73\xd3\x9fQ\xdb\xc1\x97p&amp;\xc9\xc5\x12\x04\xb0\xc8\xf6\xe1\x87&amp;n__\xe3\xee\xe4\xe4]\xc9\xdf\xbc;\xd9\xc3tbT?&lt;\xce\xe0F\xdf\x07*\x1dE:\x8dA\x9dv\xee\xfe\xb3\xd7s\xda\x08`\xc9d4\xf8.^kn3!?H%\x84\x04\x13\xe1\x8a\x88\x8f\x16\n\xe56\x83\xb9M(\x96\xc9\xa4,}\xa9\xd5\xf0\xa2ef\xe2\xd1t\'\xb8:\xbfD\x0e\xf3\xa6\xe0",pegG\x11\xdf!\n\xb2]\xe4O\xa2\xea\xe1\x98`\xe7{#3\xc2\xeb22\x16\xe5\x04\x00QZ\xd0ju\xba\xb97\xcf\xdet CDD8H:\xba\xae]\xec\xc6\xf0\x83\xc7D"\x1a\x80*\xa8\x05\xcd(\xb6$"\xb1X\xd5\xd2e\x95\xcb1PE"6iC/\xcb\xe8\xc4\xcc\xf8\x05\x04\x18\xe4\xeaL\xb5\xabE\'D\xa2\xd8\xd6l0\x9b\x87\x92\x93\xa9\xed\xff\xdew\'!\x16\x11\x9d&lt;y\xf2\xbb\xf3\xbd\xebH,"\xe2\xe2\x9cKTZ\xad\xbb\xbb\xbb6\xe2\xf1\xeb\xf3W+\xb5\xee\xdatww\x87\xae\x8bO\xbb\rV\x1e\x8f\xf2\'\xf4!\'B.$.\x15\xa5\t\x91x\xd8\xdcU\xdf\x88\xb1*R\xe1\x8f,]\xa8\xd53\xb33\x98\x1f\xcf\xfc8\xdd\t\xbd\xfe\xdd\xb4\xf9\x84\xb6m\x86a\xdc:\x0bY\xbeD\xe8\xe8^z\xc8.\xd6\xa2\x83\x02\xdf.\xbb\x15\xb6}e\x0c\x04\xcd)\xd7\xa2\x8b{\x12\xba\xac5=\xd4\x04\x1d\'\x1dlbQ\x84\xa1\x1e\xd2\x08\x02\xb3\x1elb\xec\x8b\xed\xe1\x90\xd8\xd0\xcc\x87\x86\xb280\xb3\xc3\x88iJ(\xb4{\xdeO)\xec\xa5q\xfe\xb9\xf8\xd7\xe7}\xbe\xe7}?p\xc1EI\x8f\xc3\x88\x87\xed\xad{\x08\xd9m\x9aC\xdf\xff\xf2\xf3w\xcf7D%\x98\xfa}P%\xfb\xbb;y\xf7\xbe\xc4\'\xc9\x04,\x1dTY\xb7\x9b\x81\xc8\xe0:\xb0fgM\xa4g\xa9\xa4(f\xe8\xba\xae\xc5\r\x88\x04\x95\xa0\x96I3\xbb\xd3\xe9\xc9\xb6P\x11X\xa5\xa2]\xfe\xe6\xfe\xf0\x12\xd7 \x18\xff\xe4w\x80\x91\xbd\x9e\xe4\x13h\x0bP\x8fi\x90o\xfd\xf8\xd3\xa3g\xcf\x1e=\xff\xbcq\xa0\x91\xd0\xa9\x7fp\xd0\x1f%\xbc\xf2P\xcc\x99J\xe5\x7fT\xd0\n3\xc7\x1dwG\x89\x81P\x02\x19\xb0\xce\x87\x14J\x12\xcd\x1d\xdd\x08\xdbQ\x14\xc5m\x94;pC\xe8\xe5\xb5\x1aq\xecyI\xb3\x99eY\x82\x8a\xdamo~&gt;Ey\x97\xd3\xe9\xe5\xbb\xa7O)YE\x1b\xb7\xe9\x8d\x08ODdl\xd3\x7f\xb2\xf9\xbc\xa9:\x10\x8b\xa0\x0eP\x9bI\x0c*\xaa\xca]\t(j\x9f\xa1i\xa0\x9aDz^\xb0O\xc1.\xb2\xba\xb08\x89\xa1H\xa4\x18\xb1%\xcd\xf18IZ\xa3Q\x0b[D\x13\x95\x00\x8c&gt;\x1f6Zg\xf3\xf9\xfc\x14u~yyz\xfa\x0eM\x14\x11\xf1\x15\xf6\x88\'\xf4\xbeTpm}\xfb\x19PU\xe7\xe0U\xae\x94\xe38\x8b4\xb6\x06\x0fw\xee\x8e_\xeet\x01\xa5!\x9d8\x07U\xac\xebH\x05\x83J+\xb0r\xc0\x10\x0b"\xaah,\x82\xcfT\xcd\xba\xe1F\xc9x2\xe9x\xb1\x1f\xd6\x19\x9dMj#\xab\xfb\xf8\xc1p\xd8\x1b\x1e\x1f\x1f\x9f\x9c\x04\xf88\xb9\xfc\xf8\xfaq\xde\xc4{\x8f\xe9].\xc0z\xfd\xf1zQu\x1cH\x04(\x07PUP%\xd1juu\x17\xa2\x95\xbb\x0e\xe6Jq&gt;h\xac\'\x11\xb7x\xc89\x07#\xe7\x05P1\x06\xd3 \xa8\xe8\x8fB\xc6\x87\xed\x15\rQ\xd6\xc2\xce\x8c\x90\xc7\xf0\x81\x90\xaa\xa9*a\xdb7mY\xb6\x8bp\xbeM\xd7\x8e\xfb\xf2\x9f\x9ff\xa7\xff\xbe\xf9@\xd6\xba\'\xde\xd0\xf8\xc3G@\xd5\x88\x89\xfc\xd4?\x80hN\xf5z9\xef\xb4.P\xe3?\xae\xa0X\x854\xdb\xbf\x0bQL\xe7V7\x8d8\xb7\xf6 V\xae\x17\x86\x8f\xcd\x81\xba\x97x\x00\x00\x03\xc2IDATd\xe4SI$\xa8B\x9a\x99fI\x8a\x10e\xcd\x10&lt;\x14]\x84Eg\xd3\x8d\xfdz\xc0\x14\xbb\xa8\xd8\x02\x8e\xb1\xba\xb7\x9c\x9d\x1e\x9f\xfc\xf6\xfe\xcd\x87\xaf\xe1\xac\x07\x0f\x88iQ\xab\xa1\x7f\xe4r4\xcf\x01\xd6b\xd6\xf4}lr\xd9\xf8\xe2\xe6\xe6\xf6b\x9ceWW\xab\xddAe`\xedW\x06\x03\xbe\xba\xd9\xa4\x11\xb4$\xef$IFU(\xdbPK\x06\x99\x188\x94\xa6\x18\xd3.&amp;Q\xa3]Bj\x15\xe5\x00\x0f\x80b\xa0\xf2C\x95\x9e\x8cK\xa3\\\x0c\xca\xb2\xcc\x86\xf3\xd9\xf2\xfc\x98\xc9\xe5\xf2\xf1\xfb\xbf&gt;\xbc\xce\x91P\x0e\xe9\xd4\x17\xdd\xab\xd6j\x0b,\x95E\x05=2xe\x95\x8d\xc7\xe3\x8b\x8b\xdb\x1b\xe2\xa3j\xacV\xa3\xfef\x92\xde\xa6\x93I\xda\x82\x93;\x9dF\xa3Q(\xa3\x83\x94\xe52\x1c&amp;\xf2]\xd5y2Y\xa7Q(A\xba\xa2\x82\xdf`0\x82\xa6\x1e\xba8\x1b\xc8\\\x16\x10\x12~\xcc\xfc\xb3\xd9r\xca\x14\xfc\x1a`\'\xefg\x8b\x9a\xc0\x10\x1dDA\xa8j\xb5\xb6\x98\x1d\x0e\xb1\xe9\x1a\xd6&gt;\xc7&gt;\x80\x15a\xb0;h\xb7W\x90n\xdc\xa0\xeat\xffI\xb1\x1b\xc712\xa0\x17\xa2\xdc\xb6\xeb\x16\xe4\x00\xe7\x0f\xafB\x06"_\xabf\x94\xaeG\x87\xae\x8a\x05\x07\x10@BA0E\xc2pb%\xb1\x06\x15\xd1y\xd9f^:;\xeb1; =e\xa6\xd4\x97\xb5*\xacD\x1dt\xc8\xe7D\x08\xaa\xa5WWT\x83k|O\xd3%C8\xdd\xd24\xcb\x82\xb1\xad\x90\x0f\xd0\x97,4M\x84\x93a0&amp;\xc1\xc3\xda\xbe\xa5\x16d\x1c3\x1c1`\x15\t\xcahS\xec\xc7bZS\xc6\xd2\x0b\n\xb1\xa8\x95\xf8ZbB;\x9c\x93\xe1\xe1\x0c\xb6\xb2\xcbX{\x8a6\xb6\x0c3\\\xd6\xfa\xaf\xe0p(\xe689Umq}6\xa59\x86\xd3\xb6\xb7g\x98\xaa&amp;RaO\xa3\xef\x0c\x8d\x1b\x03\nQL;\x11\x12:c\xb0\x90\xce+\x96T8\x1e\xbanh\x98r\x99a76\xc3l\x02\xa9\xeaEZ\xb8\xd0A8\x1e\xce.\x96\xc8}\xf8\xa70\xa6\xe0\x83\xd1\xa7z\xd8Y\xcf&lt;\xd9\x0er\xac2\x0et4;8\xea;\xa2s\xc2T\xd5\xea\xe2zy\xda\xc3\xdf3\x91\x02{8\xfaX\x96\xac&lt;A\r\nv]k_t\xd3\x98\x860Qq\x95$R\xf9\xee.g\x05\\\x02[\x9d,\x89}\xbfW\xd7\xa3t\xb3n\xb9\xd8# \x93\xa2\x12\x14uP4\x11\x05\xa1\xa0\x1aS\x95@\xd2\xfd\xb3u:\xc5\x8d\xdb\xa65\x12;l\x10\xbc\x8c6GG\x07\xc2N\xb5\xdcTH\x05/T\x8b\xe2E5\x9av\xb8 \x80F@a\x1e\xeb\xda*\xed6\\\x93\x86\x9d\x10\xab$\xb0*\x0fw\r\xb9@c$\x11W\xd4\xf3as\xb4\xd9\xa4Y\x82\x83\x1a\xc1v\xae\x81\x1b\x19\x85&gt;y\x10\x92\x86\x98FXuHC3N\xd7\xb0\x15\x0e\xa4L\xf6\x07U\xbd\xfer\xf5\xf6\xa8O\x8d\xcb\xb1\x16\xcb\xb3\xd3s\xdc\xa7(p\xe8E\x11\xe6X\x040\x851\xf6\xf0\x88{\x03\xcf\xfe\x9ed\x06\xb6:\t\xcf -Y\x19X\xc6\xc3\x9d\x8a)\x17\xb0\x06\xdb8e~&lt;\xed\xc1,\x87\xcd\x0e\xceG\xab\xd1B\x89s"\xbe\xfaRtn:\x1d/\x94\xbc\xd1&amp;\x8d{C\x14\xdd\xc1\xd1\xd5\xa0n\xb2\xc1\xdb\xbeH\x87\x9a\xe8\xde\xf9\xd4k\xfa\x01\xa4\x00\xd8\x1d\x95\xc0\x12S\x8f\xe6\x8b\xdb\x18\xddF\xba\x19P,\x99x\x86!Qx\xaa\xd6\xce\x0bK*\x17p\x9by)+\xbaJ\x19\xf4i\x1a\x88\xa1\xe8\xfb\xb1\x97$4\x01\x9b^^\xb8\xd3b\x1c\x1e\x02j\xdeh\xba\x87\xa3\xf5r~H\x17\xf0f\xe2\xe1\xdeK\x17_(\xdau\x84T\xd4\xbci\xcf\xf7\xa6C\xea\x0e%\xe1\x1d\x16-\xbcF&gt;\x8d5\xbe\xba\x9d\x8c]|\'\xe5O\xb0\xb8.\xc9\xe5\x92j\x0c^\xfc\xcaY\xf9?t\xd1$@c\x01?C\x00\x00\x00\x00IEND\xaeB`\x82'</t>
        </is>
      </c>
      <c r="M470" s="3" t="n">
        <v>45492.67886574074</v>
      </c>
    </row>
    <row r="471">
      <c r="A471" t="n">
        <v>1127439</v>
      </c>
      <c r="B471" t="n">
        <v>1977</v>
      </c>
      <c r="C471" t="inlineStr">
        <is>
          <t>Guilherme Arana</t>
        </is>
      </c>
      <c r="D471" t="inlineStr">
        <is>
          <t>G. Arana</t>
        </is>
      </c>
      <c r="E471" t="inlineStr">
        <is>
          <t>LE</t>
        </is>
      </c>
      <c r="F471" t="inlineStr">
        <is>
          <t>LAT</t>
        </is>
      </c>
      <c r="G471" t="inlineStr">
        <is>
          <t>LE</t>
        </is>
      </c>
      <c r="H471" t="n">
        <v>176</v>
      </c>
      <c r="I471" t="n">
        <v>13</v>
      </c>
      <c r="J471" s="2" t="n">
        <v>35533</v>
      </c>
      <c r="K471" t="inlineStr">
        <is>
          <t>Left</t>
        </is>
      </c>
      <c r="L47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e3787ef-06c2-47e7-b0ba-4e31d515ae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3\xc6\'\xc2\x00\x00\x03\x00PLTE\xff\xff\xff\xf1\xf4\xf7\xe0\xaa\x86\xf2\xf6\xf8#$(\x19\x1a\x1e!#\' "%\xfe\xfd\xfd\x19\x17\x16\x1d\x1e"\x1b\x1c \x1c\x19\x19\x1f $\xd2\x88`\xef\xf3\xf5\xd2\x92p\xcf\x8fm\x18\x18\x1c\x16\x14\x14\xd7\x91k\xd4\x8el\x14\x14\x14\xd5\x96s\xcd\x81[\xfc\xfb\xfb\xde\xa7\x84\xd9\x95m\xdd\x9cw\xd9\x96t\xeb\xef\xf3\xc6\x89i\xd3\x8fg\xbaoI\xe3\xa1~\xe0\xa0|\xcd\x8dh\xc9\x88d\xe7\xea\xee\xd7\x9au\xde\x98r\xea\xed\xf1\xed\xf1\xf4\xe1\xe4\xea\xc2\x85g\xdc\x95p\xe4\xe7\xeb\xe3\x9ey\xd1\x84]\xc0\x81`\xdf\xa5\x7f\xcf\x96v\xe3\xa8\x83\xc8|W\xd8\xa0~\xe1\x9cu\xd3\x9bw\xcc~W\xff\xfe\xff\xbdsM\xe2\xa5\x81\xd7\x91p\x16\x16\x19\xd2\x96q\xc2vQ\xda\xa3\x83\xd6\x95p\xda\xdd\xe1\xd3\x9a|\xd9\x9fx!\x1b\x19\xc6\x83c\x13\x11\x10\'),\xd5\x89c\xdc\xa0z\xe4\xe7\xee\xd2\x96y\xe6\xa4\x81\xe7\xae\x8a\xb3uX\xb6lF\xd2\x93l\xce\x85^\xcd\x94p\xdd\xa3}\xe5\xab\x86\xcb\x8cm\xd1\x8ag\xdf\x9c{\xf5\xf5\xf5\xe7\xeb\xf2\xc8\x85`\xc5xS\xcd\x88c\xc4\x8do\xef\xee\xee\xca\x91q\xd8\x9a|\xcd\x88h\xd8\x8dg/04\xdc\x99x\xde\x9f\x82\xbb\x83e\xadz^\xdc\xdf\xe5\xf6\xf7\xf9\xcb\x93v\xe3\xac\x8a\xabb?\xafqR\xd7\xd9\xde\xc0\x8ak\xe0\xe1\xe4\xf1\xf1\xf3\xb1kH\xb0c?\xc1pK\xe3\xa5\x87\xbbz\\\xde\xa4\x89\xb0gC\xb7iC\xc1|Z\xd4\xd5\xd9\x92O4\xac\x7fg\xa6\\:\xca\x99\x7f+\x1d\x17\xabeD\x1f\x17\x14\xbb\xbb\xbf\x9e]&gt;\xfa\xf7\xf7\xe3\xa7\x8b\xd8\x87f\xcd\x81c\xdb\x8fk\xaalL\xc5\x92v\xbarU\xa2bD\xbf{T\x9aW9\xbclF\xcc\x91k\x93]E\xc6sPN.!\xc9\xcb\xd0\xbawS\xc6\x83[\xd2\x90u\xc1\x80YFHL\xb2mP\xb4\x84j\xa5iG89=( \x1f\xcf\xd0\xd4\x87I2\xb5~_\xa5rWfG;\xa2X6?@D\xc6\x7f^wD,NNR\xbf\xc1\xc5\xe8\xa9\x8e\xcaxP\x9aR2\x98p]\xe8\xd7\xd0\xf2\xe8\xe5\xf7\xf2\xf0\xa4yckjn\xac]:\xab\xac\xb0\x87T&gt;Y2#\xc5\xc6\xc96 \x18\xe8\xe4\xe3{{\x7f\xd1\xa0\x86bdh\x92T&gt;\xd3\x86p\x88\x88\x8d\x97\x98\x9c\x9e\x9f\xa3\x9cgL\x90\x92\x96\xa3\xa4\xa8\xd4\x80^\xdd\xb7\xa8\xb8\x8ap\xb9oN\xb3\xb4\xb9Z&gt;1\xe2\xa0\x86vL;\xe2\x97v\xd8\x9d\x87\x81\x82\x87\xf2\xf6\xfa\\]a\xbaaX\xdf\x90y\xa6\x81p\xd9\xcc\xc7\xd0\xb6\xab\x8b\x8c\x91\xc5vcTVZ\x92fNppt\xce\xac\x9bh:(\xbe\x8fw\xe6\xcc\xc2\xeb\xdf\xdb\xab`P\xc3\x9e\x8c\xce\xc2\xbe\xceye=-%\xa1[JD&amp;\x1a\xd3sn\xf0\xb2\x9a\xb2\x92\x86\xbd\xa3\x9b\x82dVzWG\xd9\xad\x9a\xdb\x88vvw|K91\xeb\xd4\xca\xc7ga\xe1\xbe\xb3\x9axj\xaf\x87y\xbe`G\xda{u\x9e\x90\x8b\xc3\xac\xa6\xd5\xc1\xb6\xb2\x9e\x96T\xa8[\x8a\x00\x00 \x00IDATx\xda\xcc\x98\xffO\x13y\x1a\xc7\xc9F\xe3\x8c\xcc6\xab\x03\xbdVh\xb4\xa7\xab\xfc@\rh0\x96\x9e\x1c \xa9\x05c\xd2^w#\x10\xab\xb0\xf25j\xbb(\x14\xda\n\x05[*\xb7 \x15\xb6\xb2\xee*_j)\xd5\xa2\xc0._\xe4\x8b"Q\xd0Dd\x89\xc6\xa4\xeeF&lt;6k\x0cK\x82\x90\x9c?h\xa2\xb9{\x9e\xcf\xa0w\x7f\x00\x83\xfbNg\xda\x99\xb6\xe9\xab\xef\xe7\xfd&lt;\xf3i\x83\x82\x96@\x14J|\x84z\xaf\xa0?\x85\x00)=c\xf0Q\xef\x9dK\x97\xae\x0e\x96f\x1c\xf9S\x80QG2J\x1f\xdc}\x9c\xbd2nUKKv\xf6\xc5\xde\xd1\xefvoN\x17S\x1f\x97i\xeb\xe0\xbdG-\xab\x19\xa1\x90\x16\xaaT*\x96U\xa9\x82\xb3/&gt;\x1b\xadD\xd7&gt;\x0eRP\x90x\xf7\xe8\xadl \x11\x12\xb1\xb0\xa9\xc8M\x18\xb7\xe2\xe2\xcd\xd1\xefNP\x1f#Q\xb17\xae?^\xa1"Z\xa4\xa2Y\x9a\x16\xd2\xb0\x07\xe7\xe8\xe4\xf6\xbbW\x8f/w\xce(\xeaDeo6\xcd\x12* b\xe3\xe2\x10\x8d\xa1i\x066V\xc5\xd2LprKo\xe5\x91\xe5\xe4\xa2\xa8\xf4\xd2\xdb\x97\x19\xe2\x92J\xc8\xd2,x\x84\x8f\xe88\x86\t\x0eF.\xc0b\x94\xcaO\xdb+\xc5\xcb\xc7E\x89\x8f\xdf{\xba\x82\x86\x84\xb3,\xc2\x80[\x0c\xc3r\x80,C\xecB.%0&gt;\x1d&lt;\xbd\\XT\xc6\xe0\xb3d\x15\x03X4M\x8ca\xa1z\x0c\x8dE\x84\x1d\xcd`\xc4X\xc2\xc70\xee\xc7\xcb\xc4E\x89\xbf\xc6\xfaa\xb2\xd1\x13\xdc\xe88\xe4\xa3\xd1.!\xde\x0b\xc9I\x14C3O\x07\xc5\xcb\x12\xab\xdd\xbd\xabX\x92i:\x8eK\xd6\xa2g\xb4\x90\xf3\x0b;\x93\xe5\x92\x0f-\xc0*\x1f_\xa2\x96\x81\xea\xc6\xcd`\xa0\x82Z1H\x05\x93\x80\xc1\xa0\xd3,8\xb66\x0e2&amp;\xc4:\x92\xe0\x03;&amp;l\xd5\xbf\xb7\xf2\xceEm\xbd\x9d,$\x0e1\x0cP\xe0t\x80\x1a2k\xe1\x90Y\xb9\x92\xdc)\x83I\xaaH\xc4h\x0c~\xf6\x9dt\xbe\xb9N\xfc\x9a\xfc&gt;7k\xd7\xbe\x1f\xf0X2\xc0\xc0\xa1E\xd3J\x86\xc4KHs#\x0c6eK%\xcf\xf1\x12W\xb6\xc0\xc7r`k!FhU\x1c\x9a\xc7aq{\xe2\xa5\x1d\x85\xe7\xed\x0c\xb3\xba\xf78\xaf\xd3\x8b:\xde\xeb\x06\x07T\xaa\xff\xe5|qt.J\xa9\x84a\xa5\xb4\xdb\x95J\xf2\x08\x9e\xb5C\xee\x95\xd9w3x\xc4\xa2\xd2G\xb3\x95H\xc5\x99E\x7fp\x05\x18\x08\t`1v\xe5)\x149\x04*\xbb\x9d\x85\x11wy\x90\xc7\xa5\x0eU\xda\x0e\x1fF\xe3l\x00\xa08\x883 \x0c\r\r\x9d\xe2\xe4\xc6\xdd\xd0l\xc3@CC\xc3,\x9e\x05X\x82E\xd3\xeeG\xfc\xd9E\x1d\xb9\x9e\xbd\xda\xedF2\x1a\xdb\xce\x8eL\r\xd3\xfei\xe4X\xd4\xf4d\xff\x08\xc8\x03\'g\x11\xd7\x8ed,\xc3\xb6\x7f\xcdW\xba(j\xf3M\xf7\n\xb7\xd2M\xc8\x18\xfb\xd0\xec\xc0\xc0\xc0\xb4\xdfS\xd6YV\xe6\x19q\xfd\xe1r\xb9\xfex\xfe\xbc\xb1\xb1\xd0l{^W\xe6\xf1\x0f\x0c4\x10\xb2S\x10/6\xf9:_U\xa4\xc4\x97.*\xdd\xab\x95J7\x96\x0bm\xf2x&lt;ee\x9d&gt;_\xb9\xde\xd6X[[\xdb\x882\x17\x95\xa3|\x00F,\xc3j\xda\xa1\xec\xcf6\xf3d\x17\x95~\x07\x80\xdc\xca!\x8c\xcf\xc04\xb8\xd4\xd9\t\x00}}}E\x16K\xbd\xd1X__o\xd1X\xcc\xfar_\x9f^\xdf\x07d\x9d`\xa3\x7f\x1a,C\xac\x96J\xbejx\xfc\x16\xe3v\xa3MX9\x84\xf2\x95\xf7\xe9\x8b@\x16 2\x1a\t\x98\xc6b\xb1\x98\xf1\x1c\x82!\x19X6kg\xc1\xe2\xdb\xe9&lt;a=hY\xbd\xca=\xd4\x80L\x04\xca\xd7\x07Tf\x8dF*E\xa6s \xa3QZ_/\x95J\xd1\xb5\xa2\xbe\xber\x9f\xcf\xd7\t)\x9b\x85\x11bo\xbf\xc4\xd3\x84\xbf\xed\xfe\x14\xa98(\x8cT_\x91\xd9\xa2\x91*\x14\xc6\xf8x]\x07H\xde\x01d\x9cs\xf5\x16KQ\x11\xc7\xd5Y\xe6o\x80\xdcC\xe8\xf9Y:\xdc\x82&amp;l\x98.\xab[\x84\x02*\x80\x92*\x80)F\x0e\xea\xc0\xad\x03\xb8\x8cdO\xb80buuu\xfe\xd9!\xb7\xfbf\x06/E\xbcz\xd9\xed\x9e\x99\xf0\xd4\xa1\xc0\xa9&gt;\xbd\x19\x9dR\xc4\xebtr\x916*J\xce\x89\xb8&amp;\'\\\x181\xe0r\xf8|\x1e\x1cb\xed\xa5\xbc\x8c\x87;\xc9\xee\x19(a\x9d\xc3\xe1\xe3\xb2\x8eN\xe9\xc0)Q\x94@ \x88\x12\xc1=\xc0!\x95\x88\xe3\x02\xc3\xccz\xbd\xdeY^^7\xdd03\xf3\x8a\x97uD\xc6\xcd\xe4\x99\x99\t\x7f\x99\xc3A\xa6\x82\xbe\xc8"U\xe8b\xa0|"\x01Q\x14R\x01\x1c\xa1\x13\xc9;t\xd8\x00\x1as\x91^o\xd3;\xfcp!\x98y\xcbG/\xee~\x0c_\x18\xb1\x9cN\xb0\x00[P\x11\x0fN\x89\xb4\x02AJ\nb\xbd\x17&lt;\x14\x102\xdd\xb9x\x85\x14J\xa9\xd7;&lt;p\x81\x9a\xe1%\\O\xdag^\xbdj\xeb\xafs\x00\x15\x84\x06\x82e\xd4\xc5@\xa8\x04\xc8\x94\x82,\x02\x0eJ\x10\xa5%\'D\xf2\x18\x1dr\x99\xf56\xe7\x08^8\x9f\xdd\xe0%\xf1`\x16b9\xca\xc1*\x8bEJj\x88f\x01\xd1A\xc1\xa2R\x04\x1f\xa4E\xacx\xa3\xc6l\xb39]\x1e\x7f\xdb\x04,\x06\x97~j=x\xf5jb\xc2?\xe2\x00A\xae,\xdcl\xe0\xb0\xb4Zm*)\xa4`q\x97\x82;\x11\x87U\x8fX\x8e~\xbf\xbfm\xbet\xe9\xb1N\xdf\x9bhkk\xfb?,\x18\xe6\n\xe4\x12iE\xb0\xa5lH!\xe2BF*)\x8f\x01\xacsF\r\xac(\x9c\x8e\x91\xfe\xc9\xc9\xf9\'K\xdf\x8a\xdd\xa3@\x05\x8b)\xa7\xd3Qn3\xe3UP\xaa!\\r\xa4\xd2\x02Q\x16\n\xc0\xb48\xc5\xe0$\xa1\x82pA;B\xb8\xfa\xfb\xfb\xf9\xc0:\xf1\x16\xa8&amp;\xfb\xa1\x0f\x1dN\xb3\xc6R\x0f\xd7=\xb8\x1a*p\xc2\x8bpp\x11\xaa\xea\xea\xacj(\xa9\x08f\xd8b\t\x15F\x85BZhkv\x8d\xb8\\\xf3/\x96\x1e+\xe3m\xdb\xc2B\x7f\xbf\xd3\xe9\xb4\xd9\n5\x16M=\x89\xd7\x07\xac\x94\x94\r\xd5\xd5\xd52\x99,$K\xc0\r|\xa4\x02\xabP`\x97\xc3\xe5\x9a\xea\xe2\x05\x0b\xa9\\\xce\xe6\xe6\xc2\xc2B0J\x83eT\x90f\x04\xa1Ya\x00%\xabF,8!\x97\xeb`: \x16|\x05M!\xf4"/X\xb1\x805?5\x05X5\x04\xabP\xc3]\xa5\xc1+-\x86I\xb0!D&amp;\x8b X\x103\x11\x9aH\xa6\x96F\x8a/\x1col\x1e\x9b\x1a\xe3\xc7-\xa0\x9a\x1a#X@e.\xe4*H\x06\x04\x0e\x85\x90\x10\xa0\n\x0b\xab\xce\xca\n\xc9\xca\x12I\xe3EQ\x1c\x17i\x0cEm\xcd\xd8X\xd7\xeb\xa5\x8f|l7\x87E\xcc2\x9b\xf1\x86\xe3T\xa4M\r\r\t\r\r\xdd\x90\x15\x12&amp;\x8b\x08\x97\x85A\xeeCBBR\x90\x16,\xd3\xc5c\xb4\x14\xe3\x8aZC\x8d\x97\x0f\xac\xa0\x8c\xfftuu\x8d\x8d\xd5\x00\x96Yo\xb6\xc1\xe8\x1a\x8f\x8f\xf9\xfe`j\xa8$\'G"\t\x0b\x0b\x93\xc8\xc2\xc3#dY\x84O\x16\x06\xac\xa91:b\x17qKm\xf0z\xf9\xc2\xf2z\xbd\x86\xc2B\x1b\xac\t\x80l\\\x17s\x80P\xe5\x82\xd2\x90-\'\x07\xc2\x15&amp;\x0b\xdf\x98\x06\x07\x12\xc9\xaeT\x11\x94Q\x8a\x19\x1c\xafU\xab\xbd\xde\x1e&gt;\xc6\xe9K\xc42\x10,\x9b\xcdf\xd6\x9c=px\xcd\x9a\x1f$_\xe5\xfe\\\\UU\xfc3\x92ED\x84\xe7\x84o\xfc\x1b\x1cl\xdc\x98\x9b\x96&amp;\t=x\xe0$)\xe3xm\x89:\xbf\'\xc0C\xb6N\xbc{\xdd\xd3\x93o\xc0\x1f\xa7\x80\xd5\xdcx\xf6\xf3\xfd_\xecKJz\x98\x90k2U]\xab*.\xce\r\x97D\xe4\xa4\xa5\xe5V\x91\xa3b\xd3\xbam{\xb7\xfc\xfd\xb3\xc3W\xce*\x10\xabV\x9d\x9f\x1f\xe0\xc3\xadw\x01\xc0R\xc3\xefS\xa8as\x8d\xa1\xb5\xe0\xd0\x99\x8a\x8a\x8a\xe1\xe1\xe1\x87&amp;\x13`\x14\xe7\xa6Iv%\xe6\x80u\xd7\x8e]\xab\xaa2\x99\x1e\xc2SG\xcfd\xae\x8f&gt;y~\\\xda\x08X\xd67&lt;`\xa5\xbf\x0b\x04\xac\x88\x05\xb3\x01\xba}\x0c\x1a\xe05\xdc\x02\x81\xa6\xdf*\x1e&amp;\x98\x88[\x89\x899\xc5\x08e2\rWT\xcc\xbd\t\xe0\x17\xc9[\xbf\xe7\xca\xd9\xf1\xc6F\xc4\xfaq\xe9\xb1N\xff\x12\x08\x04\x10\xcb\xa06\xb8\xfa\'\x17\x16&amp;\xdb\xda&amp;pQ\xb1\xd0\xd5t\xa6"\xc1\x04fA\xe6\xd3\x8a\x8f\x1d\xab\x1a\xfe-\xd05\x8f\xcf\xb7M\xc2\x93\x87"#\xf7\x9c\xac5\xa8\xd5\xd69&gt;\xb0^\xbc!n\xa9\xd5\xf9.\xff$\x08\xa9\x90k\xd2\xd5\xd3T\x90\x94K\x9a/\xe7\xaf\xc5U\x9f\x0c\xdf\x9f\x9a\x9c\x98\x18\x18\x18\x98\x00\xe4\xfb\x05\xadhX\t\xbc\xcd:\xf7;\x0f\xcb\xc0\'\x04K\xadn\xf5\xba\xa6z\xac\xd6\xa6\xfb\xf7\x9b\xac\xf9(okA\xc1\xf6\xaf\xd6\x84\xee\x02\xac\x8d\xc5\xeb\x12\xce\xc0\x0b\xc6\xc6\xbc\xde\xfc&lt;\x08\xdf\x99\xa6\xa6\xa3\xdb\xc1\xb0\x92\x92V\xeb\xcb\x9f\x96\x1e+\xf6\xc7\xb9\x80\xd5\xdaZ\xd2\x9a\x9f_\x80Q\xaf\x18\xde\xb9\xf3\x8b\xf5\x07.\\\x88\x8e\x8c&lt;\x94\xb9\xfd\x87\xc3\xa9\xa9\xbb\x12%9{\xf7\xee&lt;\x94\x97\x07e\x8b\x8e\xfc|\xd3?\xb6\xecH0=LH\xd8\x17\x99\x17\x99\xd7\xda\xb4\xd4X\xb1T\x10\x15tc\x0e&lt;j\x8d\xcc\x03\x0f\x86\x13v$\xed\xcb\x8c\x8cn\xcd7\xd4\xc0\x92\xa25\xf2\xdb\xcf\xd6|#J\r\xdd%\x93H\xb6\xfc\xe5\xdb\xf5\xd1\xe7kj L\xe7O\xee\xd9\xbf\xef\xcb/\xd7\xadK\xd8\x0eo\xcb\xb3\xbe\xcc\x88\x8d]\xca\x7f\x93\xc4\xdd\x19\xa7c\xbb_\xf6X\x9b\xf2\xf6g\x1eMJ\x02\xaa\xfd\xf0\xc9c.X\xe9\xb8F\xca\xeaj\xa27\x1d\xfeF.\xc8\xc2\xf5Vb\xe2\xa6\xe8Z[\xb3A]\x12\x1d\x1d}\xa1\xa4d\xff\xdem\xdb\x12\x922\xd7G\x02V7%\xee^\xb2\xbf\xe8c\xa9\xdf\xff5\xf7\xcbO\xe2\x17\xaf!\xdb\x99\x88\xb5cgIs\xf3\xd4\x02\xfc\x82\x1f\x1a\x98\x1f\xf1\x949\x0c\xd1Wt\x1d\xa2\xa8\x7f\xfe\x97V3\x8aI#\xcf\xe3\xb8\x8f&lt;\x19&amp;a\x02\x9e\x90\xa10\x13x\x18\x82s.\x8a\xe8\xa4\x96h&amp;\xd1`\x10l\x81\xcb\x08\x01\x0c\xd0\xa4[cR\x15z\x13\xdb\x8d\x89\xcaH\x11we\x83\x18\xef\x1e\xd4n\xb8\xc4\x9e\xd5\xa6\xe9\xbe4\xe5\xa1\x89\x86\xc8\xc2C\xdd\xdd\x90\xcb\xdd\xdan\\\x93^\x1b\x9bZ\xaf&amp;\x97\xbb\xdf\x9f\xf6\xde\xeeq\xfc%&amp;\xbe\xf1\x99\xdf\xef7\xbf\xdf\xf7\xfb\x03P\x828\xc99S0\xd9\x9e/-=\xff\xd3\x18\x93\xcb\x11\xbdW\xaf\xf680z\xfd\xce\xbfw\xfe\xf0\xd3\x9b\x9f%\xaa\xa4M6\xbb7&lt;\xfe\xea\xd7\x97\x08\x8b\xf6\x04[\xad\xd6\xcb@\xb5\xb4\xf5\x16|\xe3\xfb\xfd\x7fm\xad=\x9bIe\x84\x89l\xc7n2\x99\x1c\xd1R\xb9\xd4\xc2\xe2\xd2\x93\xfd\xf7\xbf\xed\xff\xe3\x89S\xc8d\xc8\xde^\xabUN\xc4\xae\xbfy\xf8\xf3\xc6t\xedlV"\xac\xedj\x8be\xe2\xd5\xc7\x8f[\x1b\xebt\xd8s\xa3\xd5J\x8c\xa6\x9e=\xf9\xe7\x7f\xee\xbf\xff\xf6\xb7\xfd\x1f\xb7\xfe\xb2\xb68\x9dK#,\xe0\xea\xf3/\x0f\xa6\x16\x96&gt;\xfe\xb8\x7f\xff\xfd\xfd\xfd\xb7\x7fK\t\x02\x7f\xd9\nO\x12\x8cm&lt;\xfax|\xfe\xe0\xa8*\xcd\x98\x80\x1a\xe6\x93,^{u\xfc|c\x9d\xa1\x88`k+\x17_\x98Z\xfa\xf8\xeb[\x98M?l\x80\x03\\\x9b\xb9U\x9a\xc8&gt;\xd8\x85h\xe13\xb7\xc0\xe6\xdc\xb9s\xff\xfbo\xbf\x7f\xfb\xe6\xd1\xdaL\x8esY\xad\x86\xcbX\xec\xd1\xf3\xbb\xe7\xaa\xe4Q\xed\xb0I"\xacbQ\xa3\xc19Pr\xeb\x0cGy\x82t\xba4=\xb3\xb0q}\x03v\xd0\x9fg\xa6\xd6\xd6\xa6\xbe\xbb]\xca&gt;\xe8@T*K\xee\xd2\xcd\xc5\xa9\x85\xd1\xe3gk?l\xfdr}qq\xb5@\x1a\x0c\x06\x17\x19\xbb&gt;:\x91d\xbd\xd9si\xaa\x88\xb2U\x0c\x9b|\x0e"~}}\xa5\xc0\xf3+\xa0\x9ao\xaf\xc2\x8b\xc6q\xf1\xd1\x85\xc5\xa9\xa9g\x8bwou\x0e\xabP\t\x1b[,\x99K\xa5[\xd3\xd3\xab\xe9\x1aC\x10L&lt;]J\x0b\xbc\xcb\xde\xec"\xe9u\x06\x8bD\xfa\xb2\xe7{\xb3R\xf5VR4\xc1r\xf1\xac\xaf3\x85\xc2Jn\xb0\xd4\x99[\xa1\xc80\xc5\xc4W\x17\xa6 \x16o\x82&amp;\xdcM"\xf7\xda\xd21\xdc9\x082\xb1TJs\x98R\x8eQ\xcb\x82P\xe0\xb5\n-E\xc7=!\x9fq\xf7\x81dX;\'\xbb"\x86){\x87b\xeb\x8c d:s\x19a\x85\')\nV]jfq\xea\xaf\xdf\xdd\x1d\x04\xd3\xbf\x9b\x9c\x1fA\x87\x9b\xe1\xee\xc1\xf1\x9b\xd3\xb7\xd2\x02\x85)\x95.\xad\xdf\xadZ^\xf6k\x01\x8bqD\x9aG$\xc3j\xb05\x9d\x89ae(b\xb0"\xac\x1c\xb8\xbf\xcc\xca2U\xa7rN/\xdc\xbd{\xf3\xf6\xedN\x8bP\x10\xc1S\xf7\xb5@\x15A\xc0\x83\x03)\x15\xc2.\xbb\xdd\x05\\\xcb\xcb\xcb\xeeF7\xcf\x11\x06\x9f\xb9\x92\xdc=\x97jB\xd8\xceD&lt;\x14\t\x17\x86\xc6\x00+\x83\xe2\x7fX9\xd0\xd0\xa0\xd5!Y5\x95\x88\xb2\x85\xcem\x16\x88\xceK%\x01v\xa2\xdd\xae\xa8c\x81\x97\x04\xac\xb0\xb7b6\xedf\xa5y\x13\x1bd\xb23.\xaf\x0cw\xaf\xd2c1&amp;\x0eU\x84\x1a.\xa3\xd6\xe2\x18!.d\xc0\xdct\x0ew[\x80j&gt;\xb9\x8b\xae$\xe0\xb1\x1bU\xc3\x99\x02Ej]\n\x85V\xebFX&lt;\xcfq\xa5\xaf[XM\xe3\xd1C\x99DX\x87\xf9\xbc\xa7\x90N\x13\x80\x05\xe9ZYY\xe6)\x12z\x8b\xa28\x9e\xe7-\xdd`c\xd3\x9f\xb1:\x90\xc9v7\x8e\xf4\xb9y?\xa9E\xa1\xd0\xa2\xf3\x17\xef\xa68.\xfd\xc7\xac\xc8*\x1c\xdbRa\x9d\xf6\xe4\x99\\w\xb85\x10c\xb8\x15\x01\x8a\x02F\xcc\x1b\x0e\x93\xc0\xc6\x8b\x85\xee\xceL\xa6{X\x84\xcd\x83\xb2\xa5rC\xdf\xc3;\xa9U\xe0\n\x05\xd8\xc7f\xc8W_\xa3\xdb\xef\xa7=\xe1l\xf6\xa8hOlKt\x9e\xb4\xbd\xac\xe6\x85N\x0bA\xc4h\x10\x05+\xbc\x1f\xa8P\xb08\xe9\x17E\x11\xca*\x08\x16U\x1f`\xb5\xa8T\x16\xb7b\xc4\xdd\xa7@b\xc2dD\x81\xc0\x1a\xfd~\x8a \xc2\xaalV\x94\x9f\xecHf\xf4\xf7\xd8\xee\xaf\xbb\x0b \xf8\x80k\x99\xf7k\x15\nV\xc1\xb2,\x1e\xe6\xb9B\x81\x17\xd2\xdd\xa8\xb7L\xf3#It\xd6\x12Y\xdc\xabmFL\xed\xe6v\x08\xa3I\xa1\x85\xc4\x12\xe05\xb2\x13\x1d\xf2=\xa9\xb0\x1adgx\xf6|\xc2B\xd1\xf4\x18\xcdA\'Cq\xd8f\xa0\xc2I\xe8-\xd1\x8f\xceIb\xf1\xa0R\xa9\xcc7\xaa:\xba;\xbdF-\xba\xdfT\xcc\xe6:\x16\x80)p\x92\x0c\x12TGv\xc2\xc2\x9e\xcd\xda$\xca\x96\xed0\xff\xe0\xfc|\x82"\xc6\x02c\x04\xf9\r\xec\x12\x8d\xc9\xa8AX\x14\xef\xc7\xc5A\x8b(\xb2\xd1\xc9\xcd\x01s\x05f\x84\xa5SejF\xf7\x1b\x84en\xaf\xb3A\xbe&lt;A\x82C\xcfvp(\x15\x96L\xb6\x9dHN\x8c?.\xd1c\x81\x80\x07\x1br\xd9\xc1L\xa8\x8d&amp;(\x16Iyq!\x1d\xd6(C\x9b\xaf!\xca:\x9f\x11w\x17\xf0\x084V\xa5\xd2n\xd6\xe9t\x03:\x9dY\xad\x91c\x9e\x00!&lt;~&lt;1R&gt;m\x92*[\r\xb3{&gt;M\xe1\xd2M\'}\xef\xde\xd0\x90\xd5`P\xab}&gt;#\xe2"\xc38\xe6qD\xc1\xb0\xd6\xb16\xe767\'\xf58\xae1\x1a+\xc6J;@\xa1\xd0\xe9\xd5Jy0\xc0\x8c\x8fg\x15\xe69\xe9|\x86\xad\xe9\xb4\xda\xa6\x11\x07W\xe9\xc0\xbd\xa1Vko\xbf^\x0f\x1f\xd5n\xd4\x00\x16\x96/\'z\x9e\x02\xce&amp;\x02\x9b\xab\xf6$6\xf5\xac\xc6h6C\xb6&gt;Q\r\x0c\xe8\xfb\xad\xad\xc1@z&lt;\xebUWNv\xa43\x19\xb2\xed\x93|H\xe3\x16\xa0\x8aAk\xdb\x95+\xbf\xeb\xea\xd2\xab\xd5\xd0^,\xe6\xc9G\xf3\xc7S\xa3U\xc4\xb59\x19[[K\xeb\x06X\xd6\xa7\xd3\x01\x96\x1e\xb8\xae\r\x0ct\xe9|\xa1\xd6\xc0Xzx^)\x8f\x1cJ\xe9\xac\x9bNCms:\x0c\xb0n\x00Vbr\xb2K\xef\x83lA`X\xa48=5\x15H\xa0\x84\x85V\x9f\x1d\xa7+&gt;\\\x03&lt;\xa8\xdd\xeb\xe9\x82G@X4\x11\x99,\xe7O\xb6m\x12b\xc9v\xf6\xae\xcc\x95\xb1\x18`\xf5\xd4\xb1\xa2z\xbdY\x1dQ\xab\xd5,\x86\xe3E\x8evT\x13\x89\xb9\xb2\xef\xe0\xe0\xa0r0\xcf\x1a\x07\xba\x80\x0b\xdeB\xe0\xfa\xe2\x8b.}\x7fO0@{\x12_n\x96%M\x16t\xd7\xcb/\xa3\x0e\x8e\x01\x03\xed\xf8\x9c-H\x17|\xacO\xe3\x15\xc5\xa3b\xa8Z\xad\x96!\xa2\xbe\x83d\xdf\x88\xa9\x1de\t\x06\x03\xc2\xbav\r\xb0\x1c\xc11\x9a\x08\xe9\xca\xafwlRf\xabA6{X\xf50\x0cM\x04Z{\xea\xd9\xeaW\xab\xd1L\xd2\xb0\x80U\xe3\xf2\xd5j\xa2&lt;7W\x8eF\xf0\xbe\xbey\x18\r\xf0\xfe!\xacz\x19\xbb\xf4\x06t\x86\xe0\xf0\x83\xb9S\xa9\xaf\x10\xb6\x9d\xc3\x1e9\x07\xfa&lt;\xd8\xda\x16\x9d\xec\xfa\xfd\xd5:\x96\x9a\xc5\xfd~\x91\xab\x11\x8e\xc4\x1c:\x03F5,\xfa.\x03\xd6\x8e\xee\xd3\x887\xa3\xc1\xa56\xc8\t\x9a!\xe7\xcb\xa7\xb3\rR\x87l\xe7\xe1\xde=\x86#\x82\x97C\xd1\xe8\xd5\xab\x90-\x08\xbb\xc2\xeb\x17y\x8ea&lt;m\xc05\x99\x08\r\xb9X\x05(\x07S}\xba\xa3\xad\xa8\xab\x8f-\x0c\xb0\xac\xafO/\xe4\xb7\x9eM\xdb\x7f\x8fq\xc47rC\x7f\x7f[\xbfA\t\xb3^\xe3\xc2\xfd\xb0\xad\x85\x9c\x93F\xa5\x8d\xb6\r\xd1\x1c\xe9\xf5\x82\xa41\xa2U\x08X\xc0\xa5W\x1b\x10V\xec\xe4e\x93\xed\x02\xa8\xa0\xef\x0fi\x8e\xf6\xc8\x95\xbd\xfd\xfd\xfa~\x83\xbd\x19\xa6&lt;I\x81D\x1d\x1du\xd2\x8eP4\x11r`q\'\x03kR;\x02u\x04I\xd3\x0c\xe92\xfb\xd4\x1a;`\xfd\xf2\xf0\x82~\x92T\xc7"&lt;\xd8eC\xafZ\x1d\xb1\xbb\x90.\xe0\x98\xb8s4\x95r2\x9e|\xde\x91\xf7\x80s\xcc\xc5\xc1\x81\xf9\xa1\x8e&amp;PZ\xcd\xa8\x98j\xbb\x0b#\n_m7\\\x14\xd6)\xc7\x8d\x91Z\xb9\xd2\xa0Q*\xc1\xd5@\xaa\x9c\xa3(\x9cL\xb8X\xe4\xd2"\x1e\x06\xdb\x91\xcb\xad\xae\xe6(\x17R\xa6Z\x05l\xa1vu3H\x8d\x0b\xc4\x92=$8\xc2\x8b\x03\x96\x12y-\x92q\xa66F\x9d\xf18\xe3aa\x8e\x16\xc5w\x15\x18c\\\x98[M9\xe3\x0c\xa5@z\xd9\x88\x1a\xdf\x8e\x83\x1fyzQX\r\xb2\x97\xf7\n\x04\x89\xc9Q\xaa0\x92dFS\xceXl\x8c\x80\xfa\xbd\xcb\xbf{w\xf0\x0e\xfe\x0e\x0e4\x91h\x9e\x86\xd2\xc6)\xa0\xd2\x9a&gt;\xa9S?\xc5K&amp;\x96\xff\xcf\xc6\xfe\nl\x16\xc2\x02\x1b\x8f\x11\xce\x943p\xc3Q\r\xe5\xf3\xc5pQ&lt;BQ,\x165\xa1\xb9\xcd\xa8\x83p:\x19\x16\xb8\x9a\xebX^\xc0\xda\x9b\xb5\xd9.\xa8\x8a\xdbOA3\x83\x877\x80\xae\x83\x12:\x03\xd6\x1b7\x1c\x1e\xbaV\xab\x1d\xd5\x00\xea\xc3\x87#\xf8\xb7\xe6q8zz\x888#\xb7\x7f\xc6\xc2\xbd\xfe0u&amp;\xb3]Ts\xed\x9c\x10a\x12\x92\x151\xc8\xe5\x18M{` \xbc:&gt;~\x05\xf1\xe2\xc5\x8b\x0f\xff\xe5\xe5\\c\x9aJ\xd38\xbeC\x18%L\xcc\xf6\x18\x9a\xca\xa5\x97\xd8\x9b\xb5x\x188X\xbb\xa6\xdd3\xf4\x94\x18\xa0GH=\xa5\xe5\xb2\x94\xb6r+5\x1c\xdaI\x06?4\xc4\x0f\x157+3\x92\x9ap\r\x98\x8ed\x99\xd8\x0f\xa3\xa3\xc1\x10\x15\xd7:\xb2\x12\xb2f\x8dfg\xd1\xc1`F\x12\xe3\xea\xce\x8c\xd1\x99\x8d:\xb3\xcf\xf3\x82\xc9f\xb3\x97\x99]:Os\xf8\xca\xef&lt;\x97\xff\xfb&lt;\xe7}\xcf\xb9\xbdf_\x80\xa7x\xbf[ks\x02\xd66\xdc\xc5\xf3h\x03\xde\xfb\xe9\xa2\xfa\xd9\xee\xbeo|n\xc0\xd2\xfb\xf52\xe0\x92\xf0\x82\xbb\xe7\xe1\x87\x1f\x0e\x00\xd5\xf3\xe7\xcf\xf1z\x8el@\xdaC\xc9e\xd4\x1a\x164\xf60T\x86N\xefN\x1bW\xee\xb3CnH-?\xc1bY@\xd3\xf6&lt;\x1cxx\xfb\xce\xa3U{\xf1\xe8\x11p=\xfc\xa2\' \x81R\xc5J\xccGg\xe5H\xa5\x81Kg\xd2\x87\x85]\xaa C\x93\xac\x1aEQ\x81;\xef\xbf\x7f\xe7\xd1\x8b\x17H\x05\xf6\xe8\xcem\xd0/\x10\x07)\xcc\x92*\x0f\x0cf6\x82\x95\xbe\x8c\xc7(^\xf7\xb32\x19+a!\x84\xc4X\x99\xbcU&gt;\xf2;P\x86\xaf_\xc0\xef\xeb\x17X\x8b\x05\xb0\xeeX\xa5X\x88\x95\x80e\xcd\xc9\x97\xa8B\xf7\xd3\xf9\xfeV\xd6\xe9?\xeay^&amp;am\xaf\xa9\xcc\xfa\xb6&lt;l\xff\xac\xc0\x83\xb2UW\x07\x8dk\x81&lt;\x1f\x1a\t\x95\x07\xc6X\xdc\xb5\xb6\xc9%\x97\xce\xa4\xf3h:\xcc\xfd~;?B9\xd7\x82(a\xf5\xfa*W\x9b\xba\xd5\x1a\xf8h\xcf\x9e\x80\xb5\xb5\x0ef"5\xf1\x16$:b\x01U\x8eM\xcf^\xafO_\x0c\x89\xbb.\xd9\xfd2\x8a\x18+\xb3IdrhsZe6\xa9TJ!\x80|\x1b\xcc\x90\xbbv\x90G5\x9e&amp;\x0fbYm\xac\x99_\xb7Y\xfa\xdf\xd8\x99\xaf\x00\x0bS\x9d\x88=\x18\x0c\xb3z\xc8jk\xfe\x0e+v2\xd0\xb4\x92\x96&amp;\xdf\x06+y\xd3\x1a\x16\x7f\xe8t\x9a_\r\xfc\xe4:o\xe7\xff\x11\xcb&amp;\xd7\xdb\xa0I\xdd\xb7e\xcb&gt;\xa0\xc0\xce\xaf\x00[\x9a\x9c\x1cJ\xdb\xa8\xc5\xa7\\6\x99\x8c\t\xa5\x1d\xeb\x9e\xcf\xce0P\x89\x017E\x84\xc2f\xb3\xa9&lt;\xbf \x07=\xf1h\xd2\xfeU]W\xa9\xa4\x1ae\xa1\x16\x02k\x95\xb1#ne\xba\xb1\xfa\xee\x15\xfa\x18\x9e\x97\xb8\x0b\x95q\x16\x15\xd5\xe9T\xed\xdb\xf9\xce;;\xdf\xae\xac\xac\xc4\xe3d\x00\xb6#\xdf\xa9\x82\xce\xafP\xa9\x8c;)\xc9\x88\xe0S*\x9f\xa5\x1f\xcb\x1bb\x18\xdeWX\xe8\x15\x04\x89D\xaa\xf2\x00\xd5\xaf\xb6T\xfeZ\xba\x1f\x1f\x08\xfe\xfe\xedJ|6i\xb3I\x94\xdd\x04\x8b\xa2|nm\xfa\xb1\xbe\xeai\xf72!\xc6\xd7\xdd\xed\xf5\xf9F$\x94\xa7i\xcb\xce\x9d\xfb\xa4V\xab\xdcj\x85i\xec7\xfba\xc2\xb0B\x9a\x0bJ\xb0\xb8\x10\x8f\xbb\xddnm \xedA\xbc^s\xb4\x9b\x0f\xf9\xbc\xdd^\xaf/\x14\nQ\x1aOSS@*o\xad\xf3\xfb\xe5\xf0\xb7N\x0eJ+\x95\xb0\x02p\x83\xbb\xdc\xd0\xfb\xc75Zw\xba\xb1r\xaf\x17\xd7(y&gt;\xe4\x05\xeb\xef\x0f\x1d\n\t\x94F"\xafS\xd7\x99\xfc~S[\xdb{\x7f\xc0e\x9cr\xfb\x90\xaa\xb0\xb0\x10\xa8$N\xaa\xe9\xa7\xc0r\xfbB\xbc\x1d\xb9\x96\x97\xf1&lt;\x0b\xc3\xd8a\xa0m\x03\xf5\xb7\x9b\xda\x0e\x1el\xf3\xf3\x0c\xb8\xb2{\xbc\xbb\xbb\x9dPI\xa4RO\xe0\'\xc0\xa2$\x0cogB\xfd\xde\xf9\xf9\xf9e\xe0\xb2\x1f\xb2\xfb\x01*\x14b\xecvS\x99\x89g\xfa\x97\xc7\xe7O\x9e&lt;\xb9J%\xb3\x02\x962\xfdX\xb8\xf5e6\xf3\xf0\xdf\xdb\xc7\xc7\xc7\x89\xc7B#\x0c\x03y\x06\x05\n\xedr\xa8\x7f~|\xbc\xb7\x03\xa8\xdcD\xda\xac*\xc0z\x96~\xac=\x01\x9b\xcc\xec\x87\xff\xefm\'\xa7G\x96\xfbC&gt;\xb0\xfe\x101\xf0aoo\xefd\x07P\xe1J \xc7\'\xd2\x9e\xc0\xfdt\xab\xfcW\xc5\xda\x80\x945C\xd8\x98\x90\xaf\xbd\xa3\x17\xc9\x96\xfb_\xdb22\x9d\xed\xe8\xe8hW\xba\xa1\xc1\x80aDn\xcb\x01\xaco\xd2\xfa\x06lV\xdfg\xcb\xc5Z\x9c`\xfd~3d\x13dvo\xc7\xea\x89\x9b\xe5eH\xb5\xf9\xf1\xde\xb3g\xcfNB\x04\x95\x14\xe5de\xfa\xd6\xd6Vy\xbe\xd4\xb3\xe7\xcf\xf5i\xec \xb2\x9a_\xfdi\xb2xO\x93\x87b\xcdf\xbb\x9d\xc1\xd8y\xdbO\x8e\x83w\x80\xae\xe3\xec$\\\xe0*\x80\x8aC\xab\x0f\xbd\x18\xe8XQA\xbeJ\xf5\xd1\xbdO\xd2\xa9\xa5\xb1/\x8f\x1f\xed)nl\nP\x12\x961\xf3\x8cO\x10\xcc\x8c\xd7\'xA\xa5\xda\xa1\x02\xda\x89\x86\xc6\x9d,\x8b\xcd\x05\xb4^\xea\xadEu\xb0B6=8\x93\xae \xee\xde\x9d\x1byr\xfe\xf0D\r\xee\x91i0\x9dyX\x84\x18\xb3\xc9\\^Ue6\x9bL.SY\x99I\x8f\x9b\tU\xe5z\x99MO\xa8\xb6\xaa\xebv\xe4\xab\x9a\xc6\xbf\xebK\xcb\xf8\x8a\xdf\xc7\xe8\x8c&lt;\xb9\xfc\xdb\x89\x9a\x9ea\x82\x05\xdd)\x0fR\nZj)q\xb9JJJj\xab\xabkKK-\x16\xb8\xaa\xca\xb1=\xacS\x03\xd6V\xf5\xae|\x95\xa7\xe6\xfb\xe6u\x7fM\x1e\xbf\xd4\xd1\xd9L\x1b"\xcdO\x8e\x0f|\xd05\x04\xee\n\x10.\x06\x94\n\x14\xb4\xecHm\x06\xfc\xaa\x01\xab\xba:\xa3\xb6\xb6\xd6RU\x80N+B\xaa\xa2"\xc0R\xd5&lt;&gt;\x93\xdb\xd9\xb7\xaed\x04\x8a\x13\xb90M\xbf\xfa|\xe0\xf0\xd1\xaec\xc3\xc8\x05`\x82 0\xbc\xbf\xec\xe0\xc1\x03\xc4\xaa\x89\xd5\xd6\x96\x96\xe0\x93Uu\x91\x1a\xbd\xa5.\xda\xb5\x03\xbc\xf5\xf8B_Dg\x88\xd4\xaf[(\xf1\x1b\x0b3\x9c(r\x1cg\\\xf9|``\xe2\xe8\x10`!\x15\x15\x8f\x0b\x90\xf9\xa6\xb2\xbc\x0c\xb0\x03\xe0&amp;\x82Uj!X\xc4W\xb8?\xb6\rr\xab\xeb\xf1\x85\x88\x82\xa6\x83\x83\xeb\xf5\xeawVg\xf4\xe6\xd8\xdc*\x16\xb7\xf2\xf1\xe5\x81\x0f\x8e\x0e\x8d\x0e7i5N\t`\xf9\x04\x12\xc6\xbc\xbc\x0c\xf0V-\xfa\xeb@F\xa9\xc5UE\xdc\xb5u\xaf\x052\x1e\xb0\xa4\x8d]\x8f\xc3\x86\x06\x9d\xce\x98\xe0\xea\xd7\xe3\x1b)Y\x9d\xe1\x85\xd4\xd5\xd4L\x98\xe3\x82\\0\x98\xf8\xf6\xfc\xe1\xc3\x13]\xc7F\x1b\x11K"\x08q\x08\xa3\xd9n2\x11,\x12\xc3\x03\xe0,\x17\xd4&amp;\xe6\xfb^\xccx\xc0\xa2\x10K\xe7\xa0i\x9d\x91\xd3u67G\xfe\x9f\xa5\x08\xee\xaa&gt;\x1c[L\rrQ.\x1c$&amp;\xbe\xbc1p|\x02\x92~\x18\x0f_\xb0\xaf\xb9H\x1c\x91\xea/p\x95\x96\xb8\xaapo\x8f8\x8b`95\xc3\x93\xdf\xafbq\xd7\x16\xa3\nn0\xaa\xfb\x1f\xbf\x90\x82\xd5\x17\x89N\xdf\xbc8\x17\x15\x17\xa6\xa3\xc6\xb0\xd1\x08h\xe1\xb9\x1b\x97\x8fCr\x1dC,V\xc6\xb2\xd0\x14\x03\x17Cv\xf3\x88\xbb0\xb3\\\x10D\xf5\xea\xce+\xc9-\xa7vt\xf2\x95\xd1\xa1\xd3\xe9\x1a\x06\xc76\xcd\xc6\x1cb,\x96\x08\xffx\x97A\xf0\xb3\xb2t3W/&gt;\xbd\x96\x14\x13\xd7\xc6\xa6\x16h\xdaH\x03X8\xf6\xe5\xf9O\xc1[kXz\xe4\x12X\x96\xc4\xb1\xec\xbd#\xb5D\xb8@\xc2\x88\xaf\xf6\xaem\t\xdb\x9c\xda\x9e\x8e\x15\x07\xad3\xe8\x0c\x83\xb3-\x99c\xd7\x06\x8d\xe2LlF\xfcq\x1f\x95\xd9\x8d\xdf\x16\n\xc7\xae,\xdd\xbc\x9a\x14\xc5\x85\xa5\x96\xec_.\xd2:\x1a\xc8\x8c\x17\xa2\xdf\xde\x98\xc0 6\x92g\xa8z\xb3Y A\x04Q\x85\x96\xd9\xb2\xb7\xd4\x92\x97g\xb1\xe0\x0eb\x81z\x15K]\xb4\xcd\x19o\x1c\xfa[\x82v4\x18\x14\x8aprz\xa9\xa2\xe2n*a\x0cF\x13\t\xae\xb9\xfe\x87o\xe4e\xe5b\xf4\x9e.N\x0fr\xe2L\xeaTf\xf6\x89S)\x1a"\x80\\\xc6\x97\x88ER^\xe3\x04%\xd7\xb3\x82\xe0\x15`\xe51\xd9\x89\xde[\xca\xf2JK\x89n\xa9-\xa5P\x87P\x90zg|\xb8\xe6I\xd8H\x1b\x14\xdb\x15\x0e\xda\x91H\x8de\xb6\xdcJ%E\xf0\xbe\x91\x06\xb0\x1fR\x99Y\xb9\xf5\xe1\x99\xb9\xc5\xc5\xb9\xa4\x18\x14\x93\xa9[-\xd9-\xb3s3Q\xda`h\xa0i\x87\xd1\xb1\xf2\xd7O\xdf\xed\xc2#I\x9a8\x04\xd1\xac\x97\xc1\x8c#`\x0cM&amp;\x7f9\x8c\x18GPM]\x10D\\\x83 \xf7\x0b\xb6\xe9\x9d\x9a\xd1\xf1\x15\xb8)\xc3\xf6\xed\nc\x90v\x04\x17\x96\xa6*Z\xc6\x96RINgP4G"\x91\xfa\xff"\xffY\xb9\xcdbr.5=\xc3\x19\xb9\xc4\xc2\x95\xbb\x15\x9b3\xc1\xe1\x18A\x85\x023\x96v\x84_\x1e\x7f\xb7k\x14\xbc\x15\x17d\xfar03\xb3Z\x8ae.\xc8\xfa\xbc# \xaa\x90]\x18H\xc8\xb1*X\xb3ml\\{\xf2\xc1\x05\x82\xf5\xf3\x86\x85+P&gt;\x0eq\xe1\xe9X\xc5[\x15cKWg\xc2\x06`\x15\xb9\xff\x94f\x00\x15M.\xc4\x06\xb9078}evj\xc3\x9b\x99\xa7\xae$\x83Fc4)\xc2})\x1at\xb4\xc3\xb1\xf21\t"8K_^\x055W\x0e\x0b#\x83\x0b#j*\xaaW\x06&amp;=\xfa\n\x85\x02\xa2\xec\x8c\x17\xce\x7fgp`\x0c\xdf\x10g7\x9eX\x9a\x8e:\x1c\xc1dj\xf6\xc4\xa6\xec\x96\xb1s\xd7bb8(r\xc6\xe6\xce\x7f]\x99\xb8\xf0\r\x0eF9.\x11\xbbz\xf1\xd6\xd4\x86\xcd\x9b[\xee.&amp;\xb9\xa0Q\x9c&gt;7\x96\xd2)\xc0\x0c\x10G\xee\xf1\xc4\xd0\xb1Qp\xd6*\x96\xcbe2\xa3\xb7@\xb9\x0e\xaeaa)"\xd6V\xb5\xba\n\xb14\xed\x0f.\x18t:\xc3\xf67\x14\xb1\xa9\xec\x8d\x1bN,-\x88\r\x0ec\x02\xef\xbc"{S\xcb\xdd\x8bs\xc9D\xd8\x10\x89t\xfe3\x19\x94^\x84\x16A\xc6\xa3\xc9\xb9\x9b\xb7\xa6Z6\xbd\xf5f\xe6\x89\xd9\xb9\x84\x18\x0cG\xa7\xcf\xb5l\xcc&gt;\x95\xd8\x0e\x99a\xd0\x81N|\xd6;4Z\xac!X\xd8\xce\xb8\\\xe5f(E\x14\xae\x8c&lt;tX\x1et9\x90\xf6\xb8\x9d]P\xae/0\xdb4\x7f\xef\xc2|B\x1bG\xcf0nY\x9f$\xf8\x84\x10\xe80\x07C\xd5\xc3\xb0\n\x96\xc1P7\x98\xa1,^\x82\xd7P\x11\x95\xbdt\x02#\xf7`\n.\xad\xdd\x80\xb1\x0f\xc3\x1c\xcc\x92\x83\xd9\xd3\x9c}1\xc5\xe4dp.\x99\xc5\x04\x82\x9d@\xc68\x14r\x8a\x03\x8dC\x88\xe9\x86\xec\xad\x85\x92\xf3d\xfa\xbc\xef\x97ni?gl\xc7\x91\xf5\xfd\xf4\xbc\xcf\xfbG\xf3\xf7\xeb\x90\xa8\\-\xf8\x18YB8\xac\x18\nN\xa3{\x8c\xdd\x86\x91\x14\xc3\xdb\xcb\xa3~Nk6\x89L\xf9\xecW\x08\x1e\xc6\x96v\xbb\xdd\xea-&amp;\x83\xba\x90\xb6\x8cF\xa7\x8b^\x17\xfd\xa6{~Z\x97Vd\xd5\xe7\xbe\x1f\x86\x84\x95\x0b&gt;\xfd\xe9\x17\xbf\xfb\x82\xaa\xd6\xc6v\x81\xb8\x8a\xc5J\x85\x82\x08"\x8a\xe4\xd6\xebBFa\xc1\xf0\x7fx\xb5\xf1\xb3\xf7O\x9d0\x9b\xf5\xdd\xd0-O\x0cA\xcb\xb1\x11\x88^+\x17\xc7y\x081\x9f\xdd\x0e\x85\x15\x8d&amp;\x1f\x0f\xda\x94\x00\x9d&amp;\x0b\xd5\xec\x04S\x90_\x9c]\rM\xc3\x90\xa2N\x07\x94sh\x83\xfd\xf9i\xdd\x16\x91\x10\x96sZ&amp;\xb5X\xae\xe9\xe7?~\x81\xb9x\xa3\xb2AA\x84\\\xc5\xca\xf3\x10\x01\xa6L\x86%K\xc3a/+\xc57o^m\xfcf\x95ukp&amp;\xb0\x0e\x06\x86\x80\\\xc22\x1d\xdb\x1c^\xdd\\\xec\xc3#\xb9\xb8\xd1\xed\x9d\x9fA\x90hx;;\xdao\x07Y\xaaQ\x10j\xbf\xf7\xf1n\x10y%O\xc0\x83\xa8W\x8d \x06g\xefl\x1cy\x12P\xa6c\x89\xe1\x85\xcf\xee\x02W\xf5\xfe\xe1\xe7\xbf\xfd\x8a\xf3\x90\xa7R\xc6J\xef\x92\xafv\x99\x8d\xb9h\xbc\xd9\xae\xbc|\xf3\xcb\xf5t\x19\xd6\x00\x15\xba\xee\xbcn\x02\xcb4-\xe9\x08a\x94\xec\xfax\xb2\xb8\xe8\x93j1\xb1\xcd\xe1\x9f\x01}\x94\xca\xb6\xdb\xe5\xe3\x05\xaa\x93U\x1f\\=\xde\xcc/\x90\x86h\x12\xb9n\x0f\x99"l\\\x1aN\x82%\xa2\x9b&lt;\xe4\x02W\\\xad\xfa\x87\xeb\xf7\xaf\xa88\xc0\xf3\x05^\xaf9\x0b\xf1HoB\xb1\xb4R\x0brU\x8a_\xaf\xef\x13M\xeb\xb8\xae\x1b\xea\xf9\x99\x89\xf3\t\xcbr\xa4\x03.KJic\xdf\xd3\xcbyo\xbf\x81\xf3\xc6\xb9V\xbfw\xbe\x98MR\xf9v\xefr$\xa3\xf1l\xde\xebw[\r\x94\xe2j\xd0\xe8\x1f\x01;\x92\x96\xf2\x81\x05.\xbc\x9ev\xe1.\xd7%\xbd\xb2\xcb\xfb5amW\xd8\xf4\x85L!\xc3i\x98~\x97\xd9zK\x80\x9bi*\xf5\xaf_\x16\x8b{\xebi\xa2\xbb\x9a\xa6\xbb\xba\xa6\xf5\xc7\x9e\x83L$oI\xb09\xb8\\\x13h\xb0\xcdp\xccle\xb0Us\x8d\xfd\xd4\xf9dT\x1f=\xa2\xcd\xb4Q\x92\x82\x983\xf1tP\xaf\x0b\xfa\xb6  \xd3\xa4\xeb\x93^\xfd&lt;@\xf3\xd0\x88\xcb\x0f\x93\xfb\xd5I\x85\xac\x0e\xd3#liv\x13\xbd\xaa7\x9bL\x85\xa2\xb6\xb7\x9a&amp;\x89\x06,\x80i\xc1Bx\x86AD\xd0\tX\x0c\xe68t\xdd\x8ecF\xf5\xd1\xf8\xeaqqt\xdc\x8a\xab\xa9\xd1\xe8\nCB\x03-\x0fM\xfdb\xf1x;\x1aF\x16\x1d\xa8b\xe7\x10\x9d\xe5\xd8^\xa9T\xba=\x0e|\x84\x02\xc6\x0f\xfdN2]\x9dl\x91\\T\xa1\xa0N\x86\xa9x\xed\xf23U\x8e\xe2\xde\xea^K\x9a\xa4\x95\xab\xbb\xe1\xf1\x18T\x06\x93I\x02\xe2\r\x10FG\x10\x17\xc3\x89h8\xb8\x9a\x9d\xa7./\xba\x8d\\\x9c\xe7\xaa&gt; "\xc7D\xf4M\x8b\xa1,\xf5E\x03\xb9\x00,9C2jn\xd8\xe1\xa4\xd2\xc0U\xdc\xaep\x89\xdaQZ=K\xa5V\xe1e\xe1kh\xa57\x9b\xba\xbe\xd4\xa1\x95\x96\xbf\x11\x8cEO\x00\x93\x0e\xcb\xc68\xfc\x10\xecc\xc7\x86\xddR\xe5\x1cB\xd9\xfb\xf88\x06\x12\x14B\xc0\x942\rbl\x00\x00\x03\xedIDATL\n\xcb\xc1\xc5\x18\x84\x84\x7f(\xfa\xf3,\x9c\xabu\x80F\xaf\x1f\x9e\x1e\xf6\xe0\xf9\xcdM\xba\xd9\xd9Q\x19H`o\xe9\x97\xcd\xc2\xd6\xde\xc3\xd3\x87\xa5\xfe]So.5\x1dz\x1d\x0c&lt;F"0\x1bd\x84\xc6{\n\xde\x8b\xa0\x98\xd0\x912\xd5b\x99\xea\x82`#:\x02r\xb1\xa3\x94\xc0\x80\xa2\x07\x93y\xde\xf8\x001\xd4\xd0\xda@\x85\xcb\xaf]\xffs\xaf\x88 \xf2\r"\xb0\n?\xe9\x05\xb0\xe2\xc3\xa7\xc3Z\xa2\'\xdf%\x90j\xa9in\xfeL\x94T\x0c\r\xc6bFI\xc1\x91\xa6\xa3\xb2\x8b\xb7\'\xdc\xd4\xe3\xed0z\xfe\x88p\xa8\xa2\xb0\\&amp;A#\x7f\r\xb5 \x97g\x94\xc4e\xe0\xfaT\x7f(\xb7\x12}Y\xfba\xbdW|\xc6\xda\xd9d\xb52\x9b\x8c\x95\x81TSm\x99$\x08b\x93B\xa8\xbb\xb9G\xdbSJ\xd9D\xc5|xo\xdb\x02\xbd\xcd\xa2\x9a\x1dA\x0c\xda\xd1\x96)\x0e\x18c=\xab\xc9\xd9\x87\x98+\x91%\t\x86\xb3x\xbc\xecI\x035\x02\xcd\x91\xf2*\xd1u\xbds\xb8z\xd8\xdaQX\xbb\xff\xa9\xa3\xc8\xc7\xad\x87O\xd7\xb5\xe5R\xf9\nra\xf9\xc0R~g(\x15F,\xe9\r\x16\xac\x8d\xa3\xb0HJ\'esp\x05\xfb\x9c\x92\x0ezEC\xc18\x92\x05\xe3\xef\x1a\x8a\xcb8mU\xa1\x16\xf4"\x0b\x03KO\xa6O\xebw;\xdf\xec\xa8{\x0b\xaa\x0b_~\x99\xd9:Y?\xddw\x00\xa4\x16\x15\x87e\x18\xe4f\xb6\xf7\x7fXt\xd9\x96=i\xe7\xfb\xe7h\x8b\x11\xc5\x93\xfe$\xad\x14U\x11E\xc4\xcd\xca\x14\xf5\xf1l1\xb2\x1d*-\x0e-\x82Sh\x88\xe2\xed~\x1c\xa3H\x90\xe1\x15\x96\xae\x7f\x7f\xb8Z\xd3\xbd\xd8\xce7\xe9\x0cEr\xbbr\xb2^\x1d~\x9f$\xcfH\nK\xab\xc6\xf9K\xf9_,\x9b\xec\x85+\x87\xc5\x8d\xbb\\\xb8\\\x06\xfd\xf9\x1d\r.\x14d\xc7Ly\x06\xd7(\xca\xc0\x08C\xc7h2\xef\xe7\x1b\xb7R8\x94\xb2\xd4$\x18K\xc5\xd2\xf0\xc6}\x0c\x10\xd9\xf0\x7f\xb8:\xd3\xeb\xd5\xbfv9\x8a\xe9\xf4\xd6\xc9\xde\xc3\xea\x10\xf1\xd3\x9a\xc4E\x85\x94\x9eC?\x88\xe33\x87\x8de3\x10\xa4\xa2x`o{\x16\xd04\x9d\xad\x96{7wW\xe3q\xdd\xb0D\xaad\x10\x14\xf5&lt;@\rf\x17e\xcc\xec\xb9S\x19\x99\xeac\xc6\xe2JA\x9a\x01\x0b=5\x8f\xaa\xcav\xa1 j\xae\xae\xd7\xa6?\xfc\xf5\xdd\xd6\xbb\xb7\x85\xdf\xff\xf9=A\x91\xc3u\xb7\x89V\x08zr\x97\xebS\xbf;3\xd9\xe3\x92\xd52\x0c4 $\xa0)\x9cK\xcc\x87\x88q\xd5\x0f\x1a\xe5\xfd~\x7fR\x92"\xf5\xc2\x93T\xcf$\xfe\x8e\xf98\x87\xceR\xad\x06w\xec&gt;\x8b\xeb\xeeOm\x02o\x8d\xc1q5\x8e\xe9\x16\x86\xe4\xa2-\x81\x07\xb2e8\xbd^\xff\xe3/\xdf\xfe\x8d\xa0H\xa5\xc4\xe5\xd8\xb9\xfcJjeq\xd63\n\xa2\xc7\x81\xa4,\x94\xe4\x1f\xc4\xc8&lt;\xc34\x1d\xc4U\xbf\x8a\xfb*L\xa27\xd2\x06V\xc9\xa6\x8a`Z\xa3\x9b~\x80y\n\xad\xb2\xea_\xa2\x84\xb1\xfd\x85*\xab\x92\x8a\x19\x96\x1c\x1c\xe0\xba\xab\x984}.\xa8\x84\xc5\xfbjz\xf2\xe1\xc7\xcf\x9f\x7f\x9cv \x13U\xa9\xa4C\xf1\xe3CHWp\x85\xd9\x1b\xe3EI-\x8f\x1b\x90-\x95y\x16\xbe\x8f\x18d\xfd\x00\x95\xbd\xdbj\x1d\xd5\t\xeb\x85A\xb1\x8a\xaez\xf8b\xa0\xb0\xb4E\x14\xa9F\xcd\xa3\x96%T\xb1\x83\x84\x83\x1e\xb0\x00\x8f\x1f\xc5\xc5\x91l&amp;\tZR\xa7Vk6\xf1\x11{J#1\xa9\xe8**\x0c\x1enpf\xff\x9a\xba\x05\x17gv\xb6\xa4\xc6k\x9a7Y\xc2\xa2\xc9\xa1Qnu[\xfbc\'\x02\x96g\n;\x9a\xb5h\xacUj\xc5\xday\xfd\xb9\xc4Z\xdc\x0eL\xb2\x00\xfdX\xa3\x0b\xaa\x0eY\x1a\xbb\x10H\xde\x91\xd4\xea\xd4\\\xb7\x93\xa0lvT\x1ah\xca\xeb\x9a\xce\x87\x10U\xe8\xbb\xf9\x99\x81\xcd\xb8[P\xd3\x80\xa9U7t\x16A.\x0e\xb20_\xae\x91\xa3\xff\x84\x99\x88\xe8\xdf"D@Z\x89\xe2\xe6\xdd\x00\x00\x00\x00IEND\xaeB`\x82'</t>
        </is>
      </c>
      <c r="M471" s="3" t="n">
        <v>45492.67758101852</v>
      </c>
    </row>
    <row r="472">
      <c r="A472" t="n">
        <v>1128129</v>
      </c>
      <c r="B472" t="n">
        <v>5926</v>
      </c>
      <c r="C472" t="inlineStr">
        <is>
          <t>Du Queiroz</t>
        </is>
      </c>
      <c r="D472" t="inlineStr">
        <is>
          <t>Du Queiroz</t>
        </is>
      </c>
      <c r="E472" t="inlineStr">
        <is>
          <t>VOL</t>
        </is>
      </c>
      <c r="F472" t="inlineStr">
        <is>
          <t>VOL</t>
        </is>
      </c>
      <c r="G472" t="inlineStr">
        <is>
          <t>VOL/MC</t>
        </is>
      </c>
      <c r="H472" t="n">
        <v>172</v>
      </c>
      <c r="I472" t="n">
        <v>37</v>
      </c>
      <c r="J472" s="2" t="n">
        <v>36531</v>
      </c>
      <c r="K472" t="inlineStr">
        <is>
          <t>Right</t>
        </is>
      </c>
      <c r="L47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18fa96ec-bb9c-4860-8aad-5e9ee3015a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f\xdd\x95E\x00\x00\x00&gt;tEXtComment\x00xr:d:DAEewil2SDw:3616,j:2922130824960305444,t:24030400S\xc7\x80\xc0\x00\x00\x00\tpHYs\x00\x00\x0e\xc4\x00\x00\x0e\xc4\x01\x95+\x0e\x1b\x00\x00\x03\x00PLTE\xff\xff\xff\x15\x14\x18\xfd\xfd\xfd\x19\x16\x18\x13\x11\x16\x0f\r\x10\x1b\x19\x1d\xff\xfe\xff\x0c\x0b\x0e\x11\x10\x12\x17\x16\x1b\x1c\x1a \x0e\x16#\x0f\x0e\x14-,1\x1f\x1d"\x12\x19&amp;\xa6~i\t\x07\x0b)\'.\x1c#1\xa0ya\x96r]\x9cs]\x18 .\xa3|c\x16\x1c)$#)$!$327\x93lV\xac\x82g\xa4w]\x85dP\x02\x87\xc6\xf6\xf6\xf6\xa8}b\x99oX\x8diT\x03\x80\xc5)$(\xfa\xfa\xfa\x91p[\x9fv`\x81_K}cS\x85iX\x9etZ\xbe\xbf\xc2\xbc\xc1\xc8\xbd\xc4\xcf\x9av`\xb1\xb9\xc6\xb2\x88l \x1d\x1d\xe4\xe3\xe4\x8clX\xaa\x83m\x1f\'4\xdf\xad\x94\x0b\x11\x1ez]N\xf0\xf0\xf1\xea\xe9\xea\xb9\x88i\xaf}b\xb2\x83f\xcd\x9b\x81\xe1\xa0}:8&gt;\xc0\x8dr\xdb\xa8\x8e \x1f\'.)(\xa5yc\x98\x98\x9e\xdb\x9ay?&gt;D\x03\x82\xbfaG;\xa4mXrZL\x04\x87\xcb\x8bcP\xc6\x87jHGM\xd4\xa4\x8a\xb7\x8cr\x96wcxYG\xbd\x92}\x9dfQ\xe1\xb2\x99\xd5\x9b~\xb7\xbf\xc6\xa7tbTC=\xb0}j@DN\x8cna\xce\xcf\xd2(/&lt;\xb2\x84sjOB\xc7\x8dpmTI\xad\xae\xb2\x9d|f\xdc\xa3\x86z{\x83\xa8\xb6\xc5\xba\x85p~[DM&gt;8\x9fn^\x03\x87\xc18AM\xea\xaa\x8b\xd3\x9e\x86\xaex]^LDrTB\x99iVqx\x85\x8e\x90\x97\xe5\xb5\x9e\xcb\xa0\x8b\x07\x8f\xcf\xc9\x96}\xc4\x98\x85\xc7\xc8\xcc\xdc\xde\xe0\xbf\x81fhlv+4A\xe7\xa4\x82G94(\x1e\x19\xb6\xc0\xceC1+tsy\x94`IV^k39F!+8QQXz\x80\x8c\xc4\x95t\xd6\x96t_ergfk70-\xb9\xb8\xbc\x83\x83\x88\xa4\xa7\xaf\xcf\x8fn\x89`H\xc4\xc3\xc6\xd7\xd7\xdaCLY7*$IWc\xb7\x80d\x18\x12\x0f\xb0\xb3\xbb\xb0uj\xbb}r\xa9\x85vn\\VeVM\x92fP\xaeqY\xb7\x8f}LMR\x9dvf\xc5\x91{\xa4\xa2\xa5\x88\x8a\x91/#\x1e\xa1~t\xce\x93v\x80\x89\x97\x17\x81\xb5R:-\xed\xb8\xa3[@1[Zca_e\x89\x93\xa1TW^\xd2\xa5\x93\xa1\xad\xbb\xec\xb0\x95\xbb\xc9\xd5\x9a\xa1\xab\xb9{`\x03y\xbd\x94rh\x98\xbc\xce\x98yo\x88SE\xb3\x8a{\xae\xbc\xcct\xa5\xc1|\xb0\xcbjr~ \x18\x15E\x99\xc1\x92\x7fw\x7fi`\xb1\xc6\xd4Z\xa7\xca\xaa\x97\x90\x8b\xb6\xcd\xb9\xae\xaa-\x8f\xbc\x11\x88\xbc2HW\x18\x91\xc6\x86ul(\x88\xb2\xaaih\xa4[_\x94g]\xa1\xc2\xd8\xa3\x8d\x82wJ8\x8f\x9b\xac"j\x8d\xf2\xbd\xaa\xe0\xd8\xd7n\x9d\xb6\x95\x88\x83\xcb\x85\x810\x95\xc4,\\rY\x9b\xbf\x19\x86\xc3\x1ew\xa3\xd5\xca\xc9\x02n\xb1\xc4rv\xf4\xc0\xaf\xb7ek\x04\x94\xd8\x98QU[x\x88Fhx\xbd\xa0\x93\xc6\xb9\xb6g\x8e\xa4C\x8c\xb1\xd3\xab\x9f`\x85\x99\xf8\xc5\xb34s\x8c\xb3\x93N\x8b\x00\x00 \x00IDATx\xda\xdc\x98\xbf\x8b\x1bI\x16\xc7]\xfd\xa3\xd4]MW\x81*\xac\xea\xa8\x93V\xb0\xa0\xa8\x15\xad\x145\xb4\x10\xcdF\x9d\x1b!\x07\x16(pf\xb0"\t\x1dcF\xac\xd1\xc1\xb6\xa4\x01\x89\x81\x9d\xc0\x89@rv\x12J\x9c{`\xff\xa3\xfb\x96\xec\xdb\xdbX3k\x1fW\x8c\x8d\xa75n}\xf5}\xdf\xf7y\xaf\xe7\xc5\x8b\xff\xd7c5\x1a\xff{\xa2j\xf1`8\x89\xff\xfb\xed_\xe5Z?N\x955=\xcc\xc7\xdbo\x02j\x8d\xf8O)\xd6t\xd2\xfaa\xbaj\x8dAU\x1e\x87\xedZ\xad\xd1\xb0j\xf1\xb6\xd9\xfa\x8f_\xed\xbbw\x9f;\xb5\x1fV\xc3a\x19e\xeb\xa9\xd5\x98N:\xf1\xf6\xae\xb7\xfa\x164\xab\xb5\x9f\xcf\'\xb5\x1fR\xc0F\xcd\xc8\xca\xb2\xd3\xdd`\xdb&lt;\x8c7w\xef\xde\r\x1b\xdf\xe46O\xfdc\xf3\x07\xc8\xb2\xda\x93M\xc7jl\x16\x11\xe7\x1f\x16\xf3\xf9\xf9\\\x1d\xb3\xfe\xfek\xfc\xe3\xed8\xe3\xbb!t\xd7\xbe\x8f\xb4?\xdf&amp;\x1e\xbe\x9b\rc\xab5\xfa\x87TJ\xf1(+2.\xa3\xd1\xd4\xe4\xbc1\x1d\x97\\f\xe3v-\x8ec\xeb\xbbx\xd4j[F\x9a5\x9d\x17\xd9\xba\x05\xbb~}\x95+!\x84N\xb8\xa6\xba\xdcw,\x04\xeb\xf3)R\xbc?\xee\xb4\xee\xc6\xc3\xcew\xd0\x15O\xc6\x9f\xb7\xb1\x9159J\xb1\xdb4j\xf1]_QfS\x95q\xe109\x9b\xb4\xad\xf6fVD&lt;:\x0e\xa7\xfb\xea\xf4e\xd2\xa8\xfd\xed\x15l\x0f\x7f;\xce\xf7S\xa8\x19\xf6\x95\xe0\xbd\x8e\x157\x7f\x95\xa9\x08\x02\x19\xf1\xc0\xf1iq\x18t\xb6\xbd\xbe\x8a\xb2l&gt;\x18T\x8b\xd3h\xf0w\xca2\xd9\xb5\x1aqk_\x95E9\xde\xb6\xb7\xf3(\xa1\xec\xb4\xea\xb4\x86G\x9e\xc8\x80\x06\x84^L[\xdcM\xee\xe6\x91\x90Qt\x9a4\x8f\xe5i\x18\xbf\xf8\xeb\x10\xa8=+5!h\xda\xe9\x0c6\xfbSY\x16Q\xb5_\xf5\xce\x99"\x8e\x9c=4\xff\xd9\x97\x89\xa4\xa1\xe3\x10\x8a\x80E\xe5\xfc0Z\xc8\\J\xbe\xbb\x1bV\xe5b\xd5\x00\xfcc\x93\xc7\x9a\xf5\xcc\xb2\xac\xce\xb4y\xa8\xe6\xbd\xdezV\xa2\xdf\x02\xbe[\x94Y\xc1\x19\t\xe5q\xb4\x932Q\xcc\xf7\xe0\x96Hx\x14\x15\xbbR:v\x92$\xc5a\xddW\xbbf\xdc\xde\xae\xc0Z+nm\xa7-\x9c\xf6\xb3\xb5@c\xfb0\xde\xc9hw:B\x8e\xcc\x83\x80gQ\x14q\xe6\xf8$\x88d\xa0S\xdb\xf5\x8c\xac\xc0\xe8\xca2I&lt;\x0f\x12\xa3Y%\xd5n\xbf\x1d\x0c\xd7\xe3\xbb\xe1d\x03\xee\x8f\xd7\x87\x87m\xe3\xd9F\xcc\xf4\xf3\x97&gt;\xe7\xcbeT\xcc\xe6\xb3s&amp;\x91\x1c.\xb5@\xc6}\x14/\xa5\xbeW\x0f\tcFKQ,S\xd7s\x99H\xcaQ\xa5tvZ\x8fN\x8b]\xb9\x9b\xcfA\xdb\xe3n1\x1e\xc4\xcf\x07\xab\xc9x~\x8e\xba\xcb.?\xf66\x9b\xde1\x92\xd2\xb0\x8a\xb8\xae\xef\x93TQ#\x8fPFS\x1d\x15Y\xd7\xf6 \x8b&amp;\xa7\xc3)\xd2i\x82O\xc0\xf1U\x14\xa0m\xb1\x9b=&lt;\x1b\xc7\xe2As3\x18\xec\xabLv\xb5(\xd6\xcd\xe6\xb8\x84&amp;\xca\x1c\xc7\xf1&lt;?U\x82\x06\x94\xe18\xaek\'\x9c\xa7&gt;J\x1a\xbaI5*\xb5M\xed4\xe9F\x11\xac\x15\x01\x1ab1\x9e&gt;\x97*\xa0\xe90\xef5\xc7k\xe8J\x9d \xab\xc6\xeb]B\x1d\xd7w\t\t\xdd\x94+\x84\rq\x17\xd0\xe89T\x81\x1b\xa1\x17:\xbe*w2t\x98m\xa7\xddn\x92jM\xd34E\x0f\xb7\xacgi\xc6\x9a\x85\xad\xa5w\xaa\xc6\xa3\xd9og\x1e\x18p\x96\x8b\x82S8\xe2\xf9\xc4\xd1\x08\x99\x82oL(M\x89O5\xde\x9f\x11\x06\xa1"\xc9\x1d`\xc3\xc1\xa5\xc7\xc7\xdf\x1f!J\xa7r\xb6\x1a\xb4\x1a\xcf\x13\xf7V{;Z\x1c\xabcY\x9e\x0b\x95\xa3zTI\xcd&lt;\xaf^w\x9d\x14D\x90\xca\xa9{\xb8\xa6\x04\x81:\xa1\x99C\x82\x1c\xe3\x9b\x86\xa1\x13\xba,IR\x9a\xc2\xb3t\xd9\xd5\xc5z3\xdc\xb4kO\xe7hg0&gt;47\xa3\x85\x01\xd5\xf1\xb0.\x18\xde9M\x05z\x0ffa\xd8$\x11*\xeb\xd6C!\xb9\n\x1ct\xa3\xc3\x88\xeb\xb3\x1c*\x8dY!\x1a\xd46F\xe9\xa4\xcb5?\r\'\xabU;~\x12\xba\xd0\x80\xd3\xd5\xfa\x94E\x8bsQ\x00\xa3&lt;\xab\xd6g\xe9\x04*\xd1\x14\xf5\xf2M\xc6C\xcc\xc2$\xf0\xeb\x00\x82iN\x94\xcf\xf7\\\xd7!9Gm\xf3\x80\x12B\xd0\xa2\xa9^F]8&amp;\xab^\xafw\xb7\xdd\x0e:\x8d\xa74`ot*\xa3\x9c\xb0&lt;\x97\xdc\xd4(\x8f\x8a\xc8\xbc?W\xcc\xd4\x8b2\xdfuD\xc0\xe0\x89\x1f\x08\xcc\x1be\x00\x86\x13\xe2\'\xcd\x91@/\x06%\xa1\x1a\x95\xb4m\x9d\xcdO\x8bj\xb6^5\x07\xd7\x17\x12\xdb\xc2\x97\x1dn\x1d0\x82\x00\x07A\x9e\x07\x00&amp;\x85[X\x16h\x88\xa6\x83\x19\xbe\xeb\xd6\xeb\xa8\xa6\x83\x97\xa5\x14\xa0\xc4\xe5\x82\xc3(\xe2uqLP\xdb\xc7\x00\xa0H\x17_\x9c\xe0\xf9\xab\xdd\xa1\xd9\xba~\xab\xa8\xc5\x9bw}.ep\xb1\xc3a\xf0#\xc7\xcd]\xc7\x14\x88xu\x97\x8a\\\xb8\xc6\x1c\x932\x81\x8cK\x18+\x98o.x!N`t\xe9\x00\xb3\xc06\'\xcdJ.\xa82\xec\xba^\x15\x92\xd5\x1a\xac\xfb\xe83\x01*\xf8\xae\x0f$)\xf3\xd1\xc3\x00\x16\x84u/\xa4\x9c\x07^\x1dNa\xfe0\xa3J\t4\x1e\xa5&gt;^s\x98\xa1X qDJ|r\x99Q&lt;\xb1\xa9\xe0\xc7\xfd\x13\x10QkO\x9a\x93I\xb3W\x99EF\xe6(\x97\xe7@\x9e\x9d\xb2\x90\x04\xc44\x18S\\\x1a2\x08C{\x8a\xf0\xa1\xc8\xb8N\x95\xf0\xbd\x10\x16\xc1.\x8f\x08\x1eI\x81R{\xbeq\x0c\x8b\x05??\xb4:\xf1\xf5f\xb5\x86\xd8c\xd6\xe6\xcfz~,x\x8e\x8c\x1bHR\xc7sA#H\x04\x12(&amp;\xf4\x05\xa36\xd5&lt;\xa165\xa31\xd7,\xf4\xf1#\xae\x07\xd7H\x12qm\xfb0\x1b\xe3\x93`\x10e\xf3U\xf3a{\xb5\xaex\xd2\x9b\x81U\xe5\xae\x9feE\x89u\x06\x0e\x85@\x02\xaa\x81fC\x881\xfc \x0b\x94\x10\xc0:\xd5Q\xa4m\x0f\xae8\x9as\xed8\xf8\x97kp\xcb\xd0 \xdaF\x020\x10\\\x1f\xf8\x8a\x16\xa3u\xef\xe1\xea\xdf\x03\x80\x0e\xc7\x0fQ\xae"\x8c&lt;4`\x00\xaa\x87\x0e\xa63\x01\xac\xbc:&amp;\n\x07&gt;\xcd\xee\xe7C.\xc1c\x8f\x0c\x08\xb2^\xf7\xd1\x7f\\\xb0K+\xb8\x88\x1a\xa8\xaf\x050\x0f\xd2\x991\xd4\xcd\xca\xea0\\]\xbdEX\xadqU\xbe\xca1D\x04\x0b1M\x90\x15\xf3\xb7\xc9\x91\xe3B\x16t\x08\x07:0\x1a]\x1f\xc9\xd2\xd4v\x8c\x12"\xf0\xcc\xa8\x88\xc1\x97\xe7\x10\xb3G\xab\x80\x10\xdbF\xe8\xd3n\x92t\x8b\xe3\xfaa0m\\\x8f\x87\xc9p\x8e\xc7*\x80\x1b\x98\x06\x87Lo\x85\x0c{\xa7\x03+\\\x06@^\xe8`T\xd9\x89\xe4\x89\xe3\xd7\xbf\x12\x8c\xc8H\x99"znh\x960m\xd0\xeb_\x163L\xa1n1\x1fN\x9f\x10\xf9\x17\xb5\xce\xe0\xa1\x07\xfc)m\xdb\x81\x19\xba\xf8\x82\x04,x\x0c\xb9\x01-t`da\xd2`\x8bH\xd2\xc7\xafeC\xaa0\x8f\xe4e\xbf01\xc7\xe7\xb1\t"\x8f\xf8\xe3U\x10\xb5\\c\xaf\x8f\xad\'\xb5\xe2\xaaW\x15\xa8\x95s\xf1\t\xbd\x8f\x9b\xfb\x84\x19\xb4\xfbL#\xc9\x17\x7f\x18 `V\x17s\xf0*\x82\xa8\xe5e\xf7\xf2/\xb20\x9c\x10+\x0cJ\xf3\x7f\x81\xd4j\xdf\x9cl;\xedv\xfb\xaa\xdf\x02`\xf4`~\x9d\x8a\xe4\xd2Fp\x07\xfbL`\xec\xa2\xc2,\x06\xc6-\xc83\x0eP\xc8\xd0\xdd\xfbO\xef\xdf\xbf\x7f4\x95\xb2\x91\xb4\xaf\xebt\xe8{\xbeH\xb0\x81\x81\xc2&amp;]\x98A&gt;\x93\xc5y\xd4\xdb\xef\xf7\xab\xed5s\xd1\xda\x8e&gt;(0Z#M\x84\xe0\xe1A\x81Y\x04\xb7\xd7\x17Y\xd8\xa8\x80Q\xdfl\xc9\xdd\x94*~\xf3\xf2\xf6\xd3\xfd\xb2\x9b&gt;\xa6\xef\xdfc3\xcc\x19\x16W\xe4\xcc\xc7j\xba\\\xa2;(Z\xd8w\xb0Bc\xbb\x16Y\x91e\xe5xp\r%j\xd3C\xc9\xb1\xf3\x19Yf"&amp;*\x10\x80\x8f\r\x86\x86fUG\x8f%\xf0\xe7\xd3\xed\xcd\xcd}\xc2\x97/\xdf\xbe\xb9\xbdys\x8b\xef\xde\xbc\xbcYv\x13\x18D\xccL\xa2\x90\xd5M\x14n\x83(\x98v\x04/h\xa0\xc0\xc2\xc3\xe0\x1aJ\xa0\x13{\xa33W\xca\xc4\x9d`\x88\x08f\x06#M\xa0\xb3\xee\xfdNH\xda}\xf3\xf2\x97\x7f\xbd\xfd\xf8\xf1\xed\xed\xfd\xed\xcd\xeb?~z\xfd\xfa\xe3\xc7\xd7?\xff\xfc\xd3\x1f\xaf\xdf,\xef\xef?i\x1b&amp;\x07y\xd2\xed\xea\x94\x06:\xb0\xc1- \x19\x0b\xa2\xcay\x96\x9dVH\xd7U\x0f\x16\x9dVst\xde\xe1!\x15[\xcd\xbfY5\xdf\x97\xb4\xfb5\x8ec?l\x15\x15\x1eQ\x89\xb4\x8cl\x94\x99\x06R\xe6\xe9XZ\xeb\x87\x9a\xa8\x94\xab\xd9$\x9d\xc3_+\xca\xb8\x9b\xe6Y\x92\xd5\x96C;7\xedGn\xcd\x85\xd8F\x99\x96\xa5A\xb5C\x11w\x88\xf3\xc9X0\xee\'{p\xd8\xa0q\x1e\xefQ\x0fb\x9c\xeb\xf3m\xf7\xf9\x03\xa6\xd7t\x03\xa3z\xeds]\x9f\xebz\xbf?\x9f/T1lsh\x9b0\xe0\xae\xad}\x88\x05b1\x8fR\x7f\x9dU\xc9d6O\x1d\xca\x05\xe4\xf5\x14\x9f\x10_\x8f\xf3\xf9\x04\x02Yy\xe8\xf1\x04\x02\xb0\x96\xd9%5 !\x90\xe9\x01a\x03\xdf\x0e\x03\x8c\xf6\xeeH\x06\xbel\xf9\xe5lk\xeb/v\xaf\xda9\xcb\x83QY!\xae\x102\x82\xba4t\x02"\x08\xbd\xb5\x98g_n\xb7\xee\xdf\xa28\xfc\xfeM\xc7\xc4\xb0cBb\x98\xb9?3\xe3rE\xa3cc:B\xf9\xf8\x94Q\x0eh\x9e\x80X\xfc\x18\xc6e\t4?\x14\xb0OT\xbb\xb30\xd5F\xa5RK\xc3\xdc/J\xe7\xac\xd6\xbbo\x1e,\xcbz\n{\xa0\xcc\xc1|\x81\xa6\xea\x81-\xb6\x16\xdb\x97O\t`E\xbe:6\xfd\xfe\xc5!E0(\xb2\x8d\x99L\xa6~SW\xd7\xd8|\xf0\xd4\xc6)\xef\xf3\x8f\x7f5\xca!\xdc\x81\x0f\xd9x\xcc\x00\xc1\xa4\xc7\x13U\xde\x17\xd0\x1b\xda\xda\xe6,;\xafy\xbfxN\x98W\xb5\xba\xf2\xfcw\x18@D\xe8\xe8H$\x13A\xd2\xe1\xd6\x1e\xef\x1b\xc7\xfbX\xc6\xfd\xfd[\x8eE\xff\xfb\xc5\xa1\xf0\xe9\xfci\xb0\xdf\xd4?\xdf?\x8f\xc5\xa9M144\xe4\x7f?\x0e\xc1\xaa\xb7\x07\xd6r\x8b\x8ar1I\x0fbk\xebeC[\x16X\xbc\xb6\xb9\xd6_\xbeN\xc8k\x05\xcb\xf3{Y\x0f\xd8O*\x88e$\r\xf2\xd7\x1e{\x8c\xac\xcd\xcdq\xf9\xa1\x9c\xb5\xb9\xf8\xde?d\x9b\xefG\xf1\xea\x15z\x01[?p\x85\x15C\x8b\x8b\x8b~\x88\xe6z\xeb\x87\x9c\x1c\xe8\x150\x1e\xf2aC\x13e\xcb\x16\xa4\x98\xf3\xd21\xb1\xb5`2T=x*r`8\xd45\xa1\xb0\x02\xf2\xf1M\x0e\xc7?&gt;5\xe5\x87_=d\xeb\x7f\xf5\xec\xd93\xec\xfd\n^(L\xf3A\x04\x86\xd06\xfb\xd8F_\x13\x88\xafkh\xa8\xe7\xe6dS\xcbh\xaat\x0fG\xb2\xe6v\xdf-\xd1J\xb2\xf1k9\xd9\x85TL\xd4\xac\xc5\xb4\x82\xeb\x1c\x06\xbd\xbc\x8fu\x9d\x13\x0e\x87O\x11U/\x16\xe8\x1f\x0c\xcc\x04\x8b\x17\xb4\xd9\xc2a\x85bs\xb3Y`\xad\xc1]Mj\x98K\xd0]e\xb2-\xeflZ\xe7\x10U+KK2\xe4w\xa0^k\xc0\xde\xff-\x7f\xed\x83\xc7\xcc\xacc\xd8\xe8\xd5\xd5\x1cF;\x14\xd2\x15\xd5\r,z\xe1\xcf\x8d^\xb4l@6\x7fzj\xb3\xd1\xe9\xd5\xe5l\xbb/\x1b\x1d7!5\x81\xc7\xc3\xac\xde\x92\x1dY\xd2Z\xae*\xa9\xaa\x13\x0c\x06Li\xd0W0\x1c\xa1\x8d\xc6\xb4\xec{\x0c\x11\xfc\xbeaF\xbb\x10v\x1f\xca\x1eF\xb5\xb0pc\xe1\n\xae\x17\x91aX\xe10\x9dB\xd6o\xb8\x9b\x90f\xc6\x0e\x97\xd0f\\\x1e\xdd\x99M\xc7\xef\xd7\xf2\x1e\xd0\xc0\xf9\x95\x80\xa3((#\x16\x82\xfa\xbb\x96\xed\x0b\xe9\t\xa2v\x9b\xcd\x16\x0c\x06\x85\xa6\xbd\xab\xfc]a\xa1\xf8\x0b\xac\x17\xb8P\xe9\xd39\xdcA\xb66\x86Nw\xa0\xbap`\xb2i\xcb+\xbc\xaa\xd64Lu\x1e\xcf2*+\xee\xdcR\x95\xe1p\x85\xc5D&lt;\x0c\xc7\xdc&amp;\xb7\x92Y\xd1.\xb2\x89\x82(\x81{\x9a^\x8c\xe2\xffT\x0bWL\xb0\x82{\xc0\x15\x0c\xda\xe8\x1c\xd2=\xb6\\\x8cTH.\x92\x85\xb9E\xb4\xd1\xd9\xf4Nl\xb2V\xa5O\x1e\xbe\xb4H\x97\x8b\xc1\xfb\x11\xcb\xb2\xe1\x07\x17\x88\xb5\x02\xae(\x88\xd6J\xd8\xdfo\xda\xd3h0\x88^\x8cj\xf2\'\x15b\xda\xdb3u\t\x83\xed(\xdb$\xa6=\xd0\x94\x93\x8f&lt;\x07TXA\xf1\xe8\\z\xe7\xf4\xe0\x14_\xdf\x9dk\xf0\xcaJ\xf2sqH\xd9\xe5\xe6R\xdd\xf6z\xae\x08-V0\x88\xb0\xf6\x10\x18\xa0\x01\xd6$\x8a\x05\xa8x\xb4\x1b\xa1\xe8L\xf3\xc2v\x11\x83N\xaf#1\xcd\x1e\xe8w\xc0\x95\r~\xae\x87\xf6|g5\xbd\xf3\xc0\xda\xaa\xaa\xda9\xe9Q1\xae\xe8Z&gt;\x95F\xcd\xbd\xb6&amp;\xb6\xda\xeb\x07!\x89"Hb?\x94\xbbF\xa3\x19A\xdb\xef/\xaa\x85\x1b\x9a\x9f9\x84Q4\x069\xac\x83`*\xadb\xd8\x8b\xf99\x854\xd5\xd6\x92\xech\xf7u\xba\xe7n\xb5\xbc\x95\xa3G\xc4\x02\xc0*)\xc6Z\xa9\xd6\xcc\xe6V4b\xc5\x85\xe5p\x04\x05`MN\x9e`T7P\xb5\x01\x99\x06\xb2h\x12\xda\x14\x13\x94\xba\xbar\x0c\x0bDtA\xa7w\xc7\xf2@\xfa"\xdd\xd3\xd3\xdaU\x8b\xf7\xb7\xbf\xf7\xa0j\x05]\nM+`\xaf\'\x97\x8aP\xc5\xd8\x84]Og\x80\xaa\xfbj\x99\xae2\x88\x95\xd8\xc8\x02\x90j4P\\A\x9b\xc2Q\xcd\xa1\x93\x05Z_\x13\xb6\x13\x0bU\xa3\x96\xd5\xb6\xb64\xef\x80\xb2x\x7f&lt;y\xbet\xb4U\x96\x8f\xb5C4\x0e\xcd\xcd$\x06T\x8cBak\x07\xac\xfb\xdd\xdd--\xb7o\x9f\xc0J\xc1\x1bp0\xc6\x96\x96\x96\xee\x9b\xf7;f\xba\xc6D\n\x87CA\xa7@Cm\xc2!+\x84+$\x82\xfaK\xf7f\xaa\xf6\xee\xe8\x93\x07R\xa9\x97\x86D{Q.(\x1a\xab\x80Ib0\x18\x9c\xea\x89a\xdd\xc0\x8c\xf3\xf8\xf8\x18\xa8\xa6!n\x9f\x1c\x9c\x00\xcf\tDK\x0b||\xect\xba\xd4\x11]]5L\x03(.7\x15\x0f\xf3\x07|J\xcfo\xff\x9cM\xb7\xb2\xb2x+\r\xabo\xd0\xac\x06{\x05\x89\xcc\x0e\xd8\xd9\\\x92DB*\xffO"\x91\x88\xaf\xaf\xc3+\xf5\xe9\xe2\xe2\xf8r\xfa\x00b\x1a\xfb\xbbE\xbd\x9eL&amp;?\xc6?&amp;\x13z\x08fy5e\xb0^+n\xcaA\xcb\x95\xd3s\xe7\xe1\x9b\xb4/1j\xdbx\xb3\xa3\xbf\x83\x8a\xcfA\xc7\xff\xf9\x1f&lt;!=\xa5NB\xe26\x83n\x0f\xd9\xb5n\xccQ\xd8\x95\t\xf5\xed\xf3\xef\xdf\xbf\x9f\xa3\x98\x8e\xd4[\xdd&gt;\x9f\x8f\x06_qkC\x1b\x026\x93Lf\xcbc \x99\xa1m\x11e\xef\xa4\xb3ic\xe5e\xb56x\xef\xc8@\xcd\xc3\xa0\xcd\xcf\x8fY7\x00k\x9b\xdclv[U*Z\r\xe8\xaf\x12\xaaXl5\'\x9c\x07\xdf\x7f\xfc\xf8\x81\xd0.\xef\xd9}5\xe8d\x12\x87\x17w\xaaT\x80&amp;`\x92\x9b\x8d\x01\xa4\xe4\x0b\xcb\xb6\xbc\x16^\x06\xee\xae\xf3\xa0C\xec\xee&gt;Tu\xa2\xfb\xc25\x0c\x8b;\xa87\x07b\x9d2\x1a\xb1\xb8\x93VL$\x8a}Z\xa5\xde5\xfd\x1dQ\x9d\x9f\x1f\x1c\'\xecn\xf8\xb4\x86\xdaD\x05*\xb7/\x06\xb3\x9d\xac7\x06\n\xd0\xdd\xd9\x9d\xd1?2t\x0f\x95\xd5\xca[}\xf1\xf2N\x19\x18V\x1c\x15\xb0\xb8\xdc\xc13k\xcc\xd7\xd9Y,\xf6y|`\n\xb5\xf6\x10{\xdb5}~\x8e\x92x0}L8\xdb\xb0[\xddV\xab\xd6\xaa\xb5k\xadn\xb7{_\xc0\x84\xff\x08\x9e\xf6o\xef\xc3]\xd0\xef\x19\xba\xe6\xcc\xcbk\xb3\xfc\xab\xac\xe0\x1fEE\xb8\x1a\xc0\x1a\x1c\x1cT\xee\x839\x848;\xd3\xeb\x13\x89d|=\xa5v\xb6L\x1f\x9cC\xbd\x9f\xb4\xdcT\xa7\xd6\x93\xf0i2\x19\x8f\x7f\xf9\xf21\xa9W\x1eN5\xebC\x80\xe5\xdd\xc9\x1c\x14\x8a6\xe9\x92\xec\xd1\xa3G=0\xa7\x11\x16s\xaa\xfe\xcb\xc5\xc5E$\xe2\xbap\xba\xb0p:ovc\xbd\xe1dr\xa4#\xaa\x8e\xa4"\xd8\xc7j\xd7\xc5\xf1\xf1Erj\x8a\xa9\x0f\x89\xf1\xc4#i\xc6.\x12\xaf\xc4`\xc3\xee\xce\x8e\xf4\x89\xaa\xe7\'\x16s\xfd\xe2\xf2\xd2\xa9\xc6\xa8\x9c\xf7;\xb0\xd0tObT\x1a\xf0d]\xeahT\xad\x8e\xa8\xd5)\x83\xda\xe9\x8c\x0cV2\xd9!\x1f\xbe\xe4he.\xa3\x0fz\xe5U\xb5VU\xf1v\x96j`\xcf\xb1\x99\x83\\~\xc4y\xec\x1a\x80\xae\x95d\x93\r\xea\xe8LG\xc7\xcc\xd3\xa7\x9a\x91I\x8c*\xd8&gt;\xa0\x8e\x18$\xdb\t\xfd6\x8a\x88+B\x00\x81\n\xab\xe5\xf3\xbe\xc8\xf4\x83S\xe0\x9fZ_\xbc\xab\x89Y\xcd\xb0Z\xf7\x0cjW\x84\xcfd\xdd2\xda=Ze\x82`\x88\xceD\xbb\x84\x88kr\xc4$\xa23\x0c\x06\x02Y`\x87\x9a\x97\x1b\xeb\x9b%\xa9\x08\x9fDa*}\xda\xcf\x9f?\x7f\xe2e\xfa\x11\x96o\x7f\xfew\xd9\x1d\xb0\x86\xd8\x83\xdb\xa5\x8d\x03\x03\x15\xd7\xe5\xfbZ\x8f=\x14:\x8b\xc7\tc]c:\x910\n"gO\xa8p\xd4\xf1\xf9\xdb\xc9\xb3\x8d\xa5-hY\xfb\x87,\t\x9fO\x07,\xfbg=\xabR\xffgUF\x1f\xd4\xc8k\xfb\xa4\xd7\xc3\xc6\xd7\x86\xd8\xe4{\x84\xc6\xc6F\xd2\xf8\xa1\xf9\xe3\x86\xd6j\xffxy\x99\x1a\xd6\xe9\xe8t$\xc0\xfa\x83\xe1\xa1M\x07\x85\x9b\xba\xf8\xb4!\xeb\xd4\x9e}\x96\xef\x7f-/--%1\x05\xc6[,\xc7D\xdf\x97\x0c?g\xf6-I!\x90\xf5\xf5r3\x9bL\xaah\xach\xe4sY\xecx\xc2xhNF"o\'\x86+*\xe8\x8a\xb0\xed\xf44&lt;\xb4X\xcdq\xf4m\xc7\xe3gv\xad9\x99\xa8d\x91+\x18\xa5\x12\x12\x99\xf5u\xdc1\xac\xf0\xc7y\x99]\xado\xc9\t\x9da\xbb\xd2\xa8dsK\xf9\x8d\xfc\x01\x97ZG0\xa4"\x91T*e0\xe8\xc6\xc6*\xc0C\x871,\x87\x84\xb0M\xe6\xc2\x0c\xe7\x1b\xf8\x12\x8eD\xadn\xac`\x90\xc8\xcd\x95\x14\xc2\xb0b1\xd3X\xbc\xd4\xdb\xb7:\xdd\x04Kp\x9d\x0b9\x1cP;;\xa2]Q\xe8W\xa0^\xc6t\xc3\xa2v\xbab\x08\xfc\xf5\xfc\xa9bq\xb1\xba\x8eRM1D!\xba\x84\xed\x03\x1d\xce\xff\xf1nF\xa1m\xabW\x1c/\xde\xc0\xecQ\x0f\x960\xdc+YT\x12\x8bm\xc9\x0fF7\xd6\x8aS\xcbf2\xf5\xb8\xc4F\x9d\x1d\xdb\t\x8a\x96\xa2$$\xa0T\x0c\'\xd6hph\x19-\xc1\xb0\x91\x87\xbbq\xd3\xbb\x90\xcd\xce\xe2\x84\xf8\xd2d\x84\xbc\x04.%\xd4\xa1P\x12\xc8\n%K\xb3\x1bFH(,\\.\x1d\xcb.\x83\x9d\xcf\xee\xde\xee\xa3\xed\x13p\x84\x11\xd6\x8f\xff9\xdf\xf9\xce\xf9\xf4}\xeb"\xe5\xc6C8fT\xd7\xf2\x9b\xe7mv\xe2~\xa5:V\x9d\xb6i2\x88e\xc4\xcc\xdclz6\x16+\xa4\xa1\xd8\xab\x9b\x9a\xa6\xc9\xc9|~\r-\x8a \xb9X\xc2\xd2\x8czl6\x06\x1956;\x0br\xb9p\x0e\xc7\xf6\x01k\xef\xbc\xbd\t\xe2|S\xab\x0e\x8d\xc9\x96\xea\x05,\x10k7\xbd\x1bO\x83\xcdB\t\xaa\xeb\xba\x8c|\x08}?`\xd96\xc1P\xa6R\x02\xa0\x96\x952\x80\x15\xc2\xb5\xeae\xa5|z\xd5V\xb5z\xae^XfaKf9\x9cpK\x80\x05u)\xc2\x82\xcax\xab\xaedL=\x99\\[{\xf4\xf9\xd6\xdd\xb5d\xde\xf6Q"P!CT\xe9\xd8\x82\x98\xc0\xb9S\xabzy\xb7\xcdX\xce\x9e\xeb\x11\xab4Y\x97\xd9\x10\x1et\x8b\xb9Rz\x17\n\xe3t:^(L\x02\xd9\x82\xa27\xd5\xfa\xfc\xf3\xbb\xcf\x11\x96\xa8\xd4\x87\nC-\xb0\xf4n\xba\x94\x01,\xd5&gt;\xa9\xde\xcd\xb7\x1b\xeb\xb5\x80\xc5.\xab\xda\xa90\x02N\xac\xcf\xc6\x07\x07\x81+~+\x1e\x8fO\xc2\xd4cjy\x1b\x06"\x8a\xadd\xbe\xc6F\xeb%H\xad\x05\x08=\x98\xc1o\x01\x96\x1ba%\x93Uk\xef\xbc\xddj\x19\xf5j\x05aMH\x99R\x1a\xfa\x8a\xc1fk1x\x0b\x14\xab\xeby\x08\xa9$`=_K\xda5[VJ\x08\n\x90P[\x94\x9e\xcb`8G\xda\xf9|\xc5js\x82p\\\xefI\x95J\xb5\xaa\xa9\xa1\x0fX\x0fZ\xfd\xc4\x03\xc0\x8a)\xd3\xe5r\xad\x9c|&gt;\xb6\x85\x9cX\xaeif\xa90\x89:5\xa0\x1e\xbc\x05Xn\xafj[\xf9r\xd2:\xeako\xde\xba\xdaK\x80\x97L\x8d\xe3\x060\xc0\x8aC\xd5\xf7\x00\xb5:H\xad\x92\x99,\xa3\x85\xdd\xb1\xa1\xc9\xa1\xbb\x90!\xca\x96\xae@\xf2@\xe8\xe0\xebx\xba.\xba\xbc\x9c\x9do4\xec\xbd\xd7=m\xce\xf2\x9b&gt;\xc8Lr\x92\xa4\xbd\x13\xe2B\x0c\xb0\x9a\x86\x9eZ\xa8\x03\x96\xad\xe9J\x1c\n\xaeB\x15\xe4\xb2e\xb3\x14+\xc4\x07[T\xb1\x9c\x14\xe48\xbb\xdc8S\xf7\xae\xdb\x9bM\x9d\xb7\xbf&amp;\xca\x8d\xfct\x82\xa5C-,\x14Y\x83\xa8}\x06\xb1\xf4\xa4f\xe4r\x05\xe4\xd4x\xce\xd0=I\xd9\xac\x03V3\x00\xd3\x08\x0b\xe7\xbcv\xe3\xeclq\xef\xaa\xbd;\x89a(\x9e\xd6\xc0\x0b\t\x9c\xa6\x83\xd2B\x0c\xbc8\xf8\x7f\xb1\x00K\xcf\xcd\xed\x1bu40\xeb\x86\x913\xb5\xe9H\x0b\x0b\xee\x88\xc3@\xc4H\xce\x7fvv\xd6\xa0_\xf4\xb6\x19\x0b\x82\x0bq\x9d\xf9i\xde\x0b\xc1\x15Cc\xb1\xe5#\xf0!he\x9f\x9dYJ\xbd\x9eA\xff3\xf2\xf4\xa3\xad!\xb4&lt;\x81n(,\x88\xe0\xc3\xc5Fyq*\x0b\x11\xdf^,G\xdf\x91P\xb3\x035\x9a\xe7C.\xb1%W\x93\na\xc9\xbaa7j:\xd4\x82\xbaU\xabiz\x05a\r\xa1\xb1\x88BkA\xc2i\xceN\x06\x16\xb3\xe1\xebvo\xd7u:\xae\x8eI\x8f,m\x08a\x8e\x10\xd1R\r\x8c\xff\xe6\xc2L\xa1\xae\xe8Z\x02\x83fb.\x97\xcb\xcd\xe5\x0cM[[~4\x86\xd6\xe3 \xd9\x82\x8f\x15\x8aDX\x1e\x92&gt;8w\xb4\x1b\xcb\xd9w\x84{\xe4(\xe3\xf5\xd3,\x9a\xf2\nM-&amp;a\xee\xa9\xc3d\xed\xb1-cnwvwvn\x85T-m\x19-\xc9m\x01\xd7\xe4\x10T\x18\t\xceOz&lt;\x1e\xbc\xdd%s+\xe8\xcf7\tfZv\xd3~\x12\xcb\xa0F\x07\xe6\x9dIT\xbe+&amp;T\\\x96\x85Ao8;\xb7\x9f\x80\x14eM7\x970\x81khkA\x11}\\\xd8\x8ba\xd8\x8b\xaf\xdb.V\xf3\xa5\xe7\xf5\n&amp;e$\xc1O&amp;De\x01\xf2%P\xa1\xf5\xe4eY\x06*K\x932\xeb\xb9ui\x83Tk0\xfdAi\xbf\x0c\xcd\xd0\xd0\x82\x92\x89\x12\xb4\x80\x16\x9d\x8e\xae:\xb2\x11\xdc\xd9w\xf5\xef\xa3\xf5\xa3\x03&gt;\xe4\x89*\xc0\x15+\x14Jcc\x11\x19\xfc\x03T\xd6\x86a\x18\x19C\xf2\xe1$i\xb3,\x9b\xf4L\xcb\x91\xb1\x85\x05%"\xe3\xc2\xd1\xd3\xeb\xd7O{;\xb4=\xdd\xe9\xb8}~\xde\xfb\xf4X\x08\xc8h\xdd\x145\xad\xca\xf2t\x80%|\x84\xa6Y\xd0\xfe0z\xa5\x92\xb0l\x16\xeaS\x82e\x03\x1e&amp;\xa2\x8cE \x1c\x0f_\xf7\xa0\xc3$7:c\xd0\xc3\xdep8n_\x08\x81\xe9\x08\xc8\x05\x16\x89z\x02&gt;\x97\xdb\x9d`\xb4\x8aa\x1a\xc0f\x1a\xba\xa6\xf9\xe0;\x17K\xb2\x1e9\x12\x81[F\x0e\x9f6w\xa5\xdf\xe8\xa09n~)x\x9b^lR\xb1\x04&amp;I\x98\xaeW\xab\x97Ud\x95\njE(\x8a\x92\\$\x19\x90\xa3 \x16+\x1c_9:~\xea\xa1\xe7\xfa0\x14`"\x11\x08\xab\x88\x1c\x80\x86\x06\xb5d\xd5\xca\t\xf0\x9cTN\x9a\x96\xa0Dq_"@.*\x1a\xf5\x90\xfc\xf1y\xc7\xb1\x1c\x8e{\xc7!x^\x04\xf9\x87\t\xf8\xa4\xfd\xf5}\xa3b\xbd}\xfb\xb6\x85t\x02W\xefO\xad\xcd\x15\x03\x0b\xb0\x1eFgX\x8e?\xe8\xc2\x99-g\xef\x85@\x06\x12\xa0Ct\x99\xf10\x94\x84\x110Y\xbe\x7f\xff\xfem\xcb\xe0\xaa\xd1\x08\xab\x04Fy\x02\x9eD"@\xd2|\x9b\x8b\xbf\xef\xb7\xbe\xa3C\x90\x8ba\x98hTf(\xcaEB\xc9\xd2\x00\xa8o?\x18\x90\xa9\r\x95u\xb9!sx\x02$\xc7\xff\xb9\x03\xd9\xfd{\x82\xebw\x87\x02\tOed\x10\x8cb\x18Bm\x94\xdf\xbf\xfd\xf6\x1b\xb0\xd6\xc7I\xd2\xb6-\x02n`&lt;\x01\xb6\xa6\xf2\x87W=]\xc0\x82\xe0\x02\xb9\x82.\x17\x13\x8d\x88Q\x8ab\x12\x9avR\xf9\xe6\xf2\xf2\x12\x98\xe0\xf3\x12Z\x11\x0fEa0\x1c\x03,\x0b&gt;&lt;\xe8\xed\xc6)2\xe7\xc3\x03^ \xf1\xa0\xcfMe2\xa2(\xea\x86iBj@8\xf0\x87\xb0L#*\x8a@\xc5\x10$\xa9\xd2\xfcEWN)BB\xe5i\x12\x87\xf6\x9a\x123bD\x14#\xa6\xa9\x98\xcb\xbav\x8a\xccJ\xe8\xba\t\xb0\x86\x88VDH\x8e\xf6\xa7\xba\x83\xe5\xbcy\xc4\xd3!/\x0e\xfd5\xe4\'\x11\xf2\x04p\x99Q\x1d\xdb\xd8\xdc\xdc\xc40\xc90\x15`\x15E\xc9\x1d\x0c\xd1\xb4\xbf[X\x8e\x9e\xd7&lt;/\x84\x00\xac\xc9\x05XQ\x94\xc4Lc\x7fee\x7f\x7f\x7f=\x07\xd33|GQ\x04\xc4\x15\x1f\xcev\t\xeb\x86\xf3\xfa0\xdc\x02C~D\x08\xd1HF\xc9d\x8c\x15I\x92\x8c\x8c\x02XQYf\x18V\xe5\xc3\xe1lq\xbcKNt\\\x1d\xa6\x80\x8b\x16B\xb8\x0f\xe9\x15\xa5\xa2\x00\'R\x186\xe1v\xbba|",\x86qqt85^,\x16\xbb\x84\xe5&lt;?\x1e\xcf\x86\xc3\x88\xcb\x8b\xbb\xa20\xe6\xa2\x88\xcd\xedF\xb3\xb6\xcf\xe7\x83\x1cKan\x1fN\xfb\xb3\xa9T\xf7\xb0\x1c\xbd\xc7)\x7f8\xdc\x12,H5\x8dq\x11&gt;leE\xc2&amp;\x06\xbc$\xe1\xdb\xd8\xd8\xc09?x0\x9b\xcd\x16\x0f\xba\xa4\xd6\xed\x83\x94\x9f\x86\xb0\x012\xc1\xeb\xc20\xb7\xcb\x15$9\xef\xc0\xc4\x84\x97\x0e\t\xbc\x9f\xa6\x85\x91\x91\x10\xdf\x84\x9a\x02\xac\xee\xa4SG\xdfEq\x8a\xa6\xe9\xa9l\x16q\r\x0c\x84\x84\x10\x1d\xf6\x87\xf9\x91\x01!\x15\x0e\x8f\x8f\xa6\x8a\xa3)\x1e\xc2*\x0bw\xf9\xa7\x8a\xc7\xdd\xc1r\xde\xbc\x18\x9f\xa2\xb9\x90\x8ab\x07\\\xc9\xa7\xd0&amp;\xc0T*\xc5\xf3\xe33\xa3\xa9\x99\xed\xfe\x9d\xed\xfb\xfd\xfd\xa3)\x9aV\xbb\x88\xe5\xe8\xf9\xd9xv\x91\x0by\xbd\xfc\xf8\xf88 \ro\xcfo\xf7\xa7VgV\x87\xd1\x9b\xeba\xb4\x81r~i{4\x1c\xe2\x9aX\x87_\xf4t\xe3p\xb5\xb3\xe7\xcb\xd5\xec\xa2\n\xe9\xd4\x8b\x84z\x8c\xb6\x98\xce\x0f\xcf\x0c\x0f\x0f\xcf/}6\xff\x18\xbd\x07~\xf2\xe4\xd9N\x98\xe6T\xd5?5U\\\xbd\xf8\xd3\xbd\xceW\\N\xa7\x03\xb0\xfc*Illx\x85\xd4\xcc\xe3\xa5g\xcf\x96\x96&gt;C\xf6\xd1\'\x1f\xfd\xf8\xce\x9d;hK\xf1vVPUu\x11a\xcd\x0c\xff\xe2\x0f\x7fy\xe8\xe8\xb8X_\xfc~\xb5\xe8W9\xd6711\x80\xb8\x9e\xbdz\x82\xec\xd5\xabO\xd0Y\x1e\xb8\x00\xaa\x14\r.\\lb\xf5\xdf\xff\xe9O~\xfd\x9f\x87=\x1d\xa6\xba\xf7\xab\xdf\xce\x14\xa7T\x0e\x8a\x9b\xe0\x00\xd2k{\xe9\xc9\x87\xcd\xf2?\xfc\xd1\x1f_\x01\xd4\xfcN\x91\xe6H\x12\xb8\xfc\x8b\xfeb\xff\xf6\xe3\x8f\x7f\xf3\xee\xe5\xc3\x8e\x9e\xae\xbey\xef_o~\x0eX\x8b\x1c\xc9"\xaeP8\x95Z\xbd\x0f`\x88\xec\x07\xc0\xb44\xbf\xd3\x0fb\xd6H\xb2\x86\xb8@\xad\xed\xed\xfb\x1f\xbf\xfb\xee\xe5W\x9d\xaa\x9d\xe1go\xff\xfd\xbfo~\tX~\xa4\x16\x01\\^\xbe\x99#ff\xd0\xa6\xf4\xe1\xfb\xc3\xa3\xe30\x0ff\x9bX`\x90DF\x01k\xe7\xd3w\xff\xfc\xdb\xcb\xaf\xfa:1"!\xd6o&gt;\xfc\xebw\xffx\xf3\xe9\xf0\xcc\xa8\x1f\x9cD\x10\xc1 \xee\x15\xa0\x9a\x18\x19\x18\xd8\x1b\x11\x90\xc1\'\xe4\xff\xa9&amp;\x16A\x90\x8bh\xcf\xf5\xf6N\xff\xffX9\xdf\x906\xd2&lt;\x8e\x97\xbe),\x81K\xd8\x99d2\xcb\xa9\xb1F\xa9\xd1f\x13\x03jP\x0b\x07\x0b%\x81\x96\xa6\x14b_HI\x1d\xc4\x86\x84\xbd5/zD\x08(\x99\x17C\x99L\x03SlX\x1b\x02\x81jie\xa5$\xe06"\tn\xca\xc6\x84\xf4\xf4D\x93\n+\x18\xf0\x88\x7f^\x89BK\xe9}\x9f\xb1\xe5\xb8\xe3n\xe9\xeev\xda"\x8df\xfc&lt;\xdf\xdf\xf7\xf9&gt;\xbf\xe71\xe6F-\x9d\xde\xcf\x0b\x8f\x06.|\xf6#\xae\x0b\x03\x93\xd9\xf5\xb7\x87\xb5\xca_\x17\xae\x8e|\xdb\xaaE#\xa8`ut\xf6\xb8\xbdd\x99\xd6\xd3&amp;\x1afC\xeb7\xf8\xed\xf5\x06r6\x01\xac\xc1Q`\x8d\xdc\xaf\x1d\x1c\x94\xf3\x05[r\xe2\xd2\xe7&lt;\x8d\x80R\x03\x96\xa4?\xbf\xb2\x95\xaeU0\xfa\x91A\x92[4Mk\x1b\x0c\xc0\xd2z{I_\x8f6\xa2\xab\xbd\x07\x8d\xf2`G\xab\x8e6\x99\x8cO\x14\xac\x85\xab\xa3\x89C\x97\x0bX\xc2R)8\xd5\xfd\xb9\xd2\x15\xb79;9_\x8a\x15\xb6\xd7\x0e\xae\x1cV\x16\x08\x96\xa1UK\xeb5\xc0h5\xa0\x85\xf6&gt;~z\xf3&amp;\xc84Z-\x1e\xe8\xe80\xb4\xeb5\xb4\xae\xe1\xc9\xf7\x1d\x83\xa3\x0b\x0b#3{\x87\xaePy[\x10\n\xc1H$|\xe7\xd2\xd9?\x0eF\xde\xd8\xe0|w2\x1c\x88&amp;\x05`5\x1f\xee\xdd"X\x1d\xadh\x1e\xd0Wi\x81u\xb1\xbd\xab\x17X7o&gt;\xf6jI.\x18\x0c\xed]\x1a\xdalT\xb0F\x16\x16\xfe\xf6\xe3^:D\xb0\xb2B4b\xb7G^\xfc0\xa9\xbc\xb5\xc0\x1fZ\x02\xcf_\x1av\x8a\x11)\x90\xb2\x11,Wz\xef\xd6U\x82eh@/\xdf\xab\xa1\xa1\x0e\xfaT\xefcP=}\xecF\rq\xe1Sz\x13\xd9%\x9eb\x8d&amp;j\x9b\xa1\xd0\xda\xb65+\xa4\x80EQ\xd2\xfd\xf1\xe1\x81\xdfk~\xf2\xf6%\xe7\x06\x86s\xe1\x00E\xd9\xed\x95\x1d\xcb)\xd6\xc9\xb3\xabw\t\x16\xaa\xd8\x08.\xf45\xadX\xb7\xbd?\xa3\x8a\x1amOO\x0frAG\xd3zZ\xa73\xb6^W\xb0\xeeV\x80U]\xdb\xceZ\xa1\x16EQ\x97\x19\x96\x8a\x8f\x0f\xff.\xc5\x08\xd3\x85\xee\xa9h\\b\xd5,F\x18\xdf\x11\xac\xdbkUW\xfa}\xe2\xae\xa2V\xab\xd1\xacoi\xec\xf5\x12\x94\xf6vw\xef\xd3\xa7\xa8!6jZ\xad\x11[}\xda\x04,\xcc\x07,\xe6\xb7n\x90\x1aV\xd7V\xb3Y[\x90\xa7p/\x8aa\x01\xf6p\xe2\xfco\xe4:w\x96\x14\xef\xebq1 \xd9\x195\x0b\xb1(\x0f\xb0V\x8bU\xd7\xc1\xe1G\xac\x06cSSK\x0bq}\xbb\xd6\xdd\xee~\xfe\xd8\xeb\xd6\xceu\x81J\xab3)TF\xc4\xe9\xb5\xd9\xab\xb7&lt;\xb5\x83\xa3\xa3j1\x9b\xcd\xfa\xc3\x1c)"\xc3`\xa8\x8c\xdd\xf3p\xf8\xb7\x80\x91\xe0\x1cx\xe4\x94=\xbcD\x91\x1bP\xe4\n\x00+[\xac\x87B\xe9\x93\xfb#\xa3\xfd\x1d\x86\xeb\xd7\x9f\x98\x9b\xb0\xd71A\x1f\xb7\xdb\xad\xfc\xebB\x13\xaf\xd5\xe9\x80\xe5\xa0\x81\x85"\x12\xb5*\x87\xa1\xa3P}=k\xcd.\x89\x12\xb0\x18\x96Q\xabY\x96e\xf8\x1f\x9d\x8f\xce\x7f\xe2\xac$P\xc3Ngf1.\xc7\xed\x8c\xaa\x8fUd\xff*\x92\x01\xd6z=ttP\x03\x16\xd42|\xff\xc4\x08.\r\x8dT\xedr\xbb\xbbH\xbe\xcey\xbd]]H\x7f\x05\x8b\xec\xf5\xfb\xb1\xf8\xa0\x86\x10k\x7f;\x9b\xb5\xe6\xe2\xc0"\\j\x15\xe1\xf2\xf8D1\xd6\xfdI\x01\x0bG\r\xcf\'\xe2bI,E=\xac\xaaO\xadPQ\xcc7)`\xc1\\G\xa1\xc3\xc4,\xc1\xc2\x84#\xc7\xc9\xd8\xf4\x80\xc7\xeb\xf5\xce\xcdy5\xd8+\xce\xa1z:\xf2\xc2\x1a\x1df%vH\xa30&lt;\x9eT/f\'\xb2B\xa6")wc\xd5\nW \x97K\xf0\xf2\xd4\'\x08\x868O\xca\xf1\xb0\x18\x88\xc4}"\xf5\x91\nC\xfc&amp;X\xb0\xc2\\\x90+\xbd\xb7xm\xb0\xdf@\xccejr\xb48`#\xa8\xe4%P\x1a\x85\xc7\xa8s(\xb4=\x86\x8e\xfekw=\xc4\xf0\x9b\x88\x87\t\xab-\x1a\x91`V\xea\x83\\Ld&gt;\x19\x96\xa8\xc0\xfc\xa3_mz\xc81\xf5\xf9G\xb9T)\x98\x12#qY\xe4T*5ET\xe7&lt;\x89\xb0o\x07X\x90\x0bS\xbd\x96\x98\x1d\xecW&lt;oV\xb0L4\xed\xd5+T\x04\x8c\xd6\x99\xf1\xb0\x9e`]\xec\xec\x1f}V\xa9\x81\xaa\x9c\xcfNX\'\x92\xa5\x80\xe2\xad\x8fr\xd9\xe5XIb(^\xfe\xfaWR\x0c\xa6\xba\xd0\x1dK\xf0\x81x)%\xc6\x03\x1c\xabR\x11_I\x91Dp\xc7\x9f\xfc!\xe6\x17\xc0\x95/WC\x87{\xc0\xea4\\oh El\xc2\xeaG\xb6\xd4\x9a\xc6^\xf2\x0bd\x84\xca\xac\xd77\x99\x8d\xed=\x17\r\xfd\xb3\xcf\xe0\xacPy}5k\xb5Zm\xb9\x94\x1c\xe0%F\xe1\xc2\x98\xd9H4,\xd9=rp&lt;\xf9\xff\xad\x0f\xa5,\xf3\x01\x8a\x91"\xa2\x18\xe0\x18\xe2I\xca\xce\xc7\x8f3KCV!\x13\xf7\xc81`\x912n\xd6\xee\x93\xed\xd7\xc5_\xa0V\x93\xc3A^\x14\x8f\xf5\xf1\xf4\xc2\x9ac4\x9a!\x96\xb9\xe1\xf6m\xa85\x9b\xa8\x85\x8e\xeaEB%\xc42\x99\xdcR.O1WL\x00\x00\x06\x99IDAT*Wx\xfb\x97\x97\xa1\x97Z\xcdxd1\x18K\xc6\xc6}ag\xf7\xffJWH\xd5\xed\\\x0cF=\x14\xc7\xf3\x9c\x84d\xc0\x98\xb8\xc0\xc9\x9b\x95\x95\xdd\xbc\x00\xac\x08\xcb\x05m\x181\\_%\xa6\x9f\x01\xd6w\xa4\x8a\x0e\x93Y\x89\x04\x05L\xafP5a\x9fm\xd6\xa1\x07\xeb\x9cI\xbcO\x93\x80\xc7\x13\x85\x9dD$RJZ\x86\xfc;oN*\x12\xec\x85\x81\xdb\x03\xc1\x98\xf3\xde3\x9e\xe3"\xe1\xa9\x81\xff\x06\xc3\x9e\xf4\xd2\xf0x\x80\x8a\x04K\x01N\x82\xc5%\xbb\xc4\x07\x12\xc7oV\xf6\xcb\xe9\xad"n\x9a\xe11\xb4\x8c\xc52-\xe4\xd7\xaa\xe9Zb\xa6\xd3\xd0\xfa\x0b\x96\x19\x93\x92\x9cf\x85K\xb1;\x0c\x07\ri$\x98\xe9\xbb\xd6\xce\xc5Z\xbaZ]\xcb\xe3\x06\xd6%\xd1\xce\xda\x836A\xd8\xde}\xbb\x0f\xb0\xaf\xfe\xf4\x85\x1aC\x0f$\x02v\xf62/G}&gt;\xe7\x7f\xaeGd\x95\x89\xf9\x82H)\x86\x8f\xf3\x0cc\xe7\xf8\n\x90vW\xd6\xd66\x0e\xda\x96\x0fN\xb1\xf0\xb8\xb8d\xb1Z\x84\xf5\xf2\xd6\xe1\xde\x8b\x99\x0e\x03Y\x00Ir\x9a\xccf\xd4q\x0e\x7ftD+\x84YS\x93\xe9\xe5K\x93\xf9\xe2\x8b\xbdCBe!\xbe\x8arj5\x97\xb2\r\t\xf9\xb7\xe9t}\xff\x8d\xf8\xe7\xcb\xc0\x82\xc10\xdd\xd9\xc5\x1c*\x19\x9dON\xfe\xfb\x15\xcfX\x8f\xa7\xc2\xf1D\x80B\xee"\x0c\xa4\x8a\x08\xa4\xdd\xfdr\xbd^u\xb5\xb5\xb5\xb9\x0e\x8a\xa4\x88&lt;D\'e\x9c\x9e^\x05\xd7\xfb\x93\x17\xa3\xd7:\xc9\xab\xbbi\xbd\x836\x9b\xd1\x11\x92\xe5Fg4\x93\x88\x05\x16\xedv\x9b\xdb\x1f\x9c\x1cn\xd5A5\r\xaa\x8c\x87H\xb3\xe3\x1f\x12\xd67\x96\x977\x0f\xca\xbb\xef\x12v\xc4}\x9fZ\xdd\xf7\x05\xeb\xc9,\xe5Ra9\xea\x9c\xea\xfeh\xfd\xb3\x93NY\x96\t\x15q\xf8\xc9\xbb]T\xae\xbe\xb1\xb99\xe6r\xb9\xda\x96\xdb\\\xf5S,L\x1d&lt;\xbb`\x9d\xb6\xae\xae\xef\xbf?\x91gfg:o+X\x8e&amp;Be\x02\xd7\xa9\xc9\xc0E#\xc7\xdc\x7f?\xa9m\x95\x8b\xdbx\x06\x992\x8c\x8a\xe2\xc4\x9c\xdf\x06\xac+m\xcbc\x9b\x1b\xe5\xfdcXL\xa5bX\xccxq&lt;\x18L\x95\xc4`j\xfe4,\xce]\x98\x8cE\x83\xa0b(\xc9#\xa7\x88L\x1b\xe9MW\x88\\\xa0Z\x1ek\xae\xaf[\x05\x82\xd5\x87\x14K\xec\x0c\xa1"\xab\xf9\x95w\xe2\x03\xc2\xd5\xa3%?\x17\xc0\x82\r8\x98\x9fV\x1c\x86\x8b\xc4\xeb\xeb\xf0\xfb\xb7k\xeb\xab\xd6i\xe4h&amp;\x81hf\xf9\x92\xdf\x96,\x147\xc60Z\xf4\x14\xf5\xb5]\x80a\xc9eUjN\xf6%0\xe3\x82\xe3\xe32\xd2U\xc9\xcf \xba&lt;\n\x9d\x06\xe2)\xbf\xbf\x95F\xe1\x9a].\xac\xae\x84\xea\xca\x18\xa2\xd0"\x14R\xbcJ\xa5R\xb8l\x16\x0b\xfe\xbf\x14\x05\xd6\xec\xb5\xce\xf6.\xbd\x83t\xa9\x1a\r\xe1\xd28\xc8\x07rV\xa9y\xe5+\x1d\xbf)\xe6W\xad\x16\x8b5\x99\x8a\x83\xaa\x0f&amp;\xf0\xdbl\x85bu\xacy\x99pA\xb0\xe2\xeeq\x9c\xfb\x92Q\xabX&gt;\x1c\x15\xe3\xa2/\x13\xf3q?N\x9f\xb9\x94\x93=\x1c\xd2\x80\xe2\x13\x19\x9bP\x80\xc0@\x02W3\xa9 \xe1k\xde\xdc\xcf\x0f\xd9\xfc)\x8eP\xa9\xd5v|\x19\xbe\x91\xc5\x92t\xde{0\xa3\xc8\xa5A\x94j\x80\xd6\xd2\xe2\xc0GE;Z\xf3\xfc\xe1\xf1\xbb\xddu,\x0c\x82\xc5r\'\x1a\x801\xfb\xfaT\x12\xb00\x937\x9b\x9b1\xe0\xe6P\xa8\xf9\xa0\xbe\xbf\x02\x8fq\xe8\xbfXN\x8c\xa6|Q\xdf\xc3\x12\xc7\xde83\xcf\x93\xa5\xd3\x1eID3K\xb6\x02\x11X\xc1js5\xb7A\xe96\x97\x8b\xa8e\xf3\x17R\x12\xb0X\xdc\x9d\x8a\xa7\x92\x16r\r\xdd\x19\x7f\xf5\xfa\xf5O\xda.rhzzTI\x8eM[ \x9d\xdb\xfd\xca\x17\xcd\xac\x17\x04\xe5\xebba\x18@\xcd\xb0}*;\xb0\n\xf92FN\xea\xe0".Io\xbd]Y\tz(\xa5\xcf\x11S\xb9\xa8\x87c/G\xce\xf0\xca\xf2"\x06K\xa2\x0c;\xfa\x8b\x1bW\xe0t \xe1/\xb9&gt;`\xd9\xfcQ\xbb\xfa\xc3\xc5 \x01I!\x87\x86\xa6\xee\xfc\xe3\x9f\xaf~r\xeb\x1b\x1b\xff\xd2\xd8\xa8\xfc&lt;\x05\x97\xbe\xf7\xf9\xcb\xd7\xf7\x1ef\x96&gt;@%\xc7\x179\xa2\x14cgUR\x145$\x8eW\xe4\xc2\xcd\xc9\xed\xd3[\xe5\x95\x8c\xfc\xaf"\xcc\x9f\xb5m \x0c\xe3\x9aK(*h84\xde\xe2U\x06u\xa8\xd17(\xdc\x90\x0fp\x83A\x8bCn9o\x0et\x92\x87\x0c\xb6\x11\x08\xd4B\x10\x06C\xd7\x84`O\t\x02\x93I\xb2!\x83\x93v\xf0\x12&lt;\x18J\x07\xef]\xfa\xbc\xaf\\\xf7]$\x83\xce\xf7\xbb\xe7y\xee\x8f4\xa6\rI\x0c\xbb]\x8f&amp;\xbcCJ=\xae\x93b\xe2N\x81U\xd5[\x85\xb1H\xc9T\xd4P*`\xc1\xc45\xc6\xe3\x9eq\xbeD&lt;\xba\x9ai}\xad\xdbA\xde\xbb}{\xbe\xffD\xf5\xfd#}\x97\xffpqq\xff\xfc\xf5n\xc7P7A;_\xae\xfbH\x0e\x05\xcb\x13n\x9c"\'+\xc6\x92O\x87\'\xceHK\xa9\xc5\xb6.\xe7\xd3\xb8#\xc8\x8dw\xee\xfbn\xe2xq\x01\xa8\x0e\x9a\x8dJcL\xbdh1\xd6\xf9Q+iY\xad\xaa\x1c\xd1A\x17L\x140_\xf4\x93\xcf\x00\x03W\x10\xe4\xaf\xaf\x9b\xcd\xe6\xedT\x9b\xcdmov\r\xa8 hk\xea\xad\x19M\x14\xf9\xc2\x1f\xce\r\xb0\xb6V~!,p\xf1\xf0\xcf\xd5\xb66!\xf8;\xdc\x857\xbaK\x9dq\x82\xd5\x1d\x8d"?+I-`)\xc9j\xa9\x06K\xda_/\xa1\xd9\x15\xd8#Y+\xca\xbd\xefO\xba\xc97\xcd\x11\x0b\x08\rl\\\xbd&lt;\xcf\xf1\x1bB\xdd\x04Z\xcf\xe0\rM~\xf7(\x977\x9e\xa3\x0b\xc4\xd7\xa2\x03u8\x1cZ\xb8C\x8a\x17\x7f^0C\xcb\x87i\x877\xcanz\xe9$\x19\xf2H%\xd6\x8dZJ\xa9\x16\xc5^*\xd2Z\x01\xeb\xc7\xca\x94\xbb\xc2#/\x1a\xb5\x90/\x81#\\\xa8\x9b\n\x1a&lt;X\xc6\x8c\xffJ\xe3M\x8e\xdf\x05\\:,\x9cQ\xba\x08K#[\xc0\xb2\x96\xe4R\xb8J\xb5\xf8\r\xaap9H\xb3q\x87\x1e\x8fc\xe7\x91\x16\x14*op\xc2Rh\xd7Rh#-c\xd5\xe5\t\x8b\xa1\\\xda\xa4\x86\xf30D\xe6\xaaJ\xb3j\r\xdb\t\x0c\xb08\x8abv\tR\x8b\xb8H\xae\xfe\x03\xfa\x07\x16\xfd\xb3U\x8d\x8b\xb8\x81\x87Xf\xd3\xb8?\x18\x14\x13A\x1d8"\x8a\xfec\x85fO&amp;\x92`t\x91l\xa8E \xcb%L&lt;&amp;\x9e&lt;\xa4u\x0eX\x95\xd9\xefWd\x00\x0b\x17\xe8\x06\xa8\xc2\xf04\x90/cz\xed\xf2\xb9\x01B\x03C\x8a\x1d\x9eE\xe4i\xb0\xd6\xc2ER\xcb\xfe\x84\x87\xc6\x94\x99\x88&amp;Y:\x8a)`\x7f\x01\xfbF\xe1\x9b\x07\x8c,\xa6\x00\x00\x00\x00IEND\xaeB`\x82'</t>
        </is>
      </c>
      <c r="M472" s="3" t="n">
        <v>45492.67857638889</v>
      </c>
    </row>
    <row r="473">
      <c r="A473" t="n">
        <v>1128844</v>
      </c>
      <c r="B473" t="n">
        <v>200654</v>
      </c>
      <c r="C473" t="inlineStr">
        <is>
          <t>Emersonn</t>
        </is>
      </c>
      <c r="D473" t="inlineStr">
        <is>
          <t>Emersonn</t>
        </is>
      </c>
      <c r="E473" t="inlineStr">
        <is>
          <t>UNK</t>
        </is>
      </c>
      <c r="F473" t="inlineStr">
        <is>
          <t>UNK</t>
        </is>
      </c>
      <c r="G473" t="inlineStr">
        <is>
          <t>UNK</t>
        </is>
      </c>
      <c r="H473" t="n">
        <v>186</v>
      </c>
      <c r="I473" t="n">
        <v>90</v>
      </c>
      <c r="J473" s="2" t="n">
        <v>38183</v>
      </c>
      <c r="K473" t="inlineStr">
        <is>
          <t>Right</t>
        </is>
      </c>
      <c r="L47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85-KO\xd1\xf4\xe9\xf5mV\xf2+k[XZ[\x8b\x89\x9c*F\x8a\tfbx\x00\x00I5\xc0\xfc~\xfd\xad\xbff\xff\x00\xd9w\xc3\xf3\xf8\x97\xe3\xcf\xc6-\x0f\xc3v\xf6\xf0\x19]5\x0b\xd5\x12\xb2\x81\xfc1\x8f\x98\xe7\xb7\x15\xf8;\xff\x00\x05\x89\xff\x00\x83\xa1&lt;E\xf1\xb3N\xf1\x17\xec\xe9\xfb\x12\xc5me\xe1;\xfbG\xb2\xbe\xf1\r\xec\r\xf6\xbb\xf8\xd8a\x8a|\xc0D\x87\xd3\x93@\x1f_~\xde\xbf\xf0u\xbf\xec\xc3\xfb=x\xb2\xe7\xc0\x1f\xb3?\x84d\xf8\x85}\xa6\xdd&lt;Z\x9e\xa2\xec`\xb3\xf9\x0e\x18D\xecT&gt;=s\xf8\nw\xc1\x9f\xf8;o\xf6*\xf1\xdf\x83.\xee|}\xe0\xadk@\xd7\xa0\xb12[\xda\xbc[\xed\xa7\x9fi\xc4{\xd4\x9d\xbc\x8fS_\xcc\xb4\x97\xb7\xda\xcd\xc5\xde\xa5\xaajdN\xf2\x19g\\pry\xc5X2\xbc\x96"\xfe\x02w\x03\xca\x0f\xe7\x8a\x00\xfe\x82\xbe\x1a\x7f\xc1\xdbw\xd7\x9f\x15\xac\xac&gt;&amp;\xfc\x14\xd2\xac\xfc!{|\xb0\xcb\xac\xda\\\xbb\xb5\xa2\x96\xdb\xf3(\xe7\xf1\x1b\xab\xee\xdf\xd8\xc3\xfe\x0b\xab\xfb\x13~\xdb\x1f\x1c\xf5\x8f\x80^\x00\xf13\xe9\xfa\xb5\x81\xff\x00\x89l\xfa\x94\x828\xb51\xd0\x88\xcb\x01\x86\x07\x8cw\xfe\x7f\xc8\r\xbe\xa3,\x9f\xbb[\x87(NJ\x968\xcf\xd2\xb7\xfc\x1d\xe3\xff\x00\x17\xfc9\xf1\x85\x87\x8d|\x13\xaf\xdei\xda\x96\x9f(\x9a\xd6\xf2\xcab\x92E \xe8\xde\xf4\x9e\x80\x7fV\x1f\xf0X\x1f\xf8/\'\xec\xfd\xff\x00\x04\xdc\xf0\xb5\xdf\x81\xbc!\xadYx\x97\xe2d\xb0\xff\x00\xa3\xe86\xeed[\x10\xc0\xe2I\x8a\x82\x01\xf4S\xd7\x1e\xd8\xaf\xc7o\x83_\xf0s\xc7\xfc\x14\xbbT\xf8\xedk\xab\xea\x9e#\xb1\xf1\x05\xbe\xa3p\xb1\xd9xr+w\x8e#\xbd\xbe\xea\x85V\xc9\x19\xc7\xdd\xed_\x9b\x1e:\xf8\x83\xf1\x0f\xe3\x1f\x8du\x0f\x89\xbf\x11\xbcS\xa8j\xba\xad\xfc\xab\xf6\xdb\xfb\xb97\xc9&gt;\x01\xc7_Nk\xa9\xfd\x92\xbfi\x1b\xff\x00\xd9C\xf6\x83\xf0\xff\x00\xc6\xad#\xc0z^\xb3/\x87u(\xee#\xb7\xd6\x0113\x02\x08\xdc\x06N\x0e{T\xdd\xb6\x07\xf5I\xa3\xfe\xd7\xbf\xf0W\x0f\n\xe9zD\x9e)\xfd\x804\xaf\x16&amp;\xb1\x04SG\xa8\xf8g\xc4\xd1\xa2\xda\xa3\xa8o\xdf,\xbb\n\x9c\x1e\xc0\x9fj\xfa\xab\xe0\x17\xc4_\x89\xbf\x12|\x1au\x9f\x8a\xdf\x07\xae\xbc\x17\xa9\xa4\x81[N\xb9\xbdI\xf7\xf1\x92\xcaW\xa0\x1d9\xaf\x82?\xe0\x9a\x9f\xf0r\x9f\xec\xb9\xfbf\xebZW\xc2\x7f\x8c\x1a\\^\x02\xf1\x96\xa0V\x1bek\x8d\xfa}\xd4\xa7\x80\xb1\xc8\xd8+\x93\xd3u~\x97D\xf1\xc8\x81\xe2`U\x86T\xa9\xe0\x8fZ\xb0\x1dE\x14P\x01E\x14P\x01E\x14P\x01E\x14P\x02;\xaa)w`\x00\x19$\xf6\xaf\xcd\xef\xf8-\xdf\xfc\x17_\xe1\xd7\xec\x0f\xe09&gt;\x12\xfc\x07\xf1u\x86\xa9\xf1CU\x1bP\xdb\x85\xb8\x8bF\x87\xf8\xe6\x93\xaa\xef\xc7@{\xfe\x9d\x8f\xfc\x15\xba\xc3\xf6\xc2\xf8\xb1\xa1k\x9f\x0f\xfc\x01\xe3\xd3\xf0\x9f\xe1\x9e\x85\xa2\xb5\xef\x89&gt;#\xdd]"\xfd\xb0\xf9d\xf9\x10*\xb6\xf2s\x85\xc1\x00g\x9e{\x7f1Z\xaf\x88|\x1d\xf0\xef\xe3\xe6\xa1y\xf1\xf3D\xbd\xf1\xcd\xa5\xbd\xdc\x9edZ\xa5\xe3\x87\xba\xc18i:\x9ez\xd4\xb7`1?i/\xda\xfb\xe3?\xedQ\xf1\x1bW\xf8\x8d\xf1\x8b\xe2\x06\xb1\xe2\rKU\x94&lt;\xb7\xba\x85\xcb\x90y&lt;(\x18X\xc7\xb2\x81^n\x960\xea1\x97\xd4F\xec\x0f\x97\'\x04\xe3\xa7#\xadu?\x16&lt;\x7f\xe1\xff\x00\x88\xfe&gt;\xbb\xf1\x1f\x83\xbe\x1dZxoF\'\xfd\x0fK\xb7P\x16$\x18\xc0\x1c\x02\x7f\xfa\xf5\xc6\xeaZ\x84\x97s+\xd8)\x023\x96S\xde\xa6\xec\x07jby\x0f\xeeB\x81\xb7o\x08:Q\xa1K$3\xcbkxr\x19:\x11W-J=\xb7\x9b"\xe1\xf1\xf7j\x8e\xb5 \x83PSl\x0bN@\xccj8\xc7\xd6\x8b\xb0+\xa5\x95\xc3^\x18t\xf3\xb1C}\x7f\x9do\x9d"\xd2\xd6\xd9.\xf5\x1b\xc0\xac\x06\x01\xce\x0e}+"\xda\xff\x00\xec\x97\x069\x95C\xff\x00\x11\x07\xa6jK\x88\xde\xe1\xbe\xd4\xf2\xb5\xc4+\xf7\xa3=\x8fj.\xc0\x91u\xc9ty\x9a\xdb\xfb4\x95\x97\xa1\x04\xf2=}\xaa\xb6\xa3\x1d\xbb\xabKm+B\xce\xc1\xcan$\x96\x1fZ\x92\xdfR\xca\x16\x90\x896\xfd\xdd\xe3\x05G\xa5I|\x96\xb3\xc7\r\xec\x91\x80\x19\xc6\x08\xed@\x0b\xe1\xbdkW\xd0\xe6\xb7\xba\xd3\xf5+\x8bi\xade\x12\xdb\xcd\x04\xc5\x1d\x1c\x10C\x06\x1c\xe7"\xbe\xf8\xfd\x87\xff\x00\xe0\xe3/\xf8)\x17\xec\x81\x02\xf8R\xcf\xe2t&gt;8\xf0\xd8\x91\x16-/\xc6\x19\xb9\x16\xe3\xd1&amp;\'z\xfe$\xd7\xe7\xf6\xa9\x1b\xdaM\x1f\x93\xf3D\xff\x00y\xfd*k7\x8f\xec\xaa\xf6\x93?\xcc\xdf&lt;j\xd8F\xf7\xc5;\xb0?\xb1\x1f\xf8$\xdf\xfc\x15C\xc3\x9f\xf0Q\xbf\x84\xbf\xda\xbe&amp;\xf0\xd5\xb7\x85\xfcgf\x7f\xd3t(\xee\xb7\xc7q\x162&amp;\x80\x93\x96\x1e\xab\xd4\x7f/\xaf+\xf8\xb3\xfd\x87\x7fj?\xdaK\xf6}\xf8\xe7\xe1\xedk\xe0\xa7\x8a\xee\xce\xa1m|\x91\xc1\xa7ArA}\xf8\xca(\x07\xa9\x18\xaf\xe8\x83\xf64\xff\x00\x82\xea\xf8\x83\xc6?\x18-?g/\xdas\xe0_\x89&lt;;\xab\x0b\x05\x92MZ\xff\x00N\x11\xee\xe0e\x81F+ \xfa\x05=z\x9e\r\xa0?K(\xaa\xba&amp;\xb5\xa6\xf8\x8bI\xb7\xd74{\x915\xad\xd4BH%\nF\xe5# \xe0\xf3V\xa8\x00\xa2\x8a(\x00\xa2\x8a\x0fJ\x00\xfc\x86\xff\x00\x83\x88\xbfh\xef\x8d\x9f\x1f\xbe\x06x\xbf\xf6z\xfd\x9b|(\xaf\xa1\xf8B\xf6;\x8f\x15\xf8\x9a]DF\x92M\x06%\x92\x15N&lt;\xc4Q\xc3|\xc3$\x9e\xbd+\xf9\xbc\xf1E\xf5\xcd\xf5\xeb\xcdq#O4\xcd\xe6K,\xb3\xeees\xd5s\xdf\x06\xbfM\x7f\xe0\xb5?\xb6\x87\xc7x\xbe*\xfcD\xf81\xe1\xeb\xa4\xf0\x7f\x82$\xf1\x15\xe5\x9c\x1a\x14P\xa9\x9bV\xfd\xe9\xf3fw#\x7f\x96d/\xdf\x0c\x06\x0fq_\x97\xab\x15\xa5\xbc\xcc\x8b6]\x86\\\x1c\x02q\xd5\xb0:\x03\xd6\xa1\xee\x05K\xff\x00\xb6\\\xc8\xb3\xb37\xc8\xb8\x01[\xfaU\xcb\r.\xe2\xe5R\xf2\xf1\x12(\x90\xe4\xb0=G\xbd9\xe1\x95\xca\xc3\x08\xc1\x90\xe3&gt;\xde\xb5-\xa5\xb6\xa9\xaaK\'\x85\xac\xdb\xcd\n:\xaf9\xac\xe55\r\xc7\x18\xcar\xb2)\x0b\xe8\x1a\xfd\xa1YB(\xe9\xbb\xbf\xd2\xa6\xb96\xfan\x96u(J&lt;\x92\x83\x87s\xc8\x15\xdbi_\xb3\xcf\x895\xadV\xcbM\xbc\x85cy\x80\xf2\xe4+\x80+\xab\xf0\xc7\xec\x8b\xe2_\x11\xcf%\xe4\xd7\xb1-\xa5\xbc\xbeY\xba\xe3i\xc7oJ\xe5\x9ea\x87\x82\xd5\x9d\xf4\xf2\xdcMM\x91\xe1\xe9kl\x96Q\xdc\\o2I\x96\x03\x1c\x9c\x9a\xb3\xa5\xdb\xde[\xcc\xb71@\xe62\xc1Y\x18z\xf75\xf5\x87\x83?a{mJ\t\xa7\xd5YL\x8b\xff\x00\x1e\xdby\x18\xecG\xd7\xadt7\xbf\xb1&amp;\x81\xff\x00\x08\xe7\xd9\xe5\xb6?m_\x9c0ln\xc7j\xf3\xa7\xc48(\xcb\x97\xa9\xe9\xd2\xe1\xbcl\xd73\xd8\xf8\xb7Y\xd2\xe47\xff\x00o\xb7L\xc6\xa4,\xde_*\x01\xff\x00\xf5R+\x0b\x9b\xb1\x01V\x16\xa3\xfdYa\xde\xbe\xaf\xf1\x17\xec\x91f\xb6\xd6\x97\x16z#\xc3(\x90%\xd4\x11\x02C/9b?/\xce\xb9_\x12\xfe\xcd6\xf6\xda\xe7\xd8 \xb5e\xb7p\x02a~\xe9=\xebHg\x98Y\x18U\xc81t\xde\xc7\xcei\xa9B\xcf&amp;\x9b}\xc8\'\xf7ey\xc5:f]\x16\xcd\x06\xc6$\xb6A\x035\xd5|F\xf89s\xe1\x1dY\xe5H\xdc\xc6\xa7\x97\x0b\xc5a\xc54z\x8e\x93\xf3C\xb8\xc6\xfbO\x1d\xff\x00\xc8\xafV\x85jU\xa9\xdd\x1eEz5(\xce\xcc\xef\xbe\x03x\xc2\xef\xc2&gt;?\xd0\xbcw\xe1\xfdYl\xf5k;\x90\xf6s:\x82\xa2@F\xd5`}p9\xf7\xaf\xec\x17\xf6%\xf0\x8e\x83\xf1\x9f\xf6m\xf0\x0f\xc6?\x8c\xbf\nt\x19&lt;[?\x87 \x177\xedi\x14\xe6]\xab\x80\xe1\xb1\x86\xe0\x0eO&lt;W\xf1\x95\xe1\x1f\nj^4\xf1L\x1e\x19\xd22\x97W7\x08"\xcb\x15\xda\x08\x03#\xf1\xef_\xd3\xa7\xfc\x1be\xfbC\xfcd\xb0\xf8\x01i\xfb#\xfe\xd0\xf1\xdcK\xa8i\x16\x8du\xe1\x1dM\xa6i\x92\xe7O\x18\xc2\xf9\x84\x9c\x90\xb8\xef\xd8\xfa\xd7B\xd8\xc8\xfdD\x8e8\xe2A\x14H\x15TaUF\x00\x1e\x94\xb4QL\x02\x8a(\xa0\x02\x99s&lt;6\xb6\xefsp\xe1R4,\xec{\x002M&gt;\x91\x95YJ\xb0\x04\x11\x82\x0fz\x00\xfc\x07\xfd\xa1?a\x7f\xd9\x9f\xf6\xbc\xf8\xb5\xf1\xfb\xf6\xdd\xf1\xa7\x81\xb59mm\xf5\x8b\xe8&lt;\x0f\xa0_\xce\xd6\xd1_\xdc[\xc6&lt;\xd9\x86H\x024p\xc4\x9e\x84\x8fz\xfcP\xf8\x83\xe0\xc1\xa7\xf8\xba1\xe1\xcd\x12\xea\xe2\xca\xee\xec\xc3k3.M\xd3\x83\xf3`\xf7\xc9\xaf\xec\xc7\xe3\x1f\xecs\xa5|h\xf8\x8fwq\xe2\x08m-\xfc7\'\x83.\xf4\xbbK[H\xc2yW7;\xd6Y\n\x00\x01\xe1\x81\xcfr+\xe0\xaf\x87?\xf0oO\x8e\xbe\r|`\xf0g\x8clo&lt;\x19\xe2m\x17\xc1\xba\xb6\xfb=&gt;\xe2\xd5\xe2y\xa3\x95\xff\x00{4\x85\xb3\x97T$\x05\x03\xbdO-\xd8\x1f\xce\xb7\xc6o\x85\xbe&lt;\xf83\xe2\x91\xf0\xff\x00\xc7\xfe\x12\x9fG\xd5\xa3\xb5\x8av\xb5\xb8\\6\xc9\x144m\xf8\xadO\xfb=x&amp;\xfbX\xf1\xa4\n\xf82\xfd\xa5w\xee\xee3_\xa4\x1f\xf0u\xcf\xec\xeb\xe2/\x87?\xf0Q\r;\xe2U\xbf\x86D\x1e\x1f\xf1/\x84\xadF\x97&lt;I\xb63,\x05\x91\xd0\x01\xdcek\xe6O\xd9\xaf\xe1\xf8\xd6^\xcf\xc4W\x16&gt;O\x97\x00P\xc11\x93\xef^.o\x88Xj-\xa3\xd6\xc9\xb0\x92\xc5b\x94N\xcb\xc5\xff\x00\x0e\xf5\x8d[K\xb1\x1e\x11HE\xe4\n\x06T\x0c\xf4\xafX\xf8%\xf0\x1c[\xf8B\xc7Mr%\x95$/p\xa7\xfeZ1\xeb\xfa\xd5\x9f\n\xf8~\xd2\xd0\x02\xce&gt;\xb5\xf4\x17\xec\xfdye\xa1\xe29\xed\xe3l\xf4\xdc\xa0\xd7\xc0\xcf\x13Z\xabl\xfd\x1e\x86\x16\x14}\xd4\xafc\x82\xd2\xbe\r_Y;\xec\xb0\x00\x03\x90\x00\xe9\xedM\x97\xe1\xdd\xc0\xbd\x11Md9\xe9\x91_H\xeb3\xe9W\xcc\xd2\xa4q\xa9`8U\x03\xb5sZ\xb6\x9bo\x1d\xab]\xdb"\xb4\x8b\xf7F:\xd7\x14\xd4/yhz\xb4\xb9\xa2\xac\x97\xc8\xf0\xcdc\xe1\x08\x95\x19\xde\xd4(\xdb\xd7\x15\xe4\xdf\x10&gt;\x11-\xbc\xf2M\x1a\x00\xca\tS\x8a\xfa\xbe\xf2\xf7R\xfe\xccy\x1a\xccn\'h\x05k\xc4\xfe$h\xf7\xb0\xddM{p\n\x8eN\xda\xd2\x12\x87FsWN\xfa\xc4\xf9\x07\xe3\x7f\xc2\xeb{\xef\x0f\xdc$h&lt;\xee\xfe\xb5\xf2\xbe\xaf\xa0\xdc\xe8\xd7\xc9r\x96\xab\x02gl\xa9\x19\xcf \x90\x0e?\x1a\xfd\x0b\xf1\xfe\x99\x1d\xe5\xa9+\x12\xf3\xd7\xe5\xaf\x97~&gt;\xfc9\x93\xfe\x12\xab(\xb4\x98\x01\xb7\x98(\xda\x8b\xcb9p1\xfa\xd7\xd6dX\xf6\xa7\xec\xa4|F\x7f\x80\x8a\x87\xb5\x89\xfa\xab\xfb \xff\x00\xc1\xb3z?\xedS\xfb\x01|;\xf8\xd5\xa4|m\x93\xc3\xbe-\xbf\xd3\x1fT\xd2\xee#\xb3\t\x87\x91\xcb\'\x98\xea76\xd6\xe9\xcf@+\xf4{\xf6&lt;\xf8U\xfbI~\xc1^\x0c\xd2,\x7fi\xdd;E\xf1\x9c\x16\x96\xc9`\xde0\xf0\xdd\xb6.mA\xc2\x81"\x10\x19\x91\x88\x19&lt;\xe2\xbd\xc7\xfe\t\xcf\xe08\xfe\x18\xfe\xc2\xdf\n|\t\x14n\x83O\xf0E\x8a\xed\x7f\xbc\x0bF\x1c\xe7\xdf-^\xcbskm{\x0b[]\xdb\xa4\xb1\xb7\xdeI\x14\x10\x7f\x03_n\x8f\x8d\x12\xc2\xf6\xdfR\xb1\x87Q\xb5bb\x9e%\x922\xcb\x83\xb4\x8c\x8e;T\xb4\x8a\xaa\xaa\x15T\x00\x06\x00\x03\xa5-\x00\x14QE\x00\x14QE\x00\x14QY\xbe1\xbc\xd4t\xef\tj\x97\xfa@\xcd\xdc\x1at\xf2[\x0cg\xf7\x8b\x1b\x15\xe3\xea\x05\x00~b\xff\x00\xc1\xd4\xff\x00\x02\xb4\xef\x88?\xb27\x83\xbe($*/\xbc9\xe2\xe1j\xb2\x91\xc9\x8a\xe63\x91\xee\x01\x8f5\xf9=\xf0\x9a\xcb\xfb+\xc2V\xbau\xbaG\x81\x0eD\x85@\x0c\xd5\xed\xdf\xb5\xd7\x89&gt;6|rO\x10?\xc4\x8f\x8d:\xad\xf2\x9d~\xe1"\xd0%\xbcy!C\x13p\xdbX\xe0\x10\x18s^;\xf0\x93\xc3\xb2\xea\xf6m\xa1\xddM\x84\x88\x18\x9ds\xf7k\xf3\xcc\xfb2\xa5\x89\xaa\xe3\x0e\x9a\x1f{\x91\xe5\xf8\x8c\x12U\'\xb3&amp;\xb8\xf8\xc7\xe0?\n\xdf\x7fg\xf8\x93]H\xdb?4\x88~\xe5{\x8f\xc0\xef\xda\x0b\xf6w\xf1-\xec:z\xfcE\xb3\x8a\xe3\n\x167\x93k1\xfcMy\x8e\xad\xf0\xef\xf6\\\xf0\x91S\xe3M).e\x7f\xf5\xc9!\xcb1\xf6\x15\xc3\xe8\x1e#\xfd\x92\xf5o\x89\x91\xe8&gt;\x0e\xf0\xb3E\xa8+\x13\x02:\x06\xdc\x07\xa7z\xe1\xc3S\x84\xe8\xe8zUq\xb5\xe9b6\xd1\x9f\xa2\xbag\x84\xb4\x0f\x12i\xbf\xda\x1a\x1e\xa9\xe6\xa1\x19IL\x99\xc8\xfc8\xad\x08\xbc\x01\xe1\xf4\xd3|\xe9\xae\t\x95S\x92\x1c\xf5\xaf\x0b\xf8\x13\xfbEx?D\xb4O\x0b\xc5k2(\x05#\xda\xbf*\x9c\x9c\x8fnk\xbc\xd5&gt;&amp;\x7fa\xc5-\xf9\xbd"\x17Rp\x9c\x8cz\xd7\x91\x8an\x9c\xb6\xb9\xee\xe1\x95J\xd4\xb9\xafc\x1b\xe3\xe7\xc5\x8f\x06\xfc\x12\xd1\x92\xebR\xd0\xee5\'a\x9f*\xdc\xe1\xbe\xbfO\xf1\xaf\x8d\xfe!\xfe\xda\xf7\xff\x00\x11\xb5\x1b\x9d/\xc1\xdf\x075M\xc3)\x18 \x90\xc7\xb7j\xf7O\x1f\xfc_\xb7\xf1\xbf\x88\xa1\xd1\xdfI{\xdb\x99e\x11\xd9E\x18\xcbJI\xc6+\xc9\xbe"~\xd4\x9f\x10&gt;\x06\xfc^\x1f\x06\x97\xe1\x0bZjn\xaaL[\xa0\xf3~b@\xe1\x98W\xa7\x81\xa1:\x94\xef\xca\x8f\x9c\xcck\xce\x95[93\x9c\xd7n\xbcGc\xa1Y\xc5\xe2\x9d\x12k[\xdb\xd8\xbeQ\xb0\xfe\xed\x88\xe35\xc0\xea\xfe\x1f\xb0\xd3\xfe*xh\xf8\xaec\x15\x8aj\xd0\xc9re\xc1\x11\xc4\x1dK?\x1fJ\xf6\x01\xfbA\xaf\xc5\x19\xa7\xd1\xfcE\xa0\xfd\x9a\xec8.\x08\xdcP\x8e\xdct\xfc+\x80\xd5|/\xa6j\x7f\x17\xb4\xfd.`&gt;\xc9\x9f\x9d\x8f\xf7z\xed\xfc\xeaiT\x9e\x1b\x11\xce\xb6\x1e"\x9f\xd60\xca/v~\xed\xfe\xcc\x1f\xf0Y\xef\xd9\xaf\xc7\xff\x00\x12|\x1f\xfb1x3K\x9aA=\x9d\xae\x9di\xaa$\xa7\xcawH\xd22W\xe4\xdaFA\xe39\xc0?J\xfb\xb8s_\xcf\xdf\xfc\x13\xc2\xde-G\xf6\xc8\xf8[\xe1o\x0fi\xf1\xfc\xde#$\xfc\x98d\x89dU\x07\x1d\x87\x19\xaf\xe8\x10t\xaf\xd1r\xbcd\xf1\xb8wRK\xa9\xf0\xf9\xa6\n\x18\x1a\xea\x9c_MB\x8a(\xafH\xf3B\x8a(\xa0\x02\x8a(\xa0\x02\x91\xd5YJ\xb0\x04\x11\xc8=\xe9hn\x87\xe9@\x1f\x84\x7f\xb7\'\xec\xe8~\x17~\xd8\xbf\x14|=aw\x9d0\x08o4\xb8\x0cc\xe4y\xf7\xf1\x9c\xf5\xdb\x1a\xd7\xca\xff\x00\x0cti4?\x12_Z\xde\x86I\xc5\xe1Ibn&gt;~\xc3\xe9_h\xff\x00\xc1_l~#\xeb?\xb7\x87\x8a4\xef\x08\xc8-\x9c\xd8\xd9\xce\x92\xbf\n\xe6 v\xa1\xfa\x87\xfd+\xe5\x9dMuO\xf8Z\xbfo\xd4-\xe0\xf3om\xad\xde\xf0F&gt;E\x90\x00\t\x18\xef\x91_\x93g\xb0t\xb3\n\x8a+K\x9f\xaa\xe4\xb2\xf6\xd9u&gt;g\xad\x84\x93\xe0\x07\x87\xbcI\xe2x\xfcI\xe2\te\x9d\x01\xce\xcd\xbfs\xe8;\xd4\x1a\x8f\xc1\x8f\x01\xfc\x1f\xf8\xb9i\xf1\xc3\xe1\xb4\xd3\xc9\xaaZ\xdb\xbc\x7fg\xba\x8e3\x11\x0c\x07m\xbdk\xe8O\nx\x12MG\xc3\xc2\xe2\xde\xc5\xe4p\x80\x90\xa9\x93\x8a\xe3\xbcO\xf0\xf6\xcfLyM\xdd\xe2\xbb&amp;K\xa1nW\xebYa\xab\xb8\xd2\xd0\xf4k`i\xce\xcc\xf1_\x02\x7f\xc2P\x9a\xf5\xee\xb3{v\xad6\xa9t\xf2\x95u\x00DY\x898\xc0\x18\x1f\x85z\xee\xbbjO\x81\xd6\xc6]S\xf7\xc6#\xe689S\xf8\xd7;\xa6\xf8j\xefS\xd7\xcd\x86\x95\xa5\xca\xf0\xcc\xe1c\x9a8\xc9\\\xe0w\xfa\xd7\xa7\xea?\x01\xfcE/\x87\xff\x00\xb0\xed\xec\xeed\xbaX\x8c\x9eR\xa1-\x809\xe2\xb3\x9b\x8b\x9d\xe4tAr\xc3\x913\xe5\x19t\xcf\x14[\xf8\x9e=N\xca\xf5Z\xe2\xca\xe45\xa1v#\x00\x1e\xbcw\xafF\xb3\xb1\xd0\xbc\x7f\xf1\t&gt;"\xf8\xf7C\xb7\xbf\xd6\xd6$\rq6Ce8\\\x1es\xc0\x07\xebT\xaf|+yk\xe2]\xfa\x86\x8f0\x8a\xdeB\xaeYJ\x8c\x83\xeb^\xaf\xf0\xe3\xc2\x1e\x17\xf1&lt;\xb9\x82\xed!\x928\xf7y|\x1c\xe2\xb5X\x9a\x90V\x86\xc7\x1dl\x159\xeb#\xcc5\xdf\x85\x9ad7\x97\x1e(\xb5\x86;v,H\x11[\xed\xc7\xd4\xe4\xe6\xbc\xebJ\xf0\x9d\xae\xb3\xf1b\xd6(\xee\tX\xad\x9ed\x938\x07i\xe7&gt;\x95\xf4\xe7\xc5}\x06=?\xc2r\xd8G\t\x19\x1f+\xe3\xad|\xd5\xa6\xad\xad\xdf\x8b\xef\xb4\x85\xf3\xad\xdf\xec\x1eT\xd3\xc5\x9c\xa2\xb3\x1c\x955\x9cj:\xae\xc2\xafF\x14a\x06}\xe9\xff\x00\x04K\xf0\xdf\x82|w\xfbuC\xe3\xbbr\xae\xd6Z\x01\x10@@\xda\xb2\xaaM\x96_\xc649\xf5\xcd~\xd2\x81\x81\x81_\x8a\xbf\xf0@?\x80\xfe-\xd1\xff\x00l\x1b\xef\x1e\xe80\xdf\xb7\x85\xf4\xed\x14\xc1\xe7M\x19(\x1c\xa4\x81\xb2\xc7\xb9f\xff\x00\xc7\xab\xf6\xa8\x0c\x0cW\xe9Y\x1d7O.\x8aj\xc7\xe6\xb9\xedEW2\x9bN\xe1E\x14W\xaey\x01E\x14P\x01E\x14P\x01E\x14P\x07\xce\xff\x00\xb5\x8f\xfc\x13\xc3\xe1\xcf\xed7\xe2\xd8\xbe!\xff\x00k\x1d\'[H\x969\xeeE\xb7\x98\xb3\x85\x18RpAS\x8c\x0e\xe0\x808\xee\x7f?\x7f\xe0\xa6\x1f\xf0M\xb9?d\xff\x00\x87\xfa?\xc7\x8b/\x19\x7fk\xc5\x16\xa8,\xaf\xe3\x16\xbb\x0cbL\xf9m\xc9\xe4\x03\x9fJ\xfd\x8a\xaf\x9b\xbf\xe0\xad\xfe\x08\xb4\xf1\xc7\xfc\x13\xf3\xe2$\x171\xee}3KMJ\xdf\x8f\xba\xf0J\x8cO\xfd\xf3\xba\xbc\xbc\xc3-\xc2b\xa8\xceR\x87\xbc\xd3\xd4\xf4\xf0\x19\x8e/\rV\x11\x8c\xfd\xdb\xad\x0f\xca?\x06\xfci\xb6\xd2&lt;&gt;\xc47\xfc\xbb\xd7=\xa2\xea)\x7f=\xd7\x88\xbcA\xae\xc6V\xf5\xf9\x89\x9b\xee\x80x\xaf0\xf0o\x87u\xbf\x15xz\xe9,n\xb7]\xc3:\xcd\xb5X\xf2\x80\xf4\xae_\xc6\xbf\x1cG\x83&lt;]o\xe0\x7f\x14\xf87TYu\x1b\x85K\x19#\x01m\xe6&gt;\x85\x8fJ\xfc\xc3\rB|\xae1\xee~\xa9S\x13\x18\xc59uG\xd4\x9e\x1c\xf8\x87\xe2w\xd7!\xd1\xb4{\xdd"\xcfF\n\xb8\x11\xc4&gt;\xd0X\x01\xf3\x13\x8fZ\xdd\xf1\x0f\xc6?\x1d%\xd9\x86\xd5\xa1i\x9a3\x13j\xbfj]\xac\xbf\xdd\xc6z\xe2\xb8/\x00x[\xc5w\x96\xd6\xbah\xf8;$\xad\xa8Z3[\xbc\x1a\x8a\xbb\x9c\x12:\xf1\x8e\x95\x8d\xa9\xfc#\xf8\xdc&lt;Xtg\xf8]\xaa\xa5\xac\x84\x05\x81\xae\x94\x0c\xe7\x8cW|r\xea\xb3W8\x9e2\x9f6\x85\xedk\xc7^&amp;\xd6\xb5)\xf4\x1f\x17x\xa3Gm\x15\xc6-\xe1\x82,J\x92w,\xd8\xfe\xb5\xca\xb5\x9e\x93\xa4\xf8\xd2\x0f\x14h\x9a\xdb\xec\xb2Q\xbe(\xd8\xedu\x1dI\xab\x1f\x13\xbc+\xaex}?\xb3\xf5/\x86\xe9\xa7Om\x012=\xd5\xc8\x03orH\xf7\x15\xe2^\x0c\xf1\xf7\x8a|}\xe3i|\'\xe1\x8f\n\xc9\xf6{)qs\xa8,\xf9\x88\xa8&lt;\xe3\x8ek\x1a\xb8j\xd4\x83\xebw\xd0\xf7O\x8a\x9f\x16-/\xbc8\x19\x9b\xb5}\r\xff\x00\x04*\xfd\x94~\x11~\xd4^!\xf1\xff\x00\x89~3xR-^\xdfO\xfb2\xd8\xc6\xef\xb7\x1b\x98\xf5#\x9e\x80\xd7\xc7\x1f\x18&lt;)&amp;\x85o\xa7\xe9\xf1]\x86rC\xcc\xb9\xe9_\xa6\x7f\xf0m\x87\x87\x8c\x1f\n~#x\x8e8\xc8\x86M~\x0bx\\\xff\x00\x16\x11\x98\xf3\xde\xbd^\x1a\xc3\xd3\xa9\x8eR\x9a\xbd\x93&lt;\xbe*\xc4T\x8e\x02\n.\xd7?D\xbe\x18\xfc$\xf8q\xf0k\xc3q\xf8K\xe1\x9f\x84l\xb4{\x08\xf9\xf2m"\x0b\xb8\xfa\xb1\xea\xc7\xdc\xd7GE\x15\xfa.\xc7\xe7-\xb6\x14QE\x00\x14QE\x00\x14QE\x00\x14QE\x00\x15\xe5?\xb7F\x93\x0e\xb9\xfb\x1b|P\xd2\xe7\x03l\xbe\x05\xd4\xc7&gt;\xa2\xdd\xc8\xfd@\xafV\xaf,\xfd\xb7n\x05\xb7\xec\x89\xf1\x1eR\xfbG\xfc!\xf7\xc0\x9f\xacD\x7fZ\x89\xfc\x0f\xd0\xa8|h\xfev\x7fgO\x88\x97z\x17\x88M\x9d\xd4\xe5LK\xb6]\xe0\x1d\xdc\x81\xde\xbd\x8f\xc6\x1e\x03\xf0\xe7\xc5=\x17\xec\xf7\xf6\x11M29\x92\xd5\xa4\xc91\xb7\xaa\xfa~\x15\xe3^*\xf0=\xc6\x82\x96\xde(\xd0"gY\x1c\x89\xf0\xb8\x00\x03\x9c\xf1^\x99\xe0\xcf\x18I\x7f\xa6\xc3\xac\xd8M\xf2\xa0\n\xe8\xa7\' W\xe4\xb1\xac\xe9\xd4v\xee~\xbb\n&gt;\xea\xe7W\xd0\xeb\xbffO\x0b|@\xf0\x17\x8fR\xd3\\\xf1\xad\xc6\x9dm\x15\xbb}\x92\xfeh\x92EQ\x92v\x8d\xeaGS^\x87\xe2_\xda3\xc7\xe6\xf2\x0b7\xf1}\xa4\xc9mr\x17\xed\x03O\x80\xbe\x03\x02\x1b;3\xdb5\x8d\xe1?\x1cxS[\xd2F\x9b\xab[\x17\xb8\xc7\xcc\xc5\x8f\xcb\xe9\xfaU-j\x0f\x06Gs\xe6A\xa7$\x92\x13\xd0\xf1^\x8d&lt;\xceQ\x8d\x8d\x15\n?\xca\x8e\x0f\xf6\x9d\xf0/\x88\xbe%\xf8\x8e\x0b\xad;\xc7W:\xa4\x176\xd9\xbbg\x8dP\x00\x0ev\xe1\x00\x1f\xc4k\x07\xc1^\x19\xd1&gt;\x16\xe9_`\xd3\xac"\x88\x80K\x84\x1fx\xd7\xa0x\xd3\xc5\xd6\x16\xb6\x89\xa7\xc0BO\xc7\xca\x8b\xf7W\xbf\xf4\xaf$\xf8\x85\xe3\x0b\x7f\x0e\xdb\xc9{4\xfehu;C\x1f\x9b?J\xe5\xab\x8c\x95Y\x19J\x9d4\xf4G\x19\xf1W\xc6\xf7Z\xc6\xaa\xf3\x18\x9a[\x8b\x87\x11[\x80z\x168\x1c\n\xfd\xeb\xff\x00\x82A~\xccW\x1f\xb3\x07\xecQ\xe1\xdd\x03[\xb7\xf2\xf5\x8dx\x1d_V\x079W\x95F\xd4\xe7\xd1@\xfc\xeb\xf0\x17\xc0\x1a\x06\xa1w\xf1G\xc3\xba\x96\xb8\xe4\xda\x1f\x10\xdalB3\xbcy\xcb\xc1\xaf\xea/\xc2K\n\xf8[M[u\x021\xa7\xc2\x10\x0e\xc3\xcb\\W\xd5p\xc5\x08F5\'\xd7c\xe3\xb8\xaa\xbc\xe5V\x14\xfanhQE\x15\xf5\x87\xc9\x05\x14Q@\x05\x14Q@\x05\x14Q@\x05\x14dW\x11\xf1c\xf6\x94\xfd\x9f\xfe\x05x~\xe3\xc5?\x18\xbe3xk\xc3z}\xa8\xcd\xc5\xce\xaf\xac\xc3\x08O\xa8-\x9f\xd2\x80;r@\xeak\xc5?\xe0\xa3:\xbc\x1a/\xec=\xf17P\x9aP\xa0xR\xe1\x06[\x19-\xb5@\xfcI\xaf\xcb_\xf8(\xe7\xfc\x1c[\xf1k\xe2\xcf\xc7\x0b\x1f\xd9\xa3\xfe\t+\xe3-1\xe2\xb4C?\x88|y6\x9e\x971\xc8\xa0\x81\xb6\x01 *W\x9f\xbd\xf4\xfc&lt;+\xe2\xc7\xed\xd7\xfb|\xfcu\xd1\xac&gt;\x0f\xfe\xd1?\x1c\xee\xb5\xab/&lt;I\xa9Y[X\xc3k\x1c\xce\x87\xe5,!A\xb8}s^Fc\x9ba0p\x94d\xf5\xb1\xea\xe5\xb9f\'\x1bR2\x86\xc9\x9a\xbe\x03\xd1\xb4\xddwE\x83K\xbc\x80\xb4/\x19\xdd\x95\xe7&amp;\xb9{\xcf\x03j_\x0bu\xc6\xd4\xf4\x98\xcb\xe9\xd21\xdf\x14\x99\xc8\xe7\xb0\xafI\xf8U\xa6D\xb6\x96\xe5\xb20\x06s\xda\xbb_\x89\x1e\x18\xd35\x8f\n\xedKU\xf3@\xe8\x07&amp;\xbf,\xf6\x8e3ml\xcf\xd6#\x07\xec\xd2{\xa3\x80\xf8S\xe2\x0f\x87R\xdd=\xee\xa7|\xb0K \xcf\x97/\x04\x1a\xbb\xe2\x1b\x9d\x05\xb5S{\r\xe4k\n\x9e\x1bx\xe4V\x0e\x87\xf0\x8e\xcfZ?g\xd54\xb0QI\xda\xc0\x95n\xbe\xb5j\xf7\xe0m\x8d\x9b\x86\x86\xcea\x1a\x8e3r\xcc\x07\xd7\x9a^\xd6F\r\xc93\x92\xf8\x93\xe3\x1f\x07\x9dH]h\x97m=\xe8M\x9eHN9\xef\xf4\xae&gt;\xc3\xe1\xc5\xdf\x8b\xae\x8e\xb9\xe2u&gt;X;\x96\x18\xceF?\x1a\xeff\xf8oo\x16\xb8\x9eE\x9cnC|\xdb\x13-\x8a\xed\xef\xb4\x1d?K\xd1\xbf\xd1\xed\x86\xe1\x1f\xcc\x00\xa7\xed\xdaEB\x9b\x9e\xe7\xcf\xfe$\x82\xdfF\xf1\x86\x8fs\xa7\x92\xbfd\xd6\xad\xe4\xd8\xe3\x03j\xc8\t\xfd\x05\x7fJ_\x0c\xef\x17P\xf8s\xa0_\xa1\xc8\x9bE\xb4\x90~0\xa1\xaf\xe6\xdf\xe2\xad\x99\x92\xeaK\xad\xbe[$e\xe2\x07\x8c\xb8\xe8+\xde\x7fc\x0f\xf88?\xe3\'\xec\x85\xe2m\x1b\xc0\x7f\xb6\x0e\xb3\'\x88\xbe\x1e\xdc\xa7\xd9,\xae\xfe\xca\xa6\xf7L\xd8\x06\xdd\xad\x18\x06T\x03\x8c\x10H\xc7Z\xfb&gt;\x15\xc6\xd3\xf7\xe9\xbd\xe5c\xe3\xb8\xab\x07RN5#\xb2\xb9\xfb\xd7E|\xb3\xf0K\xfe\x0b;\xff\x00\x04\xea\xf8\xf9\xa7C\xa8\xf8\x1f\xf6\x86\xd3\x10K\x80\xd1\xea \xc0\xf1\x13\xd08nW\xf1\x15\xf4\x97\x85&lt;k\xe1\x1f\x1diq\xeb~\r\xf1-\x96\xa9i"\xe5.,nVE#\xf0&lt;W\xdb&amp;\x99\xf1R\x84\xe2\xb5V5(\xa2\x8ad\x85\x14Q@\x05|\xbd\xfbn\x7f\xc1B\x1b\xf6f[\xbd\x13\xc3\xfe\x0f\x92\xe6\xee\xdb\x0b%\xe4\xa5YC\x15\xdc\x02\xa6Go\xe2$\xff\x00\xbah\xa2\xb9q\xb5\'K\x0b)A\xd9\xa3\xd3\xc9\xb0\xf4qY\x9d*UU\xe2\xde\xab\xfe\x18\xfc\xd8\xfd\xa1?\xe0\xa6\x7f\xb5?\xc6\x1b\t\xda\x0f\x1e]\xe9z}\xdb\x15H \xb9`\xca3\xb7\xee\xa6\xd4\xea\t\xe1{\xd7\xe6\xaf\xfc\x14b\xe3\xc5W\xb6\x9aE\xd6\xb5\xe2k\xbb\xe7\xbc\x91\xfc\xf3uv\xee\x18\xfa\xe0\xf1E\x15\xf9\xf6[\x8f\xc6W\xcc\xff\x00y6\xcf\xe9\xfe$\xe1\xac\x87/\xe0yT\xc3a\xa3\t[t\xb5\xfb\xcc_\xf8%\xad\xd5\xa5\x97\xed/6\x97$\r \xba\xd0e\x19\'\xee\xe1\xd3\x15\xf6\xf7\x88\xbc\x1bf|W\x16\xaaH\xf3d\xb8*N;\x03E\x15\x97\x12\x7f\xbd\xbfD~#\xc3?\xee\xff\x006z\x8f\x81l\x92\xda\xc1v\x9e\xc2\xbd\x00\x185\x1b\x03\x1c\x91p\x10\n(\xaf\x9e\x7f\x01\xf6\x96EM\x0bF\xb1\x86\xf5\xa2\x11\xf4=j\xfe\xad\xa7\xda\x88\x99\x04C\x04QEBn\xc74\xd2\xb9\xc4\xcf\xa1\xda\xa6\xa5\xe7\xc6\xa0\x1c\x1e\xd5\x9d\xe2\x8f\xdd[\xb4k\xddH\xa2\x8a\x96i\x14\xacx\xc7\xc4\xbd).\xa4;\x88\xaf\xcf\xff\x00\xdbK\xc6\x17Z\x87\xc4\xa5\xf0\xdc1\xec\xb6\xd3-\x94\xa2\x93\xd5\x8b\xe0\x9f\xca\x8a+\xea\xf8a/l\x8f\x96\xe2V\xfd\x91\xdf\xfe\xc2\xde\n\xb2\xf1\x16\x87\xa9\xeaw\xf8&amp;K\xa0\x9cd\x1c*\x82+\xeb\xbf\x85\xdf\xb5\x1f\xed\x11\xfb(]Zx\x8b\xe1\x0f\xc4{\xd8"F;\xec\xae.\x9d\xa3 60\x05\x14Tf\x98\xece\x0c\xd2\xd4\xe6\xd6\xa7\xed|-\x90\xe4\xd9\x97\x04Q\x96&amp;\x84f\xfc\xd7\x91\xfa\xd9\xff\x00\x04\xd6\xff\x00\x82\xacj\xbf\xb5O\x83~\xcb\xf1/\xc1R\xc3\xa9\xdab9o,\x99\n\xca\xc3\x1c\x90H\xaf\xb7\xad\xe6[\x98\x12\xe1\x01\x01\xd40\x07\xaf4Q_\xa3\xe1\xa7*\x98x\xca[\xb4\x7f.\xe7T)asj\xf4\xa9+F2i.\xca\xe3\xe8\xa2\x8a\xdc\xf3\x0f\xff\xd9'</t>
        </is>
      </c>
      <c r="M473" s="3" t="n">
        <v>45492.67657407407</v>
      </c>
    </row>
    <row r="474">
      <c r="A474" t="n">
        <v>1128850</v>
      </c>
      <c r="B474" t="n">
        <v>1967</v>
      </c>
      <c r="C474" t="inlineStr">
        <is>
          <t>Mycael</t>
        </is>
      </c>
      <c r="D474" t="inlineStr">
        <is>
          <t>Mycael</t>
        </is>
      </c>
      <c r="E474" t="inlineStr">
        <is>
          <t>GOL</t>
        </is>
      </c>
      <c r="F474" t="inlineStr">
        <is>
          <t>GOL</t>
        </is>
      </c>
      <c r="G474" t="inlineStr">
        <is>
          <t>GOL</t>
        </is>
      </c>
      <c r="H474" t="n">
        <v>191</v>
      </c>
      <c r="I474" t="n">
        <v>41</v>
      </c>
      <c r="J474" s="2" t="n">
        <v>38057</v>
      </c>
      <c r="K474" t="inlineStr">
        <is>
          <t>Left</t>
        </is>
      </c>
      <c r="L47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913da4dd-00a7-4508-a43a-c84f3c1215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&gt;\x000\x00\x00\x03\x00PLTE\xff\xff\xff\x18\x15\x18\x01C\xb2\x00-\x94\x00*\x8e\x13\x12\x15\x008\xa4\xfe\xfe\xfe\t\x08\x0b\r\x0b\x0e\x10\x0f\x12\x05\x05\x07\x01:\xa7\x01W\xd3\x01K\xc2\x01K\xbd\x01G\xb9\x006\xa0\x00C\xb7\x01`\xde\x1b\x17\x1b\x01O\xc5\x01R\xc9\x01e\xe0\x00&gt;\xaf\x01D\xbf\x01/\x99\x01\\\xd6\x00&gt;\xaa\xa0]M\x01R\xcf\x1d\x1b\x1f\x01N\xcb\xb6r`\x01&lt;\xb6\x013\x9c\x01a\xda\x02W\xcd\xa9cT\xa9`L\xbdr]\xb5hT\x02]\xdb\x9cXG\x01J\xc8\xfb\xfb\xfc\xaffQ\x00&amp;\x87\xb3mZ\xb9nY#\x1f$\xb0gXzE&lt;\x97TB\x01F\xc4\x00?\xbc\xdd\x9b\x98\xbcxb \x1d"+\x1e"\x8aK&lt;\x00/\xa1$\x19\x1eq:0\xa6[G+&amp;,\x02W\xd8\x8eQC\x82J@\xabh[&amp;#(\x018\xabp@9fC?\xbdcI\xb1aS\xf6\xf6\xf7\x007\xb0\xd9\x94\x8b\xdc\x98\x91&lt;&amp;&amp;x&gt;4X2.f:5\x95XJ\xbcsg\xabU:\x02R\xd3\xb4_HN79\x93N&gt;\x002\xa8\xa3aQ\xd5\x8b\x832,1\xc5lWl5)\xa1XF\xd4zi|;,\xc0gS\xc9q_\x7fB5C02\xc2l_\xa2f\\\xd9\x90\x86\x9a`W\xbbhYb5/\x05^\xd2\xc3\x81jqGA\xc3xdM,*\xb1lb\\AB\xd1\x85~\xa1Q&gt;\xb8[?\xcfwe\xc9\x89spLK\xd4\x84u\xd1~s{SOL\x88\xde4\x1e\x1d\x98XQ\x88?-\xe0\x8e\x8d\xcf\x91|\xd7\x89|\x90F1L%!\x1e\x0e\x0e\xe1\xa1\x9f\xdb\x82x\x86E7\xc6fLa-(\xc0_C\x94OI\xb9cUaKOv4\'\xcbzm\xc9\x80w\xb0Z@\x8f]V\xa7kdzLF\xa3[U\xc6ti\xd8~o\xa0L1\xd3q_:39\xafqj\xbevoJ\x7f\xd4\xef\xef\xf0\xd6\x9a\x86\xb9ka\x88RM\xdf\xab\x9b\xcdnU\x98K6\x81w\x80\xdf\x87\x82\xdc\xa2\x8f\x83YU\xc3{m\x9c\x96\x9f\xe6\xb0\xa4\xc6\x89\x84Z;:Hw\xc9p`jMCLd\\e,\x16\x14\x96d`tmwM\x92\xe6\x07m\xe3\x8e\x87\x92\xa5TM\xbd~zY)"C&gt;D\xb5vn\xa1\x9c\xa6C\x1f\x1a\xe1\xdd\xdeYS\\UIR\xd5\xd2\xda\x06Y\xc4\xca\xc6\xc9\xe4\xb8\xb1\xd1\xd8\xeaeSZ\x96\x8f\x9a\xe6\xe5\xe6\xaeYQ\xc2\xbb\xbe\x01\x1dt\xab\xa4\xaf\xa8wztWZJm\xb8\x88\x7f\x88\xa4AA\x9epp\xe4\xea\xf4\x80acIa\xa5\x98?&gt;\xadDG\xd9\xdf\xf2\xcc\x91\x8d\xc1\xcc\xe3\x84lu\xb7\xb1\xb50k\xca\x19^\xd5\xd0rs\x15N\xb5\xb9PR\xc7VX\x90il\xc9bjl~\xb4\x95\xab\xd3\x1f\\\xc6\xb7\xb1\xc3\xa9\xbb\xda\xaf\x97\x9d6T\xa2\xdbfo0^\xb7\xc3\xa2\xa6\x83\x92\xc0_d\x95\x96}\x85\xdb\xc9\xcaW\x80\xc6b\x90\xcf\x1fA\x97\xb4\x8b\x8c\xa3\x89\x8cz\xa4\xd67F\x7f[Vx".i\x8erb\xf9\x00\x00 \x00IDATx\xda\xcc\x97\xddO\x1b\xd9\x19\xc6s.\x8e&lt;3\xbe=\xb7\xd5QoV\x1bU\x96\xb2S"y\xc7\xc8f\x94tDX\xcb\xe6\xa3A\x10\xad\x07\x17\x0c4\xaeP\x03\x82\x85\xc6\xac\\\x12c\xd3\x00\r_\x89\xd4$\xce\x8aU\x16\xd2$,\xa8\xc6\x8b\x84\xc0\x0b\x18\x84DPD\xa4h\xd5\x1b$\xee\xf6\x7f\xe8U\x9fw\xcc*\x7f@\xc7I\'\x18\x83\xe3h~y\x9e\xe7}\xce\xeb\x0b\x17\xfe\xd7\xcb\xf3\xfer~\xbe\xf0\x7fp94&gt;_x\xf1\x18\xd7b8\xec\xf3}l\xb0\x8a@\x8b\xc7\x07\x87\'\x9b\x1b\xfb\xa5R\xa9P^\xdf\xd8\xdc9&lt;\x0e\x7fD\xcd\xe8\xd6\xe1\xbd\xc3\xb3w\xe5\x92mZ\xb6!u\xdd\x92L\x9a\xba\xbd\xbes\x10\xfeH\\\x94\xa2\xbd\x93\x8d\x82\xad3U\x95\xbae\xe9\x92\xe9\xa6\xa5\x1b\x9cs&amp;\xf3\xcf\xdf,~x0G\xa7\xb3\xe7%\xa8\x03\x08\xaeh\x1c"\xe9\x82siH\x03\x84\x02`\xebg\xe4\xe5\x87\xa5\xf2\xed\xed\x94\x18\xd3\x0c\xd3\xd2T\xaei\xdc\xb0t\xc6\x18W9c\x86i\xeaBJ\xc30\xe1\xe5\xe2\x07\xcc\xbf\xc7s\xbcR\x90\x8a\xa2\xa8\x90JS\xf1\x8cKQ5\x98\xa7\xd1\x8b\x86\xc14\x16\x0cX\xbaU\xdaX9\xf8P\\\x9e\xf0Y\x19"\xa9\xf8R\xbc\x0e\x86eh\x8a\x97~\x14:\xf7\xaa\\H!4.\x82L\x04\x85]\xde&lt;\xf8\x10^\xa2\x10VL\x12\x88\xe4\xe1^Ee\x96i1\xc9\xbd\xc4\xa5\x08\x13A\xd3\x11\x7f\xc1\x05\xd34\xc1\x84.K\xaf\xf7|\x9e\xeaS\xbd\xce\x0b\x12\xc7\xab2&amp;\xf0\xac\xea\xb6N\xd2)\n\x97L\x81\x8f\xdc\xca\xdb\x92K\xcet\xbc\x83\xe9\xd2\xd0\xcbgU\x17,\xbc\x92\x17:#,\xc8%5&lt;{\xb9\xc9\xe0\x9c\n\x0b\x91)\x1b\xd5\x85\xa1\xd4t!t\x08g\xe8\x06\x04\xb37\x8f\xab\xca\xe5\xf1\xbd)\xe0F\x1c\xdax\x15\xcea\x9b\xc25U\x1a\\\xb3\x0cU\xd1T\xc6-\x14\x97&amp;1\xa4\x8cc*,\xdb\xb4u\xa9scc\xaf\x8a\\\x1e\xcf\xc1\xba\x89\x1e\x00\x15\x02\xcfQ\xa4\xaa\x97S\xbcQ\r\x8e\x84\xd4\xac\xe8SC*h\r\xa9zY^\xb7MaZ\x9cm,V\x11+\xfc\xda\x12R\xabX\xc8-Kh\xe8R@\x99&amp;\xf4\xa3\x96PTi\t\xcel\x1b\xeeJK\xf5jh\\\xd34\xf0o\x8c\x93\xb0\xa7zb\x15`\x18Q\x11\x96iC9\x8c\x1b\x95;\xbd\x8a\xc9\x94\\\x98\x86!\xcd&lt;&amp;\x93Y\x9a\xa2\xe5m\xe8\xa8k\x98\x84\xd2A\xd5\xb0\xc2\x9b6srE\x83(l\x1b9\x87\x95\x1cE \r\x86\xac\xa9\x12\xb20\xb4\x04\x15\x86\nke\xdeF\xc3\xe2&lt;\x90\xa2\x8a6\x1e\x16\x04\xbc\xe2\x15\xbd4\xb3\x04\xef\xa8T\x15\x81\xb3\x07F1\x15p\n\xbd\xa6\xf0\xcaH\x88\xbcM%\xc2\x85\x10\\nV\xc7F\xcf\xe2\xf3\x00\x0e\x1bM\x08\xd5I\x97\x84\x89\x14(\xdcV\x97\x9a\x86s\x90I\x8b\xd1t\xc2P\r.\xab^\xc5\xa0\x05\x83JW\x08V8\xf4T\xa5\x1c\x0e\xf3A\xe1\xb4\xbb\xaaA\x10\r\x1aU\x0e\x1d\r\xa74\xe7&amp;\xf6\tf\xe9\xe7&amp;\xd3[T\xfce\xa5L\xbc\x1a3\xad\xfcJ5\xe4\xf2,n\x88\x80t\x0eB\xb4\xba \x12\x89\nSh\xad1(`&amp;\x8e\x1bl\x82\\\xabd\x0for\xf00\x9et\\\xda\x96]\x8dty&lt;\x876\x0f\xc2DH\xe0u\xf6\x04\x94&amp;t\x82a\xb4\x05B&gt;\ta0\xa8\xc8\x9e\xe3,\x90\x9c\xeft\x1c`\x0clS/W\xa1S=\xbew\x86\xd04\xcd\xab8T\xc22\xb1\x03\xd2\\z\x15\xac\xa5H\x99\xe2\x08\xc9\x10*\xed\x1cK9\xe7b\x12\x95a\x99z\xe9\xb0\nX\xc7\x85\x00\xb2\xa4\x92%0NP\x98\x15\x8a\x18\x1e\x0c\x03\x87Y\xa8\x9c\xe0\xb4\xedP\x9c\xe8\xad^\xe7\xddX0 \xa7a\x95\xdc\x9fE\x8f\xe7M&gt;\xa0;\xa7 \xdd\x8a\xa3\x10*+\xa0\xa1#M\xcc\x10\xd8\'\x98\x93n\x82\x06c\x0e{\x06\xfd\xa6\xc1j\x18K\x05\x97/\x1f\xba\x8fu\x92\x0fP?\xa8\xce\xe2\x80\x9bH\x9d6y\xe4]wR\x96s\xae"=\x9c\xab1\x9ds\x8c\xe4\xc1\xa0\xe6(\xa8q\xb3\xf4\xda\xe7z\xc3\xbf\x0b4\xda:\xf6\x05\x85&amp;\x0c7\xc1\x12\n4KJ\xcb2\xed`1\xdd8\xd0\x82\xabo``\xad\xa5\xafy\xaa\xaf\xaf9\xad\xaa9UM\x0f4\x16\xa9r\xa1\xb1e?w\xdd\xc5\xe32\x0bX\xf0\xea\x97\xe1\xc2\x1e\xcf\x04&gt;\x1cJ\x11h\xecm\xef\xbb\xfa\xe0\xe6\xc3\xa7\x0f\x1f\xde\xbcy9\xd4\xdc\\_\x1f\x9a\xea\xcb\xe6r\xe9t\xae\xd8WS\xd3\\$\x91i\x9f\xd8t]\xad\xbd}\x145\xce&gt;\'\xcc\xe4\x17\x0cd\xc1\xa0\xe0\xb9\xe2@\xcb\xd5K\x7f\xb9{z\xba\xba\xbau\xfd\xd3\xfeK=\xdb\x03\xcd\xcd\xbb\xe9bn7[,n\xf7\xd4\xd6\xd6\x0c\xe4h0\x14\xadt\xe6\xf6(z\x0eJXc\x18\xf6b\xaf\x82\xf8d\xb3\x94\xa2\x1c\n"\x97\x9e\xaa\xf9\xfd\xe7w\xa3/\xfc\xfe\xd3\xd3\xf9\xb9T2\xd9\xff\x87\xb1x\x16X\xbb\xd9\xed\xdd\xed\xae\xf1\xe5\xb1\x9e\x96t\xceq?\x7f\xe8&gt;V\x1e\xe3\xc5L\x98\x98+\xee\xc6\xef\x8d\xcdn\x93 \xb9\xdd\xa9\x9e+\xbf\xfas2\x12\x8dD\xfc\xfeH\xe4[\xfa\x93\x99k\x1b\x9b\r\xc5\xa7\xe2\xb3\xb3c\xe3\xcb\xcbc]\xa1\xdd4\x15\xb1b\xbb\x8d\x85m\xd9B\x97\xf2tQQ\x8aS\xe3uummm\xad7j{j\xbf\xfc\xe4\xd7\x9f\xbfJF\'\xfc\x13\xdfO\xf8\xa3\xd1\xe8\xb7\x11\x10f:;\x16\x1e/?&gt;\xbf\xc6\xbb\xba\xa6\xb2\xe0\xe2\xaay\xe2\xb6X\xbe\x13:j\x82\xc0\xcam\x8f\xb7.\xb4\xb5M.-=\xe9\x9c\x9b\x8f\r\r\xa5R\x10\xea\xc5\xc4\xc4\xc4w\xe0J\xc6\x92\xf8\xf6\xa8{rzzxx\xb8\xb5\xb5\x15Xc]\xf1\xed\xdd"\xb8\xd8s\x9f\xebXH\xb8\x08\xa4a\xdb\xec\xe3\xd6\x85\x85\xb6DG\xf7\x93\xa5\xce\xcc\xd0|*\xf5\xcf(x`b4\x99L\xc6\xee\xc6\x92\x91\xd4H\xf7\xd2\xd2\xe4\xe44q\x9dce\xd3i\x8cGy\xd1\xe3\xbaZ\x1cbeww\xe3c\x84\xb5\xd0\xd0\xd1\xdd=2\x92J\x8d\x8e\xa6\xee@\xa9\x17\xd1\xe8\x04\\\x84X\xc9H$3:\x02*\x12\x0cX\xad\x8f\xc7\xc8E\xc4K0\xb77g\x9fo\x87\xb0\x1a\xe3\xf1\xf8\xec\xb8\xa3\x16\xb0:\x96\x96\xc0\x95\x8a\xf9\'\xbe\x9b\x88F\xa2~\x87\x0bT\xc0\xea\xac\x88E.\xb6"\\M\xf1,qI\xdb\xe5\xd3\xc7\x13\xde\x91"\x18\x1c\x08\xcd\xcevA\xad\xd6\x85\xe1\x86\xc4$\xe25\xf2\xa8s\x14X~\x9aB\xc2\x8a\xc42\xd0+\x93\xea|\xb24\xed\xa4\x8b\xc0\x96\xbb\xc8\xc5l:\xa0\x9bg\xee~\xee\x07\x96\x1e\x08\x04\x06\xe2\xef\xb1\x1a&amp;\x1b\x96\xbaG:\x1f\x8df"\xd1\xf3k\xc2\x9f\x8ceR\x99L\nX\x93\xef\xb1\x1e;\xe1\xca66Z\xe6\x89\xdbX+\xa6\x1dH;Xd\xe20\xb0\x12dbg\n\xf2\xc0\xb7\x08\xd2\x0e\x9d\x92\xc4\x94\xea\x84X\x95l-8\xa9Gs9X\xb6\xe9\xf2\xde\xec\x0b\xbf\xce\xe7\xed\xc6fDk\xb6\x825\x9d\xe8\xe8\xe8@G\x8c\xa6\x92(\x89Xr\x88t\xa2\x07f\xa0\x13\x89\x9f\x1e&amp;\xb9\x16\x1a\x1a\x86\x1d,\xc8\xd5\xdb\xdb\x9b\x7f\xbe\xe8\xb6Z\xa5R\xbe\xb7\x0fX\xa4V+\xee\t\x17\x9d\xee\xea\xccd\x86\xce\x05\xc3W&amp;\xf3\xb7G\xa9G\x95\xc4\x03k\x1aV/ \xf3\xb3\xf1\xe6\x81\x81\xf6\xf6\xc2\xfa\xb1\xcbj\xad\x14\n\x85v\xc2\x1a\x03\x16\xc4Bl\xa6+\xa1\xcf\xd0\xf4!Y\xc9\xe4\x9dh$\x16\xcb\xc0G\xc8\xb5\xe4\x98\xd8\x80\xeb\x1c\xab\xb9\xbd}p\xdfe,\xa8\xb5\xbf_(\xac\xfd\x825=\xdd\xd60==\xd9\xd1MThS?\x15\xbc#\xd8\x9d;w\x92Pld\xa4\xbb\x83\x98\x12d"a\xf55\xaf\r\xce\x00\xcb\xdd\xde\n\xef\x94\xcb\x83\x85\xb5\xbex\x17\xb0\x90\x98D\xc21\x91"\x9fDAPEP\xd7\xa3\xbc\xfc\x90,\x03\x1f\xc1\xd51\x99H$\x86[qX\xcf\x86ZZ\x1c,w?\xfc\xa0 \xca\xeb\xfb\x83\x83}\x8eZ\x0b\x98\xc2D\xc3$\xce\x9f\x91N\x84\x1c\xfb\x83\xbfr\x9dS\x01kn\xae\x1fX\x1d\xc0j \xac\xaeP\xa8e\x10X\xffr\x17\x8b\xd4Z\x9f\x99\x19\xec\x0b\xa1\xb7\x96+X\x89DG\xff\xdc\xe8\x10\xc6\x10\xd5\xe0\x909\x9a\x81\n\xaf\xcd\xcf\xbf\xea\xff\xe3\xa7\x9f]\xbc\x9fhX\xf8j\xbc+\xd4\xe4`\x1d\xad\x1f\xb8\xac\xd6\x8a\x83\xd5BX_\xb55$\xee\xdf\xbf\xf8\xd9\xf5o^\xcd\xcf\xaf\x12\xd6P\x0c\x99\xf7\xbf\x87Z\xc5\xa6\xba:\xbf\xf5\xcd\xf5K\xbf\xbdx\xbf\xad\xeeFOSWS\xe8\xda\xcc\xccL\xf9\xd0e\xb5\x80u4s\xad\xbe)\xd4t\xaf\xae\xed\x8b\xba/?y\xf8\xf4\xc7\xad\xad\xd5S\\\xab\xb1\x98#\x18\x12OP\xf3C\xabx\xf9?o\x7f\xfa\xf9\xc1\xcbg\xcf\xae\xd4}Qw\xf9^O\x13a\xed\xcf\x14\xdc=}h\x12\x815\x03\xacPm\xddoj\xeao\xdd\xbau\xfb\xeb\xdb/\x7f\xf8\xf9\xed[\xc0\xad\x9e\x0e9\xdd\x15K\x8d\xbe\xda\xfa\xf1)\x88\xfe}4\xd8\xde\x8e\x02\xed\xad\xff\xeb\xdfo\\\xae\xad\xe9\xa9\xa8U\xd8\xf1\xb9(\x97\x07X\x85\xa3\xa3\xa3\x99[M\xa1\xfa\xab5\xcd\x8d\xb8\x9fi\x9a\x96\x15\xb0\xf3\xed\x83\xb7_\xfe\xb4\xb55\x97\x82bC\xf3\xd7o&gt;\xb8\xb6\xd6\x9e7\r\xc3\xc2\x0753\x9d}\xf6\xc3\xad\x9a\x1bW\xae\x12\x16\xfe[\xfbnby|\xc7o6J\xe4\xe2\xed\xfa\xa6\xfa\xb5b0\x10\xc4\xb9m\x1a\xf8\xe0jH\xa9\x07\xda\xbf~\xf6\xa7\xdf\xfdcn~~\xae\xff\xbf\xb4\x9a\xd1O\x1a\xd9\x1e\xc7\xbb\x0f\r\xbb\xb9\xaf\xfbJ6\xbe\x0c\x98\x89\xc6^\x98\xc4\xb6Df\xc3\xd0\x0c\x8c\xe9U\x01\xc3\x12Z\n\x82\x0ce\xcc\xa2\\Y\x82\x90\x1d]k\x85RXQ\x180D\xd3\xc0\xb5\x12\xa5m\xa8\xc5\xa4\xd4\xd6\xdanj\xea\xd2\xac\xc6\x12\xd2\xe6\x86&amp;F\xed\xc3\xc6\xdclb\x1f\xd6\x97\xfb\x1b\xff\x86\xf1$&lt;\xcd$|\xf2\xfd\x9d9\xe7\xfb=\xe7\xa7\xce?r:;.]\xe2\x83vGW\x97\xce]\x0e\x90\x1c)W\xc9\x95\xca\x00`=^\xfct\xf4\xaeS\xb0\x93\xad\xb2B\xe9|\\Z\xe1\xb1t\x1d\xdf\xdc\xe6\xa3\xe1#(R\xd7\xe5o\xc1\xb2^vj&lt;!\x97ap9\x91\x91\xaa\xb9\xa1\xae\x8eoow\xfc&lt;\xa4\t\x04\x96R/\xe6\x92y774Dp\xdd\xca\xd0\xca\xeb\xd7N\x0ffJ\xfe%\xcc\xfc\x12\xdd;\xce\xfb\xeeO&lt;_)\xbd\rx\xc8\xa1\x8e\x9f{`R\x95k\xdb\xdb\xb5\xf2\x92\xa6\x07\xec\xb0s\xe8Q(u\x11&gt;\xcb\xe5&amp;\x1770\x04\x16vm\xc0\xb3\x04#\xe9V\xab\xd5\xae\xbcGGrr2\xb4\xf2\xf6\xf5\xd0\xad\x19\x96&lt;\x14d\x07\x12\x896\x02\xd1&lt;&gt;\xe5\\Y\xdd\xf1\x90\x1e\x9d\x8eK\xba].\xb7;Yv\xb9\xcaIB\xae\x1c\x88\xae\xf5p\xae\xa6\xe5_\x1e.7\x99\t\xf2F4\xaa\xd49\xaf_\xf9\xfe\x9f\x1d]=\x1aB\x8c\xc0\xbbz\x82\xe3vJ+\xaf\x953ie\xb4.\xc8\x9a*\x12}\x91O)c\xb7z^\xaf\x968\x0fG\x10y\xbd\x9e \x07z\x86\x9c\xce\xebN\xe7\x0f\xba\xee\xfe\xfe&gt;%\xc1\xb6\xf1X\x17\xd0\xfe\xa9\xa9~\x15\xe9|\xf5\xfc\xfc\xab\xef\xbf\xbet\xa5c\x880\xb7!\x88X\xc1c\x95~\x8d\x88\x89\xa9\x0f)\xa1\xb0*\xef\xa7t*\xe5\xbfWK\x1e\x8eS\xc1 nL&lt;\xe9\xf8\xee\x9b\x7f&lt;\xbfr\xfe\xb9S\xa9P\x98"\x11\xacu\xf0\x97\xab\x89f\xac\x7fT\xec\x8d\xc8\x8f\xff\\=\x7f\xe5\xab\xdb\x8f\x7f}\xf2\x844\xcbZ\xcdb\x8c\xe0B\xa5\x92\x86\x00\xaa\xfd\xf9/\x82\x14\xb1e\xd3\xbe?\xda\x07\x9f\xe0\xca\x8e\xc7\xc3\xe9QL\xa5\x92\xbf\xbc\xdd\xf5\xea\xbb\xaf/}u}\xeb\xa4^w\xe5$&amp;Lb\x0f^s\x18M\xb7f\xa4(\xeb\xda&gt;\xdau^\xbe\xdc\xa5!\x95\xd1~\xb1\x04\xc7\xac\xa8\x8a\x0b\xad\xae\x06\xb8\xfe[\xef\xf73\x82`\x9dk\xf9O\xf6\xe0\xc3\xe8\x94\x86\xc7\x92\x13\x18\x8e[\xad\x91\xb55]\xfd\x87\'\x1d\x1doO\xb6k\xdb1\xa9\xc5g\xf2i\xfd\xe3\x8e\x99\xfb\xf7\xb5\x0e\xca\x8bT\xdc\xe5\x9d\xfa\xceR\x9eE\xad\x92V\xa3q\xc6\x88+&lt;\xa1\xc6b@w\xcb\xf7\xf1`Z\x98"\xb6lf\xb3\xbe\xfb\xaa\x81\x9e\x95\x12\'\x8fX!\xe7\x1b}&amp;TO\x84\x02;\x81\xa4;-3H\x07-\xbd\xbeS,\xe3}\x9f\xd628o\xc8y\xbd)\xd8\x9d\x9a\xd4\xad\xcd\x8c\xdd~Gk\xb4*\xe4\xa1\xc6j\x8f\x1c\xf3U\xb3\x0f\xef\t3\xb76\x82\xff\xab\xa0\xfa\xbe\xb5\xb7\xab!y\x04\xd7j\x8dF\x8a\xa2\x904\xe2\x9aKy\r\x86\xf9\xe9i\x87\x96\xc7\xca\x06\xfd&lt;\xd6\x82\x856\xc8\xa8j\x95j\xcbI\xdb\x9a)\xc8\xdf\x16-l\xd7\x80UZ\x8b\xa0x5\xfb_\xa1\xd6\xadv\x1b\x15\x97YGw\x00K\x01\xfeAk\x8c3\xd2\x8b\x86y\xc3\xf2\xbc\xc1\x90\xcbe\x12\x0bw{}\xbdZ\xc7\xac_\xcb\xd3\xd9\xc0\x9a\xe6d2\x8a\x92I\r\xb4\xc3\x01\xbe\xcb\x0eXDh\xb1\xde\x87R\xcdq\x98\xf1\xc2`\xb5l\xd2\xb9\x0cM\xf9\xea\x8b;\xa7X`\xee\xec\x8c\xd4`\xe0\x99r\x86\x04\xe4/c\xaf\x0f\xd7f\xc3~{\xaf\xef\'\x8b-\x1c\x06s:8\x98\x19\x04$\xb0\xd5~\xbb\xbd\x19\xc7\x88\x9d\xdd\x06f\xb4gr\x7f\xdf\x13h[\x14m\xcc\x19\xc6\x13\x8e\\}\xb1\xce)0\x9c\xb1\x80\x04\xb4\x9dah:\x93\x18\x19\x99\x9d\xcd\xde\x01\xac\x19\x90)\x0bX\xbd?Yf\x0b\x851 \xcb\xfam~\x1b?,F\x89\x04#\xea[\x8dT08\xfe\xe2\x8bP\xdeF\xd4\xf9\xb7\xf7j8\xfc\xac\xbe\xd8\x08)0I\xb3\x14\xcc\xb2mv6|:x\xaa\xbb33\xb8\xd1\x9e\xcdf\xed3x\xef\xcc\xdd\x05[\x18\x92\x06\xff\x08^\xb2\x81pq\xaa\x15%\xea\xc5\xc39\xe0}(X\xf8\x11\x89\xde\xa4\x826\xdb\xfc\xd2\xee\xee\x92\x02EZA.\xdbl\xb8P(\xc0/\x0c\xb9\x1e\xb2 .\xa1\x00\x8b\xd7\xc5:s\xf7\xce\x82\xad\x00\\c\x05\x90\x0c\xcaI_hnE0\xa2\xb1^G\xb2\xd9\xd9\xbf\x84K\xb0\xa2\xce\x13f\xe1\x0e\x95\xdf}Z\xe7\xb1Z\x9b\xe9D0\\\x80\xbf\xe5g\x11\x04{cEB\xc5-\xd9\xac\xdf\x11\x97X}\xc6,\x88\x04T\xff\x1a+\x14f\xb3\x0e\x9aimm\xb5\x9a\x88\xe3\xf5\xa4U{\xd7\xb2)\x9c?\x15\x89\xde\xb9(\xabU\xde\xd8\x02\xb5$\x12D\x96\xcb\xec\x85\xc7\xdao\xf2\x82\x85m~\xa3\xafBQ\x0c(8\xeb\x07\xb9P\x1f5\x02\xc5\xe2\x0f\x96&amp;\xdb\x0b6\xc0\xa2$\x12\xab\x82x\xba\xce\x99\xc4\xe8\x8b\r!]\xf3\xc6a\xb2\x8cD\xea\xa7Xb\xb3,\xee\xd8\x0b\x8e\xf1\x87\xa5|\xa5\x18\xacB53\x16\x7f\x18\x8a\xe6\xb7\xc4\xab\x15\x1f=\x0eEl\x9f|\xf0`rl\xc4\xef`(\x1cG\x15\xdcVQ%\xa9\xd5\x8e\x84&lt;\x1c\x11u\x1e\x11\xb59,\xb0\x05E4\xa3f*N\xef\xed\xf1\xc7\x7f\x93@\x95\xa8T(\x86v\x04\xc7\xdb\x1fL^\x1d\xf1\x838\x15dz\x04j\x0c/L\x8e\x85\x1d\x16\x86\x12\x8bQE\xa8Xd\xd5\xdb\xc7\x82F\x1fQ\xcb\x17\xb6\x9cB\xb9\xad\x86\x02\xd3\xeb\x11\xaa\x9a\xd9\x0bB,\xe4\xb5\x1a\x99\xafT\xe3\xb0R\x8c\xb7onn\xb6\x0fg2t\xbc\x92\x9e\x0e\xfa\x13\xc1\x02\x086\x16\xa4\x8dq\n\xc5\xb0\xc8R\xb1\xa8/\x1f\x1e\xdf\x136(\xde;\xc9\x97\xc5\x8a\xadE\xb9B\xa57\xcb\x98L\xf0Z{\xfb\xb5\xe1px\xfc\xe6)\x96!3|\x15b\xe2\xb5\xe5\\NF\xc5\xd8\x8c\x9f\x8e3\x90:\xc6n\x06\xe9x\xbcjU)\xfaC\xc5\x13Uy\xe9H\xe06 \xd1\x9bZM\xacX\xdc\x95\x13\x84J\x0cX\xc3\xd7\xc6\x86\x83\xc1D"8bP\xb0i\xb7\x0b\x99\x1f\xe6\xc3\xb4\x97\x85\xe7r\x13,\xb8\x8c\xb5\x9aI\x0c\x0f\xef\xd1L\x1cG!\xfa\x84\xb6\x8e\xf5\xc9\xc3\xdf\x84\xbe0\xe8&lt;\xaaY\xb1\xc3]\xb06*\x94\x02\xb5\x86\x87\x83\x89\\\x95\xb28\xe8\xc8\x8d\x81\x89\x89(77?\xff,E\x82\x91\x9f\x88\xfa\x16\xb2\xfe\x04]\xa9\xd0\x89i\xa8)%\xc1TD\xf7\xce\xd6\xb1\xc4}"\xf4u\xf5\xe9\x1a\x81\xd7\x9e\x06\xe4\x1c\x81I\x00\x0b\xa4\x8a\xfb\x10\x1at\xa9LE\xa3k\x13/\x07\xf2\xf9\xfc\xc0\xc4\x9a\x8e$\x89\xaa\x9d\xce\xf8\xfd\xb9\x18j\x98\xce0q\xaa\x82\x11r\xb2^\xdcF\xd2\x9f:\x05\xc7\xda\xa8!\xe6Z\x11\x9c\xa0\\\x81\xc7a=\x9d\xce\xa1j\x03M[\x98x\x85e\xd9&lt;\x19\x8d\x0eD\x07\xe4\xf9&lt;\x1bc\xd3\xd54\xc50^\x17\x81,\xf3X\xd6H7I6\xd6\x0f\xd9\x9a\xf0\x97\xe8\x90\x16\xb7\xcb\x8db\x9d\xc7\xb2\xf2\x9f\xder\x9a\x9dS\xa7\xc5T5-f\xd3jw\xb9\x9ct\xbb\xcbnV\x1f\x8b\xa1\xa8&gt;\x86J\xcc\xack\x89\x00\xe7\xd1lD\xfb\xbb=\x81\xc6\xfa\xd1\xa7\xb3\xe8{\x83l\xbd\xf1\xa6\xd8\xf0\x90d\xc4\x07S*\x91\xd3\xbb\xd4\xee\xbc\n\x8d\xf1\xa3\x92N\xd5\xb6\x1f&gt;|\x91J\xa7YSE\x1f3Y%@\xbbD\xc6\x0c\xd2f\t\x16\x91\x03\xd6\xa7\xdf[\xce\xa4\x89\x8b\xef\x14\xfec5@\x92\xfd&amp;\xd8j2b\xc2\xe5fc*\x93\xea\x94+\xedM\xcd={6\xe7U3\xe0K\xc1\xed\xe3\xb8X"f\xf3D\x9b\xd4\x88\xab\xfaIO`\xf1\xddY\xb5J\x89D\x9d\x7f\x96\x00\x0b&amp;\x17\xe3\xa0\x15D\xd2\x85\x88M&amp;\x93\x11\xafTa\xdd7\xccy\xe7\xe634\x7f\x06\x18\xa7\xa88\x85 \x88\xd9\xadB\x18\xf0\xf1\xddd`\xe7\xe9\x9b\x96s\xe7\xce\x8a\xeb\xb7]H\xd6\xa4\x02\xbf0\xd8\xa6\x12#j\x19\x18\x06\xdc\xa8=\xb0\xf8\xf7\xf6\xf6\xa6\xa7\xa7\x83{\x9f?\x1f\x1c\x1c\xecW+\xe9t\xda\xcd\xa6\x9b\xc4\x08\r\xc6\x94\xd4\x04J\xeb\x1bg\xd8\xef\xf6\xfb\x16\x1f\xf8\t\\:xA\xaf\xbe\xd8$K\x8b+\x95\xea\xfe\xfe\xc1g~\xec}f\xe2\xfb\xfb\x1f\xdfCz\xbb\x11]\x8b\xea\x14\xc8EY\x8e\xc6U\x1e\x8d&amp;\xb0\xf8\xc7\x99\xb6\xe1\xad\x97&lt;\x1e\x8d\x1c\xbd08h\xbe\xb8\xecE\x89\xee\xee\xbe\xd1\xd1\x0f\x1f\xde\xc3\xf8\x08@\x1f\x00i\xaa/\x1a\x8d\xbe\xbc\xfd\xb2\x1b1\xfc\xd8\xb6,\xc5\x08\x8dN\xf3\xf6\xe9\x9b3\xec\xa5\x14\xb5|\xfa?\xedf\x1b\xd3T\x9a\xc5\xf1\x85\xc9H\xb2\x19t\xc7\xd4\xc9\x14\xb7XjRh(M\xa1-\x1d)\xa5\xbcUZ\xb1\xb3}\xe3\xe5\xb6\x84\x85\xa0\xadMi\xec\xcb\x9dn\xec\xd0\x00\x1f0\xd9\x86T\x06l\xc1\x0f\xb414i\'\x94X\x8b+\t\xa2\xe8\n\x9a\xe28\x01\x05Y\xa5\xd3\x9d\xd9\x01W\x11\xc4\xb7\x19u6:{\x9eVw\xf7\xc3d\xe2\xec\xd8\x93\xde\xdeP \xf7\xd7\xff9\xcf\xb9\xcf\xb9\xcfs\x026\xa3\xd8\xa8d\x98\x0e\xb2jL\x0cg\xf7_.\x9cU\x0ck\\7nu\xcc\xe9\x96\xdc?\xcc\x9d\xf9\xe1\xfe\xdc\xa3\x1b\xff\x1a\xb9hvV\x0f\xf5\x05\x87\xda\x98\xc5\xa2\x90B\x1c\x1e\xb9\x9c\xd4\xbd\x94\x97\xc7\xaf\x89Eb_\x83\xe9PN\x8e)\xabZ&amp;}9\xfe\xdd\xda\xa3\xaf\xa7\x1f}\x19\xf9\xfe\xab\xef\x17\xa7\x1fMO_\x8e\xac\xad\xad\x05n\xad\xb4z\xfbL\xc1^\x92Q\x1c\x12\xf7\xcc\x8f|\x99T\xac/\xae\x84\x01\xab_\x99\xd5\xd6\x9bc\n\x0eU\xfb\xc6\xd7\xd7c\x91Xtz:\xba8\xfd\xd7\xc5\xe8tdz:\xb26;\xb7\xb4t\xc6r\xa2/\xd8VS!\xc6\xc1\x87#\xe3\xc9\xc4\x82\t\xce\x95\x00.\x16\x8b}\xba\xe0\xa7&amp;S_\xcd\x91\xabKs\xf7\xd7b\xb1h$\x12\x8d\xc2\x0b\x8e\xd8\xda\xda\xdc\x99\xa5\x05\xeb\x80w"x\xb0\x8d\xc5\x86\xbf\xee\t\xcc\x06\x92\x8a\xf5\x9b\xbd\xe3\xe33p\xa1\xfe\x8e]\x9f\xf6\x06\x83^\xcb\x19\x88t\xcb\xdc\x95\xd9\xd9\xe9\x08\xb2\xd8\xda\xf9\x91\x1bCK\x0b\x0b\xb7r-^o\xf0\x90I)\x86o\x11\xbe2\x1bN.V\xde\xfcH\xa0G\x8c\x1b+\x85\xbdm\xa6\xa0\xd73\xe0DCp\xe5\xc6w\xb3\xb3k\xb3\xb3\xf7\xe7\xe6\x06Vn\xa3\x1c\xe1\xd4M",f%`\xf5\x8c\x9d\x1fI:\xd6\x95\xf3\xa7B\xb8\xc2\xa8\xdfu\xc8T\xe3\x15\x0e8!;,\xddF\x89k\xe2\xc4\x04\xe4\xd2\x07wn\xaf\x00U\x87\xc73\xe9\r\x1e$\x89q\x1c\x9f\x99?\x1f\xb8\x96\xdc\xd8\xca\x9b\x87kL\x85B"\x1f\xd3\x94\x93?d\xb1\xe8\x9d\x08\xeb\xc1\x9f\x1f$\xec\xf3\xcf\x1f\xdc^\xba\xe5t\xea&lt;\x16\xc0\xca\xf2\x89\xf1\xd0Tx~&lt;|-\xc9j\x05\xc6\xc6\xc7\xc3\x18\xae`+\x99\xbb\xb2,\x16\x8f\xae\x03\xb8V\x1e@\xb5\xf1Q\xbc\x92\xfe\xf6\xf6\xd2\x02\xcc\xbf\x84B\xcbd\xcd\xa4\xde\x88\x87\xf0Sc\x81pO\x92\xb1\xf6\x06N\x85\xc7\xc6\xa6\xb0\x90\xa8\xb2!+\x0b\xb8\x84\x03\x1dN\xe7\xc2\xca\x9doa*\x0f7\xc6;+K\xce\x0e}\x87^\xa8\xb3X&amp;=v\x1c\xc3{\xc2c\xe1\x1e\xb1-\xd9X333/O\x9d\x03.\xa5\xdb\rTB\xb8\'\xeb}\x8e[\x0bW\xaf^\x1d8\x03S\x9c\x8e\xd3:\xfd\xc0\x80N(t\x83X\x186zq\xecT\x8fBaO\xb6\x13{\xf0\xd0\xe8\xc5Q-\xa6`\xbb\xf4n\xc0\x02.\x9d\xce\xe5\xabd\xf7\xf7\xfb\xfa}&gt;\xf4\xd0\x1e\xa6\x0f\xf0\xb9\xdb\xed\xc31l\xea\xe2\xc5\xa9\x90B\x90d\xac\xb4\x80X\x1c2\x0f\x8e\x0e\x02W\xff\xb0K\xc7b\t\xa9T\x16zT\xea&gt;\r\x06\'\x0b\x8bEE\x1f\tu.1\x885:\x8a\x01U\x92\xb1\xd2\xd2\xe6\xc5\n\xb9\\:8\xd8\xa8\xc5\xc4v\xbb^\xc8d\x01\xc6\xd0P\xcdd\x8d\x07\xe5\x04\xa8\xaa[i\xd5T\x16\x13\xa8\x8c\x98\x16;w\x0e\xc3\x0c\x82\xcfD\xf6\xaf\x93\xda%\x82\xb0\x0c\x06\xb3\xb4\xac\xacQ\x8a\x19\xed\xc3\xfa\xac|\x16\xccE[\x0f\x1c;\x16\x84y`o\xef\xfe\xfdPGW\xb72\xf5.;\xa6\x1d\x1c\x04U\xe5\x02Y\x8b\xccv~or\xd3\xa9X h2\x98y\x05\xbb\xcb\x1aC6\xbbKhj=rd\x1f\x14\x86m\xf1\xe5\xe1\xb6c\xfb\xa1\x8e\xde\x97\xa3\x1b\x1e\xb6i\x07\x1b\x1b\xcb\xa4r\xb4\xfc"\xb3\x8f\x1fOj:\r\x88\x04\x02\x99@.\xe5\x15\xed.\xd3\xe26\x90\xcb\xf4G\xf4\x1c\xb5\xb7\xef\x93\x8f?\xfe\xc3\'PF\x1f\xd8\xb7\xafU\xe8\xb2\xdb0\x80\xe2I\xcd\x06\x99\xc3\xd1\xd9\x92L,\xd4\xd46&amp;\x92\xc942\x11\xe2*\xda\x8d\xb8t\x96\x9c\x03\x07Z\x0f\xf4\xa1u\xeb\x8f\xbe\xea;64\xd4\n.\xec\xb7\xe1\xe0g\x1e\xef\xb0\\\xe6Pu!\xac/\x92\xd4\x1c\x05P{\xd7\x9f\x84E\x1a\x87\x86\xcdF\\;\x8ax\xe0G\x97\xdeR\x03!\xdfw"a\x135\xde!\x8bnX\x8c7\x16\x94\x15\xf0\xa4r\x81\x03\x8a#\x84\xb5\xb6\x98\x0c.\xd4\xbd\xb9\xf8\xf8\xc5\xd45\xc0*.\xaed+\xcc\xed%\x84\x1d\x05Z\xdc\x8e\xb8\xbc\xde\x89\x89\x89\xc9\xc9Ix\x9f\xf0N\xba]v\\K(*\xe0\xb5\x9b\x15l\x0e\'\x815\xf6d\xfdm7m\xa1\xb6\xdb\xbd\x91\xd5\x93/\xb4\xa1\x19\x91\xa6X\xa5\xaa\xa8\x14\x19\x80k\x07\xa1@k\xb3\xfbtn\x0f y\xdc\xf1M\x08\x93\x1e\x0f\n\xac"\x02PI\r\xec\x8a\xe6\\\xe4D[ &lt;\xf5\xe2n\xf4\xed.\xec\xe7\x1d\x8f\xac&gt;]^~\x8e\x9d\xc5p\x01`q8\xc0%\x07\xae\x12\x02\x0f3\xda\x86]hK\xb3\xc7\xa3\xd3\xbb=n\xddi\x97\r\xc7\xcaRJx\xe0BvEni\xb3\xaa\xcb\xd1b\x84\xfb"\xf6\xe3\xf5\xd8\xe2\xdb\x01\x8b\xf7\'G\xd7\x9f=\xfc\xb0*\xf5w\xa3M\xddf\xac\t\x82\x85\x83\xb8\x14\x88\x8b\x90\xc2\xc3\xc4F\xa3\xddu\xfa\xb4\xce\xads\x81\xd9\xed@U\x90B(\x81Q\xa8\xa8 \x91\xb2\xe3X\xa2\x99\x90Ba\xfeq\xf9\xe9z\xf4\xd7wR\xc6\xdb\x81c\xcf\xbeI\xa5p?\xdc\xb4\xf5\xb9\xa0\xa5\xe9\xac\x19\xb08\xb9\xcd$\x92\x93\xad\x80\xb0\x07.\x88/4\xbd\xb7\r\x0f\x0f\xdb\xa1Z\xc3q\xac\x91\xf0n\x82\x8a\xadl\xc8\xcen\xf6\x03\x96\x02\x97\x1b\x04\x02\xf9\xf3\xcd\xcb\xd7W\x17\x7f\rX\\\'\xe4\xbc{d\n\x85\xcb\xad\xaa\xda&lt;\xd5\xa9\xf9\xac\xdb\xdc\xa4\x01\xacR\x12)\xb7\xe25\x17aw\xa3V\xab\xc5\x90\xa1\x8d"eE)\t*\x08\xac\x06\x06#\x8e%S`\xf2&amp;A\x8b`tyK*\x02\x83\x94\x9f\xf6\x7f\x11\xc5\x99\xd6\xef&gt;$\x97\x93\xab\xaa\x88D\xae\x84\xbb\xcc\xf6w\xb64\x1d6hT\xb9\xe8\x81\x0cIY\xc9\x16\x98\x81\xab\xe4\xdd\xdf\xa6\xa4\x10\xd0\xc0+\xdaQ\x82:\x86S\x08;^Q\x91\xa84Fv)\xc22h\xbb[Z42\xcd\x0bb\xeaV\n\xe5\xfaj\xf4\x97v\xeb\xbej\xbf?\x1e{|scy[y9\x91\xaf&amp;\xd2\x0b\xb9\x12\xfa\x86\xdf\xdf\xe9H`\x95\x96fgS\x1b\x94q\xbd \xeeK\x08h3=z\x83\x83\x00?\xbf\xa6\x12\xb2\x90Z\xaab\x87\xac[\xda\xdd\xd2\xe9\xd0t\xd9\x96\xb9\xa9[\x89\x92\x8c\x8d_\xe6J\xd4\x80\x7f|1\xb6\x0eL\xefQ\xe8\xe5\xe5u\\\xbe\x9aB\'\xd3\x89\xdc\xba\x8dZ\x7fW\x97\x00\xb0\x8a\xe3X\xd5\x88\xab\x12q\xf1Jx%\t+*A\x1b]J 3\xc8\x150\x08\xa9L\x1a\xa8\xd5\xccQ9\x04\xdd\x17\x0c\x9d\x9d]]]\xfd\xcb\xc4\xadD"\xf1\xbd\x8c\x9d7W\xa3o\x9c\xc7\xd2\xf2\x16c\xabw7\x9e\xbf\xbfI-\xd9\\W^NW\xab)\x14b&amp;`\x11\xeb^\x1e\xb5\xfa\x01\xab[S\xccAbU\xd3X\r\xe0H\x85\xfc\xb0\xb4\xbd\xbd\x9d\xf7?\xd6.5\xff\x87\n91W\xa5\x11\x9c\xbd\xd0\xd4\xe5\x07\xf3\x01Va!\x9d\xc2\xdf\x99\x01\x8a\xbd\xa1+\xd3\xd2"O\x97w\xee|\xbf\xaaJ\xc2%\xa7\xc7\xa5\xe2\x82\xfb\xd23\xc9\x85\x85uO\xfeT\xeb\xf7\x03\x96L\x05X\x0c\x16\x8bFc\x81`\xf1\x9d\x1a\xd2\xb8\xb5\'Nf\x80\x12\xb1\x8b\x95\r,\x16pU3J9\xc5\x80u\xb8I\xe5\xb7Z\xad\xc3\xcb\x85\xc4B2\x99\xc8\xe7\xf332\xde\xd9x\x1cy\x03\xb0\xb4\xbc\xd8\xc9-\xbf\xdfT%\x81a\x97\x0eRI\xf8\x14.E"!\x97\xa7\x93\xe9\xf4\xf2\x9b\xf5\xb5\xd68\x16Z%c\x80\x104&amp;S\x08\\2\x81!$\x7fe\x98\\\x1e2\x08\xd8\xb2J\xb4\xd6A\xa3\xe5\xe7\xd3\x18\x08K\xd6\x04X]Vkim\x18\xbe \x9d\x9cI\xe7\xf3\xd5\xc0\x05\x8a=\x8e\x1d\xff\xf9\x0c\x0b\xf7\xbc\xd5o.]J\x95\xa8\xf9\x94\xccDTq\x89\x14\t\x05B\x0c\xc9U\xf7\x90\n^\x94\xfd\x17\xab\x15.\x9b%l\xc8UU\xb2\xd9lc\xfc0\xf6\xf7\xc3\xb9\xb2\xb8\xb8B\t\x83\x10\xa8\xf2\x91\x13\x11V\xf7Y\x81\xdfZ{\x94\xb4\x91YH\xa7g\xd6\x91\xd5|u\x82\xeb\x9d\xe7w\x7f6\xf5\xa7\xa5E\x9f]\xbat\xe9\x03\x89ZMDR\xa9\xf9\x12$\x15\xb7p3\xbd|{\x1d\x99N\xfe\xc7\xdf\xf7\x1c\xb5j\xcc\x80\xc5)e0h\xf9\xadp\xd5,&amp;\x04\x18\xa7\xc2Y\xe1S*;\xf4P\x88uT(;rI$\x12\x95\xc5`\xe6\xe7\xc4\xb1\x9a9\x0e\xc02\xc8\xfc\xb5\xf5\xf5\x7f\xbb\x07\xba\x93\x01K\xc2Gz\xf13\xe0\x05`\xab\x91\xbc\x9f\xcec(\x9b\x9fDT\xdb\xd4\x12\x18\x80d\n\x0c@d\\z\xe16r\xfa\xf6\xf2L:\xbd\xee&amp;\xad\xbe\xd4!\x97\x03V3\xa8\x05P\xf9C99\xf9,*\xa4\xd6\\\x12\x15J0\xa8\xcf\xa8T\xa1\x10\xd5\x18\x10W\xf9\xf9\xf0\xdb\xd7j\x19\x04\x0ek\xfd\x9e\xfa\x9bu@\x85\xb0\x88\\\x80\x8a\x07X\x1cl\xe3\xf1\xe2O\t\x86\x1cx\x0f\xa8\xb6|\xb0\xad\xaa\x10\xfe)!\x15\x1a\x84\xe9\x10\x0c\x99\xdb\xb7Cte\xde\xfb\xe7\x9el\x95\xc1\xf0\n\x0b|\x94\x83\x8c\x89v\x1c\x01\x06\x14\xb3Y\x1e\x0b\x8b\x89\x8aZ&amp;\x93\tX9\t\xacf\x84\xd5\xa4\xf97\x97\xe6\x13\xdaFv\xc7q\xf1f\x98^f\xe6\xbd\x99aF\xf3\xcf\x83\xa4\x99\xb1\xec\xb1V#\xe3XB\x10\x91 GL\xa1\xe8\x10\xea\xa0\xa56\x94@\t\xb4\xa12&amp;P0\xbd,\xf8R\xf6X(\xbd\xb5\xd4%P\xd2\xd2\xb2\x97@Jao\x86\xb0\x07\xd1\xe6\x10|I\xb0Y\x08\xc1\xa4\xe0\xc5\xa5a\xc9.\xfd\xfeF\xf2f\xbbodI#{f&gt;\xfa\xfe\xbe\xef\xfb~\xb2}\xfd\x17\x1f\xfe\xe4\xe5y\xad[\x8b\xa2I\x04\xdf7v\xe6z\xf9\xb8\x8f\xfd\x98\xba\x8b\xefBU&gt;xJ\x05\xe46\xb3\x9dq\xab;\xde\x19\xf7z`2E\xa0E\xdeX\xf5\xb2 @H\x0cOVW\xd7n\x10\xd6\xda\x02k\x1fWF\x1d\x97G\x1b\xf4_\x11\x9f\xde\xa9\xdf\xf9==\xb9\xf3\x00\x9f\x87:\xc4\xbc&gt;\x8f\xd3{7n|\xbcys\xf5\xc1\xc5\xa4\xdb\x8a\xb4\xc9$\xc2\xa2\xd1h\xec\xd0\xa0B\xd2}\xfc\xec\xc5w\n\x89\x02\xbe9\xe5\x04\xe5\x98v\xad\xf0h\t\xc4Q\r/\xa8V\x87\xddA.\xbbZ\x862v\xa3\xb3\x97?n\xde\xfe\xf95Rk\xb9}\xa5\xd6:&gt;\x91m\x8c\x1e\xd4\xef\xa0\x17,\xa9&gt;\xad\xd7G\xa3\xe5R\xadu\xe4\xd6\xd2\x1aa\xdd\xfe\xd1\xdd\xe6\xea\xe5\x04\xcak\x9a6i\xf5\x1a\x1e\xaa\xb13\x07\xf3\xfd\x9d\xf1\x8e\xc1.\xfe\xafM\xa4\xc6\xe5\xdd\xb9\xcd\xb9\xe0\xcca\xdcq\x1bHa\xe2\xd2\xd3j\x92pi\x96\xe7\xb1\r\xb94d\xc4\xc5\x83\xf6\xb5\x1f\xa2\xdf\xba\xdb\x9c\x9b\x8b\xa8\xd6\xe9\xd3\xea\xa8\xd3\xf9#\xaaw\x87*Y\x87\xc1`\xae\xfa\x9c\xaay\x97\xb0n\x7f\xbc\xd9l^\xc2\x105\r\xd3\xc9.\xcaj\xb8\x04V\x94\\\x83\xc2s\xd2\xd3w\xcf?\xf8\xd6/\xb5_|\xf2\xb9\x00\x93\xc9]\x9b\t\xa7\x18w=\xd2\xca\xa9&gt;y\x92\xb4@%I\xbe\x19dY\x10\xb5j\xc3\xcb\xf6\xad\xef\xdf\xda\xda\xc4R\xfd\x9e\x0b\xa1J\x7f9(]\x05_\x8d\xb0\xbb\xb4;\xea\xd4\xd7\xcb\x8co\xaem\x02\xeb\xde\xd6\xd2\x87/\xcf\'-PA\xf7P\x96\xb0\xfa\xe3\xcd\xbb\xe3r\xec\x0c\xa4\x81\xee\xa4\xe9\xf4\xed\xd3o\xa2\xe2\xf9\xbb\x0b\xc1x(\\\x93\x876\x83`\x05I\x15;AR\xad\xd6\xe2\xd9LR\x8cX\xadY\x19\\\xdf\x9d\x9c\xbf\xba~\xed\xfa\x16\xfa\xad\xb9^\x80Z\xc1gh\x04\xc2.M\xc1\xd1\xc6h\xb4\xbb\xf4\x11\xb6\xdd\xe5\x8dr\xe5i7Q\xc3\xad\xeb\xb7\xaeo\xb7_\x9d\x93\xb1\x86A6\xd4\xfd\\\x96`\x94Fo\x8cYE7\xc4\x85m\xa7v:=}s\xc5\xf5\xdfc\xc6B\xa1\x88\xd0\xd5U\xce\x98\xed\x16\x90\xcaL\xab\xd5\xea\x13\xad\x98\xcdd#T\xe3\xd8\xcc\xac$\x88\xba\xdd\xe1\xc9o\xafmmm\x82\x0br\xb5\tk}\xf5\x07M\n\x88\xa5]\x90\xedb\x95\xfch{\x9b\xf6\x01\r*`Q\'\xbb\xb5u\xf3\xf1Ei,\xc8\xee\xa82\x864.\xf5j\x94\\\x8dq\xa1\xeb)b\xa0,d\xc9\xf59\x0bCU\x18f\xe8r\x853\x08\x16\x0f\n\xd7\xa9\x06Ib\xf5f\xb3\\Q1\x8c\xb0\x95%\xc4\xd5\xca\xbe\xba\x07\xb1\xa0\x16a\x95\xa6__`\x81kwim{&gt;\xd6n\xb6)J7\x9a\xf8\x1eq\xad\xdd?\x19v\xbd\xda\x10g\xd5\x98\x9c\x97\\\xf0pC\x8c\xc7&amp;4C}t\xee\xd0\x96\x1e\xbf}Z\xae\x92\xa0\n\x15\xd7`jh*\x82\x10\xfd\x9c\x05A\x82\xc9\xa7\xe7\xa0r\xdd\x10\\\x8a\xa9YV\xa2\xd5\xbc\xda\xf4\xebM\\\x95\xb0\xca2\xf6\xf7\xfb\xeb\xab\x0b\xae%B\xd8\x864\x9b\x10\xab\xb3\xde\x81Z\xcb\xcd\x92\x14T\x93\xae\xd7\xd2\xb2,\t8J(K\xc4\xe5"\xbd\xba\xa5d\xe02\x85#0\xefl\xfb\xf8\x93\x17\x84\xa5\x18F\x8c\xa6\xc10\x14\x88\xa2bO\x1e8A:M\xaa\x91?\x9b\xc5\xccu\x99\x8b\x1fPy`Y\x90\xcb\x9b\x9c\xff\x0bUZZ\x82Z\xcd&amp;\xc9\xd5_)\xeb8\xc7Z\xdb\xde,\xa9\xf0\x1d\x8a\xd4\xd56\xec\xbf\xb6\xb4{\xff$jy5\xa2\xcat%/\xc5\x92\xe5\xdcG\x8b\x83X5\x0b\x13`\x85\xa81]p]\x1c\x1f\x9f\xbe\xf9\xc3\xf7*q&lt;\xa72\x14\x1a`\x94\x1c\xa7\xa5\xa7\x816.\xa9B\x97\x85\x08a#\xd4\x13\xd8\x0b\x8b\xc6\xe4\xe2\xcf\xb8\xd0ns\x97\xe4Z_\xef\xcc\xb3|y\xb9M\xb1@\xb3\x90\xfc\x8fE\x1c\\\x1b\xa4\x16~\xf6J\xab\xc4\xca\xa2B^Pa\x18&amp;^\xee\xea^\x832\xdf\xb4]\xdd\x14:\xd3\xf9\xf1\xf1\xbb\xe7\x959\x95\xb2\x18Fl\x88$\xd2\x83\xc4\xea\xe63\x9f\x85\x86\xca\x98\x12CI\x95EV\x92\x0c[=ox\xf2\x1b\xf2\xd12\xcc\xd5.\x17&gt;\xe2B&gt;  @\x82\x14kw\xea+}\x88\xd8i\xb7\x11a?]~\x0c\xaa\x1e\xa8\xac\xc4\x8a\x98_\x02Q\x11\xa1\x9a\xaa\xb7Z\xa02\x07\rO\x15\x98q\x94\x06\x9cq~\xfc\xb6r\x05E\x0e\x82Xj(xC$FU0y\x00\x00\x08%IDAT\xc1\xc4\x9f\xc9L\xf5\rf\x86\x8a\x1a\x82\x8f\xecU\xb5\xb4V\xaf\x17\x9dl\xdfG\x02l\x10\x16\x08J.\x82\xaa\x97_\x9d\x0e\x98@\xb5Bzu\x90\xf7\x8fOP\xfb\xd6$\xb3,K3}IzO\x05{\xe9\xe8{\x1b=\x84\xaa\xaa\x0b\x95\xabL(\\E^\xf1\n\xa4P\x88h\x8e\x05\x8b\xdbNM\xabj\xbd&lt;wUIB\x9e)*\xf7\xb8"I\x86\xc8\xaa\xd5,\xea\xf6\xbc\xf4\xf2\xfe\x08\xb9\xbe\xda\xa1\x08\xed\xaf\xc0\xf6\xfd\x95z}\x85\xd2\xb4\x8f[\x7f\x7f\x7f\x9f\xc8\x80\t\xb0W\x17\xf3\nZV\x06*\xd9\x97\xe6\xc6\xca\xcbb\xfa\xde\xa4\xa6{\xe6x\xec\x1b\\\x84\\a\xa6\x01\xb6\x90\x89\n\\\xa5b\x1a\xba\x84\xa5*\xa1i:\x18)\xfcn\x84\xb2\x8c\xb9\t\xd80\x8ce\x89$\xcf\xaa\x16qu\xcf.G@ 5\xdeS,\x98\xea\xfd\xfd\xbd\xbd\xfd\xbd\xc5+u\xa2\xf2z\xa4\x15\x94\x16~.\xf9R\xec\x13U^:_*j8_\xc3\x18\xfb&gt;\x10\x84\xc2\x98\xc1p\xb9\x90U\x0c\xd7u\xf5P\x08U\xb8!S].R-Mk\xe6LR\xe5\xdc\x10\xcc\xf0\x8b\xc2\x80\xf2\xe8#%U\xb7\xaaH\xaf\x16q=(\x15\x02\x14a\xec- p\xdf\xdf+\xc7\xfe\xfe^)\xd8\x9f\xce\xa3\x85V\x96\xc6(\xdd%YR\n\xff\x8aJ\xf2\x05\xceg\xb2\x86KI\x00\xbb\xa8\xc6\xdcJ\x95\xd0\x16\xaem\n\xee\xea\xaei\x87\xdc\x81\\\xc85IV\xa5&lt;\xa6I\xb8\xb0\x82j\xf2\x81\x1f:\x16\xc5\x04q\x9d\xfc\x0e\xd7\xfdK\xbf\xa48\xb8\x02\xeb\xd3\xfe\xc1\xc1\xaf\x0f\x0e\xe6p\xff\xb8&lt;+\xa9\x868,b1T\x92\r\xc5\x97|9_\xa4\x84\xe4\x87\x9a\xd6*\x08\xc6 \x1c\x9at\xf4hT\x18\xd7\xd1\xd0\x08LO\x01,\'5\xcd\x94w\xfd&lt;\x94r\x89)2\x16j\t\xe7P\xc0\xca\x0c\x83\xb8PG\r\x97\x1a&gt;\xfb\'.[2\x1d\x1c\xcc1\xfa\xd8\xe8\xf9\xe1\xc1b|\xf9,\xc3\x8aS\x1b\x92VQ\x01\x9d\xb0\xc5\xa1\x8b\xe9&gt;X$\xbd\xe4\x1b\x90\xab\xd1`\x8d\x02\x0e\x9ag\x01Q\x19\x15a;\xcc\xd1M\xcaX\x962\x1e\x08&amp;4[2\x90z\xcc\x85\xe4$\xb7O\x89\xe22fb\n\x80\xab\x9ah\xadnkx\xfa\x9f\xc5\xd5\x7fyx\xf8\r\xc9\xe1\xb7\xc6\xdfO3\xea\x91\xcb\n\xa2k\xa0\nB\x15\xb8\xc8\xf5\xa5ExIR\x1c:A\x01\xa7\xc0Q\xca|\xee\x95\xe9Y\xb1\xb9\xc6\x1d\x87k\x9e\xaeQ\xfa\'\\Q\\Y\nI\xa1\x98\xce\xe4\xef\xa8f\xc3\xb6u\x144\x8e\x15)\xb4\xc1\x95\r\xf1\x91cr\xfe\xfao\xe09&lt;&lt;:&lt;:*9\xb0\x8b\xa7G?;*_y}f\r\xd1\xb7cu\xb0\xb2\x1a-\xcfyl\xc8qQ\x14\x8a!!\x9f\xe5|\x81%\x1c\xbb1(\xd4\x12\x8b\xc8\xca\xaf\x8a\xa3\x07\xdc\xd6x\x9a:S\xe0\xb1i\xca\x84+\x1b\x12\x12\x1eG\xe30LZ\xafg\x16\n\xad\x16(\xa8\x1f\xda\xf4\xee\x87QT\x9b\x9c\xbd\xfer\x0e\xb5\x18\x8f\x8e\x1ea\xd0\xc3\xd1\xd1\xbf\x9fe\x96\x16\xa1e\xa0\xaa\xd7\x94\\\x8e\xe1U\xd5\xc0)\ns&lt;0\xfc\xd2\xb3x\xd3q\x88FO\x19`".\x8a\x18R*(\x95\x00D\xb6fOS\x11@3=\xd5\xa6\x8e\x1c\xc7\x94\xa5\xb9\xac\x98\xe8\x81R.\xa8\x83,=\x16+\xd0\x8br\xc2B\x97\x1fM\x86\xa7\x9f\x11BI\x83\xf1\x90n\xb4=z\xf4\xd9\xa9ETX-\xa0\x95m\xe49\xe62\xa6\x8f\x14\xbb\r7\x1e\xf8J\x0c\x8fK4b\x95\x99\xba\xe9J!Vd\x17\xa9\xa9p7\xe4\xa1Z\t\x1c-\xd5\x83\xd4\x9e:\x1a\t\xa7\xa7\xe9\xb1\x84\xd3\xb8\xae\xef+&amp;\x17\xe0\x0c\x92\xa9\xe3\xa2\x81TM\x13\xa5\xc4\xd1"\xa0\xa0\xd0&amp;\xe0:{\xfd\xc5\x1c\xe8\xe1\xaf\x1e&gt;\xfc\xeb\xc3\xc5\xf8\xe2\xf5Y\x15\xe0\xa5\xab\xac\x8c\xc7\x98w1\x05L1\x90TW\x08\xdd\xf3\xd0\xe3\xc5\x14\x16\xf0|\x88\x85P\x95!\x96k\xbbL\xa8:c\x08\xfaJ\xa0\xd9A\x1aL\xd3\xc4v\x12t\x88\xb5\xc06\nyf`\x990\xd3\xa9\xad\xdb\x18x\xfc_\xcd\xd5\xae\xdb\xb8\x0eD\r\xdap%&gt;\xc4\x804i\x1a\x04a\x91\x8d `;\xa7J\xa3FUj\x17\xfb\x0f\xfa\x04}\x8b\xbf\xe0\x02\xee\xec\xee\x96\xeev\x01W\xdbm\xf2\x01[\xdc\x14i\xef\x199;\x08\x1cZ\x94\xc5\xa333gf\x06\xed!\xb2\xd2*\xed\x06&lt;\x88\xa3\xbe\xb5=`\xb5\xed\xf9\x0f0\x91\xfd3\x1b\xad~\x9e\xc9sa\x06\xf5\xd4\x8b\x06\xa2\xb7\xda\x0en\xd9`L\xd7@!\x99\xab\xa8o!\xb6\x00\x8b\xe1k\x03\xa6\xb4\xd8a\xdb\xa20V\x02\xb0J\xb6ec9\x07\xa2.\xe9\xc2\xd6\xf5\x8f%\xab\xa0\xach\x1fL\t9\x8cR$nA\xe8X\xdc@?w\xba\xb4\x94\x90\xc7#\xda0\x10\x064\x04\xe9v\xbb\x11\xb0\x8fw\x90\x89&amp;\x06\xd8\x80J5\xcb\xbaF\x1dk\xf0;\xc6\x06a\x854\xa2\x13Z\xe3\x1a\x85|\x8d"-\xd8\x00\xb6T\x1a\x04\x83|\n\xa6\xcd\xa2\xe4\xc2\xf3\x98y\xe02\x08\x1d\x8d\xda"\x0bw\xbb\xdaX\x9c.I7\x0c\x15\xa4\x80\xbb\xb2\xdaW\xc6\x16\x84\x82\x92v\x0e|\x1e\xe1\xa8\xf6\xed\xe3A\xd5\x8d\xec\xbfO \x06f\x8c\x02$\xed\xaa^6\xa8\xf6\xe0\x81U\xa2$\x0fY\xe4\x06\x9a\xbd^S\xdd \xb6*\xd2\x1e*\xcaR\xb8\xe4\x14&gt;\xb4\x07[\x99:\xd9\xcd(\x10\xeb{\x115J\xe1\x0f\x84\xa1b\x10\x183"\xde\xf6\xaf\xda\xa0c\x06\xa7Fa\xf0(\xdd\x1e=$\x9a~&gt;{\x8a\x1f\x91lO\xe7\x7f\xff\xc2\xfax{"&lt;\x84\x8c\x84WV\xd5\xd0(\xa3\xd1\x1bD\xa8\xa3\x10xo\xa3%S\xe4\xb9\xaa\x99a1\xd4\x165T\x8d\x11\xae\xd3\xd8\xb4,\xf9\x05\xcf\xe8\xdb7\x19\xb0\x80\xaa\x18T\xa6o[\xa5\x8b\x18\x1a\xa7\x0cs\x83\xdbwa\x13:\x0b\x88\xc0\x8f\xe83&amp;jjZEl\xc9Y=&lt;\x19\xda\xf7\xcf\x9f\xf0\xe0\xed\xf7g;C\x9aa=q\x94\x06\xc6\xfc\x0e\xd3g\xa1\x114D\xadR\xc1\xb4\x1f\x93\xf4l\xa8\x9b\xafTD\x90\xa35o,\x9a\t\x16q\x9fJb\x01"F\xa0\n\xa2D\x1fG\xb9V\xab%\xc3\x0b\xbd|\x97\xe3\x181a+HDJ\x05\xc8A\xaa\x11\xe3h\xfd3\xa3\xf3\x94DYi\xa9\xc5\x87+9\xe5$\xa8j\x1f&lt;\x91\xb5E`&amp;\xde!q\xad\xd4f\x13\xa8S\xe7\\\x08#\x94wx]jX \x12[\xb4\rki\xd4\xd0pdhg]\xe7\r\xd7\x8b\x80\x81\x19g\x1e\x0f\x88\xf9\x18\xd0\\\xac\x90+(\xb0\x14P\x87\x03"\x9e\\\xb5\xb9nZ\x9c\x1e\x02r\x13\x0f\xb6\x16%\n#\xaf\xa1T\xcc\x193w\xe8\xfb\xfe\xed\xfc\xde\xe6\x07\xa4+\xa82\x84\x8a9\xab\x87\xd4w\xd2\x14\x1ee\x82\xdcD\xe0J\x02\x084\x14\x94`\xd5\x8e\rJ\xe9\xe1%\xd98\x1c8\x1c\x8d\x0ef\x81|\xf5%\x87\x0e\xdc\xf6\xbdpl\xb9t\xde\xa6d\xfd\xeb^\xa4\xaeD\xde\xe3\xc5\xf3\xc8c\xbe\x82T+ \xbc\x08\xfb"5\xe1B\x86b \x85X\xb4=4\x16h\xfeZF\xc2\t\xa0b\x8c\x17\x8d\x11?!\xcc-\x0f6\n\x0bn\x11E\xfb5\xc6\xcf\xed\x96\xfe\x10\\;&amp;\xd6\xeb$\xc2\xf3\xc1 G\x835\x8bfWo\x99T\x83I\xa9\x8d\xaf\n\x83\x8f\xb7\xfa\xf5\xd9\x1bh\xac/c\x0c\xd7k\x1fs\xbe\xc2\xf2X,\x86rc\xf2\x95\x17H\x98\x92R\x18PL\x9d\'n\x00I</t>
        </is>
      </c>
      <c r="M474" s="3" t="n">
        <v>45492.67657407407</v>
      </c>
    </row>
    <row r="475">
      <c r="A475" t="n">
        <v>1129113</v>
      </c>
      <c r="B475" t="n">
        <v>200653</v>
      </c>
      <c r="C475" t="inlineStr">
        <is>
          <t>Victor Hugo</t>
        </is>
      </c>
      <c r="D475" t="inlineStr">
        <is>
          <t>V. Hugo</t>
        </is>
      </c>
      <c r="E475" t="inlineStr">
        <is>
          <t>UNK</t>
        </is>
      </c>
      <c r="F475" t="inlineStr">
        <is>
          <t>UNK</t>
        </is>
      </c>
      <c r="G475" t="inlineStr">
        <is>
          <t>UNK</t>
        </is>
      </c>
      <c r="H475" t="n">
        <v>178</v>
      </c>
      <c r="I475" t="n">
        <v>40</v>
      </c>
      <c r="J475" s="2" t="n">
        <v>38301</v>
      </c>
      <c r="K475" t="inlineStr"/>
      <c r="L475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ab\xadkzG\x874\xa9\xf5\xcd\x7fS\x82\xce\xce\xd6#%\xc5\xcd\xcc\x81\x125\x1dI\'\xa5\x00Z\xa3#\xfc\x8a\xfc\xc3\xfd\xba?\xe0\xe7\x1f\xd9\x0b\xf6j\xf1E\xf7\xc3O\x86\x97\x13x\x83Y\xb5WG\xbbK\'\x92\xdcI\x83\x80\xa58&lt;\x8e\xe7\xf0\xaf\xc9?\x8b\x9f\xf0s\x07\xfc\x14\x1f\xc5\x1e&lt;\xbe\xd7|#\xf1\x16\xff\x00L\xd3\xe7\x98\x9b{\x0bmI\x82F\xbd\x80\x05\x06?\x00\x05\x04\xf3#\xfa\xa5\x9axm\xe2i\xee%TD\x19ws\x80\xa3\xd4\x93\xd2\xa1\xb4\xd64\x9dB\x1f\xb4\xd8\xeav\xf3G\xff\x00=!\x99Y\x7f0k\xf9\x17\xf8\xbf\xff\x00\x05\xf8\xff\x00\x82\x8c|^\xf0\xb7\xfc"\x97\xbf\x19\xb5kH\x9d6M$w\xdei\x939\xc9\xc3\xa9\xc7\xe1^e\xe1\xcf\xf8)\xb7\xed\xed\xa5\xe8\xed\xa7Z\xfe\xd3Z\xec6\xd8\xdaPy$\x81\xf5d\xcd\x03n\xc7\xf6w\x05\xcd\xbd\xcay\x96\xf3$\x8b\x9cnF\x04~\x94\xfc\xe6\xbf\x8d\xff\x00\x00\x7f\xc1b?\xe0\xa1\x1f\n\\\xcf\xe1\x7f\xda7]-\xbc\xb39\x91\x01=\xfa\xec5\xf7\xf7\xec\x87\xff\x00\x07g\xfci\xf0\xdd\xce\x8f\xe1_\xda\x17\xc3P]\xd8,\x9bu\r^I\x1e\xeaf\\u\xda\x101&lt;\x7f\x7f\xbfJ\x05\xcc\x8f\xe8\x8a\x8a\xf97\xf6\x1b\xff\x00\x82\xc6~\xc9\x1f\xb7U\xf4\x9a\x0f\xc3\xbf\x12\x9b=F!\x180\xde\x92\x8b#\xb0\xc8U\xde\x14\x83\xe9\x91\x8e\xd9\xcd}eAAE\x14P\x01E\x14P\x01E\x14P\x01E\x14P\x01E\x15\x1d\xdd\xd5\xb5\x8d\xac\x97\xb7\xb7\t\x140\xa1ye\x91\x80TP2I\'\xa0\x02\x80\x1b\x7f\xa8XiVrj\x1a\x9d\xecV\xf0D\xbb\xa5\x9ay\x02\xa2\x0fRO\x02\xbf1\x7f\xe0\xe0/\xf8+\xff\x00\xc0\x7f\xd9\xeb\xf6`\xbf\xf83\xf0\xef\xc5\xd6\x1e"\xf1G\x8a\xd1\xad\x92-.\xe4J\x96\xa1~o\xde2\x1e2G\xe9\xef_\x9f?\xf0qO\xfc\x16\xab\xe2\x7f\xc5_\x8f\xb2\xfe\xcf\xbf\xb3/\xc5;\xdd/\xc1\xbe\x1d!.\xaf4{\xb3\x1b^\\\x82\xe9*\xb1S\xc8\x04\x03\x8a\xfc\x9b\xf1W\x8eu\xef\x19\xde}\xb3\xc4:\xcd\xdd\xfc\xed\xcbOy.\xe6bz\x9c\xd0\x06&gt;\xa9\xaa\\j\xba\xcd\xc6\xabu\x90\xf7\x13\xbc\xa4g\xbb1?\xd6\xaaK{\x87,T\x1d\xc7\x00V\x8bi\xe2\x16-4O#\xf0\x17oNi\xcb\xe1]H\xdd\xbc\xb6v\x85\x94\x0e\x03.i6\x96\xe3\x84\x1b\xd9\x11i\x1au\xd5\xcb\xe2\x04V,3\x93\xdb\xebP\\Gu\x04\xd2Z\xbb\x8c#rA\xad\xad\x17\xc2\xde,iK\xc7a0,\xa4\x10\x8bS\xff\x00\xc2\xb6\xf1k4\x97\x17Zl\x88\xa0\x13\xf3\xafZ\x9fi\x05\xd4\xd1P\xac\xfa\x1c\xe5\xb5\xcc\xab\xf2H&gt;Rq\x93\xe9I\x1c7.\x1aHC\x15^N+^\xe7\xc2z\xa9\xb7,\xb6n\x02\x9c\x1e*\xb5\xce\x97\xabi\xf6j\x0cn\xa0\x93\xb8\x0f\xebO\x9a\x1d\xc8t\xe7m\x8e\xd3\xf6o\xfd\xa0~&amp;\xfe\xce\xbf\x11l&lt;y\xf0\xe3\xc5\x17zt\xd6\xd7Q\xbd\xc0\xb7|\tc\x0c\tS\xecFG\xe3_\xd4G\xfc\x11\xf7\xfe\x0bg\xf0\xa3\xfe\n\x07\xa3\xdb\xfc0\xd6\x04\xd6^-\xb1\xb7X\x99\xa7]\xabr\xc1\x07\x1c\x9e[\xfd\xaf\xe2=\x81&lt;\xff\x00\'No\xa0\x8dG\x96S\x1dN:\xd7e\xf0c\xe3\xff\x00\xc5?\xd9\xfb\xc6v\xbe6\xf8e\xe3\x9b\xed\x1e\xe9$\x1b\xe5\xb0\xb8(Y27)#\xb1\x03\x15FoMQ\xfd\xc9Q_\n\x7f\xc1\x03\xbfo\xfdS\xf6\xe7\xfd\x92V\xe7\xc57\xd3\xdd\xea\xfe\x190\xda\xdd\xde\\\xbe\xe7\x9br\x06\xe4\xf7\xc1\xef\xe8\xc0v\xaf\xba\xe8Z\x8d4\xd5\xc2\x8a(\xa0aE\x14P\x01E\x14P\x01_\x1e\x7f\xc1q\xff\x00h\x7f\x12\xfe\xcf\xbf\xb0\x0f\x8c\xb5\x1f\x08\x99\xa2\xbf\xd54\xb9\xed\xe3\xbb\x85\x88h\x14&amp;I\x04z\xf0&gt;\x99\xaf\xb0\xeb\xc6\xbf\xe0\xa0\x7f\x06\xbc\'\xf1\xe3\xf6?\xf1\xdf\xc3\xaf\x18Y\xa4\x96\xd7~\x1f\xb8\xdb#/\xcd\x13\x04?2\x9e\xc7\x19\x1cz\xd0\x07\xf1\x83\xafj\xda\xc7\x8cu\x89u\x0b\xc677\x17w-,\xb27,\xee\xc4\x92I5\xd1\xfc3\xf8\x1f\xe2/\x1e\x98\xe5\x8a\xdfdM!V\x94\xa7\x0b\x83\xed]\x17\x89~\rE\xa0\xfcF\xd7&lt;=a\x1b\xb4:n\xb3qm\x0b\x86&lt;\xaaHT~\x82\xbd\xbf\xc0\x1at\x1a\x06\x81\x05\xa5\x9c\x01\t\x1c\x809&amp;\xbc\xfcv.T!\xee\x9e\xaeW\x80\x8e*\xa7\xbd\xb1\xc9h\x9f\xb3.\x81\xa0&lt;s\xdf\xc8\'\x90\x0e\x998\xfc\x8du\xb6\x7f\r&lt;7c\x0b:\xe9p\x92{\x98\xc7\xf8Wu\xa3\xf8x_\xe9\xef}~\x87\x8eP\x97\xac\xcb\xeb\xd8C\xbcl\xa3\x83\x80\x00\xaf\x15\xe21\x13Wr&gt;\xa6\x18\x1c--\x14Nz\xdf\xc2\x9aj6\x13N\xb7\x07\xd4B*\xd4\xbe\x1a\x81\xa2\x11\xcb\xa6B\xc3\xfe\xb9\n\xbd\x04\xe8&amp;\xd8!;s\x9d\xd9\xab\xcf\xac\xc1\x0cy\x96\xd0\xf1\xd2\x975W\xbb4T\xa8\xae\x87=\'\xc2\xcd\x06\xe1&lt;\xd6\xd2\xe2;\x8eJ,`\x7fJ\xc9\xf1\x0f\xc0\xdf\x0f\xea6\xef\x14\x9aHEa\x83\x85\x00\x8f\xd2\xba\xf9\xbe K\x0f\xee#\xb3\x18#\x07*:U\xcbO\x16\xdb\xdeDb\x9c*n\x18\xe4V\xeaUc\x14\xf9\x8eyQ\xc3KG\x13\xe7\xff\x00\x13\xfe\xcb\xb0\x19\x99\xf4\xab\x8f\x90\x8e\x15\xf2My\x17\x8e\xbe\x1a\xea^\x14\xbfk[\xb8\xf6\x80~R\xcb\xc1\xaf\xb3\xafR\x13pJ0`zb\xbc\xc3\xe3\xcf\x85\xe1\xd5\xf4o9`P\xc0\x8c\x909\xeb]\x98\\\\\xe5&gt;Y\x1e&gt;?.\xa5\x1anP?H\xbf\xe0\xd0\xef\xday\xf4O\x1dx\x87\xf6_\xbe\xb2\x0c\xda\xaa\xcb{\x04\xe8\xa0\x00\x91\xc5\x1f\x07\xbeA\\\x7f\xc0\x8d~\xfd\x8eFk\xf9\x8c\xff\x00\x83a\xfce\x17\x80\x7f\xe0\xa4:o\x87\'\xb3,\xba\x96\x9d&lt;K) a\x9c\xc7\x18\xff\x00\xd0\xab\xfas\x1d\x05z\xf1\xd5\x1f8\x95\x82\x8a(\xa60\xa2\x8a(\x00\xa2\x8a(\x00\xaf?\xfd\xaa\x9a\xe9\x7fg\x1f\x1a\xb5\x9a\x93(\xf0\xed\xc9P?\xdc?\xd2\xbd\x02\xb0\xfe&amp;h\x7f\xf0\x93|:\xd7\xbc;\xb01\xbe\xd1\xee`P}Z&amp;\x03\xf5"\x80?\x93Y&lt;-\x15\xc7\xc4\xef\x15=\xf2nc\xaf]\x96\xc8\xe8|\xe6\xcdi\x84\x82\xda_1#\x03\xcb\xe8Mt?\x10t\x19\xb4/\x8d\xfe6\xb0\x92?/\x1e$\xbd\x01;`\xdc5a\xeb\x16S\xcb\xb6;h\x1aGc\x84D\x19\xdc\x7f\n\xf9\xbceIT\xad\xca\xcf\xb3\xcb!\x1aXu%\xb8\xdf\xf8I/o\xa7\x16\xa9t\xcb\x16@\xe1k\xbd\xd0\xfe\x1bh\x17\xfa*\xea\x13\xea\x85\xa4p\x0e\xcd\x9c\xe7\xd2\xb8\xfb\xbf\xd9\xe3\xf6\x84\x93E\xff\x00\x84\x93\xc3\xdaM\x9aDpV7\xbd\x0b\xc7\xe2+\x1a{\xdf\xda/\xc1\x97\xd1[k\x1a5\xbd\xbf\x96F\xc6\x82\xef\x7f\x7f\xa5a\xec\xe2\xf4\xe6Gl1\x0e\x0e\xee,\xf6]\x03\xe0:\xdd\xc2/\xd6\xdb!\xc6@c\x8cT\xf7\x1f\xb3\xc2\\6\x1d\x80\xc9\xfb\xb9\xa5\xf8A\xf1\x13\xc7\xda\xcd\xa0_\x10\xc5!|\x8c\x1c\x13\xfd+\xbb\x97W\xb8\xb8\xb9\xf2w1\x94\xf4E\xe4\xe7\xe9\\\xdc\xe9J\xd7=xB\x9dHsX\xe1\xaf\x7fe\x17\xfb?\xdbb\xd9\x80\xbc\r\xc2\xbc\xef\xc4\xdf\r%\xd1ai\xd7x\x08\xe5vm\xf4\xafK\xf8\xb7\xf1?\xc6\x9af\x94!\xf0\xdd\xc4\x89&lt;\x0c}\xb9\x03\xbf\x15\xe4:6\xbf\xfbM|B\xd5\x1e\x08\xb4\x9biU\x98\r\xf2\xdem\xe3?\xee\xd7m\x05\x1a\x90\xbb\x95\x8f/\x19W\xd9O\x95B\xe6I\xba[)|\xb9\x95\xbe\xac*\x87\x89\xac-\xf5\x9b3\x1b a\x8e\x95\xea\xdf\x14\xbe\x0b\xf8\xabM\xf0\x9d\x96\xa3.\x8f\x0f\xda\x95I\xbb\xdb\'_\xc7\xbdy\x9c:}\xcd\xa4\x1el\xaa\xc1[\xf8J\xf4\xab\xa6\xa2\xa7t\xf5&lt;\xfa\xcer\x87\xbc\xb4=\x1b\xfe\x08\xe7\x0c\xde\x06\xff\x00\x82\x94x?W\x86F\x84\x1b\xf8\x94\x81\xdc\x19\xe3\xe3\xf4\xaf\xeadt\xfck\xf9\xa0\xff\x00\x82HxR-\x7f\xf6\xfd\xf0\xa1kQ\'\x97&lt;R)\x03\xbf\x9f\x10\xfe\xb5\xfd/\x8e\x9f\x8d{\xd4\x1bp\xbb&gt;O\x11\x15\x1a\xae\xc1E\x14V\xc6\x01E\x14P\x01E\x14P\x01H\xea\xae\x85Xd\x11\x82)I\xc5~b\xfe\xd3?\xf0Z\xcf\x89^\x06\xfd\xa1\'\xf0\'\xc3\x1d2\x17\xd2l\x06\xeb\xb8M\x9cr\x10\xa0\xe3ib\x0b\x17#\x04\x80@\x19\xc0\xe9\x93\x9dZ\xb4\xe8\xc7\x9aoCj\x18z\xd8\x99\xf2SWg\xe7\xc7\xfc\x14\xfb\xe0\xad\xc7\xc0?\xdbS\xc4\xfe\x0e\x9e\xd3`\xb9\x90\xdd\xa4\x80}\xf1$\x8e\xc1\xbf\x11\x83\xf8\xd7\x9f\xf8\x07E\xb2\xb3\xb5\x1a\xfd\xd5\xa0s\x16YH\\\xe2\xbd\xc7\xfe\n\x99\xfb]|:\xfd\xb1\xbcg\xa0|@\xd0&lt;#=\x87\x88\xa1\x8e;}bVM\xab*$l\x14\xe0\xe4\xaf\'\x18\xc9\xe9^E\xe0id\xb8\xd2c\xd2\xe0L\x898`k\xe63)\xd3\x95[\xc1\x9fi\x93\xd3\xa9\nITVh\xaf\xe3\x9f\xda\x8f\xc5\xaf\xe0=F\x0f\x04\xf8y]\xb4\xc0\x03\xa4\xe1\x97\xcd\xcfq\x8e\xb8\xaf \xf8}\xfbK\xf8\xaf\xc7^\x1a\xd45/\x1e\xe8v\x08\xf0?\x97\x16dm\xfb\x888\xda\x0fQ\x9a\xfa\x9bQ\xf0\x87\x82\xb4\xaf\x0c\x15\xba\xd3`\x89\xd9\x0f\x98\xdb@\'5\xe0Z\xcf\xc3?\rk\xfe"\xfb6\x83\xa3\xc3\x15\xbaI\xd28\xf0\x0f=jhb\xa8B:\xc6\xec\xea\xaf\x80\xc4\xd5\xa9u+.\xc7i\xf0O\xe2u\x95\xa7\xc3\xb95\x1dr#\xf6\xcc\x83\x10a\xd0c\xa5cX|R\xf1,^)\x97\xc41oQ\xbc\x94\xe4\xf03V\xf5\x1f\x08i~\x1e\x82\xdfOv;v\x0c\x83\xdd\xb3Uf\x86\xd6\xc3\x94\x85]:\x10\x05pJW\x9bh\xf7iQ\xe4\xa2\xa2\xd9\xb9\xe2/\x11\xd9\xf8\x97\xc1\x97\xd7\x160\xc6\xd7\xf2#6\xf6&lt;\xee\xcfS_3x\x83\xe3g\xc7\xaf\x80Z\xbc\x17\xd6\xda\xdc\x17\xf1\xdd\\\xb0\x16\xebtYP\x0e{\x0e+\xe8\x8f\x0c\xf8z\xde\xfa\xf9\xa2\xd2\xe6\xf9e\x1f:1\xe3\x9e\xd5\xa77\xec\xdb\xe1\x0f\x13j\x91\xbe\xb9\xa1\xc3\xb9[ 4cn}k\xbf\x05V\x94\x13SW&lt;\x8c\xcb\x07V\xb3R\xa7+X\xe6t_\xda\xb7\xc4\xde*\xf0\xae\x96\xde&gt;\xd0\x9a\xd7\xfbIH\x88\xba\xb0Q\x8e\xbdk?\xc7zM\xb3im\xa8\xd8\x01\xe5\xbe\n\x91^\xe5\xaf|\x03\xf0\xa5\xc7\x84\xad\xac\xa7\xb3\x8e\xe0Y\x83\xf6uu\xce\xcf\xa5yO\xc4\x8d0\xe9\xda;i\xd1F\x14G\xc2\xa8\x155e\x0f\xad\'\r\x0eX\xd1\xab\x1c#U5&gt;\x8d\xff\x00\x83~&gt;\x19\xdex\x8f\xf6\xd8\xb2\xf1m\xd5\xb7\x99ic\x0b\xa6\xf2:H\xbbf_\xfd\x02\xbf\x7f\x87Nk\xf0\xcb\xfe\x08\xe9\xfbI\xfc\x1c\xfd\x91~\x14\xf8\x9b\xe2o\x8a\xa5\xb7\xbc\xd7\xcd\xe1:v\x9d\xf6\x85Y\x06\xe8\x90\x12GR0\xac\x06=ON\xb5\xfaG\xff\x00\x04\xfa\xff\x00\x82\x95h\xbf\xb6\xa5\xe5\xee\x8bq\xe1\x96\xd3.\xe12\x1b`P\xa7\x99\xb0\x02ARN&gt;\\\x90s\xfc\'\xa7\x7f\xa5\xc3\xd4\xa7\xca\xa3}Y\xf1x\x8a5\xb9\x9c\xf9tG\xd5TQEu\x1caE\x14P\x01E\x14P\x028%~^\xbd\xab\xf9\xc7\xf1\x85\xfe\xa1\xe1/\xda\xdf\xc76\xde+\x88\xa3.\xbd5\xc2\x89\xc6slX`\xfd+\xfa9#5\xf8\x91\xff\x00\x05\xf0\xfd\x9d\xe7\xf8I\xf1\x96\xef\xe2\xc7\x86\xec\x0c\x10x\x86\xccZ\xda\x98\x97\x00\xb4\xac\xd2\x13\xc7`\xe2E\xc7`\x05p\xe6\x14\xfd\xa5\x03\xd9\xc8\xeb\xaa8\xddz\x9f\x16|F\xf8\xc7\xe0\x7f\x1ax\xbe\xe7\xc3\xfe\x1b\xb0\x8d\x1e\x13\xb9\xe5P\xbc\xe4\x91\xda\xbb\x0f\x82\xf1\xc0\xb7\xdfh\xbdO\x94c\xad|\xfb\xf0%t8\xb4\x8dN\xe7\xc47\xaa\x9a\xc9\x9eD\x8e\x17S\xb8\xe1\xf89\xfc\xeb\xdf\xfe\x10\xde\xc5:\xc4\xe4\x85\x117\xce1\xd4f\xbeZP\xf7\x94n}\xc5)\'\'#\xb3\xf8\xcf\xa1__\xe9\x82m2\'h\xc0\x1b\xd1:\x8a\xe1&lt;-\xe1{m;U\x8af\x8aU\x1d]Ku5\xee\xfe!\xd3t\xddGN\x8d\xa0\xfe8\xf9\xe7\x8e\x95\xe6^(\xb3\xb5\xd0\xa4\xdf\r\xdaeA\xceE\x12\x8c"\xb4:i\xb9I\xeae^|:_\x1b\xf8\xd5?\xb4uX\xec\xa0\xdf\x88\x12L\x8d\xc3=x\xae\x92\xf7\xe0\x0e\x80\xb6\xd7\x10K\xadF\x04JJ\xbeO\xcf\xf4\xaf\x19\xd7t\xaf\x0fx\xdb\xc7\xb6\xba\xdf\x8b|Wsj\xbai\xddn\xb6\xd7o\x10b\x0e@!O5\xe8\xda\xde\xb7\xa2\xf8\x83\xc3\xf3iz\xde\xbe\xeb\xa7]BU\xe4\x86fG\x08{\x86\x1c\x83Y{\x1a\x92\x92h\xddb#\x14\xd3E=\x0b\xe1\xbd\xc7\x85&lt;Um-\xad\xc9\x9a\xd2YB\x99\x06p\xa7\xbes^\x97\xabh\xd7\x11]\xa6\xa1\xa7\xce\x85\x0cj\x1e22F\x07j\xf0\xcf\x87\x0bo\xe0\x1dLh~\x1d\xd7\'\xbc\xd2D\xe6Uk\xab\x86\x95\xf9?\xdec\x9a\xf6]\x1b\xc5\xb6\x1a\x8d\xc2\xc8e\xc1e\nA&lt;\x10+\xae\x92T\xe4\xe3#\t\xcd\xd5\xa7\xcc\x8e\xb6\xde\xe3I\x8fJe\x97$\xec\xf9\x89=8\xaf\x00\xf8\xdd%\x95\xc5\xc4\x8bjT\xa79"\xbd\xa3]\xd7\xd2\xd7It\x8659C\xce\x05|\xf1\xf1\x03P\x12\xb4\xa9\x11;rp\x18\xd2\xac\xa3\xcc\xacqM\xda\r\x1a?\x04|K\xe1\x1b}&amp;\xeb\xc3\x17pB\xda\x85\xd3\x8f#*7t\xc7\x1f\x8d}\x9d\xff\x00\x04R\xf1m\xf6\x87\xfb{\xc1\xe0{vf\x88\xe8\xf3y\xf1\x1f\xe1m\x92)?\xad|\x0bsa\x0f\x82t\r+\xc6\x90\x1c\xcd0NT\xf2\tn\x98\xfc+\xf4\x9b\xfe\x08\x0b\xf0\xf1|c\xf1\xfe\xfb\xe3l\xd0\x13%\xb6\x8d&lt;l\xec\xbf\xc5\xc2\xff\x009G\xe5]x\x1eyc\x11\xe6\xe6\x9e\xce\x9eS/3\xf6\x04r(\xa3\xa5\x15\xf4\xe7\xc2\x05\x14Q@\x05\x14Q@\x05x\x0f\xfc\x14K\xf6:\xd0\xbfl\x1f\x81\x17\xde\x14\x9a\xd06\xabgo#\xe9\x92\x01\xf3\x12G*?\xda\xe0\x15\xf7\x18\xe8M{\xf5\x14\x9aRVeBr\x84\x94\xa3\xba?\x97\x7f\x89_\xb3\x1f\xc5\x0f\x86^:\xbc\xf0\x9e\xb3\xf0\xfe\xeef\xb0\x9d\xc4\x17\xf6\xf0\xb1\xf3#\x0cB\x90\x14u g\x15\xaf\xf0\xd9\xa6\xd3\xef&lt;\x89U\x94\xf0\x19\x19pA\x1e\xb9\xaf\xe8\xaf\xc7\xff\x00\xb3\x07\xc1\x9f\x1c\xeb\x8f\xe3\x1dc\xc1v\xcf\xa8\x85g2\xa2\xed\x12&gt;\xd3\x82\xca8c\xef_\x82\x9f\xb5w\x82\xcf\xc2\xcf\xda\'^\xf0\xcc \xc2\xc2\xe9\xe5*\x07B\xd26\x7fPk\xe6\xb3\x0c\x0f\xd5\xe3\xed\x14\xb4&gt;\xcf&amp;\xcd&gt;\xb5[\xd9\xca:\x9a\xf2\xf8\xceT\xb4h\x03}\xd5\xc2\x9f\xc2\xb8\x7f\x19$\xfa\x86\x81s~nB\x1e\xa1\x99\xb1\x8e\rV\x8f]\xb8\xb8\x9b\xcb\x90g\x8e\t\xaa?\x10t]O\xc4\xde\x13:e\x8c\x8c\x8a\xac\x0b\xf9|\xef\x03\x9a\xe1\xa3\x15Rz\xec}\x05y\xaat\xfd\xcd\xcf"M/C\xba\xd5\x8d\xee\xad\xe2\x06\x9d\xb3\xfe\xa9A\x01O\xd4\x1ek~F\xd2\xa4\x80E&gt;\xa1!\xb6e\xd8#9\x18\x1fZ\xd4\xf07\xc2\xbf\n\x98\x16Mf\xe686\xb8\xccl\xe3#\xf35\xde\xd8|6\xf8\x7f\xacN-\xe6\xbf\xb40(\xc2\x93:\xe7\xf9\xd7\xa2\xb9V\x89\x13\x86\xc2B\xbc/)\xd9\x9eA\xa5i\x91\xe9\xba\xda\xc7\xe1mw\xcdV#\xcc\x81\xce6\x8f\xa95\xea\x96\xf7w\x16\x160\xdc\xbb\x9c\x807b\xb8O\x8a?\tt\xcb\x1d@\x8f\n^\xacR\x13\xf2\\@\xe1\x8a\xfa\x1e\xb5\xd1\xe9\x93\xea0\xe91XjS\x19^(\xc0go\xe2\xe0V8\xa8AEInaNS\xa3U\xd3z\xa3\xab\xbc\xf1\\\xf7\xb6&amp;\xde9\xb2v\xfd\xec\xf4\xe2\xbc\xcb\xc5\x02mBo\xb3\xdb\xc4\xf2H\xc7hT^I5\xaf\x1e\xa3"&lt;\x84\x1c\xaa\xf0y\xafn\xff\x00\x82g|\r\xb2\xf8\xfd\xfb\\h\xbe\x11\xd7,D\xfal\x81\x8c\xe1\xd7\x85!\x94\x9f\xc4.O\xe1\\\xd4#*\xf5\xd4\x0c\xb1\xf5\xa9\xe1\xf0\xeeG\xce\xde\x1d\xf8q\xae\xeb:\x8d\xbf\x86W\xc37\xb7\x1a\x9c\x97\x08\xb0E\xb5\xc8\x8d\xb3\x8e\x98\xc7Z\xfd\xde\xff\x00\x829\xfe\xc8\xfe!\xfd\x9a&gt;\x01M\xab\xf8\xd2\xcf\xc9\xd4\xbcB\xe9:\xc2\xeb\x86\x8e&lt;d\x9f`\xc7\x18\xf6@{\xd7\xab|&gt;\xff\x00\x82\x7f~\xcc\x1f\x0e\xbcR\xbe5\xd1\xbc\x00\x92j\n\xc1\xc4\x97N\x1dCq\xce\xdc\x0c\xf4\xef\x9a\xf6\xa5UU\n\xaa\x00\x03\x80\x07J\xfaL.\ta\xdf3wg\xc6c\xb39\xe2\xe0\xa9\xa5d\x85\xa2\x8a+\xb8\xf2\xc2\x8a(\xa0\x02\x8a(\xa0\x02\x8a(\xa0\x04a\x95 \xfaW\xf3\xfd\xff\x00\x05\x87\xb8O\x0c\xff\x00\xc1@\xbcYe\xb7de\x95\x93\xd3\x05\xe4j\xfe\x80\x9b\xa1\xfaW\xe07\xfc\x177K\x8e\xe3\xf6\xfb\xf1\x11\x8c\x90\xc6\xde\x0eG\xd1\xab\x870\x8a\x96\x19\xa6z\x99D\xa5\x1cbq\xecx\x16\x8b\xafCpR5`K\x8fZ\xe9\xb4\xab]^C\xe5ZM&amp;\xc2y\x0b\xd3\x1e\x95\xe3\xfa5\xde\xa1\xa3\xcc"\xba\xdc\x14\x1e\x1c\xd7\xa9\xfc:\xf8\x99\xa5\xdb\xba\xd8\xde\xdd\xc4\x85\xba4\x8d_9\x1aN2\xb1\xf6\xbe\xd9T\x86\xbb\x89\xe3O\x85\xd6w\x90\xb5\xcc\x96H\x8eG,\x075\xcf\xf8/\xe0\xaf\xda\xa7\x91\xbe\xdc\xfbU\xcf\x18\x1c\x0fJ\xf4_\x15\xf8\xafHM&gt;id\xbfB\x84\xfc\xad\xbb\xf9W7\xe0\x1f\x8a\x1a\x05\xae\xaal\x1e\xf5\x02\xb3e\x99\x9b\xa5u\xd3\x8c\xd3\xb2&amp;U)(\xdd\xeeIu\xe0\x0b\x7f\r\xc6^\x1bf\x93ov^\x87\xf0\xac\xab\xbby\xe5\xfd\xe4\x80.{f\xbd\x13\xc4~2\xf0\xac\xfa\\\x86\xc7U\x8ag\xdb\xca\x87\x07\x15\xe4:\xff\x00\x8d\xa0\x8d\xd9\xdaLa\x8e0k*\xd4\xa7\xcdh\x84k\xd3P\xbbcu8\xe1\xb2W\x948\x04\xf5\xcd~\x92\x7f\xc1\xbb\x9f\n4\xcds[\xf1\'\xc4\xbdb\xd4&lt;\xfal\x81\xac$\xfe\xe9dT\xfc\xb0^\xbf,umb\xff\x00[\x90\x88\x03y}\xcd~\xd9\x7f\xc1\x00|"\xba/\xec\xf7u\xac\x08\xb0o,-\x1d\xdb\xfb\xc5\x9e\x7f\xfe"\xbb\xf2\xec4i\xd5\xbb\xdc\xf9\xec\xe7\x17:\xb4\xad\xd0\xfd\x02\xa2\x8a+\xdc&gt;d(\xa2\x8a\x00(\xa2\x8a\x00(\xa2\x8a\x00(\xa2\x8a\x00\x1b\xa1\xfaW\xe0\xef\xfc\x16\xc6\xc4\xcb\xfb{\xeb\xae\x91\x96\xdd\x1c9?\x81\xaf\xde\x16\xe1I\xf6\xaf\xc1\x7f\xf8,\xc5\xfb]\xfe\xdf\xfe \x86\'?\xbb\t\x9c\x1fF\x91\x7f\xa5p\xe6\x1f\xee\xff\x003\xd6\xc9\x7f\xdf\xe2|\xd9/\x86!\xba\xb7\x0b&lt;\x1fxu\xc7J\xe5\xfck\xf0\x97W\xbf\xb1g\xd0o\x9e9\x01\xca0\'\x83\xf8W\xaci\xab\r\xe6\x9e\x90\xb2\x06!z\x81\xc8\xa8R\xc5\xd6_.E;GU5\xf3\x8a\xab\x84\xb4&gt;\xe7\xea\xf1\xa9\x1b\xb3\xe5\x0f\x15Y|~\xd2$m&gt;U\xb8\xba\x8d\x0e\x17\xcb\x07\x9f\xcc\xd73\xfd\x97\xf1\xf6Wi\xa0\xd1oa,\xddJ\x9c\x91\xf9\xd7\xdaz\x86\x99\xa2\xdc!Yb@\xecx\xc8\x19\xab^\x1d\xf0\xb5\x8c\xa7\xcb\x92\xda&amp;\x0b\xd4\x98\xc7\x03\xf2\xae\xa8c\xdavq&lt;\xea\xb9J\x96\xaaL\xf9C\xc0\xda\x17\xc7&amp;\xc2\\-\xc2#\x1f\xde\xb4\xa0\xf4\xfc\xeb\xd14\x1f\x04\xea\x97\x12\t5\xa9\xd9\x8a\xff\x00\x08&amp;\xbds\xc5q\xe9\xf6e\xed\xb4\xd8c\xf9z\x95P+\x1bA\xd0\xe7\x94\xb4\xf3\x11\xb4\x93\x93\x8e\x95S\xc5\xca],*yt`\xb5w9\xcb\xfd.\x1d;N"(\x808\xf4\xaf\xdco\xf8!\x9d\x90\x8f\xf6/\xd2\xf5\x02\x98ib\x822}\x95]\xbf\xf6\xa1\xaf\xc4\xaf\x19F\xb6\xd0\xb2\x03_\xb6\xbf\xf0CK\xa4\x93\xf62\xd3l\xd5\xf2c\x8e\x06#\xd3*\xc3\xff\x00e\xae\xbc\xb1\xb9T\x93g\x91\x9eG\x92\x9cR\xd8\xfb&gt;\x8a(\xafh\xf9\x90\xa2\x8a(\x00\xa2\x8a(\x00\xa2\x8a(\x00\xa2\x8a(\x02+\xfb\x91gc5\xd9\\\xf9Q3\xe0w\xc0&amp;\xbf\x9e\xef\xf8(\x17\x8b.&gt;%\xfe\xd8\xfa\xdf\x8a\xf5(\xb6Kp\xaa\xee\xa3\xa6\xe2\xee\xc7\x1f\x8bQEy\xb9\xa3\xff\x00g\xf9\x9e\xd6D\x93\xc7|\x8e:\x18\x16\x08\xc7\x97\xc6\xc1M\x12\x99\xf0d\xed\xe9E\x15\xf3Uw&gt;\xf2\x1f\x01N\xf2\xd7\x04\xdcF\xf8*sD~$\xba\x8e\xcf\xec\xaa0X\xe3p\xa2\x8a\x85\xf1\x95-\x99\x14\xd6\x06Pg\x9aM\xdb{T\xf6\x84C`\xd1 \xe0\x13E\x15\xba\xf8\xcc\xa3\xf0\x1c\x9f\x8c\xa2S\x19/\xcd~\xca\x7f\xc1\t.\xdd\x7fg\x08\xf4\xdeJ\x9d.\xd2Q\xed\xf3\xcc(\xa2\xbd\x8c\xb3\xf8\xb2&gt;_?_\xba\x89\xf7]\x14Q^\xd9\xf2\x81E\x14P\x01E\x14P\x07\xff\xd9'</t>
        </is>
      </c>
      <c r="M475" s="3" t="n">
        <v>45492.67701388889</v>
      </c>
    </row>
    <row r="476">
      <c r="A476" t="n">
        <v>1134200</v>
      </c>
      <c r="B476" t="n">
        <v>5981</v>
      </c>
      <c r="C476" t="inlineStr">
        <is>
          <t>Wesley França</t>
        </is>
      </c>
      <c r="D476" t="inlineStr">
        <is>
          <t>W. França</t>
        </is>
      </c>
      <c r="E476" t="inlineStr">
        <is>
          <t>LD</t>
        </is>
      </c>
      <c r="F476" t="inlineStr">
        <is>
          <t>LAT</t>
        </is>
      </c>
      <c r="G476" t="inlineStr">
        <is>
          <t>LD</t>
        </is>
      </c>
      <c r="H476" t="n">
        <v>173</v>
      </c>
      <c r="I476" t="n">
        <v>43</v>
      </c>
      <c r="J476" s="2" t="n">
        <v>37869</v>
      </c>
      <c r="K476" t="inlineStr">
        <is>
          <t>Right</t>
        </is>
      </c>
      <c r="L476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91302e8-15cc-466f-ac29-164bac2d94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f4\xda\x9d\x00\x00\x03\x00PLTE\xfd\xfd\xfd\x13\x10\x11[\x01\x03\x1c\x1a\x1a\x16\x13\x14-+,\x19\x17\x17\xff\xfe\xfe\xff\xff\xff*()*%#U\x02\x031,*\'&amp;&amp;"!!&amp;##b\x01\x04N\x01\x0230/.)&amp;\xc1xT\x10\r\x0c\xfd\xfc\xfbM"\x12 \x03\x01C\x03\x03\x1f\x1e\x1d\x15\x02\x01\xfa\xf8\xf85\x02\x01H\x02\x03.\x04\x02\xd7\x93n=\x04\x02\'\x03\x01\x1a\x05\x02\xbfsPV(\x17{F/i\x01\x05B\x10\x06\xc4{W=\x1b\x10$\x0c\x05c0\x1b\xd2\x8adD\x18\x0ct\x01\x07].\x1a\xc3\x7f]j8#\xdc\x97pU#\x11H\x1d\x0f\x05\x01\x02\xe1\x9csp8",\x10\x08\xb7wXu=&amp;\xb8qO\xcf\x86a\xc8\x84_\x8cQ7\xabcC\xa0X9\xdb\x91g\xa7]&lt;;\x11\x083\x18\x0en\x04\x07\\(\x15\xd8\x8ec\r\x01\x01\x1e\x10\x0c\x83K2\xd5\x8fi\xbf{Z\xc7|W\xc9\x80[\xc2\x85d\xcd\x83\\T\x0f\x08\x98\\A\xef\xe8\xe4i3\x1d\xb2hG\xf6M8\x9aS5da_\x92\x03\x0f\xf8\xf3\xf2\n\x07\x08\xdf\x95i\x93U;B%\x19R\x1b\x0f\xb8}_\xe1\xd9\xd6\xf3\xee\xec\xe5\xdf\xdb\x8daKL\x15\n\xe9\xe4\xe07"\x1aXUS\xa6\x8d{e=.:54\xca\x89f\xd7\x8a^V2\'\xb1qS\xa6nS\x98|m\x82ZFN(\x1a\xe4\x9fz\xb8\xb4\xaeMJI\xad\x95\x85\x9emU\xce\x8ej\xc6wR4\x0f\x07)\x17\x11\xd9\xd4\xcf\xb7\xa3\x96\x9f\x85t\xa0_D&lt;*$\xe2\x8fb\xb2\x9c\x8d\xafu[\xcd~VM\x0b\x05\xa7eJ\xbd\xb9\xb4z\x03\nn"\x1d\x95kW\xee\xaf\x8e\xe4\x9anH/$\xaelN[;,nG6\xd2\x86\\B?&gt;\xbalI\xbe\xab\x9c\xd03*a4&amp;\xec\xab\x86\x95tb\x95dL|@\'nkiyUD\x88iY\x8aoc\xe6\x96i\xd5\xc2\xbcxur\x9ft`\x9dfM\x93N0\x80|yyM:\x83S&lt;\x91\x8e\x8aqB-\xe8\x9fs\xebdT\x82bQ\xeb\xa6|\x8bK/\x85E)\xb0\xad\xa8\x9a\x97\x92\xdeL8\xbf\x8ds\xac|d\xbd-(\xc8\xc5\xc1\xa7\xa2\x9d\xcd\x95x\x88\x85\x82\xa6u[\x8943\xb2,\'a\x18\x0f\xde:.cE9\xe4\xa4\x82L7-\xd0\xcc\xc8mM@\xd9\xb4\xa6\xc4\xb1\xa6\x84\x01\x0c\xac\xa8\xa2\xa09/U@6\xd9\xcb\xc7\xc3\xbf\xba\xd7\x9b{\xe5\xd1\xcf\x8bWD\xb8\x83j\xce\xbe\xb8\xc3\x94}\xc8\xba\xaf\xa2\x9c\x98y$!~f[\xd9\xa5\x88\xd4~S\xae\x81m\xd9\x85Z\xf2\xb8\x98\xb8@6z3._&amp;!\x92C&lt;\xb6\x89}\x890 ,\x1e\x1b\xce\xa8\x9c\x99$"\xedXC\xf0C3\xdb\xaa\x9a\xb8YS\xd7\x7fp\xa6\'$\x88\x1c\x1ezZN\x9dNH\xb4^&lt;\xcdH7\xd7\x94\x8d\xf3\xbe\xb3\x86D=\xc9cF\xf4\xdc\xd7\xe1YF\xd1rL\xf1\x87z\xcarhoVM\xfa\xe4\xe0\xc2\x9d\x8e\xf2\xce\xc3\xe1\xc2\xbc\x9f\x86\x84\x9572?\x00\x00 \x00IDATx\xda\xac\x98]H[\xd9\x16\xc7\x0f\xbe\xec@^\x142\t\xa51MG\xe3G4\xd1j\x8b\xd6\x98\xd4\x9ah\x1du\x92\xa6\xd1\x10\x1a\xaa\x1d\xe3\xc7\xe5\x84j\x8d\x19H\x13k"\xe4\xaa\xb4\x96\xb1\x8a\xc1F\xd1 *\x8a \xfa02\x94;\x94zk-\x8cX\xeb\x84\xa9c\xa13r\xfb\xd0\x87q\xe6\xa1o\x97\x81{\xd7\xde\'\x1f\'i\xa4\xd6v\xd1\x9ds\xd2\x13\xf7\xfe\xb1\xd6\xfa\xaf\xb5\xf7\xa18\x9ff\x88\x12\n\xcdf\x8b\xc5Rg\xb1\x98\xcdB&gt;\xe2|\x16\xa3P\xd88\x1f\xb8\xbeo\xf0\x84/4\xb7\xf5\xf4&lt;\xf9a\'\x18\x0c\xee\xecL\xf7\xb4Y\xcc|t&lt;\x8bY\x8f\x8a\x18\xfa\xc0\xf5}\x03\xa6\xba\xa6\xcd\x9d\xe0\xc6\x86o\xc3\xe7s\xfb\xdcn\xaf{c\xb3\xcd"\xe4S\xc7\xb0\xf0:\x9c\xc87&lt; \x1c\x91\x81i\x11\x875\xf0o\xc8\x83\xe8_\xf0\xf9\xc0\xd43\rL\x80\x04L\x00\xe5\xa0\xbd^\x07!3\x0b\x11kj2Px\x9a\xe8t\xe8\xd0u\x11E\x1e3\xd7\xf0`\x08 \xbe\x1c\x82\xc5\t\xe1q\x10y\x80\xf3\x89C\xe1\xe0\xed\x84\x98|&gt;\xc0q8\xdc\xf8\xc3\xe1\xa0=\xb47\xd8\x0ciF~\x18\x9e\x8e\xcc\x12;-\x99\x0e\x91_\x85\xd7&amp;\x7fA~t\xac\x84\x04\xa8\xcd \xb8\x08\xa8\xdc\x98\x86\xa6=\x0e/\xb0\xd1\x0e\x8f\x8d\xf6xh\xcf\xff6\x9a,\xc2OH\xffc`!&gt;\x03\x05\xc9\x04(\xe0*\xcca\xf3\xd04\x81\x03F\xb8\xb7\xd9&lt;\xee\x9eO\x00\xa3\x8e\xe1*K\xcf\x0e@\x11,\x0f\r^\xa2m4\xa0\xf8\x03\x1e\x9a\x81\x0b\x04&lt;\x1e[`\xca\x06`\xc7-\x18T(\x1d#i\x9fH\x85\x88\xc3\x92\x9f\xb9y\x1axH\xcc\xc01S\x01\x9b\x07\xbce\x0b\x00V\xc0o\x03\xf3x\xa6^\xc2\xc5\x7f0\xb9\x14p7\xc5\xa8\x92\xa5\x01\x84\xa8\xc4\x0f\x0e\x11?b\xdd 6!s\x83\xe3\x07\x92\xa3q\x06\xe1O\x9b\xdf\xef\xb7\xf9=\x80\xb7\xb44995\xb5\xf4r*p\xf0\xdf\x03\xb8Y\x1f\x1e\x1e\x9e\xb4M[\x841\xab\xc4L\x8f\x12\xd5!\x14z\xc6\x94\xaf\xf0\x88\x13*k\xc0\x07\xdf\xd2\x03P\x98\x05PfV\x07o\xcd\xcc\x0c\x0e\xb6\x8c\xb7\xb4\xb4tu\xcd\xcfg,\xce\xcf\x0f\xafON\xae\x83M\x0e[\x1f\x0f[\xad\xebS\xdefa\xec4\xec\xfa\xc3Z\xef\xbd\x02\x81\xc3\x8f\xd0Q\x86\xb0\xee\x07\x9f\xc3?\x88Y\x00h|\xd6`0\xf4\x1a\x1a\x1a.\x80\xd5,\xd7L(\x14\x8a\xc5\x82\x82\x02\xeb\x98\xd5:\xd6\xd1q\xff\xbe\xd5\xdaa\xb5\x1e\xd8\x9e\x98\xc3\xf5 n\x90\x82\x9ex-*A\x97\xc3\x1f\x89\x14(l\xdbq\xd3\xb6\xf1\xf1\xd9\xd9\x06\x031\xd3E0\x93inn\x19lebB1\xa1(\xae\xcf\xcd\xcd\xcf\xcf\x97\xd8%v\xbb\xbd\xa3\xa3c\xcc:&lt;\xb5qx\xe6#\x14Z\xf0\xc3JD\x89\xb1\x90\xb09\xe8\xa6g\x0c&amp;\xd3E\xd3\\\x83\xa9\x810]T\xab\x01l\x0e\xc8\xe6\x96W0\x18\xe6\xca\xbf$\x11\x08\x04\xe7\xce\xc9\xcf\t\x04v\xc9\x98\xf5\xc0]w\x18\x17:d\xb1\xa3\xf7,a\xd3\x86\x97\xbeE&lt;\xc4\x10a\xa8\xb22cY\x99:\xe41\x8cU\\\\_\x9f{\xe9\xd2YL%\x97j4R\x81D2\xb6\xe4m\xe3\x1f\xb7K\xa2\xf7\x07;G\xc1W\x0e\xdb,P\xa91\x0c\xf8\xe8b/\\\xcb\x8c\xc6Q#\xfe\x06`\xc4]$\x8ca,\x8d\xa6\xbb;K.\x15X\xd7\x1d\x84+Q\xa3\x8c\xa9\x18\xd1\x11\xe9\xa3\t\xa5\x12\x19\xfc\xb6\xa0\xd76n \x0e\x02\x1bP\xf7\x96\xa9\xb1\xaf\xfe2\x8e\x8e\x8e\xfe\xa5\x86X2\x0e\x032\xcc%9\x1b\xc2J\xed\xee\xd6\xc8%c\x93n\x0b?:\x1d[\xdc\t+\x00\x87\x8a(\x02\xb1ZgT\x11d\xc0\x03\xcb\xb4\xdb3h\xe8\x05\x0f\x19\xb1\r\x118p\xd5hz\xba+}t\xd4hT\x87RleB\x81\xc3\x88\xb1\xb24\x1aMjj\xaaF#\x90\x8c\x1d\xec\x98C\xd31\xbd;\xba\x1esO\xc5+\x11\xa1\xb8tg\xa7`\xa8x \xf3\x13\x9f\xe3\xd6lo/\xa0\x8c\x8e\x96\x96\x96b4\xb8b(\xad\xd6\x95\x9e&gt;j\xc4\xfe2\x91PN\x14\x173X\xe0-pWjj\xb7T\xf2\xdbX`\x13:$\xe2\xb0\x8a\x11\xfb\x16\xa1x%\xa2\x0f\xb7-\x04\xe9\xee\x98i1\xf4\x0e\xe0\x90\x95\xa6G,\xdb\x05X:-\xf1\x97\x9a(\x01s)0\xd6u\xc0\x02w\x9dNM=uJc\xbf~\xb6\xc0\xd3\xf6\x11\r\xf2h\x9a\x80\xc4\xf2\xb44\x18\x06\x86\x08\x12/[\xabS\xe9tZ-\x1eZ\xbd\x1e&gt;y$\xf1\x99\x14\x03w\xd5\x03Vk+\xc1:\rX\xddr\xf9\xf5\xdf\xe67\xcc\x9f\xa0\xc6\xf8+i\x84\x9b&gt;\xda\x0f\xce\x02*\x9e\x0b\xdc\xa3W\xca\xb0)\x95zr\x0f\xd7\xec\xf4Q\x90\x00\xb6\x8bs\xcb$\xe9\x81K\x9e\x05\x06X_\x9e\xd2\xc8[\xaf\xdf\xf57\x0bc\xdbm\xcc\xe2\x89\xd6\xa5\x12(\x825\xda\x82\x0e\x8f\x7f\x1c\x9c\x05\xa9\xe4\xca\xd6)e\xb5\xb5\xb5b\xb1\xb8\xb6V\xc6\x00\x02^\x14\xcb\x04Qd\xb00\xd5\t\x8c\xf5%`]y\xf4\xdag\x89\x9d6\xba\x93\x8eWd\xf4\xe4\x13RcX\x11,\xa9P\xc2M\xd83\xcc@\xd3\xc11ti\x81\n\x98\n\x01\x0b\x88F\x08\x95N\xcbK\x87\xbaZ\x16\x8a\xa2\x02G\xf1l\x08\x0bGQ\xd3\nXwg\xda(\x14\xaf@\xf6\xa0\x0e\xed\x89\x91\xfcG\xd1\xff@u\xd3&gt;\xaf\x03:3N-\x97K\xc7Pm\x89\xc5U\xed\xed#}}z\x88\xa1N\xc7\x031\xb2\xb1\xc2\xee:A\xb84\xad\xfdW\xae&lt;z\xb7)D\xec^\x88\x0eY\xfbh\xbbS\xaa\x19v\xc8\x8e\xd5Y\x06K\xabg\xb0\n\x0b\x01k\x04\xb0\x18\xae\xec(\xd62\x0b\xebD\xd6\t\x11p\x9d\xee\xef\xe7r\x1f\xbd\xf6Z\xd0\xe7S\xa2\xb0g\x03v\xa3{\x9d\x03\x04\x0b(j\tUa9\xc6\x1a\xe9\xd3\xf6\xe9\xf5J\xc0*\x8d6!\xa6\xa0\x82\x16\xc1Y"\x118\xec\x84(\x85\xcbM\xbe;\xd8t\xac\x13db\xb3L\xe3\x03\x17\x83\xe5r\xf5\xf5a,\xb0\xf2\xf2r\xc0\xd2\xf7\xb9\xfat:=\x04\xb1\x94\x94.\xd2\x1a!\xe5sqr\xb5\xf6\x8b\xfa\x81K$\xeaOI\xe1&amp;%\xdf\x85(~La`\x1f#\xc3\xf7d\xffN\xd4Q\xb7\x03X?\xafv\x0e\r\r\xa5\x13,\x10byyUUy\xd5\xabW\xbf\xfe\nXz\xbd\x1eR\x9e\x94z\x9cY\xb8\xfd\xc0\xe6\xe6\x12\xc6\xea\x17\x89R\xc0\xb8\xdc\xa4\xa4\xe4\xcc\xca\xd7As\xcc\xc6\x97\x13\xa7|N\xf4!\xfb1\xfb\x18\x19\xde\xd5"\x9c\xf1n\xef\xfej\xe7M\xacC\xc0\x1a\x91\xd5\xca\xaa\xda1V{{\xfb+\x92\\z\xad6\x1b7!\xa8\x12$\x88\x05\x80\x85\x83H\xb0\x00)\tSeV\xfe\xf2\xb7%v\x07\xc0:.G\xd7\x0e\xb7jN\xa8E\xa3\xc8\x95(1\xf4\x055Oo\xb8\x1d\xfb\xab7Ky\xbc\x10\x96\x0c\xf3\xb4\x97_\xbbVTt\r\'\x98L\xa6\xd7\x85\x12\xdf8\xd0\xdbp!CQ\xcf`\xe1\xe8\xe1\xf0ef\xe2\x7f\x95\xbf\xec\xd7\xb1\x8aChD\x04OE\xb6\nG9U\xf3\x9b\x82&gt;\xef\xfe\xdej\t\x8f\x07%\x1ec\x01\x07\xf8\xaa\xbc\xe8\xdb\xb5\x07\x0f\xd6\x8ap8k\x95J\x19\xd41\xe7\x8d3%C\xc0U\x93Q\xc0\xa4|\xbf\x88PU\xe6\xe5\xe5e&amp;\'g\xfe\xd1\xd9L}\xec\x8b\xa4\xc3L\x88\x0f;\xfb{/.\x9f\x81\x9e\xec\xc2\x994R%\xdeZ[[{p\xef\xc1\xbd{\xf7\xd6\x8a\xb0*ke\xb5\x85bB5\xbe\xbdP\xb3X0\x96o\x17@\xab\xce"X\x99yw\x9e\xdd\xa9LN\xae\xfc\xe3\xcf\xe7G|\xcd\xf4AI\xf0\t\x16\xbd\xf7\xc2\xe9T\xea\xa0!j\xb3K\xce8\xb7\xb6v\xc3\xb6\xf6-P\x15A3*\xacU\xdd\x1c0,\x0c[;\xbekll\x94VT\xc0\x06\x90`a*\x82\x95y\xe7\xcf\x8f\xae\x10\x88u\xd4\xe5\xb0O\xb7\xc2\xcd\xa0\x8f\xb6\xed}\xff\xd0)\xc3\x99]:;\xfb\xaf\xd5\xbd\xbd\x17{\xab\xab\xab\xff\xfc\xe62\x10\x16\x8a\x89\xb7j\x95%\xbd\x17\x16\xefw|\xf7\x9f\xea\xea/\xaa\xd3\xaas\xceww\x9f\xc6\x1a\xac\x04\xaa\xab\x04\xab\x92\x85\x85\xe2\xd6\x8c;\xc2\x1e\xa6\x88\x88\\\xb0\xb7h\xdb\xfe\xcf\x0f\x1f:a\xa70\xb4=\xd9\xb5\xb4tp0\xb9\xfe\xf8\xf1\xf0\xf0BK\xe7e\xa7\xd3)\x16\xcbTJ\x15o\xa0a\xb1\xc3\xde\xf8\x8f\xdb\xd5\xd5i_\x9cL\xcb\xe9\xd6`\xac\xa4\xe4\xbcgW\xaf^}\x86s+\xef\xf7\xe7T\x9c\x12\xd1\xa1J\x0c\xab\x90\x88 \xf4\x8e)\xb4[\xc6\x83\x0f\'\x1e\x8fm\xff\xef\xdd-X\xfc\xe6696?\xfe\xe9\xfeO\xf7\xc1\xac\x0b\xb37\xbfV\xa9n8U:mzYCF\x81\x1d\xa2w\x1b[E\x85T*\xcf\xeaO\x81|\xbf\x03P\x80\x055\xa2\xf2\xf7\xe7|\x06\'\xfe\xc4\x1a^7\xbc6\x95\xe0\xec\x1a\xa7\xc4\x1e\x1f\rXov\xb7\xb6\x9cg\xc6\x17\xb6go\x8dw\xb5t\xc1A\xde:&lt;?\xbf\x00\xdb\x8a\x92\xafU7T\xd9\xa5e\xa6\x95\x02\xbb\xb4\xe2\xfc\xed\xf3\x15\xd2F\xbbDb\x17\x9c\x93\xf7s!\xa1\xb0\xb3\x08\x167\xf3G\xc0\xfaLJ\xe47a,\xc7\x9b\xb7\xbb[\x0f_\xdc*Q\xc9\x9c7.\x7f3d\xb8P\x93\x91Q\xb3\xb0m\xc0\x9bC\x95S\xc93\x9aVr\x05\x15\xe7srr\x00K\x00Gj\x82\x95\x94\xf7\x8cPa,\x88\xe7\x8f\x9fM\x89\x14\xbf\xd9m\xf3c,\xccuC\xd6^%S\x95\x0c\x19\x96a\xc3\x9e\x9f[\xa0\xc8\xa8i\xe8-U\x8a\xc5\xd9\xea\x95|iN\xda\xc9\x93i\xd5\x15\x8d\x0c\x93T.\x97s\xf3\xae2v\'9)\x85\x9b\x0cA\xfcH%\xb2\xdfm\xc5\xben\x02\xac\x80\x7f\xff\xcd\xdb\xa7oww\xc5\xd0\x9cy\xc6\x86\xe5\x9a\x9a\x8c\xe2\\\xc9\xd9K\xb9\xf5\xc5\x13\x17\x8c\xca\xa2B\xbd\xba\xb8"\xed\xab\xaf\xbeJ\xabn|\xdc\xb5\r\x95\xcb.\x85\x03bV\x7ff\x18+\x89+\x12%\xbd\x8b`!\xf6\x0b*\x94\xf0\x15W\xa4mR\t\xdf\xfa6{\x03\x81\x80\xe3\xcd\xd3\xa7O1\x96\xcbh\x9a\xc8\xe8\xfc\xfe28\x0cN^\n\x85\x02\xb0\xf4\x85\xd7\xfa\xd4\xf5\xe7\x81\xea\xe4\xed\x7fO\x0e\xce\x0c.,\xe6J\xe4\x90\xf5\xf2\xac\xa4ga\xac\x14\x91\x88\xfb\xae\x89\xe2\xc4\xad\x19\xbfn\xa8\n\xb0\xcejT\xe8\xado\xe8\x950b^\x0b\xa36o\xe0e\x80\xc6Xo\xff\xcf\xaa\xd9\xc64\x99eq\xbc\xe9&amp;[\x92~i7n_RJ\xdfh\x8b\xe5\xad\xa50-\x08\xc5\xa9\x08Ua)E\x0c\tiE\xc1\xd1\x1d\xf3Td\xe8\x8e[\x98\x19\x99\xce K\xb7\xb5\x84a#\xc6\x1d\xa9q\x19\r\xcdT?`\x9c&amp;\xa6\x19]g\xddq\x96\xb0\x12u:4\x8a\xee~X\xcd\n\t/atD\xf7\x9c\xe7\xa1\xb4\xbc\x88\xb2\xbb\x17\x05\x1b\xa3\xf7\x97s\xcf=\xe7\x7f\xce\xb9\xc3\x99\xad\xbb\x06\xf4\x8a&amp;\xf3\xd0\xd9\xf3\x90\x8e3\xf4\x17m\xd5\xed\x9b\x0b\xab\xac\xd6\xb9I\xc0zk\xdb\xf6k\xd7\x9f|\xf9\xec\xe6\x01\xf0\xfb6\xa8\x12Ui\xec\x85S\xccF\xacc#\x8d\x8c\xc5\xe6u&lt;\x17\xd3\xe2\x970\xd6.\xa2\xbd\xf6J$\xed\x04\xac\xd3G)\xac\xca\xde\xdaS\x17\xdb\xdb\xcfw_;\xb0\x1d\x9c\xa8lS\xb5\x99(\xea\xe8\xb1Z;&amp;\x1f\xa6\t\xde\xda\xf6\x8f\xe3\xbbo&gt;\xfb\xe3\xfb?\x07\xbb\xc9D\x12I[I\nk\xe1"2\xd1Z\xbf\xdfO5\xc0\xd7\x98\xd5Py\x9b\xb6\xe6\xa0\x83\\\r\xb7\xc1Z\xcd\xcf\x81\xea{\xf1\xc6\xcd\xb5\x036E\xf7\xb5\x8f\x7f\xf13\xc1\xf6\xe3\x07\xd596B\xdc\xd3\x111\x1a\xe7&amp;\x1fZ\xa4\xe0Z\x1f\x1c\xff\xf2\xe8\xb3\x0f~)\x10\xa4\x97\x94\xa4K\xf3\xdb\xd2\xa8\xbbx\x83\xc5\x06,\xcb\xcb\x9dK\xb7y\xd5\xe0&amp;i\xedA\x07U%\xde\xbe{\xb7\xff\xe4\'h,\xe7\x86]\x9b\xdf\xde1x\xba\xf9\xd7\x10\xca\x0f|\xfd\xde\xb9\x11\x9f\xa6\xb2#2\xe6\xb2F&amp;\x1f\x86%\xb2m\xdbww\x7f~\xf2t\xf7\xd6\xfc|U^\tTb\x10\xe7\x95\xc0u\x03\\\x0b\xb1\x8e4\xacHxk\xec\xbfD\x9d\xae\xe8\xdc$\xff\xb5\x1f\xb8\xc8\xc0\x95\x89\xed\x86\xce\xceK\x0f^\xde\xdc\xbd\xbb\xfb\xbd\x91\xeaO\x9d\x04P\x8dY\x11\xab\x94)\xdd&amp;S\x1d\xfc|\xdf\xbes9r\x08\x10i\xfc6Q\x9b$\x05\xb2\x0f\x08\x08:h\xfa\x14\xcbG\rK\x9aA\x8bJ\x98\xb6\xa2[\xb4\xaa:]\xd2Hb\xfc\x0e\xb0\xee\xbe\x0bX\xdaL\x90\xccE\x1b:\x0f_z\xf0\xc3oG\x8am\xd5&gt;\xb3\xb3\nl\xe5\xf2{\xc7\x00K\xc9\xe7\t\xf2[\x0e*\xce)6\xa9\xb9XR\x83\xd3\xa7\xa50\x99\xd9]]\xd9t&gt;\xac\xfa\xbf\xd4\xad\xa6Ni\xafR\xa7+\xe6.\xb1\x1cJ\xfe\xdb\xcb_\x00\xd6QH\x8aZ\x90\xc9Fm\xf9\x06\x9f\xef\xf0\xa7\x7f\xb2\xd9\xaa\x9b\xcc\x86\xaa1\xbb\xcb\xe5\n\x04\x10\xab\x94)\x94\xa5\xabN\x0c*\x06s2r\xf3 \x98b3\tJ1P6\x14\xd6\xfd[\xc9\x8c\xa5\xff\xf5jX\x89\xea\x94\x91\xd8\xd5YH\xd5\xb1\xcf\xfb_\x02V\xf3(`\x19MF\xafN\x072\x06\xf4^\xd3\x1e3A\x14\x8d\x81\xad\\\xfe\x00i\xadR\x16_\x94\xbe\xb5eP\x01\xc1\x16\xe4&lt;\xf6vA\xa2\x1ec\xa3:\xa5C\x19\xcb?\xf8!-\xde\x9b\x8du\x9bW\xe4\xed\xb5\x02D\xe2-n\xb8}\xb7\xfft\xf3((+\xab\xd1\x08\xfa\xdd\xe1\xd0A\xa9\x0f\x82\x06J\x8d1\x97\xdf\x0f\xbf\xfc\xe4!\xb2\xd8\xc2\xf4\xfc\xdd\'\x14\xe7\x8bm\xc5\x983!A\xe5\xd6[,tei)\x1d\\\x8b\xff\xa4\x91\xb1\xc66\xebm$%\xff\xa6\x1f\xad\x15\x82\xd2\xd0\xe4\xb2z\x01\x0b\xc1\xb0\taES\xf9\xf17\xba&lt;\x8b\xc5\x94\x88\xf2U\xf2\xc1\xf36X\xc5h3}FY\x18K1%F\xd3\xb4\x97;9\xc9\xeb\x98\x81\xae\xd6b]\xbc\xc0\x1c\x0e\xe7\xcf\xcdO\x9e\x9c\x1c\n\x95\x9b\xd0\xb7\xacV/\x1c$\xa9\xe0\xbd\x01\xf2\x00)\xac\x8bn\xa5\x92\xc4\xe2\x9eP\x14#V\xf1\x858V\xa9\x92Ig\xe7}\xd5\xb8\xf7\xf2\xe5\xbdu\x9c\xc4\x8e\xcd\x12e\x1c\xff\xccX+@\xe08l\xb6q\xe7\xdew\xf7\xed;\x8bXv\x12\x0b\xb4\xbbN\x8b\xdf\x83\x0e\xbf+\x10\x04kyI,\xd8["\x05,y\x8e\x02\x07\x1b1,T\xcbX\xf8\x08\xd3?{\xff\xb3\x8f\x8f\x7f}d\x7fl\n\xbb\xb8\x0fm\xd9\xde\xe4h\x98\xc1Xv\x0b\xe3\xd5m\xf2\x8ba\xf0\xa2\x90\xa6\xf0\xf0\xa5\xd1P9\x98\x0b\x8bC\x07P\x19\xb5:G__\xd0\xeb\xf7\xba\xc6\xc6\xfc\xc1\xc0\xd8\xae\x01w\x18|\x8b\x87X\x19\xa0w.\\\xb8\x00\x87X\x93\x11\x0e#Uv)\x8b\xc9\x03\xd5#\x13\t\xf9\xee\xe7;i\x8c\xe5\xe5k\xfc\xcf\xd4\x98v\xe9\xfce\xe95I\xe2\xcc\x8bSS!Xz\x8d\xa9\x7f\x0f\x85\xc4\xe5\xe8\xf0\xba\xabW\xd1\xb3\x80\xca\xe3\x01.\xf4\xae`4h\xef\x1d\xb8\xe3v\x87%\xbc\xf4\xad\xdc2\xd0a\xa7\xc8\xeb\xa8\xaf)\xa3\xb0\xba\xb2Yl\x9e@\xc6\x13A\xe4\x97\xdc;\xc3I\xd83\xbe-#&gt;AY3U3\x1aB\xb5\x0f\x07R]\xc1\xbe@\x9594,F\x18(Z\x01\x0b\x9c\xbe\xcf\x13\xf5x\x82\xde@0\x18\x8cF\x1d\xf6\xd4\xda;a\xb7\xdb"\xe2\xe5\xe7\xc93jr\xf4\x00vjSN\ru\x86]]]J\xb6\x94\'\x05(\x1eO\x9a\xf6I\xc3\xff\xd6H\x9a\xef\xfd\xf6\xed^\x93\xd7\x1f\xf0\xf7\x10\xa1\xd0\xb0\x16\x83\x03ba=\xed\xf1D\xa3\x9e\x80\xdf^\xa4\xf5\x06\x1d\xc6\x8e\xde\x0baK8\x1cf\x8a\xd2U\xb9j\xc4\xda\x84\xf3\x1f5\xe9\xf1\xd9$\x96P(\x94\xf2D\x00\'l\xde\xbf\xfe\xe1JB\xaa\xe6L\xf5\xce\x8c\xb9\xfa\xa2\x1e\xebX\x84\x80\x00\x81\xbe\x8e\xd6\xbaJQ\xc1\x97\xb5\xf7\xa2ZQP\x9e\xb9\xb1\xb0\xd6m\xe1\xb7\x95\x1cc\xf1\xd3\xdb\xf2\xe4 \xa7Q"b\xc9oa\x92X\xd9J&amp;_\xc8\x93\xc9\x84B\x1eO\xd4\xdf\xb8\xba4H\xec\xa5\xd2h\xaf\x1c\xb0p\xa6R#.Wt&gt;\xea\x8f\xcc!\x96\xd8\x88Q\x0b\x98\xfa\x16\x8c\xd5g\xda\xe2\xceUWW\xa4\xb6\x17\xeb-"\xd96\x81\x88)\x81\xfc\xc3\x05\xae\x1a\xbd\x1e\x8c\x05\xd1t\x01\xab\x94.D\x9f\x97\xf0\xa5\x14\xd6j{&amp;\xe4\xe3\x85\x01\xec\xf2\xdcD\xaaF\xce\xd4\x0c`\x81Q\xfc\xa9\xbd\xe6\xd1\x90\x13\xae\xa2\x11\xcd\xd5\xe7\x01\xac(`yt\xbd[|{\x9c\xe5\xbe\x1d5YR\x01\x88f\xa9D\nRK\x95[\x06\xf6\xa2Z\x82\x0bX\x900\xa5\x02\x99@\xc6O\x01,Rv%F\x80e\xfb\xc6Su|\xf6\xb2\xf8\xd7I4\xce&lt;i\xadh0R;I\x8c\x8eb&lt;\xc5\xc0\x10\xec#\xbb"Ql\x8c\x14m\xc8t\x04u\x1a\x9b&gt;\x0f\xcb\x1e\x01\x8f\'\xd8&amp;@s\x81\xbd2(*&amp;\x0b/b)\xdeD\x01\x89%-\xf9Cl\xfe\x93\x94\xb0_l\xefe9q\xe9p\x98z\xf00\xfb\xab\x88\xdf\x1f\x8d\xfag\xbeM\x15\x87(,8\xc6\xe0\xc2)\x82\xcd\x02F\x88\xaf:\xb1\xa6\xe9\xf0\x0ey\t\xdc2\x1e\xd6\x89mY\xdc\\\xe0R\x97\xe5.`uA\xdc\xa2\xa7PX|\xa9\xf4\xfaw\x9c\x84YO&lt;H$t\x9f\xd7\x14\x8a\x9c\x86\xe19\xaf\xc3\x13\x88\xccL\xf6\xe8\x00\x0b\x02\x17\xe6\x9e@\xb0\x0f\xa2\x02\x04\xd3`\xc0o4\x96g:5\xbe\x02\xc2\xb7C\x9eU\x02e\x85\n\xe4\x0c\x97\x9b\x0bK\x9e\x8b\xfa\x01\x9b\x10`\xacE,\x89Tu\xbba\xfd\x0f\x82\x96rM\xb5f:\x02cs3\x1dV\xdd\xd0\x02\x96\x11\xb9\x02\x10\xae \x96ZMEE\x06\x03QX\xed#*lz5\x17\x16\xd8I.\xcf\xe5\xe6"\x196\xde\xb0\xbd\x05\xc6R\xa6\x88H,\xb6Dtw\xd5n\x12\xe35\xa9:\xf1\'m\xb6\xbcU\xeb\x9f\x9b\x99s\x05),\xec\x02"W\x00\xb9t\xa6*\x8d\xc1Pi\xa8*\xb4uV\x14V\x9f\xca\x81s++\xc3o@TOQ\xc5\xb0\x98"t=\x01\x8f)\xec\xfe[\xdd\xab\x90\x18KRu\xecFP\x1d\xdcX\xcb\x94\xfcP\xf7\xaf\xd6L\xc4\nx&lt;\xc3$\x16\xdcERC\x00\x99.\xd3\xa0\xd1\xe0\xcc\x87\xa8\xf0\xed\xda\xd5^\x0c\xd2\x0f\xc2\xa7Z\x0ede\xe1\xfaz\x80B*\nK\xc9\x97\xc9x\x00&amp;dg\xe15\\\x9c\xbe2\x18\xf19\x135\\a,\xbf\x89\x8c\xe53\x0f\xcc\xa7\xb3\xe2\x0ek\x04\xad\xe5\xf9~h\xd4I&amp;k\x13\xc5\xa5u\x9a\r\x86\xccrq9\xa1)\xa8\xf0\xd9(\xd9\x07\\p\x84\xf2\xb2\xb0\x05\xd6;\xc7,\x80\xc5\xa2\xb0xR\x89\x90\'\xe5\xf3\x9f}\xc8IP\xa6I\xcb\xde`\xc4\xb4\xe1k\xcaWF\xdd7Ev{$\xe2\xf2:BC\xa4\xe2\x82ew\x19\xbd^\xb1\xd3l\xc6~\x1bQQ\xe0\xeblj?\xa5P(\x061\xae\xab\xd5rp0\x0b\xb5\xf0\x0c)\x01\x01\xa9\x87\x9e\x02\xf2\xa1\xe5\xa3\x06\xc6*3\x9e\xf56\x92\x92f\xafF"&amp;\x977\x18p\x0e\r\r9\x8b\xb0\xf7m\xb7[\xd1Vf\xb1VL4uvv\xb6W\xb7\xdb\xf4\x83\xd8\xc7=\x01G\xa8\x96\xe7\xe5\xbd\x13\xa3b\xc7\xb0\x98|&gt;(}Q\t\x04\xf8\xffOKw^\xdc\xdaa\x87d\x8dXfCQ\x0fP\x99\x00\x0bl\xa5\x15k:m\xb6q\xf8\x9a\x18\xd7g\xdc\xbf\xcfmi\xe1f\xe5\xc9\xe5d\xbf\x8dN\x87\x90E5\xe5I\xb5\x95\x92\x02\xd9\xa7\xed\xc9\x9b\x8fW^\x83\xd50e\xec\xb1\x83,\x16\x8fRX=\x88\xa5\x13\x9b\t\xa7\xb3\xa0}Z1}e\xfc\xca\xf8\xf8\x15\x10[\'\xee\xdf\x97\xe7m\xdd\xca\xa5\xb0\x80\x8b\t\\\x14\x96\x12jj6\x93\x9fv\xfdV\xdd\xeb\n\xea\xb8\xa6Y\xd9VM(_i\x8c\x9f\xa2:#\xe8b-8\x97\x19\n\xc3\xaa\x1e\x13b\x11\x04QP===&gt;1\xf1\xe8\xd1\xa3\x89q\xf891&gt;}O\xaeR\xb5\x90\x155\x1b\x07*L\\x\x86J\xa1\x84Mg\xb9Gn\xbdq\xf9\xba8OI\x14\xafK[\xc1?M]5\xba\xfcv\xf3(bUV\xf6`b\xd4:\tM\xd3\xc8H\xd3\xd3\xc7\xb8\x9e\xc2\x8f\xa7\x00w\xc5\xcdm9t\x88\x8b\xceE\xa7\xb3H.:\x99\xa8\x0f\xa9,w\xc6\x7f\xf8\xae\x8e\xb6r\xb8\xb2\xbc\xdb\xfc\xe6O\x16\xeb\xe6=\xbar\xc3\xd0\xe8\x10A\x98+!*\x00\x96XLh*\n\xf6\x10\xc0\xf4\xa3\xe3G\x12mb\xfa\x9e\xbb\xbe^\x8e\xcf~\xb8\x80\xc5b!\x17y\x86]\xd3_}\xd1\x7f\xe4\xcc:\x9e\xe4\xbd\xd1\xbd\xe0$\xcf\xbe\xf8\xe6\xc5\x99\xe7CC\x84\x01rM\xa6X\xa7\x13\x97C0\xddX\xa11&lt;~\xacuh\x9f&gt;M}\xb4eZ\xaf&amp;_\x19\xe0C\xa4z\n\x8b\x9c\xd7eg\xdf8\xdb\xc0\x81\xfap\x1dOv\xdf\xd8\xf3i\xb4\xc6\x7f\xa2si\x0c\x84S\x8c\x931Sf\xd5\x86\xde\xd4V|\x9c\xb1\xb9v||`\\_\x96\x97U\x82c\xf38\x16,\xac/\xfe\xfd\xe0\xbfz\x02\x11\xcb\x87I\x8c\xff\xd0n\xfe1m]W\x1c\xb72\xb1\x07AM\x80:`\x82\x7f\x04\x1bX\xcd\x8f\xcd\xa6\t\x8b_\x8dC\xabx\r\x10\x83\xf9\x91\xa8\t(\xd4)n\x98\x0c\xf1{2\x9b\xe4\x0c\xb2\x11\xe9E\xde\xe2\xcd!l\x15\xc2\x99\x89\xa8\xad\x81P\xfcG\xd7Z\x9b\xe6hb\x8cd\x1bU\x89[-\x9b\x90\x92,\n\x89\x14-\x99\xaa\xae\xcd\xa6\xa5\xedv\xce}\xcf\xe6\x19\x9b\x1fa\xca\x95P\x14E\xe2}r\xee\xb9\xe7\x9e\x1f\xdf\x9b&gt;y\xe6W\xfb\xd5\xf7bV\xbd^oB\xac\x03#UU\xb5\xcdD.\xf2\xdaE\x88\xec\xa5\xbaW\xc1\xd3\xf7\xe3\xfa:\x98\x8b\xc7\xca!\xc3M\xc0Z\xeaH\x9b\n\x88k\xc4$q\x04\x19\xaed\xae\xddH\x8a\xff\xc8\'\x08\x96E\xdfw\xf0\xc5]\x07FZ`\x9d\xfd\xde\xcf\xea^\xbbX\xb9\x1b\xe2\xa8\xae\x12N`9\xb6\x8e\x04\xac-\x84*\x07\xfb"\x0f\xb1S\x93\xeeW\xa6\xfb.\x95&lt;\xe6\\\x13\x8b\\\x9f\x0b\x1f\xc5l6\x9b^\xdf\x07w\xe3\xc9\xb3MM\xcd--M%\x87_n\x84\x9ap\nn\xc4\xe9j\x0c\xf0\xd8?\xc2M\x14f\xae\x04\xeb\xca\xfb\xf2\xccUf=+\x83\x13\xf5\xd4\xe2a\xaa\xfbs\xc0\xb2\x80\x9b\x9f:U5\x82s\xc5\x16\x14@\x1c\xf6\x0cy\x18\xc6\x83\xda\xc5\xc6\x97\xd0d\xfcI\xe4\xb1\xb6\x90J\x7f\xc33\x95\xcd\xa8t\xa9\x13K\x11\xb0\x96\xcdb\xed\xeb35\x9f\x85p_Uu\xa0\xaa\x16\x9c\xad\xaa\xca\xa45\x9e\x87\xcbq_Y5\xe4Z\x05|V\x8a\x91+\x07\x07\xc2\xdf\xb8r\xfc\xa9\xb1\xd2\xca\xe83\xd3\xca\xf9\xdb\x97"Q\x8e\xb3Y\xf4\x10U\x9b\xce\x8e`\xe6\x85M\x92\x17w\x1d&lt;X\xab\'Xm\x8d{Q\xe9\x06X\xad\xd9"s\x01\xd6\x1a\xaf\x01\xd6\x0e\x10Tz!\xaf(ul_Z\x8c\x02\x17\r\x16\xb3\xea!\xd8C\xda\x85\x9d\xaeo\xe2\x94\xd3d&lt;_\x07\xfb\xd8\x88\x19\x17\x8e\xa9\x89\xc6`\x0b1\x19\xc1\x92PO9\xeb\x91$\xcb\xe9\xa9\x15\xf2\xc1\x84\xf6&gt;\x13"\xc4b\xd0\xcdr4\x8d~\xdf&lt;B\x92gl\xc1}\xe7\x83\x83}&amp;\x8b\xf1p\xdb\xbeF\x92\x08\xbe\x8a\x9d\xc9la\tX\x89j5\xddp%S,\x91\x8c\'\xcd\tq\xfe:\x01\x82\x82\xc0\x15\xf4\x86X\xb4\x17\x84\xd5\x96\x03\x88\x85\xb5\xff_w\xf5Y\xfb,\x8cg_\xd9^^.\xd2\x8a*\x91\\\xf2\x13\xc7J\x7f\xb8\xa9U\xbb\xdc\xeb\x8e9\x97W\xfb\xd2{\x11\xaf\xdd\xcf2\xb8\x8fz\xd3\xc9W~\x02y\x17`}pJO\xebiO[#Q\x8b@m\x88\xea\x07\x1c\x0f\x10\xc1\x88\x80\xf5\xec\xf4\xf2\xedK\xb1\xc5\xa0\xfd\xba\x9f\x05\x83\xd9\xac\xa6\x91\x93P\x05\xbd\x82)\xaa\x85fh\xc6s\x0c\xfd}\xb7\x88\x8a\xc8k\xb2\xc1\xe77\x81\xf5\x14\xeb\xc4\xd2b$h\x9fr\xd9C\xe0a\xc0\x85\xf2;X\xcd\xd2\xf3\x9e\xa1\xa1\xa1\xb6}\x17\x0f\xe9v\x17\xa0\x80\x05\xa9\n\xf9\xa5\xc4]\xbc\xb2\xb0\xf9\x9c\x94Z\xe3\x87\xff\xf7\x13o\x01\x96\xf7\xfa\xd4\xd4u\xbb\xdf\x1d\x85}lnB\x99\x9b\xb1n\x88\x88\xc0\xcb\xaa\x81\n%\x19Jb\xaab\\\x85\xca\\\x01k\xd5_\x9b\xfe\xe4\'\xe9\xf4VS\xe9\xf2\x7f\xef~+\x16\x89\xba\xed\xae\xc9\xc0\xa4\xcb\xee\x8d\xc2\x914J\x8d\x87\xeb\x86^&gt;\x86s\xeb\xe9Q\x1d^\xd6\x03\xc5D\xb3U\\\xacP(\x90\x0b\x9d\xfe\xd6B\xfa;1\xa5\x95+R$Q\x14\xb5\xb1\xab\x1a/\x1f\xc0\xf2\xbb\\\x81\xc9I\x00\x0b\xb1\x0c\x03\xdb\x87\xc3\xf4\xbd\xd5\xd5\xd5\xba~\xb8\xaa\xcd\x06\x95\x02\xb8\n\x11\x8a\xacb\xdc\xc5[+\xefDQ\xa7y\xad\x99O\xf2\x90C\xb2\x8a\xe6\xfe\xf8\xe71\xce\xed\x0e\xd9]&lt;X\xc0e\xf7\xb7\xe1P\x00\x89\nP\x01a6\x18\xd4*\xb4\x91B\xa1R\xa0\x0e\x16\x19s\x05\xace%d\xaa*2\xe5\xdb\x92u\x06+\xe2\xb5@\xb0\xc0\\a;p] \xcb1\xaa\xeb\x07#\r \x12\xaa\r\xd4*\x1e\x08\x99\xd42\x19\x14\xac\x80u\x03\xb1R~\xb5H@\x9c\xf2\xed\xa7\x08\x10\x98\xd8p!7\xc7\xfa\xc3\xae\xb0+\x00H\xc3N\xb0\x110\x19\x06x&amp;\xa0\x82\xa5\x024\\j\x8dF\xa6\x86\x92\'[\x84\xf5,\x02\xc4\xc2G6\xce\xcb\xd24\xeb\xb7\x07\\\xae\xa9I\x07R\x01\x14!\x92\xc94\xb0d\xb0\xd4\xfc"}#\xb5\x8a`M\xc87\x1d\x1b\xa8\x15\xaa\xd9\xd4V/b\xb9Y\x9a\xa3\x99\x90=\x10\x00\xae\xe9\xd1\xd2\x02\xf4(\x80B&amp;\xe4\x88\x83\xc94E8F\x07W\x83\xa3\x08XT:\xc9\x03E\xad\xfa]q\x1e\x9f\x92\xbc&amp;\x9fH\x01\x8b\xb6X\xc0`\x01b\xb0\xc9\xe9\xea\xd1~\x9e\xac\x82p\x15i\x90\n[\xa8\xa8\x8a\xd0\x80s)\tVf\xba7:i\xcbW*\xfe\xa0Fh\xa7RTB\x07\x11\xd7@\x08\x15.\x7fd$\xef\xdf\x89\xb0\x80e\x81\x04\x95f\xfc.8\x89v\x0c\xeex\x12\xf7\x94\x97\x0f\x18\x10\x8c7\x97\x86P\xd5\x17\x15\xc9p\x13\tV\xa6\xb8LN\xba\xaa)\x89\xe84J\x04!T\xaah\x98\x12\xfd\x99\xe8\xb7\xa24\t\xb1B!\x0e\xa8\xa0\xd0`B`/;\xcb1$\'\xad\xd4\xe1v\x1a`3ET\x88\xa5V(s\xb3\xcf!\x96\xb8m\x16\x0fH\xe2\xdeZ\xd2\xf7S[\xba\xd4*\x15\x9b$\x7f\x02\xad\xe5em\xd8\x99l\xb6\x18C`/\xbf\x1bb\xbd\x07\xa3\xfcK\x87J\xf7 \xd72\x16\xd9\xd18\xd6\x86t\x06\xc9\xad\x91\x8d\xbe\xa8\x99X\x8c\xb2n\xd8E\xb8\xa3[\x9a\xb5R\xe0z\x14\xf6FmV\x8b\xa7m\x1fd\x80\x95\x05\xe5\x88E\xdc\x9d_\xe8g\x10\xb8\xb2\xcf}(\xdf\xe0\xbb\xd5UK\xc9t\x1av~&amp;\x04X\x1c\xeb\x0e\xb9\x11\xab\xaa\xa5I[b\xf4\xd8\xc3\xe3c\x91X,\xda\x86=\xcaC\x05\xe6\n\x8dp\x0c\x85E\xb0\xb2\xd1ZI\xea\xdc\x94\x1c\x9dJ\x99\xc4R+\xae\xcc\xb4w"/\xd3\x98\x88\xd9\x18\xb7\xd7\x1b\xc5R\x07\x95\xfbF#\xe3\x0e\x8f\x8f\x8f\x05\xc7\xfcCC\xc7\xa6u\xe5\x83\r\x1a22\x94\xc9*\x1a*4\r\x84\x91Xk\xc5\x9dH\xad\xb8\xaa\xd7\xba\x13)J\x92\xac\x9e\x15\x0b\x16\x12X\xac\xd7\xee\xe6L&amp;Sm\xad\xd6h,)\xa1Y|\xfa\xe7e\xeb\xea\x8eUw\xa1VQ\x86\xe1\x1dG\x19$\xe8\xcb\xf0\x8a\xcc\xcd\xbeuZ\x9e\x99\xf4\xbbS\xaaj\xd1\xb7E:\x88\xb8l\x90\xff\'A\xc0\x94\x998.\xfcO\xc7\xd5\x98\x8df\xbd`.\xe2\xf4R#pI-\x9c7\x1c\x0e2P[W\x9a\x1b`\xa9x,\x83\xc1\x8c\xc1_\xa6\xe2\xb1Hv\xbab\xe2\x9a,\xceZ\xfe\xb6\xa8\xd3L\xa5\x1b\xd2&amp;?\x8b\xa32\xdf@,\xdc\xc5 \xc1\xb2\x00\x96Q\n\xa1\xd5=\xeef\xdb\xcaF\x0b\xc0X\x15\x86\x01\xa42\x98\xcb\x85\x10\xabR\x91M\xfc\xf3i9\x95\xf6Q\xc1\x8a\xffy\xe2\xbb\x92u_\x85/\x0b\xa6\xae-r\x0c\x13\xf5z\xc7"\x981\xeb!/5\x96\x90\x88\xefw\xcd\xf9z\xcc\x83\r\x06\xc3\xc0\x00DU\x83y\x0f\x84W4^\x05\xa4\x13\x80\xd5\xda{\xe4\xd7\xdd\xf9\xd43\xe8oa#\xe9Z$\xca2t\xd4{i,j3\xd5\xb64K\x19\x86\xa6\xf1\x82\xb4\xcf\xcd\xf64\x10\xa9\xe9~\x9e\xaa\x00b+\x1a\xafb@\x81\x97OnQg\xc6\xdb\xdf=!\xdfD\n\xbf\xee\xc3\xf8\xfc\xee\xefC\xdcb,ttl,h\xb3V\xd5\x9a\xb4F\xe0b \x9fp]\xf0\r\x0e\x9a\xcb\xbb\xba\xc8\x15d(\xef/\xed\x87S\x89{\n\xb9\x97\x12\x8akuM\xcd\x8e\xde\xdf\x9c\x96\xaf2\xe3I\xf3\xdd\x84\x16\x90Jn\xbd%\x14g|\xa4\xc9\xef8\xfe\xc7\x1f,F\x99\x12\xad\x85\x0e\x8e_\x8aZ\xfbN\xc16\x1a\x19\xd6m\x87\x9c\xf0\xc2lO\x0f\xd1WC\xde\x85B\x08g\x7f\xcf\xe0 z\x1ad\xaa\xd8sV\x14\xd5\xd4\xd4|\xf5\xed\xdfw\xe4\xa7\xd4\x0e\xc2\xb7\x13\x0cB\x99\x9f2w\xa1\xf8;Ita\xe5w&lt;9\xfd\xabw~q\xe4\xd2"GK\xa5Z\x9a\xb8\x97\xf5T\x9fIOC\xd4\x0f\xbb\xe6ff\x86}\xbe\xae\x1ep\xaf\n\xa4\xd2\x8d:}\x805hH`\x15\xcaj\x90\xeb\xc8/\x7fx\\.\x11\x8f8\xc5\xc2\xe5\xb8\x88xum\xa0\xd8\xe5\xe5O\xbe\xb8z\xe7/\xdf\xfei\xde\xfc\xd8\xa2\r\xb0,\x16.\x08\xdb\x18\xc1v\x12\xe7\xf5\xb2\xfeG(qv\x02U\x0f\xaa\xac\xcd{J\x81\n\x19\xcd\xe6\x81\xfdX\xfa\x00\x96R]\x0fX\xf5E\r\xbd?\x7f\xe74&gt;i\xde\xbc\xcb\xf3\xd7s\xc7\x93O~\xf7\xe0\x9f\xce3\xbd\xbd\x193\x91\x98\xcd\x02\xd6"\\\xe3x\x19Z\xa3^w\xd4\xed\n\xcc\x01\xd6\x993&lt;Vy\xe9\xa8\xc3\xe9;\x83~\xb6\x7f?\x8f\x95\x93\xa3T\x11\xac\xfa\xfa\x9a\xce\xbc#\xff\xbdv\xbc\xe3\xffzX\x93\xdf\xf1\xd9\'\xff\xbe\xfc\xf1\xed\xad\x19yyyYs1\xab\x15\xb1 \xad\xb1\xe1\x1b\xe6`\xc4\xe6\x06:\xce\x1f\x98\x9bq8f}\xc0uwp\xb0K\x87X&gt;\x1f\xca\x87\xc9\xab(1\x16ne\xbd\xea\xb6\xf7Z\xb7|\xa3\xc5t\xcai\xe0\xa1\xee\xdf\xbfY\xf0|^FF\x12\x96\x85\xe3\xb8h\x94\xb3\x05\xc7\xc7!\x96\xba\xe6.LM\xcd\x12s\xdd\x1d\xec\x1au\x0c\x0f;\x9dN\xec\xa3\xc6\xb1\xb6\x14\xaak\x96WEq\xf6\xb9\xe0\x87\xed\xf2UNcf\xe2$\xa6K`%\xf2\'\x00u\xf9\xf2\xbf&lt;\xce\xadY\x19\xb0\x04,\xadV\xdb\xdc\xac\xb7\xd0\x1c\xf6+\xa3\xe3\xe3\xe1qw\xc8555\tX\xcf\xc3i\xec\xe9r:\x80kt\x14\xf2B\x82\x85\x0fj\xb2\x8b5\xcbT\xf5\xad[\x94\xca\x9c+w\xbel\x97S\xeb=\xa8\x11i\x12\xc8\x9f\xe8S\x08u\xf9\xc1\x7fz\xbf\xb2\r\x98\xb22\xb2f"\x02V\x93\x16\xa2\x04\xa4\xf4z=\x17\x0e\x87\x1fA\xd5\x08E\xe3&lt;X\x0bbD\x8fo\xd8\xe1\x98vTWW\x96\x16\xf0\x9b\x08\\\xb9\x8az\x81\xa9\xb3\xb3\xb3\xe2\xe1\xd1?\xb4\xbe\xd0z\xeeow&amp;\xba\xc1\xc7\x84kQ\xb2,\x1e\x16))\x93\xb4\xbb\xa8%C\xa8\xc7\x97?\xf5\xcf;\xcb\xfa\xb7\x02\xd6sYY\xf3n\xab\x15\xa1\x9a\xf4Z\xd8H\x0bb\xd1v\xc0r\x05\xf0\xfd\xc30\xf8VW\x7fW\x8f\xb3\xac\xac\xb1lzo\xb5\x8e`\x15\x13,\xa5:\x01\xd5\xd9i\xbe\xf1\xf0\xe8\xd1o\xbd\xf0\xe6oo\\\xe1\x96\x16p/\x97\xfbj|\x80\x90\xa4\x0b\x10`\xa8/~\x8cP\x8f?\r\xcd8o}\xfc\xee\x8d\x9e\xac\xac\xac\xed\xdb\x9f\xebu\xd9\xf4\x04KK\xdc\x0bN\xa4\x94f\xc3P\xc8\xce\xcc\xcfC\xe4\x9a\x05\xdf\xf2uu9\x1ay\xe1\x16\x8f\xc5s\x15\x17\tH\xb0v\xech\xd8s\xe3\xde\xd1\xa3_{\xf3\xf5s\x0f\xef\xfd\xe3\xce\x97\x9fuH\xd6\x15\x0f\xe7\x0b\x86B\xa8\xa1\xb9\xe1\xbd7\x1f\xdf\xbfO\xb0\xb6\xed\xdc\xb6u\xe6\xbc\x16\xb9\xa4Z\xf0{\xd8L\xa9\x94.a\xec\xf80c~v\xd8A\xac\xe5s\xfa\x1c\x82\xbc\x13\xb1\xd0\\\xc5\x85\xcaBu\xbd@\x04\xcbln\xd81x\xfb\xe1\xbd\xbf\xdf\xfbQ+\x82\xfd\xe9\xc1\xd2\xc2\x1b\xf9)\xe7\x90\x12\xc9\xf8\x89\xa1x\xa6\x07\xd7\xc1R\x08\xf5\xee\xcd\xd7\xef\xa2\xb5v\xee\xdc&gt;{]\x8a\xb6"D\xb0\xe0T\x1a\x8d\x1e\x88\xf1\xf3\xb3\xb3\xc3\xc4Xg|N\xa7\xa3\x0c\xca\x8d\xffQq\xfe\xa1M\xe4i\x18O\x98d`\xc2\xcc\x04f\x8c\x0b\xe3.\xcb\x9e\xab\xb0=\x91C\xf4\xe8z\xba\xed\xe2\xcaa\x8a\xf6\xb8\xea-\xc3\x81\x91\x98\x9e\xce\x9a\xa5\xb2Wf\xcec\x93\xd3\xc2\xc1\x0e9\xe8\x19\x06Z\xaas.\r2\xed\x94]\xf6f\nI\x08\x8d=\x9a\xf3HjPd\xd3\xff\xd2z-Y\xad\x11\xa9\xdc\xae8\xe4\x8c%\x00\x00\n\xc3IDAT\x87\x07\'\xf7\xbe\xdf\x89\xad\xf7R\xd3\xb4\r\xe4\x93\xe7}\xde\x1f\x193\xe3a\x1d X\xef\xbc\xf3\xf6\x8e-\xaa\xf7\xdb\xe5\xcc\xe7\xd1hl\xa9U.\xb7\x9f\xdc\xba\x05`\xed\xf5gw\xcfn^\xca\xa5\x03\xb4\xb5\x02vl\xdea\xda7\xb7\xf1\x1dBu\x8f\xac\xf1\x1c\xc7p&lt;%\x89 \xd7\x89\x13\x08\xd6\t\xd8\x9a\xff\xfc\xc5\xbd\xbf/.\x8c^E\xb1\x00k\xe1\xea\x0c\xf9\xe0\x81\x87E\xb8\xdez{g\xc4\xa3\xf2\xfb#\x91[c\xf3\xe5\'\xbf\xfc&lt;\x9a\x8a-\xb7\xdaH\x96\xc9&lt;i\x97\x01\xec\xe4\x9b\xdb}\x9b\x9f\xd3\xdf&lt;\x84\xdb\x81z\xbe\xf1}/aj\xce\x02\xd3l\xed\xd4\xc8\x08\xcbKa(DN\xa2\xf8\xe4_\x0e\x9e\xe8?\xf1^G\xadm\xe4\xac\xef\xde\x81)\x90\x0b\xb1F\xa0\x89.\\\xcdB\n=\xac\xfd(\xd7Go\xfdh\xa7?\xe2A\x05\xfc~\xff\xea\xc6X&gt;\x9fo\xdd\x82\xc5\xe7\xfc\xca*\x80\xe5\xcb-\x10\xac\xdc|\x8c\rc\xf3\x90\xb2\xef\x95\xcf\xd1R\xcf\xd7\x9ff/t\xcf\xd5\x9a\xb3\x08\xd5\x9c[\x19\x11Y\x96\rI\x1c\xb6-\x9e\xa20\x8d\xfd\xc8\x85P\xb0\x04\xe2Y\xb8_\\\x99\x9e\xc2\xb3k\x86\x86\xc0_\x0b\x0b\x7f\x9bB\xac}\xfb\xc0\xf2\xc0\xb5\x17\xf6\xaf(\xa1\x02(\x08\xbf\xff\xfc\xf8j;\x0fd\xe5V\xe6LWWle\xb9\xd6\x04\xcc2D\xf3\xc5\xcb\xb3\xdb_\x9f\x89\xdb\xdf\xfc\xf5\x0f\x8f\x1e\x7f\xbf\xfe\xf4_\xf0\xa0\x8dY`\x9a\x9dm\xd6\xc6GG\xc4PH\x14\x051\xcc\x05\xa1\xcd\x83\\\x12\xb38\xb8m3\x89\xe4\xb4\xd2\xde\xde+\xd3\xa7\xa7\xfbff.\xcc\xec\xde\x9d\xcdf\xa7{\xb0\x0eA-\x90\x0b\xd2\xf8\xd1\xfbQ\x1aR\x17\xf1\x07h\x9a\x0e\x10\xb4\xd4\xae\xd5r~\x0c"_~\x02h\xb1\xd1\xf1\xe5Z\x19\xc9\x9a\xcdgw\xb7\x86%\x14\xdf\xddG/\xd6\x1f,\xcf\x11\xa4\xd9\xd9\x8dfm\x19&amp;\xaf\x18bB!\xe4\x12E\x8ety\x8e\x97\xa4\xe0\xe2\xe0\xf1\xfe\x13\xafa\x1d\xe9\xbd\x82\x87s\xb3\xbb\x81j\xaag\xfa\xde\xc0\xe9\xbe\xeb\x90\xc3Sx\x11\r|\xff\x9f\xa2\x03\x1e\x15E\x01\x1f\xe8\x15\x89\x04\xa2]\x99V~l~~\x1e\xd0\xdaK+\xb0m\x8c\x8e\xcf\xd5@\xb4\xfc\xfa\xed\x93\x9d\x0f\x17\x03\xd4\xb3?&gt;}\xe0\xc9\xb4Q[\xed\xde\x05.A\x9d\xc2\xd0\xaa8.\xc4\xe2]\xc2\x15\xe4x&gt;, \x17v\x08\xf8w\xe8WG&gt;\xfc\xf0\xc8\x15\xfcT\xf5\x85\xdd33}=\x03\xd7\x06\x07N\xe3\t-\x90\xc4qH\xe3pl\x8d\x06\x9f\x83H\x94DQh-?z\xcc\x1f\x88\xa6\xba\xf6/\xd5\x9ac$\xf25D\x8b\x11\xb2\xe6\xe3\x8e`\xff\x05(\x0f\xa99wj\xd8\x03B\x91B!\x0e\xb9B"\x1bd\x83P\x8aA\x9c\xd6\\\x98\x11\x16\x7f{\xfc=\x8cm\xc7\x0f\x91\xabU\xe0\xc1\xef\xbe\x19P\xabg\xe0f\x07k\x1f\x89\xf1\x9f\x0c\xaf\xd1\xc8\x12\xa0(I\x92\xf0n$@ \xe1\x86\x8eFS\xe7w-\xb5_\xa9\xb6\x9a\x19\x8e\xc5\xc6!\x9b(\x184\x89\x17\xeb\x9eL\xcbC\xa3\xaf\x90\xc2a\x82\x15b@-\x8e\x11YA\xe8\xc8Ef\xa3\xb00}p\x1b\x19A\x87z\xf1Z\x0b}SxL\xbe\x8fP}\xfd\xf5\xb5\x81\x9e\xeb\xdd\xa7&lt;\xac\xd15T\x08\xf2\'\xf1\xbcD\x05(\x90\x8a\xa2\x00\x93F6D\xa3RG\xdf\xc8\xac\x96\xc7\x10m\xbeY\xcb\xc4b+5\xb0&gt;\n\xf6\xdcc"2\x89\x84\x86\xb0ywD\xa0`\x01\rF\xa2\x80\xcb\rZ_\x10\x16\xa6.\xc2\x16\xd1\xdf\xff.`\x9d\xee\xc9^\xc8\x82\\\xd3S\x037\x07\xe1\x9d\xff\xcd\x81o~\x06\xce\xc2\xeb\xc6\x8c\x86(:\x80\xa6B*H"2JxC\x12\x8b*\xc2\x9f\xa95xo\xb2\x02h(Zyi8\xb6\xd2\x82.\xf6\x83\xcf\xd3\x89\x15E"\x12I\x1f\xb8\xca\xc3\xc2\xf6\x10dB\x1c\xfa\x1dp\x82d\xc1\x81\x8d0\x99\xbd\xd8\x7f\xf8\xf0\x07\xef\xe2\xd95=W\x17\x16a\xdd\xbaw\xef\xda\xe0\x8d/\'&amp;.\r\xfc\x15\xff\x9bl\xdf\xcc\xf8h\x98\x82\xea#R\xa1X`y\xa8D\xc0\n\xf8\x89\xef\xf1;\x05\x99E\xd9\xa2k]+-\x02\x96_\xdd\xf5F\x06\x06\x92\x0f\xa6\x86(2Xo\xa1PG\xa1\xcd\nd\x82`x\x98&lt;AH(A\x82n\x0f\xfa\t\xecH\xf6\xe2\x07\x87?=\x8eE\xd8\x07#qqjzpp\xf0\xc6\x8d\x89\xcf&amp;.\x9d\xbe\xde\xbdg\xcf\x9e\xee\xab#\x84\xaa\x03%\x11B:@\x82&amp;\x86\x83\xc2\xf4w\xca\x00\xdcFGS\xc3sM\x02\xd6\xbau \xd3\xf6\t\xac\xe8E\x88\xdbJ\x1d\x88\x14\n\xa1Ra\x1e$c\xc2p\x1fr\x19\xc4\x9fy\x026\x92=\xf8\xe9\xef\x7fqi\x10\xdeP\xff\x07\xe3\xc6\xc4\xc4\x97\x13\x97?\xf9\xe4\xf2\xa5{\xbba\xd7\x1a\x1fB*\xca\x83B\xa9x\x9e\xf2\xdc\x0f\x89\xa31\xb7\x01"\x1e\xfe\xca\xa3\x85?\x81d5\xac\xcc\xf2\xd2\xde\xfd\xbe\x0e\x14&gt;mG.``\xd0^\xa0T\x98\xe7DV\x84\x94\xb2\x02\x8be\x08\x8b\x84\xc4c&gt;\x85\x85\xcfn\xbf|9y\x7fr\xf2&gt;D\xfd&gt;\x89I\x88o\xff\xf1\x87\xdf]\xbe\xb1(\x86\x81E"-\x06\xa8\xc2F\x92G\xaa\x00f2@\xa8h\x82\x85R\xd1\x14\xba\x8cTB\xf4(\xe4\x12\xca\xb2u\xa6\x83Er$\x12sAB\xc3\xbcg\xfa0\xfc\x00ph1\x96\x15\x82\x00\xc9\x85_q)\x85s\'!\xc8\xcdkq.\x11\xbf\xf3m.\x89\xad\x97G(\x18\xf14%\xe4l\xcb\xd4\x92"\xef\x11\x91J\xf44#\x95J4\xf4\x13\xedR]\x9926Y\x82\x85\xbb\'\x01\xe3\xb0\x87\x92\x9d\x8f\x11={\xa1\x8e\x82&amp;[n\xb1!\x0b&lt;\x0f#\x1b6/\x06kR\xd6\xd3\xe98\x89D"q\x8e\x84\x07\x19w5H\xb6\x84\xe9\x86\x07C\xd28E\x93\xddj\xb5\xe1\x96d\x8d%.\'\x06\x0bt\xd0&lt;\xcb\x11\xd9\x02\x81\xe8\x8f\xf7\xae\xc2h\xf2\x81\xdd\x19\x12\x90\'\x0f\x0b_$\xda\x1e\x80\x92\x9a"kI\xa5Q(\x14*\xf1\xa2"0\xa0T\x18\x9c\x02\x9b=\xc3\xca\xff|\xb6\x19\x8f0n\xdf\xbe=9y\xe7NC\xc1y\x80\x1e\x04,\x90B\xd2\\[VlUW\xab\xc5\x86+s\xc9$G\xca\xd2\x8f\x03\xc9\x9b\x95D)Z\x02\xaa@$z\xf4\xe7\xed1\x9f\xc7D\n\x1f\xfb\x00F0i(\x8a&amp;\x08f\xc3\xd1\xeb\x05]6\x0b\xba%\xdb\x15GI\xa2^8\xb2\x89\xa4\xe7\xe7`\xcf\xc0\xf8\xea\xbb\xaf\xb6\xe2\xdf\x7f\xd2\x04\x0e\xc7\x14C\xb6\x0exB&amp;\xe7\xa8\xc5\x9cRr\x8a\xae\xa3\xab\x8a`\xb9v\xc9\xd4x2&amp;\xc9X\xa2\xbd^\x86\xdd\xc3\x0f\x13\xd4\x1f\xedZ\xf2\x91\xde\r_\x02\xb0\x98\x16\x84\xa2\xb9\x8eZ\xaf\xab%\xad\x91\xd6\x8bn%a\xd9\x95\x86\xa24\xeaV2\x18\x84\xaa\x04.\t\x9f\x94\x93\xf6\xb6\xe6\x1f~\xbc\x15\x0f\x1f\xc2\xd7|m\x88\xf5^\x1c\x8a\x85\xcfC\x1b\rU\xd7\xab\xb2\xa1\xe4\xe0\x8e\x9bT\x8aU\xdb.\xba2\x934MM\x08\x91F\x0b\x9d\x84\xc6\x9a\x84i\xe9\xdf\x01\xa3=\xe5cP\'\xcd*\xc1+)T\xd2\x95\x8an\xca\x95\xb8^\xd5\xe3uEO\xe74MMX\xc5xA\xd5\xd3u\x19[=\x0bO\x17&amp;\xbea\xf8\xd4o\xda\xafa!\x94G\xc5\xa0\t\x18\\\x85\xd04\xbc\xec\xe8\xbac)\x86\x81y4\x05K\xb5\x0c#Wu5\xb9Z\xb4m\xd72xV\xd3\x0cC\x00&amp;|\x15\x04+\xe2\xe3\x82\xd0\x9f\x14W\x8f\x9f\xc5\xeb]&amp;\x12\x05\xd9\x04\x02\xa5\x94V\xe5BZ\xd6r\x05Uv\x12\x05\xa7ZI[\x02V H\xcb\xf0</t>
        </is>
      </c>
      <c r="M476" s="3" t="n">
        <v>45492.67846064815</v>
      </c>
    </row>
    <row r="477">
      <c r="A477" t="n">
        <v>1134472</v>
      </c>
      <c r="B477" t="n">
        <v>1999</v>
      </c>
      <c r="C477" t="inlineStr">
        <is>
          <t>Douglas Mendes</t>
        </is>
      </c>
      <c r="D477" t="inlineStr">
        <is>
          <t>DG</t>
        </is>
      </c>
      <c r="E477" t="inlineStr">
        <is>
          <t>ZAG</t>
        </is>
      </c>
      <c r="F477" t="inlineStr">
        <is>
          <t>ZAG</t>
        </is>
      </c>
      <c r="G477" t="inlineStr">
        <is>
          <t>ZAG</t>
        </is>
      </c>
      <c r="H477" t="n">
        <v>189</v>
      </c>
      <c r="I477" t="n">
        <v>39</v>
      </c>
      <c r="J477" s="2" t="n">
        <v>38150</v>
      </c>
      <c r="K477" t="inlineStr">
        <is>
          <t>Right</t>
        </is>
      </c>
      <c r="L477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74b2f87-c71b-4bb6-aae9-ad0e86b9a6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e\xc9\xfa\x00\x00\x03\x00PLTE\xff\xff\xff\xdb\xd9\xe6\xd1\xcd\xdc{I0L1)Y8-G-(\xfe\xfe\xfeS4+\xd9\xd6\xe3;*\'\x97ePtC,\xd4\xd0\xdfySG_;.\x12\x12\x15}N9]&gt;3m&gt;);%\x1f\x80Q?\x87[JS92\x85Q:gE:\x80VIg@.mD2\x19\x17\x1a7&amp;%e=4N4.\x92bO\x8d]NsJ;\xda\xcb\xdbA,(xO&gt;\xcd\xc4\xd4t_Z\x81K4xK7mG9f;(C)"\xa2fJ\xe519G1/\xd9\xd1\xe1U3$\x89ZD\x9djX\'\x15\x12\xcc\xc9\xd9\x12\x0e\x0f\xfc\xfb\xfbtG2\x8e^H\xde\xdb\xe9\xe1\xdf\xeb[6&amp;rOF\x8fbUN/$\x93X=\xa9kP\xe7\xe8\xf2\x87pla8%\x1c\x10\x10?//\xabzciME\x9cp`\xde\xd7\xe9\x97^B\xa5oW\x9f`C\xaf\x8b}\xf9\xf8\xf8\x9bbK\x87V?~ki\xd2\xd5\xe2P@A#"&amp;@\x1f\x14\x1b\x1c \x80F._B:H98\xe1-32\x19\x12\x8eZA\x87K1\x93nawdd\xa2iP\x95`J1!!\xe3\xe2\xefV=9E&amp;\x1a\x8bbOI+!\xed1:)\x1c\x1bYFD\xe5\xdb\xe9\xe1\xd6\xe3\xec\xea\xeb\x95hW\xc0\xbd\xc9\x82VA\x93YG8\x1f\x17\xc3\xc1\xd0\xf5\xf3\xf5\xea\xec\xf7\xb4z`\xaf\x80koUR\xc2\xa8\xb9\xa1uf\xd3\xc7\xd8\xac\x86v\x96ti\x8dS9\x86aV\xa9q]\xc3\xb5\xc2\xe8\xe1\xeeN)\x1b\xb5\xb1\xbd\xd5\xd9\xe7{ZQk[ZU-\x1f\xf1\xee\xf0\xeb)1\x83^O\x9d{r\x90g\\\x9a\x84\x81\x8eQ@\x7fe_\x95\x8d\x96\xcc\xb7\xc6\xa8\xa1\xa7_ML\xef\xe6\xf2\x9bX&lt;\xaesY\xb8\xa9\xb5\xd54&lt;\x8f\x85\x8ecTT\xac\x90\x88\xca\xbe\xcd\x8euu\xc6\xc5\xd5\xab\xa1\xb0\x8cO4\x8ag[\xde\xd0\xde\xf3\xeb\xf9\xb5\x98\xa7\xe7\xd0\xdb\x8aTJ\xad\xab\xb6\xe3\xc6\xd3\xba\x88r\xde\xc1\xc9\xed\xdd\xe6\xdf\xce\xd4\xd8\xc4\xd1\xbf\x9c\x91\xa8\x8a\x9a\xd3\xac\xbb\xa2\x89\x84\xd6*0\xf5\xe1\xeb\xd5\xbd\xcd\xc57&gt;\xc5\x9c\xad\xd3\xcf\xd2\xca\xd0\xdeVLM\xda\xdf\xed\xe4\xe0\xe2\xb5\x97\x91\x95ZR\xb4\x8f\xa0\xa3\x7f\x92\xe9\xd5\xe1\xcc\xc6\xc8\x99u\x86\x86}\x83\xd9\x97\xa6\x94~{\xba\xb8\xc6\xc7t\x83\xb1o\x81\xc4\x85\x96\xf1\xc5\xd2\xe9\xe5\xe5\x9e\x98\xa1\xdb\xd7\xda\xb6kM\xb8\x8f\x83,,0\x94Q4\xb745\xd0\xa3\xb1\xe4\xab\xb8\xc7GT\xbe\x7fd\xc7)0\xa2TJ\xd6\xb5\xc5\xdf\xb6\xc076;\xe54B\xc6\xa5\x9c\x81ty\xe0\xdb\xdb\xc7\x90\xa1\xf1\xd0\xd9\xa7bC\xd9\x88\x95\xc9\xb5\xb4\xa4\x94\x94\xe1\xa0\xad\xc5\x93\x80^2 \x9d;6\xee\xbe\xcd\xea\xb8\xc4\xf6\xd4\xe0GDG\xe4 *\xadA&lt;\xca\x8bn\xb8\xa9\xa9[Z^mko\xc5]h\x8aXn\xb3\x81\x90\xd4dj\xb2xq\xa4cv\xdbw\x83\xd7\xa3\x90\xe7JU\x9b\xe1\xf9}\x00\x00 \x00IDATx\xda\xcc\x99]H\xa2m\x1a\xc7\x07\xd2G1\xc9\xfcJ\xed\xf1\xa3\x10\xc5\xaf\'D\x93T\xa8\xd1\xc8\xca\xb00#\xcbB\xb3\x12}\xc5\xc0j%&amp;\x19\xa8\x1d(jbf\x96\xa4\xd8^z\x97e\x9b\xa3N\xde\x93=\x8a\xe8=\x89\xd8=\xa9\xc0=\x16\n\x96\x19\xe8\xa4\x83\xb5\xe3\xbd\xae\xfbq\xe6\x1d\xd8\xd3\xa7\x99\xbd\xec\xcbN\xfa\xf1\xbf\xfe\xd7\xff\xbe\xee\xa7\x17/\xb8(\x01[/\xfe?\nH\xbc\xf0\x11][\xdb\xbb\xb8\xbe\xbe.\xaeE\xa1\xbc?\x9cN\xe0-\xde^\xdc_\x9e\x1e\xdcT\xae\xa0\x8e\x0fN\xb7\xb7\xb7/\x8b?V8o\xb4\xb8r\xfct\xf7t^\xadV\xe3\xa4\xaa\xd5Z\xadV?\xde&gt;+F\x7fX\xfb\xa2\xb7\xa7\xc7\xe7\xc83\xdd\xaak\x9d\x86\x97N7\x8d\x15\xaf&gt;\xd6++{?B/At\xef\xec\xe0\xa9V\x9d\xd6\xe9Z\x01\x8a\x94\x0e\xb8\x00\x0c?\xe3\xb5\xfa\xcd\xd9^T\xf0\xbd\xa5Z\xbb\xac&lt;\xd5@&amp;\xa8\x1e\xa8\xd6/\xc5\x82\xa1d\xb5\xa7\x83\xcb\xa2\xf7\xbbBEo\x0f\xeaq\xf8\xf3,JO\xeb7X V\xa3\x97UP\xec\xe2;\n\xe6-n\x83R\xd82V+\xa2W\x0f\x81\xd35j\x9a5\xd9\xe3\xd5\xf6\xf7\x11L\xe0\xf5\x16W*\xe7\xd5\xe9\x86P\xbfSA\r\xb6\x0e\x0e\xea\xe0\xcbW\xb0x\xf5\xfc\xf8\xec{\x08\xe6]\xbbE(\xddW(\x96\x07\xcb3\xf8\xf5\x9b\x07\xb0\x08X\x1c,\xf6\xcf\xe7\x16\x0c\xf2\xfc\xe2\xf4\xa96\xfd?L\x1e\x8f\'\t\xe5i\x14\xfeBW\xd0M\xc7\x89`\xf5\xcam\xf4y\xa9\xf6.\xaf\x1eQ\xa9oU\xf2\x142%\x05\xc30y\x8ab\x18E\xa9\xf4\x95\xae\xa0\xf3\x80f\x10k\xb5\xbb\xcb\xb5g=h\x0e\xea\xbf\x9b\x8a \x01\x93\xdeD\xf1\x84B&gt;_\x02\xc5\xe7\x0b\x85\x81@\x1e\xf1\x08\\\xa1P \\O+k\x82g\xa3\xba\xaf&lt;\xc6a\xfa\x88\xc9Y\x99\xf4\n`\xea L\x0e\x83\x816\x18\x08\x1a\xc2\xf1("\\\x12\xc0\np&amp;\xd5O\x9f+\xf4\xbd\xc5J\r\x9c\x0cB\xb1\xad+dD&amp;\x8a\xe2\xa1R\x00\xe5\x90\xcb\xb5Z-M\xd3\x8e\x90\xe4\x8bn&lt;\xa6TB\xd5\x80+^\x7f\xa6\x81\x14\\\xdf\x10[a\x06 \x93\x9e\x85"\xfds \x95\x98\x94\\.\x87w\x12\xb6\xf8\xc2@^\x91\xf4\xa0^\xb5\xab\xfb\xe7\xc0\x12\xac\x1d&lt;\xc6\x89\xdbI\xf3D"\x91\x89\xa1\xbe6\x90\xa5\xf25\xc0\xe0\x1d\xed\xa0i\xe02\x18dB\xa6\x04X\xd5\xf8\xe3\xc1\xdes\xb4\xf0\xb2\x0e\xbe\x02\xacA\x16\n\xa8\x98|&gt; \x14\xf6\xf6\x02\x01@5\x91\x12\x8b\xb5rR\xb4\x1c\x1a\x8an3\xc8x\x8a\x0c\x82\xd5W\xa2\xcf`\xac\xe3\x1a.\x0b=\xba\x02\x81"\\\xf9@\xc0\xe5\xea\r\xd1Z1R%\xac\xc8\xe5\xf35\xfaH7J\xa35\xf0\x99\xa4\x07\xc7\xf1\x96\xeb6\n\xa2+\xe7p\x08B\x03\xd1S\xa2!\x91^\xaf\x10\x01\x96\xab\xb77\xe4`\xa5\xb2Z\xad\r\xbd\xc4D\xae/\\0\x08\x06W\tm_\xbb\xe1|\x1a\x8b\xc7Uha\xcf`fh\x08\xb0D\x88\xa5`@,\x96\xcaG\xa8X,\x1f:L\xcbN%t\x11~\xb0\xdb%9\x0fI\x89K/\xd7c\xf8T\x85\x8da\xd0\x03B\x99L,\x15\xa8\xd5\x10\xeb[*TK+\xf6\xf9|\xc8e\xd0j\x08\x96&amp;\x9fd\xa7\xf1B\xc0\xed\xa9s\xff\x14\x07\xad\x06\x0b\xdf\x88\x05j!\x96\x9c\x98=\x91H4%X.P\xcbg\xb3\x19}&gt;;\x00\xd9\xb5Z\x9f\xd1n\x17\x96H\xa8r&lt;\x8d\x82\xe8)\xe4{\x0f\xe9\xe1PC,\x85"\x97g{\x88Z%\x12(\x17\x91\x0c\xe9\xa46\x02f4\x1a}Z\x9f\xcdh\x94)\x92\x99\x0cp=q\x1a^\x82\xe2\x1d\xec2\xa0\x16`\x91\x1e"\x95"\x1fhP!J"1gM4t\x03:\xa9Tj\xf3!\x90\xd1\x86\xd2i\xf2(\xd74\x84\x04\x97\xee\x12\\\xd4\xd99\xd4\x13\xac\x86X\xd0C\xa4\x02\xa5\x12\x84%\x91 TsPj5\x01\xb3!\x9a\xcd&amp;5C\x17\xf1t\x8c\xd7\x8e\xb9\\%\xa2\xdbxF\x83\xb5DCN\xa4"\xceB\xb1h\xf1\x17,`\xb1\x12\x83\xcd\xcd\x9dlb\xa9\x11\xcd\x86%UJ\x8d\x92\x1cv1S\xad\x9fy9&lt;x*\x98\xa5\x88\xe5tRl\x0b\x19t\x16\x8a\x95\x98;\x01\xa4\x939\xeb\xdc\x1c\xc1;\xd9\x0cF"\xc1`\x10\xc1H3\xa5V\xb5\xd2L\xe7K\x99LF\x9fy\xe42\xbb\xae\xef\xaaH\xe5)\x0c9\x9dN\x91BO\xb6\xbe\x80\x0b\xa7\xd0:\xb7\t\x04\x9b\'j\x84C\xa9\x82\xc1\xb1\xae\xae\xf1\xf1H\x10~\xa7V#\x96Z\xadTj\x039F\x0fX\xb5;\xee2\xa2q\x1eB\xc4;U\x1dN\x13\x89,Lx\x07P\xa9A\x1c\x90\xe6d\x0e_ Ud\xbcka\x14ja&lt;H:I\xb0b\xabv\x17\xc3\x882"=\x87]$\xf10\r\x1b\xb0G?\x9bU\x81\xb9L&amp;*\xc0\x8aeU\xa7\xa0e\x8b\xd8\xb2\x13\xb0T02\x06Lo\x86\xa1F\x17\x16S\xa9X\x03K\x1dS\x1a\x02\x94\tLY=\xdf\xe6\xcc\xf4k\x98Z@\x95\x11e\xb3\xd9\x0e\x13P\xf1\x02\xacX\xeaT*2\x8e\x85v\x8aD\xc6\xba\xfa\x8f\x00i\x1d^\xc3\xa3\xdd\xcd\x8b\xfeTLI\xd4\x8a\xb5\xb5h\x84\x14LK\xf5\xf1ok\x9c\xa9u\xf0\x08\xabI!34\xbb\xb4\xa4b\xb1p\xfb\xa3}Ru\xca\xef_\\\x1c_X\xe8"\xd5\x7f\xf4j}}\xf8\xf5Hw\xf7\xf2rs\xa7\xdf\xefv\xbbWY\xb5\xda^\xee\xcct\xa0^\xe0y\xce\xd4b\xb1\x86&amp;\'\x97\xb2`.\x8arRN\xd8K\xf9\x12Zk^]M\xf9#H\xd4?\xba0J\xa8F\x96\xdf\xb5\xb4\xac\xb6`\x99[\x94J\xec\xa2\xdb\xdd\xf6\xd3\x07\xc2%\x9a=.r\x88\xa5\xcfdL\x93\x87K\xd0C\'z\x9e\x14\x9e\x89\xb4\xd6\xb8\xeaN\x91\xf6\x81\xa9^\xbdz5\xdc\xdd\xd9f6\x9b\xfb\xe0 4\xda\x8dF\xb3\r\xb2K\xea\xf6\xbb\x7fJ\x7fl\xe1\x0b;\x9c\xb3W\xdcaUj"\xd1P\xf6\xf0\x10\xb8T&lt;\x8aQ\xc0\xa5\x06*\x07\x06\xe3K\xec\xd2X\n\xbd\xde\x85b\x1d\x1d\xa1\xd5c\xd8;3\x9c;\x98\xa5\x10\xf6R\xbf\xdf\xdf\xb9\x9c\xfe\xa8\x91eU\xdc\xa9\x05i:;44{\xf8K\xb9|\x08X\xcc\xd4\xd4T\xa94\x95\xc3\x88\xe0\xf3i\xbbM\x8d!A\x82\xe1\xe8\xa8\x1f\\\x16\x89D\xfcn\xb5T\xbd\x9aJ\xa5\xc0]\xeeX\xcc\xdf\xdc\xdc\xd9\x99N\xb7\xcc\xc8\xb2\x93\x1c6\xf1frvv\xc9b\xb1\x94\x0fgT&lt;\xa0\xcam\xbd\x85\x9d\xa6\x17\xae62\xda\xae\xb5I\xad\x9bd\x0c\x17\xfa\xfb1I\xc7!\x19\xb0uH\x83\x19\x06\x13\xd9\xfd\xa6\xb99\xbd\xf1\xc7\xbe\xf0\xd2R\x85;\xb5n&amp;\'\'w\'\xf6-\xe5\xf0\x8c\n\x83\x94&amp;\xdbg\xa8\xd7\x05%![\x84\x95\xf4\xb1\x0b\xa9\x16\xfd1\xa9\x0fn\x18Z\x9f2\xe6\xef\xec\xc6\x0ck\x1e\x85\xcf\xe5\x8d\xf4\x0e\xe8]\xe1\xd0\xf2\xe7\x93K\xbb\x13\xf3\x96p\xf8P\x15p\xc1\x00\xda\xcc6-\xed\xe8}\xbb\x95\x03\xe1\xde\xba\x10\xec$\x08\x039\x16\x89\xfc!\xa5&amp;\x9b)\xec\xf2Z\x9br\xb5\xb3\x1b\x06\xe1\xcd\x9b\xf5\xe1\xe5\xe5\x8d\x8d\x8f\xfb\xfb\x96\xcf\xdca\xfd\xbc{~8?1_\x0e\x97\xc32\x8c\x05X\xed|&gt;\xb9\xa3w+7U"=\x85\xc4o\xda\x8c@|E")u\x13\xec\xa3pK\xb4Cx\xc0 \xba\x17\xde\x90\x84]~9\xb2\x91\x1e\x98\x98\xff\xccYnEW\xe6\x0f\x7f\x99\x1f\xb0\x94\xcb\x96\xb2f\x06/3&gt;-\xdc\xb9B\x12~ WJ\x96\xd0\xff.\x87X=~4\xda\x05TV\xd8\xe4\xc1u\x80\xd5\xfe\xae\x1d\xf0c\xcd\xc0\x05\xc1\xf12\x9d\xde\xd8\x18\x18\xe0\x0e\xcb{v\xf7\xcb\xee\xfc\x84\xa5\xbc\xb3o\t\xdb\xe1\xd6@;B\x0f\xa1\x10\xad\xb1kTy|\xfe\x91,\xe5{\xc5\xea\x85W\xa3\xe3\xa0\x15l\xf3\x8e\xb7.\xa1P\xa6\xe9\xebk1\xc3\xd2\x1c\x03k\xa1\\\x1f\x00k\xe3\xaf\xdc\xad\xf3\xde\xfb\xab\xdd\xdd\xf9\xfdry\x7f`\xbf\xcf\xae\xd1H\\[0\x8a\xfc\x99\xbe\x9d\x9d\xf2\x0cU\xc2GnS.\xb9z\xbc\xbf\x8b\xb4P\xaau\xe5\xf2\x8ad\x92\x92\x05\xf8\x06-\xdc8\x94\xc0\xb5\xbe\x9e~\x99\xdex\xff\xfe\x1f\xff\xe1\x0cKP\xac\xecZ&amp;X\xac\xb0f\x06Z\x97\xcb\xe5\xf3y\x9eL\x13\x0e\x87gL\xf8$\xab\xb4\x15j\n\x8eE \x1al6\xb3$\xcfP\n\xcf\xa0BU\xca\x07\xb6\x1eh\xb1\xcd\xdd\xdc\xfdzx\xe4\xe3\x07\xc0\xfa\xd3\'\xee\xd6\xe6\xbd\xcf\r\xac\x8f;\x1a\x19?\xc04\x1e\xabuP\xaa\x19\x95\n\xe4\x1a\xf4$s\x0fb\xdc\x07c1\xa9\x11\xb0\xa8\xac\x13\xb0\x98\x92\x8a\x9f\xcb\xb9h\x1fp-\x8f\x8c|@\xb5\xfe~\xc9\xd9\x93\x08\x08\xae\xf9\xf9}\xc0\xb2\xec\xc0$\xf2\xf0\xf0I\xe2\xf3\xd1\xac*\xdc\xc7\x90\'X\xc9\xa9-\x87\xf8\x04\x96A\xab\x1a\x82T\xe2\x12f;\x14\n\x9e\x90\xaf\xd1\x90\xc9\xf5I\xf1\xacFkm\xfc\xe5\x8c\xbb\x07$k\x07\x13\x13\xe0x\x88S\x99+\xc0\x00\x07\xdc\x17\xf0\xb1\x9b3\x1c\xe6\x11\xcb\'\xa7\xde\xca\x13\xb0/\xc3\xda\x0c7E9\x04\xad\x90/\xd3\x98[\xde\xb5\x83\x17\xb5v\xb8e\xac\xb6\xbf\x03\xac\xf7\xef\x7f\xbb\xe7\xec\x8e!\x88\xfe|7\x00X\xe5\xb0*\x90\x9fB\n\x85\x08.\xd7\xce\xecL\xb6\x83\x02o{\x92\xa5\xad\x07\xf1\\p\xec\xcf\xff\xc2\xcd\xd9\xda$w@\xc6\x86h\xb8%\xda54\rM\x94\xae\xb6\xb5\xb4\xa7\xdf\x83Z\xbf]\x0b\xbc^\x8e\xfe\xe1\x18\xbd\xbc\x1a\x18\x80\x90WQLn\n\xd7\x07\xbcc\xf0:`\xf9\xe21\xa8Vi\n\x1c\x7f\x12\xf97p\x9d\xc0N\xafn\x12\x87\x1e\x1e\xe0n\x1b\n\xc1\x17\x07\xdc\xfd\x95\xabm\xed\xed\x1f^c\x13\xef\xf7~\xfd\xf4\x89\x9b\xff\xb9\x08n\x8f!\x9f-K\x14\xd0P\xff\xa5\xd5\xfc^\x12\xdf\xd38\xbeP\xa9\xac\x92\x94\x95?Y\xfb\x01\xa2\xa5\xb2\x94\x03%h\xfaEAC3\x8bAr\x19\xeb\xf8]rd\x83\x86\xe3\x10_E\x9cr\x10&lt;\x0e\xa7\xa3.s\xd0\xc3\x9c\x10\xe6\xc0\x99\xc0N\xc8v\xd5\xc5\xd8\xb2s\xe1U\x8c\x12g\x91\xb3\x07\x9c \n\xbd\xd8\x8b\xbcY\x06b\xdf\x1f\x9b\xff\xc0z\x08\x9a\xc9\x0b_&lt;\xcf\xf3}\x9e\xf7\xfb\xf3\xf9\xf6\x06\x03\x9d\x08\x069\x1c\x93&amp;@ =\x81\x94\xbagg\x91`\x9d#];\x19\xd1\xc0\x1c\x99\xb7V\x8c7\x08~\x95hyfd\xa4\x7f\xf7Et}a}\xbf\xbc\xb7\xfe\xe2~J\xc9\xdez\x83\xe6\x8a\xfc\xe5\x8f$I\xbd&amp;,\xe8T\n\xa3+\x91\xc0N\x84\t\nb1\x92\xe5C\xa8:\\\x99L\x08\xeb\xbas\xd0\xc5[\x85cs\xd0\xb4\x1e\xe9Z\x7f\xb1\xa0[\xfezdL\xa7[ht;&amp;\xd8\xb3\xdbK\xecWo\xbeZY\xf9\x11\x16\x11\xc9\xe2\x18\x0c$\r\xadV\n1\x8dqn\n&amp;RV\x9ej\'\x878?\xcf\xe5\xcc;\xe6\x10"C\xec\xeb\xda\xdbs\xf3\xe2"4\x0f=3"\xf9)\xba\xc0\xf5\xd1\xfe&lt;C9bG\xec\xee\xba\xfd\xe2\x87\xeb\xd7\'\'\x05l\xeaM\xa8e\xd6(\x87\xcf\xef\x1c\xe0\n\x04V\xf4\x8d\x94o\x986!q\xea\x9e5\xf2\xf5w\\\xa0\xe8\x18X\xf84\xfc/\xd7\xc1r\x13=\x1f\x8d:\xb5y\xa6^\xaf^\xfa\xaf\xba\xc3\xfa\xf8\xf7o\x1eo\xfe\xf8\xcd\xf7\xca\x15\xe5\x06&lt;\x0f\x1c\x8fUJ*\x03g\xcf\xc3N\x96\x1aH\xceR-\x8c\x87\xdc%\xa2\xd3\xf4\xe0r/\xdeE\xae\xf3s\t\x1dF\xfbf\x9eF\xc3\x0csssS\xadV\xa9FW\xcd\xb5\xf4Cd3\xb2\xa9y\xae\xb1g#\xc2\xce\xe5\x009h[Em\xf0\xf5\xcb\xa2Ik"\xd1B_\xaby\xab\xe8x\x8a\xa2.\x17\xf1\xc1\xb99\xb7H*\xba\xd8qD\x14\xd1\xac\x00\xa3\xf5c\xd1b\xf1\xe6\xe6\x96`U\xbb\xc2bo]{\x07\xb3?\x89{Y^`\x11wxg\xf1\xdf\x9aQ\x1d\x07\xbd\xacF\xfd\xac\x02\x19\x8a\xaa2k\xf3\xf5:\xc3PH\x91\xc3\x91#Y;\x07\x17\x15g\x8a\xc5z\xbe\xa3\xa6in\xb4\xd9l\xde4\xef\x01\xeb\xac\xc01\x89\x93b\xb1\xd7hI\x0e\nAuw\x1e\xb2c\xcei\xfd~\xee@\xca\x03,\x19DU\x8f\xcaL\xd5Q\x9f\x1b\x90\xc1hh\x17soW\xd7\x88\xf7\x8f\x17ooo\x8b\x0cI\x99[gk6\x8b\xcd/XK]I\x1aK*1-5\xf0\x8d\xbb{Y\xef`_\x1f9,\x9dS\xed8\x1cp\xd0N\xbd \xe0\x01\x95BB\xac\xb3\x83b\xea7u\x04\xb2S\xcfk\x17\xcd\xab\xabk\xe7fZ\x17\xbe\xfd\xf7m\x93qRy\xcai\x8b\x95j\xc5\xe6m\xf7\xbdE\xb0\x02)~"!\xde\xdd\xb3\xd8\xc1\x85\xa9\xcd\xeb\x11!\r\xf0\xf5\xfe\xe1\x96\xc7\x93\x82\n\xedW(&amp;E\xb4\x93\xa93\xa8\x16\\\x19C~S;&lt;\xde\xda\x8e\x8f^h\xde\xde6m\xf8\x03,\xb7\xab\x14\xe6\xda\x8a7L\xf5R\xdb\xe8\xe6I\x9c=+\xa0N\x86\x80\xc7\x94\xac\x14\x94v\xf1 \x9ft\xf7[\xf3"\x9es\x86;\t,Tq\x9a\x8cV\xc1\x0cl\xa2\xd3o&amp;G\x94\xf8\x9cb\x18\xed\xaa\x80\xb7\xe6sp\xc3\xa8\\\xdcIQL\xd1U+\xd9\x1cnL\x88\xea\xa2\xbb+,\xf6\xab\xe3\x94\xc7d\nx&lt;\xdeB\xc5\x92\x8d\xd8\xe5_\xb0\xf0\xb5y\x1a\xcf!&gt;A&lt;\x01\x9d`\xd9\xe7s\xfb\x9dp\x19\xb0@d8\xe5\x1d&lt;\x01\xef\xad\x99v\x86\x8ba\xa7\x9f`\xd5J%\x86\xba\xa4\xaa\xf5jn\xac\xbb\xb9\xb5}\r\xac\x04\xccMo6]\xb0(\x8db\xb9\xa0gm\'G\xb0\x9c\xf4\x80\x1a\xa34xG\x96h\xcd\x89|\xb4.\x1ew\x92\x83\x9b&lt;\xe93gF\xa0F\xbe\xfc\xb6p\xdc\xaf\xa5\x9c\xe1Z\xa9Q\xc2$\xbd\xbc\xacV\xcf\x17\x0e\xbb\xc2Zj\xf7y\x82AO@\xa3Q\xa6+\x15KrJ.\xfb\xd2Z\x94\xdb7 5`\xc6\x9b\x82X&gt;\xd3\xd69\xd1\xcc\xf2\xcc8|\xb4\xdfO\x1a\x0cs\x81\xd1\x89\x04V\x18"\'\xe3\x84\xe1\x8e#W\x8dR\xb1~\x99\xc3\xdc\xcd\xb8\xce\xba\xc3\xfa`\xf7\x04\xb1\x90\x03\x9aH\xfa\xf8\xb8\x925\xc23\xdcai\xcd\xcb\x93\xc4X\x9bL&amp;\x8cX5r\xe5\x13\r\x0c\x1f\x84Bn\xb7\xdf\xed\xf7\x13Sa\xe3\xce\xb5\xacszg\xde\xaf\xf5\xc7\xc3\x04\xab\x81\xe9\x90\xc3&lt;;\xedrU\xb3\xb7*\x9a`\nu\n\xda\xd3\xfb\xd7\xfb{\xbbSR\xd9\x80\x8f\xf8z\xb3\xa8G\xa6\x86\xdd7\xc1V\xb7\xd4\x02\x15D\x83\xa8G5p@\xb6t\x88\x9c\x93\xc4QP\xbd\xace\x1dp;1\xb3\xe2\xae\x12\xc1*\xd6\xab\xe7k\xe7\xeegW]J\xe7\xa5\xd7\xc2\xa0\t\xbd\xc3\x02\xd6\xfe~z\xdd\x08\x0b/\xf29\xdcf\x15O@\xdc&gt;\xb1fd\xf9\xa8 \x19\xc8\x15\x0b\x92\x15\xda\xd9\xd91\x9b;G\xbb\xdc\x11YK\xe0\xd3R~\x1d\x92U.7n\x8b\xd4\xe5\xf9Z\xce\xbfw\xd4\xa5\xdeb\x9f(9\t\x08e\x92\xad\xe3\xe3\xf4\x0b\xa3\\:)Z\xd6\xeb!\x8cQ@T\x17F\x1f6{R\x04,D\x08\xd6\x9e\x9c2g \x1fBn\x9d\xee\xd9\xb7R\xb5\xca\xed\xd7Ec\xb5\xf2~\xa9\xd1d\x16\xb1\xce)]\xb9\xeb\xd3\xf9\xa5\xb4\xd7\x04,\x8f\xb7r\x9cN\xa7-I\xb1\x9a7\xb0\xac\x1f&amp;6\x02\x0fa\xc0d\xe0K\xe5\xb2)\xc5\xf0\xc1\xc1\xc1\xe9)H\xe0\xec\xe3\x00s\x84|\xa1\x10}:\xbf+\x11\xf0h\xb7.\xea*\xef\x97K\xa50uY\xad3T\xb4\xdb\x1ab\xa2\xb6#\x1c\x825\x94=NW\xd2\x95\xac]-\x1b\x98\x99\x91Y\xd1U\x81\xa1\x80\t\xfb\xa8sU&gt;\x05\xac\xf9g\xa7\xe3\x07\xe3\x07\x07#\x07\xe3\xe3c\xdc\xb1\xb1q(e\xc9S\x81:\xe3\xd6\x85]\xfb\xfb\xb5\x1a\xb0\xaay\xc6\xc9-\x9fu-\xe5\xd9\x17\x16\xaf)\x80\x19\x11\xc1\x93XI[\xfa\x89\xeb\x1b&amp;\x8f`pH\xd3+\xe4\xa0\xe59r\xa3x\xf7\x7f\xb5\xbdX\xa9\xf49\x1a\x9d?\x90L\xa8\xd5\x13#O\xe7\xe7\x9fJ&amp;\x14\x12A+\xe3\x8e\x03\xcb\xe5*5\xe3\xa8a\xde\x1f=\xbc\x07\xaf\xb8}\x1d1\x1a\xbd&amp;4\xd7q\x05\xa3&gt;9170\xa2HMszY\x1a\x96pt\xe8\xb9fs\xf3\xabt\xe5\x9f\x87\x87WW\xef\x8e\xae~\xfdG\xb9|\xbc;\x18H\xf0\xa7\xfa%\xfdSS\x13\n\x81 \xe4\xb7\xc5\\\xb1\x98\xab\xd9\xf4C\xeb\xe4\xc3\xa5\xfb\xb8\xf7\x99=)\xd8\xe1\xa6M\xde4\xe6\xbc\xc5\x92\xed\x9fR\x8cL\xa6\x0c}\xe0b\xb1&lt;\x8f\xfe\xf6xe\xe5M\xfb\xf5\xcb\x93\x8b\x93\x0f\xef\xdf\x1f\x1d\xfd\xf7\xf0\xf0\xf7\xf2J\xdf\xf3\'\t\x83\x94P\xcd\xf1THV,\xb6G\xb0\xe2\xd8\x00\xc5\xc6\xd1\xbd8\xd8\xedv\xc4k\xf7\x06{-\xe9\n\xb0,\xdf*\x14\xe3\xc3-\x83\xdc+\x84u}\xf4\xe8\xaf\xdf\x93\xd7M_\xbf\xfcprrrqvq\xf1\xcb\xbb\x7f\xbd\xfbO\xdb\xc2z\xe2\x99\x96\r\x0f\x7f=&lt;\xa7"[\xb1\x18\xc6\xb3X\xaa\xe1\x1f\xb5\xc6\xd1\xfd\xd8}\xf6\xd6\xeb\xac\xd1\xdb\xab\xb1\xe3A\xb4XVv\x93\x8a\x91\x11\xa9A.\xf6\n50\xd4\x7fz\xfc\xe9\xd3\xa7J\xfa\xe7\xf6\x15\xe2\x03\x89\xa3\xa3\xc3\xc3\xb2=`P\x8c\x8c\x1f,c\x988m\xa0\xb2\xd9\\\xa5\xc6\xbe\xab\xd6\xf8\xfd\xec\xbe^\xb6\x99=k\x17"^\xe1F\x81T1\x9bM\x1a\x15\x92\t+\x1fX\xbd\x9a\xa1\xe7C\x7f\xb6G"\xc9$9$B\xa4\xb1\xa2\xca\xe5rl\xdd8!\x19\x9f\x1f\xd3//\xd3:P\x01+\\k\x1c\x1e]\\\x9cm\xdf\xe3=\xe7V\xbb\xa0\x14oX\x8e!n\x80\xd5?1\xa1\x90Z\xf9|\x13&lt;\x07\x8b\xc5\xe9\x93O\x90\xa1\xf5\xdb\xe9)&amp;\xd7w\xf3\xdf!$\n\xc9&lt;\x86\xc4\xa9&gt;\x13\xd2\xd9H\tm\xd1b\xe9\xea\x8c\x1c&gt;\xdc\xef\x1dz;mY9\xbe\xc3\xca&amp;\'d\n\x99\xd5\xc0\xe7\x04Y\xa3\x1b^\xbb\\\xce\xcbd~\xbb\x8b\xcf\x9f\xe3\xbaS\xdd\xe9\xe9\xe9Xgt\xe9\xf5\xdc\x85p\xad\x16C\r\x91\xac{\x7f\xe5\x8d\xcd~\xf5\xfe\xe4\xe3\xc7v\xba\x90\xcd*\xb3\xca\xfe\t\x99\x8c\x0f?\xcdbm\xd8#\xd0`2U&amp;\xd7\xa1\x8aCf\xe5)\xb2\xa4\xb9\xfa1.\xb0\xc6t\xb6X\xcd\x05\xaaX\xed\xd7\xf7\x0f\xf3b\x19{\xf6\xe3ueE\xa9\xcc&amp;\x93\xfdSby\xe7\x956!\x1a\x0bXs\x10\x10n7\xed\x8e\x7f.2\xf98\xf6\x8f\x8e\xa6\xc9\x9c\x1f\xd3E\xc3w\x9d\xe5*_m\xfd\xe1a\xa2S\xca\xac\x92\x84Q&lt;\x08,a\xef\xa8\xd7n\x17\xcb\xe5\xb2I\x15\xd64\xd9\x88\x0cc\x8b\x93{\x0b\x9a\xcb\xe5\xd2\xa0\x8a\xc5\x8a(a8\xf6\x80X\x10\x85\xd7\x05`%\x95\xc9\xa4\xd1+\xe4\x8c\n\x11^\xb1W.\'\xdeQ$\xca\xf8B\\\xc8\xac\xce5\x0f\xa8\xb8c\xcf\xa2a\x97\x8b4\x16\x92Uj\x9f=T\xb6f\x8f\xcahzrm\xa0T\xda\xbd\xc2Q\xe1\xc6\x86P8\xc8G\x11A\x85tA*\x80\n\xb2\xd9\x8d\x8a\xd2\x84*F\xb0\xc2\xf8Uj\xb4\xdf\xb3\x1f.[\x95B\xe7\x10\x15\x19\xb3\x0f\xde\xe5\xab\x8f\xaf\x96\x91\xeba\xd4\x90\xeb\xef\xc8\x1aJ\xebp\xd0\xfaN\xbb\xbb\x80\x85\x80\x15+\xfd\xfc\xf1\xa1\xb0\xb6_\xa6\xd3\x95Nwu\xf2%\xec\xed\x1d\x15\xc2hK\xe7&amp;U\x04\x8b\xe6Bm1\xc4\xea\xff\x9f\x96\xfb\x8fi:?\xe3\x00\xbe\x12\xa0\xbfR.\xd7@9\xba\x05\x0b\x08b\x9c\xa1hg\x88e\xed]$\xd7\xd0^"\xa1\xf4\x1fjH\x1b\xa1\xe9\xb0H\xc1\xc0%\x96\xd9p\x10\xa4)\x05L\x01\x13h\xb1\x92n\x1d\x98;\\\xc7THO~H\xabl\x11\x8c\xc9e$\x9bG0\xc6\xe3\x12\xb3\xc9\xc5)\xbb\xcc\xb0\xf7\xf3)\xea\xee\xb6\xe5v\x1b\xfd \x01\xfc\xeb\x95\xe7y\xbe\xcf\xe7\xf9\xfe\xea\x07\xef\xd5\xd4\x1c\xcd\xd1\x82\xc3X\xc7\xef\xcf\xfezvc\xf7.}\x7f\x9b\xf5E?\xed\xd7p\xb9\x88fI\x96\xc9x`\xfd\xf8G\xc4\xc2:\xa9\xa0\xd2\xa2\xfbd\xc4\x12\xb6\x1d\xbf\x7f\x9f\x85\x0b\x13\xe0\xec\xe8\xd4\xb0;A,\xf70&amp;\xae;q\x96\xd9\\h\x93\x81\xc5;D\x97%\xe89\x8d\xca\x1a\x84K\x81\xc2\xfa\x80XGs\xec\x94B\xa8\x8eO\xdd\xc7~4\xd5\xbf\xb1\x9c\xa0,\xba\x9f\x05\x02H\xa3\xdeL=\x82\xae&lt;\xcbd\xc9\xbc\x9dg\xcb\xf6\xbfSYC-\xf4\xe4\x19\x8c\xf1\xef\xd5\x9ca9\x9cb\xaaQDk\xb47\xb0\x91\xa8\x9ao\x1c\\/\xbb\x834\xea\xcdX\x85\xe6\xb3\x16\x19\xbb\xc0\xfbSz\x06\x88.\'\x1f\xcd\xc99s\xa6\xa6\x12q;|Xboc\x05\x7f\x1c\xe3\xf2\xe8\xec,X\xfd\x0f\x13\xc5Z\xd1\xeb\x03w\xee\xc4Yf\xb3\xcbF\x0fE$\x1fb\x8f&amp;\xbd\x8d\x11\x86\x05\xab\xa6\xb2\x92n\xed{L`aR&gt;&gt;:5:;:\xda\xebt\xf6O\x96$\xa8\xcbo\xe8\xf5e\x81;\x8123~\xea\xf5\x8569{\xb0\xe5\xd0!j\x11\xec\xce\xb4Bx\xf2pees\xb3T\xea1\xf5\x92\xea\xdc(%q\xf4\\\xaf\xc9\xd9\x9f\xa0C\x91\xbb\xec5\x9b\xf5e`\xe9\xc1*\x8b\xb3\xe8\xb1t\x9c\x94\x81\x95q8G\xdb\xa6\x15\x1emnNK\xebN\xeb\x06+^\xf0`M\xf5:M\xa6\xc0\xb3\x04m?7}.\x97Y\xbf\x1eg\xe1{\xc8\xa8\x11\x08\xc8\x95\x82\x1e\x01V\xae\xa2M\xab\xb0J\xa4\x05*U\xb9*\xd8K\x8d\xf4\xdc\x14E\xab\xdf\xd9\xd7\x17,\xdbH\xcc\xf6\xc3\xbd\x19s\xa13`H.\xd3\xb34\xfa\r\x1aA\xb6\xe0 &amp;\xc1\xb7~\x08VFs\x8e\xddn\xb7J\x81*\xcf\x02+\xbe\xa6\xa8\xb0\x82Vk{Y\xa2\x0e\xc5\x871\x97\xdfU\xa8\xa7\x89\x1e\x15\xaf7S\xb4\xb2\xe9Q~\x1e\xdd1/x;C"\x91z\xba\x0f\x94\xab\xe8\x1ap\xd0\x892\xefu\x825\x05\x95\xc7\x13L\x18\x0b\xd1\xf2\xc3\x85\xfa*\xa3\x06\xe1\xb21V&lt;^Yyyy\x19\x19\x05y\xe5\xe5\x98u\xc4\xe2jU{\xd0\x84\x05\xd6\xb9\xde&gt;\x8f\xc4c\r:\xa7f\x12R\xf3\\Dkhh\x88\x02\xa6\xa7\x96\xea\xb7\x19\x05\x82\xdal\x01\xdds\xc9\x14g\xd1Ya^V\xb5\xa5\xbaZ\xcc\xe3eu\xb7\xb7\x07\xfb\x82\xc12\xa4\xd1\xd4\x9e+\xa1h\xed\xe6}\xeao\xb3l\x11\x82\x99\x89\xe5\x1a2\xc8)ZHcr\xa6\xb8Z\xbc\x87\xee\x01\xcbdb\xa8RT\xed\xb4\x82A\x93\xd3i\n\xb6K&lt;\x92\xf6&gt;S`\xb61!o\x18\xdc#\x96\xc1f\xb3\r\xb9\xd0L].?s\xd5f\xa7\x0b\xf2e\x1612\'\xe6%\'\'g\xf2x\xe2\xf2n,\x8f\x87\x12\x19\x0c\xb6{$\x12\x89\x15\xc0\xa9\x84\xec\x8a%3\xeb\xc42\x18\x8c\x86\x08\xa1\xfc\xfe!\xe6\x12 \x8d\xf9lT\xe5\xa5\x1e&lt;\xf83$TE\xaa4\xc0\x10/\x04M"\x95x\xd4&amp;S\xd9T"j\x9e[\xd1\xa1\'\x96\xd1\xa8\x81\xcb\xef"\x95\x8d\xfe\x94\xd3s\xce\xa9r\xb9L\x96\x9az0U&amp;\xce*W\xb1g\xf0\xa4\x14/Z\x92\\\x89D\xddg2\xf5.\xee\xfa\x83\xfc\\\x9c\x94=3\xfb#\x06\xa3\\\x83e\xb41U5\\\x06\x8bQ&amp;\'\x14Vf&amp;N\x1c\xcbU\xf1E.\xa0\xd48\x93E\x12\xe1r\xfe\xed7\xd7v\xd7Uq\xaf\xa3\xa9\xc3WH,\r=\x99.\xd0\x18"\x88\x95\xcdb\xc0\x17\x8d\xf4\x16\xb6l\xd5YX\xe5\xe5\x8c\x96&amp;\xa5$\x06\xc1\x92\x8c3\x96\xe9\xa3\x17\xb7\xff\xb2\x9b\xef\x11s\x1bcF\r\n\xcao#Vvmmv\xb6\xc6\x00\x96\xc5b\xc4\x17X\x16\x8b\x18?\xaa\xe3++\x0b-\x15\x89D\x93\xa0s\x7f\x16\xad\\\xfaM\xb1\xba\xfd\xf8\xd1.\xbe\x87T\xb2\x1c\xcb~\xbfv\xc8\x15\x8fVv\xed)\xc0\xe4\x06\xca\xa0\x91R\xc7\xea\x1dg\x1b\x96L\x1c\x8f\xd4(\x0e\x90J\xea\t\x06\xfb\x18K\xc2\x92\x18\x0c\xfe\xf1\xc6\xda\xf6\xcb\xbb\xbbyq\xc4\xa7y\xffT\xe45\x8b\\\x02\xa3-B%\x8f\x99\x8b^D\x92\xe1&lt;\xc8"\xfe\xa7X!X}H\x1cXj\x16-u\xb0}\xee\xb3\x91m\xc4k\xb7\xf2\xc8-i\xdc0\xfe\xe4\xd4\x9bh\xd1B\x1a#\x91xR\xb1\xfd\xd0Y\x90\xb8\x1a\x07!\x95U\x01cy\xd0B\xed\xa6&gt;\xe6\xca\xcd\xb5\xa2\xfa\xe7\xbe\x1aY\xdb\xde~\xf9\xe7k%\xbb\xf1Bx\x89{\xa6c\xc3\xf0\x9aE\x8d\x9d\xb1\x8c\x91\x08\xb5\x0b\xb0\xe8\xde:\xa9\xa0a\xc7 [\x1e4S-\xb1\xecjk\xae\x15\xbb\xb5g\xfc\xc9\x8d\xb5\xfa\xfa\xed\xafo?r\xb7\xb6V\x94\xfc_2z/x\xdd\xb7\xe1?U\xfb\x86\x95\x9e\x9dN,\xc3S\xfc\xf9j\xe6\x12\x8b\xb3T\xd2npH%M\x93J\x11,\xad\x16\xdb\xb5\xc2\xaef*i7X#\xf5\xf5\'F^|\xf9\xa8\xa1\xb4\xf3\x98\xbb\xf5\x7f\x94\xd1\xc7\x04\xdc\\\xdc0\xfbc\xde\xe7\xb5\x82!\xff\xebh\xa5\xa7\xa7g\x0b\xe4\x06\xeab4\xa1\xa6&amp;\xa7\xa4`\xb3.\x90\xee\xa0hI\xd4&amp;m\x9bS\xab\xd5b\x94\xa6Pa\x90\x1e\x7f\xf2\xd9HQO\xcfoW\x1f\xdfm\xd0)\x95|~gc\xeb\xf7/4nE\xe3\xbd\xc5/\xe6\x03\x85~W\xcc\xb7\xfe\xb9&amp;\xe2\xc7\xd0 \xd7\xb0\xed\x06\x01\x13 \\F\xb9&lt;\x95=\x11N\xaa\xbc\x82xwg(i\xae]\xdb\xd6\xe6l3)\x88\x85\xcd\x1a\xff\x19g\x9d8\xb1\xfa\xf2\xeei\xd1y\x0e\x87\xcfO\xe2\x97\xba\xbfW\xc8\x10\xa7\xe5\xc5\xae\x95\x85\xa8\xfe,\x06\x06\x9fo\xfd\xa9\x91\xb1\xa8\x9d\xb2]P\x90\xaf\x91CE\x07"\xb1\xf6d\x91J\xcaTh\x088\xf4\x88\xd5\xd6\xabe,\xa6J\xcb\x00\xab\x07\xac\x91\x97w\xf7&amp;\x81u\x9a#\x12\x01\xd6\x88:\xfb\xefl\xdc\x8a\xd6\xe5\x99\xe1\xc1p`k\xcb\x8c19\xe6\xf5\xc5\xfe\n\xd6\x10;\xf2\xe8-\xc0\xfc|\xfc\x93\xd3J\xa6\xc5X\x0c\x95\xc6T8\xf4\xd4Zb\xb5\xb5i\xed\xf6\x1c\xabD2.MS\x81\x85\x1c\xf6\x14!\x89{\xab\x94\x1c\x8eN\xc9\x11\x1d\xb9|DT\xdaY\x07\xdaw\xc3J\xdc\xf7\x16;\x06\xc3P\x05\xa2Q\x90\xd6}\xde\xd8s\x83\x01,\x0b+\xa6\x83\xf4\xd2$j\x8a\xb1\xe4\xc92z\xd3\x14\xac\xb8J\x1aW\xd9\xe3*\xb0\xd4Vk\xee8\xb1\xde~r\xe35K\xa9,nhP\xc2\xd5\xd2t\x84\xaf\xe4 f\xee\xef\xf8\x80\x0bn\xc5\xcdK\x13\x13\x13\xe1\xe8\xd6Ys84\xb8\xe2\xf5\xf9\xbc^\xdfz\xc4\x80A&amp;\x93X\x18\x14(s\xf4\x8d\x13k\xba\x12\x91\x92\xf2\xd6\x9e\x03y\xaax\n\x81\xca\xc9\xb1S\xb0\xf0\xad\xd5\xda\x83\x8c\x85\xa3a\xff\x13\x94V}\xcf\xda\xea\xe3+\xc5\xa5`\xe9\xf8\x1ceU\xd3R\x8b\x88\xa3\xe4(\x95\xa5\x9d\xff\xf93\x11\xb8\xdc\n\xf7\xcd\x9fw\x8cMtM\xf8\xcc[\x81Xx\x0c,\xa0\xbc+&gt;\xbf\xc1\xc0\x9az&gt;\xb5\xf5w\x99\x08K.cW\xb9\xb0\xe5\x10k\'VP\x81\xc5\xd6G\n{Pm\xa5\x1c\xa6\x15\xb0\xd2\xea\xa9\x1fyq{\x92_\xc7\x01K\xc4\xe7\x88\x9a\xba\x9a\x92\xf8\x1c\xcahCC\xa7\xfb\xdf\x07\x0c\x07\xdfL\xd7\xf0\xf0p\xd7R\xd7J,6\xb8\xe2\xdb\x18\x9e\x18[YY\x01\xcb\xfb\x1c\xf3_|\xafIf*\x1aE\xe9\xad\\\xb0\xb0\x11~\x93%\xb4+vXZb\xe5\xe6\x12k?\xcba}\xd1\xc8\xd7\x7f\xd8\xab\xac+\x165\xe8\xaa\xf8\xfc7,]C\x83\xae\xe1\xd8\xbfv\x0cnI\xab{\xd2\x11^\x18\x1c[ji\x1a\xf3\xc5\xc6:\x06}^\xb0\x06\'&amp;|\xdeAo\xec\xe9\xe78\x0e\xa9K\x91\x8a\x87\x95\xfc.\xe3!V\x14\xac\x03\xe8[\xcd\xe3,V9\xc2W.\x1c\x87}j\xeb\xdc\x1c\x8a\xee\x1dj\x0f\x9b\x9b\xf5E7^&gt;\xd8[\xd7Y\\\x8c\x8a\xe7+\xf9`\x89\x94:*\x7fN)Z\x86\xd2\xfd\x8d\xdaG\xf6\x1a\x1f\xcet\x84\xa2\xd1\xb0\xa3\xa9\xe5\x92ca+\xea\x00\xcb76&lt;6&lt;\xd0\xe1\xf5\x0e\x0ez#\x1a\xea\x9e,Zq\x16\x8f\x02&amp;\xe3\xed\xa8\xf2\xf2\n\x9a\xe3\x19|\xc3\xb2\xdb\xfb\xecv\xb5zn\\*m\xbe\xf0\x15\x82\xb5\xd9S4\xb2\xfa\xf8c\xfe\xb1\xba\xe2be)J\n\xac\x16\x91\xb2T\xc7\xe7s\xce\x7fz\x9e\xc3\xff\xc5\'\x9f,\xbf\x8a\x18}\xe6\xcb\xf2\xe4\x80#\xb4\x10\x8d\xce;\xae\xef#\xd5\xd6\xc2\xb4#\x14]_\x08\xcfO;\xa6\xc3\xd1\x85p\xf4,\x9a\x94\x9c\xb1\x98\x8a^\xe9\xe6\xf1\xa8\xde\x19\x0b\xaa\x8cf\xc9\x0eJ(T(\x90&gt;Z\xd8\xa9\xe7\xc0j\xbe@;\xcf&amp;X7^|y\xb5\xf4\xc3R\x91HW\nW\xd2\xd2RK\x92\xaeTW%\xaa:\x7f\xfeS\xb0\xae8\x86\'\xaf\xb9\xa9E\xb9\x1b\xef\xcd\xcc\\w\x84\xc2\x0b\x0b\xe1ph\xe0\xea\xc7\xd3\xd1\xad\xad\xbf\xe3\xf7\xa8\xd9\x1c\x9d\x0f\xcd\xcf\x87\xa1\x0cD\x036\xf4\x83\xfc\xd7*^J\x1c\x96\x92\xb2\xa3*\xc8\xa0K\\Ba\\\xa5`*\xb5Z\xdd7G\xf3\xe9\x05\xa4p\xadgs\xb3hm\xf5w\x0f~u\xf1C\xa5H\xc4\x01\x8b\x7fy\xa9\xe9r\x92\xaeN\'JJ\x12UqN\xdf\xba\x1aZ\x98\xber\xeb\xe2\x0f\xdc\x0f\xf7]\xeap8XDB!\xc7\xc0\xe2\xd5\x07\xd3\xbf\xdfB\xb0\x1c\x03\xc3Q\xf3zh\xe0\xfa\xf5\xeb\x03\x8e\x85\xa8/\xf4\x0c#*\x92(g\x99#T\xdc\x85\xde@\x1bOAFF\xf3\xe1\xa3;*\xa1Bh\x17\xc2\x94\xa3&amp;\x98\xba]\x02\x15\xa6\x07R\x8d\xac\xde\xfe\xd3\xad_^\xd4\x81U\x07MKS\xcb\xe5$\x00\xf9IG\xf6]\x9d\xfc\x07\x11\xe7\x1b\xda\xc6}\xc6q\xe9 \xb0#\xbd\x85\x18\x9c%\x10pm\x1f9\xd6\xbep\x0f\x8d\x83\xc9\x82\xbd\xf0\xa0\xcb\xf4b,\xe8\xcd\x82i\xc7\x82\x8a1\xd5\r\xa5\x1c\x86)\xb7AO\xc8\x1b$c\x99\xcfx\xc8\xdd.\x12\xe8Ou\xc8Vu\xc4\xb2\xe2:\xb3\xa4\x08\xa1\x7f8\x14*\x85D^\xb7\xd98\xb8D6+c\x9e\x9b\x14\xf6}Ni\xf7{\x17\x07\xa4\x8f\xbe\xcf\xf7\xf7}\x9e\x9fO?\x9b\xd9P9\xdf+\xf0\xa2C%&amp;\x08u\xe7\xbf\xd5|\xca\xc2\xffX\'/\x9a\xbb\xbb\xf9\xbc&amp;\x18Qx\xcb\xc0\xc7\xe0\x8d\xe8\xc2\x02\\\xf6\x9f\xbf\xbd\xf9\xe6\x1b\x14\x9f\xf4KS@\xd1\xdd\xfcS/\xb1\x86\xaf_\xb9\xf2\x7f,z\\0::33jS\xdd:\x07c\x11\xd5\xcd\xd9\xcf\x96\x8f;\xabK\xc9\xb0\x93\xf9\x06KA\x03\xf2L2B\xc1*\x16Se\xc8\xa1\x1b\x92#\x9a\x02S\xb5Z&gt;\xa9VS\xbd\xd5t\xb6\xd6|q\xd2\xd1\xa2\xdbqCU\xb5\xed\x0f\xb6\xeb\x12q\xc1\xf4\xf1\x88\xb6\xf8g\xc2z\x95\xc4\xb2\xe5\xb2\xff\x9e\x01%\xe9\xebD\xe5r\xbdu\x8d\x1e\xf6\x0c\x1eb\x9c\x06\x14\xa6\xbf\xd1-P\xd9\xb3\xc3,J8;\xbb\xfc\xe8\xab^ \x99\x0c\x88\x03,\x86\xb0$`y8\xa3\xd8l\xee\x16\x8b\xba`\x04\x831\x07l^.\x97:V(\x15\xd5\xcdl\x87\xa4\xb2\xf4zf;\xa3\xf0\xaa\xb1\xb8\xb0\x90Q\x18^\x15B\xf1E`i\xf9\x8f\xed\xa3\x17M}\xdf\xf9\x16Q\x9d\xb1\xb1.\xbe\x8e\x1a^w\xb9\\\xeek\xb4\xc8\xf6\xa33\xa33cn\x80}-\xd6\x84-\x16\xf6amuj\x0e5d\xc4I?4S\x14%&amp;\xa1\x88\x9e\x87Z\xb9y\xd07y\x9e\x91\xf03\x07\xb4*\xf6\n\x05-\x1a\xd5\xb3\x87\xbb\xcf\x9b\xad^A\x0f\xd63\x8b\x11A\x14\x8d\xcc\xf6\xc2b\xdd0t]\xd3\xa2\xf1x\xdd\xd0\x16\xde}\xe3U\xfb9\x01\x92\x1d^?3t\x8a\xbe\x061("\xf4r\xbb\xdf#,\xb7\xdbMR\x8d\xb9\xddc\xb7\xe8\xa0\x08\xaae\n\x07$\xfcz\xa3\x1b\x98\x9b\xf3;\x19F\x0c\x84\x03\x84%\x08h\x8a\xfe\xfb\xab\xa9\xean;-\x8b&gt;\x0e.3\x1c\xa5T!\xc7\x0b\x91x\xa8\xd7\xad5\x9b\xfb\xdd~\xc1P\x94z|\xb1.\xb1\xa2\x14Y\xdc\xde\x8e\xc7\xa3\x06\xcf\x0b\xf5L&lt;\x12\x0c\x1a\x7fx\x17\'\x1d:\xee\xbcsj\xe8\x94}\xd0\x19\x84\x16\xc9Ez\x91d\x83\x05\xacs\xee\xd1\x99[?\xd8z\xf2\x05\xcdY\xb6X\xeb\x8fj\xed\xf0\xdc\x94\xdfgc\xc1\xe8\xb1\x98 \x08\x9c\'P9l6-\x93g\x11\x13\x1c\xa7\n\x0e]\xe5\x18#\x14}\xbaSk4\x00\xd56U!\x16\xab\xc7\xe30\xa2\xc8\x04!\xd7\x02\\/b\x02\xa9G2uE\x89\xfc\xe3\x1dr\x16=\xec9s\xc6\xc6\x1a\xa1\x13\xd8\xf8\xf8k\x97\xce\x02\x8c\xd69\x97\xdb\xfeb\xd2\x18\r\x123\xa0\xfa\x94\xb4\xba\xf9\xaf\xe9\x89\x89\xe5\xf5\xaf\xbaG\xc9\xb9\xa9M\xc2\xf2\xfa=xYA\x12\x04\xa6r\xd4o5;\xd9\x1c/\x02\xcb\'\x8a\xbc\x83\xe3$#\xd4\xe9\xd4Z\x8dV\xb7\xbd\x97\xe6U\x15\xf8\xf5x\x065\x149%\x12\xcf\x7f\xb0mH\x0c\xbaW,\x18\x1d\xf8\xb1&gt;\x00\x00\x08\xe7IDAT\xc9\x04\x95\x07\xff\xbes\xe1\xa5\xd1G\xce\x90V_G\xfc8]\n\x1e\x1e\x1e`\x11\xd7\x16Q\x8dA*\xaa\xe0\xecM\xbb\x1b\xae\x1f\xd7\xdakI\xaa\xa1\xca\xb1\x9b\xfeM\xaf\xc80\x8c`\xe4\xb2\x07\xadf\xad\x9f\x13T\x91E\x03\xc2;;6\xa4`\xa8\xd8\x82R\x07\xfdt\x82\x07\x15\x063\xd44"$d\x99\x03J\xbe\xba\x10U6\xd0\xeb}\x92R\x8f\xd4\x95\\\xea\xe7\xbf\x1d\xa1\x1bd#\x03.\xd2j@E\xf7\xeb\x86\xb1\x1f]\xe7\xc8[\xee\xb1\xad-\x9bj}yy\xfa&amp;Q\xc1X\xc7\xfb\xd9\x95\xa5\xb9)\x14O\xe5\xe6777\x9d\xd8\x90\x9c\xa0[-\x14\xcaL\'\x18Ib}\x84\xc5:b\x1a\xa0\x9a\x8d\x83\xf6\x91\xec\xdb\x90$F\x8a\xc5\x18!\x1a\xd7T\xd9\xcbB\xc8h\xb9\xbc\x1d\xaf\xc7\xd0\xe4\'\x91x\xf5HP/\xe5\xff\xfe\x9b\xcbCC\x8454t\xd5\xee\xd1T\xc2K\x14\xa8\xc3\xe7\xaf\xd8\xf6:w\xeb\xd6\xcc\xd8\xe8\x18Q=\xbe;11MPd\xac\xfd\x9d\xca\x1c\x9c5\t\x91XP\xa1`\x8c\xc8\xa9H\xcaZ\xbb"\x8b\x98\xed\x05\x89\xa3\x19\xdf\xe9\xd0R\xcd\x17\x8dZ\xffh-\xe0\xdb\xd8\xd8\x906b\x8a\xc4\xc4\x80\xc5;}&gt;F\r\x95R\xd8\x82\x19\xf8\x9fu\xa2\x9d\xaa\x8a\xb6X\xb6\xcc\xa7\x7f\xf9\xdd\xd5\xab\x84\x85\x93\xc5@+\x9b\x89\xd6\x15\x17\xdd\xff\xc3\xe9\x1eQ::\xf6\xde\x17\x8f\xa7\'f\'\xa6\xa7\x91\xa3\xc8\xf7F7\x1d\x06\x16Yj\x80\x85\xb7\x14\x13f\xb1Y\xc3\xdb\x070\xdd\x88\x8c\xc0\xb0\xec\xbco\xde\xd1j\xbeh\x1d\xe2\xa7N\x1f\xe6}\x80)\xca\x06\xa3d\x80\xc5\xb2l.T*\xea:q)\xa8\xa2\xd7+\'x=_\xca\xe6V\x1f,\xde\xf9\xd5\x85\x0b#/\xe7,\x12\x0b@/\xb9n\xdf\xbemc\x8d\x9e\xfe)\xb6\xe0\xdd\xd9Y\x1c*\xa6\x07T\x1d3\xb047\xb79\xc9r*a\x91X\x1c\x9f\xc8\xb6N\xcc\xf0\x94\x1f\x1b\xc0\xe9\xe4`"\xb8~\xdeq\x8c\xfa\xad\x84=\xf3&gt;N\xe4y\x1en\x8aq\x84U\xe7+\x153\x94\n\x19\x02\x1c\x95\xc9\xd4c\x1b&gt;\xa77PI[)\xcbLp\xf7\x80\xf7\xc7\xcb#Cp\xd88\x95\x8f\xdc~\xfd\xfa\xf0\xf0\xa5K\xd7\t\xeb-\x17\xa8\x00E\x15D\xf50(\xcf\xdaT\xaa3\x9cLNm\xce\xb3h\xcc\xceI\x18^\xe4\x13i\xb3\xd3,\xa6=SSS~\x0f\xf1\xaa\xd8_\xc0\x82T+\xf7Aeca\xef)\x0c\'\x053\x8bZ\xae\xdf\xdd-\x85\x0cT5\x08\xaeH]\x02W\x82\xef\x15\x11.\x1c\xe7\xc3\x00\x92\xfa\xe1\xe5\x11\x04&lt;\x82t\xf8\xd2Y\xc2"*p\x11\x96{\xe6\x1aI\xf5\xf8.Ba\xd6^\xcb\x8f\x8e;\xf7|\xfed2\xe9\x87\x02\xbc\x8a\xf9\xdd+z\x13\xe9t\xfb\xa0y\xa2\xcb\xe1\xa5%\xbf\x1f\x834*&amp;1\x1c\xebs\xb4WVV\x022\x0b\xef\xc9\tQT\rA\x84b\x99\xc5b\xb1\xd5*Z\x05\x85\xcajs)\x92$\xe8z\xc8J\'D\x9f\xcf\x87C\xde\xea\xd3\xdf\x7f\xfb\xe2\xc5\xf1q\xca\x042\xfb\xf9\xe1\xe1\xb3\x97\xc6_;;x\x9a&gt;\x80\x02\x15a}61\xbd\xfee\xcdd\xe7\t\xcb3?O\x02\xe0X!\x07*G\xedZ\xa3e\xe5\xe4\xa5\xa5\xe4/)\xc6\x80\x85\x18\xe38\xc7Z\xd83)\'\x10\r"\xeb\xf52\x02RT\x92\x94h\xb9yR\xebfs9\x81\xc1\xee\x8c\x19Z$\x1a\tFB\xa1^!\x8dO\xb0\x01\xacI\xf6az\xe7\x93\x0f\xbf?~v\xf8\xc3\xd11\xd7\x15\xac\xf3\xf6}e\xe8v\xfb\xbd\'D5=AXp\x15|E\x81UI\xb0\xa8\xe1\x92\x8c\x04\xc0\xbb\x05\x02\xb2|\xff\xa8}\xd0\xa8\x1d\x9a99\x8c&gt;\x19\x0ePq\x05\xc1\x10x\xde\x11\xf6o\xb2|\x0eC\x95\xc0\x88\xbc\x104\x90\xf9\x86\x96\x7f\xf1\xa2\xd5\xdd\xe9\xe9X\x06Z\xa2\xa6\x85R\xa9R\xb9\x04\xacUl\x05H\x9f\xae\xfc\xf3a\xba\x7fp\xbcE_\xfb\xc1\xb9y\x94\xee\xde\x0e\xd3]-\x92\xeb\xd9\x17\x9f~jo\xc1\x81VD\xb5\x7fx\xb4gV\xd6\x96\xc2\xf2C\xde^r@\xbe_\xe9\xd7\x1a\xb5\xb6YP\xd1\x14\x97\x08\x0b\xc1%&lt;\xc8\x99i\xd3\xe1\xc16\x15!\x16\xc6\x04\x88\x12\xd1tL\x84\xa5j\xb5\xb3c\x15\x81\x92\xa2U\xa2\xf9\xb4|\xa7Z*\x16C\x1a\xc6\xc2\xec\xe1\xe1\xceN6{x\xd08\xde\xff\xfc\xf9\xd6\xe9\xf7\x7f\xf4&gt;\xdd\x85w]9\xff\xddW^y\xe5go?\x03\x14\xd2\xca^\x84\xb5\xbc\xfe\xa8qp\xd8\xdf\xe9\x99G+\x0f\xef\t9Z\tTp\xefp\xb7\x85\xbc\xcc\t\xf7\xd8MO8\x8cs#\xba\xb4P\xe8\xf5vz\x8eI8\x05\xe5\xf3zE^\r\x06U\x91/\x14\xacR\xb5T\xa8\xf0\x86\x06\xb1z=\xcb\xc2\x9c\xd8)\xee\x9e\x94:\xbd\x1e\xeaZ\x08\x15w[-\xfc\xab\xd68n\xec\x7f\xf4\xf9\xf3\x1b7\x9e\xd3W\x91N_s\x9d\xa7\xbfU\xf1\xec\xd97V\x9fX\x9e\xa0&gt;\xf8\xe8\xcb\xfd\x03\xab\xb3[*Z=\x9aT\xa2x=\xabgV\xf6\xba_\xedw\x8f\x8e\xdaY\xfd\xc1\x83{\x89\xca\xda\xdaJ%\x9d\xd35\xa8R\xca;\x9c&gt;\xd6\xc6\x9aG\xc6\xc68\x1c\xbf\x13\xbcU\xaeF\x05\xa7\x87\x85\xffT\x92\x11]\xb2\xa0[\x96\x05\xa1\xf8\x04\xb2\xab@\x1f\xa8\x8b\xd6\xde\xedC\xb6\xceG\x7f\xfd\xe4\x93\x9f&lt;\xbf\xf1\xbd\xd3\xae\xdbo?#\xa5\x96\x07V\'\xb1\xa6\x97\xd7!Uwo\xa5b\xea=\xd3\xb4B\x03\xaaN\xa7\xd8\xe9w\xd1\xf1\xa0a\x17\xc0\xa5bg\xa7\xdf\xc6\xabuJ\'\'%\x94\xc4!?\xa4\x00\xf7"\xc2YI`=\xac\x98\xd0\xf3\xd5|T\x9a\xdf\xa4JK\x92\xdd\xba\x83\x9a\xa6\xe7\x0cM\x0b\xc2\x80\xac\x1c\x08T\xe0\x8a\xa6\x1d-++{{f\xf6\xe9G\xbf\xfe\xf1/\x9e\xfc\x89\x84zlo@pM\xd3\xba\x0b\xa8\x1a\xfa`29\xc9\xc9Kkis\xd5\\M\xa7\xf7\xf6\xf6\xda\xfdnk\xff\xe0\xa0\xb6\x8b\xd5\xd99\xec\xf7\x0f\xbb\xa8\x08V\xb1\x97\xe5\x13\xbcC\x96e\xf4;\x02\xfb_\x0b\xe6\xee\xda6\x14\x85\xf1H\x9b\x07\xfd\x17\x02\xcf^\xb4H\xdb\x1d\xb5z\xec\xaaQ2\x1ab\rES/t\xf0\x1a\x10$C\xf0p\x8d\xc0X25v^D\x10D1ml\xe3%\x891\x11.X\xa4\xa8\x10\x9bN}%\xd0\xefH9\x83\xf1\x0b\xe9\xe7s\xcf9\xdfw\xdc\xf0}\xc7X\xc6\x8f70\xf5\xc7u\xecn\xaa\xdf\xedj\xe4&lt;\\T\x94\x8f\xe2s]\xf7\x10\x83\xc4Q\xcfF[P\x85v\xc2\x17&lt;@\xf6\xc3\xc1\xb7\x7f\xd4|\xeb\xf1\xb8\x84*\xe3d&lt;&gt;G\xad?\xc4\x11\xda?\x80eaAD1\xa1\xc8A\xf5\xbcG\x1b\x0c \x1a)\xbd\x19\x85a\xbf|%DC&gt;\xb0m,\x91PG\xd3T|\x91:q6\xfb\xfc\xe9\x02\x06\x02\x9d\xa2"O\x9a\x0f*\xf7\xb4\xeec\xccA\xc6\xb1&gt;\xa9a\x7f4\xbb\xbd\x9d\xeeBG\xd21\x03-\x9bGQ\x9c\xfd\x80\xd0\x94\x83\xaab\x02\xdfzM\xa9\xda\x85\tcA`7\x9a\xd7\x8c\xf1\n*"\xaa\xed3\x9e-\x12\x9c\x96\xa4\x1b\xbc\xd5\xe9xl\x11\xa5X\r\x15E\x05\x96\x8ez\xaa-\xe9\xaf9\xd9I\xfb\xd9\xec\xf6\xe6\xfd1\xb0L\xdbT0B\xeaZ\xd7u\xeb\x1aY\x0bY\xb9\x82\x90\x1f\x1e=\xdec\x17\xd8\xcd\xc3\x14?\x08\xb3\xda\x84&amp;\x89a\xf6\xb4:\x07\x13\xe9\xdf;\xb2|\xef\x88\n\xa9\x9a\xa7\x9c1\xb22\xd8(&lt;p!\xb7|\x11\xe5\xa3\xd9t\xbe\x9f\x04-\x9e`\x8ca\xcdg\x1e\xc22\x0c{y\tW\xec\xfb\x18\x10\xb0=\xf8\x08\xa3LI\xf3\x02w\xcc\x8e`\xb74\xd3\x80\xc3"G\x8b@\x9e`.\x14`\x81\xeb\xc3\xf6\x05\xb5\x1e:\x0e\xda\x04b\xdbl\x9aB\xf8\xc3\xbcX\x9dl\x90*dl\xfc\x</t>
        </is>
      </c>
      <c r="M477" s="3" t="n">
        <v>45492.67884259259</v>
      </c>
    </row>
    <row r="478">
      <c r="A478" t="n">
        <v>1139775</v>
      </c>
      <c r="B478" t="n">
        <v>5926</v>
      </c>
      <c r="C478" t="inlineStr">
        <is>
          <t>Mathias Villasanti</t>
        </is>
      </c>
      <c r="D478" t="inlineStr">
        <is>
          <t>M. Villasanti</t>
        </is>
      </c>
      <c r="E478" t="inlineStr">
        <is>
          <t>VOL</t>
        </is>
      </c>
      <c r="F478" t="inlineStr">
        <is>
          <t>VOL</t>
        </is>
      </c>
      <c r="G478" t="inlineStr">
        <is>
          <t>VOL/MC</t>
        </is>
      </c>
      <c r="H478" t="n">
        <v>178</v>
      </c>
      <c r="I478" t="n">
        <v>20</v>
      </c>
      <c r="J478" s="2" t="n">
        <v>35453</v>
      </c>
      <c r="K478" t="inlineStr">
        <is>
          <t>Right</t>
        </is>
      </c>
      <c r="L478" t="inlineStr">
        <is>
          <t>b'\x89PNG\r\n\x1a\n\x00\x00\x00\rIHDR\x00\x00\x00\x96\x00\x00\x00\x96\x08\x03\x00\x00\x00\x0b\xdf\x81\xd0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c78bbb3f-292f-44f0-ac02-19b512105c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?\x12\x01\xbf\x00\x00\x00&gt;tEXtComment\x00xr:d:DAEewil2SDw:2918,j:8173301721030075589,t:23062304RN\x96\xc5\x00\x00\x00\tpHYs\x00\x00\x0e\xc4\x00\x00\x0e\xc4\x01\x95+\x0e\x1b\x00\x00\x03\x00PLTE\xff\xff\xff\x10\x15\x1e\n\x0b\x10\x08\x08\x08\x0e\x12\x1c\x0c\x11\x1a\x10\x12\x18\xff\xfe\xfe\x0b\x0f\x16\xa3\x8e\x83\x15\x13\x17\x1d\x1c \x12\x11\x13\xa1\x8b\x80\xfd\xfd\xfd!\x1f#\xb3\xb4\xba+w\xad\x0e\x0c\x0b\x18\x16\x18\x19\x18\x1d\xdb\xb5\xa9\x0f\x0e\x10\xa7\x94\x8a\x9c\x86{\x16\x1a#\xa8\x90\x83\xa5\x8d\x80\xdf\xb9\xae\xb6\xb7\xbc\xcc\xab\xa6\xa0\x83t\xa3\x88x\xa5\x90\x86\x11\x17#*s\xac\x95\x7fv\xdc\xb8\xae\x8bvo$\'/\x14\x16\x1d\xc8\xa5\x9f\x90xp\xae\xb2\xb9\x97\x83|\xbd\x9a\x90\x9f\x88\x7f\x9b\x83w\x95|r\xbf\x9d\x95\xc4\xa1\x97""(\xa8\x98\x8e\x17\x1d(\xa1\xa9\xb3\xa8\xaf\xbb)&amp;\',+0,|\xaf\x9b\x87\x80006\xa0\x85y\xb1\xb1\xb4\x9b\x82r\xcd\xaf\xac\xa4\x8b|\xde\xbb\xb3,x\xb2\xf5\xf3\xf4)p\xa8\xd8\xb1\xa7\xb3\xb7\xc4q^Yxe_\xa2\xaf\xba\x8e|v\x91\x80{\xaa\xae\xb5\xd2\xab\xa298?\xc4\x96\x94\x82jb\xf9\xf9\xf9\xb0\x8b\x81aQMSHG\xbb\xbb\xc1\xc3\xa5\x9f\x81niiYT\xc1\x92\x91\xb7\x8e~\x9e~n\xbc\x8e\x8c\xa1|x\xc9\xa5\x99\x84tm9&gt;H\xd1\xb4\xb2\xb4\x92\x8cX[baVS\xcd\xa9\x9f\xb3\xba\xbf\xb6\xbb\xc7\xed\xeb\xed(.9-~\xb7\xb1\x92\x85\xac\x8b\x86\xcd\x98\x94z_X\xd2\xae\xa8\xc7\x94\x8ejPG\xc2\x9e\x90\x98xk\xa8\x83\x7f\x8epiqebB&gt;@i^[\xcb\x9f\x8f\xc7\x9c\x99rXR\xa2\x93\x8c\x9e\x8b\x85\xb8\x93\x85\x1b#/YPO\xb6\x9b\x95\xd2\xa5\x96\xb9\x94\x91KKR\x96\x86\x82\xbe\xa2\x9b5)&amp;\xe4\xe0\xe3-x\xa8638OT]\xb8\x97\x8c\x89lc\xc3\xa0\x9d\xa0toYC=2..06@\x88\x8f\x9a\xb6\x8e\x87\xad\x93\x8eYLF\'i\xa1\xd8\xb4\xacglw\xc1\x92\x80\xb5\x86\x84\xbd\x98\x88"\x1b\x1aykh\xac\xb5\xc0%`\x9a\xd0\x9e\x9a\xad\x86w8~\xa9?0+\x87\x86\x8dN?;\xc4\x99\x87\xc1\x93\x8b-\x1f\x1c\x91vg\x91ja\x9b\xa1\xab\xd8\xd6\xd9\xb0\x82\x7f\xda\xac\x9e\xab}w\x81\\S{~\x86\xd0\xa4\xa1\xbe\x8c\x85CO\\}\x84\x8eLDC\xb3\x98\x8dDCK\x99mh\xc5\xc6\xcbpt{\xa2\xa3\xa9\x90\x99\xa3?75J83\x96\xab\xbdcIB\x8ba[]_gf\x95\xb5&gt;EQ|\xa0\xb6\x1dK\x85\xd0\xcc\xce\x8a\xa5\xbaty\x81m\xa0\xc3!W\x90\xc4\x8e\x89\x92TUcemW\x91\xb3c\x88\xa7\x9c\xb5\xc3\xbc\xc4\xcc/u\x9fO\x8a\xac\x84hY\xad\xa7\xa6\xcd\xbf\xbf\x9b\x9a\x9f\x80SK[jt\x9a\x8f\x8b(j\xa7\xaa\xbd\xcd\x85zxuTGQZe\xbe\x85\x7f\xc3\xaa\xa8\xactrn\x9b\xb6\xa6\x9c\x98\x8f\x8f\x95\x9ba^Zbm4n\x96\xa8hk}\xa9\xbdt\x8f\xa6\xbb}\x86\xba\x80v\xde\xc1\xbc\xb9\xa0\x9a\x19@y`t\x84@n\x86\xc2\xb7\xb5\xdb\xca\xcbE\x84\xae:\x81\xb4zGAE~\xa1)Oa)Zy"ES\xfa\x95\xb1\xe2\x00\x00 \x00IDATx\xda\xdc\x98\xdfK\x1b\xf9\x1a\xc6{\x92e\xe2\x99\x99\xcd\x94\xccdXO\xd3v/\x1afZ\xb6\xdd\xeaP\x98\xa1C\x8f\x04\x11K\xb7\x19\xaa\xd5\x1e\x89\xac\xd5\xb6B\x8a\xa5\xa2\xd6\x8d"\r\xb5\xa4M\x88u1\x0b\x95T\x92\xbd\x90\xa8\x9b\x16\xd7V\x0eH\xaa\xc1\xe0z#\xbd\xf1N\xe8\xd5)\x14\x8e\xb7\xdd\x7f\xe0&lt;\xef\xc4\xf6\xfc\x03\x93\xf6p\xbe\xa2\x8e? \x1f\x9e\xf7y\x9f\xf7\xfd\xe6\xd0\xa1\xff\xd7\xe3\xf1\x1c\xf2x\xdb\xa2\xcdm^&lt;\xe2\xf9\x7f\x84\xaa-\xba\xd3y\xb9\xbc\xbfp\xb9s}9\xda\xec\xf5z\xbe&lt;\x18TZ~\xbb[\xb2,SQ\x0c\xab7\xb1\xbbZ^OA\xb6/\xaa\x937\xba\\^\x9d\xd2TF\xd24\x95\x95pXU\xb3v\xcb;\xd1\xb6/\xa5\x18L\x14=\xbcQR\xfeR\xc7\xf0\x9c\xc6I&lt;/\xb3\x1c\'\xb12/)\xa57\xe5\xe5f\xcf\xa1/`3o[\xea\xf2\xb6Q_\xe7r\xb9d\x19@\x02q\xf1\x9c\xae\xeb\x02\x0b\xf1\x8c\xc4Bg\xaa\xd9\xeb\xf9\xdc6_~\xbb\xad\xa8\x00\xe1}&gt;`\x89\x9a\xa2\x08\x12\xcb\n\x9ab*\x92$p\xa2\xc4\x99\xdbo\xd7\xa3m\x9fS1o\xb4\x0cG\xa9\xbai\xe8\x9c(\x03\x8cg\xeaTI\xd35A\xe3\x04\xe8&amp;\xe6\x85&lt;\xc7\xa9J\xef\xc6\xd1\xe6\xcf\x87\xe5M\xed\xf7\n\xe4s\xc3 \x12Abd\xd9\x05O\xc1Z\x1ct\x92d^\x14p4\x8d\xd3J\x0b\xeb\x9f\xcb\xfe\xde\xe5\x85\x92&amp;\xa1\x80*^\xd9\xb0J\x96b[\x0c`&lt;\xbaQdE\x16U\xd4\xc0\xab\x0b\x9c`$V;?\x0b\x987\xb5a\n\x12a1\x9aiZ\xbd\xbd\xb7\xeb\xbf\xaas\xb9].\x96\x13yV\x94X\tL\xd5\x03lA0\xa6\xca;\xcd\xb5w{j\xe1\xb6\xa4\xaa\xbc\xcf\xedv1\x12\x1ce\xe2(\x12\xefv\xcb,+\xb1\xbc\xc8\xb2\xb2Lx\x02\x87\xa2J$\xd8\xcd\xd5\x9d\x9a\x07lt\xff\xf6\xb9z\xad\x9e\xf4q\xbb\xaal\x82f\x98\x9a\x88\x98\xe0e\x91E\x88I&gt;\x9f\x8b\x17\x89I\x138\x96\x155s5\xe5\xa9q2\x94-\xc5\xb4\xd20\x15\x81\xf8d\x11\xadW\xafjiS\xa7\xea\xc1Y\xbcd\xe8&lt;"C\x80\xb3$\x9b\x97\x17%\xb3\\\xdb\x8el[\x9fR\x04\xc3R\x14\xab7-\xb9\xdd&gt;\xb7\x8fS\x14\x8ea$\x1d\x94\xbc(J"\xc9D\xbc\x92\xae\xc3\xf3\x82\x91!&lt;5\xd6\xd9V\xd3&amp;|\xa6\xc8n^\xd2\xd2\x96\xa1\xb1n:&gt;\xc145U\xa6\xe3\x92\x0cC\xe0Y\xc2\x92e\x88\x86\xc6\xe0l\x87\xc1o\xbb\xb5,\xe3\xf2\xb3z\xf8I\x16\x90\niM\x06\x94\xcb\xedf\x0c\xc2r\xc9.\x17/\xa0\xb2&gt;\x9e*\x89qd\xa4M\x14X\xc4\x0fh\x00\xd5*\xd7\xac\x1b=\xd1\xd5s_\xc9\xc0b\x04\xc5\xd0T\x91\xa6 \xef\x929\xfc\xc0\xba\x00\xe8B\xffq\x82n eiF"D@\xc4\xd3\x7f\xb1\x9c6\xb5^\xa3\t\xe9m.\xffrN\x12\xe1\'F\x80\x14\x8a\xa1p\x90\x058\x92\x95\xb0$\x97-\x9d\x0f\x01\x9f\xb1\xd2\x86\x82rB*\x8c!\x11\xfe\xe7\x19\x95S\x16\xa2\xb5I\x89\xb6\xa3\x89\xdb\x8a\xaeK$\x97*\t\xa6\x804\x97P;7&lt;ej\x12\xc3\x13\x16\xf5\xa6\xae\x91\xa9\x90X\x9c\x84~\xb4\x87\xb9\x8b\xa9\xef-GkB\xd5\x99\xd08\x0e\xe9\xc9"\xd1e\x86\x15\x18UI\xa7i\x06"\x9bh\x1cjT4;\xbdXt#\xe5\x96\xc4\xe9\xa6\x80\xa0\xa5\xd1TWo]\xae\x81\\\x9e\xe5)\xcap\x91\xe3dz\x15ZH1\x10\xd3\n\xbd\xb6\x8ej\xfax,\x132Mih\x05\x8fq\x88wl\xd2\x96\xc1\xfa\xdc6X\xdd\xb9\xd5\xe6\x1a\x18k_\xe0ex\x87vc\xf2\x91dZ\xa6a\xc5,\x85\xc6\xa3\x98G\xa9p\x10Z\x9c\x9e\xd1\xf5b\x1e\xfb\xa0n\x98\x86\xa2`.Q\x8c\xa1\x8c\xdcF\xd4i\xd3{\xbc\xeb\x96\xc8SL\xb1h+\xd6\xe6R\x0c\xd3*\xc5\x0c\xec\xcb\xb2\xafz\xf8\xbc\xa0\xebI\xbdXL&amp;\x8by1\x9f\x87j\xb0\x18\xd6CjYVM8?\x1a\x9b\x178^\xb6\xe3\x13\x0e\xe6\x04\x86W9\xcdH\xc7\x12\x89XZ\x17!\x15ok\x95\xcf\xeb\xc9L!I\xa7X,\xe6yR\x0f\r\xc9Ruy\xd6p&gt;\xbb\xa2\xbb\xac\xcb\xe7\xb3\xb9d\xec\xc6\x86\x82\xbd\x01E2\xd3VZ\xcf\xe7\x11\x03\xb0\x1dA\x156+\x8b3\xb33\x95B\xa1R)\x14\xb1\xa6\xa2\x17\xf0G:\xa2\xf0,\xe5\xb4\\\xcb%\x19XU.\xce\x8c%b\nMl\xd3\xc8l\xc66\x93\x05:I|Tf\xb6\xb6\x86&amp;&amp;&amp;\xde\r\xbd\xdb\x9a\x99\x99\xa9$\x8bz\x9e\xa5\x9c\x07\xb4(\x8b\xd6\x05\xa7\xe5\xea4e[-\xec,.FH\x97L3V*Y\x9b\x8b\x8bWA1\x84\xb3\x85\xcf\x89\xd6\xbb{/^L\xefM\xff\xf1\xea\xd5\xbbw\xf8\xddL\x81L\xc6\xf2\x0cc\xfbKp|\xc1\xe9L\xa3\xe3l\xb1\xb0\xef\x89\x9a\xa1g6\xd7b\x8b\xb3\x13{\xa3#\xdd##\xaf\x9f\xbf\x98\x1e}&gt;:2\xd2=\x7f\xbc{\x1e\x9f#/\xfe\xd8{uwb\x08\x8a\x81\x0cRU#\xadt\xd4\xe1Eb\'&amp;p\x1f\xb10\x8d\xf3\xf9b\xb2\xb0\xd8u\xa5\xfb\xf8||\t\'\x17\x8f\xc4\xe3\xff\x8c\xd3\xf3\\n.2_E\x9b\xde\xdb\x83\x92[\x15[2\xb4+\xaf\xec;\x9c\xf4\x9d1\x84)_\xa5\x12\xa9\xff\x8b\x95\xa1+g\xbfm\xcf\x8d\x8f?\xac\x9e\xf1\xf1\x83G|_\x9a\x9b\x8b\xb4\xcf\xbf|\xd9\xfd\xfa\xf5\xeb\x17\xa3W\x86*E\xc8\x85\xa1\xa5n;\x9c\x11\x97M\xd8\x96\xf2\nTE\xea\xfe\x99\xbb#\xf7\xee&lt;i\x0c\x87\xc3+-++\x0fW\xaal+\xf6\xe3\xca\xc3\xf1\xdf"\x90\xec\xe5K\xc86\xdf\xfe\xfb\xd9\x89B\x9ee\xa0\x96\x9apv\x1d\xf4\xbc5$\x9ee\xb1\t\x08y0\x15f\x86\xa6\x8f\xb7\xc7\x1b\xae5\x05\x83\xc1\x96\xea\x01\x10QUO\xf8a\xcf\xf8os\x919*0\x84\x1b],\x8a\xb8\x95\xc8j\xef\x05\'\xb1&lt;\xd17\xd8bD\x96\xe1\x94XG\xd7\xc5\xe9\xd1\x11@\xe5N76\x85&gt;\x84B\x81l\x16pA\x7f\x0b\xf1\xf8\xfd++\x01\x7fK\xb8\xa5\x05_&gt;\xd5\xf3\xc7\xad$\x07k\xba\x18e\xdf\xc9\xa5\xde\xbb\x9cP\xb0\xfe\xaa\xb8\x7f\xc5\xc6~82\x10\x8f?\x19\xee\xe9\xe9\x1f\x0c}\xf8\xf0!\x10\x08\x04\x83\xa1P\x88\xc0\xfc\x01|\xf8\x03\x04\n\\?q\x01k.r\xfc\xee\xa6\xa6A\xad:m\xdf\xc9\xe4\xf2\x1e\xb6t,u\x988\xca\xda\xd8\xa5;\xb9\xa5\xe1\xe1\x9e\xfe\xfep\x16T\x1fB6T\x880\x88*\x80o~?\xfd\x8a\xe4\xaarE\xe6\xa7\x17u\x85\xf3\xf1\x8cQv\xb2\x88\xb8\x86i\xe8q\x11w\x8b\xb5\xaeK\x03\xc0\x82V\xe1\xc1l\xe8\x13W D\xa2\x05\x02\x07X$\x99?lc\x8d\x13\xd6\xf3\xd9\x8c\xc2aK\xfd\xe5\x82\x93\x9d\xd8v\xc1\xc2\xa2\xc2\xd1\x16\x18\xbbu\xa2=\x97[\x02U8\xdcR\x15\n\xc6\n\x11Q\x90\xd8\x88\x8a:\xc0\x1f\xb4\xd5z8N\x9e\',zg\x8e)\xad;\x19\xf3\xde\xf5\x12]\x1c\xb0\xa5h\x9b\xad\xdf\xd8j\xf5\xf7\xf7\x1f\x1b\xcc\xf6\x11Q\xf5\xd8\xa6",b\xb2\xd1\xc2\xe1\x83*\x02k+\x89\xa4\x97\x84\xed\x94\xc3\xab\xa9Ao\xf4\xe1:\xda\xf1\xeb\xf7\x03\xb9a\xbb\x88\xa8\xa2\xdd\x84\xb0R0KX\x1f\x9d\x05\xa9\x826\xd6\x7f\x8b8T\xc0\x04\x12\xb47\x8e\xa6\xbc7\xb5\x8bmA\xd7\x04.3{\x11XTDR\xeb\x80+H\xbe\x02^\x90\xfa\x10\xc9@XY\x1b\x8b\x12\x82\xd4\x1a\x19*\x08B\x9e3\xdf:\x9b\xa6\xd1\x8d\x92\xa5\xe8\x86\xa0gf\xaf\x1f\x01\x16\xa9\x05\xae&amp;T\xd16W DP$\x9b\xedw\xe2\xcc\x12VO\x15\x0b\tQ\x80\xd8\x9cu\xd8\xd9\r\xa2y\xbfdb\x1b\xcd\x18\xe9\xb1\x13\x03\xf1\x03\xacc\xc7\x9a\xfa\xfa\xfa\x08\x0b\x8dH\x9d\x08\x95\x02\xe0\xca\xfaI\xc2\xec`8\xdcos\x01\xeb[$\x04\x96\xfbX\xa7\xc3\xbb\xfc\xe1\x92\xa9d\xd2\x96\xb5v\xfd\xeb\x8fX\xc7\x80es\xf5\x85&gt;\x05W\xd0\xaef\xb6%\x9bm!\xaa\x9e\x9e\xf1\x03\xacSW\x93\x19\xdd\xb8\xb9\xec\xf0\x1a\xb8\xb3\xdd\x8b\x059\xd11v\xfeo\xc8\xf8\\c\xcf\xb5\x9f\x1f_{\xfc\xfe\xfd\xfb\xa6\x8f\\\x81\xd0\xc7^$_\r\x86\xfb\x01\xd5\xd88&lt;&lt;\xbc\xb4\x84\xb1\xfd\xf7\xd6\xcdL&amp;\xb3\x91r\x18+\xf5\xccJo\x96\x12\xb7\xae\xb7G"P\xab\xf1\xf1\xe4\xd3\xa7\x93\x93\xff\xfe\xf3\xcf\xf7MM\x83}}\xd5\x8c\xb0\xb1\xa8|\x10\xf2\xe4\xc9\xc6\x86\x86\'7\x06\x06r\xa7s\x91\xb9H\xf7\x95X&amp;c\xed;\xbc4{\x9aW\xcdL,1\x05ga\xdf\xcb\r7L\xde\xbf\xf4\xc3\xa3G?\xfc\xeb\xd2\xa3\xfbO\xaf\xbdoBO\x06Q8?-\x14\x83\xc7\xae5\xdc\xb8\xf7\xf5\xe4\xd3\xfbg\xce\x7fw\xea\xc4\x91\x81\x1bq\xc8u\xbd#m\x96\x0e;\xfd.W[\xb9\x97\xae_c\xdf\xb5\xc7\xe3\xf1\xd3\r\x93\xe7\xaf\xff\xd4:v\xabcmm\xb1\xa3\xeb\x1f\x8f\x9e6\x9c\xa4\xac@8 \xda\x1bO\xdf91}w\xa2\xf5\xd6\xd5\xab\x0fnu\x8d]&lt;uf \x1e\x99?\xf5 c&amp;\xd6\x1d\xbe\xf9x\xbc;7\xadX\xe2\xc1O\xdf\x00\xeb\xc9\xe9\xc93\xbf\xde\xeaX\xac\x142\xb8\x10\xe2\xba\xd35\xfa\xe3\x8d\x9f\x91\xf9\xd4\x84\xe1\xc6\'\xf7F\xa7\xa7/\xce\x16\xe8\x16\x1b[\x8bU\xae\xb6\x9ej\x8f\xcc\x9f\xedJ\x1b7\x1d\x7f\xef\xcd\x93\xda\xb0\xb1\xbe\'\xac\xc9\xbf^\x9c\xa9,.\xfe\x87V\xf3\tm\x1b\xcf\xe2\xf8\xdeL\x0f\xc9a\x97\xa1!\x85\xb4\x81l\xc0&amp;J,\xb1\x87YB\xb6)\x98`\xd3\x12\xa4\xd8\x1e\xdbr\xac\x94j\x13\x08X\xfe/\xcd\xa6\xd2&amp;\xc4\xa8\xe3\xc9A\xb6&lt; \x87!\x0e\x05\x874ukj\xec\xb5\xa1\x1e3\xb0%&gt;\xed\xc5\xd9[\x9a\xfa2\xc16K\xa0\x07O\x0e\r\xf4\xb2\xef\xa7t\x07\xf6\xae\xbc\x18L|\xb0?\xbc\xdf{\xdf\xdf\xf7\xfd\xf4s\xef\xba$;\xe5\xa5(*\x9d\xe013\xf2X_-\xac\x11AFHSa\x98.\xb2\xbb\xae\xdd#47J\xcb\xfe\x83e\xfb?\xff\xfco\xe3\xcfll\x1f~z\xfb\xccm\xbf\xef\xdcW\xe4[T\xd6m\xff\xe5\xbb\xcd\xdb\x8d$\x04\x86\xb1A\x8d\xc5\x88\xb5\x88\x8e\x15\xd7\xf8\xb9\xb9;C\xd3##C\xb7f-^\xcaa\xb7Ki\xa7sY:\xfc\xfag\xe3\xb1\x86\xbfy\xf6\xf6\xd9\xb6\xfd\xbe\x7f\x1fc\xa7\x1c\x8eG\xb9\xcbT\x0f\xf5\x1b\xd2\x81\x15h:\\\xc7Z\x00\xac-g\x10\x96\x19&gt;\xf0\xa4R\xc9\xc6\xe8\xd0\x94%\x9dp:\xefJ\x87?\xfc\xc3f\xec\x93Y\xf4eo\xfe\xfa\xb7gn\xe9\xae_\xc1\xd8\xe9\xa9\\\xf2\xd2\xe3\x99\xbfV\x81x\x9c p\x19#\xcc\x91\xaf\xf4l\xedk\x10N\'\xab`x\x1c4\xa2\xc1\r\xcd\xf1\x90-\xdf\xe1\x0f/lK6\x03\x8b^\x7f2\xbe\xfe3`\xd9\xe7\xb4}\x0cIV\xca\xe3Ia\xb2\xccMX,V\x86\xd7X\x9e\xd3\x9b\x11am\x95\x99R\xb5\x1a\x0e\x87\xd3\x13#3\x0f\x82\x8a\xc2\xb2\xec\x96s\x06\xb0~9\xfb\xd4\xbb2\xcc\xcc\x9b\xd6wvlKK\x1f\xde\xba\xdd&gt;\x84\x85\xa7R)O\x86\x9d\xb1Z\xbc\x1b\xee\xc3]\x8a\xaa\xb6\x04\x81\x81\x9a\x07\x8dXXy\xe9W\xab\xc7\xd9\xec\xd1\xab\xef\xddG.;\xf5\xfa@\xc10La\xe7b\x87\xef\xa4&amp;S\xe9\xffj\x90v\r\xef\xf4r\xb9\xf7g;\xef\xb7\xddo\x01\x0b\xa8&lt;\x1e\x0f\xc1&amp;Nc\xc7\xee\xed\xed\xdf\x1fmn\x86c\xe7-\x1e7\xaf!\x8f\xf5t\xef\xa0t\x9e=v\xb9\xff\xf0\xf5\x86{#\x1b;U\x9d\x18\x81c\x80\xf5\xee\xb8\xa5\xfa+\'\xac\xcd \x81\xef5\x9by\xa8\'\x0b\xb4\xbb\xa4c\xa5R\x19\x99i\x1dg\xa9G\xbe\xa3W\xef\xbc\xe3\xe1\xe3j\x9a\x97E3\xd8\xd1\xda\xd3\xba\x7f\xb9u\x1c\xb3\xbf{\xf5\xfd[\xef\xdf\xa9XUu\xe2\xd0\x122\x1f;J\x97\xeb\xc5\xbd\x0b\xd5\x98}q\xf8\x8d\xda\xe9\x87D\x8c\xbf+\xf8\x8e$^\xc13\xa8\xae\xb8f\xf5\xbc*lN\x1e\x1fe\xd3\xc2\xf9q\x95\t\xb2\xa4X\xab\x15\n\xd1z\xb1\\\x8d\xc5\xd0\xa9\x88}vjRx\xcdh8jUN\x8a9\xa3\xd1\x97{\xfd\xe6\x951\xfa~V\xedtk\x8b\xb5x\xbca\xc9J\x1cJ\x96\'\x83s\xcdRI`\x98\tK\xba\xd5\xaav\xce;\t9@\x8a\x85Z!\x14\xad\xefk\xcd\xaa$\x85)a(\x97\xe3\x9cN\xa7B\x80\x93\xc0\xd9\xf0i&lt;\x14\xda\xdb\x1b4\x7f5\xa4\x19\x97\xe6;\x9dv-\xf2\xe3\x1aA\xe4$)\x88\xe1\x19H\x96\xcc\xf1&lt;\xc7\xc9I\x99c\x9a%\xe0\xaa&amp;\xb4\x00-\x16\x80+Z,j\x89V\xb5ZRy9\x83c4I\xe2\x193p)\xe9\xd2\xcb\x02`u?&gt;1\xa4\xe6m\x99\xcf\'\xedB\xe4\x8f\x8b\xb0\x12TX\xc72\xa7d\x19\xdez\xbd\xb1L\xa0\xdco\x02VK\xcd\x07h2T(\x14B\xc5\x80\x93iB0e\x19\x17\tQ\x14\x89\x8c\xd9,\x8a\xd8\xebS\x7fH\xc7\xca\x18"\x116\xf9\xf3I4\xb4\x18Y\x89?\xc5\x84\xd3\x06\x16\xcfd\xcc\xf0\xd2\r\xf3\xbcY\xd6\x0e ]-\xb5\xaccAD\xa3\x9a\x93gT\x86\xe7XH\x93\x19\x14\xd7\x0co+\x04\xb6|\xea\x8fF\xfd\x80E\x1b\x81e\xb2\xe1\x90\xad\xa8\xb8(&gt;-\xca\x894`\x11\x90.\x04u\x06\x7fc\xb8v\xa0\xaa\t\xa6\\\x0f\x14\x81*\nT\xd1b@s\x96\x81J\x06\xf6\xb1\xf9\xb1\xb15D\x15\xc7\xe6\xce\x97![\xdd\xc1\x85f\xc4\xf1\xbci\xa9\x07Xt&amp;R\xdbk2\x894,"\xf1%U(\x00\xab\\.W\xf2u\x94+\xb1\x80\x92\x05\\\x08\x0c*\x0f\x07,\x14\xb5\xb5k\xacV7\xb4\xe5\x1f\\\x18\x93\xad\xe1\xab\x93\x93n 3V\xbc\xf8\\J\x08\r\x9c \x88\xdf\xb0\xc6\xcc"\x1d\xc8\xe7\xf3\x81\x00\r\xb5\x8d*+\xd4\xd6\xc1`_\xe44\x0c\xadu$2\x06\xb3\x06\x08\xea\\\xa7\xd5o\x17\xfd}(y\x93!"\xafv\x06m\x91\xecW;\xcdD)\x97\xbc\xc6\x9a\x7f2?\x8f\x0c\x84H\xd2\x01\x14@\x15\xd5+\x1eQE\xe3q,\xa0\x05HRDX\x91\x08\xc2R\x98t\xe2\xe3`\xcf\xdf\xcf\x1b\xe3\x05M\xb6\xd4I\xbf]\xc8\x97:\xd5\n\'pI\xfc\x1a\x0bQ\xd5j\x80E\x922F\xd2\x10:W(\xaa\xa7K$\x8b@\n\xfa\x1a\xf9\x11aA\x137\xacV\xe7\xc5\xc7\xee\xa0?o\xd0\x981|\xa5\xf6\xdb\xa1J\xb5S\xc2pa\xae\xf1\x05\xeb\xc9\x93\xc8\x18P\x01\x16\rj\x01I\xa3\xa3Q\xd4\x88\xed6p\x89_\xb0\n\xb5\xc8\x02\xac\xe2\x1a\xc2\x12\xe6\xe4\x8b\x8b\xc1\xa0|e\x8c\xb51\r\xaf\xcbj7\xa4v:\x955\xb3\xd5\xc2~\xc1\x8a\xfc\x0f\x8b\xa6\x8b2!\xd2t\xa0\x8d\xb0\xda\xf5:p\x85\x00\xab\x08X\xe6\xda\xe2"\xd4&lt;\xc2\n\xa69\xad\x05X\x99u\x83\xac\xa0i\xe9\x8c\xaf\xb4?~\xeeT\xc6\xcc\xd3i\x0e#`\xa0\xd6Ek\x0cq\xa1\xda\xa2E\x12\xca\xab\x18\xba\xc6\x02\xb0h\x88DT+\xb5E\xc8\x15(\xc4\n\x8e=8U*\xd5\xe6\xa0l\x94\xaf\x01\x13\xb8~Y\xe9V:\x9f\x9bf\x0fGM\xb3\xf8\x8ay\xed\xb7\x9aGX\xa0\xa4\xd0\x8e\x01\x1a5b\xb4^\xef\x0e\xbamXZ\x1a*\x0b\xa8\xae\xb1\xb0\xc6\x8c\xa4^\x94\x0e\x06\x01\xe3\x9eF\x99\x96\xae\xf2\xe5\xf6\xc7N\x8bg9\xca\x12T\x08\x1dK\xe7\xd2\x05\x02\x14\x1ei\x04\x89\x0c\x04\tX\xe5A\x1d\xb4\xab(\xd6\xcc\xe8\xac\t\xc9)\xa1\x8c\n\xb1\xceE\xc5_\x9e7n\xae6\x99lO\xf2\xdd\xf6\xa0\xa2\xb6\xd2\xd4\xe9P\x10\xf7 \xf9\xbe\xe6\xca\xd0\xf9J\xbf\x8crE\x16\x16j\x85Z-\x1a\xa8\xe7\xbb\xf5b\xb1^\x14E\xd8{ Yf\x8f\x07\x0b\xde\x0bW\xd5A&gt;O\xef\x18\xea\xe5\xd7{y\xf8\xa9b\xe5\xee}i\xe462\xf20` .\xc0\xaa4\x9be$[dm\xa1&amp;\xd6\x16\xc9b\xbb\xde\xed\xa2\n#\x11\x16\xe4\x8a \xb0\xc6\xe8\xfd\xf3DqO\x93\xaf\x8c=v\x03\xe3\xcc\xb2X\x81$9ir\xbc\xa1c\xe9"\x01\x16B-\xe9\xee\x81\x0e\x90\x05\x91\x84\xda\xd7@\xf5\x01\xcb\xef/\x8a\xb0G\x03U\no\x04G_\xc7\x96\xb5-\xfc\xcc\xe8\xa3\x91\xe1\x9dOI\x1c\xeaX\x0e\x87g\xff\x04\xe9Jyz\xf3\xd0\x8fc\xb8S-1\x9aVQ\xd5J\x9e\xa6\xdb\x01\xad\xac\xb6N\xd4|\xbb\xee\xcfo\xc1\xf6\xa9;@%8z\xe7\xf4\x9cK\xa6\xce\x0c\xbf\xa1\x01\xebx\xd5\xcb\x90b&amp;\xed{4\x9e\xbc\x04\x87\xea\xe9A\xbe\xcc\n\xaf\xaae9Pi\xaa\x15\xa80\xd8\xb6y0[\x95\x00Ik\xfe-\x0cM\x90\xb0\x84\xc1\xd1{\xf7\xc3\xe1\xa4\x81\xb3\xd8\xff\xf5\xe3\xceY/\xd3\x9bZ}&gt;\x0b\xc3+$\x0c\x86jOF\xe1\x190\xeb\xc8\xac\xf2|\x85i\xaa\x1c\xfc\xcf\xf3\x1aM\x16\xb7\xf61\xe0\x82\xddQ\t&gt;\x98\xb3H\x93g7s\x99\x05fX\xdb\xfa\x9b\xab\xf7\x1b\x1b\x0f\xa7s\xc9dJ/0\x0f\x06\x16FN\xb2\x8cU\x10T\x06\xb9?K\x9a\x12\x12&lt;\x0b\xb3!@aq\x1ca\xcdLx}\xefo\xec\xde\xa2~\x01}\xe7\xb9\xeb\xf1\xd4x#yy\t\\f3\x8e\xc9,\x0c\xd7\x16J\x8a\x85\x05+3\x91\xa6\xa8\xb0\x83\xb2\x80\x0b\x04,x\xe18\xa6\xdc\x99y\xbc\xb1\xf1\xaf\x1b\xbd\x18n\xb2\xbd\xd8v&lt;\xdc\x1c\xcf\xe9\\\xe8\x0c\x02c9n\xd6k\xb7\xbbbajR\x80\x19\xdf\xee\x08\x87\x05\xc1\xca\x07\xd18\x1d\x87\xca\xbakq\xac&gt;\xdf\xb9\xd9\xfb\xeaK\x1f\xb6}\x8fg\xf53$\x9c0gR\xc9\xdc\xec\xc4\xc3I\x87\xcfn\x8fI@\x93\xa6\x00,\xec\x93$\xbbcrT\x81\xf2j\x8c\x0eY)\xfb\xea\x8b\x1b\xbe\xaek\xfa\xcb\xb6\xcb\x0e\xe9\xba\xddh(\xb8\xc7\x93\xbc=\xeb\xb0C\xf8\xeca)la8\xee\x8e\xd5"x\x1dv\x9f\xcb%Y\x83\xfb\x98\xd2\xc8\x8d\x00\xf4\xf6\x7f\x96~w\xb3\xf1i\xd5\xe5\xf2~\xb7y\x0b\xb8R\x99\x14\xfc\xa8k\xd7\xe5sx-S\x0c\xcfB\x99\xc9\xb0\xa6\xd3\x93^i\xf78&amp;8\x15EaG\x1eS\x0e\xdf\xea77\x8du\xf6\xadk\xd51\xf9pj&lt;\xd7\xc0S\x97\xe3\x93\x0eW\xd6\xe7\x9d\x98\x9e\xe3\xf9r9_V!\x18\xc6j\x91\x8e\xb2\xc7\xd5{ \xa43\x94\xdd\xbe\xb1\xfa\xfc\xcd\r_\x88\x1d&gt;\xf3\xee\xae~\xeb\xf5NN\xdf\xc9%S\xc9M\xaf\xef\xe80K\xfd\x97\x97\xf3\x0fi\xeb\\\xe3x\x8f$\'\xc9\x1d\xb1\x0c\xca\xcc1\x94\x98p8\x86,$\x07\xba\xac\xda\x98\x05\xb9^\x92\xb3\x93!\xd1$$ r\xc4\x06\xa3\x8d\x08\x92\x19\x03\xd5\x9aQ\x83N+ml\xcd\x90\xd1t\xb4UhZG-h\xdak\xdbX\xd7u\xb4\xe52\xd7\xceI\xbb]\xd4\xcb-t\xf5\xb2\xfbOWzo\xbb\xde\xe79\xb1\xa5p\x7f\xb0\xbb6&gt;1A\xffH\xf8\xe4\xfb|\x9f\xe7y\x13\xcf\xfbv\xc1g\xc5\xaf\x7f\x84\xf8\x1ab\x1abm\xa1\xb3sZ\x13.\xb5C\x8d\x06&lt;\xc1\x89VY\xa1\xb1x\x8f\'\xea\x17\x04\x9aV\x8e}4Fw,\xcc\xcf/t|\xf1\x85\x08\x04\xf1#\xd2\x9d&gt;}\x90\xcdL/k\xd4\xf6\x117\xf8,\x1e|\xaf\xae\xe0X\xaa\x00\xc8\x95\x16\x18\xc6`\x1a+1t\x1e\xea\x1ca\xbb\xfex\xf0\xde\xbd\xbf\xe5\xe3\x1e\xfcv\xf0l}\xb84\x92\xb1\xd9\xbb\xdc`\xff`&lt;:U`gm\xa9\xbb\xa3\xf4\xc71\x8b~\x86a\xd5\xa5\xac\xdb\r\x8f0q\xce\xfe\xfdE\x9c=\xfby\xfd\xbe}\xe1\x86\x88\xd9\xe0vs\x88u\xbf\xe0\x97\x80\x17\xdfQ\xd2\xf1x,/\x17\xabV\xdaJ\xc3\xe1pss\xfb\xe7\x9fn@}z\xf6\xc3\xfap\x18\xb1\x1a\xcc\x19\xec\x15\xce`lN\xb6\tX\xd6\x807\x18\x8b\n\xee\x91.V\xa1U\x8e\x9d?\x80X0\xacaH766\xd2\x8d\x8de\xf5\xe1\x03\xfb\xf6\x1d\xd7h"\x06\xc6\xcf\xc5\xe2\x057\xbc\x88e\xe2\xbc\xa9x\xcc\xef\x1eaU*0&gt;\xf4\xfb\xfdc6\x83\xbb\xa3sa\xe1P\xca\xb3w9\xd3p\xbc\xfe\xc8\x91#\xc75el\x86\x118\x8fw{\xe1\xb7\xb0\xd4\xdd1)\x05\xcf$\xd8K`X\x15-\x08\xc6\x92\xb1\xe6\xf3\xe7\xd5]{\x17&amp;\xe7O\x9e&lt;\te\x199^\x1f\xaeW\xd7\xd77\xda\xec\x8c\xdf\xedL\xc5\n\x7f\x15\xff\x96\xe2G*\x13\xcfy\xbdP\x8c~\xd6\xc0\xb89\x86Vi\xcf\xefoV\x1b\x9c\x9eTvr\xd2\xc3\x99\xdb\xc3a`\xa2m\xb4\xc1 p\xceTju\xaa\xe0j\xc9\x10\x8b\x16\x82\xdeX\x14\x861\x93\x0e8\xd3\x02\xaf\xfdh\x7f\xf3\x98\x89\xe1\x82@\xcb\x19\xc6\x9a\x0f4\xd7\xb7\x9b\xdd\x9c\x9f\x11\xd2\xd1\xd4!gbj\x13\x92\xf8\xc8\xac\xb2\xf2\\*\x05\xaeOs\xb1`4\x9a\xe6\xadc\xb0\xe4\xfa\xd0\xc0\xc1|v\xba\xe9\xb1\xfd\x07\x9a\xdb\x1b\xe1\xaf@4\x1a\xf5\xccw2\xc6\xeb\x9b\x81E\x83\\\xfe\x807\x15\x08\xa4\xe2\xc0\x16K\xf3\x89\x92\xf6\xf6\xf6\xc6.?\xac\xba\x9c~F\x05\xcb\x08\x93\xc1\xcd\xc5&lt;\xa9`j\xfe\xd0\x08\xeb\xba\xbe9j\x99\x8c\x8c\xdf\x03\xd5\x98\xc5F\x11M\xaf\xf2\xd6^\xa3\x91f\xa0\xea\x00\xcbo\xa0\xcdF\xf0\x1c\x17He\xb3\xf3\x93\xceH\x84\xdd\x04\xac\xe2GF\x95\xc9D3i\x8f7\xee\xcd\xc6c\xc0\x05iL$xA``\xbd\xec70\x0cO\xf3iX\x80\x05\xb3\xb9\\6\xc0D2\xf4\xe6`\x99LJ#,H\x83\xf1l6\xeb\x8d\x07\x83\xb1\xb4_X]Msi\x10\x8b\xe38\x98K\xd1X0\x1e\x8c\'\x07\xe6=n\x16\xd4\xba\xb3\t\x95x\x07\xc4RB\x1b\x15\x9c\x1e\xefd\xae\xdb\x1b\x8fG\xc1_i!\x16p\xe2?Z=\x81\x80\'\x16Le\xbb\xbbE\xaaLC\xc3f`A\x977\x97\xa9K\x95`\xaf4x\xba;\x87`\xc3(Y,\x10\x88A)zR`:ownh 9\x19t\x1bX\xc4\xda\x94$\xda\xcb\xaaK\xb5\n\xabKH\x83*\x93\xb9d\xae\xff\xc2\x85~/8-\x7f\x87\xccv\xe7*+\x06r\xde\xa0\x1f\x86\xb9}S\xb0d5\x7f\xb5\x83Z%\n+\xd8+\x1d\x00\x7f\xe5\x92U\xb5\xb5\xddbd/\xe0c.9P\xb15\xd9\x9d\np\x02\x0bT\x9b\x81U3w\xd7\x85I,U\x98\x8c.\x1e\x9a8\x80u\x0fUVV&amp;\x93\x95UCC\xc9\xa1\\.Yq\xf4\xe8@.\xeb\x89\xa5\x19\x03\x88\xa5)8\x96\xacn\xf0rSe\xd4\\\rXZ%`\xf1\x00\x96\x8e\xc6\x00\xac\xa2b\xebQ\xdc5\xb6\xf5\xd4\xd6S\xa7\x929\xaf\'\x00\xebj\x03\x8bT\r\r\x85m\x10u\xad+\xb7\x9e\x11G\x9d"V^.\x9egV\xc1b1Le\x12/\xd2\xab\xa8\x1889\x19\x87\x9a\xe4\x04\x9eF\xac2P\xab\x90X\xc55s\xb7\x9e\xfc\xd2\xb7\xe3\xd0\xb2\xddV\xadV\x97*D\xb9\\&lt;#\x08i?$\xd3\x13\xf4f\xbb\xa1\x8f\x81N\x1c\xe7\x16\xa5b5\x18\r\r\x86Gx\x99A!\xb6\xcd\x17\xd7\r~\xfb\xd3gKO\xdb&lt;k\xa7\xf3XZ\x90\x8bg\x80\x8aaVA1\x80\x8b:\xb1\xe1\x0b\x82\x00\xcb|\x16/D\xb0\xdb\xca\xca\x00+\x93\x99X\x99\x1alm\xady\xad\x9f~d2\xdc\x02\x7f=t{\xfd\x93\xa5g\xfd{\xffy\x1a*Q-\xbaKE\xbb\x80\xcc\x95\xe0WWa\xe2\xf0\xab\x02|L\x83\xb4\xc2\xf8\x01,\xd6n/\xc3@\xac\x87\xdf\xdd\xde\xee;3\xf1\xc1`\xdd\xeb\x83\x92\xc9j\xa6\xe6|\x8e\x95\x1b\xebo.=\x8d\xad\x81Z\xd0\xb7\x80J\x0b\xae7Z]\xbc+\x01\xf7|\x18]F\xa3\x9170\x06\x9ae\xcd\x1a\xcds\xac\xae\x87K_\x1ds\x9c\x99i\xbb:\xf7Z\x04\x03$\x10\xca7q\xee\x83c\x8e\x95\x9f\xd6\xf7|2\xc3\xad}\x9f\xc9c!\x97\xc9j\x14q\x12\xae\x04\x04@\xf6\xf6*zi\x14\x0b\xb0\xca\xca\xaa\xab\xab\x11+2\xf2p\xe9\x9b\xf7\x1d\xc7f\xdb\x88\xa6\xbb\x83u\xb2W\xfdF\t\x8f\n\xf0\xdd_\x1c\x1d\x9d=\xe6\x08\xad\xdc\x02\xac\xe1\xe5\xb5\xe9\x8c]\x93\xc7R(\xc0^4\xca\x95H\xf4\xf6\xfe\xb9\xa7\xb7W\xab\xed\x01\ti\x94\xcb\x0c\xbe\xaa\xce\xab\x15\x01\xb5\x1e_q8\xde\x9d!\xa4\xe5\x8b\x97\xa6^m?\xb3L\xd6\xea\xbby\xa1\xd2\xa2\xd7\xcd\x9c\x01\xb1Vn-\x89X\xcb\x19v\x03\x0b\xb9`)\xc1\xf3FW\x02\xa8zzJ\xb4\xf0\x03\xa4\xe0v\xb3\xca&amp;j\x85\x96G\xb5N\x00\xd6\xb1q\x8b\\N\x94\xf7\xdf\xbc\xf4\n\x8bhY\xcd\xdcx\x1b)\xa7,\xa4\xe5\xc1\xfb\x8eP\x08\xb1&gt;{\x19\x0b\xe4R*`4b\x97\x00\xae\x9ewzJJJ@,\xd6\x00X*\x15r\x01\x15\xaa\xe5\xffa\xe9\xc4\r\x87\xc31[.-\x92\xeb-\x96\xf2\xe1\xf7~\xdb\x97ph\xf3\x89!\xbd\xbcHNQR\xcb\x83\x9d\x88%zkyz\x04\x93\x88\xfd\xb4DL\xa3\x12\xec\x05}\xc2\x95\x00\xb1\xc6\xde)\xd1ZQ+\x9a6\xab\xcc\xb6\x17j\t?\xac\xff\x03\xb1\x0eW\x91\xf2"\xc2B\x91\xfa\xaa\t\xf4\xd8o\x80\xba\xd4\xff;q\xbf\xdf\x1bzi\xdf\xf8\x0b\xac\xa7\xce\x8e\xd3\xcf\xb1\x80K\x01\x82\xbd\xb0}\x8f\x16\xc42\xa1\xb1X\xdaN\x9b\xf3X\xd8M#\xcc8b\xb58.\x8f\xca!\xa87Hx\xb8\xba\xbd\xb5\xf8\xff\xe8\xaf\xd8\xa5Z}\xe7.\xec\xc0W(")B"\xdf\xc0\xba\xb1\xbe\xe7\x0f\xcf\x02\x1d\x99H\xbe\x9d\xe6=\xaf\x10\xb9\x12@\x06e\xa8U\xf4\x1aE*\xdan\xb6mP\x01V\xe6\xb9Z\x97GI=Y\xa4\xa7\xc8"\xb9\x94\xa8\xba9W\xf3+\x1b\xbf\xd88\xe7\xee\xee\xae\xa2H\x84*\x92\x13z\x89T\xde\xf7`g(\xe4p\\y\xf2\xfb7\x9f\x06;\xba"\xd0 \xf2Xy.\x93\xd5j\xddh\x0fV\xb4;N\x1d\xa0\xc2B\xb4\xd9a]\x93O\xe2\x95\x16\xc4\x92P\xfa"R_\x04/.%,\xb57\x7f\xdd!\x03\xd0\x10\xae\xdf]\xac-\xdfAHI\x12\xf7_\xc2\x1b#\xa5r\xcb\xf0\xbb!\xe0\xda\xf9d\xd7\xae\xa7\xde\xe9.V\x83Xj\xf4\x96\x16]\xafD.\xab\xd5\x88\x81\xd3\xd9`\xc0\x0c\x8aT\x9a&lt;\x16\xf3\xf3\xd2\xe3\xdb\x80ux\x94\xa2(9\xa9\x7fK.\'\xa5R\x9dN\xd76\x0e\x8d_\xf6\xbf\x85\xdaR7\xe8;3\xbc\xad\xa8|\xf7\xc5~\xbd\\\x8eGul\xd3\x93$)\xd7]\xbb\x1cB\xae[\xbb\xf6\xfcR\xfb}\x86\xde\x18&gt;\xc0UZ\xaaVnp\x81Z4\x8f_-\xa1V@\x05\x19\xb4i\x00\xcb\xae\xb17\xac\xfe\xfc\xf17\xb7\x1d\xdb\x1d\xb3m\x16\xa8 \xb9^OJ%\x04I\x10\x84\xaemt\xf8\xee\x14\x1e\x7f\xf3\xdf\x17\x08S\x97\xc6\xaf\r/6QT\xdb\xe2l\xa5\x9c\xc4\xed\xad\xdbH\xc4"Fg\x1d&gt;_(\xf4\xd5\x89=\x7f\x1a]\xebrm\xa8\x85\x8b\x1b\xbca\x1eM\xa8\x16P1\xf9*\xb4\xd9D\xad4v\\A\xd8\xd9\x87\xeb\x1f\x7fy\xdb\xe1h9\x07X\x16\t`\x11RB\x0cj\xf7\xcd\xe1\xf2\xfe\xfbS\xff\xf9:F\x99x\xf2\xcbb\x93E\xae\x1b\xad\xd5\x93\x92\xe1\xd9r0\xd6[zQ,RJ\x94\x8f\xbf\xedk\xf1\x85\xae&lt;\xde\xb3\xf4l\x01\xb1\xd4\n\xa5h/\xa0S\x03\x15L\x9c^\xe0\xa2Y\x842B\xc7\x82\x9e\x85T\xa8\x96\xc6f\x07\xb1N\xdc8\xe6hi\xb9X\x0eX\x80\xa4#$\x80D\x01W\xd3\xe1\xcbM\x04\x85Gl\xfc\x9bdx\x91\xa4\xef\xfe\xec5J"\xed\xbb\xd6\x86\x18\x8b\x17\xa1cA\x15\xea%\x12x[\x12\xc22|\xa9\x05\xb0V\xbeDs1F(D\xc0R\xbe\xc4\xa5Ph\x11Le6\xab\x8c\x88\x85\x86G,\x1b\xa4S\xe5z\xb8\xbe\xeb\xbb\xf7[\x1c-o?\xe8\x03,JB\xe8(\x1dbQ:\t\xf5\x973\x8b\x16B\xa2\xab\x9d\x10\x8f\xbe\x91\xbd\xec\xf3\x9a\xb9\x8b\xb5\x8b\xb3\xfd}D\xf9\xee\xfb\xc3T_U\xd3\xecU&lt;\xa4\x83\xc0\'\x13\xba\xbe\xbe\xb6\xd1\x99\xc3@\xf5m\xe8\xc6\x89]\xeb3\x82\x11z\xbbV\xa9\x84\xd9\xa2.\x85\x9bH\xd5\x8b\xe6W*M&amp;\x15\x86\xc9\x86}\x14|e\xfe\x17\x19g\xf4\x9a\xc6\x9e\xc5qmg$\xb9wKg\xb8a\x93\xd9"\x97\x8e\x05\x85\xb94\x0f\xcd\xcc\x80\xe9\x9a\x07w\x08;{\x87\xc2&gt;\xe4\xe9\xb2\xec@\x16\xbb\xfa\x07\xec\x93a^RX\xf1m\xa4\x88O\x06\xc47\xf7EP(XA\x88\x9a\xab\x04b\x82R\x82\t\xc1\x07\x1b,\xc9K\x93%\xa5\xb7\xec\xf7\xfc&amp;\xcd\xbd\xb0\'m\xd2\xa4f~\x9f\xdf\xf7|\xcf\xf9\x9d\xdf\x8b\xe0\\\xad~\xc8\x94\xbaA\xf4\x07kl\xab\x08&lt;4BO\x06\xa1\xe4OVs\xae_\x0eg\xcb\x9a%\xfc\xe7\xb7\xee\xff\xd3\xcf\xd5\x17\x923\xcb\x95\x0bvx\xbbY\xaf\xd6\xcb\xe5\xba}\xef\xfe=N\x95d5Y+\xd4s\xcdf\xa5\xa2$`\xfa\xe2 \x15\xfd\xe5\xcf\xcb`X\x9c\x7f\xf0\x88\xb8\xc8c\x04\xf6\x98\x8ar\x9e\xb8V\x97\x98Z\xcc\xed\x0c\xeb\xc7\xab\xa18\x80X\xebA\xbd\xd2\xc4\x1a\xaa\xcc\xf3\xb0;\xc7\xcb@\x94%\xbb\xbai\xefV+\x95~\xcd\xdd\x8c\xfd\xf3\xafw-\xf6\xf8\r\x0e\x83l};\xe9&amp;\xddF\xe1\xc5\xf6\x9b\x17\xcf\xc3\xf7\xee\xdf\xff}Du\xdc\xf1e\xd7,\x16\x8bz\xbdQy\xf9r\xe3e\xe2\xe2S\xea\xcb?\x9el\xd1\xd97\x8f\x1adX\x8fH&amp;\x02c\x9d\x95\xa8\x96\x88\xea\xfb\x9f\xd6\x96\xbf_^Z\xfa\xa1q\x1d\xfd\xd4K$\xe8\xec)\xf4s\xcd+\xf7!77\xc7\xf9yNuT\xec\x9cK\xee\xe6*\xcd~\xc7\xf1\'\xfbo\x85\x8d\x9f\xe9=y\x88,+q\x81p?\xeb\x84\xed\xc9\xac\x13\x8e\x04"s\x01z\xc3\x8e\xdf-&lt;\xab]NG\x9f\xe1\xd5\xf5\x8a\x9d\xec\'6\x10\xc5\xc1\xa7\xe1/\x7f\xf7\xb0\x88\x86\x04\xc3\x97\x07[O\xb7(\x93\x0c\x8b\x14B\x1b]\xfbim\xedo\x7f\\\xfa\xa1\x7f=D\x19\x06\x91Dm\xe2\xa8\x85V\xab\xfc\x06\x0b\xf2h[\xaa\xb4\xb0@\xbe\x7ffo\xdbN$ \x1dX\x82\x95+\x1c\xd0\xfb\x18a\xc0h\xda\x819\xb7&gt;\x9e\x8d\'\xb6\x83f\x02\x97\xf3&lt;\x1d\xd1j\xedrP\x8aR\t\xad\xe7\x920\xfd\xc6\x06j\xa9u\x93\xf9\xb2\xfb*\xbd\xb2\xb2\xc8\x8eiO\xac\xa7\x14\xf4y\xf5)\xa3\x02\x16K\xe1\xda\xd2\xea2\xaa0::J\x0470\x05\xba\xb2\x7f\xdc2\xb5\xf3\x89#\xfb\t\x0bYtT\xd9\x1f\x89,,D\xfc\x9c\xdaP\xac\xf3\\\xae:\xe9lW7\xfe\xed\xb3\xb2\x98^\\\xd7M\xaa~\xaaBd\x9d#\x95\x1dP\x89\xa9\x14\xb0\x8a\xc5\xaa#\xbb\xf5\r\xb8k#\xd1-}\xa8\x9d\x01k\xc5\x13\xcc\xcb\xa1\xd7\xe6\x11\xa8CF\x85\n\\^]^~\xb5\xfa\x97\xf1\x87\xe8M\x0f]/Hb\xf1\x91Y\xcb\xb4\xf4\xdeU\'\xfc\xed\xc23\xd4\x12\xc2\x91"X7\x82\x96?1\xf5\x03;\xdb\xc8\xd5g\xd9\xdd\x86\xef\x18j\xe1\xe7\xf8\xf4\xcd\xc27\xac\xc9\xd1\x81#\x81*\x93J\xa5&gt;\xb5\x80UP\xb9\xf0\xa6\x95\xc0\xd3\x13\xc5v\xe9\xcb\xec\xe4\xfd\xfb[\xae\xf9G,\x99(@v\xf4 @\x85\xa0\n\\Z\x05\xd5u\xaa\xd4-\xc2\x0042\xa3\x91\xeej\xbafv\x0f/\xeb\x85\x83\xf1\xd5\xe1\xe5e\xae\xdeG\x92dN\x96"R\xb2\xaaW6\x9f\x87]\x905\xfb\xf0\x16\x8ee\x9c\x07\x81\x88\x9a\xb4;5\x8aN\xa76\xbe\x1c\r!V\xea\xa6%\x14\xf5\x19\x1a\x8c[^\xc7\xd3\x13\x89\xa3\xc1u\xed\x8c\xb0n\xb9h\x14|\xf0\x00XO\x9e\xdcR!\x9fK\xc4\xb6\xba\xb5\xf6\xafk\xf1S\x1b)\x84\xb5\x9a5\x1c;\x01\xc2jM\x877\xedn\xb7=\x18\x8dF\x83\xf6\xb4\xdb\xadO\xdco\xe9M\x11\xdcB\xf3\xedyc6)T\xabe_\x84\xa7\xc2\x90\xa5dm|H18l#\xa6\x9f\x87b&lt;.\x8a\xa3#\xa1hNP\xd3a\xb8+\xb8N\\\x87\xd7\x07\'\x1e\x977A\xdcN7\xb7"\x81\x8a\xc4\xc3\x9f\xadUL\xa5\xa9\x01Q%\xd6\xb5\x99\x83\x1cp\x13M\xb7Zm1n\x0c3!\x16b\xa64\x9a\xf6r\xe3\x17\x0f\xbf\xfbNr\xec\xc2yE{\xfb\xb69q}08\xcf9\x9d~\xb37\x1d\x95\x86\xc3|\xde\xc8dJF~\xe74\x9e\x8ag2\xa3#\xa5\xa8M\xfc\xd0\x13\xa7}0\xb1\x91\x08&amp;\x8e.\xc7g\'\x84\xb5\x92\xc6\x8d\xe2\xaec1\x14\x82\xf2\x1a\xc6\xfc\xd6\xab\xb3\xd9\x87\x12Q\t\x89\x84\xdeG\n\x81U\xab\x10V&amp;%\xe6\xf3\xa7D\x15Ed\x86\xa5\xc1E\xb7\xf0baA\x96\xa5\xb0\xdb\xd9\xee\xd8a\xbf\x0fZ\x85\xb3uM\xd7{\xa3LT4NC\xf1x&lt;\x04\xac&lt;r(\xe2\xe4\xd7u\xad\xc6\xa14U\xbboO\xab\xf9\xa7\x00\x00\x05/IDAT%(\x1fA3w\xf6\xe3I\x9aq-\xd2\xc7c\xcf]KT\x8f\x0f\xd8ID\x7fW\xcf\xc6\x1fJ^\x06\x13\xc5\xb2-a\x98\tp\x9d\x9e\x1eC\x12\xc5\xa8\x91?E\x84\xc4(\x8c\x12\x8fFK\x83.Z-L\x16`\xee\xe68\x9f\xe4n\xd6+\x8a"\x14\x8f\x06\xd1\x14\x80\x0cJ^hgg\x07X\xd1P\xdb\xfc\x8a\xe5w\xecz1\x11\xfc/\xf4\x12\x8eiF^a\xfeB\xfc\x81\xf5\x08O)h\x87\xc1bi+\xbdu6\xbe\xfe&lt;=J\xd0N\x84\xdc\xb6\n\xab\xcc\x058\xbb\xa9+fw\x18\x8a\xc6C\xa7\xa7\xa4X&lt;\xce\xb8\x90\x96\x96\xde,t\x9c\x08\xcfq\x04\xe6k\x94\xfb\x93\x82\xa9(\xc0B\xda\x0c\xc3\x88\xc7\xa3\xa1\xfc&gt;%1\x155\x08\xab\xd2\xe1qp#\xd3\xb5\x9c\x10\x0cn\xd0\xfe\xdf\x9e\x9c\xbdJ/\xaex\x91f\xe7!\x8by\xc6\xf9x&gt;\x9d&gt;\xbf\xba&gt;\xec2_\tJ3\x8b\x8eHX|2g\xeaf\xef\xb3\x81g\x87\xf2\xd8:\xb8R\xc8#\xf23j\t\x8aR\x81\xfb\x1d\xcc\x06\x1c\xef\x9bu\x1c\xae\xa6YV\xd1\x1c\xa4\xe2\xa2a`\x03\xa2\xb1\xb3\xbf\x83_\x8d\xc73\x0c\xcb\xc6=\n\x86\xf5\x87k\xe7\nKc0h\x1d\xe3\xca\xfa\xd8\x03K\xa7\xc9][t\x00-.z\n\xa6O\xaaW\x97\xad"\xcb\xa0\x92\xcb\x86\xb1\x14\xb8x\xde\xa9jz\xb152\x90\x898\x16\xd9\xcfc9\xb8K\x8c\x8b#S(\nJ\xae^oL:h\xa1&gt;8\x91\xefTt\xa5h\x8e\xe2\xbfb\xed\xed\x84h\x13\x0c\xab\xe9\xa2\xb4\xe9\xa9\xfe\xe4vY\xf1\xb0\x82\xb1w\'\xafNN\xbef\x12\xd7i\xba%\x12\x14\xbe]I\x9f\x94\xebM\xb3(\x04\x05\x01Ke\x1d\x9e\xe7\xd8\x03d\xb5\x00\x13\x9bm\x83D\x12\xf3\x1e\x17\xd4\x12\xc5L[\x17\x8a\x8a5Kv6\x1b\xd5~\xa1\x03\xcb\xf3\x1ca\xe9-`\xa1ba-\xe4\x10Xq\xf6j\xc2J\xf2\x1e\x95_\nw\xaaVP`\\B\xec\xdd\xfb\x13\x0f\x8ce\xee5\xfdc\xe55&gt; \xdf\xf9\xb1\xa60\xaa\xa0U\xae9\xd88\xb8P[\xb2|\xa0Y\xba\xde\xcd\xc0\xc0Q\xb6\xcc&gt;K\xa3\x18\xcaL\xe1#\xa5bcHD\xfb\xdc\xec\xfb\xe8\xc5\x84\xa5h#\x80\x10\x16\x89\xb5\x97\x17\xd9&amp;\xa6\xc0\xca%9\xda,\x87\xc9\x8dw\xec\x86\x06\thA\x0f\x0c\xb7\xfc\xc5\xdbx\xcd\xe4ZYL\xbf\x7fg)\x82\x17Z\x15\x1e\xc1)\x0b\'Sw\x94g\x15\xc8uQ\xca\xb3M\xd3:\xb0\x17\xdc%\x96\xba\xa6\xaeX\xb9\xa4\x8c\x81\x1a\x02\x84}s~\x0f\x0bI$\x10\x04v\xf1q\xef\xf47Xa\xceO\xb7\x02N\xc2\x00\xab\xba\x07\xc7\xca-\x96\xe0)\x96\xbe\x03#W\x01*\x16C\xee\x12 S*\xac\xea\x01\x05\xa91,\x03K\xf3\xb0\x0c\xb6\x12\xe4\xda\x83\x89\xe1\xaeRO\x07V\x1dS5L\x88V\xea\xc3%\x84\xb3I\xad\xafXhZ{\x1f\xf7\r\x91\xbe!,\x13X8\x9c\xf02\xcc\xab\xb8\x9e%\xb39K\xf0\x14\x03[\x0cd\x88\xb4\x17+\xef\t*&amp;0\xb1\xb0\xfb\x89\x8bQ\x0fg?\x16\xc1\x84%\xcb\xeaX\xd34\xe5\xa2d0,\xb8\x1e+\xe5\xe1\xae\xccM\x8f\xd4\xea;j\x84\xb4\xe5\xee1,\xb7\xa9X\x8a9`X!\xe3\x14/&amp;\xc7\xff\x1f\x16\xc7\x86J\'\xf9\xa6Q\xf1\x92D\xaa\xd0\x97\xd8\xbb\xafAB\xc5\x84\x18\xfdT\xd1\x1a\x9d0&amp;\xd0\x08a\xd1\x9d \xe0\xf7\xb0t\xc2\n\x91_\xc4S\xe4e\x07\x89\xc9\xdc\xb44S\xb1\xc6\x98\'8\xaa\xd8\x80\x8f~\'\x99\xd3-Ko\xb3\x9a0\xf2LZ\x12+DN4\xc9[\x91\x08!1,\xbf\xaa\x86\xdd\x02\x99\'\x16S(\x84[6%v\x1b\xf8&gt;F\xffw\xdc\x91\xfc\xd2C\xdc\x80\xb1\x04\x1c\xcc\xb0\n\xc0\xd2.J\xe8\xdat \xc2]\x1f?R\xd1\x8b#\xc2\xd2\xb2*\xc6\x1cfE\x1f\xbepN\x1dX\xd6\x94\xb0B\xf9&lt;\x8c\xb8\x7f\x8a\xe6\x80\xdf\x83\x13M-\x97\xa41L\x8e\xb0\xfe\xcb\xf1\xb8\x1a8\x13\xcd\x8a\xc5&lt;,\x02\xa2\xa0\xcf1R\n\xa1\xb3\xff\xaa\xd8\x18Xp\xd3\x99\xf3\xb0\xfcwX\xbd\x92\xc8\xb8\xc8\xc6{\x1f\x91\xc6\xb88hA\xc5\x8a-a\xba\xa7\xf9+\xc0\xb0\xa4\x86\x0e\xaen\x89\x0eEt\x13`\x19\x0c+CX\xd6\x1d\x16\xbbt\xe2~&amp;\xa9\xc0\xb2b\x96\xd6\x82O\xefDBX\x8a\x82\xe7\x98\xbd\xae\x16\xd3Y\xb9\xcbt/\xe4\t\x8b.\x87\xdc-V\xb7\x14\x15\xbf\xca\xb5\xcf\xe4\x12\xdb\xc0\xd2\x9a\xcfa?\x99^\xc8\xf9\x98_\x0et\xd3\xb2.\x08\xeb\x94a\xa1k\x89\x19\x83a\xe1\xd5\x1e\x16&amp;]\x92\x0b\x9b\x00V\x05\xedG\xbb&lt;\x9cv{-\x80[\x16\xe0,\xdd4\xcdV\xaf;\x1d\x8c&gt;w-\xe0UlY\xa2\xe2eX\x1c\xb2\xf3\xabZ\x1e\x16|\x1f\xdaar\x95\xba\xf4\xf3\xfa\xc396\xcf\xc0\xc6\xbe\xcd\xdd\xcd\xcd\xff5Y\xc6&amp;\x00\x021\x14\x9d\xc4\xb5\x9c\xe0\xc6\xb1t\r7\x88\x08\x079,L!&amp;}\xbaC\x84\xcc`r\x8a\xf8 \xdd\xcb\xff\xed\xc7S\x00@\x8d\x9cR|t\x15z0\x15\x91nN\x0ebzA\xdcG\xf7Er]-\xb3jH\x81*\xb3\x99U"\xf68\xe87\xc4\xdfW\xdc\xb54\xcf\xe8\xa3\x1e\xadN\xc5\xf3\xa6p\x86f\xdf\xdd`\xca\xea\xb2Lg\xf2\x00\x00\x00\x00IEND\xaeB`\x82'</t>
        </is>
      </c>
      <c r="M478" s="3" t="n">
        <v>45492.67766203704</v>
      </c>
    </row>
    <row r="479">
      <c r="A479" t="n">
        <v>1140986</v>
      </c>
      <c r="B479" t="n">
        <v>5981</v>
      </c>
      <c r="C479" t="inlineStr">
        <is>
          <t>Agustín Rossi</t>
        </is>
      </c>
      <c r="D479" t="inlineStr">
        <is>
          <t>Agustín Rossi</t>
        </is>
      </c>
      <c r="E479" t="inlineStr">
        <is>
          <t>GOL</t>
        </is>
      </c>
      <c r="F479" t="inlineStr">
        <is>
          <t>GOL</t>
        </is>
      </c>
      <c r="G479" t="inlineStr">
        <is>
          <t>GOL</t>
        </is>
      </c>
      <c r="H479" t="n">
        <v>193</v>
      </c>
      <c r="I479" t="n">
        <v>1</v>
      </c>
      <c r="J479" s="2" t="n">
        <v>34931</v>
      </c>
      <c r="K479" t="inlineStr">
        <is>
          <t>Right</t>
        </is>
      </c>
      <c r="L479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98380d-2c6a-44f4-b85b-90572498cc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afj\x82\x00\x00\x03\x00PLTE\xfd\xfd\xfd\x03U\xce!\x13\x1a\x04\\\xd6\x01_\xcf\x02U\xca\x03Y\xd2\xfe\xfe\xfe\xff\xff\xff\x03N\xc3\x02Y\xcd\x1d\x10\x17%\x16\x1e\xd7\x93w\x01\\\xce\x03Z\xc6\x03\\\xd3\x03Q\xca\x19\r\x14\x16\x0b\x10\x03V\xd2\x01Y\xca\x03P\xc6\x01^\xcc*\x19"\x01c\xd2\x03\\\xc9\x03J\xc2\x01D\xb5\x01M\xbe\xbbv^\xd6\x8fr\x02R\xc5\x04X\xd5\x01`\xd2-\x1e\'\xfc\xfb\xfc\xcc\x88n\xc8\x85l\x02@\xb0\xc9}^\x03S\xd1\xd2\x87k\xd1\x8fw\x01b\xcf\xa6hV\x12\x08\r\x02W\xc3\x01I\xba\xd1~_\xc3w[\xcd\x82g\x93ZJ\x02S\xbe\x02H\xbe\xc6\x7fe\xbboU\x03M\xc7\xcc\x8au\xb4nX\xb3s_4!*\xb9p\\\xa0cS:$-\xc2nQ\xc0~hC#\x1e\x99^M\xbfwa\xd2\x8cp^6/\xc0pZ\xadn\\\xa7dQ\xbdzc\xc2|b\xd3\x83e\x8cTC\xcdzZ\xc4\x82k\x88O?f;1\xa7^KvF9]0$5\x18\x17\x02S\xb7\xa0^K\x0c\x05\x08\x9aO&gt;\x81J;\xd7\x8al\x03Q\xce\xb4gT\x01c\xd5n=1\xadgQU* \xb9yk\xa5VD\xadkW\xae`Lf5\'\xf9\xf8\xf9\x8bI7\xb7wd\xbdfN\xc7pT\x92TB\x91\\S\x81QE%\x12\x14\x9fYCL("\xc9vW\x99aU\x91N;\x1f\x0e\x11\x04`\xd9\xb5^KT0*2\x1c \xd7\x97~D.9K!\x17\x03I\xa7\xbfd[?(2o3"u8(-\x14\x14\x02M\xb6\x02;\xa9&lt;\x1f\x1d\xacYG\xf5\xf2\xf4N5;\xd1\x92\x81\x02D\xba\x98WDxKA\xb5eMU!\x12\xa3ld?\x1c\x15\x86E2kA:E\x17\nN;K\x9eg\\I.+\xcb\x8a\x81x@.\x7fD3XCS\x02O\xafZ&gt;@\xc1\x7fq\x07Y\xbe\xdb\x8btf-\x1d\xf1\xec\xef\x1fo\xcd\x87VL\xc2\x83z\xf3\xe7\xe6\xd8\x85h4s\xc5\xd0\x97\x95\xb3\xb5\xd6^\'\x17\xcep]\xb4RJ\xa9K@q[m~8-\xd6\xa3\x9d\xd9\xac\xab\xaeqg@2EnR]5\'7\xb1\x81\x7f\xc2\x8a\x85\x03C\x9c\xe4\xeb\xf6\xc4\x92\x93\xba\xbd\xdc\xd3|i~ev\xd5\xca\xd0\xc7\xc4\xde\xaaup\xbeXN\x1dh\xc2+g\xba\x1dR\x9d\xf2\xf5\xfa\x06=\x8f\xb9\x7fvcKR\xcavg\x8dw\x86\xaf\xa1\xab\xec\xe6\xea\x8a\xa4\xd3y\x97\xcf\xd5\xdd\xef\x9c@;\xc8zr\xa1\x8e\x9c\xcbcO\xe6\xde\xe2YOg\xe1\xd6\xda\x0fe\xcb\xa5\xbc\xe1\xbf\xd2\xedf\x92\xd0\xd2\xc9\xde\xb9\xac\xb6\\\x86\xc8\xe7\xc9\xc8\xdb\xb8\xb9\x8fc`\x9052E~\xca\x17T\xaf\x99\xac\xd7\xb4/&amp;\xb9\x8a\x8a\xca\xbe\xc6\xc2\xb2\xbe\x80n\x81r\xa4\xdf\x94\x83\x8e\x0b1q5X\x93\x9bww\xa4\xab\xd0\x03n\xd5\xc6\xa3\xa4^a\x81\x8d\xb5\xe3\xbeH&lt;Wi\x92Kv\xbbH\x87\xd4HW\x81\x05\x1fP9Jx\x9f:,\n\x10,(\x80\xd7\x9a\xa0\xbd\xf8\xd6s\xd7\x00\x00 \x00IDATx\xda\xacX\xcfK#\xd9\x16.jS\x81\xaa\xb7\xa9lj\xe5,*3\x88`@[0\x10K\xab\'\xf6\x8b\xda\xfex\x9dN\x07eDL7\xddffl\x12b\xbf0\t\xf5 \x10\x08\t\xb4\x03\x8d\xd4\x08\x1d\x84&amp;4\xb8\xccbb\x96\x91\xb7{\x83\xba\n\xd1\x95{\x95\xfe#\xdewnU\xe5ww\x9b\x99\xb9\xc6\xaa\xe4\xde\xca\xbd_\xce\xf9\xeew\xce\xb9\x1c\xf7g\x9b\xd0\xfdI\xf8\xe2\xf0=g\xe9\x98G@c\xa3\x02{\xd7\xdb\xd15\xc2\xde\xda\xdf\xee\x1c\xe0\x9c{\xfbQ\x97\xb3\x80\xf5h\xc7\xa4\\\xfb+\xd4\xd5\xbd\x08=\xca\x9eq\xa1a\x12\xeb\r&amp;\x13\xd8\xb5\xd5a\xf7\xb0\xbb3H7\xc1\x19\x108O,V(\x97\xcb\x85B,\xe6aC\xad\x07i1\x97\xf5j\xaf\xc2&amp;\xe78\x97\xdde\xdd9\x1b\x88\xfd]k\x94=\xd0\xd3\xfa:\x066\x81\x8b\x95\x9b\xa7\xe7\x9f\xce\xea\xf5\xbb\xfa\xddY\xe3\xfa\xf4\xb4y\xd1\xbc(\xc48\xfb\xe7\r\x9eT\xe8\x1d\xe9\xf9\xcc\xfd\xa5&amp;x.n\x1bg\x95\x93R\xd1\xd0\xb5l\xd60\x8a\xa5\x93\x93J\xbdR?k\xdc^\x15\xee3\xc1\x17\xb9%\xf4rK\x10\x9c\xbb\xd0\xfb\x84`\xf3\x03\x97\xd8\xd5\xf9\xdd\xc9Q1\xab\xebzF\xe2yEU\x94\x8c\xa6g\xf5l\xb6h\x9e\xd4\x1b\xb7\x17\x9e\xd6\xac}s}\x81[\x82\xd0\xc9 \xa1\x87I\x8e={zlf\xb9\xb8\xf2M\xa3\x0e3\x01\x94\xa6\xa9\x12/\x8a"\xcf\xf3\x12\xafh\x9aN-[&lt;9\xbb\x86\xc9\x98\xa7{y\xdaA\xa5\xde\xe5\xd9\x9d\xfb:{\x06\x92\xcc\x03P\x95\x92\x01\xd3(\x92$)t\x91$\x9e\xfea\xb4L&amp;\xa3\x13X\xe3\xe4\xaeqS\x10\x06L!|\x85\xb9\xf7\xf1\xf7\x80\'\n\xa7\x8d\x8a\x99%3\xa96"\x91\xb0\xf1\xb8\x00\x97\x82;\x80i\xaaV3\xeb\xd7\x17_\x98\xf03\xdc\x12\xee#q}-\xd6&lt;\xaf\x14\xb1\xaa\xa2\xc0c\x80\xa6\x10,\xb8\x90\x01\xc4\x1b\xe0\xb3\x80)Z\xd6\xac\\\x97\x85!\xe4\xd4\xb9;V\xeb\xf1:\x84\xc5\xd1\xa5\xce\x11\xa2c\xe1\xf4S\x89YJ\x91\xd4,\xa1c\x86\x92e\x19X\x80\x8a\xee\xc0\x95\xe0\x19\xff\r\xb3~[\xf0\xd8\x04\xedX\x85\xb3\xe7n-\xc7|\xdd\xa2|K\x7f\x84{z_(\xdc\xd4\xb3\xba\xa1+\xf0\x9f\nn\xa9\x92H0D\xaf\x1b\xc0p\x97e\xb7\x1bw^L\xc9&lt;\x0c\xc6p5\x0bB\xf7*B\x0f\xe5{;\x1c\x19\xb8\x7f\x8b\x9d\xd6u\xd504l9UU\xc9k\xb2(\xbb\xbdh\xb8\x1367`aO\x92[\x01\x1d\x06+VH+\x86Zd\xe8\xb8\x0cTYU7\xb2\xaa\xa4\xc1\x7f&lt;\xb3\r/\x89\xc0\xe2uK&lt;A\xa2\x7fY$\xbd\xa0-J\x9e\xac^V\xceI\xc3\x86\xe0\x96\x1d\x9c\x98K\xbb\x99\xd4\x1a\xb1\xdcn\xb1\xcd\xd3&lt;\x83P\x81Qp X\x05s\x89\x80\x85\xbb\n\xfb\xc8d7\x99\x87\xe9\x80Qf2\x06\xd2)\xd9j\xe9\x12\xc4\xf7\x08.\x8e\xeb\xa6\x12q\xab{\x11+\xcc\xf7\xebVK\xf0Z\x12"t\x8cp\xe5s\x03\xfb^\xc3\xdeS\x0cM\x81\xae32\x01\x18q\xddr\xa1H&gt;uoxaD\xda\x9b\xb2\xa8\x80_\x97\xf5\x9b\x02\'t\xcd\xd5\xbdN[q\xff\x04\xb7\xca\xe7%\x15hx\xd9\xeb%R\x91y\xbc\x1b\x1b\x1bd\x1e\\\xf0\xd6+2\x9b\x89\xee\x8d\r7\x04Ld\xe2\x9f\xd1a\xb0\xb3\xd3\xf2\x00~\xb9\xfe\x12\xb7\xecV\xb8.!\x1e+2-\xaa\x8a\x1b\xd4\xe0,\x91\xf8%\x92\xd3\xdcV\x07c\xd8\xc6\x06\t\x18\x84\x03J\xab)\xbaY\xfat[\x1e\x82[\x96zX9\x9e\xa5W\x9d\xcab\xb9\xdd\xce\xfe&lt;\xa7\x15M74\x98\xc9+K\xaa\xe8&amp;C\xc1H"\x11\x08\x1fa\x1e\xd1k\x99\x8e\xb0\xc1\x8d\x8c^\x80-Ij\xb5trv\x15\xb3\'\xebH\x0f9g5\x9b\xd9\x96\xa3\xdb(\x84\x1en\xb5\x9c\xde\xde\x04\xe5\x86\xae\xea*\xef\x96\x89SL\x19D\x91\x19\x08j\xa0\xa0\x9f\xe0\xe0\x02\x7f\x8a\xcc\xbb^\xda\xa4$\x14"\xaf\x1a\xa6Y9oz\x84\x9e\xe5\\\xdd\x14v87\x0c\xb7\xb8\xd3\nv\x1c,"\x19\x86J\x98\xc0f\x8dD\xc2\xb2\x1a\xcf\xb6 \x99\x10W@\xb1p)*\x85#X\xd30O\xceN\x0b\xdcW\xb8e\'\xa8\xc30+vm"\xd0\xf0n\xd1\xfc\xa3H\xb0xI\xd5\x18,f!BF\xaa\xba\xe1\xb5\xecG\xb8\xbc\xd8\xa4\x14%\x89e\x9aQ\xba\xbb-{\xee[bp\x9fO\xf6\xba:\x10\x0b!\x0e\xd8\x84n\xcd4\xb2\n\x98$I\xc8HY\xf0\xe1\xf9\x94\xdb\xda\x910T\xcaz\x0fk2\xc0\x14\x90D\x18M\xab\xc2\x8b\xe5\x8e\xac\x8fAhW-via\xbdq\x9c\xdc\xab(-nu\x04\xcb\xe6\x99\xae\x92x\xaaZ\x16\xf0\x12\xc8\x11(D\xa7\x08H*\x95H$\x00\x07/\x86+\xc53\xe1\xc2\xae\xc0\x1f\x98\xa5\xe2[\xa6y\xd9\xb8p\xc8e\xa5\x92N\xf5a\xd7"\x16\xa7h\xa4\xc5\xf4\xde\x10\xdd\x16\xbc\xd6\xc8ME\xc7\xcf\xcejp\x8f(%rR"\x91K$"\x91\\$\x9f\xcf\x07\x0e\x0f\x0f\xf3\x99\\.A\xf8\x12)\xd6\xdc)\x16\x8dHWU\xd9-U\xcdR\xfd4&amp;\x0cL\x04Z\xab:r:\x04\xb5\xceMEV\xab\x9aL\x12\x9eJ\xe42\xf9|$\x12\t$\xd3\xc1`(\x98\x0e\x00\xdb\xe1a\x1a\xe8\xd2\xe9\xc3d\x00h\x81Q\xc9\xf0\xa9\x84\x1b\x12\xab\xd6T\xc5\xbc\xacP\x08\xba/\xb7\xda\x1f\xdae\x87%)v\x8fURr\x17\x9f4^\xaa\xd5\x90\xbd@\xa2R\x99@\x92 \x04\x0f\xc2\xe1\xf8\xfe\xf6\xb3d\xf2\xf9\xf3`\xe8`?\xfe1\x1e\x8f\xef\x87\x0f\x004\x99\xcc#{&amp;\xdf\xca\xb2Z\xab\xd5`\xad\xd2\'H\x04\xd7\xe6\x92\xb3\x88\xd0\xc5\xad\x16\xe3\xedPm\xd5\x95\x0e\xd5\xedb\xc2\xd9\x13\xd0R\x15\xbf\x9a\xb4\x11&amp;\xc8\xa4C\xa1\x83\xf0\xfe&gt;@\x84\xb7C;;\xdb\xe1\'\xab\xabS\xf3\xf3ss\xe3\xe3K\xf3SS\xab\xf1p8\x14L\xe6#\x00\x86\x10)\xd5\xa0\xa7\x97\xa5R\xfd\x8a\x02\x90\xab\xbb\xf2\xe9\x08\xd5\xfd\x95OO])\xf4\xed\x81\xdb\x13\x05\xf2\x03\xf9\x96S\xa9L\x1a\x86Y\x9dz\xf3\x06(\xc6\xe7\xa7V_\xcf\xcf\x8d\xbf\x9c\x19y&lt;B\xcd\xf72\xba\xb4\x8e\xce\'aX1\x10I\xa4\xe0v$\x1b\xa6i\x96\xee\xae&lt;v\x8e\xeb\xa8g_Y5,\xb7n\xffP\xd5\xacQS\xb1\xb7R\x81\xe0\xfe\x14\x10-..\x02\xcb\xe3\x11?.\xcb\xcb\xd3\xd3\xd3\xcb\xa3h\x93\x93#\xfe\xe8\xd2\xd2\xfa\xfa\x14\x80\xc1b\xb9\x14\xafV\xab\xe6\xe5%\xe2b3\xe6\x19\xa2|\xe5:\x0e-\xda\xa7\x18\x8e\xdb\xad\x91\xeb?td~\x92\x08mJ\x04B\x1f\xc7gf,\xf3\x00\xd1\xf4\x83\xb1\x07\xd4F\xad6999\xeb\xdf\x8a\xc2f\xab?\x84C\xe9|\x8eWj\xc0U)\x95\xeen(\x8d\xe8`{G\xa1\xd3\xe2Z[\xb6\xda\x87\x18\xf6\xd9\x81\x93\xa8Y\xaccn\xbf\x05,E\xa2\\*\x95H\x86\xe2\x8b\x0c\x105\x80\xda\xdc\xdc\x1c[\x99X\x99\x00\xa65\x0b\xd7\xc2\xac\xcf\xef\x8f\xae\xbf~\xbf\xfd,\x10\x01!\x01\xacd\x1a\x97\xd7\xa4\\\xbdU\xb5\xab\xbf\xaav\r\xe6\x94 \xf4\x9ebp\xd7%\xaa\xbc\xa0\xd8\x10\x87@0\xbe\xf8xy\x94\xfc6\xfd\x80\xa1\xda\x1c\x9bX\x9b\x000j\x80\xb5\x0c\x83\xcd\xce\x02\xd7\xea\xfb\x9dd$%\x8aj\xd5\xacj\x92\x89\xe4y@\x11\xdd_U\xdf\xbf]\x9b\x10u\x04BY\xccd\x02\xc1\xd5\x97\xcb\xd3\xb6\xcfVV\xc6\x8e7\x8fW\x00k\x05\xed\xc1\x84e\xae\xc9\x85\x91Y\xff\xcb%\xd8\xeb9`\x81\\\xd5\x9a\xca\x9b\x9f\xcb\xe9\x07\x90\xad\xf3\xc8\xac\x8fx-{{\xce\x8b\x94\x96J\x8a\x98\xc8\xe4\x93\xa1\'\xd1\xe5Q\x87K\xa3k\xac\xed\xc1\\\x04j\x0f\x90\xf0Z\x98\xf5\x83`\xe0\xd7\xce\xbb\x84T\xab\xe2O\x95J\x8d\xa6\xa7w\x95N\xa9\xea\xf8\xd0\xce\xf1\x1d\x92\t\x9d\xe5\xab\xf3D\xec\xdc\x80\xb1Pj%\x00+\x1dZ]\x1a\x19%\x04\x0f\x17\x16\x1e\xdamw\x0f\xd8F\xf7v\x1f\xfa~\xf6Q\xdb\xf2\x13\xae\xa7\xaf\xb7\x039\x94\xfd\xb0\x96"\xd6\x90\n\nv\xda\'\xb8\x9c\x12\xc3\x162\x16\x9a{t\xab/\r\x14z\n\xdbX\xc3PXJ\x07j\xe5\xd3\xe1\xa9\xa8\x8fPau\x86h\x97\xae\x805\xb1\xb6\xb6\xfb\xf0\xe7_\xa9\xbd\xfau\x0b-\xfa\xf4\xdf;\x01\xc4t\xc8\xbc\xaa\xc8J\x9d\xc1\xea+_{\x8fp\xee\x9f\x06z\x1aE)\x85$+\x95\x90r\xf9\xe0\x0f\xf3~\xc6\x1f\xa0\xda\x1beh`%\x825\xb1\xb6\xb7G\xc0~\xf9\xe5\xd5+\x02\x16]\xff\xf1Y&gt;\x83,P\xab)\x8a,U\x10\xac\xff\xbe\xf2\x95E\xea\xa3\x1c\x92\x02d\x07\x89H \xb4\x1a\xf5\xf9\x16|\x0b\x0b\x93\xa3\xa3\x13+\x9b\xc7D\xf8=\xb4Q\xec\xc35\x07\x18\xc3E\xb0\xdee2(\x014\x94\x1bR\xe9&amp;v\xcf3\x18\x97\x15\xa5\x98C\xedCb\xce\x8a\x89\xec\x83E6t\xdc\x9c\xe4\x08\x132\x97H2\xbc\xce\xd8\x03T\x13+L\x1e\x80kbow\x97\xd1\x8b\xc8?\xb9\xebc\x8e\x8cF\x9f\xfe\xf8,\x90\xcf\x18E\x83%D\xc6u\xa1\xf3@\xdbB\xe6\xea&gt;\xf2f\xbd\xae/\xa7\x81\xed\x8c\xec\xaa\x8et\x00\xd9J&amp;\x92\x87&lt;\xf8\xfc[~\x9f\x0f\xc6"\xd5\xfa\xf0\x01\x06;&amp;\x83\xad1\x87\x92\xc1\xc8\xc1\x8c\\\xafw\x92\x01\x1du\x9c&amp;\xc9\x16\xac.\x06s\xddu\xcc\xd0\xdc\xe2\x9ag\x1a\x12\x95L\x1e\xf2\xb0?\xee\xf3\xcf\xfa\xb6\xa2[\xbe\xc9Ih\xfc7\xff\xf8\xf0\x81\x9011]aW\xd2\xae\x85\x05\xc2\xee_\x0f#\x0b\xcb\x16\xb3\x04\x8b\x9c\xf8\xf7r\x0b\xf9\x96\x0e\x1d\xd5\x03\x81\xf4\xfe\xdc\x08\x14|\xe9\xed\xdb\xf5\xa5\xf1\xc5\x99\x9f^|\xff\xfd\xbf\xbe\x1d#_\xc2d+\xc7\x08C\x08\x8f\xd3\xcb0\x97\xdf\x0f\xa9_\x9c\n\x07\x0f\x8bG\x86\xae@\xeb\xef\x9a\x9e\xe1\x0ec\x84\xaf\r\x17\x1a\xd9\x8c\x8e\xd4\xaf\x18\xff\xed\xf1#\x7f\xf4\xed{\xa4[\x1f\xe3,\xe5\x8a\xbfY\x9cyL\xde&lt;\x1e\x1b\x1b\xfb\xe7\xb7\xdfM/?\x1a\xa1`\xfdt)\xea\x9f}\xf1\xfb\x9b\x83b\xf1\xe8\xc8\xc8\x88\xbc\xde(w\xe8\xb9]b\xb4sO\xa1\xb3\xaa\x1ep\x1e\xd6q4\xd2J\xb7\xa1\xa7\x99\xc3\xe2\xe1\xe1\xc1o/\x96\xfd\xebO\xb6C\xd4\xd2\x01J\x9c\xd3!\xe493\x0f\xbeAd\x1c\x9b\xfeiqnn\x1e\x99\xe0k\xd6\xe6f^\xfc\xef\xbf\x1f\x8f\x8e\x8eJE\x8d\xe7\x8b6\xb5\xb86\xb7\x84A\xe5\xf3\x10\xdcB\xf4\xd1\x0e\xf1\xb3\xe3\xbfO?\x9a[\r\x1f 1\x0e"\x87\x0f\xbc\x8b\xbc\xfb\xcf\xf3Px\xea\xe5\xffY5\x9b\x98\xb4\xb6-\x8e3\xc3\xc1s~G:xB\x1a\x8c\x03\xc5D\x82\xbcCA\x91\x8f\xfa\x81=\xda\x104\'"\x88\xc2\x01\xbc\xb4\xf2\x82\xb95\x08&amp;E\t\x02\xc5V\xa9\x8d\xa46\x82!\x02W1\x8d&amp;\x84kp\xa4\xbcvP\x9e\x8d\xa3\x17k\x07r\xdfK\x93\x9b\x98t\xe6\xe0\xad}@\x05\xfc\xe8\xb5\xb9+(F\x13\xf9e\xef\xffY{\xfd\xd7\xda\xf2\xea\xea~\x96\x88\xdf=\xd0\xdb;\x081\xde\xfb\xb0\xa7\xa7\xa7\x9b\xaf\x0e\x85|\xb3\xc05\xf3\x8f\xbf\xfd\xb4\xbf\xf3\x9d\xf6\xdb\xdd\xedk\rT6\xa0\x919\x9f\xbc\x89\xd7\xdahZY1\x8d\xcd\xcf\xcf\x8f\x8d\xa1:\xb4\xb3\xb3\xb3\x95\xc7\xad\xac\xacf\x0e\x01\xd5\xc4\xf3)*\x9e\x0f\x8a{\x07F\xe7\xf7\xb6\xb7\x8e\xf7\xf7\x97\xe0Q\xbc\xff\xf5\xc3\x1d\xc6\x1a\xf4\xef\t/\xff\xf6\xfb\xbbIX\xacY5\xa3I\x8a\x8ae\xd8\x9dPP\xcf\x1b\xaaS\xa9\x9a\xa1$\xe4=\xa8\xad\xaclk\xaf\xeb~5\x80\x16\xab\x17&lt;F\xcb\xe3\xc7\x8f\xc7{V\xe6\xb7\x93\x7f\xbc\xdb_\x9a\xb9\xff\xd3\xcb\xffN\x17\xff\xef\xc28\xac,\x8f]\x98\xe7\x8ab\xf3\\2S\xb9\x9crA\xec\xfc\n\x8b\xb5\xb4\x12d\n\xa5\xf0\x00\n\xb9\xdc\xe0\xe6\xbci\xb4\xafo\xd1\xafT=\x10\n\xdb\x19\xd5\xd5lLa\xec\x06E\xa1g\xb4n~l\x05l\xc6\xc3Q\xdfV2Ma\xfd}\xff\xb0\xe6r\xb2WQ\xde\r\xccwl\xe8\xa5M8\xfaM\xf6\xf5b\xcar\xf8\xdb\xc2\xd2\xd2\xfe\x8a\x9c)\x84\x9c \xe7\x06\xa5\xfc\x1eP\xfc\xf3\xc1a\xbb]7\xa4~\xd0\xce\xee\xefhP\xb9\x01\xca\xe2\xd7Y\x8c\xad\x80\xce\xab\x1b\x1b\x9d\xeb9\xce%s+K\xaf_ON~\xfdP\x9a5+\xaeX\x8c\xbb\xdbW\xda\xe1\xbf\x00k\xce$g\x06\x83L9C/\xeb\x13\x8f\xcf\xcc\xfc\xdc"\x16\x0f/;\xdcC\xcdp\x10u\x91\x1a\x8bN\xf7j\xd9&gt;0\x00\x9e\xb6\xa7\x93/\xdd\x9c_\x19]Ioo\x83\xb8^O\xce\xbc\xff\xee\xd4\xac\xb8\x0c,1\x94\xb4\x8bdrY\xf3\xe7\x7f\xfc\xf0\x15\xb0f}Ly\x90[\xcb\xa82;\xbc\xe2\xd9\xf1\x96\xa9\xe7\xe2\xb9A\xaf\xdd\xafP\t\xe0\x80\xf6h,\x8b\x8e\xb5\xb55\xf1\xc2\xb3\x9f\x1f=\x1b\xeci\xac\x83}6\xf9r\xc9\xadw\xfb/\xef\xbf\xfc}\x9a~\xf9)\xb4\x8b\xbcu\x8d\xc5(\xeaI\x94\xf7\x9d*\n\xcd\xdfs\xb5\xbd\xfd\xf7\x02J\x0fr&amp;\xb7\xb6\x8d\xad\xb5\xf8\xfbVL\xb3s\x0f\x87\x07\x1c\xcb\xcbv\xbf[+\x10\x90N\xa7\xc6\xb2\xbe\xec\xf5\x8e\xef/&lt;\xfa\xe7\xb3\x96\x85\xf1\x81\xce\xd6\xcd\xcd\xf4V2\x92CX\xafwj\n\xff\xf1B\xb9T}p\xe1p\xae\x0e\xee\xbe3\xb1\xaa\x01\xdb9\xfd~F\xbc4+lbr\xb9\xec\x06\x0f.\x03\x97\xe8\xe3\xb7\xbau\x0e\x07h\xc9\xec\x11\x08\xac\x1a\r\xc2Z\xf3z\x1f\x8e?\x9fz4\xb3\xbf\xf4\xb8\xb7O\xa1\xdf\xcbE"\xc9w\xaf_N\xfe\xfa\xe9\x8a`+J\xab\xce\xbbY\x8c\x9a\xa3\x8d\xc8\xe7\x0f#\xefg\x16\x96LM\xc8\xee\xdc\x83\xb2\x14\x03C\x06\xf9\x01\xd7\xad/Z\xdcJ\'\t\x8b\x15\xd7h\x94~\xfb\xf2\xf2\xb2c``X&lt;7;\'\x1et\x18\xa5{\xdb\x14\xd6\xcc\xd3k\xb2\xd6mS\xaaB\xc6\xa0\x97z\x8d\xf3!;|\x85#"B\x9a\xdb\xf9\xcf~\xcb\x9c\xb4\xa9\xbd\x1d\x95\xa5\x92\xaa*Q;\x1c}\xcd\xb8\xc5\xef7\x9a\x11\x955\x1eWjp\xe5\xba\xc3&gt;\xecX\xd7\x19;!\xe1\x9a\xfa\xd6-C\xea\xed$`-M\xc2\xc9S4}\xa5\xd1\xaf\xd3\x16\xadH[\x05\x93J\x8d\x0f\n\xc7d^\xf2\x15\xf9\xa6I\xc5Q6j\xb0j7\xd3=\x8fa\x0f\xf3T\x12\x89\x08\x05\xa6R(-n\\\x0b[H\x92\xb1\xb8\xc6\xa9\xc5-\xc0\x05XfY\x9d\x0c\x0e\x01\xa3\x12\xd7\x87\xb6\x01k\xe6\xe9\xfe\xce\xc8\xc8\x87\xf0H\xe1S\nv\xb5 \xe1\x9b\x86\xc2\x05\x13]r\xab\xe0bp\xf79\x1aME\r\xa4\xd3\xf2pT\xde\x8eL \x87S\x85\xb0$\xcd\x04nv+\xb4\x1eR\x00e\xf2\x81\xd5\xa9q\xaa\x08\x8dn\xf1\xd5\xabE\x9d\x1bW\xd5\xd5\xc9\xf8\n\x05.U#\xac\xa7O\xff\xf7i\xe74\x97&lt;\x9a\xce_E(\x93\xd8\x0f\xd8Wz"z\x90J\xa5\xea\rx\x9f\x89\xd9\xd4p\x0faIP\x95\x87\x11Z\x1c\xc7U\x1c\xf0b\x06\x04fuj\x89f\xadR\xe7_\xec\xd3\xa1D\x0f\xa9\xbeN&amp;\x1b\xd2\x87"\xc9\xe3\xc9\x99\xaf\xa7i\x85\xd6\x16:\xac\xa1\xfd5AO\x1c\x1cDSo\xde\xacb\x9dc\\\xd4\x95\x01.\xb0\x87P\xcc{\x90\x8d\xe0 C\x06q@Z\xadD3\xa6R*-\x10\xf9\x03\x08q\xa9x\xc1d\xf2xA|\xdc\xaa\xb4\xdavc\x89\xe9?\xf7\xa1\xe7\xad\x8a\x9b\xfb;\x1b\x80\x85\xb8D\x8d\xf3\\&amp;\xe5\xf1\x1b\x9eP\xce\x90\xb4z\x80\n\x90\x04\xe7X\x18&amp;SBtR\xe7"\xac\x17\xc4\x10/\x18\x89\xfc1\xec\xf8\x12\xb7Fm\xdfN\\\xe1\xb2\x07\xad\xc8\xbb_\xaa\xbf\xbc\xfc\xbb\xc6\xbe\xe6\xb1\xa2,\xc0:\x0ep\x01\x8b\xcd\xa6\xfc\x17eTAV\x86\'\x02\xd2`\x88\x02\x96VK\xf0p\xa5EI\x85Y\x81S\xa1\xc2\x82\x91\x8d\xad&gt;\x8b\xd3\x96\xb1\xed~;\t\x84\xcb\xdc*\xfd\x07\xed+mc\x17a\xa5\xd8\r\xad\xa6\x00\x97\xc1fC\xe1\xde\x81\x8c*&lt;}$\xf2\xf8O\x04\x02\xf8{\xf4\xc0\n\xe2R\xe1\xcaB@r\xc55\x80E \xac\x9cQ+\xc9db\xdfN\x00\xeb/\xb2\x18\x15\x89\xddo \xae\x0c\xc9\xe1\x9bB\xc0\xc5\xea\xaf\xaeFF\x07|\xbd\x80\x04/]\xdf\x15\xcd\xa4\xc0\x90E\x05V\x82\xc05\xd4J\x01\x94\x93\n\xad\xaaY\x14\x8a$r\xadX&amp;c\xcbc\xdd\xe1\xe2\xd4\xad\xea;:\xf8v\x90bE\xadV\x95i/P[\x0bP\x94\x03\xeb\xa8G\x0f\xe0\x13\xf0`\xab`\x15\x7fy\xb3\x1a\x95\xd80\x8c\xd0\x98a\x9d\x00JkE\xa1%0a`#\x91\xe3\x8b2\x12\n\xabD[\xf9\xc4y\xb3}\xbd\xa2\xad\xe2\tY\x98\x81\xb0\x9e\x90\x9cf\x93\xcf\xe5\x82*4\x0f\x96\xb7\xf8]\xe0\xf6\xfb3Y\xf4\x8bT&amp;\x9b\xcdf\xf2\\N\xab\x87$\t\x92\xc0\xaa\x84\xb0X\x89\xadf\xc2&amp;A\xd2:IL\x17]k(-\x03\xafh\xebv\x8d\xd5P\xe22\x18\xd8M\xfc1\x97\xcbUYY\xcb\x02\x8f\xc3\xea_E\x1d\x87\xfa\xfa\xd5U\x89\xa5\x1b\x83\xcc\x96\xcal\xf2\x89\xac\x10\xa7\xa8\xac\xa4@"\xc1$"u0\xb0\xf19\x91\xc6?:m\x08k\xf7\xa8\xe6\xba\t\x19\xedG\xec\xebQ\x86\xdc\x8d\x91\r,\xd6\x90)\x00\xcb\xd5\xd6\xc6b\xb0V\xcf}4l\xa2\xd3;5\x00\xa9\x8c\xa3\x10\xb7\xf89Y\xc0\x82\x1d\xf4\x90\xe8\x88\xc2D\xc1\x10`\x9d\x8e)?\xc6!k\x95K\xeb\x96\xbb{\x17.\xb2\x88\x93^\xfa\n\xbb\xc8\xf8YL\xd2\xc1\xe2\x99\xb6\xf3Xl\x10\x14x\xe8\x14P\xc1&gt;\x92\xeb\x13\xc3n\x8eG605\xb5\xee\xc1pDE-\x16:9\x83\x81H\xe2s\xd2G\xc4\xe21r\xf7$v4rc\x19X\x84U6c\xbd\xac\xe5KF\xfb\xd3\x11I\xfc\xec\xcc\x9a\xa9\xe6\x8d\xee!\xacj\x168\xfa\x0e\xaa\xdd\xd0\xd5e\x804a\xd6\x19q\x95\xcc\xbd\xd8\xbb\xe6w\x82\xb4\xa8\xc5BXP\xfd \xac\xc4\xd6f\xc6\x1a?\x8b\xc7N"az\x89[-\x1a\n\xd3\xf2S\x8c;\xd8WZ"K\xc6?\xc69m\xbc\xd14`1\x19\x8c\x02V\x17JZV\xa7r\xdd\x0e\xa7\xb3\xb1\x0f\n\xd5u\x9dNIayH\x8e\x04\xc3DB\n\xcb\'\x15\xc5\xcf\xbe\xc4c\xb6\xbc\xb2.}\x16\xadDYe{\xf6\xfd:\x90\x9b\xc9p\xac$\xbb\xaa\xd3\x17pq\xe5L\x10|\x9e\xca\x80\nx\x9d\xdd\xeb]\xf3\xae\r\xafy\'\xbc^\x87\xdf\x92_.\x82\x83\x01\x96:\x04X\xa7\xf3z\xed\xd9\x97/1k\xe2\xed\xdd.|\x96m-\xbd\xec/aW\x86\xebbu\xb0\xaa:\xc7B!\xae\x90\xd1\xd6\xcf\xea\xa0:m\x02\x8e\x16\n\xd2\xb5\x17^\xef\x8b\x17\x13\x13/ \xbc\x0e\x9d\x11qy\x08H\x0e"\xb5:\xb8\x1d9\xdd2\xf1,\x1f?:Ej\xaa|(\xd5V\xb9\xceK\xef\x06\xe6\x9f\xd7\xf3\xf7\xa2\x1b\x80\xd4\xf7\x91D\x96\xfbKe\xff\xaa\xa4\xdb\xa4\x0e\x05\xe5mmml\xb4X\x06\x01a\x86*\x19\xaaw\x84U\x885\xc4\x85\xc3\xf1\x88az\xa1Z\xbd\xb7\x9dL\xfa\xc6dJ"\x98\xb5%\xde\x16&gt;\xe5| we\x8aq\xbe\x99\xb7\xb8\xd6\xa2;\x00\xb4O\x1b\xdc\xda7\xa9(ii\x94\x06\xd5r.\xa3\rv\xb1\xbe\x8b\xa3\xd5A-j\xb7/\xc3\x8b\xe2\xf2\xc2\x82M,\xa3}\xc4\x01K\xa4WSX9\x93\x8c\xc0\xb2\x01[\xf0\xb0\xa6\xcc\xbe^\xb6\x9cK\x9c\xce\x9f&gt;\x7f\xa6\x8f\\\xa8\x12\x04\xac!\xbd:\xc8\x05\xcd\x03\x16\tKe\x7f\xe5\xf7\xeb\xfcJ\xe4-\xec\xeb\xc0\x08~\xcc\xbb\xb6\xec\x80\xea\x14\xb0\xd4\x08+\x94\xdb\xeat\x12\xd9@H\xfd\xf9N\xf6\x95^&gt;\x85\xbd\xee\xc8\x0codR\x99\x94M\xd7\xcd\x97J\xf5r\x06\xa8\xab\xc3`^\x07*\x9d\xd2\xac%l6\x1b*\x99\x9d@\x07d``\xed~\xb3\n\xd3\xab7\xf7\xd2\xe9\xf4V\xba\xdbi\xcb\x06\x02\x1b\xe1\x9a[\x15]\xaa\xad\x8a\x8abm\xddt\xeft\xe4\xc8\x95Me\x08cw+\xbf\xaeN\xcfdB\x8a\xe0X\x1c\xd4vylT\xec\xc6\xac\xb1\x18\x14\x10\xfeE\x87\x1d\xd6\xcb\xa2\xc2\xd4{{\xe9M\x9f/Mae\x03(\x93^w\xef\xf4\xe2\xc2\x0c\xfdrH|\xfd\xf4\xf5\xb2\x0c\xbc\xf8a\xfa0\x11\xd98\xdd\xeanT(\xf8CL6\x93]\xaf\xb5\xe8,\n\x15\xa1\xb5\x9ec\x01\x95\x16\xb8\x8c\xdd\x00f\xef\x93=\x00\xc1\xab\xd3&gt;\x08(\xb6\xb2\xd9H\xf82\x89\x96\xdei\xa6\x17f\xc3\x17\x0e\xe7.m\xb7\x91\xb7\xe1\xf0\xa7\xd3\xc6\xc6V\xbe[%\x122Y\xf7p\xb7\xdb,\xd3\xc2\x01\x18\xd3\xfc\x9fv\xf3\x8fIk=\xe38\xc9\xda@\xef\x92\xebM\x96\xceh\x84\x99\x0e\xb51\x12\x9c@0\x85\xc9\xc2\x0f\xb9 =\xf1 GIO\xd3\xf1\xe3\xd2#$\xc0 \xf4\x0fn\x82\x8bH\x8dKp\x05\xbb\xd0\xc2\xbc%*6m\xccu\xad\xf6^{\xe9\xb2\xa6\xbd\r\xed?\xbb\xc5-\xdb*M\xfas7\xbd\x9b!\x8b\x8d\xc9\xed\\\xda\xedy\xf1\x07\xbfDk\xb3\xfb\xa2\xa7\x98\xd3\xca\xa7\xef\xfb\xbc\xcfy\x9e\xf7\xf9&gt;\xb3\x804;;\xfb\xd1\xe2\xb1E\x88\xb6N\xe1d,J\xa2s\xc0{\xf7\xe6=\x91P\xc8s\xe2\x97\x7f\xba\xfc\xb8\x7fO\tD\xb9\xfb\xa0\xe7\x0bg\xf4\xe2\x1b\x93\xffp\xc8\x01K\xcdb\tym.\x97\xde\x05\xc9\xeb\xb3g\x8b\x8b\xe8\x0b\x8d+\xfe+0bc8N\xe2\x1e\xdb\x85\xe9is\x84\xef\x89,\xcc=\xb9:\xf7x\x84]\xee2\xe9\xdb\xfa\xd2M\xd5&amp;c;M3\x83A/\xbd\xc3\x18\xf9\xc6\xe1\x91\xe8\x83F\x8bE!\x04,\x17\xe4\xd0\xfe+\xcf\x16a\xa2f\x11\xda\xe2\xb3\xdcf\x9c\x99\x88\x8e\x918_e6\xcf\xcfG\x1c\x9e\xd0\xc2_F.^\xec\xa7\x15i\x9ai\x05\x9a\xe6|MzS\xe5\x90\xd7\x9d\xd2Kl\xab@\xb3\x94\xbf\xd3\x7f\xf3\xa9D"\x0fZ8j\x91\x82\xe5:v\xca:f\xb5..\xce~z\xfb\xf6m\x88\x10&gt;EpW\xae\x0c\xc2F\x8c\xc5H\xb9j&gt;\xe4\xf18\xf8\x9e[/.\xb2K\n\xf84\x1a\xbd\xb0\xe8\x9a\x17\x1cl\x1dN\xeeM\x89~\xf3\xa9G\x12\x94[$z\xa3E\xd4\x03T\xf0\xfc\x83\x90\xefv\xce\xe4sl\x90$Zc~\xbf?\x1a\xe5sB\x11\xc0Jxn\xdd\x98\xa4}\xb7\x83\xfd\xb7\x7f\x81q\xc9\xd5z\x18j#\x18\x96\xeb$d\x8a\x10\xc1 \xc7u\x1b9\xaf\x9e\x1e\xb5&gt;h\x8d\xc5\xa2:\x9c\x0ff\x15\xf18"\x0b/G\xde)kf\xd0w\x11Y\xe7\xef\xfc\xf1EB\xce\x91K\xf4\xfa\xa0]\xae?5\x164\xa2B\xd9\x87\xed\'z\x820K\xc7\\\x00e1\xaa]0aQ\xd2\x99p\xf2C\xaaH$\xb2p\xb3\x9f\xbe\xc7L\xa7$}\xa5\x95\xa5\xaf\xb4\xe2.\x8d\xc9\x97N\x07G\xc2\x91\xeb\xf9\x98=H\xc6\\\xed\xe8,\xc2\xe8:\x05\x9ejbb\xd0?\x06.C\xdd\xe3:f\x8d\xfaI\xcc\xe9t\x84\xc0\x9b\x86^\\\xdcR]\xd1\xb6N&gt;6\x85\r\xeb\xe2\xfb\xd2\x14\xa3\xac\xb7\x82^A\xda\xbe\xf1\'`%&lt;\x80%\x91\xe3\x98=\x1a\x95\xb7\xa3\x03\x9c_\xa3\xd8f\xe3Yh\xd7\xab{\xc0o\xf8)\x9d\x13\xfe&amp;\xec\xc4H\xe8\xc6HE\xc14}{\xe1\xd4\xae\xd1i\xa9xod\xce1\xea\xf0\x80\xef\x92\x938N\x19\x82\xedm\x87\x7f\xc2k;\t\x81 \x8a\x1ff\x06\xe1\x11}\xb2Go\')\xc2\xa0\x1buz\xe6C\x0e\xc7\xad\x97\xec=~\x08}W[*-\xa0M\xce\x85F\x13\t\x8c/\xc7p\\G\x10\xb8\xa8\xed0\x84\xa9m.\x7f.\xae\x99\x18\xb4\xba \xddwY\r&amp;\x93\xf2\xec\xe8\xa8#\x14\x01\xac\'\xec]\xa2\xd1\xfc\xd9L\xb9\xa6y\x87\xf45\x7f\x87&gt;9gs\x1aFa\x93\x91$n (\xdc\xd8~\x18\x12\xb2\xc3\'\xa33\x88\x0bf\xeb\xa3\x93=\xae N\xf9|\x04\xc2\x02\x07\xe1X\x00\xac2\xb1(\xadB\xfa\xba\x91bT\\E\xda\xf6\x89\xe5\xe4\x9cY\xae\xd5\x92\xb8S\xa7#\t\x13\x85\x19\xdb\xd0\xb9R\xbb+\x9a\x0b\x03\xcfLXa3\xc2\x06 |&amp;\x02\xa6\xcb\xe9p$\x10V\xf9/\xad\x947\xef)\xc5(\x0c\xbb\xa4\xaaQ%\xd8\x8dA\xa7%\x08\x1d\xa6f\xb5\xb5\x9f0\xba\xacQ\x8a\xf0\xf9\xc0\xe6Q\xf8\x15\x1c\x8b\x12h\x11\xcf"\xf5\xdb\xe8\xd3\x85\'l\xdaw=&amp;\xafJE\x98V\xa9]\xff2\x90\xb8^\x1d\xb4Z\xc1MQ&amp;\x13A\x11\x13\xe0\xdd\xaddt\x90"\x00K\x87\xf4p\xa3\x8e\x85]mk[Msa\xf5\x93V\xd1\xb66N\xa0/^\x15\xb2\xf4:\xa5\xd7\xebU*\t\xe0\x8a\xe1x\xd4\x1f\x8b\xc5t\x94\xe9\x0c13\x03A=E\x19\x06)\xadA\x89f\x0b\x863t}\xd3\xb6\n&gt;\xa5\xd8\xb6\xe8\xbb\xfa\xad\xb2\xa4\xba\xd8\xa3\x01\x96\x86e\xc1\xb4\xa8X(\x93y\xcf\x82\x89\xe9(\xc2\x1f\xc3I\xca\xe43\x9d\x99!(\x8a"\x08\xa4\x15\xd4\x02\x92R\xabT\x8e\xe6\xb1\x18\x05a }GwI\xab\xa0Yg\x948\x14\xc6\xe6\xf18\xcc\x96F,7\x10\xee\xe1a\x99\xcc\xad\xd5i\xb5Z\xc24\x11\xc5c\x94/\xec\xf3\x99\xa8\t\x820\xf9\x80K\xab=\x8bVY\xa9s\xcc\x03\x16\x9dQA\x1c\xbf\x83\xa6\x99Q\xd9o1\x8abE\xf4\rX\n\x91\xc4I\xb9\x81\xab\x17iN\xbdJ\xb7\xef\x0c\xa1#\xa9\xf0P\x18\xb0\xc0\xc4\xc2a\x13Ax\x95\x9f\xc0Ky6\x111\xa3\xd9\xaa\xf8A\x95\xb5\x81\x8cm\x9a\xcf\x8a\xab\xaf\x1b\xa2\xa6\x8d\xd9\x02,\xb9\x8e0\xb9\x87{{\x87e^\xb7[\x16\xfe\x8d\xc9\x10EXa\x93\x01\xd6\xb27\xec\x03^\xaf\xf7\x9cWipzB\xf7.?f\xd3\xd6g+\xff\xcbi\xe5g\x0eE\xed\x95\xbb\x16]\x8bU\xc4\x80\xc5\x13\x8a\xf4|0%\xb7\x0c\xc9te2\xd90\xac\x1ea\xa0\x00\xc7MhM\xbepN\xba\xeb&gt;wN\xe6\xa6\x0c\xb8g~\x1a\xb0J\xeap\xf9\xcc&amp;\xdf\xe3D\xdfj\xde\xa43\xde\xc5o\xf1x\x1a\x91\x1a#\rZ\xa5[\xd6;\x04/\xc0\x00\xe7@\x98\x80\xce\rK\xd8\xbb\xce\x8at\xbbT\x14\x93\xd8\xce_}\xcc\xdeSb\xf1.\x03a\tQ\xa1\\g L^\xf7\xf0\x10\x92\x03\xf5\xca|0\xc2\xb9+P\r\r\x7f\x8c$\x1b\x06C\x14\x97\xab\xcc\xe7/\x7f\x93\xeeg\xef\xe4\xb7v:\x1ay\xbb\xb6I\xc0j\xe0)\x8c\x10m\x91$\t{\xd0\xdd\x0b\\\xbf\x18\x02s\n\xa3\xe1CK\x88D\xe1\x9bT\x1c\xf3\xf4\xf9\x1b\x7f\xfev)\xb5S\xdb$\xa3b\xdbdYsdY\xfa\x9aSt\xa52\xff\xbd\xde\xccS\x88,\x169n\xb7\xc3\x84\x11\xe0\xbd\x904\x1d\xae\xe1\xb0,\x0cV\x05\x067\x1c\x06c\xd7\x91:\x12\xd3\x8b/\x00\xd6?\xb3wVS\xf4b\x1dAIe\xbf\xb4\xfaZ\xa1\x01\xb7\xb4j\xbb\xfeO\x92K\xdf\xfe\xfbz\x03O\xd3\xd1!\xe2\xe8\x83A$\xa8\xd6\x82\x8d!\x9fo\x92\xc9\xc2\x00\xe7\x03\xb3\x82\xa74&lt;\x95\xc8X\x0c\xe7sl\xe6\x0b\xe7o\xfca\xed\x8bK9\xae\xca\xa5g\xfa\xaem\x93\x95\x1f_\xa9\xa5;\xd9kG\x9ayB\x16\xab\x83\xa3\x060&gt;\x1fK\x90\x10\xed!_o |2\x93\xd2\xe4\x83\xedg@\xcfJ\x92\xc4\xec|\x89\xca\x06X\xbf{\x9d\x8d\xbfYM\xb2wH\x9d\xb7=\xa6).\n\x974\xden\xc8N\x93\x99\xa5\xe5K\xd9\xd7\xbfBX\n\x96\xc8\xa2V\xab\xf5\x90\x03\xf11\x9c\xef\xe1c`k\x14x\tXU\x82\xd2\x91h\xe0vt,`\x01\xac\xeb\x9f\xbd^\x1b\x7f\xf0f9\x93boc[4\x06\xbd\xb4B\xb6q$QZu-h\xbc\xdd|\x97\\z\xf8\xea\xcd\xd4\xdd\xd7?N\x1c\xe1\x1d=\xac\x81\xe9B"o\x8e\x1a\x82g\xf8p&gt;_\x82\xe11C\x94$\xa3Q\xb8b\x18\xca\xf5!\x82\x95pD,\x84\xf5\x83\xb5\x81\xaa\x95\xa9\xe7_\'i\xe5Z\xe1\xa27[\xed\xdeo\xb5z\xec\xe4\xea\xa5\xf8\xcaJ&lt;\xfb\xfa\x13\xcb\x11$e\x13\n\xdb\x00\x0c,\x9f#\x91H"\x80\x05pz\xfb),\x88\xa1\xc5\x83\xe1\x84H\x9f/W\x8b:\xba\x00+\xf1\xfd\xb5\x01n\xcbJ\xd5\x9d\xaf\x93\xff\xb7\xc8\xab?\xbd\xb4\xba\xba|\xa7\xafze\xa5/\xfb9.j\xe0\xf1\x8e\x1eE\x1a;\x05,\xa5HeQ\xa9T\x80&amp;\xe1\x88E=.{\xd0\x0eH`q\x18\x82\xd2\x03\x15K\x81\xb0\x86\xd6\x06\x04U\xd5\xb5\xe3w\xeeg\xd2)\xf6\xde\x92\xd7\xed\xb3Iv\xfa\xe1\xa5\xa9\x07\xb5\x01A\xcd\xca\xcax\xf6\x9a\xbe\xa3\x11\x95\x13\x9b\xc1\xbc4BV\x07\x12H\x89\xe7Ub\x15G\xd5\xd5a\x91cv;\xc6\x07\x9b\x82\xe1\x90H\x80*W-\xb8\x9e\xf8xm\xa0O\x10\xe7\xc6\x03\x7f\x7f\xfe\xe8\xabt\xff\xdb\xb7\xe4\x16\xd4\xac\n\x7f\x06K_~\x108p\xe8`\x9d\xa0\xe6\xe75\x03\xd9\xdf\xaa;\xbaQ\x91\xf38\x0f5\x13(X,1j0\xb0\xd9\x10\x96\x98#G\x8b\x99[P\x8f\x07\xa8N\xa0\xc9\xea\xba0=\xed\xf8\xe9\xda@\xa0\xaf/^U\xc7\x14\x04\xe2\xcbi\x1a\x9dV~4R\x10b\xed\xd0\xeeMg\xa7R)\xb4\xfb\xde\xd42\x99\x87\x04\x01n\x0b\xc2\xfa\xab\x91%\xcca5774\n\x85\x1aM\x17p\xd9l6\xb1\xd8\xc6\x12\x83\x9d\xa1\x1d\xc0\xe7{r=\x1a@\xf5!`I\x01\xebg\xd9\x81@\x00aq\x99u\x81\xa9\xe5L\xb2\x7f\x97\x0e\xe0\x8d\xf0\xa5,@c\xa42\xab`R\xaf\xa6j\xf6\xd5\x1f8x\xa85P\xd5R\xd3\x02X\x96\r\xac\xe3\xc7;\x11\x98F\xdae3K\x81\xcb\xd6%\xb6\xa8,\xa8_D\xeepx"\x1c\x8e\xc5\x92\xa3Rt\x99\xa7\xa7\x9f~\x9e\x1d\x18\x1f\xef\x8b\xd7\x06\x0e2\xeb\x9a\xb8S\xaf\x96\x972I\xda\xaeE\xe1\xd2\x03\xa5T2\x99\xcc\xbc\x8a\xc7\xe3\xb5-\xef\xefg\x1e\xa8\xff\xe0\xbd:fmuM\xcb\xf8\xddM\xac\x1f\x1d\xef\xccqi\xba\xa4]\xd2\xeen\x84\xc5\xb2X\x90\xf9\xc3\x94\x01\x14\xc7\x82\x16\x10vE\x97Bz\xe1\xde\xd3kw\x07\xc6\x03}\xdcZ\xe6AfSSk\x0b\xb7\xef\xcb\xe7\xab\x99$2\xfe\x9dS\x8c\xcdD\x02\x96.\x99Ng\x96\xef\x7f\xf5\xb0F \xe0V\xef\x83\xff\xde\x81\xfd\x1f\xfc\xb0)P[\xbd\xaf\x1aau\xacc\xc1\xe8l\xee\xecl\xec\x96J\xa5\xddp\xedn\x94\x8aT"1\xc2\x02&amp;\xa0b)4H\xec\xc2\xcaae\xbf\x18\x0f\x04\x04U\x02\xc1\xfe\xd6\xd3\xa7[\xdf\x07\xb3\xa8GS\x96\xee/H_i[\xe2\x96\xc23\x08\xf4\xa6?\x99\xce,\xdd\x7f\xf4\xe8\x92  8tH\xc0\x04\xac\xfd\xadu\xf5\xef}\xaf\xbe\xa9\xb5\xaav_u\xdf\xdd\xffp:4\xbcu*\xb8tv64\xe4\x90\x1a\xa7\x1b\x1b\xa5b\x96\x18\xb0\xc0\x93\xa9\xd59*\rR\x06\xb1lf\xf3\xfcgY4Y\x02n\xa0~\x7f\xdd\xe9\xa6\xd6\xfaj.\x93\xcb\xad\xaa\xfa\xf2\x11\x18Yi:[z\x06\xc1N\x8d\xa4\x7f\xff?\xbe\xcd\'\xb4\x8d\xfc\x8e\xe2\x1a\xe6O\x99\x01\x8ff@3\x8343\x9b\x91\x885U\xa5EC\x8b&amp;H1-\x18\xd6\x90*\x07\xdft\x129\x84\x85e\x0f=-\xf8`\xd0\xc9\x82\xc5\xba\xe4\xb4\xe4 \xd0RwA\xe8\x92CY\xb2^D\xf0b)\xd9b\x90|J\xedu0\x04K\x97\xb48\x0e\x06{C.}\xdf\xdf\x8c\x9c\xf6\xd2\xaf\x904\x16\xb6\xf8\xe4\xbd\xf7{\xbf\x9f\x1c&lt;9\xbd\x1e\xcd|\xdfq\xbc\x07\x9aQ6T\xa8\x15\x88\xd2\x06\xd4JfT\xa1\xbc\xfb\xe1\xab\xbb\x0b,\xe2"\xb0uL\x9e\xe8\xea\x9fP[|\xfe\xe7?Q\xb7\xd7i=\x10\x16\xb8\x1e\xfd\xe3E\xb7\x01\xaaJ z\x8e\xef\x04\xae\x90qaE\xd9\xadP\xfa\xffo\x8f\xdd\xfe\xe2\xeb\xc3W{\xaf0{\xd3\x99\xdfv&lt;M\x93TUU\x0c\xcf\x135\xdet\x822\xb02\xdd\x0f\x7f\xbbK\x7f?\xb3\xc6\xb8n---\x15\xe1c&gt;_\xabA\xb6\xfb\x9f\x01\x8c\xd4\xfa\xf4\xdeJ\xfd\xce:\xb8&gt;#\xac\x95\x95\xd7\x1fZ\r`U\xb6\\/\x04U\xe0\x88F\xc5\xad\x94\x93\xae\xe3Z\x04\xf6\xd7\xe7\x1fO\x89\x1f\xb3\xf5\x1b\xf6+\xf7\xc3\xe1p8\xa0\x19^\\\xfb\xed\xb6S-\x00L\x14E`I\x9a\xe8:\x95\x8c\xa2\xc2\xc5\xef\xef\xfe\xfe\xb7\xe8\xd3\x05\x15\xb8\x8a\xb5Z\xb1\xb8\x06\xd9\xfep\xa7^\',\xa2\x82\x80X\xa6\x9f0\xaaO\xbf\x7f\x01\x071\x81\xeb\x06\xa0\n\x1cW,C-\xcfu]\xb9\xdc\x1b\x9d\xce\x87\x87\x04\xb6\xf8=\\\xf4\xdf\x05\xd0\xe9\xc7\xc3\xbd\xe3\xc9\xf4\xb4?\xda\x1f\x8d\xfagg\xfb\r\xc6\xa5\xf1\x9a)\xeb\xa2\xc85%I\x0c*\x86\xa2\xaa\xe5\xdd\x97\x84\xf5;\x92\xa7\x12\xa1\xde\x00\x00\t\xceIDAT\x0bH\xb8on\x16AE\xb3\xb6\x9c_\xad\xafD\xf5\xba\x9a\xcfS\xabA\xac?\xae|\xfe\x97\x97]\x82jl\x05.\x90\xc0&amp;{\x1e\x90\xe8\x0eL\xbf\xd5\x9a\x8dN\x8f\x7f9&lt;\xfc\xf1\xf9\xc7\x12M \xe6\xc7\x93\x93\xb3\xfe\xfe\xcd\xec\xec\xf4\xfb\xb3v\xbb#\xf1\xbch\xdb\xa6\xc8q\x92\xa2\xa2\xbc,E\x85\x8b_\x11\xd6\xda\r\xd6\xd2\xe6\xf6vq\x1b\xf7b\x11X\xa8\xd5{+D\xb5L\\d!\xce\x8bO\xc6\x11\x15\xf3\xcf\td\xd9\x93\xc1\x03&lt;&lt;\xfa\xfel4\x1a\xed\xef\x8f\xfa\xfd\xb3)-\x80\xc5\xc7\xd7\xc3c\xecy\xfb\xfd\xfe\xe9\xc9d~\x0c\x0f\x8f\x07\xc3\xe1\xdep:k\xfb\xb2\xa4qa\x18\x9a\x1c\xaf)\x8a\x81e\xa9(Jo\xfc\x84\x8a\x0bX\x0b\xaa\xcd\xcd\x08\xaaVC\xeaY\xdd\x93V\xcb\xc8\xda\x1d\xf6\xf7w\xf7^\xbfo\xc0\xb2F@aw\x08\xcb4CzfR\xf9\xb3\xd3\x8b\xc1\xe0b&gt;\x9fL\xa6\'\xa7\x93_n\xf2\xff\xaf\xb3_\x014\xdc\xc3\xb0\xc0c\x86\xf3\xc9\xc9\xbe\xef\xfb\xae\xa2\xd8\x1d\xa7\xa3S\xc6\x14\xd9#,\xc8\xf5h\x11y\x16\xadM6\xdb\xa0b\x8b\x91\xf5\xfd*QQ\xd5\x12\xd67\x97\xb3\x1e\xb0\xb6@\x85A\x99\x02\xab\xc3\xd6c\xe0\xb4\xdb\xad\xd1\xe9t&gt;X\xc4\xfa\xe2bp\xf8\xf5\x17\xb7o\x83\xedd&gt;dL\xc3\xc1|2\x9d\x9e\x9c\xfcz\xd6\xdf\xd9\xd9yW\x92\xc1%\x8b2\xb0LI1e\xd1t\r\x15\\\xe5\xf1\x93:a\xad\xc5X\x11\xd8\xf66Sk\x1d\xe5Z\xaf\xd7\xd7\x19\xd6\xfa}\\~\xf9\xf7gc\xa2"\x0b\xc1\xd4n\xfb\xa1l\xca\xb8r` \xa0F\x88\x0c2C\x03\xbbH\xb8\x8b=\x84\xecyb8\x9cOO\xcf\xfa\xc4\xb2\xb3sDSJ\xd3\x08\xae\xdf\xf6=\xb3\xe3wtI\xe2t\\\xc8\xaa"\x8aF\xe3\xfcm\x9eE\xeb\xd6\x8d\x8bL.\xd8\x98\x07\x18\xb0\xee\xaf3\xb1\xd6\xeb4\xcf\xce{e\x12\xcbo\x938XI\xb6i\xcaX\x8d\x8c\xeaz0&lt;\x9eG\xc1&gt;:\xea!a\xd7\xd3\x0b\x12mr\x9c\x98\x9e\x01&amp;CcY\xd8\x8dqK\xbfc`\x16~0\xd0\xe50\xe4\x901]\x0f\xfd\x8eA\\\x99\xd9\xfb\x9fj\x88V1\xd2\xea\xdb\x18\x0c\\\xcc\xc6U\x1cx"\x0f\x01\xb8\xfa\xf0\xed\x15\xa8z\x95\x06\x90\x1c\xc2\x82X\x18[\x96)W\xa3\xc9\x1e\x8b\xcd\x10pS\x82\xeb\xf5"\xb2\x8bIb\xa7T\xb2b*A\x10J%\x80\x11\xd5\xbbt\xda@\x02d\xaa-\xbe\xd0\xe4\x9av\xa7\xe3\t\xe0R\x92\xe3\xcb\x9f\x8b\x0b\x07o\x04+\xc6Xw"\xaa&lt;\x05mu\xf5\xed\xd5,\x19\x89\x85P\x91\x8b\x0e\xb0l[6\xf1O\xf6\xb7\x8ev\x90\xeb\x93\xe9d\xb0\x17\xc1\r\xe6TR#"K\x94\x18\x16\x91Y*\x91\xe5\x98\x85\x0fp/\xd1N!\x8bR\xaa\xc9\xa5R\\\xb5j\xcb\x86\x10\xc5\x0b\\1\xd5\xb7q\xf4\x8bq\xe6i\x7f\x8c,\xa4=\xfc\xa7\xcbY\x92\xb0\xb6\xb0\xf0(\xe3A\'\xb4\xc3\x0e\xd2\x15B8\x1c\x95J\xa5\xa3#\xca\xd6\x19r?|\xf5\xea\x9f\xaf\x90\xf0\xc1\xe4\xe4\xba\x7f\x9d(\xe5\x04\xcb0\x14\x83\xe4\xb2,\x15\\\xb9\\\xfa\x01\r\x8b\x97\xcb5\xf5\xa6\xce\xa1P\x9b\xba\xed\t\xc4\x95\xe9\x8d/\x9f.\xb8n\xad\xb1UY\\\xa3\xed\'\xbfJRQ\xe33,P\x953\x84\xe5\xf8T\xedp\xcf\xad\xda\x0e.:\x8c\xca*1_\xd2\x11\x1d\xb1M.\x86\xe4\xea`r\x9a\x00\x04\xb0\x0c\x85\x89\x85\xc3\x0b\x8c\x8c\xb8\xde=x\xa0 \xf0U\x91\xd3m\xa4\x1e\xb9\xafF\\\xaaE\\\xdb1\x17\xc3\x82\\5v\x98\x88\xa8\xd6\xc8\xc3\xd5G\x97\xe3^\x12j\xc1\xc2\x90\xeaS\x96i\x15v\\\x99\xb4\xf2\x93\x16a\xd1\x08\x96\x05\xb7\x8c\x8cuD\xc2\x9d\xa00\xf6\x06\xc0\xca\t\x06\x8d\xa5B\xaah`$\xd3K\x91e*y;\xb49\xe2\xd2;\x1d\x03\\*N8\xe3\xf7\x07\x8f7\x99Z\x90\xeb\xc6\xc5\xf5\xf5\xe5\xdaZ\x91\x89\xb5\xfa\xf0\xd1\x13F\x95\xa4`Q\xa5S\xccC\xd3C\xb6 \x96_\xb1\x84\x12\t%\xa8\x96\xb1\x18\x05\xe2d\x88\xedt\x92\xc8\xa5s9\x85^T\xd5\xc8\xc1x@\x85\x05\x98\x92R\x85B\xd5\x0eI.\x8d\xb3\x1dW`\\\x99\xc6\xee\xf9\x9b\xa7\xdb\x88\xfa\xd2M\xb8\xc0U\xcb/\x17\x8b\xb7\xd8!\xec\xe17/\x89\n\x1eV\x1c\x86%{8/;\xb6\xe7\x01\xcb\xc7\xc6/\x90}L\x90$j\'\xc2b\xc2@\xbb^\x9fa!0xU\xd0r9m1&lt;.\x81\x94\xcafS\xcdj\xb5\xaa\xa7t\x9d\xc9%\xc7\\[\xbb\xe3\xab\x83\x1f",D+\xa2\xc2\x14\x99Z\x0b\xaaX,\x87\xc4\xc2\xea\xf3}\xc8\xe5y\xa1\x13\x8a\x02{\x1f\xc3\xc0\x19\x05PXHL\x15j\x02\xac\xc0r\x99L\xcc\xe1\x1b\xf0\xba\xf6?\xc3k\xbc\x94\x82XR\xa1IS\xd0\xab\xa2$b\x19\x89\x10\x1e\x03\xae\x17\xe7W\xff\xfea\x93uD\x91"_\xa3\xb3\x04\xf5jq\xf9\xe1\xeb\x05U\xd9e\x1b\x8d\x8db\xc01\xdeA\xb8\xb0S;\xe0b\x879`\x191\x94\x90\x8bV\x00\xa2\x06\x89\x19\x16\xb8\x164\xf0\x8a\x8f\xa94-KZ5\x0b\xcdB\x16w\xc8\x85\x03\x85\x1c\x1a\x0c\xabd\x81k\x17`O\xc1\xb2\x14k\x05(\xaa\xb0\xda\xcf\xcf\xde\x83\xaa\xcc\xa8PW\xa8\x056\x8e\xdf1\xbd \xc0\x1d\xb2\xe9\n\x89\xb5`Bz\xd2\xd1\xaa$\x13#\xact:\xa7\xf1&lt;\xcfP\x08\x8bfC\xa3\xe7\r^j\xea\xb0\x92\xe7\x11\xb1\x02\xec4E7H\xe2=\x88\xab\x01\xae\xee\xf8\xea\xcd\xc1\xd3\xefj\x8fk\xb5\xefj5\x9c%6\x1f?}\xfb\xe6\xf2|V\x8e\xb4\x92\x83N\'\x08mV\xed(\xe4\x10\xfb!*\x1a\xa8!\xdeJ\x81^\x91y\xd1~\x17i\xb5\xc0\xc2W9\x86\xc2\xf4\x89\xa8p\x9d%\xac\r\xd2\xa9P\xc8\xf2\xd9\x02M\x13F\x06\x0e\xb8\xd8\x82\xad\x10Wcv~u\xf9\xe6\xe0-\x9b\x83\x83\x83\xab\xab\xf3q\xab\x11Sy.\x1a\x94\xed7\xd8\tm\\Uq$\xb1M\xd7\xe9\xc8\xa6\x1dV!\x145eiA\x85\n\xa5\x0e\xcd$\x93\t\xb6\xe66\xa0\x0b\xa1H\x0b\xb1x\x1e\x97\x04\xc6gS)r1\x0b\xb9H1I\x94\xfd\xc0\x88z\xa4T\x06\x17\x1d\xd3\xbb\xe3\xf1\xf9\xf9{\xdc\xce\xc7\xb3V\xb7\xd5\xadDTI\x8fPB\x1bD6\xc3"\xc9\xc2\x0e\xbe\x0e\\\x1c\xba:a\x15\x07&amp;!}3\xac\xac\xa3j\x8f\xb16"\x85\x90p-\xd6\x8a\x8a\x8a\xc0\x08\xa8\xd9$\xb9\x9a)H\x96\x12\xf50t#\xae\x92\x95l\xbd \xc1\xfek\xba\xad\xd6V\x8f&gt;me\x08\x0b\x8d\x07\x18\xd1\xa4m\x90\xf6B\xc2"L\xe4\xde\xa4\xb4\xc9\xb6n\xc4\xdb\x1d\xfcc\x0b\x0f\x03\x1f)[$\x16\x81Q\xe0!\x17{\xcc\xd23V"\x0f 2\x92\xb8RYD\x8c\xe3t\x0e\xc7\xaf\x88K`\x01k-\xc0\xba\x80j\x91T\xe5d&amp;\x934D\x19\x08\xa6\xa9s\xd4\xa1!V a1B\x99\xea\xcb\xb5\xedj\xd5\xac\xe8\x9c\xaaR\xbc\x055\x1a\xf6\xce\tjsd\x1dXL\x1f0A\x12\xe0\xe0\x1aOX\x8b\xa4\x18\x93+[\xc8n\xf0)\x8e\xe3R\x9c\xe9\x8a\x16\xe3*Ye\x12\xac\xd5\xedv#\xa8\xad\xa8\x17\xa0\x95\x08\xaaP\xd61\xa2NI\xa2x\x11\x16P\xd8\x15\x8e\xe3\xba^\xad\xe2(\x87\xb6Vi\x15A-\x95\n=\xc6\x82.\xe0\xd28\xb6\xc3H\x1c\x07Y\x80\x85\x05\x98b\xd9\x8a\x0c\xe4\xa9+\x</t>
        </is>
      </c>
      <c r="M479" s="3" t="n">
        <v>45492.67633101852</v>
      </c>
    </row>
    <row r="480">
      <c r="A480" t="n">
        <v>1145106</v>
      </c>
      <c r="B480" t="n">
        <v>5981</v>
      </c>
      <c r="C480" t="inlineStr">
        <is>
          <t>Evertton</t>
        </is>
      </c>
      <c r="D480" t="inlineStr">
        <is>
          <t>Evertton</t>
        </is>
      </c>
      <c r="E480" t="inlineStr">
        <is>
          <t>UNK</t>
        </is>
      </c>
      <c r="F480" t="inlineStr">
        <is>
          <t>UNK</t>
        </is>
      </c>
      <c r="G480" t="inlineStr">
        <is>
          <t>UNK</t>
        </is>
      </c>
      <c r="H480" t="n">
        <v>173</v>
      </c>
      <c r="I480" t="n">
        <v>52</v>
      </c>
      <c r="J480" s="2" t="n">
        <v>37679</v>
      </c>
      <c r="K480" t="inlineStr"/>
      <c r="L480" t="inlineStr">
        <is>
          <t>b'\xff\xd8\xff\xe0\x00\x10JFIF\x00\x01\x01\x01\x00\xf0\x00\xf0\x00\x00\xff\xe1\x00hExif\x00\x00MM\x00*\x00\x00\x00\x08\x00\x04\x01\x1a\x00\x05\x00\x00\x00\x01\x00\x00\x00&gt;\x01\x1b\x00\x05\x00\x00\x00\x01\x00\x00\x00F\x01(\x00\x03\x00\x00\x00\x01\x00\x02\x00\x00\x011\x00\x02\x00\x00\x00\x11\x00\x00\x00N\x00\x00\x00\x00\x00\x03\xa9\x84\x00\x00\x03\xe8\x00\x03\xa9\x84\x00\x00\x03\xe8paint.net 5.0.12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99$\x91\xc3\x1c\x92\xca\xe9\x14Q#I,\xb20H\xe3\x8d\x14\xb3\xc9#\xb1\n\x88\x8a\x0b31\n\xaa\t$\x01@\x0f\xaf\xe4_\xfe\n\xdd\xff\x00\x079\xf8\x13\xf6h\xf1\x07\x8a\xff\x00g\xff\x00\xd8\x83N\xf0\xf7\xc5\xbf\x8az\x1f\xf6\x86\x85\xe2\xff\x00\x8c\xba\xa4\xa6\xf7\xe1\xe7\x81\xb5\xe5\x0fm%\x97\x82\xec"S\x07\x8f\xf5\xbd&amp;Q#\xdc\xea\xb3\xce&lt;%iy\x0cpC\x17\x89\xa37Il\xae\xbd};~_\x88\xd4[\xd7D\xbc\xf4\xed\xf3\xeb\x7fMO\xea3\xe3O\xc7\xbf\x82\xdf\xb3\x97\x82\xae\xbe"\xfcw\xf8\xa1\xe0\xaf\x84\xfe\t\xb3\x7f&amp;O\x11x\xe3^\xb1\xd0\xacf\xba\xf2\xdeU\xb1\xb1\xfb\\\xa9&gt;\xa7\xa8\xc9\x1a;C\xa7i\xd0\xdd_N\x14\xf96\xeeE\x7f\x8d\x97\xed#\xfbf\xfe\xd2?\xb5\xbf\x8dg\xf8\x85\xfbE|a\xf1\xa7\xc4\xff\x00\x12H$\xfb%\xcf\x8a\xb5k\x8b\xdb\x1d.9\x1a=\xd6\xda.\x88\x86-\x1fF\xb1*\x88V\xc7H\xd3ll\xd4\xa2\xff\x00\xa3\x81\x8c\x1a\xff\x00W\x7f\xe5\xf9\xfec\xb2\xeb}\x93\xd2\xddm\xdd\xdd\xef\xd8\xff\x00D\xcf\x8d?\xf0uG\xfc\x13W\xe1\xc6\xa1\xaci?\x0e\xad\xbe1\xfct\xba\xd3\x10\x0b}S\xc2~\x0f\xb5\xf0\xa7\x85\xf5;\x85\x9b\xcb\x9a\x1bmK\xc7\xda\xa7\x87\xf5\xa4H\x13t\x86\xe2O\x0c\xf9S\x10\xa9m\xe7n.\xbf\xe6.uK\xb9\xff\x00\xd4\x938b\xe3t\x91\xed\x8c\x06\x1c\xe0\x85\x1bT\x82\xca\xc0\xe0\x11\xc8\xe4\xd2\xd7\xab\xb5\xdd\x96\xde[_\xafM\xcaJ:{\xb7\xba\xde\xed\xd9\xfc\xad\xf8\xf7}\x8f\xf4\x1c\xd4?\xe0\xf1o\x801jo\x0e\x9b\xfb\x1d\xfcN\xba\xd2S\x95\xbc\xba\xf8\x9b\xe1\xabMA\x81\x00\xc7\xe6X\'\x86.m\xe1f$\xa4\x8a\x9a\x8d\xc8\x84\xe1\xf7H\x0e\xca\xff\x00=G\xd4\xa7\x0eco.!#6\xdd\x8a\xe3\xef\x10\\\xae\xd0\tn\x00Nr\xa0\xe0\xe7\x8d\xc5\x9f\xf3K\xee\x8f\xff\x00"\t\xc6\xda\xc6;i\xf15\x7fsw\xcc\xad\xbf\xe9c\xfdF?f\xef\xf8:\x1f\xfe\t\xab\xf1\xbfP\xd2\xf4\x1f\x88Z\x97\xc4O\xd9\xcf[\xd46\xc2\xf7\x7f\x12&lt;;\x1e\xb1\xe0\xa8\xaf\x99s\xe4\x0f\x16\xf82\xe7[\x92+W\xc8\xf2\xf5-[C\xd1\xec\xc0\xcb\\\xbd\xaa\x80O\xf9w\xc7\xad\xdc\xef\x04\xcc\x1f\x00\xa4K"\xb8\xc1\x19V\x0b\xd9\x18\xe4\x90\xeb\x82\x1b\x1bOZv}\xfe\xf4\xbc\xbbXK\x95\xbb4\xd5\xda\xb2N\xdb\xdb\xbd\xed\xd6\xcd\xbe\xb7{+\xff\x00\xb8\x9f\xc3\x7f\x89\xdf\x0e\xfe0\xf8;F\xf8\x85\xf0\xab\xc6\xfe\x17\xf8\x89\xe0o\x10\xdb\xad\xd6\x8b\xe2\xbf\x07kV\x1e \xd0\xb5(H\x04\x9bmGM\x9e\xe2\xdd\x9d7\x05\x9a\x12\xeb4\x0f\x98\xe6\x8e7\x05G\xf8\xea\xfe\xc7\x7f\xf0Q\xef\xda\xf3\xf6 \xf1p\xf1?\xec\xdd\xf1\xb3\xc4\xff\x00\x0f\x96i\xedd\xd5\xfc2\x97k\xaa\xf8/\xc41A\xe5\xa9\x83\xc4\x1e\x10\xd6c\xbf\xf0\xee\xb2\x0cH\xb1C=\xfe\x97=\xcd\xb2\xfc\xd6\x93\xdbH\xa1\xe9]\xe9t\xb6\xbbi\xff\x00K\xff\x00&amp;\x0eT\xdd\xa2\xfa\xa4\xafo\x9e\xce\xee\xdeQ\xd4\xff\x00f:\xfeV\xff\x00\xe0\x97\xbf\xf0s\x7f\xc0/\xdau&lt;9\xf0\x9b\xf6\xc8\x87G\xfd\x9e\xfe5^Ii\xa3\xd8|@\x8d\xa5\x8b\xe0\xc7\x8eu\x17\x11\xdb\xc3%\xd5\xed\xc4\xf7W?\x0eu;\xf9\xc9&amp;=ry\xfc(\xce\xdb\xa3\xf1\x0e\x9e\xd2\xc5\xa6\xc6)\xc7Mm}\xaf\xa5\xfd:?\x95\xc1\xd3\x92\xbe\x97\xb5\x9d\xd6\xba?\xc7\xf0?\xaaJ\x8a\x19\xe1\xb9\x86+\x8byb\xb8\xb7\xb8\x8a9\xa0\x9e\x17Ya\x9a\x19P&lt;R\xc5,e\x92H\xa4FW\x8eDfGF\x0c\xa4\x82\rQ\x04\xb4P\x01E\x00\x14P\x01E\x00\x14P\x01E\x00\x14P\x01E\x00\x14P\x01_\x9b\x1f\xf0W\x0f\xdb\x05\xbfa\xff\x00\xd8\x1b\xe3\xcf\xc6\xdd\'Q\x97L\xf1\xec\xbe\x1do\x87\xff\x00\n.m\xd45\xc4\x1f\x13&lt;x\x93h\x9e\x1a\xd4\xe1Ve\x1f\xf1M\x89/|W9\xcf\xfc{h3\xe3\x92(\xbd\xbf\x0f\xc7E\xf8\x8d+\xbb\x1f\xcb\xf7\xfc\x1cO\xff\x00\x05\xc7\xd7.\xfcW\xe2\xdf\xd8/\xf6H\xf1\x95\xf6\x91\xe1\xdf\x0c\xcf\xaax_\xf6\x8d\xf8\x93\xe1\xdb\xa3ms\xe2\x8f\x10!6Z\x97\xc2\xdf\x0fj\x90\x84\xba\x83\xc3\xde\x1f\x95.\xac|i}cq\x10\xf1\x0e\xad\xe7\xe8\x02S\xa2i\xba\x80\xd6\xff\x00\x8d\x98\xb4\xddg\xc7\x9e$\x1fj\xb8\xba\xbd\xd4\xb5\x9dT\xcd{}r\xf3]^\\\xdd_]\xe2\xe2\xee\xe6YY\xe7\xb8\x92i\xa5{\x89\xe4\x95\xdei\x19\xd9\xcb31c\xc7_\x13N\x8ce:\xb2J1M\xbb\xbb$\xb4kmd\xf4\x7f=,z\x18L\rlMJp\xa3\x07RS\x9c"\xa2\xb7m\xca*\xd7~\xeaI\xbb\xbf{Kk\xa6\xdcL&gt;\x11\xf1g\x8bu\x18\xa3\xd2\xf4\xfb\xfb\xd9\xae\xe4gy\x86\xe6\x1b\x9f\x0e\xd3M+\x9c\x15b\xc0\xbb\xbb\x8c\x16,I5\xfb!\xa4|/\xd0\xfc\x19\xa0\xe9\xba&amp;\x89\xa6\xc0Z\xc6\xc6\x18\xefg\x91\xb6\xc95\xc7\x96\x0b\xcb4\xe4\xe5\x89\x7f1\x82\x02W .9\xda~+\x13\xc6.\x15%O\x0b\x86\x8b\xb6\x8au\xa4\xde\x9a\x7f\xcb\xb8\xe9g\xf6W\xb4OC\xf5,\x07\x86\xd4\xe7J\x9e#0\xc7U\x8e\xceT0\xca\x11\xb2\xf7_*\xadWG%f\xa5%OU\xf0\xf7?2\xf4O\xd9\xcex\xa5\x82_\x10\xcc[j#&lt;Q\x13\xf2\xb8\xf9\x8cnA*\xc0\x0c\x03\xb3\x1f0\xe39\xaf\xd0\xaf\x12xs\xca\x8c\xdc\x8b\x98\x9b!\xa51@\x9eZF\x18\xf2\x15\x9f\x08\x0cj\x01\x03\x04&gt;\xdc\xae\xe1\xcdys\xe2|\xd2\xa5\xd3\xad\x18.\xd4\xa3\x18\xa5&amp;\x95\x92\xb75\xe3m;\xa7\xd1\xb3\xdd\xa1\xc1\x19\x1e\x1d\xc5\xac$\xaa\xedyW\x94\xeb4\xa2\xe3\xefJ\xfc\x8a\xcfG\x1b&amp;\x9e\x96Im\xf2J\xfc?\xf0\xc6\x9d\x12\xda\xc1\xa5\xdb1\xf5h\xa3\xc9#o\xcc\xc0\x0c\x1cd.;\x01\x8c\x02H\xafU\xd4,\x19\xe5+\x12\xb2\x1d\xc1\x95\x99I\xdc\x87\xa9\x1c\x01\xc9\x1c\x90x&lt;\x1fJ\xe3Y\xc6#WR\xbdK\xbbr\xceUf\xe2\xe5\xee\xb4\xac\x96\xba\xf4\xb5\x96\xa9\x9e\xc5&gt;\x1d\xc0\xc6\x11T\xb0\x949W+t\xe1\x87\xa3\xaf3\x86\xb7\x97D\x95\xdd\xee\xfa\xa7\xb5\xbc\x1e\xf7\xe1W\x85.\x94\xb9\xd2\xa2\x8c\x97\xdc^&lt;\xa3,\x99 \x9c\x0cm$\xe0\xf1\xe8\x00\xafe}:X\xc3\x99\x1f(\xd8(\x14~l\xa4\x93\x90\xc79\xc8\x1bv\xf1\x82M]&lt;\xff\x00\x11\x1e[b\xaa5\xbbN\xa5W8\xeb\x15k\xbfv\xd6Z]\xbd\x9a\xb2\xd1\x11S\x850u\x1c\x9dL\x0e\x1f\x9bV\xa5\xf5|?$\xd7\xba\xd6\x96\x93my\xa5v\xae\x95\xd1\xe0M\xf0O\xc2\xb2\xb3\xb0\x86to\xe0\x01\xfeU\x04\x02\x06:\xe4\xb0\x04\x00A=+\xdem\xe2\x8d\xa4P\xea\xec\x15\x80\'\x18!8\xc9\xday\xdc\x01n02z\xf6\xae\xe8\xe7\xd8\xbe\xb5\xea\xa6\xf5^\xfb\xd5.[Z\xfd]\x9d\xfb\xe9\xa9\xe7O\x84\xb2\xe9^Q\xc3a$\xae\xa1+\xd1\x85\xae\xb9o\xaaI/-.\xba]j|\xbd\x7f\xfb7\xdf\xcf!\xb8\xf0\xfd\xe2\xcc6\xb3}\x9e\xe7rH\xd8\x04\x85\x0eA\x04\xb1\xf9\x01\x93\x03\xfb\xc7\x8a\xfb\x86\xc2\x1btUkgb\xcd\xf7\x95\x8e\xeeB\xfc\xcb\x82\x06:\xe5J\xfc\xd98\xc9\xae\xb8q\x0e&gt;\x9b\xb7\xb5\xe6W\x8e\x93\x8a\xa8\xde\xda7e+\xbbY\xdbD\xf6\xeay\xd3\xe0\xac\x96\xb3\xe6\x96\x1dRvn^\xca\xa4\xa9(\xfc/\x99E\xb7\x1ekY\xa5\xca\xd3\xd8\xfc\xcb\xd4|5\xe2\x7f\x05\\\xbc\x1a\x9d\x8d\xdd\xac\xd6\xee\xae\x19\xd1\x82&gt;\x08d1\xca\tI\xa2\xc8\x1bJ\xbb.\xec\xaf\x1d+\xf5=\xfc+\xe1\xef\x1ai\xd7\x9a\x0f\x88\xeda\xb9\xb4\xb8\x85\xfc\x86t\xc4\xf6\x97Q\xab4r\xc12\xe1\xd5\x91\xb3\xb4\x82F\xe5\x00\x822\x07\xa7\x85\xe2Y9Eb\xa8E9Z\xf2\xa7t\xec\xf9~\xc4\xb4\xd5?\xe6\xbd\x9e\x89\x9e\x167\x80c\xec\xe5&lt;\x06.K\x92\xde\xe5~W\x15\xb6\xae\xac-\xabv\xde\x9bW\xebd\xd9\xfd\x12\xff\x00\xc1\xb8\x1f\xf0[\xbdJm_\xc2\xdf\xb0\x07\xed_\xe3#y\xa5jQZ\xe8\xbf\xb3o\xc4\xaf\x12_(\x9bD\xd4\xa3\x8d!\xb0\xf8;\xe2\x1dF\xe7\xe7\x9bJ\xd5W\x10|&gt;\xd4/n\x0c\x9a~\xa3\x1c~\x13/%\xb6\xa7\xa1A\xa6\xff\x00\x183\xe8\xda\xd7\x80|Ot\x96\xd3\xddZ^i\x1a\x93\xb5\x86\xa5m,\x96\xd7q\xbd\x95\xdf\xfa-\xdd\xbd\xcd\xbb$\xb0\xcd\x0c\xc9\x0c\xd0\xcb\x0b$\x89"f6]\xa0\x8f\xa7\xa3\x89\xa5R1\x95))FV\xb6\xbe\xed\xad\x1d\xb7\xb3\xd5\xe9\xdfM\xcf\xcf\xb18\x1a\xf4jN\x9e&amp;\x8c\xa9\xd4\x84\x9c\\\x92\xd9\xae\xb7ZTO\xa4\xae\xf4i\xa7m\x0f\xf6\xd4\xaf\xc9\xdf\xf8"\x9f\xed\xb7\x7f\xfbx\xff\x00\xc1?~\x12\xfcU\xf1^\xa5&amp;\xab\xf1S\xc1\xbfk\xf8E\xf1~\xfaX\xc2K\xa9x\xef\xc1\x16\xd6\nu\xf9\n\x85\x8eI\xbcS\xe1\x9dG\xc3\xbe%\xbdx\x95c]KU\xbe\x81\x15|\x82+\xa9;\xab\xa3\xcc\x94\\]\x9f\xad\xd6\xcd&gt;\xc7\xeb\x15\x14\xc9\n(\x00\xa2\x80\n(\x00\xa2\x80\n(\x00\xa2\x80\n(\x03\xf9\x01\xff\x00\x83\xba~!\xea\x16\xdf\x03?d?\x836\x1a\x89\x86/\x1c\xfcT\xf1\xdf\x8d\xf5\x1d5\x1b\xe6\xbc&gt;\x07\xf0\xc6\x97\xa0\xe9s&lt;~b\x96\x86\xdc\xf8\xfbS\x04\xb4n\xa2I\x10\x86V\x18o\x02\xff\x00\x83\xacn\xbf\xb6\xbfi\x9f\xd8o\xc2\x91\xc8\xaf6\x9b\xf0\xe3\xe2F\xb2a@^[u\xf1\x07\x8c4\r9.%T\x0c\xeb\x14\xff\x00\xf0\x8e\xca\x90\xbb\x00\x9ee\xb4\x83w\xde\x15\xc1\x98bV\x1a\x84\xa7\xd5&amp;\xd6\xb6\xda\xdf&gt;\xbf3\xd6\xca0r\xc6\xe2aI]sIFOWh\xb6\xaf\xb6\xba\xec\xde\xb6]\x0f\xe6\x97\xe0O\xc2\x16\xb7\x92-N\xe6\x00\x82\xd6kY\xa1\x9c\xc6\xdb\xe4\x91T7\x96\xbb\xf0U\xd1\x02\x12r\xc5\x95\xc0\x04\xf0k\xf4K@\xf0M\xa6\x91\xe1;y\xa6{{\x1b}?O\x86y&amp;!q\xf6\xb9\xdf\xcbC\xbb\n\xae\x17\xcc\x0e\xaaH_\xdd\x92N\xd5\x04~S\x9a\xe6\x95\xf1\nss\xb4!\x0ei7}uJ)AE\xb6\xee\xd7,R\xbc\x9b\xbd\xf5?{\xc88{\x0f\x86\x8d\x0bA9T\x9aTm\xca\xb5QNM\xce\\\xa9F\xc9\xcaRn\xcbU\xb6\x8f\xc9u8\xa2\x86Bnc\x95\xc4\x99+\x13\x96\x0b\xb9\x88\n\xc4&amp;\xe7\x07{1\xcbm\x18\x19\xdc@\x02\xb8\x7f\x88\x1a\xf6\xba\xa8\xed\xf0\xfbC\xd4&lt;B!\x96E\xb9\xd7/l\xee?\xb1]\x943\x15\xb5\xc1\x8f\xed \xed\xf2\xcc\xe5\x96\xde0\xe0\x8d\xe1\x81?9\x86\xa5\x8e\xc46\xd5(Q\x8b\x92i\xe2\xeaC\x0c\x9an&lt;\xb6\xf6\xb6\x9d\xae\x97\xbc\xa1g}4i\x9fU\x8b\xc7\xe5\xb8H\xf2\xfbj\x98\x87\x15g\x1c\x06\x1e\xae2\\\xd1\xb774\xe8\xc5\xd3\xba\xbbm{Nem\x13\xb35u\x0f\rj\x9a\xbc&amp;;!i\x14n\xa8\xcc\no,T\xb0pd\x94\xefT\xdc\xc3\x025x\xc79\xe1\r|\xb1\xac|l\xfd\xa0\xb4-\x97\xb6^\x1e\xb1\x86\xda?\x91\xa0\x8fL\xb3WI1\x1e!I\x1a\xe5\xae\\\x95RY\xb7m\\\xb2\x88\xf7\xf2}%\x96fUm\xec\xf1\xb9$j=]\x17\x98\xd3\xe6\x8f\xc1\xaa\xb4n\xad\xa6\x8b\x95\xa4\xb7\xe8\xfc8\xf1&amp;UFM\xd5\xca\xf8\x96\xa5\x14\x92u\x1eS[\xd95+{\xb2|\xcf\x994\xac\x9b\x8c\x9bw\xd9^\xfd\xe6\xb3\xe0\x8d{L\x9d\xd8\xd9\xe5w\xed\xc1f\x03\r\xf3\xba\x02\xe0\x7fw\xe5\xda\xdb[\x8d\xbd\xab\xd2\xfe\x00|d\xf17\x8f\x16\xf2\xd3\xe2n\x99m0\xdb\x01\xd3\xc8\xd2\xa3\xb1\xb8O\xde*\xb43"\xaa,\xc6"N&amp;|6\x06\xf3$\x9f \x1e\x06oS3\xcaf\xa3\x8a\xab\x83\xaa\xa5\x1d\xe8Uu\x94_\xba\xbd\xe6\xb9R\xbaJ\xdb\xa7\xd1;\x1fY\x91\xd7\xc9\xf3\x8aw\xc2\xe1q\xb8i&amp;\x97&amp;"\x82\xa2\xda\x95\x9d\xa3\x1d\\\x96\xf7\xbe\xabgm\x11\xe1+\xa1\xcdpJo\x98\\\x0b\x84C\x0e\xc0\xd0y^[o,\xfb\xd6o&lt;\xb1\x88C\x1aFc(ei$R\x11\x1b\xed\xff\x00\x11\xe8\xbe\x08\xd2u{k\xbf\xb1D\xdez\xc6\xe5\x81P\xa9\xc0\x91r\xf9\x0b\x94*b\\\xf0\x15Z.\x01&amp;\xb8\xe1\x9cN\xad\x1f\xdc\xd3_\x0c[v\xbb\xb2\xe5\xe6\xe5\xbcU\x96\xd7\xde\xd6\xd1\xde\xe7\xb0\xb2\xaa\n\xb2ukM$\xda\x8c_2\x8e\xbc\x96RI\xbb\xcdy-n\xd4\xa3\xa5\x97\xc5\x92\xf8\x03V\x82S$p\xb8M\x8d&amp;\xfd\x8c\xbf1\xceT\xae&gt;\xf0\xe8K`\xe4`\xe0\x8a\xea~&gt;|E\xf1e\x9e\xaa-|\x0b$qD-S\xc9\x9c-\xabm\x98\xf0\x0bE9\xda~e\r!uu*F\xd22\xd5\xedeQ\xcd1\xd4\xf9\xbe\xb9\x83\xa2\xa2\xe3\x1elL\xdd;-/\x14\xb9]\xa2\x96\xb7\xb3\xdd\xea\xcf\x078\xc4\xe4\xf9eGl\xb7\x1f\x8a\x93\\\xdc\x98X*\xaeR\xf7l\xd3r\x8d\xe4\xfa)I+\xe8\xdaV0\xa0\xd0\xa5\xb6\x87\xcd"a\x82\x15\xca"\xb2\x03\xc7\x04\xe4`\x90s\x93\x86\x04u\x1c\xd7\x88\xe9^#\xfd\xa1u\xcb\xaf\xb3\xcb\xe2\x0b\x00\x99X\x8bDtK&amp;\x95dq\xe64\x91\x04!\xca\xa1\x92@\xcc\x8d\x86\n\x8b\x81\x9c}\x04px\x8aQ\x8f\xb6\xce\xb2NV\xef\xfe\xf14\xdb\xf7n\xd3t\xf5}\x17[w\xb9\xf2\xb2\xce\xb0\xf5\xa4\xa1G\x86\xf8\x95\xdaQ\xbd\xb0\xf4\x1a\xb5\xe2\xe3\xa4+Yi\xfc\xb2mn\xd7G\xf4\x86\x9f\x1cq\\Z%\xac\x86X\xda_.A\xb7\xe6\x8eF\xe0g\x8c\x95,v\x83\x8c)=9\x04%\xb6\x81\xe3\x1f\txj\x1dgVI\xbc]t\xb2%\xc5\xcf\xf6%\x82\xff\x00\xc4\xb5~\xf2$\xd7p\x16[\xd9\xb2\xc0\xe4[C\x1eU\x8e\xf7\xcf\xcb\x93\x95Ok\x08S\xa9\x86\xc4\xb8\xb8\xc9T\xa1W\x96:\xf2\xe8\xddof\x9d\xd7\xc3\xc9\xcd\xcd\xad\x9b\xb9\xdc\xaaRte:\xb8|f\x0f\x9a\xc9Q\xc4PS\x9a~\xec\xa1h\xe1\xddg\x1b;ss\xa88\xa7g\x15c\x88\xf8\x8f\xf0F\xdf]\xd3.\xf5{H\xa5\x17\x91\x89\xa4\x97je\xd5[\xe6Y\tc\xf7\x0c\xd2n*J\x84\x04\x101\x96\x1f\xa0&gt;\x16\xd34\xef\x12xCG\xf1.\x9f\x1el|Q\xa5\x17h\x9a"\x1a\x1b\x98\xd5\xa0\xbc\xb4\x9d\x0e\x1a\x19a\x99d\x8d\x95\x80dr1\x80\x00&gt;\xfe\x07\x11^\x8b\x8f,\xe4\x94\x9c_+iv\xbai+om\x1b\xeb\xd9\x1f;\x98\xe5\xd8&lt;}\x16\xe5N7i\xa9J1nI\xcb\x95-\xac\xd2\xed\xb3\xb5\xee\xaf\xb7\xec_\xfc\x1a\x1b\xf1\x1fY\xb6\xd2\xbfm_\x80\x97\xce[J\xf0\xf6\xaf\xf0\xb3\xe2^\x97\x1e\xc2\x05\xbe\xa3\xaf[\xf8\xab\xc2\x9a\xe9\x0f\xbb\x03\xed6\xde\x1c\xf0\xff\x00\xc9\xb4\xe7\xec\xc5\x83\x0c0&gt;\x7f\xff\x00\x06\xcaA\x1f\x85?\xe0\xa0\x7f\xb5\xef\x83\xa2\x95\xa3\x8fQ\xfd\x9d\xb4\xddem\xc0\x8cEq\xfd\x8d\xf1+\xc2\xb61\xc9\xb9d;\x9e\xda-d\xac{T\xe4]\\\x16a\xb0\n\xfb\xcc\xb7\x12\xf1T\x15F\xac\xec\x94\x95\xad\xef$\xafm\xf4\xb5\xac\xf5\xf5?\x16\xcf\xf2\xff\x00\xec\xfcT\xa8\'\xcd\x18I*m\x7f\xcf\xb7\x14\xd5\xf4Z\xde\xefd\xf7vI\xa3\xfb\x88\xa2\xbd\x13\xc1\n(\x00\xa2\x80\n(\x00\xa2\x80\n(\x00\xa2\x80\n(\x03\xf8\xf6\xff\x00\x83\x97~\x1c\xdeM\xfbF\xfe\xc3\x9f\x12a\xb1\x96[\x1b\xdf\x04\xfc]\xf0]\xf5\xec\x8a\x8de\r\xc6\x85\xadxO^\xd3\xa0`\xc0\x96\x9aX|C\xaa\xc8\xf1\xb7\xc8\xf1E\x9d\xc8W-\xe0\xdf\xf0S\xdf\xdb\xdb\xc5\x7f\xb5\xef\xc7\x9f\x1a\xfc\x17\x83B\xf8r\x9f\r?f/\x8e^5\xf0^\x93\xa9\xdbh\xfe#\x8b\xe2N\x97\xad\xe96W\xde\x11\xf12\xea:\xc5\xfe\xaa4;\xdd+Z\x91m59\xa2\xd2\xf4H\xcd\xa4\xf6\x1am\xbajR\x18n&lt;\xff\x00\xcf\xf8\x9f\x88\xf2u\t\xe5\xf2\xc5\xaax\xa8UQ\xe5\x9d:\xaa-s\xfb9\xca\x13\xb2R\x8c\'\x19Br\xd6\x1c\xc9\xa4\xef\x13\xf5\xce\t\xe0\xbe!U\xa8f\xb2\xc0\xb9`+Q\xf6\x91\x94+\xd2\xe7W\x84+S\xf6\x94\xf9\xaf\x1ezr\x8c\xe2\x9f\xbc\xa3(\xb7e&amp;|\x11\xe2\xab\x11s\xf0\xebM\x88\xc6.[Q(%HO\xc8\xf1\xdb\xc0X#\x10s\xe5;I\xb4\xae\xec\xb0 gms\xbe8\xf1\r\xce\x8b\xa7iv\x8d\x18\x99t\xdb,\xb4d\x92\xaf#\xa60J\x9c\x18\xc6\xdc\x97&lt;m\x03\x1c\x93_\x98g\xd8\x89\xca\xa5&lt;&gt;\x15\xb7\xfc:\x95%\x1b\xc62i+\'%e\xc8\xa5\xbd\xf4}\xcf\xdb\xf8{\x0b\xcbEU\xc4\xc3xN\x9d:U\x1av\xe6\x92\xbbI\xe9\xcdk&amp;\xad\xbb\xf8_O\x8d\xfe\'|a\xd3&lt;(t\xdf\x0ck\xd1]\xc3\x0e\xa3 \xd3\xb4m2\xdb\xed\x03P\xd4o\x1a_*\x1b=\x03\xc3\xba\\rj\xda\xb4\x92\xdd \xb6\x8aX\xd3O\xb3i]\x8cw\x85U\xddy\xado\xe2\x1e\x9f\xa4k\x97\xba\xa6\xad\xe1-\x13\xc4/~\'\x85\xed\xf5\xdb\x7f\xed+1\xb9\x11C\x18\xe6\x86X\x9c$y\x8dU\x99XFO\x92\xf18\x0e;\xf2\xba\xb9{\x8aX\x9a\x15\xaaV\xe5\xb4\xa59/e\xcc\xd2\xb3t\xe9j\xe9^\xdb\xce\x13\x92\xd1\xcdhxY\xde\x1b8m\xcb\x03[\x0fB\x8b\x9e\x90\xa7\x0f\xdfY8s\'V\xac\xd55R\xd7\xd5Si9Y\xc1\xafx\xf8\x07\xc6_\x1aot\xdf\x1a\xeb\x1a;xit\x89l\xeda\xbb:&amp;\xb7\x04\xb1k\xf0\xcf5\xfbYI\xa4_\xd9\\\\j\x11Y\xeb6(\x8f\xaaj\x16s\xea\xc2\x08\xf4\xb7\x86k{\xeb\x8b\xa9\x96\xd2\xbd\x17\xc7\x9e\x1c\x93\xe2\xdf\x8e\x0e\xad4\x16\xc6\xfe\xe24\x86;]2)\xa2\x82;kp\x16%\x92k\x8b\x9b\xd9\x96\x18\x94\xe1\x8b\xdd\x10\xa0lU\n\xaa\xa3\xechO#\xa7\x86\x87\xb4\xc1\xd0\x8dW\xca\xa7R\x10\xc489&gt;[\xf2B\xac\xa7\xc9{\xfc\x0e\xac\xda\xd3\xde&gt;\x12\xbe\x13\x8a\xeb\xe2\x1c\xa3\x99\xe2~\xaf\x1ei*U%\x84\xa78\xc5(\xf2\xfbJ\xb4\xa3\x18\xca\xdb\xde\x145\xb3\xb58\xeaz\x0f\xec\xe1\xafA\xe2yu\xbdw\xc5\xf7:\xbf\x85\xad\xc5\x85\xad\xd7\x84R\xca9\x84z\xe4\xf3\\K\x14\xad\x0b\x19$\xb7H4\xd3\x0b\x0b\xc8\xa5\x93\xceWx\xd5\x11\x96D\x91\xfd\xd7\xe1\x9f\xc2];\xc1\x9ae\x9d\xd6\xb7\x1cW#N\xcf\xd9t\xab8\xc2\xc2\xd7\xf2\x00q!\x044\xb30Tid\x9b\xaa|\xa7\nM|\x7f\x10\xe3\xb05\x14\xa9`)G\r\x14\xed&amp;\xa2\xa7\xcc\x9b\x8d\xd4\x94\xf9\xa9\xc6\xfb\'\xd9\xda\xc9\xa3\xee\xb8c/\xccc\xc9,\xda\xbf\xd7f\x92\xf6\\\xb7\x84\xa0\xd2Wjqp\xa9Q+E\xd9\xa5\x17k\xddE\xb4\x9f\xe3\xff\x00\x18k\x90j6\x0bkc;gNH\x0cW\x8e\xf8\xbb.\x9f%\xc1W\x00\x89\\giP\xcb\x9e\x99\xe71x\xaa\xcfX\xd7u\x87\xd4&gt;\xcb\x10X\xd8\x0brw0t\x88m\xc2e\xc0\xda\x08"1\x12y*\xab\x84\xc8\xc9?/\x82\xc4\xe1\xe9\xbb9a\xe5&gt;T\xac\xdd\xa7\xca\xe4\xb4\x95\x94%e\xb2\xb2Ikk\x9f\x7fS-\xc5\xd4\x87&lt;i\xe2\x92\x8c\xe2\xee\x93q[r\xda\xeeqw\xd5\xde\xf7z\xbd\xb5&gt;n\xf8\xa1\xe2\xcd2/\x05\xdf]i\xd6\xf7K\xe3Ho\x19\xefe\xb8P\x9a}\x8e\x98"\x01\xe5y\x88\xf9\x1e\x19\xb1\x08\x80)\x96\xe6Ib\x11\xf1\xb8\x8e\xab\xc4\xbf\x0f\xa7\xf1\x0bMwg"\xdaj\xf1I\xe4\xdc\xc2\xe1d\xb6\xbd\x8a@\xee\x9el`:\xe5\x88h\xf7\x11\xf2\xc80px\xaf\xaf\xc9*e\xd4\xaaF\xa5_z\x0bX\xd1\xa9$\xe8\xad#\xa4e\x18=W\xf2\xd5M_^mO\x8e\xe2*\x19\x95|&lt;\xf0\xf8\x7f\xdcU\x93\xe5\x96&amp;\x94`\xeb\xc5i\xbc%$\xf9n\x92u(K\x9bM"\x9cY\xf2w\x85\xbe$\xf8\x96\xef\xc4\xfe\x1f\xd24+\xf8\xe7\xd5\xee\xf4M{U\x93Lx\xf5i&amp;\xbb\xd4\xb4\xa8d\xb8\xd0\xbc1\xa3\xdd\xda\xe8\x9a\x96\x9d\xa8k\x9e2\xda\xb6\xbas\x08\x93K\xd2/\xa5\x10k\xf7\x96\x90\x83t}:\xc3\xc3\xd7&gt;\t\xf1\x1cz\xa2\xe9\xa2\xd2\xf6\xc1.\xa0\x8c\x88UU&gt;\xd3\x1b\xc5(\x86o-\xf6#,\x85Lo\xbd63 U\xc9\xaf\xb6\x8e\'&amp;\xa9Fq\xfa\x8e\x16\xa5iF^\xcaUi9F2ir\xf3\xc2\x95E\xcd\x18Ku\x19\xd3r\x8a\xb5\xe2\xfd\xe3\xf37\x93q=\x1cM\x1a\x8b5\xc5\xc6\x82\x95/k\x1a\x15\xd4gR+\x97\x9f\x96U\xa9\xb9\xc6u\x12\xbd\xdck8I\xb6\x94\x92Q&gt;\x8b\xf0o\xc4\xaf\x1b\xdcx\xdfV\xf8i\xadi\xc9\xa6\xf8\x8bC\x9d\xad\xf5\xad:\xe6\xe6\xc1\xda\xdaeD\x95\x82j\xfa\x1e\xfd\x0e\xf9\x84N\xa0\x8f*\x16-\x98\xa6\xfb&lt;\xa9\xe5\x9eG\xc3Z\xd6\xad.\xa3k5\x8d\x95\xb5\x90L\xb6\xeb\x1b+;&lt;+\x14%\t\xb3\x82\xda1\x1eT\x11\x18\x89QNp\x99$\xd7\xca\xe62\xc1,3\xa7*\x14\xfe\xb3h\xc6up\x9f\xec\xd1r\xba\xf80\xd3\xa9YB\xcd\xa4\xe2\xebT_\x13\xd3c\xeerj9\xad&lt;\\\'S\x19Z\xae\x11Y\xc6\x86.1\xafQIr;K\x17\x15\x0eu\xdaj\x857\x7fwW\xa9\xfa\x9f\xf0\xac\xc7?\xc3\xf6\xd3\xd9\x11.4\xfdVy\xca\x02\x81\x15n\xa2W\x90\xed\xc9\x1b]\xed\xc3\xc8\x00\xda\\\xb3/$\xd7\x94|!\xf1&amp;\xa2\xba\x84kv&gt;[\xa8\x9dn\x95~@\\l\xcb\xe0\r\xa0\x84\xceJ\x82s\xb9\xb1\x83\x8a\xe2\xc81\x93\xc3\xd6\xf6\x18\x87)R\x95K\xc2V\xd1\'\xcbeex\xadU\xe4\x93\xe9~[\x9e\xbf\x12`\xd6"\x93\xc4\xe1c\x08\xbfe\x15R\x11\xd2\\\xd1[\xbd\x13\xd7[6\xee\xaf\xabV?j\xff\x00\xe0\xdc\xff\x00\x06\xdf\\\x7f\xc1D\x7fi\xff\x00\x1d\x18\x90\xe9\xbaW\xec\xcbg\xa2\x19PH\x85o\xfcC\xf17\xc2\xf3Y\x07\x8f\xee)\x96\xcb\xc2\xba\x81\x01\xc9;\x11L@\x8d\xe5\x7f&lt;\xff\x00g?\xdb\xc3\xe3\x9f\xfc\x13\xfb\xc7^5\xf1\xa7\xc2\x9b\xbf\x0e6\x8d\xae\xde\xf8&gt;\x0f\x89Z]\xe7\x844\xcd\x7fV\xf1v\x81\xe1+\xed@A\xa1&amp;\xa5|c\x9fG\xd3\xadO\x895\x1b\x8b\x8b\x8d\x12]?Pg\x96\x177s,\x10@&gt;\xe7\x01\xc59.]7\x81\xaf\x88\x9c\xb1S\xac\xe0\xa3N\nV\x97*\x9c\xee\xdc\xa3~X\xfb\xcf\x957\xcb\x1d\x15\xf4?,\xcf\xbc?\xe2|\xee\x11\xcc\xf0xJ1\xc1\xd3\xc3B\xac\xa7R\xbf\xb3\xbc[T\xe9\xda\x11\x84\xb5\x93j7\x93Q\xe6\xbf\xbd\xbb_\xe8\xc7X^\x17\xd7b\xf1G\x86|;\xe2[x^\xde\x0f\x11hZF\xbb\r\xbc\x87t\x90E\xab\xe9\xf6\xfa\x84p\xbb\x00\xbb\x9e$\xb8\x08\xc7j\xe5\x94\x9c\x0e\x95\xf7\xd1\x94g\x18\xce.\xf1\x9cT\xa2\xf5\xd62WO]uN\xe7\xe2\xb3\x84\xa9\xcet\xe7\x17\x19\xc2R\x84\xe2\xf7\x8c\xa2\xdcd\x9d\xb4\xbai\xa3v\x8a\xa2B\x8a\x00(\xa0\x02\x8a\x00(\xa0\x02\x8a\x00(\xa0\x0f\xf3\\\xf1\xcf\x8c&lt;O\x0f\xc5\xaf\xda\xf3R\xbe\xf0\xfe\x9dewq\xfbe~\xd0\x1e\x12\xd5n5;d\x17v\xde!\xf17\xc5yg\xd3\xf4\xfb\x19\xd4$\x82\xeeyt\xe0.oJ\\Ci\xa4\xcfy\xb9B2F\xde\x8f\xff\x00\x05\xae\xf8\x0f\xf1O\xe1\xff\x00\xed\xe1\xf1oJ\xf8]\x1cP\xd8\x7f\xc2\xe0\xb8\xfd\xa1_G\x85\x16\xd7\xfbJ\x1f\x89\x1e\x1f\xf0\xcf\x88\x06\xade`AMU#\xd7\xe0\xf1\x06\x83q3\x14\x8e;\xd8.\x8c\x93B%\x19\xfc\x07\x8b\xf2\xaaU3\xbcD+\xca\x8d\x17G\x0fVt\xe5\x88\xab*0\xc5\xaa\xd5\x1dXF2\x8f+\xa8\xfd\xac\xa9\xb9G\x9dF\x9b\x8bn-\xbeh\xff\x00_p\x0et\xeap\xc6\x0e\xa6\x16\x15*\xaa\xf50\xd4eN\x8d%W\xea\x95p\xb8zXj\xb2\x93\x9f2\xa7\x08\xd3\x85H\xdd\xc2R\x9a\x94T]8\xbb3\xc6\x1e\x14\xb2{\xb8\xacn|\xb7\x92\xe6\xc2\xd1L\x8f\x93\x10"\'\x0f.\xd6!\x98c\x05T\x11\xbf\x02?\xbcj\xcb\xb4\x9a\xe7\x83\xfc\x15\xaf&lt;R\xda&lt;ze\x8a\xde\xa1O&gt;kA\xf6X\xe5h\xe414\x84\x9bw3D\\;\xe1\x90\x15~7W\x8b\x8e\xc3\xba\xf4pX\xbb\xbeI\xc6\x97\xb7\xe4v\xb4\xa3\x14\x9a\x92\xbd\x94S\xbf\xdaZu\xd4\xf5\xf05\x9d*\x98\xcc-\xf9\xaa\xd1\x9dWE5w8JQi\xdd)&gt;g}\xa3\x16\xd7[&amp;\xd1\xf2\xcf\xc4/\x82v\xf3\xd9\xdcM\xa7\xda\x19TC\xb8\x8b\xabi\xedf\xf3U\xccr\xf9&gt;|)\xf6\xa2\x844\xa9\x14\x0c\xe1\xe1bQ\xdaD\x01\xfe\xc0\x87X\x82\xf2\xd6\xda\x1b\x962%\xb2J\xb1\xc2\x826gQ\xf2\xbc\x8eJ\xfc\x9bT\xbe\xdc\x1e\x01\xdd\x86\x00\n\xe7\x84\xf0\xf1\xa6\x9d\t\xb5Ui\x17\xcd6\xa6\xd2\x8biM\xcf\x958\xf5\x83O\xc9\xf3X\xdd\xbcB\x95\xb10N\x93\xb5\xd5\xa3\xee&amp;\xe2\xb5\x8f\xb3m\xa7\xb2\x97=\xb6\xf7m\xaa\xfc\xcb\xd3\xbe\x1f\x7f\xc2$\xd3M\x15\x89\x82\xe4\xc3s*,\xbbc\x8ai#\x85\xda2d\xfd\xee\xc8g\nU\xb7\x80S\xe6\x01rR\xbe\xac\xf1\xf5\xad\x9e\xa14\xf6\xf1A\x1b\xaa;\xca\xff\x00g\xdf\xe5\xa6d.\x84K\x9d\xa1\x86\xde~\xe9\x8fs&amp;W\x0c\x0e/4\xabt\x9b\x94\xf4\xe5rSrN\xce-\xb6\xdar\xb3N\xf6\x8d\xac\xd2Zt\xeaYn\x16\xa4o\x1bG\x95\xa7eN1J\xf1\x84TtN\x17]\xdd\xec\x96\xbc\xd6\xb3\xe25\xc9~\x1aXx3K\xf1\xbf\xc4O\x12\xc7\xe0\xdf\x04\xe8\xb6\xe0\xdc\xbbO\x1d\xb4\xb7\xf7\x93\x94{\xe9o.ga\x1c\x00\xee\x10\xc1#.\x04\t\xbb\n$"\xbeG\xf8\xcf\xadh\xb7\xf6_\xf0\x8a\xf8\xb3Z?\xf0\x8a\x96X\xef\xb4HYY\xb5;\x08$\x12\xfd\x81\xf2$k\x88_k+\xec\x8b\xcf(\xcf\x1aJcp\x83l&gt;[\x88\xcdq\x94\xa5Z8\xa8\xe0R\xfd\xf4p\xb4e\xf5\xbef\xae\xa3\x86r\xa7S\x0e\xf9\x9e\xf2\xac\xe2\xf5\xb3\x95\x95\xd7\x16+9\xc1\xe4x\x1a\xea\x8dL\x14\xf3)\xb4\xb0\xf2\xc6V\x87\xd4\xe5\x08\xa8^X\xa7N\xad,JP[C\x0f\x1bJJ\xfa;#\xee\xfdkP\xf8\x17\xab\xdf\xd9x\xcf\xc3\xb7\x16S|?\x7f\x07\xda\xdfioc\xabEy\x1d\xdd\xb0\xd2$X\xf5\x18uKUHn\xe1\x92o.\xe9dM\xf1\xe4I\x01v\x8d\x15\x8f\xc5:\x87\xedm\xa2\xcb\xe0\x884\xbb\x1f\x01yV\xda-\xbcvv2&amp;\x92\xd6vqhQ\xa0\x828!\xb1\t\x06\xcbU\x8fh\x94\xba|\xdb\x9d\xd8g8\xf2\xff\x00\xd4\xfc\xc9\xe6\xfc\xf1\xc3b \xe5\x14\xa9\xc2\xa4\xf0IF\n\xd1\x84%\x05N\x95\x17\x89qw\x95H\xd0\xb4\xa4\x94\xb9[I\x9e\xf6\x13\xc4\\\x05,\x85F\xadJ\x12\x859\'[\x11F\x9e&gt;NU\x1b\x84\xe5V3\x95Z\xb5\xa1\x86\x8bI*s\xc59*^\xe77+:\xff\x00\x0f\xcf\xf0\xeb\xc5\xfaE\xdf\x8f\xbe\x1ex\x9bN\xf1&gt;\x94\xf7\x13\xe9\xda\x9b\xe9\xae\xb76\xf6so\xdb"\xbc\xb1;B\xd3A"\xc6\xf1\x9c\t\x03+\x0e\x8f\x93\xf2\xcf\xc2\x8d{H\xb1\xb4\xd4\xf4\x9f\x05\xeaV\xb6:\x06\xb7\xaa\xdekrh\x90\xa4\x11\xc3o{\xaaJnn\x84aBL\xe8&amp;fh\x84\xae\xe2,\x90\xa0\x0cW\xd2\xe32l^[\x89\xa5\xf5y\xe3#\x97\xfb\n\\\xf0\xc7\xc7\x9b\x15K\x10\xb9\\\xa1\x17K\x0f\x1a\x13\xa5\x17yB\xacev\xac\xdcW6\x9e\x06Y\xc4\xf9vs\x82\xad\xf5\xb8\xe5\x9537\x8a\xa9\xec\xebe&gt;\xe6\x0e\xb6\x1b\x9a&gt;\xces\x86#\x15S\x11N\xbc\xe3okE\xb9B3MsI%\'\xf4u\xf7\x86-u\xdb4\x95\xfc\x97l\x95\x91\x9d\x03\x91\xb9\xdc\xa6I\x0b\x89v\x05$m?1\xcbpk\xa7\xf0\xc5\xfc\x10\xc3\x04S\x8cHJ\xe6\xe26\x05d\x19\xda\xa0\xc4A\x8f\n\ti\x0ba\xc8\x1bK\xe1\x88\xaeickQw\xbbz\xd9J\xdc\xcaV\x8co\xa2\xf7\x93\xd1\xef\x1b\'\xddjzT\xf0\x98j\xf1~\xeaI\xca7Z\xab;\xa5u\xd1=Rn7mv\xb2\xbe\xbf\x87\xfe\x18\xdb\x1d)\xeea\xb2e\x91#\xf3vD\xa8f)\xb4\xba\xb2\xa3lC\xe6m*\xa8\x08$\x02W,N=\x12?\x15\x15\x84[A\x88\xa2\x03\x12&lt;\x81\x8b8\x00\x86X\xb6\xa8\x0cK\xb0\xea\xc4yc\x1d3\x9c]J\x95\xed9\xff\x00*\x95\xb7\x94\x97\xb9k(\xde\xde\xef\x9e\xca\xfa4\xef\xb4iC\x0c\xdc \x92\xb5\x95\xf4\xe5\x8b\xba\xba\xbc\xb4\x96\xb6\xb3\xdd\xee\xde\xbc\xcbc\xe1\x86\x84\xb2\xde\x8bF\xdd\x1c\xf62\\#\xc8\xc8Q\x81\xf22\x14\xc7 \x12)^\xbb_\x042\x90z\x03]\xa7\xc2XDm\xack\x12\x0c\x1b\x89\x82\xc28 \xee`\xf3&gt;q\xd7j\x08\xbeU\xf9\x83r0\x00&gt;\xeeG\x83\x95F\xe7\'\'N\x15y\x92\x96\xbc\xb7\xe5\xb4#w\xd3y7\xa5\xfb[_\x9d\xcf\xf1P\xa6\xd4#\x18\xaa\x93\xa5\x18\xf2\xc7f\xd7#s\x9d\x96\x9a\xe8\xa3\xae\xfb\xbd\x8f\x18\xf8\xb5\x7f}\xf6_\x8d\xfaj\xdb\xdb\xde\xdb\xe8\xbe\x19\xd7\xf5X\xed!\x16\xd1\xcfhu\xebF\xd34\xfdZ9Y\x8d\xd5\xe0\xb3\xd6\xf4\xf3ms\x02n[Y \xb3\x91\xc4iv\xb2\x1f/\xd2\xfc\x0f\xf1\x1f\xc7\xff\x00\xb4\x9e\xa3\x15\x9e\x9br\xfe\x13\xf1.\xa1\x0f\xc2\xbd.\xda\xdc\xc9w/\x89\xf5_\x19j\xd6\xdau\x9d\x95\xb4\x10,\x81\x84\xda\xd6\xad\xba\xe3\xed,\x86\tQ\x1c ER3\x86\x1e\x15sZ\x18\xaeZ2\xaf[\x19^\x8c\xb0\xf1\xa9\x17ZtkIR\x86#\xd8\xc5\xcb\x97\xdc\x8a\x84\x9bT\xdd\xdc]\xdf3R\xeb\xab\x8d\x9e\x1b#\xc4a\x1dJ\xd1\xa1C\x05\x86\xab\x1cD\xa18\xe1\xe3S\x0f\nue\x87\x8di(]\xc6\xa3\x94\x94T\xaa\xc6T\xf9\x93T\xdcn\xff\x00\xd4K\xe01\xbbo\x81\xbf\x06Z\xfc:\xdf\x1f\x85\x1f\x0e\xcd\xea\xbf.\xb7g\xc2\x1a9\xb8\x0ex\xcb\x89\xb7\x868\xeb\x9a\xf4=\x0fJ\xb7\xd0\xb4]#C\xb4\x18\xb4\xd1\xb4\xbd?J\xb5\x00m\xc5\xbe\x9di\x15\xa4#nN?w\n\xf1\x93\x8e\x99\xaf\xe8\n\x14\xfd\x95\x1a4\xaf\x7feJ\x9d;\xf7\xe4\x82\x8d\xfev?\x8b\xb1u\xbe\xb1\x8a\xc4\xd7J\xca\xbe"\xb5d\x97ER\xa4\xa6\x97\xcb\x98\xd4\xa2\xb59\xc2\x8a\x00(\xa0\x02\x8a\x00(\xa0\x02\x8a\x00(\xa0\x0f\xc5\x7f\xf8+\xbf\xec\x17\xe2\x8f\xda_\xc3^\x1a\xf8\xaf\xf0k\xc3\x89\xaa|W\xf0\x85\x9b\xf8c\xc4\xb6zZZ\xaf\x89|Q\xe0\x19\xaed\xbd\xb5\xb4\xd2~\xd7%\xbc7W\xda\x1e\xa5s}"\xdb}\xa6\x0b\xab\x9b\x1dV\xeb\xc9i\xe4\xb2\xb4\xb6?\xb5\x15\xe0\xe7\xbc9\x97q\x05*p\xc6*\x94\xeaQw\xa5\x88\xa0\xe1\x1a\xd0\xebo~\x15!8\xf5Jp\x97+\xbb\x8f+m\x9fW\xc3\x1cc\x9b\xf0\xadZ\x92\xc0\xbaU\xf0\xd5\xff\x00\x8f\x82\xc5\xaa\xb3\xc3Tj\xde\xfaT\xaa\xd2\x9d:\x96\x8cS\x94&amp;\x94\xd4b\xaaFj1K\xf8\x02\xf1\xaf\xc0\x7f\x8d\x9f\xb3\xb6\x8d\xa5x;\xe3\x87\x81n\xbe\x1ax\x9f]\xd2.|M\xa3xZ\xe3U\xd2\xf5\x0b\xf8&lt;\x13\xaak\xba\xe6\x9b\xa0\x9dJM\x1e\xff\x00P\xb6\xb5\xbf\x9a\xdfM\xb8K\xed6k\x81ug"\x98\xae\xa0\x89\x9b\xcb\x1f\xd07\xfc\x17\x1f\xe1\x15\xde\xa5\xe1\xdf\x84\x7f\x19\xb4\xfbv\x92\x1d&amp;\xe7W\xf8w\xe2)\xa3\x800\x82-Q\x1b^\xf0\xdc\xd7\x12\xace\x84"{=~\xdc\x19\xa4X\xe3\x9a\xe6\x18\xa2V\x92\xe8\x8a\xf8\x1e"\xe1\xaay.[J\x9e\x07\xdbV\xc3\xfb7Js\xae\xe3:\x9e\xd7W\'7\x08B)TVv\xe5IrK]\x91\xfb\x07\x05\xf1\xa4\xf8\x973\xc4\xcf1\x8e\x17\x0b\x8d\x8dXU\xa3O\n\xaaB\x1fWJ\x9c\x13\x82\xadV\xac\xe4\xe9T\x8d\xea&gt;v\xdf&lt;]\x92L\xfeY\xefn\xae-\xdf\xcb\x80\x92\xd2\xf9\xb1\xfc\x83\xe6\x8f!W\x05\xb0\x02\x80\xea\xcd\x80\xccH\'\x94\xdc\x01\xe8\xe5\xb1\x8dn\x1e;\x90\xa8\xa8_\x0f\xd0\xe4p:\x8eInA\'?6N1\x9a\xfc\x92Q\x9f2\xa5\x05(:nM-o-\x9d\x95\xb5\xf4\xb7K^\xe7\xee\x11\x8d)A\xd4j3\xf6\x91\x85\xef\xa4V\xb1O\x97g\xae\xef\xd3\xbbg\xce\xde0\x8bP\xfb%\xe4\x10\xeaV~\x1d\xd2!`\xba\x9e\xb7\xa8\xc9\x1d\xba\tfVT\xb7\xb3Y\x16O6HB\x99\xa6\x0c\x88\xa9\xbbp\xcc\xbbE\\\xf8\x97\xa2\xe8\x9e1\xd2n|?\xe2k(u\x1d%\xe7\xf3\x96\xc2W\x928\xe4hX\x95\x12I\x11FS\xbc\x07C\x92V@\x0f\x18\xae\xbc\xaf\x11\x87\xa7)\xc7\x14\xe7Es]V\x8d\x18\xe2+_\xdd\xd21\xab8F\x1bj\xfd\xe9&gt;\x88\xf1s|&gt;&amp;\xa2\xa7,\r8\xd5\xe5\x8ca\xf5y\xd6\xa9\x85\xa3k\xaeg\'N\x12\x95KogoV\xd5\xcf\x02\xd2&lt;\x15\xf09/?\xb6\x92\xf6\xeb\xc4\xda\x99F\x96\xf7\xc4\x1a\x8d\xb5\xc6\xa3\x04Eyi\xacm\xe6cm\x04\x08\x11\x8cr\xcaY\xd92Wk6\xda\xf6\xcf\nk\x9f\t\xbc\x11\xa0O\xa6\xf8\x93\xc0\xfa\x8d\xf4_#\xdbj\xfb\'\xbe\xbf\xb5H\x9a/\xf4w\xb8\x869\xa4\xb8\xb6\x02=\x88\xce\x82EB\xd8fbM{\xf2\xcc\x1dHJ\x85\x1cN"\xb4\x1f\'*\x9b\x9b{\xc5\xe9O\x97\x917v\x92\x82\x94\x1b\xea\xeeue\x19?\x0e\xc3\xd9\xd5\xcc\xbd\x96\x07\x13k\xcap\xa3MS\x8b\xf7U\xe5_\xda\xc6m+%\xfb\xc9)\xb5\xac\xac\x93g\x8d\\\'\xc3mn\tF\x99|\xd3M \xde\x97/j\x89\x11\xb3p\xdf\xea\xd9d\xfb&lt;\xf1M\x1a\xbc\x86\x12\x1b\xca\x8dC\xe4\x0c\x9a\xeem\xfe$|\x0e\x9a\xfe\xee\xe6\xdd|A,e\xb6O\x05\xb5\x95\xf4&amp;Yq ?&lt;\xfan\xdbw\x1f\xb9\x19\x00\x1f\xdd\xee\\\x87\x90\xd4\xba\x98\xa8\xfb;`\xf10\x94\x9anu\xa3\tY\xa5\x1bs%\x87\xa76\x9d\x93V\x93Q\xba]\x19\xf4\x98|\xbb\x82\xa7S\x13\xcf\xc4\xd8j\x98z~\xe2\x8e\x1a\x9dXT\xabw\x06\xa3\x15S4\xa9E\xb4\x9d\x9atb\xd2O]Q\xf2\xae\xab\xf0\xcb\xe1\x8d\xc5\xf0\xd4\xc5\xe4\x1a=\xf5\xb4\xcc\xb0\xeaZw\xee\x82\xb1V\xc4\x97\xba|[\x11\x94\x95*^,J\xa8\xc4\x00Xdz\xb7\x8et\xef\x01\xf8\xc7Q\xbc\xbd\xd0\xf4\x8b\xef\x0f\xd8I&lt;\xd3\xc7\x1cw\x12\xff\x00hNe\x92F\x02k\xe5H\x84c\xcb\x90\x82#T$\x1eN\xed\xa6\xbd\x8aY\xaf"\xf6X\x8cmHS\x92I\xfb\x1fo&amp;\xe4\xb9uqIF\xea\xf7~\xd2)\'e$\xd5\x99\xf1Y\xbf\x0f\xe4\xd3\x93\xa9\x95Q\x86:\xa4d\x9d)\xe2\xb0\xd8Z\x16N1\xb5\xe4\x9dI\xc3D\x97\xee\')r\xab\xa9?\x85S\xf0V\x81\xac\xd9\xc9kgy\xa8\xdb\xeb\xfam\xe1\x02\xc7X\xb3e*\xdeZ*\xce\x97\x08\x06D\xbf0\xda\xdc\x17\x07\x94\xf9\x0b7O\xf0\xebH\xb6\xf0\xc40izl\r\x06\x9bl\xcc\xf1A$\xd2\xca\xc8\xd3&gt;Y\xc3\xc8\xeeZF\'qf,X\x93\x9e\xb9\x1e&amp;c^\x8e"T\xe3A\xba\xe9\xcd~\xf9\xd1\x8e\x1e\xae\xeaMJ4d\xa3/\'$\xado"r\x8c.#\t\n\x92\xc4\xd3\x96\x11\xb8\xf2\xfd^\x9e&amp;\xae+\x0e\xed\xca\xa3(N\xbcy\xe3$\xad\xcc\x93i-\xad\xd7\xa36\x97\x10\xdc\xc9\x1c\x8c\x0ch\xe5U7g!\x18\x8cq\x8d\xa5\x90g#\xa1n\xd9\x02\xba\t\xed\xcd\xce\xaeU3\xb1\xe4\x01\xbb\x82\xe0\xa1\x1bq\xc6\x06\x1b\x92\xa3\x92\xa0prq\x94=\x93\x8c)\xc5{\xc97\xc8\x9bv|\xb7\xe6\xd5\xefn\xb6I\xb5\xe5\x7fJ\x84\xa7[\xf7\x95\x1b\x92\x8bI9\xc9Y\xb8\xd9.D\xec\xde\xf6\xf4]O\xa8\xbfg/\x86\xfe&amp;\xf8\xbb\xe2\xff\x00\x07\xfc,\xf0h\xb5\xff\x00\x84\xa3\xc7&gt; \xd2\xbc1\xa25\xeb\xbd\xbd\x84:\x9e\xb9w\r\x8c\x13\xdfK\x1aJ\xd0\xd9\xdb\xcb:Mu2\xc5+\xc7\x04R\xba\xc6\xec\xa1\x0f\xeb\xa7\xfc\x10\xb3\xe0`\xf1\x7f\xed)q\xf1\x1bT\xb4\x8eM/\xe1G\x84u\rz\xd3\xcd\x19\x07\xc4Z\xc8o\x0fi%\x102\xf3\x14\x1a\x96\xa7{\x14\xac\xae\xa9&gt;\x9a\xa7`s\x1b\x8f\xbf\xe1\\\xbaX\xe4\xa18J4#\xefU\x95\xedx\xae]#\xd9\xcf\xe1\xbd\xae\x973OF~]\xc7\xf9\xe5\x0c\x96\x84\xea\xd2\x9cjb\xe6\xfd\x9e\x1a\x9c\xd2\x95\xeaJ\xcdN{\xb7\nQ\xbc\xdam)4\xa3\xbc\x8b_\xf0M\xef\xf8$\xb7\xede\xe0O\xda\xaf\xe1\xf7\x8f~9x\t&lt;\x05\xe0\x9f\x86\x1a\xd5\x9e\xbf\xe3\x16\xd6\xb5\x0f\x0cx\x87N\xf1W\x8a&lt;*f:D\xde\x0f}7S\xbe\x9bR\x8bW\xd6-,u\x01\xab\x9b[H\xad\xf4\xfc\xdc\xceb\xd4R\xda\xd2_\xeb\xf2\xbe\x9b.\xe0l\x9f-\xc7S\xc7\xc2\xae7\x11R\x85YV\xc3S\xc4\xd5\xa5*t\'/\xe5\xf6t)\xd5\x9a\x8f\xd9U*N7\xd5\xa7-O\xcc\xb3\xbf\x158\x8b;\xca\xaa\xe550\xf9^\x0e\x8e&amp;\x8c(b\xea\xe0\xe8b#[\x11\x08(\xaf\xf9\x7f\x8a\xafJ\x93\x9f-\xa7*T\xa3;I\xc62\x8a\xd0(\xaf\xb3?3\n(\x00\xa2\x80\n(\x00\xa2\x80\n(\x00\xa2\x80\n(\x00\xa2\x80&gt;\x06\xff\x00\x82\x9e\xda\xd9\xdc\xfe\xc3\xdf\x1b\xde\xf6\xda;\x85\xb2\xb2\xf0\x95\xf4\x05\xd1Y\xad\xaem\xfcu\xe1\x9f.\xee\x12\xc0\x94\x96\x10\xcf\xf3!V14\x91\x93\xb1\xddNo\xfc\x15Z\xe9\xad?`o\xda\x0eU\xdd\x96\xd2&lt;#\x07\xcb\x9c\xff\x00\xa4\xfcB\xf0\x94\x1cc\x9c\xfe\xf3\x8fz\xf1x\x8aQ\x86I\x98NV\xb4h\xc6Z\xed\x7fkN\xc7\xd5pL\'S\x8a2\x8at\xdc\x93\x9e"q|\xb7M\xafaU\xb5\xa7M5]\x8f\xe2w\\\xd4-\xaf\x1aI\x96A\x14\xa0\xb6\xee@\x05\x97vT\x1c\x8d\xd9\x002\xe7\xb1\x00\xf7\xaf;\xbcA=\xb4\xe1\xb7?\x98\x1fz1\xc2\x89\x18\x93\x95\xfe\xe9V\x05\xb1\xc0\xe0\x8c\xe7\x06\xbf\x9fj\xe2\xf08\xaa\x9f\xbe\x84b\xd4\x9aS\x82I\xde\xd1\xb4\xb5v\x7fz\xbe\xbeH\xfe\xb6\xa5\x86\xcc0\xd4_\xb2\x9b\x9c%\x18\xb7\tZN?\x0e\xa9Y4\xb6ik\xa2\xb3\xf3\xc4\xd6\xf4&amp;\xd5.\x82\t\x18\x89\xb1\x93\x9d\xaa\xeap\x9b\xb21\xf3\x00A\x1b\x01\xcf=A&amp;\xbc\x17\xe2\'\xc5\xbf\x11\xfc6\xf0\xe6\xadsi\xa5\xff\x00j\xddi\xdbf\xb7\xb8|=\xc5\x8d\xa2\xbe\xd9]\xe0b&lt;\xd3\x12\x050\xe3y\xf31\xbe9\x06q\xbd,\x96Y\x86&amp;\x9c0\x18\x8aj\xa4\xec\xd4j\xb8Sm\xfb\xb6\xe4\xbb\\\xf2m-"\xdc\xbb+o\xe6\xe3\xf3\xd5\x94\xe1e_\x1fB\xbf\xb2\xa7y9a\xa3:\x89E\xa8\xdf\x9f\x95\xf3B+_~~\xeaVR\x96\xb6&gt;\x87\xd4|1\xe0\xed\x17\xc3/&gt;\xb7t\x96pF\x8c\x05\xdd\xec\x8d\x1d\xa4\x971!f\x8fq\x12\xe5\xbeR\xdb\x08\xf2\xf3\xb7{\xa0 \xd7\xe1\xef\xc4\xcf\xdaK\xc6~5Au.\xb9\x7f\x15\xb3\\\\E\xb4\xb0G6\xf2$E 1\xac\x81\x14\x13\x1a\x06\x1bp\x843\x92\xded\x8a~\xdb\x07\xc0\x95%ib\xeb*n\xd1\xbc`\xb9\x9e\xb6\xe6\xd6\xca1\xd5\xbb$\x97Ew\xd7\xf2\xecw\x89\xd0\x8d\x96\n\x85J\xaaRm\xb9\xc9\xa4\x9cTyb\xe2\x9b\x94\xe5m\xdb\xb6\xaa\xfa\'e\xfa\x03g\xadi\xfa\x87\x88\xa4\xd3\xb4\xfdZ\xc2\xfa(\xa6\xfb\xb2\xa5\xad\xbaH]\xb1\x0c\x11\xb6w\xcc\xee#;B8\x0e\x8ad\x087\x86?\x93\x1a7\xc4\xedgH\xbf\xb6\xbf\x83Rh&amp;y\x1b\r0w\x10\xc8\xab\xb9% \x13\xb5\x9b\x11\xacl\xaa\xc9\x1a\x968\xc4aO\xa5\x1e\x06\xa5\x1aR\x8c+\xceR\xd6Q\xe7w\x8a\xbd\xb9uJ\xfe\xaf}l\x92\xb6\x9c\x11\xf1C\x11&lt;E\',$U?r2\xf6\\\xcaRV\x8a\x974u\xda\xdaY-\x16\xcfu\xfbG\xa9\xe8V\xb7\xd63Ih\x8fk&lt;.\xab4\x07y,\xca\xa4\xb0F!\x00\r\x9c\xa9 \x9c|\xa0\x91\xb6\xbe\x04\xf8{\xfb^j\xf6\xe2\xe3M\xd7~\xc9\xa8\xc0\xd2B\x8c\xd2B|\xf4\x90\x85W\x9e\x1b\x8d\xef$\xb2N\x0f\x99 dm\xee\xb2s\x18`+\xc7\xc5p\x86aA\xc6Xh\xd3\xaa\xde\xba\xaem=\xddR\xddm\xbe\x8f\xcd^\xc7\xd4e\xde#\xe5X\x95l]J\xf8g\xcd\x04\xf5\x92K\xe1k\xe1\xbb\xd3nW\xa3\xe8\xd9\xf7v\x87\x0c\xb1\xc8\x14\xb3n\x85\x14\x80\xdf{r\x82\x17\x96\xc7BH\r\xdc\x1cg8\xaf:\x1f\x12\xe2\xd6!\x82-\x16&amp;\x02\xe5RInd\x8ba)"\x87X\xd62KeIV 1\xda\xc3%\xb9\xda&gt;u\xe5\x15i\xd4r\xad8\xd3i\xbehE\xaee5\xcb{\xc5=\x14]\xdan\xc9\xef\xae\x96\xfb\xda9\xed\n\xb4a\x1a\x10\x9dh5\x17\x1a\xb5.\xe1\xc8\xd4\x1a\xb4\xa5\xac\xb9\x93\xdbW}\xe2\xb4\xbf\xd2^\x1eX!\x99o5\t\x95\x0cO! \x10\xcc\xd1\xa8P\x98\x19%\xa4-\xbc\x80p\xa4\xec^\xcd\x8f&amp;\xd2/.R\xd8Oy+\xbb&gt;Y\x04\x84\xe5\x8e\x06\xe3\x83\x8e\x99\xca\xe0c\xb0\xe35\xace\x85\xc3h\xa9\xc6\xbdE\xa74\xec\xe1\xcd\xee\xafy%{\xae\xd7}\xad\xa5\xc3\x97\x1b\x89\\\xce\xa4\xb0\xf4\xdbN*2|\xf2\x8d\xe2\xedN\xda+\xf7i\xf2\xae\x8e\xe7\xf5\xf5\xff\x00\x06\xf6\xce5\xdb\xbf\xda?_W\x11\xc7e\xa6|:\xd1\xad\xac\xc7\x1b!\x9e\xf3\xc5\x97M!\xc9\xcb\xb9kE\x12&gt;0]\x8f# W\x07\xff\x00\x06\xd9\xebB\xe8\xfe\xd3zk\x1c\xca,\xfe\x1d^\xf29\x08\x97\x9e,</t>
        </is>
      </c>
      <c r="M480" s="3" t="n">
        <v>45492.67637731481</v>
      </c>
    </row>
    <row r="481">
      <c r="A481" t="n">
        <v>1150044</v>
      </c>
      <c r="B481" t="n">
        <v>5981</v>
      </c>
      <c r="C481" t="inlineStr">
        <is>
          <t>Cleiton</t>
        </is>
      </c>
      <c r="D481" t="inlineStr">
        <is>
          <t>Cleiton</t>
        </is>
      </c>
      <c r="E481" t="inlineStr">
        <is>
          <t>ZAG</t>
        </is>
      </c>
      <c r="F481" t="inlineStr">
        <is>
          <t>ZAG</t>
        </is>
      </c>
      <c r="G481" t="inlineStr">
        <is>
          <t>ZAG</t>
        </is>
      </c>
      <c r="H481" t="n">
        <v>192</v>
      </c>
      <c r="I481" t="n">
        <v>33</v>
      </c>
      <c r="J481" s="2" t="n">
        <v>37735</v>
      </c>
      <c r="K481" t="inlineStr">
        <is>
          <t>Left</t>
        </is>
      </c>
      <c r="L481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9-01&lt;/Attrib:Created&gt;\n     &lt;Attrib:ExtId&gt;e041d25e-7765-4305-bc9d-cd32bcf8c1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Y6\x9eA\x00\x00\x03\x00PLTE\xff\xff\xffO"\x18n6(\x1f\x18\x1aX&amp;\x1b\x19\x14\x15$\x14\x15\xfe\xfe\xfe\x15\x14\x18\x1c\x16\x17#\x1b\x1b\x19\x12\x19Y1+(\x14\x15p9)R%\x1c!\x17\x16\x1f\x12\x12N%!k5(-\x17\x18,\x1e\x1eV.(m1!\x16\x12\x16(\x1c\x1bb,\x1fM#\x1di. m8+J\x1e\x17_*\x1d`82Q(!d;6Q)%D\x1f\x1aU#\x19rD=6\x1f\x1e]\'\x1bo&lt;/]3-\'\x11\x12:\x0f\x17s9*\'\x18\x18#\x12\x12= \x1cq?4f5(U*$a5-2\x1b\x1b\x89F3p9.J(#Y+!d.#xB5r&lt;0?\x12\x1a,\x12\x16K+&amp;1\x10\x15xF:\x14\x14\x13i7,?\x1c\x17\x84C0R-(4\x13\x19k:/\x16\x17\x1bH$\x1f\x1a\x19\x1f7\x11\x15f,\x1ei1($\x1b!\x1d\x11\x17\x8fI5^1(0#$7\x1a\x16U) j4$\\.%\x19\x11\x12[)\x1ejB=&gt;\x0e\x16v&gt;/\xfc\xfb\xfb:\x15\x1ce?:E\x1a\x15q3#1\x17\x17B$ \x80K&gt;c2&amp;b(\x1c:$#{?0e8-L/,e91x;+\x1c\x15\x1cu&gt;4yJ@A(&amp;D\x14\x1d-\x11\x11[61\x7fD6wKE\'!$\x1d\x1d#s4)qIDC\x0f\x19J\x1e\x1d \x18 \xfd\xfd\xfd=\x19\x13\x81?,I\x0f\x18j&lt;6\xf9\xf8\xf84)+mA7L\x13\x1dS2-\xf7\xf5\xf5|7\'\x84dfc(!\x93M8\xef\xeb\xed\xf4\xf1\xf2\x80B0C,+kFC\x1f\x1c\x1d{VW}=)\x87PDj\x12\x18\x8c@.}MH|\x1b%n."\xbb\xa4\xa6\x8eE/:02\x89H9{`a\x83;\'R\x0f\x16n!)K?@wRO\x85 *S\x19 \x97{~\xff\xff\xfe\x89=(\x9aR=\x8bqt\xa6\x19%w4"S34\x92 /\xdc\xd2\xd4\x86QQ[;9\xeb\xe4\xe6S\x1e\x15w\x11\x18` &amp;\x8ekhqML\xa1wz|C&gt;\xb9\x1d*@78\xe0\xd9\xdb\xa5\x9c\x9fQHI\x8b\x16\x1f\xaf\xa8\xaa\x8fYN\xa1\x84\x84\x86\r\x16ylm\x95qr\xb1\x97\x98\x99\x91\x94\x89\x7f\x81\x90N@\x8dZ^\xd4\xc1\xc4\xd1\xcb\xcd\xa8\x8b\x8epfgaCH\xbd\xb1\xb4gLNg_a\x7fvx]!\x16\xe3\xe0\xe2\xc2\xb7\xbai)\x1c\xc7\xc1\xc4\x96ch]\x19![(-I58\x97\x11\x1eXQQ~5!fVW]\x10\x15pZ[\xb41&lt;\x9b`Z\x9a/;\xa3\x94\x93\xe9\xdb\xdf\xa0YDVBB\x93KO\x92\x87\x89\xa7mpc--\xc9\xa6\xac\xab\x84\x81\xea\xe8\xeap/6\x9cgj\xb1Ya\x881&lt;\xcd\xb5\xba\xdf\xc8\xcc\x9bRY\xb4\x8e\x8ds,\x19\x88BJ~*6\xa5`K\xbds{\xa1CL\xc7\x8f\x97`\xce\xb0\xaf\x00\x00 \x00IDATx\xda\xc4\x97[LZ[\x1e\xc6\xb5\xdeF\x8e\x15\xaal\xecF\x90\x8b\nBS\x8a\n\x02J\x864\x1e\t\xe1\x14o[\xbcE\xe2\x85"\x15-\x92jw\xda\xb4\x8c\x91m\xb0q\xb0\xc6\xd4\xb41rb\xe2K\xcfCO\x9c\x9a\xcc\xc3\x04%41\xc1&amp;\xc6\x18\x1c[\x1f&amp;\xa6O}\xf1\x85\xd7y\x9b\xffZp:\xef\x93\x8d\xf3)\x88\t\x81_\xbe\xef[\xff\xb5V^\xde\xff\xae\x92\x12\xf8\x85\xa7`hyy5\x92\x8e\xac\xa6\xcf#\x91\xc8j\xc8\xe5\n\xbe/\xc1Bo\xb9f\xfd`ZM\x1f\x7f9M\x1c$\x93\xc9\xab\xa3\xabd\xf2{\xe2b\xf7&lt;\xe2\n\x063\\\xff\'\xa8\xc8\xeeE\xe2,uy\x19\x8f\xc5\xa2Q\x86\x89Fc;\xa9\xa3\xab\xc4\xf1~$\x84\xdfs\x9d`\xd9x\x82\xa1\xbd\xe3\xc4\xd1I&lt;J\xaf\xd3t\x17\xc9\xe1\x90\x1c\x92$H\x92\x89\xc6O\x8e\x12\x17\xfb\xabY\xb0\x92k\x82\xc2\n\x86\xd2\xc7\x07\'\xf1\x18Ewu\x15\xac\xaf\x17p2"\xd1\x13\xcdD\xc1\xb4\x8bP\xb0$\xef\xba\xb8\xb2Mw\xa5\x8f\x13gq\x06\x98\xb0^\x16\x80J\xe1\xc1)\xe0q\n8]4M\xed\x1c\x1d\xef-#\xb0\xeb\xe0\xcaR\x85\xf6N\x0f\xe31\x1a\x9c\xe9\xe2\x14\x94"\x9eu\xc0\xc2/\x10\x1f\xa7\x8b$\xa9\xd8I\xf2\xe2|\x19\xde\xfc&gt;\xe7\\\x19*W\xe48\xf9\x8d\xa1H\x0er\x07s\xfcW\x05\x05E\x05\x05\xdd\xa5(Of\xe7[r7t\r\xfd\xc2\xdf\xf0~y\xef\xcb\xd9\x0eC\x13\x1c\x1e\xea\x12"(-\x82\x9f\xd2,\xdd`i\xc1\xe0 \x8f\xc3\xe3A\xc7\xe2\xc9sW\xee\x17$\xf6*t\xfc=\x15\xa3\xbap\xc3i\x12\xbe\x9e\xc7\xcb`\xfd\xe1Wi)\x0f\xfe\xdc\xe2qH\x9a\xb9&lt;8\x0f\xe5\x9a+Ku\xb5CQ\x04\xc9\xc3\\\xeb\x00\x01DEE\xb7o\x17\xfdT\x84\xd9 \xd7.Niw7\xb2\x8bf\xbe%\xd29\xf6\x0bS\xad\x1e\x1f\xedPh&lt;qP\xb3\xd6\x7fy\xfcSww\x06\xebv\x11\x16\xaa\xd7\xcb\x97/\x1fw\x17\x15\xa1\x05\xc1\x9c|\x89\xe4\x94\x0b\x0f\xf6\xe5\x0b\xa8\x15x\x85\x9cBQ\x95\xf2\x8aA\x9a\xe2b\xde\xad\xac\x10%\xac\x82\xc7`"\x8c\n\x92\x8c\x9e\x9c\xee\xe5\x90\x0bS\xb9v\xc1+\x82\xc84\nH\xee\xdd\xbb\xc9\x9f\xd0\xeb\xf5\x13\xe8I\xcf\xe7\xf3\xff\\\x8c\xd0\xb2\xd5\x07,\x9a\xa0\xa3\xa9D\xee\xb82\xa3a\xef \xce ,\x1e6\t\x90\xfa\xfa~\xd6\xd6!\xb9AZ\xadV\xa9\xe7\xdf\x04\xeb\xf02(\xc2\x13\x8c\xa6\xa2\xa9\xd3Hf\xeb\xce\xcd\x96\x93\x179ME\t(\x96\x86$\xf9z\xbdR\xe9\xd5\xd6\xd9\xed\xd5\x15\x152\xa7\xacVVQa\xb4\xdb\x01\xad\xafob\x02|\xd3\x80]\x10\'\xacV*zv\xbc\x9c\x97\x13\xbb0V\xe8\xe2$F\x92\xc5\x9a\x89&gt;\xad\xd6\xed6Z,\x96Z\xa7S&amp;\x939M&amp;Sss3\xbc\xaa\xa8\xb0\xdb\xeduZ$\xa5\x06y\x06\xa5\xe7\x10\xd4Nf|\xb1\x8e\x857\x90\xe5\xdd\xab\x18\x056\xf5i\xed2\x99@P\xd6\xdb;\x0029\x11\xd5\x00&lt;\x9c\xcd\xc82Lfw\xdb\xddJ/$\xaa\x01g\t\x82I\x9d\xae\xe6\xc2.\xec\xd5\xfe\xf7K\x8a\xe0+\xddF\x81\xae\t\xd4\xde\xde\xde\xe4\xf1\x00\x8f\x00\x90LCC\x85\xc8\xb9\nLf4Z\x8c \xb7\x1b\xc8\x08\x02\xe6I\xech7\x07v\xe1]\xed\xfc\xe0\x92!\xf8zw\xad\xce\xa6R\xa9\x0cb\xb1\xb8\xb2\xb2\xd330\x90\x81\x029\x81\x0bzV\x81e\xac\x05Y\xc3\x16\xa3;\xa0\xd4\x10L&lt;\x11)a\x9d\x0b\x9bu\xfa\x8d!4|\xa5E\xd7h6\x03\x97\r\xb0:;=B\xa1D\x02\xbf\x12\x0cV\xc8\xe5Vs\xabA\x08\xac\xb6VPVV&amp;\x10X\x03\x13$\xc5\x1cfZ\xcf\xf6tp\x9d\'a\xbak\xf4\x812y\xa3\xdf\x8c\xa9\xc4\x9d\x80\xd5*\x94\x0cI\x90\x1a$C&amp;\x84\x95_]\x9d\x05CXj\xb5z.\xac\xe4\x13T\x9c\xfd\xd6\xa3\x8f[\xbd8\x81\xd9pSi\x91.b\xb7lb\x83\xb8\x1d\xb8Z[%\x19\xadH\xfe&gt;TX\xcf\xcd\x07e\xb0d\xcd\x02\xa0\xd2I\xa5s\x16\xbd\x06\x0f/\xd6\xb1\xf2\x82\xe7\xc98C\x90|mX\xbe\xa8\xc2\x19\xaa\x0c\x06\x032\xacueeR(\x14\xae\xac\xacH\x1a\xb2X\xf9\xc82\xae\xb3y\xa0W\xad\xd3MK\xe7|\x13\x1a\x82\x8e\x1d\xed\x07Y^\x8c%y\xa1\x8b\x14C\x10\x84\xde8\xb7\xa8R\xe1n\xc1\xb3\xd9l\x10#,!\xc2r`\xac\xfc\xfc\xac]\\n\x86J7=-\x9f\xd3\xea\xa9.:u\x11b\xd7.\xf8\xac\xd5D\x1c6\x1dBi\x99nT\x19TX~\xbf\xd9o\xa8DX+\xc2\xd6V\xb0k\xf2\x07\x16\x80A\x86e\x88J:-\x97K\x8dz\x92C\xef$\xd3\xae&lt;\x96\xbb\x159\x00,\x0e\xa1\xb5N\x9b!&lt;U\xd6-C&amp;D!\xc2\x12J\x1a\xfe\xc0zQ\xf3\x02\xca\x85\xab\xa5\x96\xca\x17\x17\xe5&gt;%I\xd2\xd1\xc3\xe3\xd0{v\xdd\x02\xac\x1d8c\x11\xee2[\x96\xca\x06/\xd0\x84\x00*\x89\x10\x0bB\xac\xc7\x01\xd6\xd4\xd4\xd5\xbc\xb0W\xd4Z\xd1J\x04\xac\xa5\xd1p\x80\x00\xac\xd4\x97U\x96C,\xd9\xbb\x8a\xc2.\xa24\xaa\xb3X6\xb1\r\x0f\x08\xb0I\x92\xc5\x9a\xcct\xab\x1aq\x01V5\xe2\x02\xc30\xd6\x1a\xc1\xe10,c\xc1\xad\xc2\xb5\x7f\xc8\x90\x08\xabl\n\xad@3\x9a\x0f(\xc1N\x91\xa8\xd5\x91\x81\x02\xfdH\xd1\x0eXv\xbb\xc5b\xb5\x02\xd6\xf0\xf0\xa8\xd4G\x91]T\xeax\x99]\xb7`!~cH\r\xe1\xb5\x94\xb5#*\xb4\x123X\x9b\xcf67E\xa8Y\x930%P\xe7\xb92nv\xce\xdb\x8d\x08k\x0e\xb0\x86\xe5&gt;/A3\x87\xe7\xacV\x1e\x1d\x1e\xbe\\\x82[J\xb7E\xdd\x9e1K\x85\x9a\x7f\xe3\x19R\xe7&amp;2\rq\xe1\xd2;\xb9Hp\xc8\x91\xd5\xa2\xedgntX1,\x0f\x07(\x9a9CXl\x86\x18L\xa3\xc6\x13^cX\x87\xb0\x1a\x1b\xcd\xfe\x91\xbbwgf\xee\x02\xd5\xf8\xa6\xa8\xaa\xaaJ\xe4\x98t8P\xbd\x1a\n\xb3r\x9a\x9a\xd1\x9c\x97"\xac\xd1\xdf\xd7r\x80\x95\xe7\xda\xbf\x8a\x118\xc3)\xb1\xd8`\x86\xddg\xc4\x0cT\xc0\x05\x02\xa8q\xc4\x05\xc2\x1d\xc3\xdb6p\xa1\xb3\xe1@\xafnzI\xa1\x18\x9d\xf31D\xf4\x8c\xed\x10\x83\xfbg\xb0!R\x01\xab\xba\x1d\xa8\xfc~\xb4+\x9aG\xda\xdaF\xa0d\xe5\xe57\xca\xc7\xc7\xc7\xabD" Cp\x93\x12t\xc4\x01\xbb\xe0\xc0\nX6\xc0\x1a\xfe\xf8{\x80\x8a\x1e\xa5\x83\xec\xce\x87\xe0\xf9Q\x0c\x8es\x01\x01T\x0b\xa8\xfc\x8b\xd3\xd3:\x9dZ\x8d\xcf-\xbd\x9e\xa6\xfe\xfe,\x97H\xb4\xe9\x904p\xab\xed\x99\x03\xaa\xd1h\x15\xa8\x91[\xc3\xa3\x1f\xd7\xa8\xe8U\x84]\xac\xbc \xdcx\x08\xc2\x1b(\xd3\xd9\x0c3#~\xf3t\xd8\xea\xb3\xac\x05\xbc^\xaf\xdbm\x97\r\xb4\xf6\x97\xdf}\x069B\xc96EC\\;\xdc\x7f@\x84R\x89N\xb2R\xc0\x02\xbbr\x81\xe5J\'.i\xa8\x96zJl\x18\xf17N\x85\x03\x01`RR\x14\xa5\xd4j\xab\x9d\x03\x95\xe6G\xaf\xc0.\x87\x08\xb0L\x15up\x84G\x17Z\x9eF\xa3W\x06\xc2\xa3\x8a\xd9\x0c\xd6Q\x84\xed\x10\xd3\x07q\x9a\xf4\x1a{m\x90a\xa3&lt;l\xf1\xf9\xe04\x0c\x97/\xa0\xb2sM\x9e\xf2\x99\x85\xed\x0f\xe3_\xbf:67\xab\x84N;\x98\xc5/\xc6\xb7m\xd8\xdc\xd7&gt;*f\xef+F}\x14s\xc66VI:\x11\xa7)\xc0Z\xf4\xb7\xf9\xc5S:\xf9\xf3\xe7\x8a\xa5\xa9\xde\x01\xb8S\x98\x06&lt;\xfd@\xd5\xb1\x00X\x93`W\x95\xc7#\xa85\xc2\xa5\x0c.mZ\x94\xb2%&lt;&lt;;\xbb\x04n\xc5\xae\xd8\xde\x12\xf3\x96/R\x14\nq\xa9\xad\xcd,V\xdd\xdf\xf8\xb41\xffh\xe6\xeex\x95C\x08\xbd\x9ay\xb3\xf0v\xab\xe3\xd5\xb8crR\xd4_u\xa3\xc9\xd3k\x82\x01\xe1tV\xcb\x04V\x81T.\x95+\x9e*&gt;\xfe\x8b\xda9\x08\xb1\x8d\xe5\xda=d\x08\xafO\xba\xd4\xe8\x1f\x19\x99\xff\xfc\xe9\xf3\xe7\x9e\x857\x1f&gt;\xfc\xfb+\x90\x8c\x83W[=-o\xc6\x1d\r\xc2\xfe\xca\x1bb\x8f\xc9Y_\xd8\x80\xd4\xea\xf1\xb4+\xde=\x1d\x1d\x9e}&gt;\xbaF\xed$\\\xec^2\xd0&lt;\xc5X\xd3K\x8dm\xaf;~\xfd\x0cji\xe9@ \xf5\xf5\r\x8e\xf2\xd7-=\x7f\xedY\x80\xff$Mb\x95\xcdT3VS?\x04\xf3\x1e&amp;\x7f\xa5\xff\x1f\x1b\x9f\xde)f\x9fB\x88q\x96\xb1\xb0[\'\xd8-\xc5\xfd\xf9\x8e\x96\x9e\x9e_7\xe6\xe7\xdb\xdaT\x1eS\xf5\xd8\xd8\x18\xb7u\xa4\xa3\xa7\xa7ea|\xf2\x9f\rM\x06\x9b\xda\xde\xd7\xf7s\x05\\\xfd\x0bMCBq\xdb\xc3\x8dO\x7f{\xf7\xee\xe9\xc7\x00\xeb!\xe6\xe1\xad\x1a\xba\xe5\x93\xdf\x7f\xd8\xd1\x02\x81\xbd\xf676.I\xadn=\xff\xc9\x93\x07\x7f\xc9\xef\x7f\xd4\xb2\xf5\x16cy\xc4\xedV\xed\x93;zX\xa3}}\xee\xf0\xd4\x94\r\xf5p\xe3\xe1\xd3\xb9\x00\x15K\xb2\x8e\xb5\x9a\xc0XK\xb3\xf3-[[-\xafG\xda=\x03\x02_\x80(\x1a\xbcw\xf3\xc9\x831\xe1\xcc\xf6oo\xb7?8\x00\xcb6e\xec\xbbsKChn\r\xf2\xbc\xbe9)\xe2\x02\xacY\x08q\xe7\x80\xf5\x10\x97/P\x88a\xc5|\xc7\xdb\xad\xad\x8e\x99rO\xfdX\x9de\x8d\xfa\xd3\xe0M\xfe\xc4\x831\xc9\x87\xed\xed\xdf\xb6_\x89\x1a&amp;;\rM\xf6\xbe;\xf74$`\xfd\x87V\xf3\x0fI{_\xe3\xb8\x89\x9c\xc1\xc5\xcdK\x8d\x82\xd4o\xf9#\xcf2:\xb7\xaf_\xb3\xf2+\x97\xfb%\r\x89\xb3@\xaf&amp;\x13#m\xd6t\x89\xc6\xfa\n\x8aLqH\xb3\x1fs\xa1b\x94\xd7\xe3\x19\xb1\xad.\x8eZ\xb2\x96\xdc\xfe)nq[w\x9cs \x8e\x8c]\x08\x0e\xc1v\x07-6\xd8X\xb0?\xee\xf3\xb1\x9d\xfb\xe3\xff\xef}\x08\xf2/y\xf1&lt;\xcf\xe7y\xde\xef\x8f\x9f\xdf\xfc\xe9\xee\xd8\xc4\xa8R\xef&lt;\xc3\x02\xbf\x7f\xf3!s\x86\xac\xe2\xed\x066\xff\xf6\x97?^\x1b\xa7\xa0\xe1u:\x97\x87\xadn\xb0\x18\xb9\x90\x97\x96!S\xd8\xce\x118\x0e\xf3KK\xf1\xf9\x91)\x81\xa3\xbf:|\xe3w\xbf\xfd\xe6\xab\x96\x96\xf6\xbbcmW{\xb8J\x99\xd3\xe9\xf4\r^\x07,f\xef\x9c\x91\xa7\xde\xff\xeb\xddkw\x1b)2\x12\x89\xc0\xc0j\xd5\x90\x14\x15\xab\xed\xd5\xb6\xb5\x99\xc2XC]\xe1\xbf\xb0\x08\xa9\xe9\xfcW\xdf\xa0\x8bBio\xcf\xb8\\"R\xe28EY\x1f]\xfb\xc7\x83M\x06\xb9*7[\xfb\x1b\xd6Ni\x8f\x95\xa2\x13\x91\x94\xa7\xb5\xe3B\xab\x87$q\x85\x99\x87i\xb5\xf6&amp;\xb5\xa3p\xb8\x84\xb0\xa6\xa6\x04u\xfd\x16\x9ev\xe8\xfc\xf9\xdf\x0f\x99\xec|\x98\xa5r\xb3\xd9\xe8\xd6\xe3\xb2\xe0x[\xe7\xe2\xf3\x95[,\x86\x1cl\xe5\xd7\xb0\xcd\x9d\xe6\x0b\x8a*\xae\x8ctER.\x9b\xa6\x83\rk\xb9\xbf_\xcd)bX\x15\xe7\x0b\x15`]\x06\xac:\xf5\x15\xbev\xe8\x06:\xa1|\x98\x12fs\x97E9\nX\xe2j":\xb7\xbd9\xc0b\x0c\x8bu\xfb\xad\xb3\xa0s\r\x8f\x02\x96+\xe2r\xa1\xde\xaa\x87!~\xd0T,65\xf4\xb1+%\xcc,\xc5\x1dHB\xd4\xf5\xd5\x9bCa\xd3\xb77\xbe\x85\xf1%\xc50\x9e\xb9K\xa9\x97\xc9\xfcV\x8b\xc2\xe9\xf4\xef\xce \x1f\xc5P\xcb\xaf\x9dx`\xe9\xd9p\x8at%"\t]\xc2\x13\x00\xd7\x8a\x1c\x18\xe8\xf7:\xf6Y\xb2\xfe\x8d%Pw\xf1\xb5a\x08\xd3\x1f\xc2\xd2P\x88\xc7\xe92B\x11\xfd\xb2\xa87\xed4&amp;\xf7\x19\xbaMB5\xdc\xdf*d\r\x06\x98\xeb$\x9d\xd0\xa9r\xaa|\xdc\x03&gt;\x0c\x85#P\x88\xc7\xe3\xf9L6S\xc1\x12|\xc1\xb2\xa3\xd0j\xa5!\xa8\xf1\x15\x8b\xb1\x1b\xb0\xfc\x14Mk\x9a\xb8\xcf\xd7XL\x15\xf1\xf6\x02\x197L\xefU\xb0t*\xd8=\x99\xa5|&gt;^@\x11OEt\xbaT\x05+\xf3+\xd6\xb0Q$\xb5\x83\xb1\xc6\x90\x91m\xe2\x80\xf2\xe9\xd6\xcb\x82~\x9f\x8dm\xc1B\xc9\xbf\xb3\x18\xca\x16k\xed9;\x92\xcd\xa2l\xb9\x12@5=\x9dE\\\xf9\xfca&lt;\x8fR\x95?\x84*~\xc1\xaa\x9b\x87l\r\x13\xa1\x10@5Ap\xc0\x04\xa9k\x84\xfaXp\xce\xd7\xac\x86%.\xfeq\x80)\xac\x95\xf7\xf7\xe20\xdd!YPB\xa02\xc0b\x86n\x02\xa6\xc2|\xf9\xf40\x7fxz\xb8\x945d\x0eOO\xcb\xf3\x81@\xf9R\x03\x0f\x03\x11\x81\xf1y\xa0o\x1a\xea\xd5 \x13\x9bc\xbe9_T\xa1.~\xffr\xe16SX\x1f\x9f\x1d8t\xd3\x06\x1b\xfe\x05\x0b\xc2\x00U\xcb#\xaar&lt;k\xc8\xea2\x86\xe5eC\xbep:\xefp\xd1\xec\x86\xfa\xfa*\xbb=\x14\xaa\xaa`\xa9\xfbj\xd8\x1a\x1c\xf7\xcd\xf9c\xfa\xbe\x86"\xb1{\x87\xc5 \x96j\x19\xb0\xa0\xe1\x81j\x19\xc5\xb4\x01\x15m\xe4`\xde\xf0\x1a&gt;\xef-\xbf\xfe\xbc\x0c\xe9*\xe4\x8e\x8e\xbc\xc2\x0eRs\tZ\x1e+6A\xb2\x04\xfdB\rI\xca\x00+:\xac8\xe6\x88\xb6g\x98\xc3\x1a\xf1\xa8\x0c\xba\x0b\x80\x05\xc9Z~\x8db9\x9b/\x94G\x0e\xca)C\xb6P\x16\xb4\xd2\xb9\xe9\xe5\xec\xe1i\n\xc4\x95\xcfK\xe6\xb64E\x84u\x80\xc4=\xbb\x95\xa4\x9c\xce\xf4\xaa\xcf\xdd\xd5e9\x16m3r\x14Q#\xac\xbc\x98\xa2#\x87qa\x0c\xce!\xe4\xea\xf5\xe7\xcf\x9f_Og\xe2\xe5\x83\x83\x91\xf9\x88\n\xfeCN\x02\x11U\xe60\xae\xa3\xdc"~U\xb1.\x17(\xdaC\xc5\n\x96\xa3\xd5\x06J0\xbd\xba\xea\x8f\xd6b&lt;\xa3\xe4\xc1\x1aC\xd9z\xb8\xf2\xa2\x8fv\x9c\xc6\x9bc\xd4\x7f\xb0\x0cy\xc7H\xb18\xe5Q\x81*\x852\xd9H\x9d*\x12\x8f\xd0^\x0b\x9f\x8f\x15/{.c\x80\xd5\x84\xb0\x02\x1e:\xbdu\xb4\xb5\x85\xb0\xecvB\xf2\xe7WLL\x08\xf4\x15\xfb\xcf\x02\xad#\xe5\xb8&gt;F\x9e\x15\xf1,Y\xf3\x97\x8a\xc5\xcb\xae\xdc^\x8e\xf6z\xa1Jt\xc2\xe3\x08\x08\xdd\xf2F\xb1\xd1\xa2\xaeo\xc2\xb0\x10\xc8|\x84\xe5rn\x1dU\xb0\xc4\x12\xad\x9d/\x99\\a\xa8\x887?\xacj\xea\x0e\xca\x81\xee(\x9c\xc4l\x165\xd7\xb2!S(\x1f\x14\x8bj:g@X$M{\x03\x82\xfa\x06\x0e\xc7"\x96E\xdd]\x1c^\x15\x86\xce\xe1\x88\xa0.\xe0J\x1f!\xac\xb4O,\x81~\xab\xfee\x9f\xa1l\r,\xcc\x91\x82\x83\xd3H3\xc2\xca \xae\xe5=d(\x8aXS\x9f\x0b\x16d\x87P\x8f\xe3\x1d}\xea+\xc0\x82\x89\x94VkT\xa9T\x12\x18\x86L\x91\xa0\xae\xb5\x82\x05\xfa4(\xee\x81\xb1\xd1\xf9\xd3\xcf\xe7\x98\xc1\xba\xb50G\xf5\x1d\x14T6=\x0e\x02"\x03\xdb\x11M\x07A\x93\x1dk\x10\xdaZ[\xd9\n\xb7R\xce%x&lt;&gt;\x86\xd6`\xe7\xf8x\xa35\x1a=\xe6\xc3I\xe4 \x13\tE\xdc\xdarR\xfe`c5\x16\xea\xbd\xfa\x03#c\xbe\x82%\xeb\xee\x98\x9f\x0f\xd4\xb8q\x9b\'\x05f"\x0b}\x1e\xa8/b\xbca\xe1\x85\x9a~\xf4\x9b\xa2E\x84Uvs8\xac\x95J&amp;&amp;\x1aG\xa3J\xb4\x17\x8b\x97.;l\xb43\xed\xcc9}~\xab\x9c\xa8%z\xb5?\xfc\xcc\x10\xd6\xc0[\xbf\xb1\xc3v\xa1F1\x8a\xb0R\xf9&lt;\xda\xce\x81\x86"\xcf\xa8\xa8\xa9\x01(\xf8\xeb&gt;\xe6a\xf6p%\xb4\xbd==\xe3\xe0\xf0{\xb4a;\xc6Q\xb3\xbd%\xa7\x13\xc4\x03`q\t9W\xd2\xfbt\xff!3X7?$\xddB\x8al\xd6Gq\x12q\xa5\xf2:P\xce\xea+\x16\xb7[\xa1\xe8Wt\x93T\xa9\xe4=&amp;\xd0\xaf\x04R\xbb4T-\x91p\xc5\xb1\xc1\t\xa4\xf29j\xa1\xb7T\xa2 \xfc~kmu\x0fW\xde\xb8\xb3\xc2P\xcb?\\\xd9\x90\xe1$\xae\x8fV\xb0&lt;\xf1TJ\x07&gt;C8\xac\x94\x1b\x95\nv\x87\x06\xa8\xf0\xa8\xd2b\xe6\xf3\xf9\xa1P5!o\x1c\x17[\xa3\xe2\x89\xb1\xafMRs_\x87\xb7D\xc9\x10\xd6S\xc0\xea\xac\x1d\r\xee2\xb6|f\x16\xe6\x9c\xb6\xfea=\xee%m\x15.\xa8b\xc2\xa6\xb0HD\xb5J\xa1\xb0O\xafw\xc3\xd1{\tX\xf7y&lt;\xe2\xa5\\\x1c\xf4\xfb\x07\xc7\xaf\x8f\xb5\x9b\xa4]\xdd^\x8a\x92\xc9(\x9fo\xee\xe9 \x97 \x8c\xa3\xc9\x0f\x03\x0c\x9d\xc4s\x03\xfb/\xd2.\xb6\x10\xc7A\xda \xae\x14hA\x9d\xab\xdb,m\x1b\xeb!\x08\xb9u1\xb9\x18\x1c\x8c\xca\xabC|\x11Ap\xe1 \x06\x9f\xce&gt;\xba\xda\x0e\x8e\xcc\x88#*\xc0\xf2/\x06\x1b\t\x8b\x1b/ml2#\x03\x91\x1f[\xdb\xdd\xca%h\n\xc6&amp;\x02CX`\xf8\xbbyaS\xfb\xd0\xd7\xd7\x7f\xd9\xd9&gt;9\xd9\x99\\OZ\xc5\x83\xb3\xb3\x83\xb3\x8b\xb3\x83\x8f\x1e=\xba\xdb~\xfe\xa2\x89\xef\xa6\x9c\x94,\x16\xf3\x01\xd6\xe2l\xa3\x82L\xbf\xffp\x871\xd1|\xee\xd6\xc7\x8d\xa3\xbdt\xdaG\x81\xc7\x00\xf3S\xc1\xa2\x85\xbc\xf0\xd0P\xcb\xc5\x7f&gt;X\xd8\xfd\xb4\xfb\xe9dw{g}}g}r\xfd\xc1w?\x8d\r\r]li\xb9\x186\xebKN*\x06Xss\xc9\xf5\xed\x8d\xf5\xf7\'o\xd7\x18z\xd5r\xf60\xe3\xe3\xa7\r\x88u?es\xd1\xaeT\x04\xa4\xb3\xaa\xf5\x8a]\xda\xdb\xab}\xbc~r\xb2\xfd|{\xfb\xe4\xc1:\xc4\xe4w\xeb;\xc9\xc7Wo\xdc\xf8\xba\xfd\xbcIj\xf1\xc2p\xc0cV?`\xedn\xce\xac\xeco\xce0\xe5\x13Y\x95\xb7\x90\xb7\xd6VV^\xbdZX\xa5l6\xf0\x89:P\x83\x06W=O\xc45\x12D\x0cZ+\xb9\xb8\xb8\x18\xb4\x0e\x0e\x8aa\xc4?\x9e\xe8\x94j{\xaf_5\x99\xf8\xc3d\x05K\x06X\x93?\xde&gt;7pk\xe0\xece%cW#,\x16|\xe3\xc0\xfe3\nz\xde\xe6\x8a\xa0\xab\xb7DM\xfd\xb0^S\xa3V\xf7u\x1fC\x0c[\xba\x08\xa2\x1a&amp;\x84\xe4%\x97+\x177J\xb4m\xa2\xee\x92s\x0e\x8a\x08X\xc9\x1d0\x88_:\x95\xa9\xcb\xa4\xb3\xd7\xb6\x0fo\xb2Vvd\xa4\xd7\xa6\xb1A\x19\r\x06\x9d\x87\xdd\x81R\x17\x08xJ\xdew\xf7\xa6\xa6.=y\xc2\xb9\x7f\xff\xa5\xd5_\x82\xc3\x17\xb5`\xbd\x96\xe6\x92\xd3\'\x8b\x81\xa5\xf6\'\x9fo\xb2~}\x7f\xcd\xe8[\x96s\x15g\x16\xc4\xbd^\x8d\xc6\xe6\x89\xa8\xb2:@B\xd7J\xa9\x08\xfd\xe6\r\x1d\xb8W\x9e\x9a\x9az\xf2\xe4\xc9\xbb\xd5\xd5U8\x1b\xf8\xb0Y\xa4\xc4\xa1\x86\x80\x18\xf4\x07\x93\x0b3\xff\x9fW\x9eh\xdc\xdfYX\x8c\xe1^\\c\xb3\xa5\x80\'A\xd3*\x149\xd5\xde\x9b\xb4+0\x8f\xb8\xd4\xefJ\xab\xcf\xb6\xd2\xd0Qn\xa3Q\x0fcT\x86\xc2\xfft\x92\xe9\xc7\x06\xff\xb3\xb4\xf7\'e8\x0eX\x1eO$\x12I\xd09d\xb1\xa7\xf7r Q\x01\x0b\xa0\x8e\xff\xc5\xcb\xf9\xc04y\xa7q\xbc\x03\xa4\xfc\xa9\x05V\xda\xa3\xee\x1a^\x8b\xd2Q\xd3\n\xb4\xac\x15\xeb\xf5\xe6K\xbaR\x18p\x15A\x1a\xa0\x17+\xeb\xb5\x15\xa8\xa2\x94\x0e\xb9\xb3L\xdb8A\xfe$D\x8e\x9cDF\xd1d\x06\x18D\x0e\xe54\\\\\xe4n\n9vF\xa3l^f\x0cGn9u\xcb\x01\xbbH\xe6\xeey~oa\xde\xe5\xeev\xd9\xed\xdd\x93\x90\xd8D\xe1\xc3\xf3&lt;\xbf\xe7}\x9e\xdf\xfb|\xad\xa2kN\xbfG\xb0\x8cFc\xc6\xe5Z\xc2\xe5\xf5\xf6\x9f\x1bnb\x87\x8a\xe4\xd7\x95s^cZ\x86N\xa1\x80\xb4\x0fa\x9d&lt;\xf9\xc1\x07HU\x90M\xb6\x7f\xb2\x8d5x)\xb9\xbd\x1c\xf0_\x85\xd4:\\\x8bX\x9d3\xb79,b\xb5\xf4\xf4\xfb\x8ci:\x05_\xf1\xb3S\x10\xc33X)\xa0W\x05\xac\xb0\xec\ree\x11\x9b7\x97e"\xd6\xa1\xf2\x9a\xed\xf0|\x06\xaa\xc3\xde\xd4TK\xfb\x89\xd9V\xd6\x16\x88\x99(Z\\\x0eZ\xa2Q\xec\x87l\x87\'#\x8e\x1c0\xcb\x9e\xf9EC\xc1\x86\xb2\x88\xdd\x11e\xd9\x05PB!\x86\x19\x90W\xfbjCA\x1c\x7fw\xba\x82\xcb\x9e\xb7H\x14].\xa3Q\x02\xa5\x01O!\xa4;F\x11\xb1~\xf9:\xbe\xa5.\xcb\x16\xe8\xb6\xbf\xba\xbdF\x97\x01\xde\xaa=][\xebM\xb5X \xb5\xae\xb0E\x15\xeaq\xa6\xfa\xa5R\x9f\x91\x86\xc9\x10\xb9\xc8\xbd\x12p\xfd\xe4\xd4~\x1c|^\xc6+\x07]MM\x9a\x06\xb0`\x96&gt;]{\xd8\xdb\xde\xde\xee\xed\x9c\xfa\x8c\xc3\x1a\x16V\xc2\xd6\x9eN\xabT*uA\x82\x95\x9f"\xfe"\x87\xf1\xe4+0%\xbe\xfeF2bit:\x89$\rz3\xc0\x82\xd4j\xb7\xb4\x8f\xf7\xf6\xb4\xb2\xb8\x9b\x8e\x8bI\xb3\xbd\xed\xc0\x05\x81L\x83\n\x7f\xe8\x10\xc1\x020\x06\x8bx\x8bN\xd3\x08\x04i\x19xIC\xb0\xda\xbd\xe3\xbd\xb3\x01|\xe4\xb3\xc6\xc5\t\xdc\xe9\xb5\x84\xb0\xf0\xcd\xfe\xf6C\xe8\xacW\xce\x9c\x81\n\xf1\x837H\x10i\x07]\x95M\xa7e\x90v\xe6\xb0\xd7\x0bT\xe3\'\xee\x04\xd8\xdc\xe4\xe7r*nvZ\xa1Qp\xb9\x1c\xc0\x05\x1e\x81q\x1a\x98\xce\xec\xdbW\x0e\x15"\xf9\xe5\x88\xb2\xd2*\x87\xda\x0c\xfd5tY\x87\xc1W\x805\xee\xf5\xf6"\x16\x87M\xac\xe9N)EI]\x0e\xa8\x12\xb8\x97\x94\x81\x97DX\x11\xd2H\xdd\x8a\x88\xdb]\xaaV;\x8c\xa9\xa9\xc7\xac\x16/\xf1\x15\xa4|;\xdbX\xe7\x9b\xa6{\xad\x14E\xc1\x8fv\xd0F\xa3\x8br\x1d\x83\x02\x05m\x82\xcf\x0c\xa5ts\\\xdc\x0bq*\x1e\xe5\xc3\xc5\x07\xc0\xf2"\x93\x05\xbe:\xef4\xb3\x8a\xc5m\x1a&gt;\xe1\xa3)\xb9\\\xaeV\xd34M\xf9\x9d\xb8\x9eu,\xd5\xc7\xdbh25\xc2Df\xc2\xf7&lt;\x10\xe6\x91\x91\xc1\x11K\xbb\x05\x0c\xc9\xbe\x07\xac_g\xd0.\xc2\x05\xe3\xb4\\\xefv\xfayr\x98\x0c\r\xa6M9d?=\'\xdd\xa6\x87\t\xc3\xd9\xe6v\x82\xc3,\xc7\x90\xcc\xd2\xcf6\x16\xf7\nb\xb9\xd4f\xb0\xaa*\x9e\xd6nw\xbb\xddZ\xbd\xde\x96^\x0c\x96\x9e^\x9c%\x93\xc9\xecmmv\x99LOI\xad&gt;@\x03\xdf\xf5\xcf\x06\xd8\xc6\xba\x8eX\x8e*\xe42\x8blY\xc2]\xc0\x01_\x89\xca\xf5\x89\x89\xa8/\x10\x82\xe1\xa6\xbf\xddI\xe1\x12\xa5\xd5\xfa}`q\x16\xae\xa7\xd2x\xf7`\xc6\xadt\x95M&amp;f\x0cw\xe3#\x95b1#$\x13\x8a\xc5Yv\xa7\x1a\x8e,c\xe3\xacc\xdd&gt;\x97\x8aT\x99j\xb9\x19f\n\xadL\xacT\xc6\x87\x87\x87\xc7G\xaf*\xb5\x80*&lt;&amp;^,k\xf3\x03\x16E\xc1(DQ\xe3\xf8\xf0a\x15kt\x15K-G,[Vbd&lt;\x11k1J\x9ah"\xdf\x8aQf\xd9\xf4~y\x1d\x98\x1f\xb9X\xc6\x82\xef\xddr-\x15K)\x94,9\xafT\xa4\xd7\xa6\x17\'*Q\xdc\x16\x9d\xb4s]QQ\xf4\xba\xeap\x14:\x08e6\x03\x8f\xc7\xf3\xfb\xfdN\xff\xe0\x08\xdbX\xf0\xb4m\x99Iu@\xbf\x05Xjs\xa9\xc8\x00\\YBq\x0c8+\xa4&gt;\x8a\x06,\xb1Pf\xd7\x1apS\xde\xe9D,)\x83\xc5f\xc3\xd5:e\xc9\x94\xa0\xde\x81\x86\xd1\x06\x1cb\xd0\xdbdYbed|uu4R%\xc4\xe3z\xaa\xcd\xad\x07"=\x98\xc1_G\xb9\xfa\x99\xc6\x86\xbd\xb6\x19\x1a\xae\xf1*\x01\x8d\\x\x91\x8b[xz\xb7\xdb\x0ed\xa8S\x8cW*\x95b\xe1.\xbb\xbbM\x0fLZ-\x144\\&lt;\xf5\xe1][\x13k\\\xe4\xb5\xf5l?2\th\t\xd4\t8\x8ef9\x0fB\xd5\xe6\xb6\xa3(I\x88{w\x00\x85\x9e\xd2jM\x80\x05\xce\xaa\x83b\xff\xee]\xa2#cA=\x1c\x12\x07\x07\x96\xfaQ\xb3"\x90\x80\xd149\x91\x90\xd9N=\xee\xe4\xa1\x1e\t\xa0\x80\xca\x0fIg"[\xba\x80\x05%\xf5\xc3^F?\xc9\xd6\xbc\xcf\x85y\x9f\x16df\n\x04\x02\t\xdf\x08`\xe82\x1e`\xd9 \x92k\xae2\xf8\xfd\x06&amp;\x84\xf0\'\xc4\xfa\x8b\xfd\xe3[w[\xd7\xe4\xbc\x1c\xeew\nu\x9e{\xfbj\xa7\x94\x96dV\t\xd0\xc2\x88\xc7\x10\xcc@\x16\x05\xed\x88\x05PX\x1bD\x84+\x85,5K\xad#n\xe1[\x7f\xbcJ4\xcd\xdf\xd9\r\xc9\xea\xaf\xc8\xe16_\xf9\xdd\x1f\xac\xae\x02\x01\x8a\x8f\x04%%%a|\xbe\x047\xe7]\xc0e"\n-8\x82\x06\x11\xaf\x8eR\xf3\x0cLn\x89\xe4\x14&gt;\x18\x07\xed\x91\xf5\xbf\xf9\xd3\xad\xabw\x86[*\xbe&amp;\xe3\xfe?\x87\x8fajj\xbd==\xfb\xfb\x8f\x9dR\xa3\xa0\x04z\x1a0\x82\xc5W\xe8\xcak2\\r\xd1F\xd3\xa6M\xe9\x9bLx\xf4\xa0{\x95\x8bR\x18o\xc1\'\xabEj\x1dl\x13\x16\xd6\xd7\xa3\x10\xfc\xcf\xd3\xa3\xcdMk\xbf\xec\xf9o\xe3\xb5\xd5\xd8\x81\x9fZ\xa6\x7f{\xeb\x93w\xde\xb2\x0fR4\xbe\xbaP\x83\xbb2K\x04a|\x85b\x7fyMM\x86\xd1aVm|\t\xa5=r\xca\xe5\xf3\xb9\xe0\x13\xc9-\xf4\x9c\xd4\'\x95\x0e\xb6\xc9"\x8f\xd4\xd7{\xea\x85\xce\xce\x99\x9b\xc3\x0b\xad\xe4\x12\xee[\xc5s\xf5V\x8b\xdb\xd4&lt;\xbat\xe9\x93w~\xf5\xd6\xaeB{\x1d&lt;\x10!\xe7\x0b2I\xda\xf3\xf9\xfb\xf7\x97\xeb\x14\x1a]\x9a\xa4\xaa\x14;\xf9mf\xb5\xcb\xe5\x93R&lt;C\nq\x16\xc1\xb2\xc2g\xbd,\xb2\xdaS\xe8\xc9\xcbS\xa6\xd7\xf5\xdf\xb8&gt;u\xf7JK\xa0b\xcdk\xffk&lt;W\x0f\x1e\xf4\xa3\x15\xad\x0b7g:\x9d\xbb\xea\xc1\n\xdd(jC\x7f1X\xe8-\x9d\x06B\xc9\x97dn\xc0\xa5\xcemf\xb9\xda\xe1r!\x16\x96x\x06K\x1a\xc2\xca\xab\xce\xcb\xcb\x0b\xdf\xdb8\xd67V\xf7\xe1\x89\x99\xa5a$\xe3&gt;W7\xb8\xdf0I\xacAA\xf4\x96\xbf\xfa\xf2YAq\x0cRy\x00\xab\xa0\x80\x96\x84\x85\tB\x16\xd6\xa0\x00&amp;\xfc\x9c\xb9!\xb9\xacl\xf7\xb6R\xb3\x19\xb8\xd4&lt;\x11Q\xb6\x89\x9e\xc7\x8a\x05\xac\xdc\xdc\xe8\xbd\x03}`c\x03\x8f\xde\xbb\xf4\xf7\x9e\x9b\xa3\x81\xaf=\xf0\xdf\xc8\x9e\xfb[\x1cn\xcb\xf2\xe3/\xff\xf6\xf0\xe1\x85\xae\xe2\x0e\x0fPy\n\xdb\\\x80%hP\xa0\xda.\xc4\x05P`\x82\xcc\xecd\xe2\xaeR\xc4\x82\xd2\x9f\xc2p\x11,\xe86\x00+)\xb7:777v\xcb\x8e\xb9\xb9\xb1\xe0P\xf7@\xa3\x88j\xef=7uw4\xd0\xc4\xf9\xa6R\xcb]\xc5\xe2T\x04\x16\xee\\\xbb\xf1t\xfe\xe1\xc4\xc4\xd0\\e\xa1\xa7\xb0\xd0\xd3!\xd6\x03\x96@@\\\xc4\'ha\r\x84J"(\xc8NFI\x01\x84\xd1\x0c\x95_\xa4"\x9a\x07\xc0\x82\x02A\x85\xb0\xa2\xa2\xa3c\xabc\xf7\xac\xcf\xcf\xaf\x9c\x03\xae\xb9\x81\x81\xb9\x14\x9e\xe5\xc6\xb5\x9e\x9b\x0b\xad\x81\xe6\xf3\x9c\xff\xc4\xb5\xca\x04-L\xf3\xe8\xf2\xe3K\xa7\x1f\xf5\x05\xe7\xe7\xe1\x1b\xecP\x1e\xf1xP\x86\xaf\ra)\x14\x88%\x01*\x82\x05E\xacjC\x04\x8c\x8aqL\x18\xcd\xa2\x14\xc4R\xa1\xa0\x06\xc7\xca\x10VTl\x11`%l\xddR\xb4\xfex_\x10\xac\x1bm\xf1\xe9\xbd\'S\x8f\x97\x96?k\x0e\x15#\xee\xbf\t\xdfy(Q\x81\xd1\xe5%\xc8(\xf8w\xf3\xf3\xf3}\x95\x07\x0fF\x86\xe7A\x04\xc5\xf116\x07y\xec(\x08\x17\x80\x85)\x14\x98X%?\x84\xa1:\x02\xc6\xd7\xb8\xdd\x84\xab\x14\xb0\x98\xd4\xe2\xa1\xe4N\x0e}\x86lk\x12D\xb0\xa8h\xdd\x9e\xf5\xc5?\xdd\xb17+\xe7\xec\xdcX\x1f@\x05\x83C\xc1\xe0\xca\xe2\xd3/\xfe\xfa\xd5\xd2B\x80\xfb/Kz\xe4\xbfG \xaf\x05\xe0\xe0=\x9e\xb9\xf7\xc5\xa7\xcf\x16\x83CC\xc1\xbe\xe3\xf9\xf9\x07\xde|-2/\xcfS\xd8\x11\x1e\x9f\xae^\xc3"\x81\xe4#\x168+\x1b\xdf\xea#\x16\xba\xab\xb4T\xa4\x82\x08\xaaT"F\xa0(\x07,\xad,\x01\xb1\x92\x92\xf6l}\xb3\xab\xfbb\xd7Y|Y\x9b\x83+^\x8d\x03cc}\x9f\xf7\xad\xac,~\xfa\x04\xc0\x9a8k\xdeb\x98\xb8\x84i\xf9\xf1\x93\x1bO\x17\x17/\xfbL9\x07\x8e\xcf\xcd=x\xd0\xd5\x1d\xec&gt;{0\xbe\xc3\xe3\xf1\xe4\x01\x96$\x84\xc5_\xc5\xc2\x94G,\xbc\x81\x88{\xe1\xa58\xc4R\xa9\xc0[\x88%":2\xe8\x16\xb5Y\t\x18\xc4\xa4\xdc\xa4-G/NN\xbe\x7f\x7f\xb2\xbb\xbbk`Se%\xccpY\xc5\x95\x952\xbb\xed\xc5\x8f|7f\x00\xac\xe2\x9f\xa3\xc7\x85$\x87\x83\xf7\x0c\x02\xb7\xb82v\xa0\xf28\x00\r\xdd\xbf\x7f\xe1\xc2\xc4\xfd\x07?\x8a\x8f\xe9\x808V\x17\xab5\x1aM\x03zJ\xa1S`e\xe0\x93\xfa\x80X\xc0\x85R\xad8T\rC\xc2\xbf\xb81\x84EzE\x83m/bE\xc5\xc6&amp;\x15\xbd6\xd0u\xb1{\x92X7T\n\xc8\xfc\xc6\x03\xe0\xb7\x9c\x1d\x07\x1aSF:\xaf-\r\xb7&gt;_\x11\x9a\x18\xa8\xc5\x95\x95\xbe\xb7\xcb6\x83\x93.LLL\\ \xf6\xfeYexLG\x87\xe7H\xf5^\xb3\xa6\xa1A\xc38\x8a\xafA"\x04\x0b\xc3\xdcJf\x92+\x0eu4D\x9a\xcb\xb8\x8bP\x89Rl\x89\x80\xb53*67*i\xeb\x8f\xf3\xf3\x7f~\xf4\x01\xb0\x05\x83\x0c\xdd\xd0\xe4$d? \x8e\x8d}\xf4\xe8\xf4\xbd\x9e\xe7\xa0Z\x87{\xae_\xfe\x1c\xe9\xe7\xc6\xba\xba\'\x91\t\xb1\xeeO^\xec\xea:[\x1c^\x1d\x13Sx\xe4Hu\xa2\x8a\xafh\x08\xa5\x15\xfa\x8a`)\xf8\x98\\\x90]xi\x83*k\x142\xa3**\xc4\x05T\xa6\xf4\xf5{\x92\xa2\x92bc\xa3v\xee\xdc\x93\x90\xb0s\xdd\xd6\x83\xf9;\x8e\x1e\x1f\xe8\xfa\x07\x15W\x17\xdbDzE\x9d\x9a\x19\xd9qg3\x13\xc6\x1b\'@\xda,\x8e\x02\x9d\xc1v\xa1\x16?Z\xcf\x8e\xdc\xa8\x83\x93a\xb1\x9a\x90ud:M\x1c\xb1\xd0\x88H\xb1+m\xa4\x89UYEQ\xeb\xaa\x15\x1b\x10\x12B\x91\x15B\xe3\x07\xaf\x82J+\nj\xb4t\x85\x12@\x8b\x88e\xd2\x97\x16\x17e\x83\x88\x14\xf5\xa9/\xdb\xbet\xb7\xe7~\xe3\xec\xb6W\xc1\x8e\xd0\xd8&gt;s\xee\xb9\xe7\xdeq\xe6\xfb\x1c\xe2n\xd3\xc9\xdff\x01\xfd\xffn\xa7%\xb9~\xf3\xf4Y\xe9\xad#\x07\x9c3\xf8\xbb\x83\xe9\xa3?_\xbf\xf6\xd9L\xd624\xc5\x9bH\xe4O\x9f\xce\xf7\xf7\x0b}\x07\xaf\xfe\xf2\xe2\xd1\xa3\x0e*\nf\x16\xdfh\xdb\xcb\xbeu\xeb\xee\xa6UGg\xce\xb4\xb4:K\x85\x9d&lt;\x1e?\xd2:\x96\t\x03\x96\xcf\xc7\xc5\xe3qObbb"I\x1b!x\xbdBf\xb0\xb7wd\x06\x0ev\xed\xdaMV\x96\x14\r\x9f\xf8\xf5\xd3\x7f\x7f\n\xa2\xae\xdf\xfe:o\xa8\xc1\xbfM[\x99P\xbe\x7f\xaa?\x11O$\xfa\xf3\x84\xaa_\x1a\xfc\xc9\x05\xc0\xda\xd7\xc0\x84\x18\xa5\xa2\x1c\x05\xac\x13_/\xd4r`\x91q!~\x80\xb2\xec\x1b\x14$\x1f\x05\x83\xe5\xf1LL\xc0W\xf1\xa6\xfd\xf8\x01\xc6\t\xda\xa0A\x8e\xf6P]N\xdf\xbd~\x9b\xf5\xa0_|\xfe\xe5\xbf`\x06\x1f\xfd\xe9\x15\xcb\x1a\xaa\xf7\xda]@2\xe4\x90\xdb\r$\xfd\xd42\xbc(D\x82\x15\x10\xbey\xf6\xea\xd5C;T\xed\x1ej\x1b\x1d\x1d=\xf4\x06\xad=:A\xeb\x00w\r\xef\xa2U\xcc-\xad-\x0c\x16\x8b#GZ#D\x96\x03+\x95J\xa68\x1f\xa9\x1fp\xf2\xec\xfd\xf3\x04\xcc=\x8b\xa0\x07\x7fd\x11\x8a\xff9\x84\xfe\xc5\xebW\x80\x04\x86\xae\xa3\x85f-\\\'\xcfzqq\xecl\xb9"I^Q\xcb\x89\xf4\x06\xb3S\tq\xf2\xe4\x85\xabg\x8f6`\r\xb5\xb5\xd1\x82\xa8\xd1\xd1\xb6\xb6S\xa7\x1c\xb6\xce8\xfe\xd5J\xe2\xear8k\rF\x05)@9Lx\xe2)E7\x8d\x90\xe8\xf5R\x1e\x93\x89\x04:\x12\xaex\xc5|\x1e*\x99B\xb1OM\xcd6\xbb~\xf4\xfb\xa7\xff\xf9\xe2\x15\xe2\xf5o\x7f\xb5\xd8KK\x99d\xb4\x19\x1c\x03@8\x0f\xb7\xc8\x87\x15AO\x17l\xcd\xdb\x9f\x9fu\xe7\xfb=\xed\xa0\xeb\xe2\xa17v\xc8\xa2\x18e+\xdbH[\xac\xfft7\xd6\x01:\x8b\xe4[\xbbZ\xc7\x90B\xce\xe3\tpI&lt;\xf0ja~\xbe\x906io\x06A\x10%\x89mx!6\x8b\xe0\x8b\xc8\xc3\xb08\xeb\xfa\xfcK\x0c\x08\xafn\xdfl\x8d\xf4D\xfd\xce\xfe=\x08Lk\xf4\x84\xb4\x87d\xc3\xb2\xb2\xf3\x9f\xcd\x9bn\x82\xea\x9e\xf2\xa4\xc6\xf6!\x8b\xac\xe5\x80-\x07\x17\xad\xd3r\xc8\xeaf\xc1`\x01\x91\xb3\x1c\xfd\x18R\x08X\\\x80\x036\x9f\x16#X\x85\xb4j\x1a\x86i\xaa\xaaj\x18\x06 f2\x9a&amp;\xcb\xed!\x020\xe5\x02\xa8\xd77\xefF\xfc\x90\x8e\x03\nV\x0eA\xb9\xdd!\x002tM\x07*+]\x98\x99\xb1\xe4&lt;\x86%\xfc\x0b\x08\xc7N^\xb8H^\xe5\x00\x1au\x9eN\xd1\x1f\x0b\xa8\x14\xd9"SF\xd3\x9e=\xd3}}\xc1\xbe\xb1\x88\xccK)\xce\x93\xf0\xd0\x0f\xc7k:EN\xd34A\x10\xf8PH\x104|\x94a\xc5\xb2Y;fe \x9dY\xd7+\xe4.\xe2\xcf\x13"$5\x9f\x9f\x9d\x05&amp;\xafW\x144\x1c\x17K#T]\t+\xaa\x1d\x93\'\x12\x88\x88\xee\xd0\x00\x00\x08\xb1IDAT\xf0-\x88^\xca\xbc\xf9\xf6Y\xb2\xaaw\xdfm\x90\xb5\x97\xc8r\x96\xbe6\xd6\xbe2\x9a\xfa\xd8\x97\xa9\x91\xc8 \x1f\x06,@\x02W)\xb6KJx\'xMQhQWX!\xae2\x19\x8b\x9aQ\xa8\xd9u7\xd8\x13m\'\xaaP\xa0,\x04:\x05\xdaF\x84\x0e3b\xb6\xcdp\xe5t\x1dC\x04*\x06%\x9d\n\xf7~\xe7\xbbo\xef\xdb}\x0e\xb0H\\l\xfd\x1f-K|\x9f\xda"\xad\x8e\xef\xecdw\x019\xa8\x063\x82$\xa5\xc0\x16t\x85\x01"\xac\x11[\xeaN\xa4)\x99\xba\x0e\xe6x\x11U&amp;G\xadl6f\xb8&gt;@ER\xfe\xa2Q\x90\x13\xcb\xda6(B\xbau\rg@\xdb\xaeh\xba\x99\x8e\xc5\xcc\\X\xe2\xdd\xee\x04\x1b/\x03)e\xec{\x07\x0f\xee\x1b:qb\x88\xe8j,\xe3|\x9f-0uPu\xc2~\x80\x8a\x1a]o\x06\xaf\x95\x92$+\x8a$\xea\x90\xa1a\x89`\xcf1\x16\x06I\x06\xe0\x04\x15\xc9tM\xb18\xed\xb7b\xe0\xcf\x8a}\x15x\xa9\xa9c\xce\x02\xbd9S\x05c\x1a\x0f\xa7O\xb8\xc9\x02\x03R\xa8\xef\xdc\xc9}C\xa7\xe8\xee\xf8\xa1!\xaa\xc1\x0e\xda\x15\x82*\x11\xa8\xd8}\\\x9d\rP\xbd\x83\x82\x83\x8a\xc6\x07\xc0\xe20\x03*\x82\xa0\xec\x04\x14\xa6\x1b\x06\xfbl\xdb\xb6U\x03\xa4\t\x19\xcb\xf5\x81\xb3\x81V;}\x03\x04\x95S\n5T\x88\x9a\xb6\xed\x02\xa8#\xde\xf0b\xc1\x04c\x02}\t\t\xba\xfa}\xa9\x94\xdc\xf4\xde\xf7\x0f\x13\xaa6t\xe9\x0eg\xe3\x85\xaf\xb8\n\x8e\x04\x83tC\x1eC\x95Qh\xc3\x1d\x82Ev\x9ad\xb2\x92D\x07SC/L3\x06\x03\x07\xd6B\xa2\x18rM\x9d\x96\xfd~9D\xbf\x0b,\xe8\xf0\x1c\x02\x12\x04\xba\x18A\xd3\x15\x89\'\xeb2D/%\x123@J\xca\x8d\xbd\xf9^\x07\xe1"X\x07\x0e\x0c\x0f7\xe4\xde\xc9ny\x1ba\xab\x0bz\xc1\xd8 R\xc8M\xf8|\re\xa1\x0c\x91CSe\xce\xa0:\xee\xc0r\xc7\x03\xa1\x18\xcaX\xd9\x19;\x96\x11]\xcd!Y6X\xf2\xb2\x146\xe5\xcf4Q\xbf\x02\xe5O\xc9\xd1\xbb@\x95JXPmU#o\x9e\xf0y8.%\xc9\x91\xd63\xc3\xdf\xea\x18\x82uu0w\xffKw7\x83\x15$\xaa\x18*@\x1c\xf9Y.\xccq\x84*\xc0\xc8r`\xa9&amp;\xd3= \x99\r\x91\x99f\x86a\x03\x96\x02I\xbe0\x93\xcd\xce\xfcO\x14\x90\xbaB\xa10\x83\xa7\xb4\xa91l\x9a\x9e\xb6MM\x94x\xcd\xd0\xbc\x1c`\xf9\xbcHIR\x8e\xf4a\xe4;\x07X\xec\x92\x07\xa0\xfe\xd0\xd4`+\xd8\xcb\xb8jj\x9a\x0e\xf6\xca\xbc\x17\xa2r&amp;@\'\x87\xa8K\x08\x8cIL\x10rt\xe2\x8e\xea!fM\x10IZY\xd7\xfc&lt;\x90dc\xa6\x951,]\x8e\x82\xd2\x8c\xa1Zip\th#i\x10G\xc6\x02\xb9\x19J\x18m\x88\xb4\x85\xe0R\x81\x807\x14\xed\xedl\x19&gt;wx\xf7\xd0\xa9\x03l\xd3\x8c\x16\xb6sFg0B\xa8F:\x9b\xba[\xf6D\xa2!\xa0J&amp;Yk\xf6\xf1\xd0\x06I\x04I\x80L\x14\x12\x19/\x8a\xa4i\xb0\x04\x17\xb0c\x86\x80\x84\x88Q\x17-\x9e\x15\x84\x90@{B\x85D&lt;\x86E|\xba\xa0\xc1\xa8p\x16\x806\x83\xf2P$%\x97\xb6U%\x15\x8f#\x89\x13\xa8\'\x0e\rN\xe23\xc0u\xfc\x87\x87\x87\xf6\x1e\xe8n\xea\x04,\xe6\xa4-]}#\x0cU\x8b\x83\x8a\xd9;]\x8a!\x810\x04\x9b%\xad\xb7/\xa8\xc2\xacm\x15\xc3\\\xcf\xc0@;\xcf+\xcc\xbf\xb3\xaa\xa5\x87\xf9\x90\x8b\x9a7\xed\xc0\x84:\x18\x84\xad\x99\xe6 \xa8\x94\xfd8\x032^\xfc\x07\xa4n\xdbf.3\xbe4m\x00\x17\xe7\xc5\xa9\x07\x08\x18t\xaf`\x86\xdb\xd3u\xfc\\\xc70\x83\xd5\xd4\r\x82\xba\x8f\x0fww\x8et\xa2[\xef\t\x0e\xa2\xeb0\xbf\x020:\\\x80$\xa8\xed\x08\xf2v\xa5f\x01\x17$\xa3Zwj\xd5\xcb\n\x8e\x14C\x8a\x063\x9d\x89\x19\x8a\xcbbJ\'y\xbd\xf8\xf6"I\x0b\x0f\xd9w\xaa\xd5\xea\xa4n\xea&lt;/\x81\x12 +\xc4&amp;\x9f\xaf-\x1bv:\'\xc5=\x1c\xe5\x04\xe3\x1c&gt;(,\xc8\x83\x91\xe0\x9e.\xba\x99\x99e\x91\xae\x12;v55u\xed?\x06P\xb0w\xc7\xdc1g\xa5\xa8\xedp\xde\xe6\x81K~Ij_Xy\xe0\x0f\xa3\xfadS\x1f\xbcW\xbc\xb7\x04\x11i2\x1f\xa6\x8a\xc8f-\xcb\xb5\xb8\x08\x1c\x90}v\xfa\xca\xfd{\x040\r\xbfzQ\xfcc\xf1\x85\r\xd9\xab\x18\x05\xa1\xd2\\:6^y\xb2,\xc7h\xbe\x89\xc7\x89/\x9a1q\xcd\x97\x92@5\xad~\x8a\x04\xd1p\xba\xba\xce\xd0\x90\xdc\x85\xee\xdc\x13\x85\x8d\xa6R$\xf589\x83@\xcc\xeb=\xdb\x9b++\x9b\xdb\x11k\xbbT\xbdT_\x98\x9bm\x9e\x9c&lt;_+\xd5\xee,\xbd\x98\x86GZZ\xb8\xdd/\xcbV\xc4\x15\x8bY\x06\xfd\xb9M\xe8y\xfe\xa4\x96\x91\xa3\xedpSs\xa9X,\x8d\xef\x7f\xb18\x8f\t$;Y_\x9e\xeb\xc9\x8d\x97\xcb\xb5\xedz\x0f\xd5\xb6\x04H\\\xdc\xc9L \x00\xaf h2\xf2I\xdfQ\x8e\xb1m\x91B\xa2\x84,\xc7\xd9A\xa0\xd5\xc7%5\x03\xba\xcaV\xcb[\x8f\x1fo\x95?\xdc_zXZ*=\\\x9b\xabol\xd4k\x9b\xb5\xedj\xad\xfaSp2V\xdf~\xb0P\xef\x89\xba$\xff\xdc\xc2\xcb\x97\xcb\x97\xda\xa3\x0f\x9e/\\\xae\xbe\x9c\x1bX\xde^x\xb0\xb2\xf6|\xbbV\xbb\xf3\x0e\xae_\xff\xf9i\xa5\xb2R\x9d\xacWV\xef\x97\xd7\xe60\xc3\xd9:\x17\x0f\xb0f\xd2\x08\xfa\xabJ\xd2\x99\nx\x81\x0c\x00\t\x8b;lz\xd0A\x03)\xaf\'\xce\x91_\x86/\x97\x1f\xad\xbf|\xb9\xbeU\xa9\x16\x9f\x95.\xd7\x9e=+\x16+\xc5\xfaF\xa9V\xafo\x16\xaf\xdc\xc9NW\x8b\x95\x95\xf5\x95\x85\x01W\xb4\xbe\xfe\xf1\'\x1foU\x96\x96\xca\x9f\x14\xef&lt;\xbc\xf1d\x1b\'\xb2Q\x01\xd3\x9b\xc5\xf5\xb5\xe5huu\xb5RY]\xddX^/\x17A\xbc\x08\x0fS3|\x92\xd8\xda\x89\x84\xe3\xe1\xdcN\x80\xc28E\x80cs2]\xe2\xa0ja\x06\xdc\xc2\xd6?\x16B\xed\x0b\x95\x87\x9b+\x8f\xd7\x06\xfc\x9b[[\xe5J\xf5|\xadX[\x1a\xaf\x9567.o\x97J\xc5J\xa5T\\p\xbdU\xbe\xf1\xa8\\~t\xa3\xf8a\xf9F\xf1\xd8\xadG7\xb6\x1e\xde\xbf\xf5\xe3\xd5\xbf^Y\xaa\xe2T\xd6\x16V\xd6\xd7V*\xe5\xca\xad\xa5\xca\x93\xfa\xf9\xd6\xac\xc6\x873vA\x85\x96\x93\xb8&gt;f\t\xf2y\xfe?(\xb7\x0cV\x1c\xe6\x06YaD\xa29\x04\x1d\xc7\xaan=\x19\xd7\xf5\xff\xd6p\xfd NCq\xb8\xcbI\xa1tq\x10W\x15\xecp\x07\x9d\x0e\\\x14q\xd0\xe5\x86\x1b\x0b]\xdc\x04A)\xc2-\xba\xe8P!\xd3\x1d\x81\xd0\x12$\xa4\x94d\x88\\y\x071M\x91`I\xff\x12hO\x17\xe1]\xaf\xa5\x8dm\xe1\xd2w-I\n\t)\xa7\xfe\xd2\xde}\xc3{\xe1A\xe0{?~y\xdf\xf7ex\x87\xd2\xb4[\xef\x98\x89\xe4\xb9\xa4\xcd\xccL\xa2L\x1d\xf4\xb2\xc2\tW\xbf\x18\xd4\x87\xbf(J\xa1\x8f#tS\x1b\x1e\xbe\x1ejSZ\xac\xd6\x13\x99z\xf5\xa7\xd6}u,Q\xdc\xf3l\x8f\x16\x15Zj\x0f\x86\xa6i~z(\xb6\xbf\xef\xf1|:\x1e\xdf\x81\x86{\xf9\x18N1\xb0v[\xa9g\xd1\r\x05\xc8\xcbwo\x9a)\x1a\xfa\xf65\xc1P&lt;\xd3\xa1E\x06\x9f\xcc\xf3geM\xec\t\x0f\x86\xad\x99)u\xe8\x0f{\'\x92\xd6*\nB\x80\x91\xcd0\xf0\x99\x15\x8bT\xd1\x0e\x02\xabr?\xc2\xb1\xb3/\xf1\x17\xe7\xadj\xb7\xcdr\xbb\xbb\x17\xd3\xdf\xda\xe0\xddg\x85\xe3n\xa7\xf9\x9c\xaaP\x92~\x9a\xc9\x9cR\x08\xeb3\xb37\x82|\xcd3rMfF#\xfe\xfd\xd3$\xb4Pt?\xb6A4zS\xa27\xd7+ 5\xdb\xa0\xf0#x\x0b\xb23\x80\xb1\x9a\xaa\x8d\x1a\xba\xefT\xa4)-\xdc\xa1\xd5N\x93\xd8\x05\xcb\x1b[\x85U`8\xe5\xa2\x82\n\xf9\x95\xeb\xa1\x88\xc2\xc2\x06\x84\xa3&amp;\xcb\x89s\x9c}Dw\xe6,u\xef\xd2P\x1a\x07v\xc5\xbb"HmP\xe52\xa5\x12\x8f\xa8\rl\x95\x80\x91\xdc\xff\xda_\x13\xfb\xb8\xf3\xe4\xd6~\x98\xaaB\n\xa1 \x01\xb66\xba\x0c\x9d\x96J\xc1\xb9\x12\xfeh\xa8\xc9\xb5k\xe4\xbd\x7f$ \xbeO&amp;%\xe2\x1b\x85\x9c\xe3\xe0\x85o|\xb3\rl k\xec\x8e\xdf"x\x08\x10v\xad\x883W\xed\x8a\xa1\xb3:\x</t>
        </is>
      </c>
      <c r="M481" s="3" t="n">
        <v>45492.67766203704</v>
      </c>
    </row>
    <row r="482">
      <c r="A482" t="n">
        <v>1160554</v>
      </c>
      <c r="B482" t="n">
        <v>1958</v>
      </c>
      <c r="C482" t="inlineStr">
        <is>
          <t>Cuiabano</t>
        </is>
      </c>
      <c r="D482" t="inlineStr">
        <is>
          <t>Cuiabano</t>
        </is>
      </c>
      <c r="E482" t="inlineStr">
        <is>
          <t>LE</t>
        </is>
      </c>
      <c r="F482" t="inlineStr">
        <is>
          <t>LAT</t>
        </is>
      </c>
      <c r="G482" t="inlineStr">
        <is>
          <t>LE</t>
        </is>
      </c>
      <c r="H482" t="n">
        <v>179</v>
      </c>
      <c r="I482" t="n">
        <v>66</v>
      </c>
      <c r="J482" s="2" t="n">
        <v>37667</v>
      </c>
      <c r="K482" t="inlineStr">
        <is>
          <t>Left</t>
        </is>
      </c>
      <c r="L48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15e93b9-0f7d-40a4-a37e-5dce81da72a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\x8e2G\x00\x00\x03\x00PLTE\xff\xff\xff\xfb\xf8\xf3\xfe\xfe\xfa\xfe\xfd\xfb\xfe\xfd\xf9663\xff\xfc\xf7\xfd\xf9\xf5\xfd\xfb\xf6\xfd\xfb\xf7\xfc\xfb\xfa\xf8\xf6\xf2\xff\xfc\xf8\xfa\xf7\xf2\xf6\xf4\xefA=;330742442IDB\xfb\xfa\xf5E@&gt;975D&gt;&lt; \x1f\x1cFCA(\'%\xff\xfa\xf7&gt;:8\x1c\x1c\x1a\xfe\xfe\xfe%$!KFD\xf8\xf5\xf0\xf5\xf2\xedC@&gt;\x80L5\xc9yRiK:\xc0rM1/-tG2\xf9\xf9\xf7\xff\xfc\xfbvQ=\xb0eC\xaba?"! \xcd}W\xc9{W\xb5e?\xf3\xf1\xea+*(\xff\xfd\xf9\xbfmF\xed\xe9\xe2610\xf0\xee\xea\xc4uO\xcf\x80[\xb9jEqK7\xc5wSyM7\xf2\xf0\xef\xb4hE\xaea?\xbbqM\xe8\xe6\xe1\x86Q9\xf6\xf5\xf4\xb4jI\x81P8\xd2\x83_IA&gt;.-+\x18\x18\x16\xbbiA\xafhF\xc8uL\xb7mL\xa7^=\xda\x8dh\xc5rIzI2\x9e^@\xa5Z8\xef\xed\xe6\x95V:\xff\xfe\xfejG5\x92Q4\xablOa@/\xa9dD\xd4\x87bpO&gt;MIG\xbftRoE2\xd2\x80Y\xc1oI\xd2{PcE6\xa5hL\xabhJ\x8fU:&gt;85\xde\x95u\xff\xff\xfb\xec\xea\xe9\xa2^?\xa0Z:\xb0lK\x99Z&gt;\xd9\x89c\xd3\x8aik&gt;,\x95_Fh7%[D6\x8bQ5\xeb\xa0\x7f1(#\xbbmJp;%\x87[G\xe3\xe2\xdfWSQ\xab^;\xa5dG\x7fI0\xe1\x8bb\xe3\x90hrA-\xbbe&lt;\xd6\x8fp\x88L14.*\xc1xWE3)\x84U@a&lt;+wWF}T@\xcezRZ=/`[Y\x9djT\xb7pP\xce\x84b\x9bX9\'\x1f\x1b\xcdwL\x9daD\x8e\\EM3\'\xdd\x87].$\x1e\xd6\x83[=4.yD.\xa8\xa4\xa3\x83\x7f}RNKT?2\xe7\x96ov[M_I;\x96dL\xc9\xc6\xc4\x9f\x9b\x9aT7*iB0\xa4bD\x8ccP&lt;-%\x9aS3\xc7\x7f]\xc7oD\xde\xdb\xd9hN@\xdd\x91miTI\xb5vXS-\x1f\xafpTy=&amp;\xdd\x9a|\x9ddJK:1qXH\x8aU&lt;\x89\x87\x851\x1d\x16\xd2\xcf\xcd\xa6nU\xb0_;\xb6`6\xe6\x9b}\xd8\xd5\xd3`3#\x92\x8e\x8d\x81A)\xa3U1\x98\x94\x93\xed\xa5\x86\xb9\xb7\xb6\xb0\xad\xac[6&amp;\xea\x9au=$\x1b\x92ZAzwu\xc1\xbe\xbdeb`\x9cN,\xc1i@xaU\xd7\x7fU\xda\x83X\xe2\x91p\\/\x1c\x89F*H)\x1daLA\xed\xa8\x8c\xe6\xe1\xd9\x81^Lnki\xbf\x80d\x93kY"\x16\x12\x92J*\xf1\xaf\x92\xe2\xd8\xd1\xaeY3tpn\xca\x87i\x9c\x89\x83\xbd\xa1\x96\xd3\xba\xb1\xc2\xb2\xaa\xf3\xb7\x9e\x91|p\xc6\x8cu\xf5\xeb\xe5\xa9\x8f\x85\xe5\xc6\xbb\xb9\x8e}\x85g]\xf4\xd9\xcd\xa5}n\xd6\xa9\x98\xdct`\xa9xa\xf6\xe3\x16\xc5\x00\x00 \x00IDATx\xda\xec\x98\xefO\x13y\x1e\xc771&gt;\xe1\xc1\xb5\x95\x00u\x02\x9d&amp;\xd2v\xe4\xdaN\x87LH\xaf\x85B\x8b\xfc,(\x05J\x1aP(\x05\xc4\xa5\r\xad\xa5\xca\x8f"\x16\x89\xb1V\x14\xdcJ\xa9\xac\xc1\x8aeAA,,?d\xe5\x97p\x8a\xb2\x88\x18W\xf0.9\xe3yzjvQ\xb3\x89w\xb9\xcb=\xb8\xcf\x94\xfd\x13\x1c\xbc\x07\xf7ng\xd2\xcc\x93\xbe\xf2~\xbf\xbf\x9f\xef\xcc|\xf5\xd5\xff\xb5\xc5\xe2p\xb6\x85$U\'%\xc5\x84p8\xff#D\xdbBR\xab\x8f\xdf\xbf\xdesuc\xe3\xe9\xd5\xd5\x85\xd1\xea\xd4/O\x16R}\x7f\x01\x88^\xbb\xdd\xaf\xdd\x8e\xf5u.\x83\xeb\xd8xx\xbd:\xe6K\x92qb\xf6\xac-=u\xbb\'\x1c\x99\xfeP\xff\xae\x9d\x91aF\x167\x93\x15\x1e\xb6\xd1\xb3\x90\xf4\xa5\xc08\xa9\x0b\x03w\x00\xca\xc1u\xfb\x8d\xacHVxif\x841\x92\xc5"\x99j\x84U\xba\xf1(\xf5\x8b\xa4\x97t\xbfg\xdd\xedpp\x19~\x86\x9f\xbb\x8b\x11\x11\xe6\xf7g\x86E\xb8\xa4,L\x1d\x8e\xa9I,b\xe3\xfa\x96\x97\x0c\x9c\xba\xea^wD\xf8w\xb20\xc0\x88\x8c\xe4\x86\x86:v1\x1c`\x9b\x14#\xb73\x99\x18C\x1a\x1ezg4fk\xa9\x92V\xdd\x0e\x7f\xa9#\xdcE"\x18\x8b\xc40\x04C\xa4$\x8aEb\xe1\\&amp;S\x8d"$\xc2\xc4\\\x18\xcb\xb1Z\xbd\x85\x86qF\x07\xdc\xa5~.7\x14\xc1q\xc8K\x8d\xa8\x81\x83\r\x8a\x8aB\xc2\xe1\'\x82\x91$\x8ab\x18\x93\x19\xfe\xf4~\xc8VQ\xc5\xac\xadgJ\x8d\x0c\x96\x1a\xc3\xd9\x08\x8a"\x00\x82\xa28\x1e\x85\xb3\xd98\x90\xb1\xd9$\x90\xa1(JB\xc3v\xf8\x1fm\x91U\xd5\x03\xa5R\xd2\x15\xc6\x82\x7ff\xb3\xe1\x9f\xa5\x14\x02\xce\xc6q\x94\x1d\x05W\xb2\xa2\xb2\xb2\x80\x90\xba\x82\xb0Q\xb5:\xf4\xd1\x96\x14l\xcfR\x18\xc3\x88\x92\x18\xa2f\x82!\x08\n\xd6\xe0\x08\nT\xe0\x14\x1b\x8f\x02eQ\'\xb0\r.\xa1\x08\x8b\xe1_\xdd\x82QQ}\xd5\xe73\x92\xa4Q\x8a"\xe0\x14\tD8\x95 @A\xb56\xbf\x14\x12E\xc7\xc6Q\x1c\xc1\xc2#\xfdk\xb4\xfb\x95\xba\x14\xe1\xb3\xabQ\x8c\xc1\x84RS+\xcen\xef\xc6\x11\xf0+\xc8\xb5\xa9M\xbf\xd8\xc1\x13pb\xd2\xf5\xe34\xafG\xce#\xae\xcf\x05\x0bO\x8d\xa2;\xd4\xe0\x13\x00y!@\x08\x11\xda\xce\xf6\x06\x1d\xc3\x83\xed\x02\xac\xac`\x9aQ\xa8\x9a\xb1\x1aBs\xdd\x9f\xfa\x18,)\x94\x1c\xc7!A\x04E (`\xeb\xf6\xe2\x88\x1d\xf5nbQ6e\x05\x8f\xdfN8\xe6\x1e\xa5w\xc7Yc\x18\xc30i8\x04H\x92j\xc8\x91\xa4rTcv`\xc3H4\xc8\x14\xb4(\x8brl\x93\x0b\x9a\x86o\xbf\x13B\xafY,\x8c\xe5\xb2\xb3"1l\xfb\x0ep\x0b!Q\xaf\xdd\xee\n\x04\x02\xf6n(\x19\xc8\x0bM\xa7:\x85\x07\xa9\xb2\xdef\x05\xb1\xc8\xd2\x05Z\xcd\x8a42].#K\xcdd"0\x0f\xf0\xee\xf9\x17\x8fkk\x8f\xfdx\xfa\xca\x91\xda\xda\x07\xa0\xe7\xcf\'_\xbcx\x02t\xf3\xf3\xdd^\xef\xdb\xf9\xf9 \x97\x17%\xef\xd0\xb8\x18S\xaf\xc2v\x02\xb9\xb1\xdfz\xbb\xe7\x9fL&gt;8\xd2\xd2\xf2\xae9\xf6\xee\xdd\xf8\xc64q\x81\xc62&lt;\xbc\xfcly\xb8\xa8\xe8\xf4\x95c\x0fj\x83z0\xf8\xe4-e\x17\x1bq\x8c\xd2\xb7\x18G\xb9P(\xef\xfc\x8bK\xe0\xd0\x95"Ms\xb3J\x14\x9b]!hL6\x08\x1a\xb3\xb3O\xdd\x03\xfd\xb2&lt;&lt;\\\xa4\x03\xb4\x96\x96\x96\xe8\xe8\xfc\xdd\x85\xdf\xb4\x06\xbc0k\xc9\x1e\xda\xec\xe2\xf40a\x84\xb6^\xa9/*\x00\x89\x94"\x91(-9\xa7\xa3\xe3\x0cH \x88\x8b\x8d\xcd\xce\x8e]\xb6X\x8a\xeau\x9dE\xf5\xf5)\xd1\xd1\xd1\xe9\x89\x89B\xe1X+\xcc\x90\xa8\xd7{\xe8\xb2+\xd5M\xba\xb0@\x99\xc5b\xb6\x14h4\xa24e\xda^er\xb2AA\x10\x12B&amp;\xcb\xfbSv\\E|\x81\xa6\xd8\xaa\xb3v\xea\xaa\xaa\xe6(\xae\xc4\x04a\xbb\xb02\xe0\x85y\xbbF\xd7b\\\x08\xedv\xd9\xcf\xe9\xb4\xda\xaei\xb3\xa6\x18\xbc\xca\xe90\x18\x0c\x84\xbc\\^.\xe1\xed\xcb\x8b\xcb\x8e\xcb\xcb\x8eU*\xc5\x05\x16\x8bVW\x04v\xb5\xe4\x03\x16\xc5\xf5\xc4\x8bd-\xd1\xb43r\x06\xa4vWk\xbeE\xdb\xa5\x11\x8b5\x1a\xb1(\'\xd9\xc0#\x88\x11\xb9\xcdf\xf3Hx\xb2}2\x05Q\x91WQ\x91\x1d\xdbl\xd6Z\xab\xaa\xc0\xad\xf4h*E\xa1~\xb0\x1b\xc1\xfd4\xed@\xa9\xafaB\r\xceui\x87\x8aU\xcd\xe2\x02\xb1(\xed\x8c\x82\xf0\xd8\x9c6\xa7\xd3i\xcb\xc8 x&lt;\x89\x04\\\xdb\xc7\x13(\x8b\xb5\x9dV\xdd\\:\x85\x95\x00~\t\x0f\x04`CX\xa3\x07k\x8f\xa3\xdb\xd7z\xe0\xa7\x13Zs\xb1\n\xdc\x12)\r\x8a\x11@2\x99\xa6\x00\xcbS\x92!\xe1\xc9\xe5\x19\x12\x82 d\x02\xa5\xc6l\xb6V\xa5\xb4\xe4\xe7\xef\xdeMa\x15\xb6\xda\x11|i\x1b-\x19.d\xda[\x07\x13\xadCC\x1a1`\xc1"$\x08\x8fi\x8a\x92\t\xb8l%\x14\x92DN\x8c(\x04yqw-Z\xab.%\x1d&amp;\xc4\xee`\x8a\xbd\x01\x12w\xd3R\xae\x90\x1e\xfb\xcc\xe0\xb9h\xab\xd9\xacQi \xc3\x1c\x83\\nsN\x81U\xd4\xe1\xcc\x05.B.\x01\xbfdqq\xf1b3\xa4X\x05\\\xe0V\x82^\xa8\xafku!;\xf7\xd0r\x07\xff0\xd0{\xe0H\xb4Nkn\x165\x8bU\xa2F\xc1H\x89\xcd\xe649m&amp;\x10\xb4K\x0e\x1fB!\x91TT\x08\xd2\xcc\xda V4`\xed.+L\xd0W\xce\xf8\\\xe1\xb4\xdcF\xa4&gt;\xbc\xf4MaY\x8aU[\xacR\x01\x95R\xd98\xe2\xc9\xb0\x05}r\x9a\xc6m%\xe0\x94\\\xa2\x10\x08\x04\xf1\x82\n\x91\xd9\xaa\xd3\xe9\xaa\xe6\xa8\x14\xcb\xca\n\xf9\xfc\xca\xc1V\xe9vZ\xb6\xeb\xa4\x0f\x83\t\t\x89s\xda\xae!\xb1*\xa8\xe43g\x08\x8fg\xc4#\xf7xlrI\x06\xacB\x9eL&amp;\xc8\x11\x89\x1a\x95b\x0b\x0c\x08\x18\xa8\xe9\xe9\x89eGnT\xf2\xf9\xfc\xde^\x9f\xef:=X\x95\xc2\x84\xf4\x9f\xacZ\x8b\x86\x82\x12\xa5u$\x1b`\xd71PR\xf0`0\xc8\xf2\xf6\xe5\xc9\x04\xf1\xcdwcU\x1a\x18\xf3\xf5)@\x15Ma\x81[\xfduu33\xb4&lt;\x9aU\x7f(lo\xfa\xf6(\x85%V\x15\x8b\xf7\xeeM\xcb1\x08d B\xa1\x90\xc9\x14&lt;\x85\x8c x\x84B\x96\x07\xf3TU\xd0\xa9\xa3\xb063,\xd4\xf3\xc7\xc6\xfa{\xebV\xe9\xc0\xfa\xc3\x07!P\x01\x96\x19\x86&lt;%e\xbc@A\xc832\xe4r9AMRB")\xbf,\x97\x1c&lt;x\xb1"\xbb\xd9\xd2\xf9[\xb5\nA|\xbe~v\xac\xaen\x80\x1e\xac\xf6\xa6\xa3A,\xb3\xc5\xa2\xd1\xa8\x94\xf1q2hyFInIF9HNH\xcakj._.\x87\rR\xa0\x14\x89-Z\xb3\xeet~Y\x10kl\xb6ol\xec\xafK4a\x9d\xddt\xcb\xd2\xd9\xa9\xd1(!6\t\xec\x86\xb6\xf1\xc5\xf1\xdc\xdc\xdc\x9a\x12\x18\x0f5\'O\xc2\x0f\xca=\x99,9-\xa7\xb1X\x97\x98\x00TPy}\xdb\xec\xc4\xc4CZ*\xff\xcf\xf6\xb3\xc1n\x99\xcd\xe6\xa1\x02\x95\xc2SR\x93;\xb585\xb5\xb82e2\xfd\x05\xd0\xc6s\xc7M\x8b\xa6\x92r0P\x0e\x91&amp;\x1f&gt;t\xb4\xbd,A\xa8\x07\xac1}\x1f]X\xa9\x1f\xdb\x9b\x9a\x80Jk\x11\xa7M\'\x9e\xbdv\xeb\xbdijee\xb1\x01\x8e\xa9\x86\x95)gC\xc3bC\xc3\x8a\xa9\xa6\xe4\xfd{\xcf\xc8\x0f\x17\xde\xbc\xe2\x8f\xf5\xce\\\xba\xd4\xaf\xe7\xf3\xc7\xc0\xad\xbe\x89?\xd3\xd2\xad\x98_\xcf65]\xb3\x0eM\x9b\xc5]\xfc\x99\xfe\x89\xbeWo\xde\xfc\xe7\xd3\xa7O&amp;\xe7\xd4\xcb\x97+\r\r/W@\r\xa6\xdc\xbf\xbf\xe9\xd3\xf7g\x1a\x19&gt;\x17i\x07\xb5\xf6\xcf\xea7\xdd\xea\x1b\xa0\xe3\x16"\x04\xb0n^\xbbv\xa8\xeb\xeb\xe9J\xdf\xaeRnh\xa6\xd1\x98Y\xd7{\x80\x9f0\xed\x04\x9f\x1a\x80\xccd\xb2\x9d9\xd4&gt;cG\xa8\xb7%\xd4\xbb$\xc4\x0e\x8f"\xfaW|~[\xdf\xec\xecD\x0f\x1dX\xbf\xbf~\x13\xb0\xa6\x8b\xf7\xee\xaf\xf4\xcddf\x1a\xa5\x91\x91.x\x00\xa2\x1e8n\xe5~\xf7\x1d\xf4\xab&amp;C\xa28\xdc2\xf9\xc4\x1e\xe8\xee\x0e\x04ZA\xbd\x07\xce=\x9e|\xdc\xd7\xa6\x17\x02\xd7\xc4g\x1f\xa7\xdbb\xe0^\xe9\xe77M7/\xec?|+\xe5\xb9\xbe\xa9\xa9\xe9\xd5\xab\xc2on\x1c\xa9}\xfe\xbc\xec\xdc\xb1\xafy\xe55\xb9\xe3\'/\x1f\xcc\x8b\xb7\xd4NN&gt;\x86\'G\xcb\xde\x8e\x8e\xe2\x13\'\xcc]s\x897\xf4m\xb0\x10\xa1\xf2\x9fy\xf3\xe1\xfc\xe3\xe3\xad\x8f?\xa7\xfe\xed\xdf\xed7/\xfcq\xff\xfe"\r\x0cu\x85\xc7\xf6~$\xf9\xd4/\xcb\xcf\x8a\xde\xbd+\x88\xdd\')\xc9\xbd|\xf1\xfbSw\x8bn\xdf\xbe\xfd\xe3\xe9a\xb1B\xa20\xe4\xa4\xed-\xb6\xd6\xa7\'\n\xdb\xdaf\xa9\x95\xb8\xc0\x89\xa9&gt;\xfe\xf9\xde&gt;\xff\xee_\xcd\xa7\n\x0e}\xfc\xb5Mx\xf3\xc2\x0f\x1d\xd9\xb1\x15qy\x17\x0f\x9e?/\x91\xc5/?{\xf7\xec\xd9\xb2\xa6\xe0\xde\xf7\xe7\xcb\xcb\xcf\xe7\x9d\xba\xb7\\\xff_Z\xcd\xf7\'\xad4\x8b\xe3M\xe6\xdd\xee\x9b\xcd\xbe\x99\xc9$\xdbnvA\xc2\xac\xb8z3\xb9M[\x90\xa2K\xc0L\x01\x154\xb6(\x1a\x0b\xb7\xe2\x9a\x15\xa4@u\xa4\xbb\xc8\xc5[\xd6\xaa\xd5 -\xe8-C\xb2\xc1\xb2\xa9Ze\xc6\n\xd4\xea2#\x96\xc0\x98AL\n\x82\xa0\xb6\xc1_\xc4V[\xeb\xd8i3\xfb\xe0\xdf\x80\'\x84\x17\xbc\xfa\xe4&lt;\xe79\xe7\xfb=\x0f6\xc0\xe5a\x0e\xce\x1aZ[\x85\x86\xd6\xc6V\xe0~\xc8\xb9\x00kxm\xed\xfbo\xf7\xdf\xf7\x1efm\xc9\xbb\xb3\x94\x8e\x16C\xc1\x80&amp;w\xac\xa1\x9aE\x82\x19\x106\x17\x8cD4\xfe\xd5p\xd8\x95\xf0\x08\xc7\x83&gt;g\xcc\x9a_\x00\xfb\xd2\xc2\x00\xb0\xd2\x89\xfe\xa7\x9f~\xfeu8\xa4V\xfa\xfdj\x8d@\'\xc8\xed\xcd\x1d\x1e~\xd0\xbf&lt;\x1c\xea\xb4)_g\xcb\xc7~,\x8a:\x81\x8e\xea0\xd0\x1d\xd5\\\x18(\xe2\xf1d\xc0\xe6\xba\xfd\xcdg\x7f\xfc\xfc\xcc\xbf\xfb\xfd\x9add\x8e_\xde4)\x86\xe7"IPl\xea\xbaW\xffz\xfe\xd5\x9f\xff\xfaw\x00\xfd\xd0\xaf\xb1\xe9\x04@\xce\xcf\x0c?p\xb9\xd4d\x9d&amp;\xf1\xfel\x96\xb0\x0e0\xa7\x0f\xe9#\x9a\xa4\xb3*)#\xcaw\xa6\xb7\x02\x89\xf0\x83\x1f\x7f\xfc\xf2?\xbf\xff\xf2\xf9\xfeF@\xb8\x15\xe4\\\x98,\'r*\x93\x9a\x84Zyg\xff\xc5\xff\xbe\xba\xf4\x87O\xdf\xde\xf0nz]J\x9bN\x07\xf4|\xefpN\xc8Fh5\xe8:_fI\xa4~b\xe2S\xd3x\x13\xffB\xbdJ%\xe2r$\xd1t$\x90p\x19\xf7v\x9e\x7f\xb6\xf9\xbb\x9f^\xec\xa5\xdceALB\xe4\xf9\xd2\x11\x8f\xda?\xe2\x1aL\x1d\x1c=v%\x04\xb3\x9d\xa1\xd5\xb0Km\xd3\x01\x1d\x91\xc1R\xea\x0c\xa3\x86\x80\xa7{\'K\x17\xf1\xc0D\xf1\xe1\xb5\x92\xf3$\x80E\xa1R\xf9&lt;I\x11(u\xd1\xd1\xe1Lh\xe3\xe8\xd7T\xaa\x9a\x9b\xf6aNs\x14\xda\xd2\xa8\xfdJ\x1b7\xbfd\xa2\x8b\xd3.\x9557\n\xae*\x05\x04\x02\x93@\xce\x1d^\xae\xeb\xd4Uu\x80\x8b\x9a-\xacS\x1foA\x18\xe2\x84!\xaa\xca!ep8pW1D\xe2\xf8\xa2\x03\xa9)*\xa5L\x0b|P0\xe8\xc3p}\x8c3\x0e\xb2\xe5\xef\x16Q\x06\xba\n\xe1\xe2\xd2\xd1*\x83\x8e\xc0\x9ce2g\x01\xd6\xccr\x1d\xb0\'-\x8d6\xdb\xd8\x8bla\x15RJ\x10\xa7/2&gt;h\xacf\xb5G}"Q^q!Q\xf1\xe4\xc9u"\x83\xc1\x1d\xe8\xca\x8b\x041\x9e\xdd\x8eK*\x03\x1a\x106B\x8b\xec\xee\xb8\xd0\x90\x04\xfd\xa1j\t(z&amp;\x13\x1c\xe2r\x8e_\x1d\x18o\x15\xd0?\x9c\xcb\x12\xd6\xcf\xac\x81r\'8\xa4\xc8\xe0\x0fn9\x8b\x03q\xb9\x8c\xd2\x82\x92r`\xa5\xebY\xac"\xad6\x9d\xf6E\x11\xbd\x1d\xe5\x07\r\x9e@\xb2\xf2nRX&amp;\xab\xb0TT4\xe7i\xf3\x80\x05j\x05n\x11`]\x03w4\x90$\x90\x0f\xb3\xe4b/\xef\x88\xa6\xfa|N\xc4\\\xe6\x00m\x8b\xc2!u\x15\x10\xcfK$@\xb6\xd7\xcb\xb9ys\x1c\x9e3\x8a9c\xa8]\xcf\x0b&amp;\x03\x01\xd0- \x88\x03\xb1\xe4\xd2\xd2R\t\xf0B0ct\xe9\x18\xab.\xb3\xcdL\n\x94\xfb\xd9\xf2\xfcg\xe5\xf2\xc2 \x86\x98\xb9Fw5\x85\xc1+)/Gq\x1e\x06\x01\xb7\x08A\xa4\xdar1/\n\xa0q=n\xaeL\x82lm\x05}\x1c\x98\x04\x93\n/\xe4\x8b\xf5\xb8U\\80\xdaH\xaf\xeb]\xee\xf5\x04&lt;\x1a\x02\xa1\xeeY\x96\xa8.\xff)U9\xb0\x95\xb6\xa2r0\xa8\x8by\xf9\n\xbb}r\xb2\x96\x07AT\x98X2\xb9\xa8\x003\x07\xc3\x10\x1c\x8d#\xe9\xa4\xc7\xd6*\xabLc\x10\x87O,\x10[\xe3(^k\x9a\xa8\xa7\xb4\xb0A\xb6z\x1b\x83\x81\x84\x80\xf0\xfeb\xd6\x04\xe0^\x1eck\x8b\xb8(7\xba\xdd\xc5D$\xa6o\xdb^\x9fW\x88\xcd\x08"\x06\xc2\xd9\x1a\xf5a\x1c\'\x82\xe2q\x04\x1bO\xea\x0c\x15\xa5|\xa7\xd3\xc9\xeb\xcb\x8f\xe1\xf1x\x1c\xcc\xa4\x0cV\xef\xf0rnC\xb1f\xb5\x93\xfd*kK\xc1\xcb;\xf2\xbeq\x8fVQ\r\xb0H&lt;$\x8e\xb6m/\xd8Q\xdc\x1aC\xe2\x8a\xc9\x95\x95\x15&gt;Gb\x8e\xc5Q4\xce+2\x809\xddJ\x15[c\xb1\x98\xd5\x8a\xe3x\x0c1\x13KG[\x98\x99\xbe\xb5T\xe5Z\xd5tgQ\xdd\xbc; \xb6\x07\x92\x94i\xa3[\x0e;\x01\x96}\xd1\xae\xd7\xa3z\x14\xd5\x03M:\x7f\x1d\x9b\xa3\xf6\xe1\xb8\xde\xae\x17S#\x1e\xd0!t\x14\x04Eq\x05\n\xbe\xe2\xe2\xfc\x82\xf6\xb2*v\xdd\xf0p/\xd3\x1fN\x086.f\x0f\xeb/{\x8c)V\x9e\x87\x06\xb2\xd5\x0e\xb0\xf4\xfa\xc5\xb6\xc5\xe3h\xdb\x9e\x8fq*\xb5i\'\x8e\xea\x17\x17\xed\xb8y.\x19\x10\n5\x9a\xbbf\xf0\x03\x08\x85BQRRH\x11\xb2A\xb6\x1e\xbbV]\x84\xee\xfdl\n\xc1w\x07R*\xa9Lgt\x97F\x9d\x08\xe8\x05m\x0b\xeb \xb6\xd7\x17\x9a\xf8s\x90\xc4\x19EP\xfb\xfa\x9b\xed\xf9E\xb4\xbeL(\xcb\x13\xfa\xfd\x11\x1e\xc8\x1e\x88\xa6\x95\xda\x92\x02n\x95\x8e6\xbc\xbc\xb6\xdaC\xb6eM&gt;\x1cO\xc5\xd3?W\x17I\xa2\xcdF7\x15`!\xb8\xbdm\xfb\xcd6\xf8,Lb\x11Y}&lt;f\x9do[\xff\xe5\x977\x0b\x0b\xf6\x89\xb929\\\xa9Y\xf5\xcb\xf2\xf5v\x90\xcey\xbbU\\\xdf\xdc\xc8\xa6\xf5.\x7f\x17"\xb3i\xfb\xd9\xdd\x82\x7f\xf1Z\xca\x90To\xfcPM\x853\xb5\x05\xb0\xde\xbc\xd9nC\xcd\x91-y\xbe\x1e\xf8\x9e\xc5\xf9\xed\xedE\x14\'BiIW}\x99\xce\x9f\xf0\xb0P\xc0e_)\xcf\'\xb6\xcb\x98\x99\x06\x91\xa3\xb4\xd1\x0f\xcfe\xd7\xfc\x9c~wD9\xdf0f4\xcaI}1|ea\xfb\x98\n\xf1mI/\xc4A\xa1\xe9c\xe0\n\xa0q3c\xfcnq\xb1\xa8Q`S\xab\xc7\x89\xd6L\xd1[y|\x86\x8cI\xcf}\xb9\x9c3\xa2\xb9\xf9}\xb6\xb7\xba\xa7w\x0e\xea-\xc0ap\xdb\x8f\x1b\x17\x88\xf9\xc9\x98S\xab5\xadX\x15zSJt\x1eW\x94\x90\xf2\x96\xd4!\xb2\xc1\xa0\x13\xe8l6!\xc4\xeb\xeb\x8b\xc5\x10&gt;\xac\x15\xea\xc8\xb4\xde\x99\x1c\xda\xcd\xd7\xd9_\xea^&gt;\xbb\xf7z\xc3\xe1\xe62$}1p&gt;z0\x9a\xfb\xa2X\xc1\xad\'\xe5\xf5\x15\x9a\xd0\xd5\x86\xae\xd2F\x1d\x9b\xdd\xef\xf5\xbaF\xe8\xec\xc6\xaa\xe6\xca98\nK\x88f\'$3\xd8hu333o\xf7.\x9e:\x89\xf8v\xc3\xd1 b\xb5\x83\x86\x8a\xe3q\x90$\xab3\xbf\tXiS\x05\x81&gt;\x98\xda\x9d\x1a\x1c\x1c\xab\xbb}\x7f\xf5\xe1U6{\xa9B\x0be\xde\xa6\xb4\xc0%A\xe3\xc7Xk\xaf\xfeyB\x8f&gt;\xe7&gt;8@q\xb1`3\x12G\x10\xb3U!.iZXo[\xb9&gt;\xe1Vu\x0f\x8e\xbdtL\xe7&gt;\xbd\xbf\xe9\xf5\x0e\x85B#w\xd8U\xc5&lt;\t\xa72\xa2e\x94\t\t\x02\x1amf\xed\xa7\x93z\xb9\xbb\xf8a\xd0h\xac\x16Q\xfb\xccf\x1e\xcc\xb7*j\xed\x8b\xf3O\x9anM\x19\xd9\xa1\x87\x8f\xbe\xdet)W\xef\x9f\xd9\xdc\x04`\xde\xf0\xed\xa1~\xb6\xb4\x90\x8fE\xb6d2\x03\x9dv\xa5.\xe7\xc6\xfeIa\xfd\xf6\x83\xca1\xdd \xe5\x92$|\x98\xc3\xabmj\x9a\xac\xdd\xfd\xd5q3w(\xec\xdd\xbcwo3\xc1\xd4\xf8\x872\xe9\n\x87\xc3^\xef\xfdp\x8d\xe3\xbc\xb32)l!\\\xb9Vs%\xe7\xc6\x89=\xdc\xfd\xe6P5\xad\x9an\x18e\xc10\x04\xe7\x97?\xd9\x9dr\xd0\xfb\x87V\x87\\~WM\xcd\x15\xb6\x96*\x81+:\x05\x04\x03\x81&lt;\x12\no^:\xd3\xdfB\x85\x92\x81*AMM\xcd\xb5\xef\xd6\xfe{RX\xa7\xf7\x8c*\x95\xa5\xa3C\xde\x1e\x8d\xf2\xc5\xd7\'\xa6s\x9e\x0e\xb9B~\xb6\xdb\x94\xda5\xed\x9aJj\'\xe4\xd2Q.W.\xb5\xcc\xce\xd2\x87\xee]\xba7"\xe3lyf\xc95=59\x00\xeb\x93\x13\xc2:\xf5\xcc\xb1\xa4\xb2XF\xa5T\x0c\xe3\x89\x0b-\xb4\xdb\x8f\xfa\xc9w\xebk\xe7\x17\xd6\x9bn\xedv\rL5,\rVe\x9eT\xc8J2\x9d\xfc\xf0\xde\xa5\xa1\x06\xbePC\xb8\n\xb0\xae\xe5&lt;~vR\x8f\xc2\x97\xff66\xa8\xcaX\x07\x06\x86\xf1\xc5\xa4;O\xbd\xabt.\xcfj2]\xdf\x9drwL[,\xddt\xb2N\' +\x13\xae\xdb\xe0:\x0e\r\t\xbaHI\x8d\xe0jO\x06k\xf9\xe4\xfe8r\xf1\xed\xcd%KEs3\x97\x8aq\xcc$\xda\xa30Y\x043dw+,\x0eUG*\x95:\xf8x\xc4:8:\xda\x7f\xf5\xf6\xc1%\xafK\xcdl\xe9\xaa-\xf2t\xd2Fzzzr\x1e\xbc\xfd\xc7\x89a}qxsi\xdaR\xd1!b\xfd\x9fv\xf3\x0fJ:O\xe3x\x9c]\x04\xfe\x98\xed\xc6\xdd\xa3\xda\xb3\xc1EX\x0cM\xf2:B\x042 \xa0\xee\x88\x0cB\x11\xc1\x93\x1a~\xac\x93aJ\x90\x8a\xb34\xc7\xa6\x08\x12\x89\x9a0\xaen\xc3\x89\x17\xbfdR\xc9]\xcc\xbb\xa5\xb3\xd9vwj\xf3\xea\xae\x99f2\xbd\x9a\x1b\xe7\xb6\xdaZ\xd7]\xef\xda{\xbe\xb6\xff\xee\xdc\xdem&lt;\x83\xe2\x9f\xafy?\xcf\xf7y\x9e\x8f\xdf\xf7\xe7W\xbf9Wj\xbb\x14r6\xb5J"_\xff\xfb\x83\xe5\xe5\xe5\xa5\x95\xe5\x15\xf4\xd2\xd3\x95\xf9\xf9\xa5\x0fo\x9d\xfd\xd3\t\xb3\xc8n\xef\xa1\xf6\x0e1\xe5N\xa7\xa6Z\xe3\xbf\x90:\x13\x17\xf6\x89\xc3;\xd2/\r\x87E\xa4\x83\xe7j\xa5\r\x93Z\xf5\xcd\xe6\x0b\xb4\xdc%L&amp;&gt;;s)\x1b\x83Z\xca*.\x9e\xff\xe2\x11\xfbZ\x95\x81\x11{`o\xf9+\x01\xc4\ni\x02&amp;\xd3\xf5\xd4\xd9Fr.F\xbcP]\xf5a\x1dg\x7f\x1e\x8b\xc4\xa1\xaa\xa8\xf5\xe4o\xde[\x94\xe5c\xd1h\x14\x1a\x9b\xbd~\x0fm\xf1\xf1\xe3\xee\x8fG\xa7\xc3\x8d\xa7{\xec\xa4C\xff\x90\xc8\xab\xab\x9d&amp;S`\xe2V\n-\\Y\x8f-\x0e\xa3\xb4P\xa9\xf5\x90\xce\x9c;\xc8\x12\x8e\x8f\xf7pF\xc3_~\xb9\xbc\xb2\xb2\xb4\xb4\xc4\xa5\xcd?\xf9W\xfc\xca;\x7f\xfe\xb8J\xe0\x19\x1f\x8fq\n\x8f\xb5\xab5H\xd72\x99\xee\\M\x1d\xd5\x1a\xec\xd5\x88\xc3\xe2\x85\xd6\xa5\xe3\xe4\xed?XT^WW\xa7b\xb1\x9e?\xff\xdd\xdd\xbb333\x9f?h&lt;\xf3\xce\xdf\x9e\x9f9  W0\xca{&lt;\xe1\n\xf3\x10\x88Umr\xfb\xfd\x7f\xa1\xa7\x10k\r\xfd+\x9e\xd78kU\x86\r%G\xf6\x17\xa9~?s\xf2\xf4\xe9\xc6\x18i\xe6)\x8c\xec\xe7w\xeb\xee&gt;\xaf\xfbLe%\xb0\t|!\x83\x13\xd6\x13\x08\xea\x10\xa2\x95\xdf\x1fx\x94R\x03\x17\xf6\xc9\x82\xc5k\xb4\x82\\\xe2\x96\x923\xc2r\x18\xd5\x8d\xe3u1\xea\xfd\x95\xe5OO\xc2)\xe3\xfe\xd3\x99\xddz\xf6Pom\x8c%\xeam\x87\xcdA\xb3\x8ae\x9a\xf8"\xa5\xee\xc0\x9c\xb6g\x0b\x96\x11c\xc2j\x15\xb5\x1c)yWU&gt;~W(,\x1fg\x08?\xb8\x7f\x12\x8eC\x9f~\xc6(\xadw\x84N\x1d\xa8\x8d\xebz\xab\x08d\xb5Z\xa3\x01\xaa@\xe0r*me\xc8\x0b\xa9G\x0b\x8e\x91\xee\xb0U+*#\x95 \xef\x12UB\xa10\xd6x\x9cq\xf8\xf8\xbb\xd4\x12\x16\xa7\xd0\xe8R\x9f\x92\x16\x88\x13z\xbd^\xa2f\xaa5&amp;\xb7\xdb4\x16\xb8\x93Zs t\xd4H\x04\x0e@Z\x9d\xa1\x8cDe\x08\xcb\x8f3T\xe5\x8c\x16N\xfc\x81\xbd\xd6\xee\x11)\x8d0\x7f\xda\xeb\x0b\xcat\x16\x81~\x9a\xacf\xca\xe1!\xf4\x07&amp;\x02w\xb8\xa9\xc5\xc2&gt;\x8e,\xc0IC\x0bk\x17\x07y#\x8c\xbc\xdcd\x94\x86y&lt;\xaf\xc3BaK\xd8\x14\x87V\\\xb0[9\xcb\xe6\xcd\n\x10\xab\x81\xc6\x1d\x08L\x00\xd6\xd1\xd4bU&gt;\xe9\xf6.\x80\\\n\x85\x88\xcf)R1\x8a\x84*!\xe3\xc8\x81\xa1V5\xd1\xedw\x87\xd8\xbcS\xe1\x962Q\xbf@\x02\xbb\rS\x0e\xdb\x9filln,\xf0\r=\xb5X9\x8b\xc9D$\x92L&amp;\'\x15\x06&gt;\xeb0`\x95\xabbEy\x06e\xbf\xfa\x92/\x18\xe2\xf5\x1e+\xdc\xcd\xf7\xf4\xb3\xa7\xbd\x026\x93H\x94\xcf\xcdM\xcc\x054\xa6\x97\xf7_\xad\xef\t\xd9\xb7\xc6n\xe3H7\x80)t\x1c*$\xb1\xbc\xbc\x87qX\xc8\xe0\xb7;\x837\xd4&lt;)\xc7\xe3\xa9\xf5\xcc\n\xbc\x0ev\rq\x8c\x08\xeb_\xc0\rO\xe3\xb3\x14\xbb\x9a+\xf7|\x9bH\x18-\x0f\x1f&gt;\x1cI*\x0cbj\x8c\xaa\x1a?-d\xd8Y\xb5\t\x87:$\xd1[\xc5\x9e\xb8\xddc\x148\xd8\x14\xe2\x18\x84\xc6T\xed\xae\xd6\xc8\x9f\xa5\xda\xcc\x8f\xfd\xda\xaaHD\x16\x16 \x93\n\x1d\xdfn\xa7R\xcb\x01\x8b\xca\xa0\xea\xa4\x02\xbd\xb4^y\x85\xef\xb1\xeb\xbc\x0e\x01P!ji\xaaa\t\x0c\x11S\x8e\x95\xf3\xd8\xaaP$,]\xc3\xf0@v\'\x15\xf6\x9eX\xac\xb1Q\xa5R\xf5\x88\xcc\xedV\x9dR\xa4\x13\xd5&amp;\xbd&lt;\x01\x05\n\x0b\xb0\xa0m9\xab\xe5rf\xca\xb1\xd6&lt;\xd1j\x15\x8a\x11\x0b\x93\xb2\x10y8\x92\x98\x8c\xc3\xb6W\xf7y,6\xce\xd7WI\xadU\xe6\xfex\xdc\xebb\xcb5\xc4\x9a1(*7Ljy\x08\xb0R\xed\xe4\xcfY\x06\xac\xc9d\xd2\xeb"\xd6D"\x16\xc7t2\x0e\xa1\x9dl\xacm0\xcf&amp;\x04\x12vw\xc2USc\xf2\x99\xe6L\x01S\x10\xb0\xd4j\x04\x8b\x9e\xea\x1b,\x80e\xb5*&amp;\xb5\x16bMM\xd70\xb1\xc6\xe5\xf0z\xe1T\x1bW\x08\x08\x0e6;\x14b\xb3\x99A\xd3\x94\x1f"\x18\x04\xac\x10S-g2\xef|\x98\x8fM)\x18\x16\x92h\r\x03V\xc2\xd5UC\x1c\x0eL\x99\xdcr\xa6k\xc4\xebp\xc0\x91\x9e\xe9\xbc\xa1q\xbb\xddS\xd1N\x93\xcf\xe7\x0f\xde\x0bV\x87\x9a\xd4\x08\xd6\xc4\'Gw\xa5\x14\x8c\xfbU2\x0c{\xcd\xa4B\x9b\xb0P\x88s\x9dQ\x7fgg\x80X\xd3E\x9c\x93\xbbM\x9a\xa0;\x18\x8dv\x0e6w\xfa|\xf0\xb9\xe1t\x86\x9a\x9a\x98r&amp;\xfb\xf2\xd9\xab2\x99lW\xaa\xc0r\xf2?\x19\x9e\xd4\xea\xacJO\xdc\xa0\x18qu\x11}\xd1\x8ef\xdc\xe0\x94?\xe0\xdf\x1b\xec\xec\x9c\xea\xf4G\x07\x06\x10\xaf\x88\xcfw/\x88P1m \x17`m\xbcE\xa7q\xaf\xd2\xf2\xd3*S\xd1L\xb1\x7f\xd8x9\t\xeb\x03\xbf\x80_\x1bW\xccR(\xf2`\xb4\x03\xd7\xd718\xd8\xd1\x01\x80\xcd\x83\x83\x038\x1cn \x1a\x0c\xfa\x82\xce\x13M\x80\x04?d2ex\xc3\x85]4\xda\xfcE\x19\x1e\x83\xcdy\xb9d\x95\x95\x95[\xe9\xe7\xdf\x9c\x836j\xe0\xf3\x0bD\x9e\xf8\xe4\x88\xd1\xe1\nt4\xf7\xf55w\xf4\xe1\x06\x06\xfa\x06\x9a\x7f\xb9\r\xa1\x82\xf4\x05\x9dN\x9b\x8dl;\xd1d#\x93\x99\xae\x89M\xe7\x8f\xd2h\xb4\x8b\xf3\xc5Y\xf8\xf4\xf4\x97HV\x99\x86\xc1`\xb6^\xfd\xed\x9b\xfe\x11\x85U)2\x18\x0cJ\x91\xc7\xa3\x98\xb5\x10\xa7\xa6\x06\xfb\xb6l\xc3\xfd\x1a\xb1\x9f\xff\x02\xb7eK\xb3\xcf}\x03z{\xd3\t\x9b\xcd\xd6z\xa2\x89\x0cX\x96\x89M\x7f\xe7\xd2\xb8\xdc\xc5E.MV\x9c\x95\x95\x8eM\xcby9B\xad\xcdDa0\xd8[\xaf\xbd2\x15\x89k\x95"\x11\xdf#\x16\x15\x94y\xacFK\xcd\xc4\xd4\xe0[}}}\xfb\x90[\x07\xcd\xd1N\xbf\x1b\x81j\x02\xa6V\x00\xb3!&gt;]\xcb\xc4\x96\xdbm\x80uqq\x9e\x0b\xa2\xe5ff"`\x95?\x16*m+\x06\x85_\x97\xbdv\xcf\xf5\rom\xe8\x8a+\x0c\x05\x05|\xbeX\xcc\x17\x15\x1e\xd2%-."\xd1\x1d\xbct/z\xf3\xe6\xbdK0\x00\xab\xabC\xea&amp;\xb5\xcd\xf6~k\xeb\x90d\x88,a\x0b\\\xae\x89mg\x01\x8b6\x0fX\xf3\xf3\\\x19\x1d\xc9e\xf6\x8f*\xb3\xca\x9c\xad[\xd1\x19\x18&lt;jG6f\xcf\x85\x9d\xaf\xbfB\x04,\xb1\x88/\xf6\x88\x01\xac\xb0\xc0\xa05\xc2d6\xf6\xeb%6\xc2\xf4\x10\x99\x1cB\n\xddF\x1ez\xbfu\x08\xf1\x1a\x08x\x02\x1e\xc5\x12\xc0\xddF\x92\x08\xc5\xc5mkk\x83L\xca\x8a\x8bs\xb3\xf0(\xf4\xff\xa9YeN\xda\x8e\x0c\x0cz3\x1a\x8f\xde\xb1\x1e\xb3\xeb\xa3\x8e\x9f\xff\xd4=\xa9P\x00\x91\xb8\x85D*-+T\x8e6(u\xb3\xb3\x8a\x988\xdc\xa0\xd7\x13\xc8M\x10d\x9b\x8d}\xea\xda\xb5S\x84\xf6v\xb3\xd9\x0cs{a/\xeev\x9b\x0c\xd2\x079\xe4\xces!h4\x90\x0c\xc82Q\xe8\xff=\x9d\x95H\xa1\xafG#\x81_\x8f\xd9\x9cA?\xbf\xef\xd5\xd7|0\xaa\x91\xcb\x0e\xa4#%\xa4R\x91RZo\xd05\xcc\xf6{j\xc5\xca\n\x9e\xc4\x065E\x96HN\x99GG\x91;,\xedz\xbd\x99@\xa1\x0c\x0f\xe2\xfe\xc9\x95\x81F\x88d\xabP4\x1aR\xfc\x00\x86OG\xa1\xd0\x98\xb4\x9c\x1f\x8c\x06\xfd #\x03\xb3y\xf3wXk3\xd0\x18\xfa\xf9\x9d{\xdf\xf0\xcdjub\x0e\x87\xc4*\xca\xdbO\xf2\x18\x0cbC}C\xbf\xf4\x80\x98T\xd0kF\xac\xd5d\x02\xaf\xbd\xe2\xd0\xdbo\x1f:6:\xaa7\x9b\tl\x8a\x8b\xd8\xb1\xe9\x8fth\xf3@\xc6\xe5\xcaV\x99\x90x!\x18&gt;=3=\x1d\x95\x0f\xa2\xe5\xfc \xa8\x1d\xeb\xd6\xa1_\x04\n\xb0\xd6\xed\xc8\xc8\xd8\xf5\xd1\xce\xbd\x1b;yZ\x1d\x87\xc5"\x95\xe4A\xb08b\xbeR\t\x07!\x1d\xbf\x14\xb0$@%!\x98+\n\xb7_\xb9\xf2\xf6\xa1\xde\xd5\x1b\x19\x80e\xda\xb2\xef\xbd,`\x00,\x80Y\xe5{\xf1\xf5\x1d\x18\x1e\x9f\t\x0f\xe7\x1e\x98\x01\x95\xff\xa5KAE\xad\x7f\xa1\x13*\x13d\xde\x9c\xb9\xf6\'\xd9\x98\xfc\xeb\xaf\xbf\xfaF\x94\xad\xb5\xf29b\x125\xaf\xa4\xe4\xcc\xe1\xc3T\x0e_\xa4\x93J\xad\x1e\x83\xae\x82 !\xdb$\xbc\xe9\x8a\xc2\xb2\xed\xdbw\xef\xae\xefm\xa8j\xe7\x11$\xae\xae(\xeeg\xb7r\xe9\xc5\xb9t\x84\x07~\xd1s\x8b\xe9\xabL\xc8\xdf\xc0\x95\x95\x9b\x95\x8e\xc2C?Ca3\xbe\x7f&lt;\xfd\x87ms\xfbM#;\xc08\x03\x033\xc30\xc3e\x06X`*s\x91\xd7,\r\x04\xe3\x98\x18\xc2R\x1b\xdf\xb2 _i\x88\xa3TN\xb0l\xa7\t1\xb9\xb8\xadv\xb5h\xb1\xbb\xaa\xd2\xcd&amp;\xdaX\x8ed9m\x1a\xcbv\xaa\xae]\xa5M\x9a\xe6ie\xad\xe5f\x1bYY\xd9\x0f\xb5WUw\x1f\xfa\xe0\xbe\xa5\x7fC\xbf3\x90l\xda\xed\x89=\\\x82\x98\x1f\xdf\xf7\x9d\xef\x9c\x91\xcc)\x1d\xcd\x11(\xaa\xae\x15n\x81EsZ\xe3\x9a\xe44_\x7f\x0b\x97\xfaH|:\xda\xdc8\x00\xbd\x9a\x9b:\xfa\xcf\xdf\x19\xb9s\xa7\x9b\xb4\xd4\x87\xef]\x18Y\xc8\xc4\xae\xc5"\x91\xc2\xc3\xab\x17\xc8\xd7}n\xdew\x1f6o!HbK\xa2\xe5h\xd7I\x11\x84\xb8\xa7\x8eD\x82`\xf9\xf1\x7f\x02%\x88\x88\x1a\xe3\xe1\xfe\xbf\x9d\xa7t:\x8e\x95\x19\xb6\xc6SGc\x04\x93VK\xeb\x1e\xcf\x94\xcc\xd7\x7fz\xf5\xc1\xe8`ogs\xbay\xae1\n3\'*\xbd\xa3wF\xde\xeb~\x0b\xbd\xfe\xc3\x8f\x16F\x1e\x16b_\x00+SxH&lt;&lt;~\xfc\xed?64\xbcH\xf8\x13~\x1f8\xa0\x96?\x91\xf0\x83\x90\xf8\xe7\'\xa9\x07\x16\xee\x88&gt;\x80\xe1\x86A\xa0\x11\xb4\xef\x14\x02\xfd\xd2\xbdW\x03\x0f=\xa8.\x9a\xd6\x95\xf7JJ\xf0\xd7\x17\x1e\x9c\xef\xef\x1d\xfb8\xdd\xdc\x0c\xb1\xd2\xc9tSg\xef\xe8\xa5\x91\xee\xe3\xc7\xbb?\xfa\xe8\xf4Cr\xa9\x98J\xa5\xc2\x11\xf5\xcf\xc0?\xec&gt;\xb4\xe1nhX\xf7\xf9\xfd&gt;\x01n\xa1\xe3E\x1f\xea\x94\xa0\xc0:\xe0\xe1\xe8\xc3#$_\xc0\xa7\x17E\x811 \xd4\xff\xa3\x94\x89\xe3\x0c\xd0\x8az\x9d\xc9\xc0\xe2\xc8\xb5j9\x9dqYQ\x1c\xbfy\xfb\xc1yu.&amp;\x81\x95lJ\xa6\xd3\xcd\xe9\xb1+\xa3\x0b##\xa7O\x83j\xb4?\x13\x1eLud\xc2\x91\x85\xd3\x17&gt;\xef\xbeu\xee\xfd\x86\xc3\x8e-\xd1\x0f1Z\x04\x7f\xe2\xe8I\xd1\x07\xb7\xd4\x81\xb0\x8b\xe4(\x80F\x04\x169+/\x8a\x14\xdd\xca\xfd\xf7r\xccx&lt;\x1e\xd5?\xf0\xa8\xa2\xe1\xc8bB\x1a\x18\xb6\x95\xa3\xb5\xc6g3\x8a\x92\xbbq\xe2\xfc\x95\xc1\xceT\xa5\xb3\xa9\xa9)\x99llN\xa6\xa3\xc7\xd2\x95T\xa6p\xe9\xf2\xa5\xfe\xc8ho\xaa\xd2K\xd4\x1aZ8\r\xb9\xce^op\xbb\xd7\xfd~\xc1\x8f\xf0P0\xf0$\x10Z|\xd0I-\x07\x95K\x10|*\x97\x8f\'2\xf0"/\xd3\xaf\xd9g4\xb2\xd4+\x03\xd9\xda\x80\xa0x\x8ame\x19-G\x1b\xb5\xa1M\x9bYY:\x14\x0ew\x0e\xc6+\x9d\x95TE\x05;v,\n\xd9z\xc3\xe1p\x7ff6\x92\xe9\xc0\x08g\xd0[P\xef\x07\x1bn\xf7\x1b3U\x01a\xa6(V\x10\xf9\xf2Q,:--\x02/\xaar\xf1*\x16E\t&gt;\x14\xab@&amp;=\x99\xfb"\xff\x92IgT\x0b\xbd\xa6\xd0\xebX&amp;4*\x87\xc0\xc9\x9cN\xd6j\x9f\xad\xda\xb3\xce\x8d\xbf\xc1\xc3\x89\n\x04\x03Z|"\xd9\xd8\x94NW:\xc3\x91\xf0P\xa1\x10\t\xc7\x08V&amp;2ty\xe1\xea\xd5\xcf\xef\xbb\xdd\x87s;\xbc_&amp;\xe7\x03K\xb5\xdc\xee\x17)\xb1\x85WyT\x89\xd4z`\x08\x17\t\x17^\xc4\xb0\x94\xa8\x9a\xf7}\x8e3\x99Lu\xaa\xbaZ\x86:\x97\xc7c\xe2d\xba\xd5\xc0pZ\xb8h\xdcv\xb8\x8a\xd2\xbb?N~&lt;\x06\xa2J\xaa#\xd5\xd77\x91\x8cW\x9a:S\xe1\xcc\xec\xf3\xe7\x85\xc8l\xac\x8f\xdc\x8d\x14._\xbat\xe1w9\xf7\x91\xc3+\t\xc8\x80\x18{(\xbe\xba\xb2\xb7\xf3\x98$]$X&gt;2\x08\x1e\xb0\xd0[$\xf3\x0c+\xf0\x14Ksj\xa2\x18\x13\xbcb\xeaT(,J\x96I\xce\r\xac\x01\x9b,.\xb1_\xd5i\r\x9c\x01\x15\xa1\x95\xab\x07A\xfb\xaa\xeb\xcd\xb1\xc6\xb1\xb1\xce\xce\xd4`G\xec\xda\xb5\xbex\n\xfa\xc42\xe1B\xa104\x14\x03VG&amp;\x13\x99\x1d\x1a=q\xee\xfa\x91\xdc\xf7\xe6\xab\xb2(`\x1e\xe1}\xe5\xf2\xde\x1bm3\x9b\xfb\xed!\x8a\xb8\x08&amp;\xb2[%Y\x13H\x1f\x01N`x\xcc\x00\xc6\xa0\xc1\xb2\xe7\xe1L\x86\x97\xee\x91\xa4\xe3W\xa6\x19\xbc\x8f\x8c\xf59\xd4\xb5R\xdcB\x95\xb1\x86\xd6)\x9a\xa6C\xfb.\x97\xe4\xca~\x92n\x1cK&amp;+\x83\x83\xe1X\xfc\xda\xb5X8\x9c\x89e"\x85\xc2\xf3\xa1H,\x15Oak\xd1?\x949\xf1\xe6\xd2\x91\x9c[Z#sL&amp;\x1fR\xe0\x13\xdbGr\xb9\x9c\xfe`\x19\x92\xf1pMu\x91\xc0\x11(^\xa8\x91\xe1\xc8j&lt;\x8c\xa7f`m\xee\xa9\xe6Q\xea\r\x85\xaa\n\x95w\xber;\xd6t4\xc1\x82\\\xb4\xdc\xb3lV\xa4l\xf6\x83\xe8b2\xd9\x04\x82\xdeT\xac\x0fk\rY\x04ggg\xc3\xa9\xa6\x81\x01\xecxf\x0b\x85\x9f\x9f-\x1d\t\xba\x1d\xbb\x94\\\x9f\xd7,\xce\xbckkk\xb3\xda\xdc\xb9\xe2\xde\xf2\xb3\xb2\xc8QX\xa5\x05\x84\x0b\\\xf5\x15\x85\xe4\x1e+\xa4\x86\xcc3\x03\xfb\xad\x85\x84G\xb5P\xe6\xb8\x9e\xae\xfd\xbd@\xd0j\xde\t\xd5\xb1\xa6@Z\xde\x96\\\xa5\xac\xebg\x93\xcd\x8f\x1a\xf3\x7f\x02X_\x1f\xc0\x9e\xc6\xbex\xfa4\x16oJ\xceE\xe7\xf2}Ogg\x87\x0e)\x16K[n\x99\x91e\x12Q\xf2\x89)\xa1g\xc7juX\x15\x8b-w\xb8\xc1\xbb\xb7\xbbUm\x07\x17\x85J\x80hBm"B-l)4,\xa9\x80z\xa8\x98\xda\x1b\xc8\x14\x90\xa0\xd4\xe3\xe5\x03o\x9bK*Y\xd7{\x08\x16\x8a\x0b.\xcaS]{\x0eoV\xc9~\xd0|oq 911\x11\x8f\xc7\xf3\x13q\xd4&lt;\xe7\x16\x00\x00\t\xe2IDAT\xb0\xf5\xc5\xf3\xf1\xfc\xc0@~\x02\xa0\xe1[N\xbd\xc3\x12\xfc\xb2\x1dsX=\x05\xda\x8f\x92\xf9\x1d \xe1y\xbd\xde\xa2\xcf5X\\\xf3+\xbb[]|\x08T&lt;S+\x08J-UFchU[\xfcU%\xe0\xae,\xcbF]\xfb\xda\x97\xf3\x8aS\xb2{\xedf\xebf\xbb\x8c\x02#\xa8Z\xd4\x97\xae\xba\xb2d\xb6\x9b\xbd7\xc7\xe6\xb0V\xe7\x01\x95\xcfO\xe4\x01\x05\xc0\xbe\t&lt;\x85\xe7*\xb7\xb2N\xc5\x1a\xdc,#\x95\xaa\xd2\xe4,\x90e?`q\xd8l@\xb3\xe8q\xc8\x1d\xc9\xe9\x03\xf3+\xcb\xfbU\x9eB\xca\x10.\xbc\x86\x1c\x19\xcdK\xa9\x0c\xb5\xf2$~r\xa1\x9e\xea\xee^\xd1))R1+y\x9d\xd6\x17e\x9a\xd0s\xf4\xd4\x14\xad\xc5\xa5Au3\x9b-\x15W\xff\xfc\xa3\xc5\xc5\xc5\xc9\xc5\x81|\xbe\xb1q\x002\r\xc4\xe3\x03\xe3\xe3\xd1ht \x7f\xdc\x1cp\x96\x82\xdbe\x8e\x0c\x9a\xae\xaf\xfd"\xbfV\xb4A+\x1b\xb0,D6\x87\xde\x12\xb4Xr\xca\xccJU\xf5\x8e\xa0\xa9Vj\x98o\xa7 \x91\x9a\r\xe9z\xaa\xfb\xdb\xf3\xe6\x80=\x0b\xb0\xa2\xcb\xeb\xb5\x97\x0e\xaah\x104=l$Cg\xac\xae8$iu\xe6\x9f\xb7\xa7\xc7\x8f\xcdael\x9c\x9b\\\x9c\xc3X\\\x1c\x1f\xff\xfa\x9d\xe8\xdfon8\x02\xd9\xa5\x95*LW\x85"++\x85J\x97\xb7V\x83\x0e\xab\xd5j#."f6\x9bC\xaf\xd7\xb7Ys\xca\x1aG\x93\xbd\x14a#\xab\xb6F\xe5\xa9w\xa7\xc7\xc4\xca\xed\x8f\x97\xe7\xcdA\x94\xa6\xcb\x0e\xa9\x8av{\xd1U\x9a\x7fl\x84\x0f(D\x13\xe1\x9a\xd2\xd1\xc6\xf2\xa6\xabT\x9cY\xbd\x7f\xfb\xe2\x93\xe1\xe9\xf1\xc9\x81\xb9\xb9\xc9I\xf5\xcbQ\xf7\xce\x9c\xf9\xc7\xa3\x9b\x1bJ@YZ\x919\x96\xd2\xb6\x92\xcf\x83\x13b\x1e\xfa\x04\xb9\xeb\x008m\x84L\xcdW\rKq\xe8\x95]\x91\xab\xc5\x88Q\xc94\xaas\xea\x80\xdcruge\xc6l\rH\x01\xbbW2Kv$\xcbYt\x9a\t\x16\xe6+)|\x08\x06,\x9d\xb1\xbc^T\xbc\xabE\xe7\xd9\x7f_\x1c\xbe\x07#\xe7\xc6\xe7\xc6\xef\x9d\x99\x1e&amp;_\x91\xfaU6\xa08\x1d\x9b]Z\xbc\xbaU\xcd.V\x15\x99\x94A\xa8|\x10t\xb4Y\xad\xe4\x87`\xe9!\x9b\xdea\x85\x99\xcb=\xf5\x95\x18\x9fB\x96)M-\x8e\x18\x1c\xb9l\x9ew\x05\x9c^\xbb\xcb\xe5tf\xb3\x01\x1c\xbd.\xbbdw\xceo\x85\xc8\xeb\xb1Dq$_:\xd4=-\xee\xac\x96$\xef\xaa\xf3\xdd\x7f\xfd\xe2\xee\\tr\xf2k@M\xffd\xf8\xb7O\x9e|\xba\x11\x08\x04\xde\xdf,\x87\x08\x96\x81\xae]\x12\x08\x0c+\x82\xad\xebE\xd0aAGXk\xb3\x11?\x90\xcba\xb18\x96\xdb_\xee\xa6\xd4(i\xea9\x07\x16M\xb7\xafX\x03vI\n\x04\\\x01\xb3=K\x80\xbcv&lt;6\xcf\xac\x85H\xb8L&amp;Z\xc5:\x05.Z\x17Z\xfbJ\x81\xcb\xca\xef\xff2}\xf7\x9d\xe8\xe4\xf4\xf4\xf07O\x86\x7fyq\xf8Sg\xd6Y\xcan\x97\x8d\x9c\x07\xc92\xb42\xea\xf6\x9bB\xed0&lt;\xdf\xb3\x9d\xd3\xebqmnS\x99p$.\xda\xd0\x16\x9b\t\x8ezm\xeb\xa9ye \xdci\xdfT\xec\x92\xcb\xeb\nHf\xb3\x1d\x0ef\x9dY\xbbK\x92\x14`\xe1:\xc8@\x96\x03\xae\x956b[\x8d\x1d\xb4.T\xdd,Y\xed^\xf3\xd2\xadGw\x11)\xf5\x8fP/~v\xfbF\xc0lV\xd6y4\x89\x96\xa5\xe1D\rK`d^`\xa9\x9e\xf5\x1c\xc2Uj\xb3\xd4\x98P\x15\x0e\xfc\xb3\xd8,{e\xd3w\xb10c\xf0\x0eS\xfcvIr\x99\x81\xe5\r\x98!\x9aW\x82\x95NU-\xa3\x966\x91\xc1\x01\x08\xfcSZ\xb2W\xd5\xb6/\xaf^wJ\x01\xcb\xb9+\xd3\xc30\xf0\x9b\x8b\x7f\xfd\xec\x0f7\x14W\xd0\xbb\x1c\xd2\xea\xfeS\xc5\xf9\xb36rEQ\\\xf2\x8cd\xbd\xd1\xd8O\xd2\xfc\xcb\xdby8c\x06\x82\x90\x8a4\x16H\xdd\x14f\n\xf9SL\x17\x10R\x95*\x8dU$\x8dI`\x89!\xb5\x91\x9c\x14R\x17\\\x86\x80\xd8F\x08\x84L\xc0\xabO\xe0t\xfe\x02\xa9r\xee\x9d\x91\xed\xd5.F\xcbz\xed\x9f\xcf\xbd\xf7\xdcs\xa7\xd8\xae\xc9sH\x03vR\xa8U.wfh&amp;\x14\x91M\xa2\x85W&gt;\x95\xad\xf6\xf3\xa5\x99ca}\x12VX\xe5\xa9\x17&amp;\xcaT\xdfj\x07j\r\x15\xfa=b,\xa5\xa4\x17S\x11\x11\xc8\x8cq\x17E&lt;\x02\x12z\x8b&gt;ZT\xc8~C\xea\xfe\xcf\x1f\xff\xfc\tE\xfc\xe1\xaf\xff\xee\xb4nOwuBB\xcd\xab4\xbf\xf4\xad\xb0:jd\x96\xe9\x8cF\x0f\xfa\xd0G\x1a\xc5\xdc-\xfc\xf6\xf3\xb5\x85\xdcB1\xe3\xe0\xf2\x84\x85\xef\'B\xc6\x8a\x94C\xfd\x04\x7f\x87`\x84\x15\x04\xf2~W`\x11\x17}:\xe8hoc"\xaf7\xba]\xd1\x95\xbb_\xbf\xfb\xf1\x8f\x7f\xbe\xffxw\xe7_`@H\xd2#\xc6\xa2\x86\xcf\xe3-ml\xb7\xb3S\xbe\x9f\x0f \xb0Z\x15\x9aIT\xd3o\xef\x1f\xc4\tg\xc5B-\xfe\xfa"\x7f\x95\x97\x12\xa6\xae&lt;\xe9)\xd4F*4\x19\xfa\x1f{\xe61}\x87e\x1e\xf1w\x1d\x1f\xd11d%\xbb\xe9\x8d/u\xeb\xee\x97\xdf\xfe\xfd\x06\x91\xba\xf1\xb4\xee\xe4\x9f\xd0\x03\x16\xefh\x1a/\xbe\xefj\xae\xb1\x88\xdb\xa4\x17^-R\x0by\xa2I\xee\xd5\x9f~\xc2&amp;\xe6U\xfd\x8a\x05 \x9b=\xc9\x9d)\x18\xa8\xf2\xb4\xf4\x024\x19|\x02X\xca\x91\xea1\x1d\x03\xabKXf\xc1d\x9a\xdc`\xc6Yg=\xbfi\xca\xd8\xbf\xf9\xfd\xef\x8a\xee\xcb\xcd\xc0\xcaw\x01\xabU\xac6\xbaQh\xd9\x96\xadO\xf7l\t\xad\xc2\xb5\x80\xc5\x8cM\xe7s\x07Xn\x9e\x06\x81%\xe8\x01H\xb5\x17\xf2\xf0?\xc6\xc1\xbd\xca\xb1\xa2aL\xbd\x8f]\x9d\x05\xc1\xac\xc0\xea\xa1pc\xb3X\xd9\xdcc\xc28\x82\xb5N\x1b-]i\xe9Q\x9ft\xed\x1e\xb0\xf88\xa8\x15G\x1d\xd6"\xd4\xc2\xed\xd4x\x87\xd5\xa4\xf4\x85\x0e\xd3}\xbdK\xdd\\-J\x83\xc7%\x8cW\xc8\x16N\x1e\xb1\xb8\x0f\xb0tb\x8d\xc2\rA\x06\xa6(p\xe0]\x07\xac\xae\x05w0,\xd2\x8cD\xe3\xa4S\xb5,\x08\x167\xa4\nnn\x17)\xfe\xc2.\xb0B\xda\xd0\xafj1V\x07X\xda\x87!\xf8LFX\x14&amp;\x90\xc1\x1e\xd3&lt;\xd4\xf0\xb2\xce\xb1B;\xb7\xae\xeebJA\x06//\xf0\xf0\x9b\xb1T\xe49\xb3\x94\xe4\xc1l\xe1j\x1b\x8f-\xbc\xcd\xc7\xd70\xd0\x97\xa6uf=\xdc\x8e\x1c\xcf\xdf\xaf\x8d3S\xf0\xe9\x86\t\xb2\xdd\xf7\'p!\xdb\xc3\xbe\r]\xf1\xcb\xefS\x8c ,^@\xfec\xeaR0E(\x04\x9e(\x81\x89\xb0\xe0\xf8\xb6\xdd]\xdf\xc6N\xa0\x81\x15K\xac\x1e\xbc\xc7\x04\xa0\xdb\x86\xcb\x84:\xd0\x14\x84e\x8c-\x9a\x11P\xe1F\x83\xb3"\x80\xa5\xbb\xdb8\xf2\xf4\xcb5\xb4\xc4Pc\x10N\xdd\x1a\x0e&amp;\x9a\xc1\xa2\x88y\xca\x0c\xc5%\x96b\x8b\xba\n\x0b\x08XM\xee-\xac\xea\xf6\x16X\x14\x97\xb9\x88\x16a\xe1\x95c\xd9\xeb[l\xc1\x00\x96 %\x062\xc6B\x84T\x99\x13l\x19\xab\xf7\x1e\x8b\x05\xb3PO\xec\xf7YF-9\xbf4\x04\xf2\x18rOg\xb1\xab\x03A\x14Q\xfc=\xd6\xe4\x85\'\x11\xd6\xc0X\xad\xbc\xe5[\xcd\xabU\x82]\xce\x89\xab\x0e\x03\xcb\xb1hYc\xe7\x89\x87=&amp;\xd0\x8b\t\x0b9\x0e\xaf!\x04\xcb\x1c\xb9Mx\x0f\xd8\x16\xf9\x04.]\xc2\xe2|\x97L\xcab\xf1\xac\xa3Lf\xdb\x81\xc1nf@&lt;5?\x85L\xee\xa1\x82\xafE\x0c\xc5\xe0\tXpw\xc2j"\x0b\xf2&lt;\xfa\x15\xff\xe2iBX\xe7Dv\xecZ%\xde)=\x14\x12\x86\xdc\xbb~&amp;\x1b\x8d\xa5\xa6*\x92d\xc0R\x8c\xc5\xbeeq\xc7\x1byo\xe1F\x13\xd6\xe5v\xb3\x9c\xaa,\x8a\xa7\xbb\xa4CkI n/Us5p\x8f\x85K\x0f4\xc4\xdb\xe3\x15\xc6\x9a\xe7\xdd\xde\xac0\x16\xf8\x90\x05\xf1\xc7\x0f/\x13:\xcf\xce\x89\xeb\xb8l\x96l."\xfa\x1e9\xc2\xbe|\x96\x19\xccT\xea8\x0e\xd0[\x98GGz\x087K\xc2b\xa9\xc6\xc6\x9bZU\xd3\x1a\xac\x82Hf\xd3</t>
        </is>
      </c>
      <c r="M482" s="3" t="n">
        <v>45492.67804398148</v>
      </c>
    </row>
    <row r="483">
      <c r="A483" t="n">
        <v>1166468</v>
      </c>
      <c r="B483" t="n">
        <v>1962</v>
      </c>
      <c r="C483" t="inlineStr">
        <is>
          <t>Zé Hugo</t>
        </is>
      </c>
      <c r="D483" t="inlineStr">
        <is>
          <t>Z. Hugo</t>
        </is>
      </c>
      <c r="E483" t="inlineStr">
        <is>
          <t>PE</t>
        </is>
      </c>
      <c r="F483" t="inlineStr">
        <is>
          <t>ATA</t>
        </is>
      </c>
      <c r="G483" t="inlineStr">
        <is>
          <t>PE</t>
        </is>
      </c>
      <c r="H483" t="n">
        <v>177</v>
      </c>
      <c r="I483" t="n">
        <v>17</v>
      </c>
      <c r="J483" s="2" t="n">
        <v>36449</v>
      </c>
      <c r="K483" t="inlineStr">
        <is>
          <t>Right</t>
        </is>
      </c>
      <c r="L483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381a956-c530-45eb-bd14-6ee2daa9b9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e4\xaa8\x00\x00\x03\x00PLTE\xff\xff\xff\x1c\x1a\x1f\xfe\xfe\xfe%$)#"\'+)/! %)(-\'&amp;,&amp;%* \x1e#\xc0\x84m\x1a\x19\x1c\x10\x11\x12\xcd\x93~\x1e\x1c!\xf9\xc0\xa9\xd0\x95\x80\xcb\x91}.+1\xc5\x88q\x14\x15\x16\xba\x80i\xc2\x86p\xf7\xbd\xa6\xb7}g\xf5\xba\xa3\xfb\xc2\xab\x18\x17\x19\xca\x8fz\xc5\x8av\xa7lW\xb4wb\xf1\xb2\x972.3\xee\xb3\x9c\xdf\x9e\x85\xb0|g&amp;!&amp;\xbc\x82m\xadr\\\xd5\x92w\x9ddO\xf3\xb8\xa0\xabnY\xa6t^\xc7\x8dx\xbe\x83s\xbe\x81j\xb1t_\xca\x8dv\xe3\xa2\x89\xed\xae\x94\xd4\x98\x84\xb5yf\xc2\x89{\xe7\xab\x94\xc9\x8as\xa2iT\xfa\xc4\xaf\xf3\xb5\x9c\xf6?@\xbf\x85w\xd6\x9d\x8a\xd9\x9b\x84\xde\xa1\x8d\xc4\x8c\x80\xc0\x88s\xc0~g\xa2fQ\xfc\xfb\xfb\xcb\x98\x8f\x8dWD\xcf\x8cp\xaawa\xd7\xa2\x90\xef\xb4\xa0\xd9\x96z\xe3\xa6\x91\xc6\x83h\x8ddS\xe6\xa5\x8b\xcf\x92z\x97_K\xc5\x8f\x84\xce\x8fv\xef9:\xec\xb0\x9a\x94hW\xc5\x8ez\xd1\x9c\x8b\xaeyc\xcb\x89|\xb6\x83p\xcb\x87l3$"|VG\xd5\x96~wI9\x1b\x1f\x1cR8/\x82[K\xc9\x90\x85\xba\x87s\xa2oZ\xbb\x7fq648\xd3\x8fs\xf1\xee\xed\xd3\x91\x86\x92[H\x87Q@\xbf\x8cw\xfa\xc8\xb5\xc7\x83w\xce\x8c\x83\x9biUlF9\xde\x9b\x80&lt;:=\xbezn+  \xe1\xa9\x99_?4\xf6\xf4\xf4\xf9FH9*\'\xe8\xa8\x8e+#(\xe7\xae\x9a\xb9xk\xc8\x95\x8d\xb9\x89|\x9b`L\xabzk\xc2~s\xdb-0oM@\xbc{b\xe823\xd6\x96\x8e\xd0\x95\x8a\xdb\x9d\x92\xa9jT\xc9#%\xb9u\\\xcb\x97\x85\xcd\x9b\x95\xdf\xa1\x96\xc8\x93\x88\xeb\xaa\x90\x9cn\\\xdc\xa6\x96\xb3pX\xa4vi\xb1\x84y\xc5\x82o\xdb\x9c\x8d\xf3\xbd\xab\x9fsd\xd3\x9b\x96\xe88;I0(%\x1e\x1f\x80M=\xd1(*\xe3\xae\x9evRD\xc4\x92\x7f\xf1\xde\xda\x94cP\xb3\x80k\xbc\x8f\x83\x86`R\x8b^ML:7\xd2\x8e{\xe8\xb3\xa4\xb0\x7frsss\xf9\xf8\xf8\xc1|`\xce\x92\x82\xda\xa1\x9e\xe8\xe8\xe8\xb4ce\x95m_@.+\x8f\x8e\x8ck&gt;0\xed\xb9\xaf\xfb\xcc\xbd\xbb#%A34\xd7\xd6\xd6\xe2\xa7\xa7P"#\xea\xce\xc9\xbbmm\xee\xd8\xd2\xf8\xde\xdb\xb0\xb0\xaf\x83\x81\x7f\xa5|qcJC1)+\xf1\xc8\xbf\xe0\xdf\xdfEFFghf[\\[\xa5[K\xed\xbf\xb8\xc2\x97\x88\x91-/=\x1e \xf9\xd3\xccXC?\xf4\xe7\xe6[1&amp; %!v&lt;1QQQ\xcd\xcc\xcc\xc3\xc1\xc0\xa4#&amp;\x99VD\xc7hn\xc7tu\x9e\x9f\x9emTM\xcfmxg$\'\xca57\xba;9\xa677\x8bg\\\xdd&gt;@\xe8\x99\x9c\xe8\xb0\xb3\x95ul\xd8\xb6\xaf\x90F9\xd0{}}%(\xebFGw_W\xdbt\x7f\xdd\x86\x8a\xf9_\\\xcf\xaa\xa0\xde\xc4\xbc\xba\\O\xacH?\xe4\x8f\x94\xceED\x8a\xd6Ex\x00\x00 \x00IDATx\xda\xcc\x98[Hb\xfb\x1e\xc7G\xc7\xb4\x96\xab$K%P\x0b\x99,#\xd3\x82I\xea\xa1\x8b]\xd4\xa2S\x94B\xd6\xa9\xb4\xa5v\xa5z\xc8\x13f\x88{\xaa\x01\x83\x901\xa4)\x07\x1a*v\xd1e\xc7\x1e\xab#\xda&lt;\xd4[et\x81y\x90#\xcd\xbc\xd4S\x0f=\xcd\xf3\xf9\xfd\x973\xe7\xf2\xbej\xf6\x97e\xae\xd6\x12\xd6\x87\xef\xf7w)_\xbc\xa0N\xf4\x17\x7fE\xd1\xf7\x87\x87C\x97\x97\xa1\xe1\xa9\xbf\n\x1f}*t\xf2\xf5\xf4\xec\xfa\xfa\xe6\xea\xea&amp;x\xf4-\xb4\xff\xab\xc9\xe8\xf4\xfa\xd0\xc9i\xf0*\x83\x15\xe7\xa5\xa6\xf2x&lt;!\x11\x9f\xb8\xbe\xfb:\\\xffK\xa9\x86\x01i\x10\x11\xfdW&lt;".Ad\xa1z\xfa/*\xa6\x93\xd3\x1b@\xfa?($\x02\x84&lt;\xbb\xfc\x05\x96\xd1Cw\xd7Wdr\x90]\xea\xff\xb2A\x92\xc2\xd4TH\xf3\xe6\xf4\xd9\x1d\xab?\xbd%\x84d9\xa5\x92L?\xb0xB\x9e\x10\'/\xf1x\x04c\x02\xc0\xe8\xcfj\xd5\xd1 \x81\x10\xe0\xe9$\xd0O*\xb0\x0e\'a\xe1\x1e\xf1\x92\x951\x11\xfc\xfa|mY\x7fy\x1d\'\x08\x1c\'88.\xe4\x91\x10?\xb0\x12\x91\xf2p\x9c\xf9\x92\xc9\xc1\tV\xb2\xe4\xe6t\x98\xfe\\^]\x03\x14\x87C\x83\x17`\xf10\x80\xc3\xf1\x9f\xd5\x05)r0F\x12\x8b\xc1\xa0\x11\xcc$F\xd2\xc4\xd9\xe5\xf3p\x85\x82q\x82\x86\xd30\x9c\xc6\xc1hB\x1eN\xa3\xc1\t\xfe#O!\x87\x95\x8c1X,\x0e\'\x99)\x14\x82\xa1qI\xf09\n\x8c~y\x16\xc7\x918B\x1c\xe0\x844\x1a\xc6dr\xa0\x96h4H\x93\xc3\xc4\x98\xb8\x10Ka\ni,Nb\xbe&amp;K\x8e\x9eaT\x9c\\\xc7a\x02\xe0\x90\x15\xceY[[s8z\xdcR)\xc6\xc10\x8c\t\xa92hB\x10\n\x97\xc0p\x12\x0b\'\x98\x13\xc1\x93\'\xe6\xa2\x9f\xdc\x10d\xa7\xe1\xf8\x9a\xa3\xc7\x15Y\xb5X,\xab\x11\xd0\xc5\x85tm\x8d\xc4t\xb8z\x1cHR\x82F`\x105\xea\xc8\xe0\t\xfdi\xa9n\t4\x00px~O\x8fk\xd5i\xef\x05y\xecN\xcbq$\xe2r\xb9"\x91U\'\x08P]==\x0e\x00\xe5\x10\xd0\x0e\xc4K\x18\x14\xf5OYW\xd7\x88J\x88#SzV-@\xb5&gt;::\xd2\xb6e\xb2\x93,p\xc5i_\x1f]__\xefu\xaeF\x10\xd9\x1aG\x9a\xc2\xe10RX\xd7O\xe8W(\x98"\x84\t\xf0#\xbe\xcf$\x94vd\xb6\xa0|\xeb\x0f\xab\xd5\xb4a\xdaX\xd7jG\xb5mmZ\xadv\xdd\x83H\x91i\xeed\x0c\xfa@r\x14z*\xaa\xa9#\x16\x8e\xa0\\\xaeU\x8b\xdd\x8e\x90\xb4#mmm\x80U&gt;^\xb0\x05\x1a\x1f/\x80_gg\xdbFFF\x00p\xbd\xd7\x0e\xa6]\xac\x11,&amp;\xc1\xba:}\xa2\x18\xf7O3`\xe3\x80S\x00\x85\x88@\x80T0[PW\x9e]W\x908\xa9\x9bE\x97\nf\xe1\xbc\x0e\xceGF?\xffk\xd5\xe5\xc00\x1a\x87u\xfd4\xe3\x0b\x95;TUO\xc4\xd2;J\xba\x04\xbe\x14\xa0\xa7\x97g\x83\xbc\xe5\xe5p\x06X\x89ku\xe5\xde\xc2\xa5Boa\xddH\xefg\xcb\xaa\x83\xc1"\x08\xc9\xdd\xd4\x93DxF\xf0pG\xc4b7\x81Km`IA\xb97\xdb\x9bM2y\xbd\x89\x9f\xder0\x0c\x81z\xbdKK\xef@K\xde\x02m\xafe\xd5-\xc5p\xd6\xc4\x93\xc4\xf8u\x02\xbc\xb2\xd8{GI(\xb0\xc3[XX\x98\x9f\x9f_\x98_\x88\x0eP6\x1c\xc0\x07\xd7\x13L\x07s\x07\xc0U7\xab\xb5[\x1cXJ\x06\xeb\xe6\xf2\t\xcc\n\x12\x04\xb6\xba\x01\x8d\x06&gt;\xd5%\x9e]\\\x9c\x83\x04o\xc5H\xf9p\x80\x8a\x81\xe9\xe0\xa7\xde--\x01\x99\xd6\xe2fI$\x13\xdf\xe8\xd4W\xd6 \x81\xf5\xd8\xb5@\x05%\x94\rL\xf0\xf0\x9c9\xbe\x92\x9f\x95\x95UZ\x9a\x95\xc5\xe7\xc3\x1bI\xf9n\xae\xf6\xa0\xb9\xb9\xb9\xbb\x19\xe9\x00&gt;\xf5n\xa9p\xc4"e\xb1$G\xfb\x94c\x9d\xbed2-\xeb\xa8\xf7\x00*\xbf\x182\x9a\xabU\xb2?\x08\x04\x02\xc5\xc0\xc0@^\x1e\x1c|~i\xe9\x1b\xfe\\-\xbb\xb9[\xd7\xad\xd3\xc1\xab\x1b\xd8\x0e\xe6\xe6 \xca\xde\x1e\x8c\xc1\xbc\xbd\xa4&gt;C\x06\xe3\xc2N\xce\xce\xec\xfcbpd\xaeV\x90).*2\x1a\x8d*PEE\x85J\xa5P(\x06\x14bAfYf\x19@\r\x81H.\x00{\xb74kq3\xb0\x89oT\x9b\xf5M\xc2\x90\x1e\x9b\xc0\xac:\xb0*\x07\xa0\xd8\x08\x8a\x9bvh\xb3\xd9\xfcz?\xfc\xf0\xfb\xf5j\xb5Je4\x16\x89J\x0c\x88\xaaI&amp;\xfb\x01\x06\\\xc5\xa6\x0b\x82H\xba\xa3\xb6\xb8\xe8\xfbg\x1c\xe6\x85\xd3\xba\x85\xbc\xca\xc9\x99\xab\xadm.+)\x12\xa5\x1d\xcek\x90\xa65\x0b\x0b\x0b\xd3\x1a\r\x80\xe9\xd5F\x11Wd0\x0c\r\xc9\x9a\x9adM\xc0\xa5Kp\x8d[\xd6\x08f\x90\xda\xd1E\x0f\xddb\xeec\xcf\x1f[\xe5\xa4W\xa8~JD"\xd1\xe1|\xc7\x82\x06!}\\@\xd2L#\xcb\xb8\xdc\xb4\xb4V\xb3L\x06XM\xb2!0\x0c\xe5X;\x97orq\x88\xdb\x10\xc5\x19f0]N\xd3\xd6\xb8\x1c\xa8 B\xa52\x13\xb9u\xe8\x9b\xd7\x00\xd2G\xf2X\xf8\xa8\x99\xd6\xeb\xf56\xae\x91\xcb\xfd\x0f\x96\x0c\x0e\x1d\xd9\x92\xfc-\xb0k\x90\xda\xbf#\xe8wq\xa9e\xa3e\\^\x0c\x11f)\x95JAff\xa6X\xc4\xb5\xd9\xe65\xd3\xd3\x0b$\x15\xcaQ\xafR\xab\xc4\xe2\xa2\x92\xb2\x12\xc3\x90NFb55\r\xa1\x18\x9b\x95\xfdv\x17\x11?\xa5\x12\x8b^\x1f$"\x1ek\x8b\xbc\xbf3\xa7\x94\xafT\xb2\xd90\x17\x80\xcb\xa82\xaa\xc1 \xbff\x01U\x18\xa2\xaa\xa8P(\xe0.\xfbCfw\xf7\x10\xf2\x8aL\x12\xea\xbe;\xb3s\x03\xec\xa2t\xff\xd0\xa7n\xe2Nk\xcbxC~\x0e\x8cM&gt;;!\x81\xa0F\x01cA\xa5\xd6O\xa3\xb2\x07\xe9U0\xc3\x14y\x00^\x0bM\xa1\x1b\x92%R\x84\x8e\xd4\r\x19\xc4\xedvW\xfc\x8eR\xac\xe1\xdb\x0bOK\xbb\xbc\xa1\xb84\x0b\x1e\x8a\x98jI\xcf\x14l\x05\x9aXh:\xd8lz\xbd\xbab\xe0M^\x1ed\xac\xcc\xaa\x85\x91\xaa\xeb\x86~$en2\x9b\x8do\xad\x16\xc7\x11\xa5\xdb\xfa\xf2*bj_\xec\xcc\xef,\xfdi\x15`\t\x90\x14H\xc83r\xa6\x92\xf3^\x89\x88I\xaan\x1d\xc2\x1a\x92\xb565\xfd\xa3j\xf3S\xd8\xe3:\xa3r\xfd\xd0\xbf\x0e\xee\x01VCg\x16\xbf\xafF\xc0VB~\xec\xcc2\x90X,F\xd5\xa4@\xfbG\x91\x10p\xe5\t&gt;\x88\xcbt\x90\x9c\x0ea\r\xe9\x0c\xe6*\xb3\xb9\xba\xb1k\xc5j\xa1tp\xd5\x7f\x1b\x8c!,~W\xdfX\r\xac&gt;6\xd4{\x99\x81\xcb\x15\x95\x88\x8cj\x18\xed\x806\xf0\x06\xb8*\x90T5b\xf1\xdf[[ef\xb3\xcc`@f\x95\x19\xcc\xd5\x93\xbfM6\xf65\xb48\xaf)\xc5:\xdd\xf3\xecB\x885}5c}\xdb\xfc\xbc&lt;vf\x89(-=\x1dV\x8f\x0fU\x95MMb\xa1\xbd\xa8\x86\xed#\x16\xc1Msz\x95\xb9\xd5Pb0\x18JZ_7\xfe\xf9\xe7o\x8d\x9b\xdb\xed\x1ej\xb1\x8e\xf66v\xdb\xfb\xb7\x8dcc}]\xdb\xf0G\x8c@\xcc\xf5\xf9\xe6\xe7\xd1\xea\x99G-hS\xa1\x14+TjX&gt;j\xd8\xde\xdc\xc3\x8e\xca\xc6\xc6\x8et\x11\xa4\r\x9f\xad\x9c\xfc}r\x12\xb0\x167\xa8\r\xf1(\xb6\xb1\xbb\xd8\xb0\xdd\x07T]\xb9\x9d\xfc\xbc\xb1\xcdM\xff\xf44\xb9w\xc8\xa5\xe8\xd7\xa3\n\xabPC7\xa2\xbd\xe8\xf7i::\x00\xcb\xc7-\x12\xf0\xf9\xca\xa2\xca\xdf\'\xff\xf6\xbeq\xb3k\xd1tF\xe5\xf7\xe3\xfbg1SK\x7fn\xeevngnCCnW\xdfL \x108\x7f|&lt;\x0f\x04v\xbe\xc0\x9e\x86\xa1\xa5\xae\x00\xb3l\xd3~\xbd~g\'p~\x1e~\x08\x9f\x07ff6}&gt;c\r[\xd0\xf1\xbe\xb1\xba\xba\xd2\xd7\xb7h=\xda\xa7\x14+jj\x91\xe7\xe6\xe66\xc8\x81j{\xd1z\x1f\xdb;vI$\x92\xe3\xd8\xfd\xc3y`\xc7\x0f\xc6Az0\xf0\xf53\x81\xe5\x07\xf2\xae+r\xbc\xb7\x17\xbd\x7fX\x19\xebx\x9d\xe6\xab|\xf5\n\xb0\xe4-GT\xba5u\x16\xddhi@T\xf2\x86\xed\xf0\xc6\x1e\x00\xa5`\x984\x99\x954\x08d\xbb\xe7\xea\x1d?\x8cy\xbfM\xad\x9eY\xde\x8d\xa2\xdb,)\xc8\xed\xce\x98\xb8\x8a}_\xe9h\xf4\xa5U\xbd\xaa\xae\x1c\x93\xb7\x9cQY[\xc3\xc1\x04\x16Pu\xcdXc\x91\x0b7zjJ\x8a;9)%\xe98\x1a\x0e\xcc\xa0\xfd\x03-\xa9\x86\x91y\xec\x06!\xa6\x8b\x0b\xc9\xc5\xc4^\xec\xfe&gt;\xac\xe9\x10\xb5VU\xbd\xae\xa1\x18+\x14\xf4\x98\x12X\x9d\xcb\x81\x9d\xc7X,\x16\xbd\xbf\x8f\xeeE\\\x8e5\xb7D\x12\xdd]\x0e?\xea\xc9\x18\xe7\xd5\x8b\x9ec\xf4\x95\x08\xfc\x93\x1b\xdd\r\x87\x1f\x1f\x1f\x1e\xbe\xdf\xdf?l\xa6\x1b\xcc\xe6\xd6\x1a\xf98\x95!\xd2/\xbf{\xac\xb0\x11\x1b\xfa\xe5+\xbb\xbb\xcb;\xa8\xe0\xa1\xe4\xc3VO\xd4i\xb1X\xa2\xd6\x87X\xb4\xcb?m\xe3\xce\xbfo\x9c\xd9\x85KN\xa7\xc7\xd4\xbe\xf2\xf6S\xd7fG\xe3?\x17\xbe&lt;&gt;\xae\xf8Z\x01+\xaf\xb3\xff\x9cJ\xb7\x00\x0b:Q.\xef\x97\xbf]\t\x07\xbe|\xd9\xd9\x99\x99\x99\xf9\xb4\x1cn\xd9\xb5\x9aLVk\xfb\x83\xb3]\xed\xf7\x1f\xa6W\xff\x9b5\xf3\xfbI3\xcd\xe2x\xd6\xcd\xce^81\xc5\x10\x14\xa7\n,\x10\xa4\x82#E\x10\xc4\x08\x8c\xd8\x15\x90\x9f\x0e\x91\xc2\x0b\x0b\xa6\x16\xba\x16\x85\x17dY\x9c\xd4\x81\xaaD\x83\x1a\x8d\x83\xd2yA25\xc8hThG\xcc\xce\x8c\x9a\xd6\xedvv\xc6\x98\xd9\xa1M\xdc\x9an\x9a^4{\xd1d;\xbd\xf0\xa2\xb3\x17{h\xb3\x7f\x01\x9e\x0bnx\x93\xf7\x93\xef9\xcf9\xdf\xf3\xbc\xc1\xb4i\xe2k\xed\xe6\x86\xd6X\x1cU\x84:\x9c2\x9d\xdb\xdb;\xb8\xf9\xc3\x1d=So \x9c-V\xd9\xfd\xd3U\x9b\xd6\xe7d;\x8d\xcbc\x8fo\xde|\x9cq[\xe8\x13\xcbF\xedf\x7f\xff\xe6\xe6\x9a\xf1\xd6\x9d\xf5\x8c)\x7f\xb5R%\x08\x05M\x99\x89E\xa3\xd1\xa8\xd5..:\xeb\xa1c\x85\xbas{\xc9\xbd\xd4D\xa3\x9e)$(\xd8\xaf\xce\x14\xeb\x85\xcd\x06]\x9e\xbdf\xfb\xfa\xe3\x9b7?s\xd3\x8d\x9b\x9b\xda\x97\x1b\xb6\xc9\xe1\xe1&gt;\xdb&amp;\x08\xe30\x89qy\xbd\xbf\xa1!8\xef\xecY\xdb\\\xed\xb3i\x01\x1a\x9c?\xbfB\xd0\x9d\x03\xc1\x94\xb0u\\$\x98\x15\xaf\xce\xec\x96\xbe\xac\xec\xd2\xb3\x17\xfd\xfd\x80\xa5\xd0j\xc7\x1e\x7f\x96Y\xd7\xf6k\xa1\xac\xb6 F\x86ww\xc1\xe1\xfb\xcc\x80Ui\xa0U\'\xd3\xee\x9e\xc1\xa1\xe1\xbe~\xdb\xea\xe1\xe1\xc8\xa4\xc2\xe1&amp;tHC\xa1\xf4^\x0eg\x90\x0b\x9b\x88\x8a\xd3\xfbg\xf4\x19\xa8\xec\xfa\xb3\xbf\x7f[\xc4\xd2:\x15\xec\xb1\x8c\xdb\xc1^\xb1m\xac\xde\xf8\xdd\xf9\xf7\xee\xbe\xff\xfe\x8d\xe2=e\xffZ\x8f\x99\'\xd6{\xb3\xfe\xb6\xea\x90\xa3ke\xd8f\x1b\xde\xfa\xf3\x8f\xbf=\x7f{\xeb\xc5\x98\xd2A\xc7-\x85r\xdd\x12=\x1ek"\x9a\x0f\xbf\x7f\xf3\xf0,\x9c`\xd9\x97c\xbeM\xdb\xe4[,\xf3\xbac\xdd\xb96\xd4?\xf2\x87\xf3?=\xfb\xe3{?\xfe\xea\xd3\xbb?]\x81\xe5qp\x9c\x80\xb3\xeb\xbd\x88\xaa\xb9\x8dj\xe9\xeb\xd3N^9\xbd\xfb\x9b\x7f\xfd\xfa\xfc\x9f\x9e\xdd\xfd\xa6\xffs\xcb\xfae\x9eT \xd5\x0b\xc1J\x13m]q\xde\xc3\xd2\xf5*\xfb\xea1\x89H&amp;\xf9|p\xba\xd8t\xb05fg\xff\xc8_\xbf\xf8\xe2\x9f\x87[\xf7\xb6nl\x9dN\x8e\x0c\x0f\xaf\x8dw6\x19\x0c\x08\x82\x1f\xd0Q\x04\x96a\xdb\xee\xc9\xe4\xab\xef\xef}z\xfb\xf6?\xee\x7f{\xef\x9b+\xab\x8b\x96\n5U\xad\x17\x82\x8f\xde\x9e\x12\xd2\xfc\xb93(\xfb\x87\xa4.b\x1d\x83H\xf7\xc1\xde\xa3 \x96\x13\xd9&gt;\x1f\x1cI\xdf\x9a\xd6\xf8rcu\xb5o\x05\n\xbe\x95En\xbah\xc8"\x98\x9cK\x19\xad\xf4\xed\x8e\xd866^\x9e\x9e\x1e\x1e\x0e\x83Gs...\xb3\tv\x81Z/\x9f\xd2\xc8\x99:\x8a4\xce\xfd\xb2t\xb5~\x8e\x07p\x95\x95\x8d\x1d\xecM-\x1b\x1c\r\xb9\x1e\x9a\xbd\xe32\xc3l\x19\x1b\xfb\x01\xcec\xd7\x05V\x98L\x94a\x06}-\x8a1\xb9\xcd:\xbf\xbdum\xf9\x16\xc4\xf2\xa2\xcfW\xdf1\xbf\x946\xd1\xd9\xe4ZA\xc8\x0eX g\x8d\xa0`}PVr\x0eM2D*6U\xd4\xd2\xb5F\x05\x11_WN \xf0\xcdt\x0b\xa1\xbe\x9e\xd4\xea[\xdb\x1c\x1cg\x91\xf9\xb0}Y\xadB\x04\xc3\x0cE,\x9a\x84\xb1\xb8\xb8h\\\xbe\xc5&amp;\xcb\x84\xb4Pp\xde\xe2t\x12\xab\xc4i\x1e,\xd7\xaa\xe6\x1aO\xb2s\xfb\xd1W%\x17|\x15\x86\xda\xd5R^\x05a\r\xac|c\x9d\x83QU\xce\xe0\xf3\x15N\xdf\xf8\xe0\xe0Z+\xff\xc3:TX%\xb3\n\xadx\x14C\xb3\xa3\x94f\x1d\x97+\xe9\xe0\xb3}=\x83=\x9d\xf5SU\x1d\x1d\xebt2\xa3V/\xce)\xf5V+\x1cUO\xf2B\\p\xbdT[\xfa\x8b\x0c\xf1\xca\xfd4\x1c\x8eat\x9a\xddnw\x87\xbb\xb1\xbcx\xed\xc7\x0f\x87\xf9\xe1k\xedH&gt;\x8f3h4VL\x83\xc9d\x98\x9dK\x01.\x9d\x14\'d\x10\x88fVk\'\xa9\x9eC\xa7\xf3\xcb+%\xdcP.h\xb7\xcau\xd51\x8a\xa00G+\xb5\xb8.\xbd\x91\xf1\xa2\x9a\x81\x01\x1c\x8e\xe8s\xaeg\xdcnp\xe9H$\xc0\'\x93\xc3\x81H\x04\xf5\xba\xf2\xf9\xac\x106yX\xa2\xe7\xa6\xb0\xac\x7f\x14\xb8b\xcd\t\x04-o\x02t2\x87\x03\xbf\xd7\x10\tMG\xddKK\x0c\x03\xb1s:n,&gt;\xe7\x7fP2\xd6\x94K,\x97\x1b$\x8dt\x1f\xdb\x91\xc9dL\xf3\xa6\xa8\x17A#\x81\x00`!^\x88,\xfc-\xc40\xd9\xd4\x1c\xc6\xf4su\xb1fJ\xb3\xba\x16\x0b\x84\xff\x1f\x01\xd4E\xe3\x8e\xb6%sR=\x93\xd2\xd60\x1a\xb3\xc6\x07\x8eJu\xcbo\xe6\\&lt;\t\x8d&amp;\xe3\xd0\x9dt78s\xf1\xcc\xc2L\xd4\x05\\\x91@Q,\x97+\x8f\x93\x1b\xb2\xd9\x8bB\xe0\xb2\xaah\xba\x18`QC\xf9\x08`\xbd%\xbb\x06OI\xa4\xa3\xcd\r\xa2d\xd0\xae\x8ai\xfc55\xbaY\xebQ\xc9j\xc51\\\xafz`\x8e\xa5`[\xdc\xf3&amp;\x13`-$\\.oQ1\xe4j4\xea\xca\x1b\xac\x86,3\x8b\xa02\x99\\\x05\xb2\xc4b1j\x08\x87E"EA\xdf%:!\x8dQjD\xc9\xb4X\xa5*\xccQ\xf7Es\xd6\x92\x93\xf8K&lt;.\x11\xd0\xb22\xb2\x82\xed\x06O\x97\x90.,\x80\\\xb0!\x02\xd84P\xa1P\xeaB\xc0\x82&lt;j\xe4*\xbf\x9f\xc6\xa51\xed\x12L\x86!\x08\xf2Q\x0b\x82\xa2\x88\xcb\x95\x18\x8d\xb5U\x8b\x929\xa5DU\xf8\xaf_\xe4a\x1a\x1e\x96\xdc \x88\xb34\xa9$+#\x98\xe9\xee\xf9\xa5`\x10\xa8\x16vvR\xa9\xd4\xb4\xab\xc8\x16!\x07\xe0\x04\n\xb3\x10\xa8U\xae*\xde-oO\xc9\xacS\xb32dz:\xf5{\x80\xf7\xba\xa2R\x01\xa5\xed\x9c\xc7\x93\x0c\xd1\xfc\xf1\x02L\x02\x9a\xa1\xe46\x7f\xdd\x11\x97H\x13.\xac\x8e\xee\xc8\x98\x82\xe94p\x1d\xbc\x8d\x9d\xa8\x17E\x03d\x0e\x86\xc7 \x8b\x10\x08\x92\xf5\x03\x97u{[#\x97\x8f\xd7\xa3\xdeT\x11?\x1aM\xcc\xa8c\x94\x86\x0f&lt;\x1e\xd1\x9eT\xc7|&gt;\xbb=\xe0\xd7\x94:\xac\xcb&gt;q\x90%\xd2\x99\x04n~\xc2=\xaf\x04;\x07\\;\x07\xff\x81\xd8\xf1\x16\xcb\x9a\xc3\xbfh0\xe8y\x12\x1e/\xb1\xe0\x92\xe8\xb84\xbf\x8a)g\xaa\xb8\xac\x9e\x002\r\\;\xa9\xe8\xcc\x82\x1ar\xe8\xd9\xdf\xf7\x88\xd4\xbd\xd4\xa1\xd7\x05\rWS\xf2\xf4\xb9n!K$\x89\x19\xa5\xe9-\xd6\xd1\xd1^Q.\xa0:\xb8\x1a\t\xfc\xed/dN9\x8e\x97\x90\xaa!\xb9\xc1\xbd\x05\xae\xa0\xb7\xbb[\xc0\x85\xe3\xd8\x8c_\xe1\xa0\x88w:\x95\x9aI\x00\x16\xf5\xdc\xfe\xf11p\x05{\x93C+\x859\x9d\xe6\xe7R\xb1\x9e\xd09\xf6\xac\xcb\xc53\xd1\x1d\xf3\xa6\xe0\xa3\xa3\xbd\xf4\xc2L1\x8d)H \x8b\xc5\x0f\xd7% \xb1\xf0jx}\x14\xb0\xa8\xdd\xd4^\xaa\xe8\xd8\xd3\xb2\xdb\x19FQ\xd4\x1bu\x81Z\x82n\xcf\xf1wE\xac45\xfd\xf4\xe9\xeb\xed\xd8\xb6\xe9R\xa9%O\x9fe\xca\x85H~~\xc2\x91\xa9\x10\xa7\xf7\x8aX3;\x07\xa9\x8f"aV\x81\x15\xb8V\xce\x0b*\xbd\x08\xc2sy\x91,\x8d\xabVKi\\\xea\xf1\x93}\xfa\xc9`\xfd\xbb\xee\x00X\xa1\xee\xfd\xef\xdea\xf5\x9aO\x9e\xbe\xd6\xd8\xe3\xb8\x12\x87b\xd9\x03~\xa7\xcc*C]\x99\t\xcb\xe5\xc6\nq0}\xb0\x10\x8d\xa6RW\x81\xea\xf9\x85p$\x12\xae\xaa\xac\xe3\xf4\xf8\xd6\x11\x14C$R)\xaf\x83!\xa4Q=\xdd+\'C\x17X\xfc\x00\xcc\x01\x17`%\xdfbyD!i\xdf\xbfA\xad\xd9Y\xfb\x93\x12\x93\xf8\x80\xd09\x8bo\xe23\xdc\x80\x85\x17\xea\xc5KKQh\xa6W\xdb\xf9\xa4\xae\x1e2\xb4\xcc0\x9f3\xd8wr2\xec\x0c\x04PI\xe2\xb2cYk\xeb\xc1\x0b\xa6ww\xbb\xc6;;9\x01h[\x89\x19\x81\x08J\xcb#\xfa\xe0\x9c@\xff\xf4i\xa1\xd0\xf9|\x96\xf6\xa4\xd4$2H$F]S=[a\xa9\xab\xaa\xc2\xeb\xc53E\xac\x960i\xa8\x0b\xd4\x08\x040\x94OZ\x9c\xb8\xf3\xf9\x84\x99\x1f\xe0)\xf3K\xb9\xe3GKJe{\xd7\xca\xf3B\xe7\xf88\x07`]\x89\x90\x08\x12x\xae\xa6\xbaF !\xc5\x99\xf8\xa1\xe7\xdb\xa5:\x9b\xb2\xeb\xb0QU\x8ai\x86r:\xbd\xa3\xaa\xa9\t_!V\xe6\xf3\xc85\xd2\xca\n\t\\D\x04E\x90\xc6\x96\x0f\xdb\xdb-\xb7`g\x057Z\xbett\xf4(g\xaac\xf0Y\x9d\x85\xf1\xf1\x1eV8\x80H{=\xfb\xa2\xea\xb6\xb6\x9a\x06\xc1(w\xb4\x81K\xd6\xa8\x92\x9f\x94&lt;\x14+qbi\x82W\xbbN\xef\x00k\xda$\xc4\x89q\x8d\x91\xfa\xa1\xbeVp\\\x11\x980\xde\x96\x96v\x0b\x1d&lt;\xf22\xb8d\'1\x93\xde\xd9\t*Mb^%\xbf\xf8\x91\x1f\xb8P\tU\x04T\xcd\x94\x9a\xb6Q\xaeZ\xa0\xd6\xd1T\xba\xa3\xff\xd1rv1i\xa5i\x1co\xbc59\x01B\x04\x8f\x01%@l\xa5b\xcb\x87:BT\xa0[\x1c9eqJ\x03\xa2L\xd5\x14\x90\x8cv\xfcN\x07\x8d\xc6\xca`h\x80\x0b\xeb\x07\x0b\x0b\x18\xb7\xd1\xa2\xd6V\xb6\xd1-\xb3\xdal\x0cJ\xe2\xc6\xcd\xae4\x1a6\x93lF\x13ov\xdd\x18/jj\xe2\xee\xf3b\xf7r\xaf\xeayP\xe3\x95\xf9\xe5\xf9\xfc?\xefy\x8f_\xac\x9a\xcfMU\x8a\xf1\x90\x94\xb6\xc0g\x88\xe8\xe0.j\x15\xc6(\xadY\x9b\xbf\xcd/A\x07\xa5N[\xcc\x05\xfbs\xd3\x9c%\x1e\xdc6\xea\xe6#\xc1E\xe7\xa2~\xc4\xa4\xf1k\xca\xf2\xd1\xb3\xf6\x82\xd1j.\x85)\xe7H\x90\xb7\xaa\x15\xdar\x83\xb6o\xf2Kg"\xe4\xbc\xdf\xe7\xf3\x99\xbcV\xf3B\xb6H\xc4\xc8\xa6cR\x8c\x91\xff\xf3\xf7\xc5\xc5f\xbd3\x16\x0cD\x96`\xff\x99\xb3\xf4\xba\xe7\xfe\xb9\x1d\x87\xe5\xbf\xbfwN\x17\xd7E\x82\xce\x0f&amp;\xbf:R3_t\xf3I3\x11\xc6A\x1d\np\x81\xf6k\xc5\xf8\xb0C!\x16|\xf9\xea\xd3\xb6\xec\xb1Z\x95\xca\t\xa7Y%b\xd1\x19t\x9a\x14\xcb\xad\xe9\xd5M\xc5\x9c\x11]$\xae\xb34\x81\xcd\xcd\xb9\x9bt\x81\xedH\x93\xdb\xdd\xdf\xefv[t\xc6\xc0v\xc0\xe5T\xab\xe3K\xf3\xbfz*%\x04r\x0e\x87\x8b3\x99\x8a\xdf\x80\x00q\xf8\x88\xce/_\x14\xef&amp;VWG\x94JO\x19`\x89\xe8t:\x8b\xca*}a1\xc6\x01B\x17\x88\x18-\xb0\xe2\xb8"\x81X\x10&gt;\xb1\x80q\tv\xb4\xb8\xcb\xa9W\x8f\x8c8!\x9a\xc1WK\xf7\x9f\xf1\x08.\x87#\xc7\x99\x14f\xf5.\xcc\x83\xf5\xf5\x9d\xe8\x15\x1cC\xb4\xa56`\xe4zJ\x00\xeb\x81\x88\xcd\x16b\xac\x82\x16\x9dNg\xd4\xc5!\x8d\x9c\xc1\xb2\xb2\x12;\xb4\x01\xa5\xde\xaa\xac\x04\xe57\xda\xb8R5\xbe\xbc\xbc\x9eJ\xad\xcf\xaa\xb7\x03\xaf\x9aj\x9e\xd5A\xbas\x04\x14\xc8\xfbov\xdb\x97S\xef\xf7\xb7\xae\xe4\xb4y \x05T]\xc5.\x9b\x88\x85\xb0h\xb4\xd2\x16\xa3eN\xb7\x1d\x0b\x9a\x17\xf8\xb5\xe8\x0e\xcb;\xb0\xcd\xd1\'\xe8\xe7\xe1!\x92\xa3\xfeed\xb3N\x8b\xbb\xa9\xe6\xce\xa4\\"\xe1\xe22P6\xf5\xbf\xfcv\xf9\xfdN\xf4j\x9eFe\xbdM\'N&gt;\x9d\x7f\xb0\xd13\\,\xaa\xfd{\xddRK/\xd8\xda\xcf5\xf9\x9bO677\x11P\x86\xed\x00\xb8Na\x10Z\x8d=.\x9b\xde\xf9\xcab\xf9\xf1[9W"A\xce\x92\xe5\x9d\x9f\x9f\xecD\x07\xae\xf0\x80\x0b\xec\xc4\x06Q| \x14\xb2\xb0\xae\xa2\xa5yK\xef\xcc\xde\xde\xdf[\xec\x9e\xe3\x8d\xe3\xe3\xe3\x8b\xb3\xb3\xaeCp\xd5\xe9\xe9\xe9\xd9\xc5\xb1!L8\xd6\xf6\xf6\xd6\xa6"K\xc6\x9a\x9b\xcd\xb8Ab\xc8`\x85\xa3\xf0\x97\xae\xf8\xc6AV\xc2\\H\x17}\xc3\xaa\xaf\xc7\x1ao\xcf\xb7\xf6X\xdc\x8f\xfa\x9bZ\xbb76\xf67.R\x1b\x17\xa0\xc1.\x8e\xd7\xd7\x8f\x8f\xc3\x04\xf1~\xbfs\xbdeo\xa67\x02\xad\xff\xfe\x9d!\x81Db\xc0\xf3\xc0Y\xe1\xf4\xb5\xab\xb7?\x98s\xb3\xbfz\x80\x01\x16u\x14\x9d\xd9\x18\x1f\xb7\x18#\xeaD*\xb9\x03_\x1b\xfb\xc9\x84\'\xb5\x9f\xdcYO\xee\xef$\x93;\'\xbdk/\\\xce\xc5XO\xfe\x03\x14C9\x13\xb0(2\x12\xeeoe\xbd\xfd\x90\x9bq\x97PHm,nm\xa8\xe5\x97\x14\xfd\x18P\'\x12\xc9h4\x1dM$\xe1{+\x89l \x99N\xa7\x9e\xd7\xfc\xf2Dc2M\x14\x97\xf2p\x10\x86\x02f\x1e\x85\xc2\xdc!\xe5\x16\xde\t?\'\x9b\xce\xa2\xd5\xb31,7\x9fo\xae\xb4\x8eB\x8e??\xd9J$\xa2`m\xe9\xadh4\x99\x06\xach:a\xdd\xdc\x1du8\xfc~\xcdBW9\xc1\xe5\x1282\xe6\x16\x19\x97\xf0\xb2\xb6\xcc\xc0%\x12\xa2\x1eA/xZ\xf6r\xccj\x87"\xdcT\x07]\'\'\xe7[\xd1\xc4\xc9yb+q\x92\xfad\x9d&gt;;=\xed\x1e&amp;f\x87\x87\x1d%R\x90\xd1\\\xae@.\x17\xe0\x944)w\x03\xdb\x16\x1bJo\xd1El\x15\x83%*\xb4\xd3\xc6\xbc&amp;\xeb(\xb4\x83\xa3\x03`\xab\x1c\x19Y\\\\\xac\xac\xdc\xdc&lt;8\xf8xq|\xec\x819\xb8L\x10\x0eL\x0b\xbe\x92s\xe4\x80\xc5\x94\x91r5\x104NCC\xee-:\x1d\xe6\xb5\x88^B\xf3zM0\xc1\xbb=\x9e\xd3\xa3\xa3\x83\xa3#\x00&lt;&lt;\x00\xa6\x8fgg\xff\xdeO\x85\xc3a\x9c\xc0\t\x87\x96+\x17\xa0\x89\x08`89\xa9\x05\x1a\x87\xdfP\xf0\xec\x0e\xba\x97!\x14\xb1Y\xde*\x9fF3\xad\x86\xc6\xf0\xf1\xe8\xe8\xe3\xc5\xe9\xd9\x19\xf0}D\xaeJ\xed\xbf\x97\x85)a&amp;\x93\x18\xe6\np\x1cQ\x01\x17s\xeb\x1a9X[\x0b\r\x97\\lh\xaa4\xa9\xcf\xa7\xf1;`Am?\x02;\x83\xe6~x\x00X\xd0N\xc3\xa0\x91;\xa1\xf2(\x04!\x009\xf3\x19\x8b\x94\xae\x95\xd1\xf5\xb1Z~A\xee\x9d[9*6\x8d\xb6\xe2\r\xf9\xfc\xfe\xd9\xd9Y_7\n\x1e\x1a=\xef\x10\xd6\x1b\x1f\x01\xe3\xafS\x16\x06\xc5\x00\xd5\xc7\xcc`M\xc2\xb0^\x1f \t+\x1d,\xe6\xf3\xd1\xd5\xc4\xdcB!F\x95\x82\x02\xf5\xcf./\x8f\x87\x1a\xbb\x0ea"\xee\xee\xee\xbe;8|\x132\x84\x11\x160\x01U\x98\xc2\x14|\xf6\x96d\xfd-9XP\x8a\xc5\xb5\x08\x0b\xc0\x18\x18\xb5\xaa\xaa\n\xb8\x1c\xb3\x0e\x9f\xc7Zf\x7f\n`\x9b\xb0\xe6x\xc6\r\x820\x121\xcc\x0c\x15\xc8ey\x06K\xa2M\x91\x87U\x9b\xe1\xba\x95\x9dS\xc8\x92J\xabB\x80\xe5_\xf5M{\xac\x951\xd7\xb6\xcb\x15\xb3WZ=&gt;\x07\x81\xd2\n\xe2\x07\x9d\n~\xc3\x05\x08j\xb2\xae\x9cD,\xf4\xb0\x1a\xb8\xa0\x18\xd9\xd2\xaaKwiL\x1e\xafU\xef\xdc\x0e\x04\\\xf6J\xa5\xd5\x0bXa\x1c\x17@cG\x13\x07\x9c\x06\xce\x92H\xea\xc4\xdc\x9d\xbb\xa4a\xd9\\\xad\xc0\xc5/d\xd8T+\x08\xcb\xa3\xf1i\xa6\xa1{\xe9\x95\xc1\x0cV\x99\xd5\x1b\xd2\x1a\x08\x82\xe0\x12\x00D\xc9CY\x8f2~H\\N\x90\x89e.nE\x8fXT*\x1b\r\xa8BU\x196\x84\xe5\x8c\xb9\\v{Y\xe3J\xb5\xb6|\x98k\x00\x81E\xa1\xc8\x10\x96@\x0e\x11\x14\x0fq\xc3db\xd9\xf8\xc0\x05\xa3Q\xa5\xaa\x87(j\x14R\xb0\xf6\x95\xee\xee2\xc8.\x94[]\x8d\xcd\xb0\xa2\x96\x97\x0f\x83\xabd\x08\x0b\xeapH,\xae3\xe0\xe1\x04yX\x1d\x1d\xe6\x86\xd6\x8ab~a\xb6\xaa\x03\xd6~\xcdx\x88\xda,m\xef\xee\xee\xae\xb4\xdb\x9d1\xbb\xbdd\xb4\xf1\x06O\xab\xd5\x96\x13L\xa4\xdd\xc1Yr\xce\xa4\xb8O&lt;)\xa0\xe0\xe4a}\xe8x\xc9\xce\xa9\xad\xe8\x01\x7f\x81\xbbL\x1a\x8d_!m\x06w\xb5\xb7w\xeb\xf5zeYYc\xd7\x9bf\x84e\xc0)\x19,\x1c\xf9\xaa\xafo\x88\x03\xa5\xb9E\xd6+"\x03\x1f:h,UnmkOkmNa\xc7\x98\x06,T]\x8d\xb8\xbc\xea\x91\t\xbd\xb2\xb2\xb1\xf1\r\xe4V9\xa2\x02,\x8a\x80#\xa9\xe3\xf5\xf1\xc4\xb0a\xe4\x91\x87\xd5\x86\xb0\x84%\xc0UTQ\xbb`\xee@m^\xa1\x08\x85&lt;\xed\xed\xd3\xd3\xe8\x8a\xae\xb2\xbb]\xaa(\x87\xfdY\x86\xa8dL9\x04\xb0\xafO&lt;\xc4\x81\x0e\x86\x934\xa9/\xb1\xa84vv.\xc4\x11\x12\x0c\xb8\xa0\x9d\xfa\x14!\x8f\xd7\xb4\xba\xb1\xb1:\xad\x9e\xb0\xaeH\x15\xc3h%\xec\xec|/\xc3\xb9(\x80&lt;\xf1\xa4D\x8eC\x96\x91\x88UO\xc30\x96\xaa\x10\xc5\x11\x12\x0c]U\xf1k\xa0E\x98\xd4\xd3\xab\x9f\x9e?\xd7+\x954iHKP2\xb3\x9a\x00*\x1eO\\W\'\xe1\xa0\xc6z\x05\xc7!\xff\x1f\x0b\xc3hBUvNnCqkE+p\x8d\x99\xc0\xbc\x13\xfa\t\x10\xa7\xc1\x98\xb9\x84-\xa4\x86\xa0\xcd\xc3N(\xe0\x0e\xf1x\xbc\xba\xba!\t\x87\x0b\xa9\x95\x87\x93\x89E\xa5bB\x06\xbb0\x17\xb8* \xf1\x03\xb1\x8e\xcc!W\xd0\x19t\xc5\xa0\xcf\x9b\xcd\xe6z\xaa\xc6\x01r\xc7`\xf8L5\xc9A2&gt;\x8fB"\xd6"`QiB6\x84\xb1\xf4\xf6\xf5\xd6\xa2\x1e\x8b%\xe2r\xb9\xd0\xe3\xf2\xa9\xf8\xd4\x94\xd1\x18\x8fD\\6[\xc7\xd8\x98\x02\x95\xa0\x18\xa0PbAk%\x13+\xfd\xf2%\x95*\xa5b,!\xbb\xb0\xb4\xa0\xe1zE\xd1Ro\xd3\x94Qg\xd4\xcd\xb9\xe7\xc0\xdc\xee\xa6W\x16]|\xaa\xd6f\xab\xaeF\xc9&gt;49\x84\x12\x8bI!?\x88\x97\\\x0c\xf0W\xc1\xf5\x8a\xfb/\xfa\xddM\xee97z\xdd\xee\xf5\xcc\xeb?\xbd\xfe\xb3\xdbm1N5d?\xb8\x01X\x90W\x12\xce\xa5\xb3\xf2dL\xd2*1\xbdx\x89E\xc5hl\x06\xca\xaf\xeb\xf9\xc0\xf5\x08\xbd9\xf9\xd3\xe0\xe0\xc3\x87\x83\x83\x83\xaf_?\xea\xad\xa9\xc8\xfe\xeaF\x1f*B\xa4\x95\xe5HI\xe4\xc9H\xf1VVV\xd6\xb5\xac\xbb\xe7\xe6zt3\x17\xbe0\x16\x1d\xca\xb1\xe06\xe2\x9ay\x08\x86\xde\xde|8\x88&gt;\x8fz\xef\xdf\xfe\xf5w\xf7xbD%A{&gt;\xa2\x92\xa1.\x9fu\xd5Pw\x07\xda\xda\xfe\xe2;(`\xd3&gt;sAz\xfd\x8f\xabef\xef\x87\x1f\xd0\xcb\xa5\xbf\x03\x87\xfd\xd4\xdf\xf2\xf8\xe6\xb3\xaf\xef\x01V\xddP9P\x11\xf8\xa5\xb3(\x82\xe7\x89+\xbcr\x9a\x85\xfe\xb5\xc2?\xfe\xf8\xfb\xbf\xfe\xed\xd5\xbf\xfeS\xa0\x82v\x8aa\xd41T\x8e\x8c\xc2\x0c\xd7\xcd\xfb-\xfd3\x19\x8f\xa1\x97N\xd7Z\x1e_\xbf\xf3\xedw\xf7Pb\xd5e\x9c\x85\xb0dP\x89\x02~\xcd\xc8\x7fY9\xbf\x98(\xb33\x8c\xfb\xf9\x9d\xef/\x03\x1f\xcc7\x0e\xe0\xce\x1f:\xa3\xc3\x08\x08\xcc(\xc8L)\xc2\x02\xcd\xac\x0b\x18\x87\x02a\xc9J\xe0b\xd5Y\xc2\xf4\xa2\x95\xba\x8b\x15.4\x13\xb9p\xec\x9d\xc9\xdeLe\x92MLz\xa3\x17&amp;\x85\x845\xdch\xb2\x11i3\xa6%\x80\xd8\x98\x00\x86\x1b\xa3II \xf6y\xcf\x87\xed\xa6\xe9\xa6n\xb7\xe7\x06\x03\xcc\xcco\x9e\xe7=\xcf{\x8e\xc39\x7f\xfd\xbf\x08\xc6\x9d\x1bY\x9dY\x90$\x9f\xef\x9b\xcd7\x9b\x03{X\x96\\\xc5tN\xab\xac,X\x11\x1b\x9e]\xfa=\x8d\xa5\xd9\xe9X\xc5\xcd\xd3=\x9d\x94\rW\xaeL\xf6\xbdS\x0b\xa3\xb2\xb5{\xf9o\x7f\x1e\xdfO\xe3G\xee\xeeGV_\xdc]\x19\x13\x99\xaa\x98\xbe/\xb7z_\x12\x16\x1d\x97\x01\x18z\xb6#/\x8f\x9f\xcf\x02Xryii~~~i9\xd9}\xe3\xfa\xd9\xce\x8b\x08\xac+X\x0b\xf6\xf99\x16\xe7\xaat\x84\x92\xb9\xed\xbf?{\xf6\xe0\xfe\xbd\x1f\xa3\xd4\xf8\xea\xccbBS5\xa6\x8b\xa2*\x99\xcbo2/OYj\xf1aw{\x1c\xc5t\x18\x04\x9a\rDI\xb0\xa5%X\xd8\x1e\xca\xfb\xfc"\x15{\xc3\xe4\xe4\xa4\x9fv\xd5{j\xf9\xc3e\xc1\xe5\xb7\xdb;++\x8b3\x0f\xc6\xff\'\xc5\xa0\xf3\xc8\xc3E\x9f.\x8b\xaa\xca\x04Y\x14EM\xcde\x80u\xae\x9f\xd7\xbc\x85\x15\x86\x8ft\xcc\x00\x92\x85\xa2\xdd\xb1\xe9\xe1\xe1$Q\xf5`1\xfa\x93&gt;\x94\x15\xa4\xaa&lt;\xf8N\xac\xc2\xbex\xdb\xf5\xd1\xdc\xf6vra\xcc\\\xb8\xfb\xec\xfe\x0f\xf7r\xff\xcf\x1f\xbfX\xd1\x0c\x99\x89\x8a\xa22\x1b\x135M\x9cx\xd9\x9byy\x94\xef\xa6\x8b\xa8\xb6\n\x10^v\xf2\x91Fm)\x12\x7ft4\xd6\xdd\x1erF\x86\x0e\x9di\xf076\xf6M\xc2CpY\x19OX\xa7\xdbn\xbdz\xb3\xfd\xf6/c\t\x8d%\x16gVG~\x10\xd9\xfe\xf1\x073\x0b"\x9d\xbd\xd7TU\xd1\x0c\x8e\xc5\x08k\x97c\x15\xd9y\xd1\x17q.:$\x02\x1b\x9d\xf5\xe0\xaa\xa8\xf0\x06K\xbf\xeaA\xcf9\xee\xef\xe8\xe8\xe3\x95\xf5O\xb9\n\xfb\x86&gt;:{\x1dXo\xbe\x1cK(L\xd6|\x0bO\x1e\xbe\xf7Q~\xc4\xc1\x83G\t\xc3`\xb2\xa1C#Ma.\xc2\x12\xf7\xb0\xf2\xaaI\xa5\x02;\x9f\x8c\x05\xc4\x15\x89P\xb0\x96\x96\x05\xbdU\xde\xaa`\xbd\xe3H\'\xa2\x01\\\xfe\x86\xae&gt;\xda\x97\x01\x8aS\x95\xf45\x1f\xf9\xbc\xed\xd5\xd6\xf6\xf62\xc7\x925\xd34W^\xdc\x7f\x1f\xc1,(]\x97A%\x8b\xb2\xae*\x92\x0c,\x86\xe2\xfa\x16X\x9b\xc1\xe2~r\xcfB\x02\x94\xdd\xed\x0eG\x1c\x0e+\xbf\xbc\xdehUix\xe8"\xadg\x8e\xfb\xfb\xba\xba@E\x19_\xb2\x87u\xac\xf3\xc8u\xc2z5\x9601\x8f\x984fj\xd2{\x81\x8d\xaf&gt;\x1a\xc3\x03D\xa6\xebL\x93\x05M\x92L\xe6\x12D\xc6\x02\x9a\x92\xcb\xf4n\x06[\xfb\xed\x94\xf2\\(\x1a\xa0\x8a8(\xbf\xca\x08\xab*\xd4\xf6\xd1\x91\xce\x8b\xcd(.\xcc\xc4\x86I\x8e\xc57\xd7\x85\x85%\xfe\xaeC\x9d\xb7\x80u9\x97\xf0\x99*\xe4\x92\xc6|\x9a\xaa$\xfe\xdb\xed\x1a\xfb\xef\x91}\x80\x12\x19LD\xa9\x0b\x92OR\x15C\x90\x19q\xbd\xce\xf4n\x04[\xab\xdf\xcdD;\xcdE\xb7\xdd\r*\xde\x1e\x83U\xe0\xb2\xb0\xa0\x16B\xab\xa1\x8bj\x9ec\x15r\xac+\xc7:\xdb_m]\xbe\xbc\x0c\xf7\x80\xc5|\xc0R$E\xf5\xdd]\xfd\xde\xcf[\xb8}c:\xa9\x04\xf3d\xa6\x8a\x82\xcb0}\x12S\r\x83\x07\x84\xb8\x94\xe9\xdd\xba\xe5\xb1\xef\x01\xd9\xc3a\x14\x96\x9bL\x8c\x14\xf3\xeeX\xe5\x8dV J{:)\xe2\x1bh\x0b\x0b\xac\x8e\x83\x079\x13L\xf47\x1cr&lt;\x7f\x95\xb9\x9cYW\x15E\x03\x96\x89\x1a\x03\x96\x02\xc5\x1e=\xfe\x1e\'\tJ\x94\x19\xaa\\\xc6\x10UM\xb7\xb9\x04\xd5\xa7\xc8\x9an\xc8*f\xa28\x9f\xea\xdd\xda\xf1\xb8\xed\xbc\xa6\xec\x05q:5\xe9vW\x03-\xec\xa8\xa5\x92\xf7\xb6W\xdc\xb8y\x9a\xcbu\xa6\xab\xab\x85\xb8\xde\x05\x04\xadN\xfd]C7b\xbb\x99\x9f\xa5\xe6\xf1t\xa8\x0b&amp;%\x12@\xa2!\x99+\xff\xc9I\xe4\x14"A&amp;*\x06\xd3\x19\xd3TYp\xb9l\xb2\xc4dU\xb7\xe9\xf4m\xed\xb7\x9b\x99\x8c\x85\x05\xb5\xc24@T\xed&amp;\xacH\xb1\xb3\xac*\xda\xde}\xb5=\xd4v6\x1e\x1f\xc2\xa2\xa6\xa5\xa5\x85\xb6\xb1\xfe\xca\xca\x12+\xe5\x7f\xea\xaf\xab\x7f\x0e\xac\xcc\xc6S\x91ciJ\xc2D\x00q0UM&lt;Y\xbd\xf7\xef\xfe\x8d &lt;\t\n\x8d\x86C\x01\xc3p\xb9\\\x82\xac\xc1=Y\xa0\xa4`\xe2Dn*\xf3\xb6\x18Xv\xd4\x16\xcd\xbfH\xa4\x1aZUW\xa3\x07\x15;\xc9\xc3\xab\x15\x84\xd534\xd4\x8cq\x88\xb0\x8e\xf7uTZ\x13\xf1\x83\xc2/&gt;\x1d\x8d\xc56\xa7Rk\x83\xa8\x08&lt;\xa3\xaa\xf8L|U$I\xe2l\x0b3\xdf\x15\x0c\xbd\xef\xe1\x8a\x84\x97%(h\x85_\xa46%\xaaXs\x00\x00\x08PIDATH\x17\xae\x18\xa0R$&amp;\x08\x8c\xb0\xd4\xf5\xd4\xd4\xd6\xcdj\xa8\x85\xe5\x03\xffx8\xe2\x88x&lt;\x0e\x0f%=ay\xa3\xde\xaa\xb2\xdaHO|h\x88\xc8\xe8o\x0b\x1a\x80u\xd0\xea=\x1d\x9ft\xc7F\x9fo\xa6\xb2\xb9\t\xcaC\x0c3\xe1\x93(\xb0%\xc9"3\x17\x9f\xfd\xebS\xbd\xf1\xd5\xbb\xe8\x05\x1a~NP\xfc\x1f\x98&amp;t=\x8dMW\xf1xI4l\xe8\xd5\xf8\xe1\xe0\\*\xb5\x13\xa1\x84\x8f\xf3X .\x07\x9dqC\xcc\x97S@D\x11\xf2y\x8epO\xbc\x08d\xcd\x88\xaf\xae\x86\xe3\x8d\x16Va\xe5\x17w\x92\xc0\xda\xc8\xce\xad\x93\x05x\x9f\xaa/!\x11\x14I\xc5\xb1$ia\xe6\xdd\x8d7\x8fg\xc6\x14\x08\n\x18\xb2\x11\x9d\x19C\xd4u\xc1\x06\x0fuJwE\x95m\x02\x0b\x04\x02\xe2\xc4\xebtj\xa3\x8dzb\xbc\x07@\xfc\x94)\x96\x10\xb5\xe5\xd4\x13\x07\x06\x06\x8e" j\x8b\t\xcb\r\xc9\xc8G\xc4Wccc\t\xb0J&amp;?\x89%G\xbbw\xb3\xe9\xb9y\xde\xf8\xa1\x96\xa41\xae\x95\n\x7f\xc0\xc5K\x7f\xf1\x99\xb5\x82]@\xb9\x01\x17\xba0N\xc5\xe7\xaen\x08\x82\x8d\x16\x0eL\x16\xa8\xb8l\xbaL\xa7z\xe6\xe7\xb2\xa9\x9d\x82:`\x859\xd0W\xfc\xa0)uD\xec\x82\xca\x80\x15\x0c9\xf3"\x91\x08~\x1a\x89\xd7YX\xf4\xa1J\xe1\x07%\xfe\x8f\x8fbyqu3\x9bFiq\x0b1\xa9\xf8\x15$\x92)\xed\x19I\\Rb\x86\xa7\xbeb\r*+\xf2\x8fV\x0c\xban\xd8l\x82`0\xe2C\x92\xc1E\x03\x99!\x06\x06s\x90\xeb4\xb0\n\xc2D\x95GgMk\xcb\xcbi\xc1\x15\xc2f6\xea\r\x85\xeak\xf3H\xc6\xe2H\x9c\\D~\x1d\xf7\x03\xab\xb0\xb2\xeb\xdc\xf4p\xb2\xfbO\x1b\xa9\xf4\xeb\tR\x0b\xf1n\xd0\x9dAxII\xb1\xa4\xa2\t\t8\xf3\t]\xe1\xf2\x1d*\xf2OQ\x11\xa6\x90\n\x0fa"A\t\x07\x0c\x91\xd1\xbd&gt;t\nj}.\x9b\xddq\xa3W\x03\xabv\xefTn9\x86\xd5{\xa2\xd1`(T\xea\xac-\x07Z\x18j\xd1\xde\x87o\x14+;&amp;\x7f\xf7\x87\xd9\xe1X\xf7n*;7?A\\L\xd5\x04zV\x0eh\te\x91\xe0\xcb\xc2\x8b\x91}&lt;44\xaaB\x95\n\x8c\xc4\x12\xf8\xa0N-\x1b\xae\xfc\x03*\xc3\x1b3\xf4\x00~gp-\x9d\xdd\xac\xf7\xf0L\xd8\xc3\xf2xjJ)\xe2)\xe3+\xa2UU\xa1\xd2R\'\xff\x90\x96\xa8Z\x8e\xb5\x9c\xb9B\xff\x93\xfa\xf1\xd1\xd9_O\x8fB,\x9a\x87b\x00\xaf\xa6\xe8.\xc3\xa0\xf7\x8eW\x95\xf6,T\xf6\xea\xdfww\x9fD4\x14T\xa0Vy\x85\x19\x9cJ\xa7\xb8\xb7\xe5\x1f\xb0\xc9\nSD\x9b\xd5*!W:\xbdS\xde\xea\xe1\xabR\xf2\xca\xe1h\xadq\xd2\xb6,j\xddz\xe2\r\x96\xd1\xcd\x10y\xc0\xa2?\xc8kinF\xae\x9e&lt;ygx\x16\xa5\xc5\xc5\n\x04\xe0\x0c\x89e\x93\xb9\x0b4\xcb$\xd3D\xe5\x8b\xd6\xbc\x04\xa5\xb9\x8f\xaa\x9d\xb0(\xae\xa8\xdea\xa1\r\x16\xf2\xd6\x08*]\x95TA\x94\x02\xb7\x03\x98\x95\x01\xf6t-\x9d\xde,\xadimm\xadA2\xd0\x05\x0b\x84U_\x16",\xa8\x15\xf5z\x83\xc1\x81\x01\xc8EX-\'Q\x87u\xcdE\x05\xce\xe4,&lt;D:ds\x83\x81\x00\xb5\\\r\xd3[\x97e\xe2\xa2\x97\x05\x97\x89\xfa\xa1l\xe5q\x01,\xcd\x9a\xaf\xc8P\r\xac\xcc ,^\xee\x02\x0c\xf4%\x12\xaa\xa1\x7f\xb3\x9b\xc3\xfc\x11Q]\xaf\xd3\xe9\xb9\x9ds\'N4\x81\xac\xd5S\x1d\x0e\xc3\xc4\xf2\xd2z\xa8E\x17\xc6\xfc\xaa=\x1a\xad\n\x9e:\xcc\xb1 \x13&amp;GA\xdc^=\x10\x1b^\x1e\x9e\x8e\xedf\xb3\xe9uP\xc9(\x08\xccn\xbc\x88J\x17d\x89d\x93bJ&amp;\xcf\x04\x89\x17\x19a\xf1\x9aR4\xac\x91\xf1-\xcd\xe0\x0f`\x98\x8d\xf9\xf9Z"\x81\x15\x9bl[\xbe\xdc\xbb\xf6\x94j&gt;\xf0\x14.n\xfe\xe6\xeb_|x\xc2\x03+\xab\xb1\xb0q{\x9aj\xa8Q\xb7s.op\xe0p}}\xa9\xd3\x11\x1f\x82yu\xd8\x1d\xb5:\xa3Il&gt;\xa6\x93\xcfQYk\x83\x01]\xbf\xf4\xc7o\xb1&lt;q\t\xccTu\x9a\xf0"\x19Ez\x01l/\xc1\xf6qD\xc2\xa2\xa5;\x85-U&lt;\xd3\x98`;\x90\xefB\xd7\xe2}\x08K\xad\xa9\xf4\xda\xfc%.Wvn\xc7\xd3\xff\xd9g\xfd\x9c\xca^\x00\xac\xa6\x0b\xf5\xb48=z\xfe\xfc\xf9S\x87?\xbdp\xc1\t,\xf7Ps\xcb\xc9\xa2\xeaV\'\xf6\x90\xc9\xe4\xf4t2\xb6\x99Je\xd7\x03\xfa\xed\xf9\x97o\xd7uj\xb8\x8a\xa9\x907X7Q.\x81\xcbgB\x16\xde\xba\xf7\xf1\xd9Ib\x19\x90\x93*\x0e\xa9\x00\xbb\xf1v\xf2\xf3m\x8ab\xd0\x9dZ\xb6\\*55\xd5\x9b\x01\xd8m^]\xf55\'\xbe\xfe\xb0\xbf\xff\x97\xfd|\x95\xd3\x7f\xa2\xe6\xc2\xe1\x81S\xa7\xae]\xbbv\xf8\xce\x9d\xa6\xa6\xa6\x9a\xf2\xf2bO\xbc\xae\xae\xceM\x7f!\xd8\x1d\x03W2\xf6\x1cT\xb9\xc1K\xf3\xb9\x8dTfc\xdef\xfbG\rg\x0c\xdaD\x18\xc5\xf1\x1c\xb9\xcb]\xce\xc4 1\x81B\xec\x10h&amp;%\x9b\x99.\x83R\\\x1d\xca\xd1RBJA\x82\x19j\x06\xa5t\xb8r\x83\xc8\x95\x1b&lt;\x02.:\xc8!\x87b\x91\x80\xa3"$\x90\xd1\xac\tE\x1c\xe2 \xa9\xb1\xe0\x90\xb8I\xfd\xff\xdf\xb5_iI\x8f\xf4\xbb\xdf\xf7\xbe\xf7\xde\xff\xbd\xb6\xf7\xa5\x18\x80:g\x87\x1f3\x1d\x88\xc1\xb48\xbb\'.\x93\xd9eT@x\xa07\xf94Oj+\x99X\x13\x174\xf5m\xcb\xf7-\x01C0\xf6\xff\x15\xef\xd6k[\x9d\xce\x16\xba\xc6nw\xe3N\xbdU\\\xdb^k4Z\xf5j\xb5\xde\xa9\x91k\xf5\xc6\xd5k\xabE\xfa\xdc\xfa\x8fG\xa2\x86\x9e\x17L&amp;s/\n\xa2\xd0\x83K \xbb\xa3\xf8M\x9a"\'\x17\xf5M\xbe\\\x160=a\xe8\x12\x9d:\xa5\x00\x11\xc2\xc2\x86\xe0\x19\x1e\xd3\xa6\xe4Jr\xa0\xdd\xe4\xcc\xb1,\xdf\xb6-\x80\x9d\x8e\xe1]\xfd\xbd\xcd[\xcf\x1a-`\xbd\xebv\xef\xbd\xd8\xa8U\x1b\xb7\xd7\x8e[|\xd4\xbb\x83O9z\xe1\xfa\xea\x95\x15\xd6\xf7\xcf\xd7\xf7vww\xbf\xcc=?Z\xcc\xfa&gt;rD\x00\xb2\xb1K\xd5AR@Q@\xdf\xd7$5\xe0\x1a\xc0\xf0"\xc1.\x82X0\n\xa2\x02j\x83\xe60\xad)\xd9\x12\\KU \xd7j%5\\Z6\xece;\x16\xd0l\xcc\x1c,\x9a\xcd\xc3A\xafw\xf2\xf5\xe7\xdf\xdf\x7f\xf8\x7f\\\x8d\x95\xe3\x87\xf5\x1a\xff\xbe\xc2G\xe5\xabU\xb4h\xc5\xed\x9b\x8f\xdf\xef\x1c\x9d\xf4\x06\xa3\x11B\xc5\x0f\xa3 \xf4}\xdf\xc3\xb2\x82h\x91b\xdc3_\x82K\xa14\xc6Z-\\\x9a\x91@\x18pK\r\xc9WJ\x0eU\x83\x81\xbeG\xce\xfeCZ\xc1\x158\xdc0\xb4m\xdf\xb2@\x85\xaf\x98\x1a\xdb1;pu)\xe0\xf4\xa4;\x1a\x01\xf1\xe4h\xe7\xc3\xa7\x97\x1f_=\x95\xa7&lt;_o\xde\x7f\xf0\xf6I\xef\xf3`\xd0\x1e\xb4\xf3\xae\xa9\x8cC\xc7\xc1\x820\x8f\xdf\x87\xb9\xa2!d\r\x05\x8aA_f\x88\xa5/\xd5\x87\\e-Aj\xdaK\xf2\x15\xec\xa5\xb2\xc0\xe1\x89\x92\x85B\x12\x15j&amp;\x97\xcckC8&lt;\xa8h,\x07\x9b\t\xb0\xf0l\x0ems\xf9\x93\x98%\xf6T\xa4[W\x07\xe2\xe1h\xc4k\xf8h\xefc\xb4\xf3\x15e2^\xc2\rl?"V\x00\xac\xd3\x89\x91\xca\x152*X(\xc1\x90\x10\xe6v\x82\xc</t>
        </is>
      </c>
      <c r="M483" s="3" t="n">
        <v>45492.67774305555</v>
      </c>
    </row>
    <row r="484">
      <c r="A484" t="n">
        <v>1167068</v>
      </c>
      <c r="B484" t="n">
        <v>1963</v>
      </c>
      <c r="C484" t="inlineStr">
        <is>
          <t>Kaiky Naves</t>
        </is>
      </c>
      <c r="D484" t="inlineStr">
        <is>
          <t>Kaiky Naves</t>
        </is>
      </c>
      <c r="E484" t="inlineStr">
        <is>
          <t>ZAG</t>
        </is>
      </c>
      <c r="F484" t="inlineStr">
        <is>
          <t>ZAG</t>
        </is>
      </c>
      <c r="G484" t="inlineStr">
        <is>
          <t>ZAG</t>
        </is>
      </c>
      <c r="H484" t="n">
        <v>186</v>
      </c>
      <c r="I484" t="n">
        <v>34</v>
      </c>
      <c r="J484" s="2" t="n">
        <v>37383</v>
      </c>
      <c r="K484" t="inlineStr">
        <is>
          <t>Both</t>
        </is>
      </c>
      <c r="L48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9a08211-8c2b-4eb6-9111-ee2bda04843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-\xe1J\x00\x00\x02\xfdPLTE\xff\xff\xff\x00O:\x0c\x05\x03\x07\x02\x01\x00&lt;(\x00@,\x00J3\x00&gt;*\xff\xfe\xfe\x00M5\xe7\x9bt\xf2\xf5\xf7\x00G1\x12\n\x07\xec\x9fz\x00P6\xfd\xfd\xfd\xeb\x9cw\xf4\xf6\xf9\x01T&gt;\xe3\x97p\xea\xec\xf1\x16\x0e\x0cQ+\x19E$\x15X+\x18\xe7\x9dz@!\x12\xec\xa1~I+\x1d\x1b\x13\x11.\x15\nf7"\xe8\x95p\x00D/\x007&amp;\xde\x94pY0\x1dL&amp;\x158\x1a\r\xfa\xf9\xf8\xdc\x88h\xeb\x98ta3\x1e\xe1\x90n\xa8eF\xda~[?)\x1eX&gt;1\xf2\x9f\x83\xb6pN\xe2\x8bh\xe2\x97u(\x10\x07\xee\xf0\xf4a-\x19p?)\xf7\xa5\x85u9#!\x19\x16Q1"\xb0kJ\xd2~\\\xe6\x90mk1\x1d\xa5[=\xd3wT9!\x15\xe4\xe7\xed\xf5\xa3\x80\xcaxX\xbbuS]D7n7"\xdc\x91k\x8eS9\xd4\x8bhH\x1d\r\xbfiH\xaf^@\xd8\x82cyA*\x88N4Y7(\xb6eE\xf1\x9e{\xcdrO\xc2zYS!\x11\xc3pP\x03YD\xd1\x87d\xb6\x93;\x83J1J2%\xdf\x84`hPDP9,\x97U:\x1c\n\x05\xc9\x80\\\x80B)g=+\x9f\x87}{H1\xf0\xa2~\x98[@\xde\x9d\x81\xe5\xaa\x90\xea\x88f\xf3\xa5\x8b\xd8\x8fo\xe7\xa3\x85\x011!\x01)\x1b\xf7\xa8\x89pVK\xac\x96\x8dA\x16\t\xd9\x8dg\x91J/\xe9\xc8\xbb\xef\x90n\xcc\x83a1\x1c\x12\xf6\xf1\xf0\xef\x99z\xe7\x97y\xdf\xa3\x8a3\x10\x06\x9a\x9a\x9arG4\xdd\xe3\xe8w\\P\x87D,\xef\xae\x8a\x95N4\xda\xdc\xdf\xd5\xcf\xd0\x83ld\' \x1d\x9eT5\x01!\x15\xee\xa7\x84\xc8kK\xee\xea\xe9\xe6\xe0\xe0\xe9\xb3\x9ceH:\x9dbE\x84w7{N;\xb9\xa3\x9a\xd9\x97{\x90ti\xa6\x89:\xf7\xad\x8e\xe5\xbc\xaa\x97|q\r`N\xcc\x8er`LB\xa7\x8f\x84\xf5\x96t\x8d\x8b\x8b\x83UA\xa4\xa5\xab\x1fL,\x97\x807~8\'\xc4\xb2\xab\x10D)\xac\xae\xb7\xc7\xce\xd6\xbf\xaa\xa0\x86hZW\x14\nku;\xb8\xb9\xbe\x11T5b"\x15zbW\xb4\x9c\x92\xfa\x9e|0(%\xc0\x80b\xf0\xb3\x93$gY\x88\x8fI\xc6\x9e\x8b\xd2\xc4\xc1\xae\xa1\x9a\xcd\xba\xb6\x99iVZh5\x80{|\xcd\xdc\xdd\xa7nS\x8e[E\xd2\xa0\x8a#]8\xb6\x85r\xe3\xb6J9\\3r\x82C0sfJCB\xe4\xd5\xd0hbb\xbfYK\xf1\xd5\xcc\xba\xcd\xce\xe0\xb1\x9c\x01\x14\x0e\xb3y\\\xd0o_\x9f\x9cM\xd4\xb0Jo\x97\x94NwB\xee\xc1\xaf\xbf\x90{\x96&lt;4\x9c\xb8\xb8;30\xb5\xa4N]\x90\x8aGi;\xf7\x8air\x1b\x0f\xa4J&lt;I\x7fw\xcc\xa5\x94\x89\xab\xaaNW+1O(0j?\xa6|l\xaa\xc2\xc2}\xa2\x9f\xf8\xe6\xe1z)\x1dF^`\xfc\xb5\x95\xbe\xb1]\xd8jL\xb2GA]\x81\x80\x1620\xe8}]\x1cTH\xf9\xd5\x80\xe4\xce}\xd1\xc3p\x92\xa7i\x88x_\xa7\x00\x00 \x00IDATx\xda\xc4\x99]L\x1ak\x1a\xc7\r\xdeL\xd2\xd0\xd0\xa6\x8b \xf2a"_\x05\x1c"rtE\x91\x8f\xdd)~!\nU\x89\xc1/\n\x18\xb5\xab\x17E9\x15\x0f*\xd1U\xc4\xb4\xba6\x80\xc91\xa8\xa5IMc\x13\xb3\xba\xb8\x89\xb5\xc6h\xe3\ru\x93\xc6\xabu\xc3\xc5^xc\xb27\xe7~\x9fw\xc6\x9e69{\xb7\x8e&gt;\x8c3\x9a\x98\xf8\xcb\xff\xff\x7f\x9e\xf7}\xc7\x9c\x9c\xff\xb70,\'\x87%c\xc9d,\x16\x0b\xc3\xd0O\xb7^@\xc1\xba\xb3\x18\x89l\xbd\xdbz3\xf9nk+2\xbb \xbb}0\x80Z\xdc:\xccd\xb3\xe9h:\x1d\x85\xafl\xe6t2r\x87u\xabd\x18v\'2\x99I\xebt:\x81@\x87\xee\xe8#\x88f)\xb2[\x83\x92E^g\xa2$\x8f@\xc0\x16P\xc5f\xc3\xa5\xcb\x1c~\xb8%/1\xd9,\x82\xba\x82a2\x99\xc0\x03D\xf0\x84\x1b[\x97}={\x1f\xbb\x05\xa9\xfe0\x99\xd1\xe9\xae\xa4B8l\x84sU\x0c\x04\x99\x99\\\xbc\xe9\xb6\xc4d\x1fN\xd3\xbf\xdaGi\x040\x0cT\x08\x0b\x8a\xcd\x8e\xae\xbe[`\xdd\xa8T\x0b\x93(TT\xa2\xd8\xa4\x87\xc0\x94\xcb@\x17\x02\x83or\x19L\x81 }\xbau\xff\xc6\x04\xc3\xb0\xdf\x1d"\xa9\x90sT\xb2@\x1a BL\xb9P$\x1a\xe2\x82\xf8g\xdf\xdc\xb9!,\x8c\x159MG)*$\x18\x13\xd9GZ\xc8$\xa9r\x19W7\x92+\xfdz\x96u#R\xfd\xb0\xb5\x1a\x8dF\x05\x02\x04\x83\x12\x95\x8b\\c"0\x8a*\xf7\xea\x91K\x82\t\xa2\xa7\x91\x1b\xd0\x8b5{\x98\x8d\xea\xa2T\xd6\xd1X`3(\xdf\x98\xcc\xefx\xbe\x81\xb1\x05\xba\xc3E\x19F\xb7\x81\xb3\xc8@P\x89\xcc\x16\xfb\xabLWA\xff-\x17t\xa4 }8K\xef\xcc\x87\x15\x90\xa4BQg_Q}\x1dUW\xf5[\xb9t\xec\xe8\xe1"\x8bv\xaa(\xb9\xc0\\MM\xd2F7*\xad\xdb\xcd\xfc\x1fh\x0c7\xfcz\xf4\xf4\xc3\x18\x8dX\x0b\x87\xa0\x15\x89E\x02\x01\x8bP(\x94\x9ay&lt;\x0e\\\x1c\x9e\xd4\xfdM\xb7\xaf\xe9\x07\x13\x05\xd0\xb1\x99\xc9\x1f\xe8\x1b\xed\xafA+\x9d\x80\xfa\xdbnm\x90\xa7\xa8pM\xbb&lt;\x1e\x8f\x0bUyy\r_*\xd4\x82j@\xc7\xf8\xceD\xc4%\xc8N\xd2\xb5D\xb2\xb6\xb2h\\Q\xf6iyb\xcf\xbc\xb1\xd1\xe1p4R\xa52\x1a{\x9a{\xcbE\n\xae\xa4A\np\x94j\xb9\xa8\x13\xd8:7,\x91\x11zr\xcf\x1a;D\x0b\x0et\x9e[ \xcd\xab\x98\x01$\xebK(\xab\xd5a\xb5ROU_]\xb3\xab\xa9\xc9Sa(\xe3\xb6\rk\xdd\xd4j\x04\x1e\x82b\xc1\xd72z&lt;\x8cd\xa2\xa8\x0b\xddB\x8eb\xda\x08H--&amp;\xa8\x96\x16\xc4\xd6\x02\xe5t:\xab^\xf5\xd4\x05\x023\x81i\x8f\xe7\xad\x81\xdb\xa0\xa5\x96o\x18sA\x1d&gt;\xb5\x80\xd1\xd2\x86\xe0!$+\x98\xd7\x0cLV`*&amp;\x0b\xc0\x80\n\xf1\xc1\xddY\xd2h\x9c\x9f\x9f\t@M\xbf\xadQ\xe4\xf1\x84\xa0\x18\xc3\x1d\x15\xe8\xccx\xd7"-&amp;\xde?L\x9b\x83\xc1 \xdfUE\x10H\xa8\xe2\xe2N\xb2H2R\xb6\x16S\x8b\xd5\xd1h\x04\xb0\xf9\x99\x99\x80\xa7B\xa4\x10\xe7q\x84\xd0\x00\x02w0\x8b\xaf\xd2\xb2\x08\xb1\x1638\x9e6\xe3\xa2&gt;\'A\x98\x08\xa4U\xa7\xa6\xba\x1a]\x88\xac\xf8\x1b\x17\x05\x16\x98\xae\xa8Q\x88\xed\xf6J\x8eT\xcbt\x9b\xf1tf\x93\x8e\x99\xca\x8ad\xf04\xde\xc1\x0f\xabZ\t\xbd\x9e\x12\xab\xba\xf0nAA~\xa8P\xa9\x01\xd1H\xae\x16\xab\xd5Jq\x81Z\x06\x85\xb8\xd2\xdem\xef\xae\x0c\xba\x838\xde\xbd\x8f\xd1\x11\xad7\xd9,\xdeQi\xefU\x01\x15\x99\xaaN\xcd\xc3{/\xfe&lt;4\x94\x9f_\xaa\xd4\x00\x99\t\xa9\xe5\xb4R&gt;"\x13\xa1\x1f\xb9v\xbb]m\xe9\x0e\x92X,Zf)P\xa9\xd5\xdeX\x15ARu\x82\x85\x85\xf9\xf9C\xf9\xa5EJ\xa5F\xa3\x94\xcb\x8bMd;\x926\xce\xcfLW\x18\x0c\\.W\x8c\xb0,|\xb3\x19\xcf\xce\xd1\xd0\x8a\x80\xd5\xdd\xa1^\n\x87\x9b),\xa0\xd2\x14\x86\xf2C\xa1\x10\x92\n\xa0\xe4\xb6b=t#\x88\x05\x13\xd6HF\x0b\xc4\xe2r\xf3\xecv\xcb\x92\xda\x0cr\xadF\xae_.\xd6\xc2i\xb7z)\x96J\x1dW\x11d\x0f\x82V\x85\x0f\x0b\x0b\x11\x91\xcd&amp;W\xdal6\x08\xfeW\xacF\n\xab\xac\x8c\xd4\xcb\xd2e\xc1\xcd\xc8\xc5\xeb\xdfw\x01\x96z)u|\xfc=\x16|\x10\x14\xe4_o\xb3!\t\xa1\x11\xad\xe4bD&amp;\xbe\xc6P\xa6\x80\x11\x91W\xa9\xbe\xc2\xf2\xd3\x82ey\x7fpp\xd0\xf7\xaa\x84 \xe3\x8e\xd4BZ\x01\x10\x01\x93\x940\x99l\x08\xcb\x81\x1a\x11\x8d\x07\x84e\x80\xd0\x03\x96\xa5K\x8d\xe3xG\x07\rX9\x0bs\xcf\x00\xeb\xe8H\xf5HO%\x0bb^]\xad\xd4\xc8\xe5z\x13\xe4\xdc\xd9b\xb2\xc9\x91Z_\x13\x0f\x8dhP\x94QX\xabjDE\x87\x89\xd8\xd8\xe1\xfb\xcb\xcb\xb3\xb3\xa3\x12H|\'\x89\x85\xe4\xa2\xc6)d\xcaau\xea\xe56\xd3\xaf\x9d\x88\xb0\xc8lQX\x1d@EK\xb6\xc6|\xefONN\xceZ\x9f@\xc0I,H\xfcO\xf7\xee\xde\xbdw\xaf\x10\x81A\xd6a\x95\xd4\xa3\x99\xeaD\\h\xed)S\x00\x96D\xc2\x87l\x01\x94EM\x8bZ\xbe\x95\xf3\x93\x93\xdd\xddz\xb9\\\xa3!\x13\xff\xf0n\xc1\x8b\x17/\n\n\nBJ\rjB\x13J\xbd\xbe\x98@z\x19\xc9i\x8a\x1aQ"\xa9T?[\xedVC\xc0h\xc0\xca\x19[\xbb\xdc;O\xee\xb6\xd7\xcak!P0\xaa\x94\xa1\x10\xc2\xfa\xd3PA\xfe\x03%\xea\xc7b\xb9\r\r\x0b\xbd\xd3J\x86\xab\xa9FTFeK\xbd\xdd\xa5^}6\xb5J\x8bZ;\xe7{{\xc9d}mm\xed\xc8\xc8\x08\xc2*\r\r\r\r\xfc}`hh(D\x0e/p\x17MU\xc2I\x8eSO\x13p\x89D\n\x94\xad\xb9\xa9g\xcf\xb6\xdf\xafn\xd2\x80u\'\xbe\x87\xb0\x06k\x8b\x06\xeb\xc1\xc8\xfa\xf6d21&gt;\xf0\x97\x81\xf1\xa1\xa1\xfeP\x11\x1a\x14@\xa5\xa4\xb0\x8c\xf3=\xcd.WS9\x94H,\xb6/\xcd-\xcfm/\xafLm\\\xff\xb6\x19\x93m^\xec\xed}J$\x8a\x8aJ\x07\xdb[\x8f`\xae\x1e\x1f]\x9e\\\x9e\'\x13\x83\x89A \xb5\xc9I\xb1F\t\xe7\xa3*\xa3\xb1\x0eAyE^\xaf\x17\xd6\x9e\xae\x15\xdf\xca\xf2\xda\xda\xdc\x87\xeb\xc7b\xc96..\xf6&gt;\xf5\'\x12\x89\xfe\xe4\xd1q,\x15[\xb2@\xdb\xdbc\xb1\xe3\xb3\xb3\xd1\xd1\xd1\xf6v\x9b^\x0f\xc3\x1e\xb4\x82\x9d\xb3\xcb+\xae\xe4\xc3\t-\x18\x94\x9a\xf9K\xdb&gt;\xdf\x9a\xcfO\x0b\x16&amp;\xdb\xd8\x03\xac\xf1D\x7f\xff\xf8Q\xd8\x1b\xb6\xdb\xbb;p)\xac\xc0|{\xef\xb1\xaa\xa4u\xb4\x9d\xd0\x13P\xad%\xaa\xbe\xe6\xb0\x98\'\xbc\xda\xc7\xc3\xd6_=\xb7\xe6\xf7\xaf\xed\xf8\x97#\x18]j\x8d\xf7\xf7\x0f\x9c\xc4z\xeb\xfa\x8eS\xb1po\xb9\x82\xcf\x91\x88\xc3\xa9:U\xc9\x93Q\x82\x803\x86\x15\xa8zE\x95f\xf2@F\xbd\xear\xe3S\x80\xe5\xdf\xdf\xf1}\xa6aw*\xfbH\xaa5&gt;~q\xd0\xd7:8\x98H$Gw\xcfT\xc7.Wss\x1d`\x11\x88\n\x06\xd6|O\x9dW\x82\xce\x89p\xe2\x96J\xa5\xe8i\xee^\xd9\xf1\xfb\xe3;kt\x9c1d\x1f\xa0\x13A\xad\xf1\x8b\xe4 T2\xb9{\xf4*\x15./w\xf5\xf4\x18UU\x8f X\x04Q\xe20\x06\\5\\\x9etbB*\x11\xf5\xa6\xe04\x9b\xc7\x93J\xcdS\xa0\xd5f\xdcO\xc7\x89\x0c\xfb|Aa}\x19/\xaa\xad\xaf\xdf\xedK\x85-|\xd0\xa3\xa1\x0c\x0eh\x84\xbeS\xae\x91\xeb\x9d\x8ey\x8f\xa1mxbbb\xb8M\x14\x86\xb6\x00\x9b%&lt;s\xc7\x94?\x1e\xdf\x8c\xef\x8f\xd1q\xf4\x01\xacs\xc0\x1a\xf8\xd2_;\xd2\xaej\x0eW\x06\x05L\x86V*m3\x04\x1c\x84\xad\xfaaAHnr\xccT\x00\x95V;!\x8e-\xa9;p\x1e\x8f\x93\'\xe1q,k\x9b;;\x9b\xfb\xf4`-\xee\x9d\x9f\x7f\x82\xc4\x0f$j\xdbU\x151\x0e\xae;M3\xb4\x16~\x9b\xc1c|\xa2y\xf8\xf8\xf7\x8f5\xa6\xc6\xe9\xb2\x86\t\xad{\xc2\x1b[\xc2\xd9\xe8\r\xa1[\xc8\x1b\xe6\xa9\xd76\xe2\xf1\xfdx\xfc\xba\x87&lt;z\xed\x8f-\x9e#\xac\xc4@\x7f\xd1\x88s\xa6|\xd8\xbe\x9c\xce\xe8\x98\xda\xaepYM@\xa5\xaf^\x7f\xfc\xc7\xc7\x9a\x97\xf3\x15m@\xa5\x15y+\xb7OO\xd1;p\xa4\'\xa7\xdb\xb7\x01r\xc57\xae\x19\x0b\x93\xc9d,\xc0:AX\xe3\x89\xa2\x11\xc2XQs\x10\xef\xd2j\xb5\x92\xa9\xd8\xdb\x7f\x19\xf5\x9d\xd5\xeb\xeb\xeb\xcf\x8b\xad\x01\xc3\xf0\x84\xd0\xcd\xe3s\x96\xf7O3\xb9\x0cw\x10\x8e\xd4Bi\xc72\xe4\xdd\xef\xffx\xcd\'\x8c\xb1\x1f\x7f\xfe\xf2y\xec\xf3\xc9I\x12L\xec/-\xaa%\xac\xc6\xba\xbe\x13\xdfR\x1e7\x95j\x0e\x18\x1dz\x8d\xe6\xf9\xbf\x9f&gt;\x05\xac\xbf\xa2\xbc7Lx}\xfb\x19\xf4\x8a0\xe8v3\xddR\xfe\xb6?\xee\xf7\xad|\xc4\xae\xf5\x9f\xa0\xac\x7f\x12\xb6\xfc\xc1O\x9fvw\xcfa\x9a&amp;JK\xd16\xc6Yrtt\x90ry\xa6\x03F\xd8\x96j\x9eB=\xefDXR\xe9pC\x9b\xe1\xf8r\x19\xda\x147\x07\xc1R!\xde\xb5\xe2\xf7\xfb\xe660\xd9\xc2\xe2\xd8u-@\xd8\x7f\xe4\xff\xe8|\xfc\xd3sM\xfbnr\x1cQ=P&gt;@{\xf8\xd1\xd6\xaa\x9e\x99\x19ccIk=E\xb5\xaey\x19(k\x18\x1e\x1en\xab\xf1\xf4\xf5\xc5\xbc\xe2&lt;\tGj\x16\n\x85&lt;\xcb\xfb\xb55\xdf\xf6\xfe\xe2&gt;l$\xae\xeb\xed\x1b\xf6\xe3/\xbf\xac\xff\xed\xbf\xb4\x9a\xcfO\x9ak\x16\xc7\x9b\x99\raA 1yy_0\x03\t\xa0\xfc\xd0B\xa5\xe1G\x18\xc0N\xb0\xa0\xa5\x8aJ/\xc6X\xd1\x14\x91\x88H\x02j\xb1\x1147xIL\xa3^Lj\t\x9a\xab\xa4\x0b\\\xa8\x0b\x94L\x17M\xbb\x99\xc9\xac\x8c\x8d\x89\x1b\xe3J\xdd\xddD\xd3h\xe2n\xbe\xcfKg\xfe\x82\x97\xa3q\xe1\xea\x93\xef9\xcfy\xbe\xe7y\x8f\xcb\x95V\xfc\x01,c\x83Q\xeep\xc0\x9a\x8a\x8c\xeaA{\xc7\x00~\xecj\x0257Wr\xac\xe6\x80\xe5\xf5\xaad\xa1\xde\xae!\xab)\xe0\x9di\x92H$M\x92\xbe,\xb0\x92\xc1\xa4ml\xcc\x94=\xe6$\x91&lt;a\xfe\xee\xb2Z\xf5\xbb"F\x18,`5\xe8\xc8l!\x977`\x1a\x1b$\xae\xa1\x8de\x9ac\x93h\xf2"\x02\xa6\xf1\xae\\.\xd7K\x1e!(\x15\xc2\x16\xdc\xda\to?n\xa4d\x95\x8a3\xcc\xc9\x81\xe45\xc7\x1e\xaa\x08\x97\xcb\xf8\x07)x\x16K\xa3Ic\xca7NM\r\xf6\xa8\xe5i\xcd\x1c\x98\xe6P\xf2\'?\xb1hO\xef(\xe2-\x8c\xb3V\xa9\xb4\xd9l\xeeB8\xec\x16\x8b)\xfa\xe0\xea\xea\x037W\xe3\x8d\xe1\xd2\x02,\xbf\xdf\x08\xb1\x80\xa5\xd3a\xe4\xf1\x1b\xfc\xe4\xf9ajJ\x971\x18\xd2@\xc2/9\x89&amp;\x15\x8b\xe5\x0cu\x01+\xd7;\xe4\x93\x81\xabO\xef\xde\x07\x96D\xac\x0c\x00\xab\xfc\x85\x93Fq3w\x99(UK\x1a\x82\x15g\xa0\x16\xa8\x80%e2\x1f\x15\xc6\x8c\xc1\x12\x03\x16\x89\xc9\x87\xd6\xd5\xf7N\x15\xcb\xe5\xb1\x86\x80\xd5\xd5\xdb\x0b?\xaf\x05\xd6z6\xbc\xb3.\xa1d\x07\xc0\xba\xe5\xa4\xdb\xf3n./-\xa5\x92K#7\xe2\xe2\x89\xf3\x1bD\x02\xbf\xdf\x80\x90\x92\xe7\x1aC,f\x89\xa4KliA\xad\x9c\x87&amp;\\\x01\xa7\xb5\xbcD\xaak\xc8ge\xb1\x82\x87\xe1\xe9\xa0\xa4OY\xa9T\xae\xae\xfe\xc3\xc9\xddH\xb0\xaa\x96\xd2\xc9\xb0q!\x9f\x8f3\x02\x81\xcb\xe5\xb2X,\xe0\xcaH\r\xc02\x18\xfc,\xd6C\xeb\xb3\xd5\x9c\x95\x06\x95\xcak\xb2\x96\xd1\xd1\xde\xf6.\x85\x08W\x9f;\xb9\xcfb\x05L\xa6\xca\xd5\xed\x9f\xdc`\x95p\x10\x8bsww\xba\xe8&amp;\xb0\xa4\x11@%\x0c\xc02\xc4\x01\x85\xb0\xf8I\xdbzx\x98\x1c~\xd6\x1d2\xa1W5\xb1r\x95\x97\x96\xc8C\xb8U\xab\xd5\xaeg\xf7\xc3G\xc9F\x95J+\x03\xd67.\xb0x\xf3\xb1\xcb\xaa\xe5G\xf5\x81`m\xc6\xa5\xc0\xaa\x89\x85\x88\xc5\t\x96A3\xdc\xda:9W-\xa6[\xfb\xdf\xca \x17\xdc\x96\xc9i\xb5Z\x97\xc8\xf3&lt;9\x8b\xee\xec\xfe\xce\xdea#\x1a\xad\xd6\xc3\x15\x96\xf0\xfc\xb2Z\xfcQ\x9d\x9cd\xa2\xf9\xf3(#%9L\xd4\xb0 W\x11\x15\xefh=\x9b,U\x8b\xe71\xf5\xcb\x1c\xe6BU\xd3"\xb0n\xad\x1e\xc2e\xf5hij\xec\xb0p\xb4{\x18888\xa8\x98o9J"\xb2X\xfd\x91\xa8^V\xe3\xc0\xca3\x11\xa8\xe5\xfa\x89\x85$\x16c\xe9\xb4c\x18T\xfeX\xcc\xd8\x83\x0eA\xd1J\xd5\xa2\xd7dr:\x91\xc8\x10\xfb\xae\x0b\xac\xad\x8d\xdde-\xb0\x02\xe6\xdb2G\xc3us\xde\x95\xa8\x96J\x96\xf8B\xfe|3.\x88\xd4\xd4J\xff\xa4\x92\xceip\x1d\x964\x1ay\x9b\xfdU\xb7/\x80\xaeE\xcf\x10\xb9H\x1a\xcbe\x8f\xd3DQ}\xd9\xad\xbd\xdd\xc2z\x85`\x95\x87\x8e9\xa1\xe2\xf1\xbe\'J\x97,\x16).\x82\x95\xb0\xc4,5*\x885\x87n\xfalt\xbc\xa5\xe7\xd9\x93\xf6!\xba\xa9\x89\xa6\x03\xe2\xc5\x19\x9a\xc5\xb2\xb2bQ}I\x18\xc1\x82\xde\x07\xb9\xc6\xca\xdf\xb8\x9a4n&gt;\xe3\x9c]\xfaW\xa2\xa4\xb8\x04\xd2\x88\xc5\xe2B\x17M\xe0\x07\xf5\x9eF\x12_\x95g\x16\x9d\xfd/s&gt;\xd3\xdf\xfe\xf2\xd7\xa7t\xc0\xfbt\x91-z\x8f\xc7#\x83X\x94&gt;\t\xdb\xbcl\x1b\xbf\x02\xd6\xf84Wn\xb0\xf9|\xae\xf5\xeen2\xb2\xb0@\xb0 \xd7\n\xb0,\x96\x18\xb8\x8a$\x99\xea\x93\xdb\x8b\xd5\x8c\xae?\xe4\xf4\xc2\xf6-:M3O\x17gLN\x8f\x87\xbc\xea\xe2\xb2\xa6\xf4\xd9\xa3\xdd\x8d\xac\xcdJ\xb0&gt;|\xe5\xcc\n~\xff\xec\xd2&lt;[\xcd\x90,\xe6\x19\x81?\xc2\x96=\xbaW\x02\xe7\xd0\x900dN\xae\xef&amp;\r\x19{\xf7R`\x06e\xe5\t\x90\x89\x8c\xc5rjM\x14yw\xdb\xc7&lt;\x16\xec\xabT\x0e\x02c\xdf8\x1bby7\x9f\x7f+\xba&amp;\xe5\xf1\t\xf4y\xb4y\xbf(\xedb\xdb\x04\xc1J$,\xe9\xb6\xd5\xd6\xc9\xcc\x84\xce&gt;\xd0\xc5\xda\xc0\xc5\xa7\xa4\xb6H\x0e!\x96J\xdc\xd8\xb7^\xd8\xd8\x9bv+QZ\xf4\x87#\xee\x06\x8d\xf9\xfc\xcao\t\x97h\x82\xc5\x92\x8bD\x1a\x82eq\x01\x8b\xfc\xa2\xbcJibs\xde\xbck1C/\x98f\xda\xe4\t\xe1\xde!\xc7\x10X\xfa\xe0\xd6\xd1^x$p\x10\x90\x8d\xed\x7f\xe5\x0e\x8b\x97*\x16\x13.?3\x11\x05\x16q\xa6~?\xb9\x82,\xf8/\xc4\xc2\xa1\xf4g\x14\x8a\xa97\x03\xffl\xf1\xd1@"\xe9\xf3\r\r\x85\x88\xdbR56\xda\xd6\x93\xe1\xe9\xbd\xe5F\xafW\xf9\xed\xd7O\xc7\xdcQ=\xfa\xfe\xe3G1a\x91\xd6\xb0\x1c\x1a\xc2\xc5f\x11Xl\x0f\x83\xf1\x9az\xf3\xfc\xf9\xf3\'CZZ+3[}&gt;\xdfRo\x08f\x8bR5\xdaF\x82\x87[;{\xdb\x12\x89\xaa\xaf\xf0\xeb\x9f\xf3\x1c\x8ee\xf3\xc0*\x16W\x16\xf2\xd1(#\x877\x15\x89\xfcl\xafg\x03T\xb3\xb3\x9d\xb3\xef\xc8\xb7\xeaQ\x0fM\xcb\xcc&gt;\x12C!\xab\x0cb\xbd\x1e\xd1\'\x97\xb7\xa67F\xc4\x12o\xdf\xfa\'.\x87E\x9e\x90\x95\x8b\xc1A\x8c\xf2\xe5r\x07\xdc\xa9\x9f-y\x80\xad\x18D\xba\x17\x9d:\x9d\xae\x87|\x86zo\xa5iZ\xeb\xf1\x85\x08\x98\x99|\xf1\x19\xd1\xbb\x81u4\xfd\x18\x06B9\xb6\xcf\xe5\xab\r\x0f\\\xe7\xf9\xf3T\xea&lt;\x1f\xc5-C\xe4\xfa\x9fZ++\xcc\x94N\xad\xd3d\xc0\xf5\xeae\xf7\xfb\x90SK\x93&lt;\xfaP\xf0\xec3\xb3\xde\xbd\x9d\xccnm\x84\x9b\xc4\x14\xa55\xefp\xfd\xedN\xd8,\x14\x1e\xa76\x81E&amp;\x0cMM.K\x84\x99P\xbc\xd0\x193h\x0egg\xab\xddo\xcbN\xa7\x8c\xc6m\xad5\x13\xbbLS\xb6\x11\xf7\xfav2X\xd8\r\xdb(\x9br\xec_\x9c\xbfS\x92A\xfd8u\x1e\x15i\xc84\x86\x9a\xf7\xe3\x12\x8a0\x1f\xa7\x14\x9d\xc6L\x07\xbb8r]vV\x02\x15\x93\t\xa7Q)\xf3h\xb5\xec\xa7\x02\xb7;\x18\x0cn}\xfd}w+\xfb\xa9\xf0\xa5.\x9b\\\xdfS\xa9\x1a\x16\xa9y\xbf\xcb``p\x04\x15\xc6\xa9\xfe\xdc5\x1b\xceJ%@,D\x80\xe4QI&gt;%\xda\xdcn\xf7v0\x19\xfe\xd2,\x9c_[\x9b\x17&gt;\xaaG\xdc\x9c\x13,p\x81*\x12I\xcb\xa5\xa41(^\xb4\x97\xcb\xc4"_\x941Ax\xd1\xe6\xbd*\x15\xc1\xa2(\x1cC\xf7\xba{{{\xff\xe8\xb8\xb6\x1b^\x9f\xed\x9f\xb5T*\xcfhD\xa4\xb2`\x9e\xd3\x1a\x01\xa3\x18\xfc\xe5\xef9\xf8\xa8\x03\xed\x87\x0ff\x13\xc6{\xdc\x86\xa4\xcf\xd3\xb21\xed\xff\xb1\x92\xcb{k\xf5\\wkN\xa56\xa5\xa24\xc9`D*\x15\x88\xf8\xcc\xd4\xf3^g\xe5\xf6\xe2\xfa\xe2\xe2\xe2\xd3\xb8y\xbc|{\x05\xc1p\'Rf\x9f\x0cT6\xfdzp{;[\xd8\x9d\xaf#\x16O\x88\x16\x11\xe7\x83\x8bu\x11\x11\x11\xdf8\xd8\x82\xe4\x9d\x9c\x9c\xad\xde\xdf\x83\xec\xfe\x1e|e\'\x1c\x84\xd2&lt;d\xa6\xd0\xe0\x81\x15\xdc&gt;Di\xd5Q\xacGB\xd4\xfc)\xc3G7\x8dD\x04\x91\x88\x94Q\xd8\x07\xec=g\x88\x9e\xb3\x93\xfb\xfb\xfb\x13\xfc!X^/=6\xceb\x91c\x18\xdc\x9f&gt;\xae\xeb\xca\xa2\xf0\x06Y\x9ch@i\xb1X\x11\xa6S\xddF&gt;\x0c\x0f\xf7\x10.\x88vvB\x9a\x84W\xe2\xa5\x94f3\x9a\x96\xde\x1dL\x06\x93\x85\x8d\xb5\xfanx\xaem\xa66\x17\xf85,iD\xc0\xd7\xa1\xb3\x02K=L\x14\x03\xd7\xc9\xf5\x85\xb5\x12\xf0\xa2\xe4i\x19j\xab\x86u\x18\xfeZ\xd7\x1cb\x94\xdd\xc4Y\x8c\x8b\x04i\x01\n^ \xe0\xf3\xdb\xd8\xcf\xe8=\xf6\x8e\x81\x81\xee\xeb\xeb\xdcE\x99&lt;\xb6y%*%BE\xb0\x92\xc9\xe0\xf2\xce\xb1\xb0\xaeX\x8f\xe67!W\x94\x11\x89\xd8o\xe7"\x11\xbf\xa6VO\xc7\x93\xf6Q\xb2\xf8\x00\xdf\x17P\x05\x02\xec\x12\x0b\xfc\x1f\xdaC2\x8b\x0b\xb1\xce9\xc4\xb0q\x9a\xda&lt;\xc5a\x04\x11B\xc4\xc7\xa5\xadq8\xd4\xf6\x81\xf6^\xabL\x06\xef 3\x99\xb4\xb8\x0cib\x96\x81\xe5Nb\xce\xdf\xad\xf7\xf2ps*z\xbaI\xb8\xd8h\xe0\xffTK=\xf8K\xf7h\xefR(\x94#Om\xe3\xc4\x95Rb\x89\xf85.\xc4\xe4aa\xfaK\x9ds\x88\xc6\xb5\xb0\x00\xae\xa8\xb1\xa1\x81\xdf\xc0\x86\xc3A\xf6l\xec\x03\xdd\xa3os\xefs\xef\xdb\xd95O`\x89%\x92\xc7\xaf\xddn}r?\xbcq\\\xef\x15pa\nc\xc6)\xe4\x02\x90N7\xdbY\xe3jS\xdb;\xfa\xfb\xfb\xd9e\xa4\x96\x96\xf6\xae\x90\x8cVI$\xff\x80Zz}\xb60\xbd\xf1{\xdd\x17\xc0S\x13F\xe3Gp}T(:;\x15\x90\xccA\xde\xe8\xdb\xc8\xfa\x83\xbd\xa3\x83\xe5j\x1f\x1d\x92Q\x04\xab\x11X\xee\xc3\xf0\xd1\xde\xfc\xa3\xfa\xabe4*\xfe\xf8\xf7\xe9\x02\xb0f;\xf9\x0c_\xce\xeeK9t:\x1c\xc7\xda\xbe\xc8(Q\x0b9\x94\xc0\xc5\xeb\x83\x85\xe9\xe9\xbd\xe6zc\xf1R\x13\x0c&lt;\x16\xb8&gt;N\xcd\xbe\xe8D\xcd\xe3,j\xa4\x1aM\xc6\xa8S\x13\xacn\xb2\x02\xe1\x03\x96X\xfc\x98\xd8\x07\x88\x15\xde\x15\xd6]\xad\xefq\x86\xe17\xcc\xbe\xfb//g\x17\xd2f\x9a\xc5\xf1f\xb0\x9a/4\xc6\x04\x9dh0j\xfch5D\xd2N\x08lb\x91\x84\xa6&amp;Y\xa6Z\x86P3\xba\x1a\xb2Q\xb3\x05\xab\xa4\x84!\x96\xd9\xd5\xb8\x8e\x11\x14\xbb\xa6\xb6v\xc7\x8fR\xd3b\xcdH\x1dZ\xb6\nV[m\xb7\x14\x99e\xa5^\x08E\xe8\x8d\xeb\x94U\xf0\xa6e\xae\xf6\x7f\x9e7\xe9\xcc0\xbb\xcb\xec\xaczLB.\xbc\xf8\xf1?\xff\xe7&lt;\xe7&lt;y\xdf\xf7\xd9\xef\xc7\x1d.\x1b\xb80c\x7f\x82\xd2\xfa\xf9\xe7e\xf0\xfdy\xdd\xc7n\xf7\x17\xbf\xad*%,\x94\x87\t\xff\xc8\xcd\xa6\xd1\xc5\x03\xbfq\x8b\xb0R\xa9\xcbz\xf8\xea\xd9u\x87\xcbe;\x99\x8a\xc8\xc9\xc9Q@\xad\n\xba^\xc4m\xb7W\x97\x96f\x92X\x13\r\xdd}M\xa3}\xa3\x0b\x07\x8e\xc5\'\xb5R\x15\n[p\xfd\xf9\xf8\xf5\xf1\xa0\xa3\xf5\xa4\x90\x8e\xc4\x91\xd8c.Pi|n{]Ua\xa62\x8bF\xfcn\xba\x88\xa5{4|8jA/\xa1\xcd\xb3\xb2\xb2&gt;&gt;&gt;\xee\x00\x98\xda&amp;S\xb7\x06O;u\x1fWV\xfa\xe0\xacRTx\x14-\xa2\xf2OL\xf8G\xbf9\x14\xb5R\x1599B\x99\xc3\xb9\xb2\xb2\xb4\xfe\xf0\xa1\x0b\x1es8\\A\x8fS\xa7q\xbb}&gt;w\x9d\xa103\xdbl\xae/\xef\xee\xbb\x7f\xa6\xb1\xb1\xbc\xa1\xe9\n\xffP,O\x17\x0c\x0b\xd5\xe0\x8a,\xad\x03\x0c\x11t:\xad&amp;\x8d\xaf\xc6\x8e\x14\x1a`,s\xb1\xb6\xbca\xc6_\xaf\xc5jl\xb8y\x18X\x17\x14\x10\x8b\xb8l\x0e\xa7)\x12YY\x07\x99u]\xb7\xa2\x89\xf8\xec\x88\xe6.\x951\xcb\xdca\xd6\x9e\xe9\x9e\xd0\x9a\xcdZ%\xb0\x06\x0f\x05K\x98\xca\xb8d\xea\x80\xc7\xaa\xf1---\xad,E"\x91\xa7v;6\xe9f\xaf\xd7\xa8\xcc\x06V\xe3D\xa3\x99BY?\xf4\xe0P\xb0N\xa6\x03\xab\x85J\x02q\x99|\x93\xc3\x93\x93\xc3\xc3\x93\xc3]]]^\x83\xf7\xdc9#\x8ce\xaeo\xd4vP\x98\xe1\xfc\x07\x07\xbe\xf7\x1c)\xf9\xfb\x05!:\xc0\xd4\x96\x1cT\xaf\x93\xc8\xa3S\x17\x99\xec\x1a\xc2\x96\\~\xae\x1cHF\xa5\x92R\xa7\xd5\x9a;:r\xe9f\x1bm\xbd\xff\xda\x81c\xf1\xd1oQ\x0b\x98NiL\x15\xca\xd4\x0e\xac@\x93\xbd\xd9k4\xd6+\x95\xf5\x8c\xc9LL\xb9\x04\xf5\x11\x87\xf5\xd5\xe1`\t\xb1\xe1\xb4\xd0\xf4\x8a\xe5hs\xb8P\x19"\x00\xa3\x9f\xf1\x91&gt;&amp;\xd2\xafH\xa8\x8f\x10\xb9fmc\xf7\x81c\xf1%\x97?\xbb(cYD\x12s\xb0i\x13W\xd0i\xd5\x00\x8c\nCvq1\xf10$\xa2\x8ac\x1d\xa4\xe5%\xd2\xc1\xc1\xcb\x971%\xca\xd2\x19\x17\x92\x98\x8e&amp;GM\xa5\xd4\xaa\xd3\xf8\xec\xcd\xaaB\xfa-1\xc1DT\x845\x03\xac\x83\xe3\x92\x0c\x86\xa7\x1eM-\xfcC\xad\x16\x12\x16\xa80\x91\xc1]t\xb9\'\x12i5E\xec\xd5*t\xf0L\xaf\xdc8\x15V\xe2\xb9\x99\xaf\x16\xf6\xefR\x91\x9fP\xe9{\x17o\xf65]z\xa6.\x13*8\xb1\xc0%\x14B.\x80\x05=\x0f\xad+\xbe:\x03\xf4\xca.\xce\xe5\xdc\xce\x16\xa2YY&gt;\xf3\xe0\xd2\xa3\xa9\xb0\xf4@\xce\x90$RK\xf8Z_w\xdf?\xaf\xab\xcb\xf2`\xae\x96\x1c&amp;W\xba\xf0\xa4\x0c\xcds\xab\x0bX\xa6\x08\x8d\x16h\xe2\x8b\x8bs\xe3P\xc5\x1c\xd6\xcd\xa6\x9b\x97\xa6\x06\x0f@0\xbeT\x7fe\xa1\xa9\xdb\xdf\xfd\x9c\xb0\xe8(\x90&lt;\x8flb\x02\x82\xed[\xe3Yl\x86\\\x99\x9c^\x7f(f\xc1\xb0FGF\x9b\x9a\xa2W\xf6\x9d\x8b_"B\x0eG\xfc\xfeuG\xab\x1a\x96?~\x9c\xad\xc5tE:Meju\x80aa\xabn\xe6\xd2\x88@+\xff\xebl|\x02\xab\xe9\xfe\xfd&gt;\x80=\xdaw.P\xe9C\x8b}\xfe\x15\xb40\xc0B\x16\xd3?\xa1\xd5H\x13,Q\x05\xa8H\xe8 W]\xb3\x81\xe6V\xba\x872+\xab\x88\xee\xa5\xaco\xf4\xcf\x0c\x957\xdc\xef{rkzp\x7fW\xa4D$\x12\x01k\xe6\xe9\xd9c6\x8c\x15y2\xf63\x06Y\x9e*\xaa\xda\xa6fK\x11X&gt;;\xe7\xfa\xec\xac\xa2\xcc\xc2L\xaa\xaf\x18\x15\x87\xba\xcb\x95J\xe2\xea\x9c\xddW\x7f\xf1\xa5\xc0\x12Y\x16f\xdc\xbf9Q\x06,Y^\x9e0N\x95\xaaH\'\xcb\xb3\x12\xa13\xa1\xa8\xd6\xa0\xdc\x83\xa6\xa8\xb0\xb4\xb4\xf0C4\xf4\x18\x15\x87\xfc\x8dY\xb9\x8d~\xc8\xd59k\x91\xec\xafX"\x91&lt;&lt;\xf2\xc5\x89S\xa7\x8e!\x89\xb28\x16\xa0\xe8\x80$Q\xea)\x8b5TS\xe9*\x0c\x15\xb8\x8a8\xac\x86\xfa\xac\\s\x03\xb0nuN\xef\x9b\xbf\xf8\x12)\x87\xd5{\xe9\x8fg\xf3N\x1c\x93\x95\t\xf30\x86\xd1A\x12\xd5-v\x12A\\N+\x95\xfa\x1a\xda\x832\x0bU*\x83*\x81u\xa6\\\x99\x9d\xdb1\xc1\xb0:\xa3\xbd\xfbpx\xc3\xe7\xf3KJD\\\xe8CSu\xe7\x81UFg"B*Ydy \xc1\xf3e\x81\x00\xb5\x12h\xbe\xecu(\xf5\x1f\x96\x1a\xaa\rU\t,\xba\x13\x10X\xa0\x02Vg4&amp;\xfa?\xaf[\xe4\xf3%\xf2\x9d\x18\x88\xa4\xf8\x13\xe9\xe5\xe1\xa5\xca\x13\xa7N\xc8d\xec`\xeb8\xb4JgJ\xa9i)\x06\x1c\x1e\xb4\xf3\xb41\xc2\xf3\xa5U\xd5\xcd\xd5U*\x0e\xab\x1e\xdd*\nY\xc3\xadN\xa2\x02Z4\xba,\x92\xf0\x7fa2\xc1T\x12\xda\xdc\x9a_&amp;,\xc6EY\xac\xc8;\x85\x06\x82\x9dj\t\xd3Yg\xa3V\xcb\xc8\xf2L,.\x89\xaaR\x95\xa1\xb9\xae\xda@\xe7\x10\x18b\xd1\x85\x11\xd6\xdf:\xa3\x9d\x140\xfe\xde\xfc\xdb\xcde\xbd\xe4\x97h\x06\xaa\xd0\xf6\xeaX\xed|\x88\xb4b/\xbdeqXsLFG\x80\xf1P`\xeb\xa1\x85hc\xf3\x18Y\xfei\rpTUu55\\\x9fc\xce\xd6*\x95\x84\xd5\xf1dz:\n2\xca\xe4^&gt;\xef;\x90\xc1e\xff#\x18_\xa2\x8fm\x00\xaa6\x83\xb0X0\xd3\x8f\xd6T\xa8\x85\xc7Q\xdc\x8f\xe7\tY2\xd9\x8e\x88j\xea\xf1pb\xd1\x1d\x18*Cu\raQ\xa1\xc8\xd6fqX\xda\xce\xd9\xe9(\x82\x92\xf8\xa4\xe0h~r\xc6w\xf3\xafwB?\xff\xb12\xf4\x18\x1f\xcb\xce\xeby0!\xc6\x96\x19\x93\x94\x0c\xa6\xb7,L\x9a\xca\xd8an\xaa0\x8f\xa0\xc0\x06(\x07\x8c\x85\xadZ\x87\x91\x8c\x0e(\r\xd5uv\xe6|\x94Ul&gt;\x1c\xd6\x99\xd9\xd8l4\n\xc1:\xa3\xb3\xb3{)\x05IG\xc5\xc9\x19c\xab\x1bk\x16\xc9\xcf\xf8}\x8a\x96\x9e~y{k\x8c1\xf1\xf0\xde)\xe1\xb4\xa2\x0f\xf9\x95\x07\xf6\x00u\x0e\x18\xac\xb1\x1b\xe6\xc9\x18\x95\xcb\xe5\n\x06=\x1e\x86\xc5f2PQ\xb5\xc7\x10\x9bM94*\xb1\x12\xfbb\xc0\x9aF"\xa7gc\xbd\xd3\xef\n\xda\nRR\x8e\x8ay\x19\xf3[\xbb1\xfd\x7f\x7f\xe2\rd\x92\xe8\x977I\xa8\xda\x0c\x1e\x0f/\xbcwK\xb8\x0c\x12\x9c\xde\x12\x1e\xb1\xe6\xf4\xb4p\xad)\xd5,[\xe0\xac\xab\xc2\xe3\t\xc6\xad\xe5\xc3\x04K\xb7@\xd8\xa9\xc5!ka)\x1a\x8dh\r\xb5\xd1^\x0e\x8b\xa8z\xf7\xda\xdb\xdb\xda\n\n\nR\xf2\xf3\xc5\xbc\xda\xf9\xd7\x9b\xbd\xd2\xffh3@I\xc1\xb4JB1$\x1e\xc3\xda\xd2K\xdfs\xd1\xc6\xb8\xd4\xda3\xd0\x923\x801\x91\x9c\x8f\xde\x01T\x1e\xceZ\xd8||&gt;\xb7\x9d\xae\xec\xa4bOG\xcdp\x96\xd1h\xcc\xca\xf6\x879\xacYP\x856\xda)\xda@\x96\x94\x92\x92/\xe0\xb1d\xca\xff\xed\xca\xe4KD\xa4\x13K^\x02\x89eq,&amp;\xfd&gt;\x90\xc6k+\x17\x07X`\xdcG\xcb\x1c\x08T\x9cvZQ\xb2\x10&amp;\x8d&amp;\x12\xf1\xb9}&gt;x\x8c\x1a\xaf,F\x85\xe1Q\xa9|\x14\n\xc5(\x81D\xb5\xdb\xd6\xdf\xdf\xde\xde\xcfq\x15$\xe5\x8b\x91\xcb\xb1\xf9\xad\xed\xe5\x9f\xf8\x1f\x8eZ\xdbX\xfd\x11\x13\xc3\xca@:\xb7Y\xdd\xe2\xb2\xc8\x8a\xd7\xc3\x81\x1e\n\xc2\xa2,V\x9c\xb6\x9e\xb7\x9e\xd7!L\x1a\x80UF*5\x95tL\xc9\x8a)Q\x81k(l\xe1\xb0b\xbd\x96\xedw\xfd,\xda\x13\x99&lt;\x8au\xc9\xe3\x8dA\xb2\x1d\xf9\x8f\x14\x93\xe8\xd78C%\xa0\x12T\x04\xb6e\xd1\x8b\xe2T\xacx\x85\x9f\x8f\xf7\xfc\x99\xb8\x06\xe8\xb4\xd2v\x16X\x84db\x1f\xe0\xd2\x00\xceMj)\x8b\x8a2\x8d\xc0\xf2z\x8dM\x16\x0e\x8b\xb4jOP\xb5\xb51\xac$`\xe5\x8b\x93)1\xab[\x9b?(\x19%\xcb\x1bc\xb5\xef\x95\x12\x08\xf0\x12\xe0K\x1a\xc75\xbf,\xd7\xc7\xa9Dq\xae\xeb\x0c\x8b\xee\xf3\x16\xcaH-\x13\x85\x0e[5\t\x06&gt;\x8d\x9b\xda.ef\x9c\xca;\x14\x96\xcbC\xb1\x9d\xe9\xd8\xf2\xda\xdb\xfe\x97/\x7f\xa0U\x12\x82\xe4\x12\x83\x8b\xc7\xab\xad\x1d[\xdd]\xd3\xc7\x1f\xde\xb5\xbb\xca-=\x8e*Y HNf\x1f\x82\xb44\xe0e\xec\xc8\xc1\xc5A\xb14Z\x16\x9e\xffnnn\x8e\x91)\x14j\x97\x87L\xa5I\xc8\xa5\x03\x9e\xc9Ge\x0bTH\xa0\xb7\xab\xcb\xdb\xa4\x0fmn\xec\xedm\xbd\xdd{\xf72A\xc5\x94bXG\x99\\b\x01\xb33\xc0^\xaf\x89XW\x16/R\\I\xe0\x01\'\x19\xf0\xc9b\xfa_q\xb2@\xbc\xad\xa74J\x13\xee\xd2\xcbC\x8b\xafz\xc05w\x01\x82\xe5\x08m\x1e\x9d\xa6\xb2\x92\xc3"\xc5\xacN\x8fUSc(-4\x16\x92R\xc0\xeaZ\xd8a@\x1f|\xf0\x92\xa8\xda\xff\xf2-\xe2\xcd\xdd\xa4$Z\x89(_\x8c+?\x1fb\x10C\xed\xd8\xfc.{\xbe\xcc{\xa5\xa0\x15\xc9Eh\xc4\x96\xcc"\x7f5\x14\x92\x8b\xe2\\"\xbd\x08\x9d\x8ee\xf1\xd5\x05\xc65\xd730\xa0\x0e&amp;\xb0\x90D\xab\xf3t\x10\x1d\xa1\xa6\xc6\xabBx\xbd\x06@u\x8d\xae=a2\x01\tR\xb5\x7f{\xf5\xce\x9d;7n&lt;\xbew\xef\xf1\xe3\xdb))Hb&gt;\xc3\x12\'\x8b9\xae\xda\xb1\xad\x9d\x92#G\xbewz\x9a\x80\xcb"\xdei\x02\x96D\xbcy\xaf\x97Crf{\xa0Yb\x9b\xbb\x1b\x9b\xb1\xf0\x97\x9f}\xf9\'"\x9b\xebQ\xb8t\x95&gt;\xb7\x86\xb2\xe7tz\\\x01[\xc0\x01,\x03\xa7Ss\xd7\xf0\xe8Tls\xeb\x1ds\x133\xd4m@=\xbe\xfd\xe6\xcd\xed\xab7&gt;\xfd\xf4\xce\xd5{w)\x98bw_\xbcx\xf1\xd7\xafi\xadaU\xf6\x1e\x89\x17O\x01a\xb1Hch\xf1/_\xbf\xb8wi\xcd\x02\xa5JJ\xe4k\x1b{\xef\xda\xfb\x93V\xd7 \xdb\xe0\x95o\x18\xdaE\x07\x1d\xe5V\x9a8*\x1b\xf6\xc9\xb2\xa0\x06;5\xa0\xfe\xd5v\xf9\x84\xb6m\x86a\xdc\x01}\x12\xea\x0c&gt;\x98\\\xcaNv\xaf\xb9\x15\xdfz3\x0c\x96\xdc\x07\x8a\x8e\x83\r_\x86s+\xb9\xec`(\xcee\xace\xea6w\xcb\x0e+2\x11\x19\x08\x9d6k%3!\xa8\x96B\x0f)C\xae\x0eA\xf1!\xb3\xad\xa40\x0c\x19qR\xf6\xbc\xdf\'\xf9O\xb7\x17\xd9\x96%\x1b\xfdx\xde\xe7}&gt;\xe9\xe9\xd3\xe7?\x1e4\xf7\x87\x9d:O)\x9a\xbcz\xdd\x82X#K*[\x86\xae\xb7\x0c\xa3\xdb\xc5w\xc3\xf6\x99e\xd2\x81\x96-;\xce\x8a\xb6\xbb{\x9e\xcb\x98\nb\xa31L\xa9\n\xce \x08\xfb\xaew}&gt;&lt;\xd99\xf8\xf9\xef\x7f\xeadU\xac\x17o\x0e!_\x05h\x0f\x7fx\xfd\xdd\'k\xb5Z\xed\x01&lt;\xb5\xbdq\xef\x0e\xe2\xff\xde\xa7k\xeb\x9f\x13\xd3\xf3\xef\xf7\x9a\xcd\xfd7+\x10\xa9&lt;/\xb3\xdbnC#\xbb\xa5\xb7}k\xdc&amp;\xc9\xc0\xe3\x93x\xad\xaeo\x9aF\xdb\xf6\xe0\xb0\x0c\x8b08WZ\xaa7\x08\xe20\xee\xf5\x83|^\x91\xba\xba\xde\x95\x18\xb7\x02\x935\xad3l\x80\x8b\xee\xa5\x1f\xbf\xf8\xeb\xa2\xb6^{\x00\xaa\xcd\x8f\xef|\x88\xf8\xbf\xbf\xb9\xb6\x0e\xa8\xa3\x8b\xbdF\xa3yr\xa6,Aa\xfa\xca\xa6oJ~Ko\x8d%\x92L7\xda\xe0!&gt;]\x87\xdd\xc8z\x03\xc4XN\xc8\xb3\xa2\n\xae\x14\xcd\x19\xb8\xb1k\'N\xd0\xeb\xb9\xe4\xfc\xa8\xdfs\xf3\xe4LF\x9bJ\ts\x08\xbd*x\xad6\xf7.\xbeY\xfbhcs\xe3&gt;\xa8\x10\xb3\xdbkGG\x7f|v\xd0l4\x1a\xc3\xebz}\x99\x89\x87\x82$\x99~\xd7W\x14\x130\x06\xbco\xb2\x11\xc4\x82V6\xfah\x98\x0829G\x1eZ\xa8\x82Zp\x1c\x15\x18\xa1%\x17d\x1bX4\x03~\xec&amp;\x08\x8e&lt;G\xc34#\xfb:X`+\xbc\x90e\xdf\xbe\xfcu\xe3\x8b\xbb_=z\xf6\xec\xd1\xdd\xed?_\xfe\xb2\xd3\xa86\xaa\xfbgy\x8e\xb1\x04\x84\x00\x15/\x85)\xd4\xca\x16\xd4QLP\x05\x16S\xd0\x14\xbd;\x02\x1f\xcbq\x91R&amp;\x0c\xa9\x17\xb9a\xecF\xbd^\x8c\xc32&gt;C\x07\xa8\x8eW\x80f\xa0\xca\x8b\x88A\x84`b\xae.+\x1f\xacRA\xb2\x83\xdf\x7f"\xac\xdf\x9e\xbc~\xf1\xaa\xb1\x8a\xe5\xa6z\xd9A,I\x0bU\xe6D\x94VibI\x96o\x1b\x10\x8b\xfb\xdf,\xb11i6jA\xb1Qnn)\xc7\x8b\x027\x0c\xdd~\xafo\xf7{\x13\x07\xb4\x03\xe09\x82Z\xe6j\xe5y\xce\xcab$\xb4\xdd\xab\x93\xd5\xac\xaa;\x07_&gt;y\xf8\xeaq\x95\x175\x90A\x10.V\n5\x13J\xb0\th\xcb2\xad\x01D\x1a\xb0\x12\xf5\xd4\xb6FmL\xa8\x01,d\xc5\n\x9f\xba8\xb4\x07\x9e\xd7\xd59V\xdf\x03\xa97\t\xa3\x02O0\x95k$\xc8\xf2|yR\xb9b\x98\xca9\xd8\xd7x\xab\xae\x12\x9cN&amp;\x90\x00\x00\x01\xdbIDAT\xd6\xc99A-\x89\xc5\x91\xe8\x90\x92\xeda\x070\x06\xb4\xeaS\x0b\x07-\xdd\x18\x8f\xc7d/\x13qZ(:I\x12N\xdc\xc8\xf7\x07\xb6\x1b\x87z\xbf\x1f\xc4\x02\xab\x88\x80#!\xe5\xffp\xf1\x95\x137q\xda\xf1)\x11\t\xae\n\xed\x91V\xc3kA\xb0L\x94J\xa4\xa4P\xbc\x93\xdcO\xb1k"Q-sl\x8e\x0c\x03M4\xc7\xb9"\x92 \xbc\x8d\xa2\xc4\x8b\xc2I\x18D\x89c\x0b\xacD&amp;\xa0ba\x8e\xc5\xd1\xe0/\xdaR.\xb5P\xd4\xce2\xc12\xac\xc33\x99)\xef\x19Ky\xaf\xa4lE\x84\xbf\x82\x01\x05=}-\x8fy\xfa\x8f\x8c\x9c;\x89\xdd \xd1\x8a\xd1\xe4\xd6M\x1c$;\xb0z\x81\xebF\x854T\xd5lVi\xa9\x9c\t&amp;\xa7d\xb2\xba\xa2\x1d_fX\x9c\xef\xe4X\xe1\x17Y&amp;\xcbxXv\x8e\x89*\xb1\xf4\xd7\x98M\xa9^\x1fc\x08|\xa3\x9ds#\xcfq\xbc$\xb9\x9d\xbe+\x16\x1d\x0f\x81\x15\x87A\x82\x90HI\xe6%\xd4\xca\xfa\xc8\xb1\x04Zq\xf7mu\x8eu\xdaa\x8bX\xdcI\xca\xa2\\L\xb0\xa5X|\x87\x9fg\xac\xbeU.\x95,f\xb6[92;\xb23\x98N\'\x0e\xda8!&amp;\x99\x1bz\x89k\xf6\t\x14q\xd73\x93\x0c\xcf|\xda\x155\x92c\r\xaf)ug\\i\xbf8\x16\x1dd\x0bJ)3xq\xac\xbc\x05\xac|\tXz\xce\x85\xd9\xed\xc8\x8bn\xa67\x93\x9b\xdb\x80\xfa\xa8\xa6\x93\xa7\xfeOq\xbd\xe6\x8a\xa5x\xaa\xd69%_U\xaao\x8b&lt;s\xb9"Yw\xa4\xd9\x859\xee\x82R3x\xba\xb9\x81X[\x12\xfe\xcdd/\xa0&amp;\x92\xb3\x93\x9b\xe9\xf4\xe6\x1d\x7f\x9aN\x17\xc5\xd4XbgQ\xb3\x0cL$\xbe\x10N-j\x88\x8aJ\xf5L\xcds5K\x0b\x97\x95\x16\xe6N\xbc/\xb4OH\xc6\x88K\xc1\x03\x11\xc3\x7f\x19n\xf3\xfe\x05\xf0\xb4\x8a\xd9`IW{\x00\x00\x00\x00IEND\xaeB`\x82'</t>
        </is>
      </c>
      <c r="M484" s="3" t="n">
        <v>45492.67862268518</v>
      </c>
    </row>
    <row r="485">
      <c r="A485" t="n">
        <v>1167069</v>
      </c>
      <c r="B485" t="n">
        <v>1999</v>
      </c>
      <c r="C485" t="inlineStr">
        <is>
          <t>Jhon Jhon</t>
        </is>
      </c>
      <c r="D485" t="inlineStr">
        <is>
          <t>Jhon Jhon</t>
        </is>
      </c>
      <c r="E485" t="inlineStr">
        <is>
          <t>PE</t>
        </is>
      </c>
      <c r="F485" t="inlineStr">
        <is>
          <t>ATA</t>
        </is>
      </c>
      <c r="G485" t="inlineStr">
        <is>
          <t>PE</t>
        </is>
      </c>
      <c r="H485" t="n">
        <v>178</v>
      </c>
      <c r="I485" t="n">
        <v>6</v>
      </c>
      <c r="J485" s="2" t="n">
        <v>37507</v>
      </c>
      <c r="K485" t="inlineStr">
        <is>
          <t>Right</t>
        </is>
      </c>
      <c r="L485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858f3c9-d7b5-4d0b-aed5-0f70a4c8dc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0e\xfb&amp;\x00\x00\x03\x00PLTE\xff\xff\xff\xd7\x84Z\x00?+\xee\xf0\xf3\x00W=\x01U;\x01&lt;)\xff\xfe\xfe\x00K5\x00N7\x00I2\x00R9\x00@.\x01D.\xf4\xf6\xf9\xd4\x81X\x008\'\xcdzT\xdc\x89_\x00E2\x00ZB\xc8vQ\xd8\x85_L&amp;\x15E+\x1f\x004$C\x1f\x10J \rE%\x16\xd0~W\xf1\xf3\xf6\xea\xec\xf0&lt;\x1d\x0f\xacaBS(\x15J2&amp;\x02O&lt;\x85E)Y,\x17\xd2{U\x8cF)6"\x1ak6\x1f\xa5Y8&amp;\x0f\x06\xc1mH\x91O2\xac\\;\xe1\x8a`\xcd~^P9-\xed\x9as\xc5qK\x1f\x0c\x06\xfa\xf8\xf8\x01^G~A%\xbeoM\xc9{Zr9 \xb3cAe1\x1b\xe0\x8efv&gt;(&lt;*"\x93I-XC9N-\x1e\xe7\x95m&gt;%\x19\xe6\x8fhV2#-\x12\x06\x02TAB1+^0\x1c\xbbkG\x99O0\xee\x9f}\xfc\xfc\xfc\xc4uO\x89J1\x00.\x1f5\x14\x065\x1b\x0e\xb4hE\xe7\x8baz; C\x19\t\xbdrU\xd1\x83c\xa2aA\xe1\x84[a,\x14Y:,Q"\x0eO&gt;6\x17\x07\x03\xafkO\xe3\xe8\xec\xd8\x8ak&lt;\x17\x08\xb6oS\xaefH/\x1e\x17\xb9eB\x95W8I7/\xb6iK`H;\xee\x95mo`Z\x9eP4b7$a=-\x85=(_MD/\x17\x0c\x9eY7\xae\x98\x8e\x89T=Y%\x10\xd7~V\xf2\x9ft1V/oWL\xc5\x88n\xceuO\xd0\x92yk1\x18k;\'iA/\xcb\x9c\x89|Q=\x88si\xb2\x92&lt;\xd9\xe2\xe6\xd4\xa4\x90\xce\xb7\xaf\xb8w]\xde\x95t\xf5\xa6|\xd8\xad\x9c\xb8\xa5\x9c\x93\x84~\xa1\x8d\x83}I/\xe5\xe2\xe3\xaapWpG5\xee\x91f}g\\\x1cF(\xdf\x7fV\xcc\xd6\xdc\xbf\xcc\xd3\x85\x89\x8a\x92]E\xda\xd9\xdd\xe7\x9ex\x82~}\xf7\xf3\xf3\xf3\xed\xec\xb9\xad\xaaeTM\xc7\xad\xa2\xbd\x97&lt;\x96\xa0\xa9\xc5\x91{\xe0\xb8\xa8\x00%\x19\x18];\xc4\x80e\x15aQ\x9chPv3\x1c-c&lt;\xdf\xa3\x85\xa4\x8e?\xb5\x80i\xe7\xdb\xd7\xdc\xc0\xb6Yj6tyy\x93}r\xcfjA\x92\x96\x99\xa7RF\'i\\\xc1y[\xa8\xaf\xb8E_2\x87]M\xc1hB\xef\xe6\xe2\x87\x93\x96ulj\xac\x9d\x9a\xac\x8a5\n\x02\x01\xeb\xc8\xbb\xa2\x833^~HKwFmo5J{v\x92\xb4\xb2\xb7\xc1\xc5\xd1\xcd\xcf\x8c\x9aW\xf0\xc5]\xec\xd3\xcb\xd9uJ\xf1\xccl\xb4\xa9X\xbf\xb5\xb6\xcd\xc3\xc3u\x8fR\xdd\xc8\xc0\x9f\xa2Z\xd7nc\xa0\x93\x90\x9c~r\xe3\xbeY\x8fk_\x17N1\xaa\xc0\xbd\xc8\xa0B\\\x8b\x85\x97\x86=\xdd\xd3\xd27vl\x17TF\xbc\xb5e\xe7\x8e\x81\xc4]S\x8a\x82=w\x80C]\x17\n\xca\xb7`\xb6\x8c|\xeb\x80Zq\x94\x91\xd0\xacNp!\x13\x8bw/Eca\xee\xb7\x99\xf8\xaf\x88\x01\x17\x102POs\xa1\x9e\x8c\xaa\xa2\r\x1c\x1b\xb7O;\xce\xc1j\x8e&lt;\xc1\x9d\x00\x00 \x00IDATx\xda\xcc\xd9\xdfO\x1a\xe9\x1a\x07\xf0\x9a^\xcc\xdd\x9a1\x19 \n\xa7\xc2D\xf0G\xc1\xc3\x84\x12A,:\x1c\x82\x11\x0c\x1aK\xaa\x98R\xeaQYDb\xa1*\x9e&amp;\xa8\x0bb\xa2mT\xfc\x11oVWE\x13\x9b4n\x1a\xbb9\xa6\x89\x89m4\xbdm\xb2\x17zc\xd3+\xaf\xfd\x13\xce\xf7}\xa1\xdbs\xdf\xc1\xee3\x04\xbd\xf3\x93\xef\xf3\xcc\xf3\x0ex\xeb\x96$\xc5\xa0\n?o\xfd]\n\x14\xc6\xfc\xd3\xf6m\xd4\xb6\xd9\xcb\xfc\x1dh\x04a\xbe\xb3y\x91\xbb\xfcuk\xeb\xbf[\x97\xb9\x8b\xcd\x95\xed\x1fM#\x7f\xfe\xdf\xe7\xefNw\x83\x91\xb6|E\x82\xbb#K\xb9M\xf3\x0f\x841\x8c\xf7\xf6\xa7w#\xa3Ap\x9aQ\xf97Tpw\xeb|\xc5\xfcc`\x04u\xb15\x1a\xa195\xffU5yYd\xe4\x8cD\xf6\x03T\xe6\x8b-\x91\x98\x9ayE\xc1S\xd3\\\x83\xca\xf3\x10\xd9\xd9\xca\x8d\x07\xc6\x987\x7f\xa5I\xf1&lt;\xafPPUM\xb3\xb3\xe6[\x11\xd8\xc8\xf9\xce\xcd\xba\x98\x7f\x9c\x8f\x901\x07\x89W\xb4\xf1\xcd5x\xd5@\xf53^\xb4\xc8om\x11q\xe9\xad\xf7\xe6`\x0cs\xe7\xdd\xa8 \xf0\x02\x1f\xe0\xc1"4^\xe1DQ\x1aD\x14V\x08\xec\xc6&amp;\x8c\xf1nn\x89\x82\x10\x00\x8b\xe7\x05\x97\xe0\xc2\x0f\xa7\x82\xeaj\xa8\xed\xaf\xc8\x9a\x9b#\xa3g\xdb\xcc\r\x8d\xd5\xa7\xd3\xa0\x10\x08\x04\xf8\x00\x12\xe3\xe3.W\xdc\x15p\xb9\x90\x9a\xc3\xe9,\x84V`\x11\x97xy#\x03\xc6x?\x8d\x88B&lt;\x10\x10\\x\x0b8\x02\x0eG:\xe0\x8a\xc5\x1d\x0e\x87KI\x0b\xb9\xd1!\xc3\x85e\x81\x01\xfbP|\x17QEEx`\x8a\xc7\xe3i\xbc\xb9\xd2q\xbc;\\.\x17h\x0e\xa5K\xa1tRS~Y\xb4\xb5\x89K+\xde\xa2\xab\xaeN\xa3\xd18\x1c\xe9t:\x1e/\xc0\xd2\xb1X\x1a\xcdtQY\xcc\xa1T:\x9cJ\xda\xccf\xe7\x8d\xe4\x85i?\x8d\xc6\xa3\x10\xa5\xd3kk\xc4\x15H\xc7\xd7\xf0[\xca\x9e\x8a\xa5b\xb1T\xca\x9d\x8a\xe5cS\xe0.\x80\x8c\xe4\x15\tf\x8b;_\xcc\xe6\xech\x14\xa0\xb5\xb5L&amp;\xb3F\x02\x03i\xb9\xd3`\xef\\\xb6/\xdba\xb3\xdb\xed\xb1\xda\xda\x18\xe6\x0c\x97\xd3\xd9\x8c9k\xe3\xdb\xe8\xdc\x17Qug)\xba\x96!Wf"3\x81\x1a\xc251^W_W74&gt;d0tVuV\x91\xb2\xd7\x82\xe6&amp;\x93F\xf6-X\x91\xe8\x99\x99)\xden\xbf\xdc%1e(\t\xa8\xa1^\xb5\xda\xa6\xb6\xf9l6[}=l\xe3\xed\x06\xd8:;\xab\x1a\xech*\xca\x15\xe0\xc9V\xe3#\x91\xdd\x0b/S\xac\xc1\xbaHF!\xda\xd8\xe8E\x85\xd4\xea\x90\x1a\x1eb"(\xe2\x1a\x7fj0\xb4\x90\xc0\x96\x1b\xec\xa9\x14`d\x85\x04\x04&gt;\xc2G\x82\xb3+E\x1a/f\xe5t4\x93\xd98\xe8#\x15B\xa9i\x11Y^\xf5\xf4i\xbb\xa1\x05i\xc1\xd5@\x06-\x16\x8f\x05\xa8K \xb7c\xa28m\xf4z\xcfv\x93\'D58HX\x84TWWO\xbahS\x17T\xed--\xd5\xd5\xd5\x94eoDZ.\xec\x7f\xec\xb7 \xc6&gt;\x98\xfc\xc4\x14g\x8f\x9e&amp;\x91\xd5\xea\xe0\xe00T\xea^\xc2"\x03U\xaf\xae\xa7\xaa\xba\xf6v\xeaj1\x18\xc0zho\xacu\xd3M&amp;\x04\xc4\xa8\xd0\xc6G\xc4l1NG\xe6\xa7K\xaazA\xb2\xea+4\x90\xd2\xea`"\x17I\x0b\xae\xf6\x16\xcajllrk\xb1(\\\xbc D\xa3\x11,\xaf\x91\xab"L\x17\xb32\x9b&lt;\x81\xaa\xc0\x82\xcb\x07\x12ZHC#i\xc1E`\xc8\xab\xea\x19X\xb5Mn\x8d\x86\xec\x08A\x10GE&lt;\xe1\x07\x8b\xb0$\x18\xefy\xf2\xe4\xe4\x00\xaa\xbe\xc1\xbe\xe1\xe1\x90o\x18\x97-\xa4\x0ea\xe2}![\x9eU\xf7\x14}\x04\xab\xfa\xd9\xb3\x87\xbf\xff\xd2\xa4\x95\xa3\x88K\xcc\xc7\xb5.\xfd\x19\xc4\xdc^:\xc9\x87E\xb2\xf2\r\x0f{,\x16\xcbp\xbe,\x00\xda\xf2\x89AV]\x8d\xb1o\x00\xeb\xd1\x7f\x1e\xcb\xe58\x1f\x15|0*bK\x04\xa3\xe7R\xb3\x18\xe6b\x1d\xaa\x02\x0b\x12\x8b\xa9\xc3j=\xee!e\xe9\xe9\xe9\xf0\x84m\xf5\x05\x1a\x99\xae\xeag\x05Vy9\x1et\x08+\xc2\x0bAqI\xf2\xa17\x9f\x9d\xe4Y\xc8\xaa\xcf\xe71q\x1ck4\x1a\xad\xa0Y\x8f\x8f9\xab\xc5\xa2\x0f\x87m6\xe0\x90X{\xfbWVE\x05\\\n^\x88\x8a&lt;\x1f\x0c\x06\xd7\xaf\xa4Nk\xe5\x08++\x9fVh\x18*\x96e\xfd(#q\xc1\xc7Y\xf4zO8\xec\x01\x8bLW\xf5\xc3\xffc)\x15\x82\x08VD\x0c&amp;\xcf\xa5=\x81p\xee|99 ;\xab\x87\x0c\xbcG\x0f\x97\xcc\xef\xef\xa70\xa8\xfc\xc6\x0e\x93\xfe=\xc9\x8b4\xf1k\x0f\xf3,\xc4%\x04\x838\x7fDq7!m\x17\x19s\xee\xcb\x97\x03\x92V\xcf \xeeB\xb0X#T\xfd\xfd~+\xed\xa4\x915\x99L\x05\xd6\xd3\xaf,\x9aV7\\\x8a\x08X\x11\xcc\xd6hV\xda\xe7\x1bf\'\x0b\xd6\xeaj_\x0fX6\xb5\x0f,\x95\x9f\xa6\x05\x93\x95S\xf9\x8d\x1cg"]\xcc7\xb1\xfaY\x03e\xc1\xd5\xdd]^\x89\xe1\x12\x84\x88 \x8c&amp;\xb3\x1f$ey\xdffiX8\x0e\x07}&gt;[~\xe2\xfdF\xff$XF\xd2D\xbf\x95\xf3\xe8\xd1F\x9b\x8d\xce\x16I\xeb[\x17\t+(D\x82\xbb\xeb\tIYx\x82O|^\x85\n\xac\xe1\xe1pX\xaf\xef\xe08:S~2WV\xa3\xcco5a\xe6=4-\x12W\xc3\xef\xf9\xe1".\xdc\x8a\x91HP\x14\xc5\xe4lvEZ\xd6\xc5\xe2\xf5*\x06~\x904\xd1\xe3\xf1X\x10\x97\xd5\xfa\x9aL\x15FK\xa5\xf2\xab\xd0D\xb40l#GP&gt;-\xd2D\xc4E\xd2R -\x0c|\xf2s\xe2\xad\xa4M4_\xec]\x1f\xbe\xc0v\xa0*\xbd^\xcfq\xa4wt\xda\x8d,\xabbU\xdc\x94\x9e41L\x0e\xa1\xf6o\xb7"X\x95\x98-&gt;(FG\x93\xeb\xd9\xc5+I7\xc4\xf6&lt;X\x878\xa5\x07q\xe4x\xe8~ (\xa3\x95%&amp;N\xa7\xd3\xb1S\xba)\xba#\xe8\x93Wa\x9f&gt;\xd2j\n,\x9c\xd6#\xebG\x89\xc5OR\xb2\x98\x9d\xf9\xbd\x99\xfdI\x84\x85\xa3\x06\x8bSo2\xb1V\xa3J\xa5\xd2\xa9t\xcfYV\xa7#\xdbujjJ\xff\x9e,\t\xfa\xecE\x02k\xfc\xe5\x91VNX\n\xcc{r\xf6(\x91;\xbf\x90\xf2!\x82Y\x01k\xe6\xfa\x90\xaa\x08\x8b\xc4UZ*\x93\x95\xc8JJ\x88\x89#\x81\x11\x16\xbd\x19\xf3\xdb\x0b\xc7uc\x93VCg\x0b{~\xfd(\xbb\x98\xcb]\x98\xa5\x9c\xad\xab\xbd\xf9\xbd\xb9\xfd\xd7\xaf\x8f{,\x1e\\znJ\'\xbbO\xea\x9f2\xd4\xf3\xe7:\x1d^S:\xd3{=\x8e\xc6\xf0{\xbd\x0f\xcb\xdeP\x8d\x0ffn\x8d\xbc\x9c|)!\xec\xce&amp;\x16s\xe7\xb9yiY\xf3\x7f\xcc\xff1\xb7?yL\xd2\x02\xcb4\xa5+\xbb\xff\xaf\x97/_\x12Z\x89\xacLF]:\x0e\xdd5!\xc9\x0eO}\xdd\x10&gt;5\xdakcZ9\xfd\xaeD\x1c\xc9."\xac\xdc\xfc\xb6\x94\xac\xb7\x84\xb5\xb7?\xf9\x9a\xb4\x11\x8f58\x11\xef\xbf\xfc\xed\xcd\x9b\xdf\x88\xac\xbf\xac\xac\x0c\xfd\xd4\xa9p\x02q,Z\xdaa\t\x8d\x0f\xe1sv\xca\r\x13y\x0e\xe4\xf9(\xc2B\xe5\xf6\xb6%]\xf2\xf3\xf3{\xaf\x16\xc0:\xc6#\x16TV\x7f\xff\xcb7\xf9z\x89\x93QV\xd6/\x93\xe9X\x84\xc5q\\GO\xa8wb9\x1ds9\x94\x95c\xad]\x0f*\x1d\x82\xc0\x8bGg\x8b\x8b\x97\tiY\x0cX\x0b\xf3\x0b3\x84\x05W\xdf*\x1eS\x0fWW\x0fIM\xe2\xbc\xf6\x97\xf5\x97\xaa\xa6X\xf4\xcf\xe4S\xf7N\xac\xb9\x14\x0fZ\xef\xde\xbbw\x17\xd5\xda\xdaZ\xc9ci\x1d\x9d]&amp;\xb2\x89E\x89\xd3\xda\xdb[x\xb50\x83\xa1\xc7\xd8\x1flLd2k\xf1\x00\xf9\x96+\x90\xcel\xf4\xf6Y\xd1C\x15\xcbb\xe2=\xbd\x9d\xcb1\xe5\xd8\xbd{O\x9e|\xfc\xf8\xf1\xc9\xbd\xb1\x07]\xadcN!9r\x04\xd4e\xe2L\xe2\xd9\xc2~X\x00krr\xf2\x05T\x13\x99\xb5\x80\x82~\xdf7\xf6@\x11[\x1e\x1afKU\xec\x14\xe7\t\xfblC\xcb)y%\x92\xca\xab\xeevUVvu=P$g\x97\xb2K\t\x04&amp;\x1d\x8b\xc1\xf5v\xe6z\x7fnafzz\xfa\xb0/\xd4\xdb\xbb1\xb1\xe6P:\xc7~\x1e\x1b\x1b\xabT\x82\x15\xeaP\xc1\xc5a\x91\x8ew\xda\xdd\xe5\xf9\x0e\xb6\x0eTh\xb4Z\xadF^Q\xae\x88R\xd6\xe5l\x16\x0bB\x92\xff!0\xde\xed\x1d3su}\xb8\x8f\xb4\xa6gf&amp;\xb1\xdc;\x06CC\x13\x98j\x97\xbc\xa2B\xe3N-O\xf4Zt\xa5\xa5l\x87\xad\xae\xbd\xaa\xa1IS^9\xd0\xd55\xd0]\xf1X\xae\xd1\x00\xa6\xa9\xa8P\x8a\xb3\xd9\xa5\xa5\xc5\xa5\x91\xd9=3c\xde\xd9\xf9\xee\xef,\x19\xf3\x9fs3\x0b\x1f\xae0\xdb\x0b\x0bs3so&amp;\xfd\xa5\xac\xc9b!\x9fa\x11Z\xa7\xdd\xde\xd0i\x18W\xebu%%\xac\xc96^\xfd\xb0\xe9q\xf7\x00T\xdd\x9a\xa6\xda\xdaG8\xa8\xe5Z\xad\xbcB)\xcc&amp;\xb2`%\xd7\x17\xcdwrK\xd9\xab\xefu1\x7fN\xf7\xfb\x8f\'\xafq\xe7\xcd\x11\xd6\x1cN\xe7\x0e\xbd\'4d\xd8\xd8\xc8\xa4\xdc\xdaG\xb5\rU\x86q\x9bIW"+5\xd9\xda\x1b\x9a*\xbaP\x03\xee\xe5\x8d\x83\x8d\x8c\xdd\xad\x19\xe8\xaa$\xc7\xb5c\x1d\xac\xc4\xd6\xee\xee\xe5\xe6\x96\x18O~\xfe\xce\xa7A\xc6\xbc\x10~/\x93Y{\xfa\x06_\xcc\xbd\x02k\xda\xc8\x99&lt;\xbd\x86\xce\xa1\x8d\x93Q\xde\xf9?Z\xcd7$\xcd\xbd\x8d\xe3\xf3\x95/%A\r5P\xe3V\x8f\x9a\xbb\xcb6,\xbbu\xa6\xdd\xc5\xb1\\\xe2\xba\xb5\xba\xcd\x1a:WG\x9dMY\xf3\x8e2k\x05\xdb\xd3\x9f5\x9e\x19\xbd\x18\x9d\xda\x82\x05\xe3H\xac`\x12\x83%\xcfa\xbe\xd7W#\xa2W\xe7\xc5\x82q\x82A\xf1\xc0\x19\xe7\xfa\xddv\x1ex^\x9b?\x0c_\xf8\xa2\x0f\xdf\xdf\xf5\xbb~\xdf\xebw]\x1dR\x7f\x92\xf0\xa8{\xb4\r\x0cn\xe6\xd7\x8c\xf6\x98\xfcn\xc8\x08\xde\xd9W\x9f\xe6\xdbk\xe1&lt;\xc8 s\x89\x15\x12Ym\xe2\xc3\xf3\x0f\x13\xcf\xdf\xb4\xb7\'\xeam/g\xe7\x9eU\x88\xb55sX\xa2p\x12o\xecg\xb1f\xa6[{\xbb\xe5c\xfa\xb1\xb9Z\x9d\xee\xaf\xcf\x9fu"\xbf/\x8b\xf5hG\x19\xca`\x17v\xf7\xa4\x83\x90\xa9\x82/^\xbd\x9c\xbbu\xeb~\xf9,\xeatb\xb1\xac\xa3im\x01a\xfd"\xeb\x90v\xce~O\x1fWf$\xb8\xf9@)\x03\xcbN\xb6"\xac\x99\x01$\x96|\xcc"\xb2\xb5\xdf\x18\xfe/`E:}Y\xb5\xf6\xfahs)j\xe7\xb4\xa9\x93n\x9d\xce=;\xafx9\x91\x18\xfe\x19\xb0n\xe8F\xd0\x91\x94\xc9\xea#k\x0b\x80u\xeb\x8eL\xd4\xf9\xed\xfb\xf7\x93\xca* nQx\xb6\x94\x994d2\xfc\xfe\'\x97X}ZL\xe3z\xff\xe1\'HM#w&gt;\xcd\x9b0\xad\xa0\xf9\xf00G\x91\xbd1\xa3\xdf\xad\xeb\xf2\xcfz\x1d\x7fn?`\x13\xd7\xfd\xfb(U\xb8\x83\xb2\xda\xa6)\xc0J\xfc\xe4\x96u*\x00\xebqE\xe6\x99{\xbb\xb8\x0eXK\x17\x14\x85\x7f|\xb2\xb3&lt;\x03\x9e\xbd\xa1M\xae\xd5\x86\xa7\x9f&lt;\x80D\xae\x1b\x7f\xf5\xe2\xd5\xf4=\x1e\x93\xcb\x95\xd6\x85\xa3V\x0f\x84\x96\x17\xcaC\xe3\xbf\xdfN\xfc&lt;22rG*\x86\x14\xa6\xebr\x07;\xfe\xc1\x92v\xfa\x93\x15c\xdd,\x94\xce&amp;3\xd1\x0cE\xe3\x8d,\x16O\x05&gt;\xb4E\x1eny\xf7~jH4\xfb\xd8\xa5\xee\t50\xaa\x86\\\xa9\xa4j\xd0\x02\x96[\x92$\x8cc\x8f\x06\x7f\x9bw(\x14\xe3\x0e\x85\xac\xab\x0bN\xa6\xec\x1f\xac;6\x89\xc2W9\xd6N\x0e\xd4\xcaD9\xcd\x1c\xde.`\t9`I!q\xb64\xf4O\xbf}\xff\xdb+\xbdZ/\x7f7\xc0\xa4\x0e\x11\xd6\xa16\xeb\x0f\x06\xbd~\x9f\xc9\xa5\x1f\x1b\xd3\xbf\x00o\xea\xf7vu\x05\xc1\x9f\xca\xa4MS\xc7+\xab\x89\x0e\xb1T\x04!_\xb9Z\xb93g&amp;\x8a\xff\x88\xa5\x84\xbb\x10[,\x96P\x08[\xd9\x17\xbe;\xf8H\xaf\x1f\x1b\x0c\xf7\xb7\xa6r\x80\xc5\xd44h\x8dI\xafW"I\xa6-.\x0c3\x9a\x08\x1fJ\xad^\t\xe4z\x11`}\x00\xacZ\xb1;(\x1a7}\xff\x94\xaf\x10+\xb5\x1e\x8dR\xb9\x1f?R|V-\x1eG(\xa4\x01\xac\xb1\xb5\x17J\xc6P(\xdc\xdf\xdf\xdb\x9c\x83\xd0*1\xaa\xc3\xeb\x98O\x02X\x12\x9f\tC-\x83\xac\x06*\x1ft-:\x94\n\x1b\xabV\xc4\xe6\xf5\x06\xbd\nK\xfax\xb3\xc2\x90\x17\x96\xa2\xd1u\xf8\xbf\x94\x1d\x9c\xcdL\x00J\n&gt;\x1f7\x07\x02\xf0A\xafHP%\xa6R%X\xcc:\x93jS\xb3X~?\x017\x92K\x8dA\xedc2i\x08\xc2\xe1\xe8\xb4\rM\xad\xae&lt;ow|\xf3\x82\x9es\xb3\x13\x95\xa6\xd3\xaf\xb9(]\xca\xe5\xce&amp;\r\xe7;\xcb\x8b\x01\x10\x0b7\x9bI\xf3"Z\x01dL\x99uv\xd18\x9dj\xd3\xa7Y\xac\xa4/\x8d\xb9\xf4z\xb5\x1a3\x1a-\x00\x86\xde\xe7#\x80\xf5k\xfd\xf8\xb7o\xde\xa0\xf8\xa1e\xbf2\x17\x01\x97\x8f\xca\xce \xaa\xa5\xc9\xf3\xfd\x9d\xdd\x00\x92\xcaL\xda\xed\x1b\x8b\x1b_\x11\x18NS\x14KE\x91\xeb)\xb8|\x14h\x13\x93\xe9t\xd6\xa8\xd7[\x11\x17z\x9f\xd7 ,(\xa9\x17:.\xb1\xe6\xf7*57\x05!\xc9\xe4J\x99\x8b\x8b\xc9\xf3B\x19\x8b\x84\xb5\xb8\xe1D\xe5\x85\x19\'!\xf2\xd6i\x1a\xe0(\xc0\x8aY\x1cH\xae\xa4\xcf\xe3\xf1`\x97\xed\x0c\x0f\xc2\x1a\x1f\x8a\xacM\xac\xfcG\xec`\xb1\xe6N*5\x83\xdc\xfc"\xc9?\xcc\x9d]\x9cO\xee\x02\xd6"\x9f\xa62d\x94\x04*\'\x14cd\xd4` \x01\x8a&gt;\xbb\xc4\xc2\xc0my!Ex\xb0x\x1cq\xa1\x12\x16=\xd0;:#\'\x13\xaf\x1f\x88\x95\x08K\xf4\xb2\xf2\xf6\xcf\xcde\x92\xcc\xfd8[:_\xda-\xec?\r\xf0i:\x13\x8d\x1a\x9cN\xa7\x81\xb4\x97\xbf(\xaa\xac\x16\x9d\x1a}\xe42A\xb9\x1a\x94\x00\x16\x06TV\xab\x1a\xf3\xb0}\x03e\x19K\x94\x04,o\xe7|\xc5M&lt;.\xb7`6\x90\xb0\x8bK\x17\x1b\x85\xc22\xc2\xa2\x90F\x1b\x06\x83\x01a\x19\x0cQ\x92\x86\xc8\x82\xeb\x9cV\x8dj\xc12+DAo2\x1bW[\xd9\xae\x94\x1aaA\x82\x80\xd8\x9ax\xfdF\x99\xfc&amp;\xf1\x8a\x1e\x9eT\xfc\xca\xc5\xe5n\xed\x9a\r\x93\xd1\x0c\x9d\xb2#,\x1cG\x9b\x88\xf4BR!\xb5\xa2\x14\xb3\x0e\n\xc2n\x02\x16f\xd2(\x15\xe2\xa0?mT\x97\x9bej\xa3\xd1\x84*~Pk\xe5u\x02\x98DR\xdb\xcb\xd5\xcd+p\xcd\x05;\x15\x85\x83H\xa9\xce\x8b;\x01&gt;N\x81Zv\xa0\xb8\xc4\x02\xe03\xf4\xfb\xc5\x85\x93\xc3b9\x94"\xb7\x970\xaa\xad==\xd6rp!,[da\xe5\xf7\xe1\xa0xh\x08\xb0\x9eU^c\x80\\\x17Q\xf6\xdfN\xee\x16w\x16\xe1 f2$\x80\x95\xb1\x0c\xd1\x0cI\x81T\xf0\xfb\xb9\x937\x1a\x8bC\x1c\x11JY0\xe9AX=p\x16Qh)E\xe0\xcf\x16\xb6W\xeb\xc5\xa2\xb9\x88\xad\xf3d\xebJJ\x9f\xe2\xd2\xe4\xe4\x12\xfc9\x8b\xfb\x8bf&gt;\x9e\xa1\x10HY\xac(iG[\x9a\xa1\xa2\xce\r3\x0f\x9c\r\xe1K\x13J\xb1[\x926\xb2Xe*\x05`\r-l\xff\xda!\xb5=\x8c\x0c]\x85X\xe5m\\BTQC\xa1\x00\x89\x0b\x1d:\x8a\xb2\x97\xb1@7\x14U\xfcu\x1c\x172\xcdZ#\x015\x07\xc2\n*\xc1\xe1\xf7XQ\xd6b\x1be6[\xe4x\xfb\x81Tj\x1b\xfat\xb2r5-\x03.\x14e\xe7K\x93\xb0\x91\x05\x08.\x9a\x0fQ\x0fz\xb1\\vH\x12v\xf3@X+\x170*A\x9f^\xa3\x80\xba\xd1\xe1\x0fv\xb9\xfd\x1a\x0cn\x1f\xac\xdcU\x04\xac\xfa\xc8\xea\xeb7"[\xe7\xc3?\xff\xb8\xaaF\x06\x94\xc1[\x05\xb4\x8f\xe7{(\xe6Y,\xb8\x7f \xeaI\xf82\xb7\xc4\x93\xc9\xac&gt;\xdc\xd27\xf8B\xd9ucD\'\x03\x8f\x05\xbb\x88\xc1I\x04s\x039\x0b\xb0j\xeb\x13\xab\xbf\xb7\xdb:\xe7\x8e\xaf\xb2\xa5\xc8\xe5n\x16\xcf\x9d\xf6\xdd\xbd\xfd\x19&gt;\xe2\xc2q\xe0\x01\xa1\xe0\x1a\xa2(\x956\x1e\x8f\xc9\xe5\x83c/\x14\xba\xcf\xe0\x94\xa1\xf6\x81\xeaU\x03g\x11\xf3\x10\x04Q\xa6j\x9a\x9aXY\x9bZ\xd8\xbe\xd2F\'\x9a"\xdd\xcc\x17\xf3\xf9\xc2.\x8bE\xe3H\'\xc0\x82|A3\xaa\xd1\xeb\xda\xd0\xbd1\x8b\xcf\xdb\xa5c+\n\x89BI\x98\x8cp\x0cM,\x15z\x0e\x1cZ\xdb\xfec\x0b\r\xca^u\xf7\x15\xd6\xed|\xf1)\xba\xaci\xbal#H\x92\xa1iU\xaa\xb7/\x14\xbawW\x8f\x8d=\x86\xd8\x82+Q\xa2$4&amp;\x93\x11Sc\x16\xc2\xa7P\xb0\x13]\x90\xb6\xf2\xd5\x19\x91\xe5\x82\xfb\xda\x83\xeb\x87\xc3\x01s\x85\xf3U\xa4\x1d\n\x0f\x9ci&gt;\xecni\xe9\xef\x97[\xf5\xe1\xbbz\x0bJ\x07\n\x07\x01\xf6\xcf\x03^\x0b\xd9S\x11\xc2\xaaO\x1c?\xab\xdaP\x12\xf7&amp;\n.\xc0\x02.\x0eC\x92\xeb4\x9f\x1144t\xc3\xa7-\xa6\xb6\xcaC=\xc6\xb2_ 4 \x97\xc9bB\xbd}\xa0\xea\x80\xd0Z\xbd\xda7\xe6\xff\xcf\xac\xf9/O\x078\x8c\n9,\x9a\xe2p\x84\x1c\xf40\xd9\xd0,h\xe8\xeeF\x8d\xea\x9ex&lt;\x8e\xa6\x91 \xd5\x03\x99\x06\xdd\xd1 V\x07D\xfc\xda\xc4\x97\xaaa\xc1.~A\xb5"\xdc\xcd\xa0\x17\x9f\xc7\xe1\xd5\xd5\xd4\xa8\x1a\xfb\xc3\xe1\x90\xfc@.\x8f\xc5\xe3\xc6\xb8ev\x16a\xa1\xc2\x02\x16\xbb\x85 V\xfb\xda\xc4\xde\xed\xeaMpm\xee\xed ,\x86\x81\xa8\xe2\xf1x5u&lt;a\xff\xc1\xc1\xdd\x7f\xdd\x0b\x1d\x1c\x1c\xa0\x11)\x97\x05JV\xf6\rP\x84\xbeD\xe5\xc8j\x8a\xac\xad\xe4\xab8W\x06\xc1\xf5t\xa0\xae\x0e\xc0p\xbc\x0e\xa4\x126\x0e\xba\xf4@t\x10\x03{e\x8d\xbb\\\xb0\x87`\x04eb\x89X\x82f3.\xa9\x86\x13\x0b\xdb[\xd5\xa3\xba\x86\x82k\xba\x15\xb08|\x9cW#\x10\x84\xf5\x968\xf0\xc4\xac\xf1\xf2\xca\x12D\x12*i\xc8]\xff\xc3\xaa\x05\xac\xf6\xa9\x0f\xfb7\xab9\x1c\xb8U\\\x9ei\xac\xab\xe3\xb0X\xbd\x83\x96$\x01&gt;4\x16\xb3\xaa\xe3\xd9,\xc2\xca\xa6\x93~\x89\x1b\xae \xa9\xe4R\xab\xda\xfa_Ph\x15\xab9\xe3\xc9\xdd*\xee\xcc|l\xe5!,aM\x9fKI\xe8\x0fNO\x8f\x8eNa\x1d\xfc\x80u\x10\x83}\x1c\x17\x07e\xb5b\tJ\x0e\xe8\xde\x19\x1e\x86d\xbaW\xd5I\xca\xad\xbd\xfd\'\xef&gt;\xd6\t\xa1\\\xe4\x0b\xfa\xc6\x1e?FTggG\xe5u\x8a\x02?nq\x80J2\x19\xc4\xbc\x88\x1d\xcd\x18n\x9f:\xde\xce_\xbbV\xd5M\x84\xe0\xfa\xd8\nX|\x8e\xa0\xa5/t7\x14:="\xbf\xc2\n\\b\xb9,\x1a\x87H$\xbe\x13Do\xccRi}$\xd1\x9eX[}\xb6U\xd5y\xd8\xcd/\xc5\xe5\xb7\xef&gt;\x0e\xf0\xf9B\x08\xf9\x16\xf4\x12\xde\x7f\x04P\xce\xaf\x88\xea\x14e\t\xd4\x18\x13\x8be2\t\x8b\xd5\xf4&amp;\xd1\xfefa\xe2Yu\xe7\xc0o\xee\xef\xef?\x99~7\x1d\xe0\xf0P\xdf\xa2\xa6N \x10\xa8\x02H\xad#\xc1i\xb8\rB\x0b\xaeEHZ\x08\xebo^\xce6\xa6\xc9,\x8b\xe3\x94fh\x0b\xa4\xd8B+\x0c\xf2R^\xac\xbc*\xf2Zda\x06a\xa4\x04\x96\x820\x0eV#\xd8A\x08\xeaV7mEf\xc1\x97ER`2\xa28\xc1iKa\x17\x0cH\xc0/d\x02akc\x82d\xf7\x0b\x94o\x18\x13\xc8\x84\x90\x85\x8f\x86\x0f$"&amp;\xfb?\xf7\xa9\x80\x99\xdd\xec\xce\x0c\xddc\x1f\xfa\x84\x0f\xe6\x97\xff9\xf7\xdcs\xef=\x97\x83\x88\xad\xe0\xfc\x16\x83A\xbf|\xbf3\xc3\xc3X\x1d\xff\xf8n\xa4\xb5\x95\x86#\xf2WX\x18;\xdflV\xaa\x14\x8a\xbf\xd1xd\x1b4\xc8\xa2\x91\x91\x91\x9f\x1e:\x88y\xc70dhi\x7fp\xc3s3\xa2\x1b\xeb\xf6w\x90k\xa45[BH$\x18*\x9b\xb4\x9ck\xe5\xe5\x0f\xf3N\xe4\xe5\xe5\xddeU2\xc4\x02\x17m|\xb7\xb4\x0c\xf5N\xdd\xe8\xfe\xd1\xb3=\xe0\x19\xafo\xdf~\xfa\x14r\x8dU\xd3\xc99&gt;I\x98\xa7\x93\xaa\x12L\xa6\xe4\x87\xe5\xc9\xe5\xb1Yn\xacJ\x02\x8b,\xcc\xd7\xeb\xf5\xbd\x0f^N\xbd\x16x\x1a\xeb\xec\xed\xa7t\x82wI\xa5\x91\xc94iiIT\xd9P\xd3\x8f"\xc1\x94p\xedsvl\x1e\x1a\xe9\xb6`\x03\xa8\xa6\xda\xf3\xff\x0fX))\x1dt\xb2\xd8EXitd^\xc2\xc8\xe8Ea*\xa5e\x05k~ ?\xc6\x1do\xd1\xf7\xb6\xb7\xd7\xe4/\xbf\xf6\xf28VXJG\xc7\xc8\xc8\x18\xb0\xe0\xc34\r\xa1\xc9n!\xd44I9\x84u\x86\xb0\xc8\xe0\xc3\xab\xa0\x9a\xca\xff\xcc\xf3X?\x02K2\xd6\xd1\xd1\xd6Z\r\xacfL\xd7\x92[\xb7$\xca\x00\x9e&lt;L\xa2\xa9:j\x82Zw\xce\xb32\x0b\x89&gt;\xda\x00*C\x1ca\t\x04\x9e\xc6\x92(e\xcf\xa1W\x97J\x86\x14\xa1D\x91\x03&amp;)\xed\xf0\x02\xeb\xda\xe7\x84\xc5\x8e\\!\xd6q}{\xf7P\x03\xb0\xa6:{&lt;\x99\xb8\x04\x7f\xe9\x1cI\tSJd\xcf\xdb\xda\xc6\xaa5\x12%d\x821\xaa\xb3\x9a\x12D\xfd\x91\xacx\xea\xf8\xa1&lt;_\x18|\xb5\xb7]\xdfP\x19W\x98?u\x7f\xe9\x15\xdfsT\xe2\x88\xce\x11\xeaB\x92\xa9\xba\xdaF\xba\xe0Fp\x05\xb0#\x84\xaf\xc7\xaa\xafT)\x14\xa6#g \xd6a\x96\xb9\x90\xb4z{\x1b\x12\tkyv\xa0{\xf1\xaf\x9e\xa3\xea\xe9D"UJ$iW\xba\xda\xd8`\x04W\xb3$\xecl\xca\xf3j\x15\xa8\x14\xa5G0\x10oF\x85\x862\xb1\xf4\xfa\xe2\xf4Dce\xe1\xf1\xa9\xd9\x97\xed\xdd\x8b\x9e\x99\x17\x05b~\x84\xfd\t\x85&lt;2\xbb\xaa~bd\xe2\xa2J\x83x\x97hT\x9a\xe7\x97.]Qh\x13L\xc9\xb1\xf1\xe7/p\xcdd$Vq:\x87\xb5\xbc\xa4\x7f9\xd0\xfd\xca\x13\xf1%\xc8\xe0G\xe8\x16\x9e\xb4"\xe4\x11\\iW\xb4\x13o\x9e]T\xa94\x9a\xb4\x92*\x85V[UOg@\xb4yJ}w\x91\x95q\x10\xab&amp;\x1dVDju\x1b\xc0\xb5\xe4\x89Z0#&lt;Bg_l\x1b\xa3\xd8R\xdeB\xb1\xa5}4\xf1H\xab\xad\xd7\xd6+\xb4&amp;\x93VkjL\xc6\xbc\x18\x7f\x18)\xbe\xb2\xd2h\x8c;&gt;\x94OT\x89\x84\xa5\xd7\xd7\x0c\xe9_v\x0f\xee\xbf\x1b\xcb\xc2\xc3#\xcc\xaf\xee\xb7\x8e\xa5(Y\xcf\x1d\xb8\x14\x8f\x9e=\xeb\xeb\xebk\x8455\xd2\x9d\x95\xd8\xac\xebH\xa5\x80**\xaa\x8c\xbeZ\x93^\xcb\xb8*\x0b\xa3\r\x86\xcbL\xae\x7f\x96\xed{`\x85\xf3!\xd6\x9b\xd6l\x84&lt;\xd9-YR\x15\xf5\x8f\xdckj*\xbf\xf7\x90YV\xde\xf5S\x87*A\x95Xd\x0c\xce/N\xaf\xad\xaduc]5|\x96\x0f\xb9l\x83\xfb\\\xa4\n2\xc2\x81\xb5pc\x02Xa\xcaf\xde\x0f?4+\xc1\xa5\xd0\xf6\xdds\xdf\x8fb\x17hN\x06\x93\x03\x13\x13\x1b\x82\x8b\x1bjk\xddX\xc6\xc2\xe8\xfc\x9a8\xf2\xe2\xc0\xd2\xc2\xfe\xd6]eb\xf2\xe1\xe2\xf2\xc4\x18\xb0\x02x\xe7\xce\xf1\xce5+%\xaa\x12\x04z\xd3=v\x9b\x8c\xbb8v\xa80\x12q\x15\x19\xc7A\x81*1\xbd\x08X5\xc5\r\xe4\xc5I\xdb`O\x99\xd7\xbe\t&amp;\x10\x88\t\xcb&gt;\xf8\xd3#`!\x81b\xad\x7fN*E5\xafQ]\xa1&amp;\xb2\xef\xa9\x8b,\xfa$]\xe9,,l0&amp;\xa6\xd7~\xc0\xa2\x91\x18\x17\x1c\x1dg,&amp;\xac\x81iv\xe1z\xbf\xa4\x02\x94\x18X\xb3/\xba\xc6RR\x02\x02\x02\x80uL\n.%rVI\x95\xb6\x91\xd6\x15Q\x87&gt;%\x0fR7\x12\x87\xc4\xa00\x12\x8d\xc8\xf3\r\x89n\xac\xd9\xc5i\xd7~\x80\t\x04e\x96\x95\x88p1\xe5\xd2\xd9\x17\xd5\xd9\xd9)\x98\x04\xcf\x1d\xfb\xf2\xcb\\\xa9\\J\xcdd4$)\x8d\x1e\xbe\xf0U\xdd\xe9\xa2"jq\x83\xeb\x18\x11\xfd#,\xd0\xa6_\x1e",\xdb\xb4sfs\xe5\xb7\xdfP\x87\xffV\xd6\xe6!\x16S\xab\xaf:;\xe5l\x00\x8f\xf6O\xbf\xc8\x85\\RjT\x94iH0\xa4\xf7\xa8\xd0\x1d0\xf6\x833\xc2j0\xa6\xd7\x80\x8a\xb0\xa6\x87\xb7\xb6\xb6u\xbfq\xc3R\x90a~\xe7p,0,\xbe}\xb6\tXT3\x90\x0f\xe9\xc1+\xad\xcb4\xc8\xad\xc9\xa8\xe2\x0f_\x08\xad;}\x9a:\x1f\xe8g\x11\xd1\xe1\x8b\xd4J4\x1a@\x05,\xdb\xa4m\xd3g}n\xdb\xc2\xff\xd57\xae\xe1?\xdd\xfcZf\xe6\x9a\x8e\xcfGl\xf1\xcd\x83/T\xd43LrI\xa9\x9c\x91\xf2\x02\x88K\xa6\xd1\xa8\x14\x8d\xb1y\x8c\x8b\xda\xb7\xea\xbe\x82l\x8c\x8c\xa8\x8c\x943\xe2\xf4\x93\x03\x03D59\xb0\x19\xe2\x13\xb8\xee\xd8p\x99\x7f\x8d/\xe9\x8fO\x98\xe7\xe7\xc633\xd5\xab|\xc2\x12\x87\xeb\x16\x81E\xcbCp\xc9\xc1CAO\x8bEN\xad\xd8&lt;v\xbe\x13Jg\xf7\xb0\x0f`F\x0e\xeb\xf2\xa4\xcd\xc6\xb0^NnV\x84\x1c\x08\x14\xc6\x8c\xcf\xcd,\x88\x05^\xbf\x88\x0cB\x89\xcd\xf3k\xe3A\xb0O6\xa0\x14\x9f\x82k\xe1\xa7z\t\x89\xc5\x0b`RA3\xe0\xd1\xae *@Sry\xd6\x19\xa6W\xe8\x85(*mX\xd7\x1b\x8c|Xi\xd4\xdb\xa6m\x03\xb6\x19\xa6V\x05\xb8\xfc\xfd\x851\xeb\x8eU\xa7\xfd\x178\x13\xe2\x86[\xb6\xd7\x80\xa4V\xab\x83\xd43\x19\x1c\x16\xdf\xfe@+\x91@+\x9e\x1c\xb5\x1f\xed&amp;\xb1\xa8\xc7+\x05=qa5v\xf8\xe6\xcd\xf3\xbfC}\x8a\xe2\x06`u\xc4\x14\x19i\xfcl`zz\xc6\xc6\xb0l\xc0\x02\xd7\x01\xff@H\xb6\xbe\tg\x8a\xc93\xff\x0bT\x86u\xc3\x91\t$uL\x0c\xb0\xb6\t\xcb\xedEY\x18\xab\x92Y\xac\xb3\x8a\x99\x02\x0c~D\xc1\x8c\n"\xeb\x04J\xe6\xf8\x13\xf1P\x8d][\xa9\x8b\xacc\xebk\xe3\xd0\xf0\xf00\x87e\x9b\x9e\x0c!\xae\x90\x10\x1f\x7f\xff@\xfc\xff\xe3k\x1b+\xba\xb2\xff\xe6M\xb8/\xc2\xb5JP1\x9c\xa9\xd5+\x19P\x8a\x1b\x8b\xed\xf5\xacx\'7rlL19/\x8c%\t\x94\x10\xb4\x1f\x9f\x95\x87e\xc6\xf9(v\xe1\x81\xecPa\xb0\xcd\xe9\x04\xd6\x0c\x91\rO?\xe6\xb0\x0e0\xc5@\xb6\xbe57\xe3\xea\x11\x97\xfdG\xcd\xe8o\xac\x98WV\xc73\xd5\x1c\x95\x88\xb0\x82\\\xc0\xa2\x14\x81\x8c:\xd8\x17\xc6\x96\x14\x14QL5|K\xe5\xb9r\x84=\xe6\xed\xc6\xe4\xd8,\xd8C:\t\xa6\xfe\x1a\n}\xb6Y\xd9\xe2t\x01k\x06\x8e\x9c\x99v:\xe7*\x88\x0b\x8e\x0c9\x00\xc5H\xb2\x98\xf5\xf1\xb9m\xab\xae\xec\xdf\rM:\xd5\x11[\xdeQ\x9c\x13\x93H\x88GD*[\xc5l\xf6\xe1\x82^\xc5\x93r\x81N\x1f\xb9\x9c\xc7\x1cI\xc9\x8b\x92=\xb8bc\x8f\x94\xbb\x8f7\x11`\x17\x0eF\x1d\x8c:yj\xc9EX\xd3\xb0a\xa7\xcb\xea\xdc\x1a\xad\xe0\x04\x03\x97\x8f\x0f\'\x99z\xdd\x81l\xf6\xf3\x9c\x8107\xcf\xaf:8\xa5D\xa0\x12\x8a@\xe5\xe7\xf7\x89\xc3\xcea\x91\x1b{f\xb5l\x00\xba\xd5\xa2p\xa7\x17\x96RK\xb8\xb2\x99\xab\x07\x81u\xfeCC\xd2\xa9\x16\x97\xd5\xca\xb0\x86\x89\xcajY\x99\xf4wc\x91\'\x99b\xc2\x18\xa1Z=\x8el\xa6\xcb\xd8\x1d\x9a$T\x84\xf5\x1dR\xa7\xdbyBP\x11\x96\xc8/\xc6oM\'\xde+Wvnn\xae\x94\x0b.v\xe9\x01\\\xc8e\xe0\xd2\xd0\xdc\x98L\x1de\xd4[\x13\x7f\x87Z\x91`\xd7\xaf\xff\xf1\x86\xc5\x02,@qT\x16\xebj\xc5\x8e\\\xc4\xe5\xed\xe3\xcd\xc6%\x9c\xe9\x98\x9b\xb7\x8b\x05{\x92\xd4\x9c#3\x88\t%r#\xd1\xe3\x07[\xe53"b\x13\xf3{\x96\xb4\x84\x050\xb9\x9c\xba\xf7\xb9\xbcE\x9b\x11Xi$\x94\x96\x96\x9aL\xa6\xd2d\xae\xb5\xe6\x0e\x9d\xfb\xc4\xdf\xbd\xfbb\xc1NX\x80\x02\xd5\x82\xc5\xba\xb15:Z1\xba\x07\x8b&lt;\xc9$\x13\x8a\xe0L\x8cLv\xc0\x94\xa1\xb3\xbe\xfb\xe0&lt;F\xe3V\x8aa\xc5\xf8msDbN\xaeW/\xb2\x0b\xe8\xae\x03\xcbY\xc7\xa4,\x83\xd1\x1d\x91\xa4\x92\xaa\xa3\t`JH\xc0\xb2\x8cN\xa9O\xc4\x9f\xa0}8\xd8\xa0\xd9l\xb1\xae8I*(5\xb3\xf5~\x14\xb6\xab\x16r+\x87EA&amp;\x84fA\xe3t@NS\x0c7\xf2\xfcD;X\x9cQt\xa9W\xc4\xbb\x86\x89q\xaa/\xb7\xe0\xdb\x82\x82\\j\xe3\xe2\xd2)U7\x1a\r\xddMLH8\x9aSu\xd4\xc4\xce\xf4\xcf\x9c\xc9\xca\x8a\xa5\x12\x7f\xd9n6C.\x17A\xb9\x00\xf5\xf6#*\x1f&amp;\x17\x02\x0c\x8e\xe4\xc8\xe0M\xafp+\r=6\xf2\x18\x12c\x11\nE\xbbX\x0e{\xf8^\xae\x88\xc1\xef\xab\xbf\xed\xef/\x80}Q\x90\x8b*\x02n$\'\xca\xd2r\x14\x8a\x9c\xaa\xa4\xb4\x92\x1cZ\xc5"O\xc4\xc6\xd2\xd9TSS\xa7\x99s\xe1\xf0\xf0\xc6\xe6\xe3\xf7oa\xa3\xdcH\x84P!;X\x88/o\x7fo7\x9a\x17K\x9cj\xd1\x0e\x93P\xe8+\x14\xeeU\xcbo5\xe2#,\xbe\xbd\xb7\xf1\xeb\xfe\xfe\xfe\xd4TF\x86b0\x80\xcd\xd7\xd4\x81\x9dD[^l~&lt;\x82&lt;A\xd1\xdf\xd8\xd8\xf7faxu\xf3\xc0{\xb2\xb7\x7f\xdf\x81\xe2\xa4\xe2b\x8ba\xc1\xbc\xbd\t\x0b\x9f@\xaf\xa0\xdd\x91\'"$__`\x05\xe2\xa1o`\xc5\xac\xaf\x84\xef\xc5\x82\\\xb3\x7f\xae\x06\xd67\xa9\xa9\xa9\x7f\x00\x17\x93\x8bG\x97\x1ed2\t\xbdHTUt\xc9\'\xb9\x11KZ\xed\xb3\x89\'\x16\xe7\xcc\x9c\xff\xe8\xae}\x18\x83?\xc7\x02\x17&lt;I\x82y\xb9\xa9\xc0\xc4P\xc8\x84\xbe\x81\xbe\xf4\xa1W\x91\xef\xaa.\x82\xcf\xe5xV\xa1\x9a\x11\xbeSM\xadL\xae\xd4oR\x0br\xa9\xc49+\xe5F$\x0f#T\x1eFr52\xa8\x8b#\xaf\xec\x16\xd7\xf0\x9c\x7f\x08#\xa9\x08y\xfc\xa7\xc7\x8fw\xa8\x08\xeb\xc0\xc7X\x9cb\xde\x84\xc5%\x04\xa6\x8e/\x87\x13\x18\xc8=\xf4+\x91c\xde\xec\xf6b\x84\xc59\xb9\xb9\xb5j\xd5\xe9\x06\xdf\xdc\xee\xff\xfd\xbf\xda8\x83\xd7\xb6\xad8\x8e\xbb\xb6$,;\xa2Il\x02;$\xa2\x90\xfb\x06\x0e\x98]r\n\x01C1\xa5\xb0\xc1v\x9c\xcb\xf6\'\xec\xd0\xc7\xc8!\xa0\xb4kw\xf1E\xa4\xd0\x9c\xaa\xb5\xa8\x01U\xac:\x05\x04;\x98ZVB\xada3W\x07\xa38jb\xb01\xd4x\x83e\x90\xfd~\xef=\xdbi\xd9\x8b$?;\t\xfe\xf0\xfd}\xdf\xf7\xf7\xec\x98\xdc/\xdc?@\xae\x15\x0c0\x18\xd0\x856q\x8d\xae,\xc1\xeb\xc7\xcfo\xdd\xfa\xe1\xbb\xe7\xef\xaa`\xab\x93\xf3\x85E\x86\xa1\xfb\x93I}\xe2\x13.\xd4GX\x8c\x8b\n\x06\x8a%\x98\xd3y\xd1\x98P\xb33##(i&gt;{W\xad\xee=\xf9\xf5\xf8\x9f\xc5\xbb\x9f\xe5.NA\xb6\xea\xb3\x9dGe\xfc\xe4\r\xca\x052}\xbb\x028@\x85Ka\xf3\xe6\xc6\xed\xdb\xb7\xbf\xfa\x1e\xa0*\xa0\xed\xc9\x11\xed1@\xa0O\xeat\xf8.\x91xb-\xd2\x95(M\xd5b\xfe\x9acq\xa7gx\x19\x99Pp\x89\x88\xd7\x0c;\xc3\xf6\xa8\xff\xd7\x05\xcf\x95\xfc\x11\x98mM}\xff\xe0\xd1\xc1\x1ckue\xf3\xdeV\xe1\xa0\xfc\xb8\\\xde\xda\\\xdd\xd8\xf8\xf2\x9b]\x80\xaa\x00\xd6\xc9\xc5\xe2]\x1e\x03&gt;"\x11\xd7!q}\xe2\xea\x8b\x1faI\xd7\xb0\xb0\x88`v$c\x89\x95\x9e\x01\xe2\x1a\x88\xaca8\x0e=3M\xda\xdd\xb1\xc5\xbf\x9d\x91\x8bG\xa7)\xd8\x7fU\x1f\xee&gt;\x02s\x81\xe5o\xde\\\x01\xb5\xb6\x0eP\xbe\xc7\x85\xed\xe5\xa5\x8d;\xcf_S\xa8\xca\xfe\xe5\xba4M\'}R\xab\rt\x9c;\xf5z\xcd\'zR\xba^\xbf$/\xe0\x14+\rL\xd8cD\xbcL\xb3]\x96-\xd0\xa8\x0b8\x00i\x8d\xbbm\x93\xc7\xbe\x9c\xce\x16\x0fO\xd6\xf0\xff\xcb=}\xb8\xb3\xbc\xbd\ti\xba\xbazcy\xbb\x00TeT\xef\xc6\xea\xce\xeb\xaa\nT\x15\xf5\xc9\xf1\x82D\x85\x82\x8b\x84Xu\x02\x00\xba\x0f\x93z\xddv\xa7\x8dG\xe2U\xfc\x04\x0b9D\x81\x0eQD:\xd9l4G\xed\x8e\xd7\x05\x9c\xac\x9cnt\xbbaV\x9e\xb5#\xb1xx\xa9"\x97\xfa\xfe\xd9K\xfcC\xd9\xea\x12\xc5*\x9714\xb6^q\xa8J\xe5\xe4(\x87O\xc4\x8c\xb3(\xb9\xf5\x9af\xbb\x92\xe4h\xb5Z-\x8e\x87PO\x87\xe8\x0cJ\'\x04\xa6IJ\x05\x97\x04\x8fM\xc0\xca\xe7\xf1\xa0h^\xbb\xdb\xf6L\xb9\xd1\r\x00+\x9b\xf6\x82n\x93\xc13Y\xc5|\xf1\xc3^J\xc5\xaf\xb7\xbb/\xef@^\xad|\xb1U\xb8\x0f\xa3P(\xbf\xa8\xaa*\xc5\xda\xfb\xb0\xae\xd0\x10Z`%\x92$2\xb0\x07\xbaDlM\xb3\x1d]w\x89\xde\xc2\xb6\x00\x00\x03\xf6IDATbM\xd3j\xb1\x03`I2\x80y\xec(I\x9dce2\x9c\x8b\xea\x95\x07&amp;A4G\xc1\xc8\x92\x05\xd1\x0b\x82P\x10\xb3r\xa75j\xf0JS,A,\x15\x8f\xf7\xa1\x90\xaa\x9a\xaa\xfe\xf9\xe3\xcfwV\x97\xbf\xa6X\x85\x83\x17\xbf\xe1\xa3*-`:\xa7\xe4rH\x96\xa49\td\n!\x92\x0e\x04\xa0Y\x12\xe9\xea\xfeD3\x06:qlC\xb3\x07\xb1\xab\xfb\x03?B\xc1\x12&lt;C)\x18\xd8\x0b\xaa\xd7n\x82J}\x13T\xeb\xb4Z!\xdcd\xbd\x8eEk\xcb\xa4Bp\xe0:?\x05\xa8\x14\x1eow\x7fZ\xa1\x1f\xc6;\xf8\xfb\x0f\x95R\x01\xd6\xc9a\x8e\x0e\x05\xe5J\xf2\x81\x93\xc8\xb75\'\x99T\x06\x9aa\xd8\xfe\x04.\xae\xd6\xeb\x19\x86\xaf\xeb\x92k\x18\xc6PAo\xb1$ed\x91\x05\xd5\x0b\xa0bs\xac&amp;\xd64\x0fB\x96\x98\xed\x90\nJ]\xca\xe7\xc1\xf8XF$S\xdf\xff\xb2so{\xeb\xd5\x1bv\x17\xc0\xf6&gt;\\\xb0&lt;\xce|\xc4\xc5nu\x17J\xa5\xdb\x9aa\x83`PO\x02X\xbd\x9e\xe68\xae\x1b\xc3]\xf8\x05%A\xc3\x00\x8e\\\xc6\xf2\xc2&gt;\xd8|\x14t\xc3\xa0\x15"V\xb3\xd5\xea \x96\x00\\\xdcux\xcd\x17\x8b@\x95\xcf\x1f^VRS\x90\xa7\x0f\x1f\xbc\xf9=\xc5\xee\xaa)( \x8dA@\x03\xbd\x94\x05E\xe1.\xa3\x84t\xcd\xe9\x03\xc3\x88\x01\xc4%\n\xd1\xc6c\xdbw|($\xac\x03\xfc\xe9\\\x82\x95&amp;bL\r\xcb\xeat\x83+\xc0\xa2*5\xfb\x1d\x13\x90\x80\x85\xafS\x81S\x15\xf1\x14\x8a\x87g{)\xb6$\xe1\xa8\xa6\xf8\\UO\x8fX\nb\t\x00\x0c\x98\xf0\\\xb8^\xce$\xb8\xdc@CE\x8a\x1e\xf7\xc6mKQ"(ho\x18\x11\x12\x01\x16&gt;\x91i5G\xa3f\xc3\xb4\x1a\xe1h\x14\x04\xa30\x08:h\xa0#\x93"\x89S\x99(\x94 p\xacb\xa9\x98?\xdeO\xf1\xa1\xaak\x1c\nl\x95^\x17\xb3\xb4\xa7\xd1\x06\x8b\x82!\x17/\xe2\x94Nw\x87\xb16P\x14\xc7\xe8\x8d=\xd0\x93\xd8\xe8\xb3A\xcd\x8e}\x92@\x93\x87\rd\x1a\x86\xa3~\xb3\x81vo\x07\x81\x07.\xca\xa2\xb9?\xc1\xc2\xf7$\x80\x8a\xa2a!\xcf\x9f\xac\xa9\x9c\x8bcU./\x90\n\x16\xae&lt;\xf5-\x05c\\\x0b\xb3\x0b\x80)\x11\x89\x92\xaef\xf4\xec\x08\xfa\\\x0c\xbew ik\xa0Y\xa2\xd3\xbf\xea{&amp;\xb0\xf5\x81\t\xd4\xc1\xacj\x8fB\x0bW\x1e\xba|\x8e%r,\x01\x89\x98\xbfJ%\xecD\xf8~Nj\x8da\xa5\xf6\xcfJ2k\x17\xd9\xf5\xd9r\x9ar\xb1\xa1P\xb5p\x02\\$6z\x9a\xa5d\xd2\xde\xb8g\x0c3~M\xab;C+q\x850f\xb3u\xe5Ap\x8aP\xce\xa0\xdb\xf1,\x99\xf6".\xd8\xff\xa9\x95\xa7h\xf9\x92@\x17$Pq\xb5\xf6\x8f\xd3\xd3\xfe\x9a\xe5\xbb8\xba\x1c)\x17\x82p\xd9\x18\x15\x89a=\x1a=\'\t\xfb\x946\xf8\x9eD\xa4\xa6i\xae\xa2$,\xd1\xea4 \t:\x90\xa4V\xa7}\x85\x1e\xcb\x8a\xf3\x8c\x12YP\xf1\xd6D[\x01\xc3*"Z\xa9\x04A\xf1/\xa8\xc5\xb1\xf6\xcf\xd7g-?\xcb7\'\xb8[R\xb8\xbf8\x16\xc8E\x19\x1d\x8c\x06\xc3\xcb(\x99\x8c\x05X\x8e3t\xe3\x1a$\x97\x9bh\x84WW^\x08X\xa6\x07\xb3\xd0\xb3\x10\x821]\xc7\x12\xe7\x8eG\x1cv\x82XB\x9esQ\xac\xfdc\xfa\xf2\x89\x15o\xaa\x1a\xces\xdc\xf93.z&amp;\x15\xe2\x0f}\x02\x0f@\xc6En\xc3\xb2\xb5z\xad\xa6\r\x88\x9fh\xf5;\x96\xd9n\xb5\xfa}\x9cee\x8a\x91\xe5;\n\x98\tS\xb2Y\r\xd9(\xd2,\x13\x05\xb4\xff\xe1\t\xb3\xfc\xde\xd9:5;\xdb\xda\xce\xb1(\x972u\x18W\r\xc9h9\xe9C8\x16"/\x06,\xdbq&amp;\x89\x86\t=\xb0\xdf\x826\xd30g\x12]\xc3b\xd9&gt;w\x96@\x17 W\x0bh\xa1\xa2"\xe3Z\xab\x9c\x95Dl\x06\xd9t\x0e\xb9\xd8kry\xdeFr\xb3\xac\xe0X\xf3\x91\xe3\x97\x08w\x89\xb0\xb7\xfe\x0f&gt;\xbf\xc6\xc90\xd0^:\x00\x00\x00\x00IEND\xaeB`\x82'</t>
        </is>
      </c>
      <c r="M485" s="3" t="n">
        <v>45492.67863425926</v>
      </c>
    </row>
    <row r="486">
      <c r="A486" t="n">
        <v>1167536</v>
      </c>
      <c r="B486" t="n">
        <v>1967</v>
      </c>
      <c r="C486" t="inlineStr">
        <is>
          <t>Julimar</t>
        </is>
      </c>
      <c r="D486" t="inlineStr">
        <is>
          <t>Julimar</t>
        </is>
      </c>
      <c r="E486" t="inlineStr">
        <is>
          <t>MD</t>
        </is>
      </c>
      <c r="F486" t="inlineStr">
        <is>
          <t>MC</t>
        </is>
      </c>
      <c r="G486" t="inlineStr">
        <is>
          <t>MD</t>
        </is>
      </c>
      <c r="H486" t="n">
        <v>182</v>
      </c>
      <c r="I486" t="n">
        <v>20</v>
      </c>
      <c r="J486" s="2" t="n">
        <v>36915</v>
      </c>
      <c r="K486" t="inlineStr">
        <is>
          <t>Right</t>
        </is>
      </c>
      <c r="L486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ee\x13&amp;\xea\x13&amp;\xe6\x0e \x12\x11\x16\xdf\x0e\x1f\x90K6\xfe"9\xfe&amp;&gt;\xff$;\xe3\x10!\x8dG1\xd6\x0c\x1c\xfe 6\xdb\x0e\x1f\x13\x13\x1c\x1a\x19\x1f\n\x08\x0c\x99Q;\xea\x10"\xa1W@\xfe-G\x0e\r\x10\xfe)B\xfe\x1c3\x1f\x1e%\xf4\x14*\xf7\x18.\xfa!7\xfa\x1c2\xfe0K\xfc%;\xa3\\E\xe7\x12$\xda\n\x1a\x05\x04\x06\x93P;\x18\x15\x19\xf0\x15)\x88E1\x81C0\x95N8a,\x1eg/ p5$\x8eN;\xbbaI[)\x1d\x8bC-\xd6\x08\x16\x86B-w5#\x80;\'\xafX?\xbdeM\x94J3\xa7X@4\x12\x0f{&lt;)\xad]F\x85&gt;)\x7f?,|6$v2\x1e\xb5eL\xfe\x180\x9cT&gt;\xf3\x1a.\xd0\x0c\x1b\xdd\n\x19\xa8^Fo/\x1fv9)H\x1c\x15\x85G4\xb4_F\x8e&lt;#\xc4lS\xe2\n\x1b\xbe\x05\x10q;-=\x16\x10\x96T@{F7+(.y?0%#)i9-\x9dR:\xc4\x06\x12\xfb)@j*\x19\xb4[@N#\x1cO\x1d\x14wUV.\x0c\n\x92F/\xc9\t\x18U%\x1a\x7f4\x1bj3\'&amp;\x15\x15\xf6%;\x8aI5\xd0\x07\x15\xbckS\x9dF)T)#\x1c\x11\x11\xbc^C\xad\x04\r\xff4P\xfc\xfc\xfc\xa2\x04\r\xc2t^\xf6\x1e4\xadaL\xa5K-\xb5\x04\x10\x81K;`3)t@5$\x08\x06\xa8T9\x9cWB\xadP5\x9aM4nEB\xbaq\\\x9e[H\xf1\x0e$T1/4! k&gt;7\xec\x19-r.\x180/9J+)\xa2R7\x94A$uMK\xc3dK\x8aRD\xee"6\xc9qZ\xf8\xf7\xf8F$!(\x1e \x868\x1f\x98\x04\x0bZ#\x15\xafhS{^d\xfb\x13+98A\x87M=?\x1d\x1a\xf0\xef\xef\xc8zf\xb5V8\xb6\xae\xb4\xdf\xdd\xe3V8:HDL\xd0\x82o\xcb\x05\x10\xb4\xba\xc5\x1a\x07\x07jJN~|\x85b&amp;\x17\xb5lV\xf5+C\xd0xd\xe6\x1a-\x80&lt;5\xa0\x9e\xa3\xe7\xe6\xe9rs~]DH\xd4\xcf\xd2\x98\x8c\x98\x9fI3hfq]Yd\x93XHG59iV_\xd4\x93\x87\xa4bR\xd7\x9d\x9e\xdd\xd3\xd9&lt;-0xH@\xc6\xc2\xc7\x87\x81\x8a\x88nrRNU\xde\r(\x97\x81\x8d\xd0\x89y\x88\x8a\x94\x9bGI\x8b\x06\x0cr\x15\x1cygq\xd8-&gt;\xc6IY\x8ex\x82\xd2\x82\x91\xb8&gt;H\xa4P&gt;\xcajQ\xd7\xbd\xc5\xb2TZ\xc3bp\xcf\x1d.\x8f&lt;&gt;\xcf\xd0\xdf\xbd\x10\x1f\xbe}o\x9dhi\xa7\xab\xbb\x91Y[\xdd\x1b0\xb0mn\xcc\xac\xb8\xb0e_\xa5SH\xb257\xa400\x92\x9a\xab\xb7".\xbd^^\xe1&amp;:`\r\x15\xcdBF\xa4&lt;G\xc0\x99\xa8\xde?R\xdf\xac\xaf\xc9v\x82\xaa\x97\x99\xa1\r\x1b\xeb*?\xe1mZ\xc8(7\xb2\x81\x90\xa9\x17$\xd5fY\xd2h{\xc3\xc7\xd6\xa2s\x80\xbf\x91\x9a\x8d&amp;(\x0e\xaa`\xe6\x00\x00 \x00IDATx\xda\xdc\x98_O\x1a\xeb\x16\xc6\xf7\xc5\x1bn\xbc\xe8`v&amp;\x99k\x9c\xc0F\xc4\xa6\x08V\xab\xd2\xf4\xa2(Bbe\x1c\x9a\x88R#N\x8c0&amp;\x86\x94\x08\xe5\x80\xe7\x841\x80\xa8\xb1\x0ci\r\xe2\x9f2\xa6\xa8M\xb3\x11\xbb\x15\xd1v\xe3\x1f\xb2\xed\x85I\x93\xd3\xe4\xdc\xb4i\xfa\rN\xfa\x05\xcez\xf53\x8c\xdd9K2&amp;h\xe2\xcf\xe7Y\xeby\xd7\xcb/\xbf\xfc\xdf\xd6\xd4\xea\xe9\xc6\xc6\xeb\xd3\xd5\xe7\x7f#\xa4?\x8b%\x89\xa5I\x9a\xa0Y\xa9\xf4\xf1\xf4\xd5\xdf\x80mj\xb7(Q4\xa9T\x92\x88$hx\x12\x04[+\xfel\xb2\xddb\x82F$R*U@\x06E\x92\xe8\x16\x89\x10s\xb0\xb1\xfa\x13\xa9^\xd5\x18\x84\x00H\xa5\xc4h \x1a&lt;\x11I\xd2\x14\xc5H\x1b?K\xb1\xa9b\x16\xddB\x88"\x00\x87&amp;\t\x82F \x1a\x02\xc5HD\xd34u\xf0\xe7O\xa1Z=\xa3h\xc4&amp;\xb0F\xe0#\x054\xe0"M P\x8cP"\x8a%\xb2\xc5\x9f \xd8\xee\x01EQ\xa0\x90\x8a\x04\x12p\x8e\x01\xd5@\'\xa5J\x85h\xec*I%\x12\x1fo\xbc\xc3\xde\x95)\x86@J\x8a\xa6X\x8aTQ\x04\xe8D\xaah\n1\xc0\x85\xd1H\x95\x92\xa5\x98\x83W7\xdbV\xa7\x12K\xdc"\xa1\xd3oQ\x94\x92\x06*R\x058J\x12\xf7\x17|\xbfBS"\x96*\x9fN\xdd\x1c\xd5\xf3"\x83\x08\xf8\xa2YD\xd1\x04XI\xaa\xc0@\x12\\\xc4x@t]J\x16\xa1\xc4\xd9\xee\x8d5{1\x81@!\x82\x84\x81\xc3\x12\x114\xc0\xd10\x8e\x14\x96\xebJ(\x9c\x168\xc6\x94\xd9\xc4M\t\xf6|\x1b\xda\x1b]\xd9\xa6\xc2\x7f\x9b\xa0XF\x14)D\x13p\x04\x91H\x85\x98+\xc90\x14\xcc\x03\xc1d\x8bS7\x12Wx\x04!\x9bT\xd7\xaa \x8a!\x95"\xc3\x12\xa0\x1dh\x06N2\xe8\n\x19\x98\xb0\xb94%\xdd\x00\xd7\xf3m\x16\x1b\xa8\x04\xb7\x00\xeb\x16L\x1c"D\x86\xa0\t\x8e\xe3D&amp;\x81\x08|f\'\x10"\xe0\xa7W\xb9\x8f\x18I\xfe\x04{\xfe\x91\x85P\xa0\xc9\xab\xe3\x06|+\x14\x9e\xe58\xf0\x90\x0f\xae8\x9d\xb1\x18\x04\xab0#\x10\x04/V\x11f"AX\x96I\xd46dvp#\x8b(\x8a\xbe\x1a\x7f\xd8\x19\xf8\xb6`\x9f":\xa2\x1bm|\xa0Q\xb4k\xfa\x17E\xf4\xa4\xbd\xde\xc1\xf1\xa0\x1c\x8f\x944&amp;\xa7\x89,\xc1\xd4\xde\xc9\x9b\xa2Y\xb0\x10\'\x00,2$\x97kn\xecJy\x03\xb8\xd6\'\x8d\xc6\xe8\x8a &gt;\xd1\xceE\xdb{|\xb1\xdcPZ\xc4y\x01\xec\x14C3\xd2\x99\x9c6\xee\xd6(\x1aBJ\xa9,\x884\x12\x87\x0c6\x9b\xcd\x0bX\xeb\x91\xc8\x82\xdd\xeer\xe9\x1fF\xf7\xc3\x91\xfdT 3&lt;\xda\xa8\x0b\xf20\x8e\xd0j\x0c\xc32\x8ct*\xa3\x85g\x14\x03\x9dN\x90\x1cWP\x16\x9et\xd9l\xa9T\n\xa4\x8a\xacON~\xfe\xbc\xd0k\xd2O\x1a#\x11\xaf\xd7\x1b\xf1z\xbc\xea\x18\xcd\x93&lt;\xc7\xb3,\x8b\xc1J\xf2M\xe3\xbb\x04\xcb\x821\x9c0\xd4\xf3\xa8m\xd8\xe2\x01,l\xe1\xfa\xfa\xe4\xc2\xc2\xe7\x85\x05xNN\x82r\x81@\n\xdeO\xed\xb4\t\x9c\x90\xe6h\x92I\xb0\x0c\x91\x95\xef\xd8\xfe\x03\x9f\xcb\x88\x15|\xda\xc6\xe6\x9dx\xdc\x03byA)\x97\xden_X\xb0\x03\x99\xdddr]\x93\x81d)C[Z\x88\xa5\x05\x82!\x88\x04\x95\x90\xcd\xc5\xa92E0$-\xa6G\xb5;\x83f\x8f\x07k\xe55\xf6\xbaLv\xd3\x12.\xfb\x92\xdd\xef\x9f\x98X\xd0\x1b1\x17\xf4\x9d\xc50\xda\xe3K\x8a\x0c\x9c\x9b\x88\x91\xad\xe9_I\x14\xde\xf6`\x00\x07-\x83qO\xc6c\x83\xb6\n\x18{\xf5z\x93\xddo\x9f\xb0\xebM\x0bz\x93~\xc2\xa4w\x01\x15t\x9d-n\xeb\xb2\x8c&amp;\xab\xa0\x16$lM\xae%\xe7u\x02\x96\x05\x9a\xe4z^\xc4\xcdq\xb3\'\x03jy\x03\x11\xa3\xbeW\x8f\xf5\xb2\xdb\xed&amp;}\xaf\xcbh\x0c_9\x98\xb2\xd92\x19[G\x87\xc5\x97\x14D\x82\xa2X\xb9fq\n\x02\x1e!\x9eo\xeb\xd9\xf1xpg\x01Wj\x7f\x7fn\xcee\xbcg\xb2\xdb\x97\x96L\xbd.Wx?\xba\xef\xc5X\x19\xc0\xf2\x80\xa2f_L\xa82p\xe9\xc8\x16\xe5j-\xd8e\x00\x8b\x1b\x1e\xf4\x98\xb1\\\xa0\x17T &lt;g\x04\xc5\x00\x0c\xe4\n\xff\xbb5:\xb7\xef\x05\xa9@+\xcfUiA-\x16\xd4\xcan\xcb\xb4f\xd5`qAp\xae\xbc\x18\x84\xbf68\x18\xcf`\xb9F\xf6\x03a\xa3\xcbx-\x97\xcb\x15i\xb5Ap\xa5l\xd7H V\xbc1V\x11E8\x17\x13%\xb9\x0e\x1e\x02{\xc8\x0b\xc3q0\x11\xb0&lt;8\xb8p\x98B"\xacCx\xb9\\\xf8\t\xf9\x00\xc1\x85\xb52\x83\xa0\xe6\xb86V\x11\x18\x88\xd4\x84Lj\xbdf`\xd5\xe3qo\rb*\xc0Jy\xf7\x03\x91\xc8$.\x0c\xb4\x00D\x10\xf7\x90\xa9\xae\xf0\x1c\xf4|G&lt;\x0efk\xf3\x80\x05\x95\x95\r\x0bV=h\xad\xb6\xe1\xc18\xaeL4l\x0c\x1ba\n!\xb1\\\xd79\xff\xf9\xf3\xd2[\xff\xe6\xdb\xa5\x89\xfbw\x1f\xff\xfa8\xdae\xb6\xc4-c3I\x01\x8e\x9f\x84\\X\x1b\xb0+\xd3\xd0Z\xb9\xe1\x1d\x08\x88\xae\x0eu\xdd\xaf\x0f\xef\xdd\xf3\xfb\xd7\xfc\x17\x17\x80\xf2v\xf3\x02^\xc7\xc7\x17\x17k\xfe\x97\xef\xdf\x1f.Z\xfb5\xed\x86\xc6\xc1\xe0VL\x80Y\x94\x0f+\x01j\xc1\x0e\x9a\x1b\xda\x89\x1bt}\x03\x0e\xc7\xf4\xe1\xfb\x97/\xbf\x00\xcb\x87\x0f\xc7\xc7\xf0\x80:\xfep\xfc\xe5;0\xcd\xcf\xcc\xce\xcc\xce\x06\x83\xdd\xba\xa0;\x9f\xaf\x00VB6\xb5XZ\x04\xaa\xa4\xef\x85\xc6\x97NWA\x03!?\xb3\xf8\xf5\xfb\x17`\xf9\xf0_\\\x80\xf6\xe5\xfb\xd7o3y\x01\xb6z^\x14DQp\xce\xba\xb7\xf6\xaa\x95jV.\xb5\x8a\xd0[\xe0a:\x19tr\x1c\x0f[\x17\xbe\x88U+\xeeo\xdf\xbe_\\\x80{\xb8..\xbe\xcf\xefUY\x1an\xdc\x0c\xfe\xd4\x0b\xd6\x8d\xd8\xb2{+Y\xadd\xb32\x05\xc4G0\x11\xa8\xd2\xf9\x18lQ$\xbe3\xc3U\x83b\x85\xca\xc9\xfb\xb5\xb5\xb5Mxmn\xfa\xdf\x1c\xce&amp;E\x1a\xdf\x87(|\xff!\x0b&lt;\xbf\xe7\x9e\xcfW+\x92LjM\x9d%\x18\x11\x16\xa8\xa4\xc4\xf3"\x0f\xf6p4\xdc,`2\xab3\x87o\xfc\x13@\xe6\xf7\xfb\xef?u\xcc\xc6\xaa\x02\xc7\tB\xda9\x9bO\xa6\x05\xf8e,WE\xaa\xc9d\xe2\xc7,\xdcpr\xc9|\x95\x17\xda\x92NG\xff\xa2\xb5/8\x94{\x94K;\xad\x0f\xefO,\xf9\xfdv\xfb\xc4\xfd9\xab\xd37\xd43\xa4\xednj\xa8ohhjZq\xa6\xb9\xda\xb2;\x0fXg2\xf5\x16`Ag\xd5\xf8G&gt;G\xd3xS}\xc3\x83\xfe~\xeb\x80S\xdb\xac\xed\xee\x88\x1a\'@+\x93\xf1\xaeB\xa7}\xd1\xdc\xd8nmR\xd4\xd7?~\xfc[\xfd\x83\xfePz\xef\xd2\xbd\'Ie\xb9&amp;QJ\x88\x82/_I\xb7[\xc7\xeb\xea~{|\xef\xe9\x9b\x97\xff|\x7fh\xed\xd65\xc6;\xa2w\xedk\xfe\xfbQ[\x1c\xa0\xba\xc7\xfb\xfb\xff\xf5\xf2\xe9?\x14\xad##uu\x8a\x81\xadK\xf7\xd6Q\xb9&amp;\x1f\x16\x9b\x8b\xed\xe5\x1b5\xe3u#\nE\x93\xd5zr2\xb3\xb8\xb8\xb8\xd2m\xb1dFz\x976\xfd\xc6h\x87\xc5\xa2\x1b\xe8?&lt;\\\xc1\xef\x8f7\xd4\xb5\x8e\xd4+4\xf3\x9f\x8e\x96k\x07e\x99\x16\x9b\xd7R\xb6\x9a\xcc\x1f\xf9\xba\xd5\xb7\xd5\xd6&gt;m\xdf\xc0\xca\xb7\xc5ig\xe8dZ\xa3\xb3\x98G\\\xf6\xcd\xb7\xae\xb9\x16\xb3N\xb38\x1d\x0c\x9e\xcc\xbb\xe7\xfb\xfa\xc6\xc64\xad#u\x9d\x8e\xf3\xcb\xe5\xa3\x83\xb2Lk\xe0iM\xaa&amp;\xf7\xf6\xb4\x9dju\xe7\xd8h\xb3V\x9bL\xe2y\x0b:\x7f\xd7Y\x0c\xad\x81\xc9\xb7vP\xcb\xdce\r\xf9\x82I\x0e\x8f\xac\xaf\xd9\xa7\xd5\xdcn\xad\x1bp\x9f_\x1e\x95J2]\xac\xdf\x95\xa5j\xfe(\xd6\xa8n\xbd}\xa7\xaf\'\xc7A,\x95\x95b-\x7f\x12\xb2\x80Z\x81\xc0\x7f"\xe1\x91\x16C\xfb\xc0l\xac\\S\xd6X\x15\xcd\xb7\r\xc1\xffP\xa7\xd0\xcc\xfe\xb5|tv \x93Z\xbb\x07\xb5\xca\xde\x96O\xa7V\xdf\xee\x1c}R`\xa5B\x01\x15\xa4\x1f\x9f\x9c\x0e\x83\xc5\xdc\x11X_2z;\xbaZ\xba\x1c\xa1\xe5\x1f%\x1e.\xde5\x89\x7f\xd6\xa3S7\x8ck\x9c\xe0\xe2\xf6\x81Lj\xadn\x97\xa5\xa3\x18\xfc\xffwZ\x9a\x1f=\xcb\xb9\xcf\xb3\x05^\xf8\xf4\xf5|e@m6d\xbc\xe1\xa5^o\x8b\xa1\xe5\xf6\x80\xc3\xfd\xe9G\x9e+T\xcf\xcec\xb9\'/\xba\xea\xc65}\xee\xcb\xcb?\xe4\xfa\xd8y\xb5tP\xc3\x1e6u\x1a~\x1f\x1a\xd6:\xe7\xdd\xb1\xe0\xbcc\xc5\xa1i\xea\xd4\x99=\xa99\xfdd \xd3\xd2\xae\xb1\x86B\xd6\xe9ywpy\xde\xa9\x1d\xee\xd1\xb5\xdcQ\x8cw\xcf\x9c\x97\xb6\xe5\xfa\xecm\xb5T:\x809T\x8cwvv\xeat\xba\xc61\xe7\xc9lh\xf6dzq@g\xee\xca\xa4\xc2\xc6\xc9H\xc6\x0c\xbd\x15r\xf4\xf5\x85B\xce\xb1\xb1\xb1\xe6\xb1nC\x8b\xfa\x7f\xb4\x9a\xdfkZi\x1a\xc7\xf7\xca\x1b\xaf6\xe4\x0f\x08\xac\xe0\xaf\xf3\x0b\xf5\xfcX\xf5\x18\xc9E==G\xe1T\x91\x08{2\xee\xc1\n\x92\xb8B\t\x16\xe3\x9ex\xacdd\xa8U1K\x98\xc8f\x92t3a\xb7i\x91L\x9b\xc44\x93\x86!5K\xda0\xa1\xb6\x86\x94\\\x840\xc4\x16\xc2NaZ\xc8E`\xb6\xfb8\xec\x9f\xa0\x0f\xe2\x85\xe7\xc2\x0f\xcf\xf3=\xcf\xfb|\xdf\xf7\xd5\xd2\x86|\xb5\xb9\xb2\xd1#\xac\xe9\'\x9bO\xb6\'X\xedPL?\xe8\xf1X9\xfbj\x1a\xfe&gt;=\x17\xb4\x0e\x0e\xce\xd8\xead\x02\x93\xee9].\x8f\x18\x18\x8e\x8a\xe9a1\xc8\x05\xcdV.\xa6\xeb\xeb\xd3\xa7\xc3\xcdFc~~\xba\xebd\xf3\xeb\xf77\xbe}\xfa\xe4\x01`i-v\'\xe1\xb4\xb9\xd8\xd5\xe0j 5\xc7\xdd\x04\'\xebt\xd5%)\xb18\xe6\xf4\xde\x9c\x19d\x83ihY"ks\xd9,6BK\x1b\xf9@q\xff\xc9R\xf8\xac\xbc\xd7e\xd9\xffp\xc6\xaa\xc8\x8doW\xd6&amp;\xecZ\x9a\xa6C!U5jthyk\x8b\x98\x01\x1bKh\x07\xeb\x19r\xb1U\'d0\x88\x04\xc1\xaf\xa6x\xbd\xd6\xa8\xaa!Y\xa6e\xda \x16\xf77Mui\x8c\xa8vu\x97~&gt;L{U{\xe4\xfb\x06`\x11\xb2\xa28\x1c\x0c\xd3\x9f\xcc\xe5v&amp;i\xef\xed1/!\xdbl\xf5\xfabfL\x06,\xf9\xde\x98\xac\x1aQ\xd4\xdfj1\xfd\x8c\xa2\xa8F\xad\x05\xb0\x0eYEa\x9c\xd1nn\xa2\xdez\x1e\xfd\xcfWz\x0b\xb7\xb6\xb2\x04X\xaa\xa2Pn\xb7;9\x9b\xbc\xb6\xd3\x02\x9f8vO&amp;\\6\xdbX\xbd.{m\x16\x82\xb8W\xf7\x16Z\xa1\xa1v\xb2\xdf\xc18H\x81Qh\x16\xb0V4\x8e\x81\xaf&gt;\xcftuo\xf7S\xe6\xfd\x8f_s\x96\x07PD\xc4Y\x90\x84Q75\n\xe1n\xd5\xa5Lg\xc7\xc85\xe8r\xd6\xa5z\x9d\xb0\xd9l\xf0N*\x8a \t\xe0\x8a\x04L I\xa5\xa0\xb2\xe9\xe2~C\x97\x0c~\xfe\xb9\xdeU\xac\xff^^\xcd\xdc\x1b4\x84W\xd6p\x84P$\nb\x14\xa3\xdcB&amp;Cfn\x8f\xcd\xb8\xcc.\x17-\x95\x8eZ\x84\xdd\xca:\xbd\xb7%\x05\xc3\x00\xa9\x13\x92P(\x84,\x1d,\xd4?\xf8\xfe\xd2\xd7\xddl]^y\x13\xde\xaf\x1f\xbc\\2\x01\x16)a\x12\x96\xc00I"3\xe0\xf3\xebV\x8f\xcd%\x93\xa5Z\xcd\xd7\xb2\xb1\x9c\xb5.%(\n\xfb-S\xa4$\x90\x05\x856\xa4w\xf7\x9b\xa2w,s9\xbb\xde]\xac\xcb\x99\xdb7\'\xeenL\xe1\x1cQPH\xa1\xb3{+%$\xe8U\t\x89\xb6\xaa^\xafBU\x96\x97+\x92\x93\x90Y\x9a\xf2\xf9\xa8#\xe0&amp;\x1d\xa4D\tL\x88p\x89\xc5\xe6\x9e\xa9\x9e\xc9\\\xfe\xd4\xd5-\xc1OW\x973\x85k\x83_4\xa6LVB.@\x8d|T\t\x1c&gt;\x86A)\xaduARF\x17\x9e\xfd\xf2\xcb\x82\xbbE\x96\xeav\xaaV\x81\xc7\tR\xa0(Ab\n\xaa\xcd\x1a\xcc\xeeW5\x02\xe9\xb8&lt;\xed*\xd6wG\teT\xf5\xe2\xcd\xbb&amp;\xc4&amp;\x17\n\x90,\xc0\x02\xf5P\x95Z\xccI\xd5\xc6\xfb\x1d\x0b\xcb\xcf^\x8c\xbb[\xbe\x1aE\xa0\xcbP\xcfR\x07\xd9\'a$#[\x10\xb1\xf8\xa9*\x0b\x89\xf6\xd5^W\xfb\xfc\xfc\xa3\xfa\xc2rb\x11_\xbb\x8b#6\xa7\xaa\x90\x80\x95\xf0aX\xa9R\x1b\x8f\xca\xa3\x8e\x98E\xef^X\x1e\x9f5\x1a\xfb)\x9f\x91\xab-\xd7*\xa5\x12\x08\x8c\x12\x04\xa5\xa0\xb5\x01\xd6F\x13;:r`\xdd=\xfb\x99&gt;\xd5=\xab\x1d\x1dM|\xb9\x86\x9b\x07mjA\x110\n\xc3H\x0c\xab\xd4FM2c\xfd\xc3\xefG\xd0\xdc\xa3\xa4\x7f\xf8/\xff\xb2&amp;\x8dQ\x98\x9f+\x1d(\n\x1c\x9a#\xa4\xb5#\xe9\xea\xc6i\xe9\xeaEr\xa7\xcb\x8b\xcf\xa7\xdc\x8b\xa3\xab\x9a\xff\xcb\'q\x93\xcbI\xabJA )\x8a\x94|\x95\x1ae\xb6\n\xcc\xc3\x1b7"\xc1\xd5\xd5\xc8\x9f\xffzCn\xf3\x88\xaf\x06X\x1d\xf0Q\xb7\xd0\xafa\xad\xd1\xec\xde\xc6\xc5\xd5\xe5\xf2\xa3_\xbb\xbcV\xdf\xdf\xaa,.\x962\xdf\xbc\x84*\xc2\xf2\xa3\x16\x18\x90}\x07\xcb\x87Y\xbe \xdc\xb5\xca,\x87\xa7\'\x90&gt;\x0cs\xb4\xccz\xccW\xab\x80\xf0F\x057\xc9\xa8\x04\x8b\x0c\x17\x9b\xfb\xb7\xdf\xbd+\xedt\xfb\xfc\xeeq1\xa9xe\xef\xf5\xc6Z\xdclw\xd2\x04\x1d*\x14HE*\x81\xb2\x19\xcf\xc3\x99V{\'\x97\xf3\xe7\x06r\xed\xd6\xccC\x17EbG&gt;h\x0f\x0e\x87R0j\x9d,\x92\xafn4\xd3eY&gt;\xed\xf2\xd6\xfc\xad\xe9\xaaav\xb7\x1c\xfc\xdb\xe1v\xdc\x848;3\x84\nd i)A\xb6\xfa\xfc\xa9r.w&gt;~\x9eC\x03\x06m\x88\x84\x9f)\x1f\xc68B\x85\x90\x1ccc\x1c\x025&lt;L\x9d\xee\x9d\xeew{\xde\xbau_\xcbeSs\xf8\xe1\xe6\x14\xeeqj5\xb4\xaa\xca*\xd4\xb1 IJ\x08M\xa5\xe6\xb6v\xee\xdc9O\xea\xf8 \xafi\x91\x12\xb4,\xe6\x1a\x13\n\x85d\x82\x8f\xd9\xc5l\xb3QeO\xf7\xc2\xdd?\x83}|\xda\x82l\xe1\x87\xdbS\x11\xb3\xddb\xd1ji\xad\xca\x08L\xc1\xc1\x84b\xa9T \x97\xbcs~\xfe\xd3y\x9b7\x04\x0c\x1a\x9aQH\xc6\xc1\xf4\xab}\xfdZ\xad\xde\x10\xcc\x87\xf7\x9aEv\xeet\xaf\x07W"\xee\xef\x96y\xbb\xa7\xfatj\xc4\xc4\xd9\xb4Z\xa7EK3\x8c\xd68d\x8c\xa5\x02\x01t\xa0\x83u&gt;\xeeFy&gt;\x85j\xfa\xd4V\x88ah\xdaH\xbb,\x16;\x92\x0fW\x9bE}\xec\xac\x07\xd3\xfc\xad\xf9\xbd@\x8c\xd0\xefm\xdf\x8dG&lt;V\'\xc1\xda\x9c!cL\xc3\xc7t)\xd4\xef\x1f\x10\xa8\xd1\xe4\xac\xa3M\x86\xfa\xfc\xba\xd8\\\x8a\xd7\x18\x87\xfaa\xfc\xb3\xb0@\x15\xcd\x86\x0f\xf7\xcf\xfa\xfb\xceza\x14o\xad\x175\xa1!\xc0\x1a\xc1=V\x9b\xc5j\'\x8c\x86@ \x85\x96\xfd\x93\xfdC-\x07\xe5\xa3H\xb2\x84\x91u\xb5o\x12\xb4\x86\xf2\xa8N\x133\xb0\xac\x9dC\x86\xb3\xe1\xea\xc6\x99c\xebSo\x8c\xe2\xfa\xaf;g\xa0\xad\x91\x88\x19\xb1Z\x11\xcei\x08\x82\xc1\xd0\xf9\x87&amp;\x99v\xfb8y\xb1P\xbb\x808n\xf51\x03\xfer9\x95\xe2c1\x96\x03\xaah\xbe\x08X\x0f\xf6\xd7{u\xfc:=\xff\xf8;\xc0\xc2M\x88\xc7cF\xecv0ce\xbfnh\xd2\x7f\xe0?\x808&gt;\xf8p|\xdcn\xb7\xaf\r\xf8\'\xb7\xca\x81T\x19\xec4\x07\x16(\x0f\xd9j\xbc\xec\xe9\x05\x8d\xe7\xdbS\xf1\xb8\xd9d\x86\x8f8\x1cHm\xe5\xfc(\n\xbelu\xf5\xe4\xe4\xe4\xe0\xe4\xe0\xa0\xf3U\xd6M\xe6r\xb9\xb9@y\x0e\x8c\x998\x1c\xdd-\x86\xb7\x1b\xbd\xbd\xc8\xf5O\xc0\x8at\xa0L`\xaaS[[[\xe54n\x8aF9\x84\xb3\xae\x9e\x00\x1cg\x8er\xa28\x97\xdb\xc9m\xa5Ss\xc1\xdd|^\x04i\x15\xab+\xbd\xbd.\xb5\xfet\xe97,\x13n6\x0f\xa7r~1\xfe\xc7\x1b#\xb8\xf9O?B|vy\xe0\xcbc\x1e\xf9\xe6z\xba\x9c\xdb\n\x04\x82i\xc0\x1a\x16\x01k\xbb1\xdfs\xacx\xa7\x86\xb89\x1a-\xfb\xd9\xe8\xc4\xf5\x91\xe8\xc9\x877\xaf~~\xf3\xee\xfd\xbb7\xef\xde\xbc\xf9p\xb2:\x11\x9f\x105h*\x1dL\x17\xb3\xf94(\xbe\x18\xee\xf1\x9d\xa4\x7fl\xaeME\x00\t\x8f\x98\x101\x85\xa2hP4{@Vo/^\xbd:~{q|~~p\xe21\x89b\xcc\xa0\x9bK\x8b\xbb\x80\x05\x82\xcf\x16\xab=\xbe\xfa3\xfdr\r^\xc5N\xb6L"\xc2\xa1~\ro\xb7s\xab\'\x1f.\xdeBox\xfb\xf1\xf5\xf1\xc1\tH\x8c\x8d\xa1\x93~\xd4\x10\xd8\rg!\xc2\xd9\x07{\xcf{\x8b\xf5\xbb\xc6\xf6R\x1c\x07\xc5\xe38\xc2q:\x8dQ\xc7\xb3\xfa\x98\xa6}\xf1\xf1\xf5\xc7\x8f\xaf_\x7f\xbc8&gt;@5\x86\x98_\xa3\xf3\xa3\x81t8\\\xdc\xcd\x16\x8b\x80\xf5C\x8f\xb166\x97\xa6\xfe\x8f\x85\x00\x16\xaa\xd1\xe8-&lt;\xaf\xe93B\xdf:\xbe8nON\xeax\x83\xce\xa8\x83Gb\x07+\xdb9\xc1\xabn\xf4\xfa\xa2\xe7\xfd\xc6\xda\x14\xa4\xcb\x84Gp$\xc8\xeb\rz\r\x8c\x08vCP\x9c\x88\xc7#\x13\xa2\x81\x87\x05G\xa3\x8b\xe9c \xbb|\x18"\x9b\xcd\x87\x9b+\xbd\xc6z\xbey\x08U\xc4M\x91\x08\x1e\xe5X\xc8\x94\xde\xc0\xc6x1\x18H\xa7w\x03iqx\x983@\xbaX;\x8f\x06D\x98\x1c\xc2\xc5|\x16\x86\xc0\x7f\xf7Z[\xeb\x7fo@G\xc5\xffG\xbb\xb9\x87\xa6\x95gq|7!\xd7\x8dW\xf3\xc7\xed\xfdC:\x81\xd5"\xbd&gt;\xd1\\\x9d\xf5\x11\x1f\xd5I5\xda!\xbe\x10\x15\xd1\xa6\x8a;Z,\x12\xbb\xa2&amp;\xeb\xb65\xd6\x80\xcb\xd0R\xd9hD\xbbL\xc3\x94\x86\x84\r\x13:\xdd\xa5\x19\xd2\xb4\xcb\xd0.\xf41\x9d@\xba\x03\xc9\xb0}\xd0R:\xd3\xa5\x9d@\xa7\x0c\x0c{~fgY\xd8\x9d\xd9\x99\xd9z4&gt;!\xf9\xdc\xef\xef{\xce\xef\x1c\xaf\x91E\xa3Q\x91\xd3+\xa0\x04\x02\x9a\xa2\xa4\xa8\x93\x90\x9e\x80&amp;P\x80\xce@\xe9\xb5\x02{\xd3\x0bu\x14\xa8|\xe5\xa3s\x17n\x9e\xefp&amp;\xfedu\xf92\xc8\x05P!\xa8\x13\x02/\xe8E\xd3B\xb3\x99\x10R8E\xd1\x18A\x92$e\x17\xd8\xedq\xc0\x9aC\xd6z{\xee\xc3\x0b\xcb\xe7\xdf\xeb4\xd6\xe5C\xcb\xb7gC\x80\x15\x92\xe5\xedv\xa9\x10\xc3u8aQg\x0e\x1e\xcc\x0c\x1eD\x1fi\xf9\x85|7\\&lt;N\x1fr&lt;l\xd3\xd7\x96+s\x9d\xc7\x1a=\xf4\xa7\x99J\x08")\x124\xa5\x05\x82\x10\x92\xe4\xbe=\x7fx\xf7\xf7\x87\x0f\xc30;\xb8\x0f\xbae?\x18\xde\xe9,\xcf\xec\x9f\x83\xb8\xbd\\\xad\x1c\xfdb\xac\xd3\x8b\xa8\x19=\xf4\xc1\\)\x19\xaa\x86\xf2\xce\x1c\xf45f\xa1y\xdf\x9e=\xe8\xec\xeb\xf3w7\x0f\xff"3H\x9a\t\xa9]\xe0\xf4\xbd=3\x03T3\xcb\xadj\xb2|\xa1\xc3Xg*.\xcd\xc4\xb9\xe5\xa3\xa5R\xa5\x9a\x14{\xddB7\x9f/\xe4f\x16\x16\xfeR?\xb6\xb9\xf9\xe0\xd8\xb1=$i\xa6\xec9\x8f/\x0fy8w~\xee\xb2\xc6\x96L\x96\xafu\x1a\xab\xd4r\x8dN\x9ck!,\x90\xcb\x035\n\xca\'\xb7\x0ec\xcf\xca\x83\xcd\xcd\xe2J\x81\xcf/\xc0\xd0\x91\xcf\xcf\x02\xd4\xec\xec\xb2\xa6\x15\x95\xe5\xcb\xd7:\xfc5\xdd\xd5\x92\xcd\x86\xf4\xd2T+\xd5j(\xe6\x8c\xc3\xa8\xe3i\x16\x8b+++R\xe8\xfe\xdc\x96\xa2\xdb\xd3\xf4@u\xcd\x9f\x9f\x9b\x05t\x8d+*\x12\xc5\xca\xb7;\xfc\x7f\x06\xefWl\xe1\xb0M3zn\xa2U\xad\xb6\x92\xe3\xde\x9c\xd3\xe3\xf54/^t7\xe1\xa6\xe9\xb9xB:&gt;&gt;\xee\xf5\xe5K\xb3\xb3\x95\xd6qDe\x15\xc7\xca\x1fv\xf8[\xf3\xef\x94\xc2\xd1Z\xd8\xe6\x9a\x98\x98\x18m\xb5BI\x9f\xd3\xe7\xccyr9t\x128\xd7&lt;\x01\xfbs\x0e\n&gt;\xa2*\xb54\x1a\xa0\n*`\x1e)\xcftx\xf7y\xaf\x12\xae\xcd\xcb\xa260\xd8\xc4(t\xa6\xc9|\xde\xe7\xbbr\xc5s%w\xa2y\x05\xc6k\x8fg\xdc\x07Q\xaaV\x10\x95&amp;*Vh\xb5\x80\xb5\xbf\xc3\xbb\xcf\xb5Jx&gt;\x18\x14\xc9\xc2m.\x04&amp;\xcb\'}e\xe7\xb8\xa7\x1d \x94/\x9f\xcf\'[.\xcd(\xbc\x1b\x15\x1bt\xb4Ra\x8d\xbd}\xad\xa3\xe6Z\xba\x99\xac\xcd[\xad\x12\xb1\xac\xad\x17\x90\xb9l\xa1d\xb2\x94\x8f!\x8d\xca\xce2 %C\xaeV\x1bJc\x13)\x94:9\xc2:z\xf3\x8b\xa5N%\xe3\xd8\xd2\xfdO?\x08\xd5\x82V\xb0K\x0cqm\x83i\\.\x9b\r\x8a&gt;D\xa8\xd5r\xb9`\xedF\xe1U\x8d&amp;\x8c&gt;\xad\x90\xcbuFk\xac\xbc\xffo/&gt;\xfa\xf8\xfeR\x07\xca\xd7\xd2\xa5\xb5\xe9\xd2\x1c\xc22(\xb5\xc3\xff\xc6\x85\x10\xbe\tx&lt;\xda\xb6\x1d\xd2jX)\x97\xe3\x08K\xec;z\xfeF`\xe4\xea\xad\xaf\xd6_5\xd8\xeaZ\xea\xb3\xd6\xf1R\xb8\x164\x1a\x94:\x98\xe2\x81\xab\x8dp\x0e\x02\xd8\xb6c\xa2\xfd\x04\x04t\x01\x95\x1e\xc71\x1c-\xa2\x182\xb32?\xedp8\xb6\x9e\xbf\xda\xb5\\\xfd\xe8F\xd8\xd6:^\xb5\xd5\xe6\x8dJ%M\xeb\xb5\x12\xf0=\xd2g[\xb3s\xed\xebv\x1a\xa0\x80\x15\x14\xc41B\x05X\x06\xabX\x94\xac\x86d\xe1\xcf\xaegS\x91\xf5W\xe9\xaaw\xd6n\xd8\xc2\xb5\xf0/]\x80\xa5\x00\xaao\xb8P\xd8Z`\xad\x90\xadjk\xdfA\xb9\x85\x1b\x9bL\xa2\x95\xf2\xfd\xc4\x11\\\xa7TZ\xa1\xc7n\x85\xc4\xa2\x1a\x80\xf1\xd6^UN\x9e^\xbf\xf7hk\x03\x15\x86(\xc2\x02o\xe9p9\x05\\\xc8_.\xc0\x88\xcaD(\x11c\xbeX\x0cu\xf9\xd1h\x18\x866-E\x98U\x80%\xd7)\xac"Q\xd4\x15\xb2\xc2}\xf0F#\xf2\xe5+X\xc6\xb13\xf7\xbfz\x91M\xa7\x1c\x1bA\xa3\xc2(\x03#\xb7\xb1\xe4*\xe8F\x05H/P\x07&amp;\xa1\x987\xe7\xf1B8%1\xb1\x0c\x85HB\x0bI\xb3_(oc\x89eQMT\x01\x8f\x14\x8f\'\x1d\x1bw\xfe~\xfa\xff\\\xbbKw\x1eoD\x02\x8e@"\xf0\x89B\xf7;\x83\x08\xb2\x1e,\xaf\xd4\xd18Lb\x94]+\xae\xb5\xb5\x8a9=M\xa9[*=\xe1q\xc6bb\x11\x04P\x11~\xbfJ(\xc4q\xda`\x85\xe5\xd3\xc8\xb4\x07\x84r\xe5\xe2\xde\xb3\x81\xac\xe3\xe1\xd7g~tF\x9eZ}\xfe8=}=2\x90\x18\x18\x19\xd9\xfb\t~\xe4\x80\xce\xeaBj\x19\r4-\xc7\xa1]\x8e\xdb\xf51\x19\xd2\xca\xe9\xf4J\x8b+\xc5\xa2\xd4;,\x89\xc5@1\x89\x1e3\xfb\xfdf\x92\xc0\xe58\xad\xb4\xce\xd7\xc2.\x91R\xf5[\xe2\xd1k\x03\xdd#\x89@\x82\xf5\xe8\xde\xfa\xa9\x1fg\xa8\x07/\xd3@\x95\xee\x1e\x19\xd919\xb9\xe3\xae\xdar\x04W\xd8\xb6\xb1@-\xa1\x90\xc0\x84qjX,\x16K\x9c\xceaA\xb3X\xaf\x17\xa5\x82a\x08\tP\xe1D\x81T[H\x0c*\x84Ni\rBr\x88i\xbf\xda\xf2\xa2\xd1\xdd\x98\xec\xde\xb5w$\x95\xde\xba\xf7\xfe\x0fU\xec\xd4\xfa\xe6\xa3i\x88\xeb\xd7\xa7S\x93\x93\x93\x8dFc\xf2\x8d\xd7\xf7\xf8U\xca\xf0\xbf\xb0\xe4\xc0E\xf01\x81\x17\xa6k\x8fW\x00\xa3\x18t[M\xb8\x17h\xe1Jaf\xaeEM\x12*\x95\x1c\xb0\x8c\xc1y\xc0\xa2\xfc\xea}\'\x1b\x93\xa6\x06\x1c\xe4d*==\xfd\xc3\xc0\xc6\x96\xbe~\xba\x95FT\xe9T:\x1b\xd8\xd9h\x98L\xa6\x06gm\xc1B\xe8\xa2m\xcbC\x85\x90\xe3\x18\xe8Q\xe0K\x87\xb5\xc3zA\xaei\xd7\xa3Q\xd1\xde\x84aH\n\xc3#e\xb6X,\\\xb3P\x85&amp;#\xbd\x15aIh\xff\xbe5N\xa3\xc115\x1a;\x1b\x81!\x87#\x9b}\xf9\xe5\xea\xd8\xf7\x15\n\xaaAz;R\x90\x81\x81.\x0e\x87\xcd\xe64L\xb7\x16,~\x9dH\x03u\xc2j0 o\x11 \x08p)\xa0l6\xed\xd0:\x0b\xec\xf1\xa6\x14"N\t(&gt;\xa9\x1e$\x0b\x04`\x81\xb5\x0c\xc6 \xb4h\x12P\xeb\x89\xa9abs\xe0(y\x90G\x8eT*\x9d~\xf9\xe0{yl\xe9\xaf\x1b\xd9,Rx\x1a\xa8RY\xc7YV\x17\x9b\xcd`\xb0M\xa6\xfe\xd73$-r\x01\x96\x11\xca\xbc\x1cW\x11~\x92\xcb\xe5b\x14\x9a\xec\xddE\xbe=.E\x03\xa2\x94\xd2\xeb\x05\x14\x91\xe1\xc2\x9bf?q\x00\xd6P\x81\xd4\xb2\r\xe3\xe4o\xfa\x81\x8a\x01\xbf\x8d\xcdb9\x80)\x8d\xfe\xca\xcbO\xff\xfc\xbf\xc0\xc6\xd6o\xb1"\xd9T{\xfd\x00*\xebp$\x06\xfa\x18\xbd\xbd\xbd\x0c\x8e\x89\xf1\xb9\x85\xc4\xc5\x08\xcb\xaa0\xe8t\xf2\x03*3\x89\x16*N\xc7\xed4\x1d\xe7C\xb8\xddR;\xa5\xa71\x98\x85\xb8\xeaA\x0b\t3$XKo\xb4Z\xe7\xc3Q-.\xbc\xc56q\x10\x16c\x8a\xd5\xd3\xc3\xda\x95pdSY\x90l\xeb\xce\xfd\xef\x04\x1b{\xf6d#\x0b\xd9\xd7\xa6\xca:\x02\x91Db/\xb3\xefW\x88\x8b\xcda\x9fT\xfb\xf1m\xb5`\xabF\xde\xf2s-\\n\x01\x8b\xf3\tsQ\n\xe5\x15\xc7\xa8\xb8\xb4\x083\x1aL\x8fjR\xcd% Y1\x8a6(\xac\xd6`\xb8\xa6\x8f?\xec\x07?0z\x19\xec\x9f/N\xf1"\xb0o\x07\xb2\xff\x94l\xeb\xcew|\x00v\xea\xd9\x93\xa9\x8d4d_:\x8d\x84\nD"C\xac\xbe.\xdeT/p\x81\xf0\x8c\x87\\,\x06["\x94{\xa5\x0e\x18\x84\xa0\x16\xac\x14\x1f\xe3\x17\n\xdc\x0c\x04\x97\x0b\xea\x15\xddnx\x81\x8b\x84\xf4\xa3b\nXF\x90\xab&amp;\x12\xe0O@,\xa0\x02\xb1\x98\xbc!\x1e\x8f\xd9\x978\x0b\xbeO\xb5\x15{\xfa\xadg^\xc6.\xdd\xe5-\xa2\x9a\x90\x06\xa5",\xf0X \xb2\xab\xa7\xbb\x8b\xd9\x8f\xb0\x18l\xc6\xc9_\x0b%hg4\x1au4E!\xcf\x93 \x97\x19A\xd5\xeb\xf5\x05\xf8\xc9\xacdV\xc0_$\t\x80\x83$I`8j \x00K"\x12\x0b\x1e\xb29\x1c\xb4\x82\x8c\xfe\xc5\xdd\xcc)\xa0\xea\xeb\xdb5\x908\x1b\x80\x8c\x04\xd5\x9e~Kgq\xfa\xe3\xc5\xab\xcc!\xa4\x14\xe8444\xc4\xea\xeab\xb2X=\xcc\x1d\xcc\xa9\x9f\xf5n\x83\xbd\xe0Kj\xc1\xa0\x18\xd5-9\x85\xb9\t3\x98\x1eJ&amp;\xbfP_X8\xb6\xb0p\x10nV\nn\xbe\xd0\xcc-X2\x05\xb3\n\xc309m0\x18\r\xc6a\x91\xe4\xcd\x93`\x04$;\xe3$\xb3gq\xf7\x1b?\xed\xea\xe2\xf5\r$\x10W[\xb2\'\x97N\xfd\xd7~\xeaj\x1f\x939\x94j3\xb1X},8\x98\x1e\xde\xee\xae\xbe\x1dL\xde[p\x88\x88\xab\xff\x8fz\xb1\xc4\x1a\x04\xc7\xd3\x14\x86\t\xb5\x04\x97\x04\xbd\xa0\xa8\x162\xf5c\xed\xa8\xd7\xc1lD\x01\x96\x13.\x04\x14-\xf4\xfd3\x83\x02\xbay\xc5-6{\x9b\xea-\xde\xce\x9d\xafMu\xf1z\x98=\xdd=\xcc\x91\xbd\x03\x03\x89H \x9b]\xbc\xfb\x9f\x1d\xe2\xd8\xb3\xcf\x81\x82\xd9\xc3\x8a \xa4\x7fpq&gt;\xa1m\xa4g\x18\xd7\xccx4\xa3\x89fd&lt;\x12R\xe6\x8f\xc73\xa8\xe3\x1a\x92\xc3\xd8\xdb\xd8\xb5\xb2A\xd2H\xaa\xbb\xde\xc8`\xe8\x12\xfb\xb0\x10\x1d"\xcbP\x92\xa2\x11\xbe\xd4]d\x1f\xe6\x10X\xd4C!\xf4PC\xc1&gt;\xd9\x15\xf4\x9e\xf4(\x16\x12\x0c\xe9\xc9\xb0&gt;\x84B\x83I\x02n\xd9\x10\x9a\xbd\xf4y?%\xbb\xb4#Y\x10Y\x8c~\xf3\xbc\xcf\xf7\xbe\xcf\'\xe4\x90\xbe"~\xd2\xb5\x9a\x18\xbb&lt;\xe4\xc2\xd9\xe0\xfb\xd4\xab\xd9k\x0b\xd7~\xc1F\xf5Vr.Y\x85\x87fv\xabX\x82\xbb3\x8fH/PM!\xfbQ\xe3\xd8\xabV\xa9\x86\xf37\xa1\xd6\xc2\xca\xb5\x95\x97\x16+\xa0\xaa\xca\x03]\x80R&gt;\xef\n\x8a\xa8(b\xbd\xceJ\xb93\x1a\xbd\xf8\xfe\xff\x92\xc5\x9f\xfe}\xa6\xa5=W\x11c\xd4\x0c/\x15\x89*\r\xaaVkC\xd3u&gt;J\xd1\x95B\xaf\x0b\xcc\xe2\x05t\xd3y\xcc\xe9dq*K\xa6\x9f\xba&gt;\x8b\x0e_\x05\xca\x13\x18\x1e9y\xb1:\xb3\xb77\xb5\x0b\xadfg\xe7?\xf9d\xe1\x16\xe6\xe4\x1f\x06)\x06\xa5J\xb1\xc0\xe1\xf0y\x05X\xcd\xa6\xa2\x08\x82 \xd6a\xfe\xd8\xe0G\x97\x7f\xfe\xdf\x02\x92\x97\x0c\xaf\xa9\xc7\xa2\xa00\xa14Q\x1c\x93\xa5k\x1a\xcf\x93\xbbH.\xc7\xfa|ye\x01\xb3gv\x0b\xbe\xc1P\xccR\x8fX\xdf\xa2\x0f\x02\xd7\xab\xd9\xeaz\x91p\xd9\xe0A\x05!\x16\xf5\xf8\x85[\x0b\xcb\xf3\xa7\x04%\xa9\x05)\xe49\x9d\x13\xb0\x0e\xe9\xea\x9b\x02\xaeY\xd7\x05`\xed\xc4\x05\xd3\x1d\x9d\xfe\xb8\x05\xf9\xcd\xdf.\xa8t&lt;\xa7\x88~:M\x1a\x01\x05\xe6J\x8b.\xef\xfb\x9c+\x8a\xeep\x802\xa6d\x1c\xc3\xcf?]YY\xfe4YLn\xcdB\xae\xa9*\xb0f\xd6\x8b\x84Y,\xa2j\xa0\xa5\xe7\xb2{Et1\xfa\xe0\x12\x99yae\xf9\x9dD\x9d\x01\x9e\xdf\x1cr\xbc\xee\xf2&lt;\x90D\x11J\xe9\xba\xeb\x1bz=8\xda\xf0\r\xdb\xf6G/\x9e\x7f,\xe4\xf3\x8b\x9d\x96\x86F\x00n_k\xb5\xa8[\xa1_\x01L\x84p\n\xc8\\\xd8\xab\xed\xe0be\x88vF\x11\xe13\xbc\xfb\x95yB\xa9\xeeQ\xaf\xda\xdd-\x02\x07\x1d\x03\xb1\x82\x8d\xa4\xdd\xf5\xebI\xf6\x1a`-\xaf,\xbfl\x8f[\x9f\x9a\x1f\xe0Ry\x9e\xfc\x8eC\xe7]\xceGE\x05\xcf\x0b\x8et\xd3\xb7\x0b\xfe\x8f\x06\x83R\x02^L\x15\x8f\x87"\x95\x8d4\x1b\x97\xd2\xa3\x05\xa9\xc4q\xfc\xa2\x8d\xb3\xa6d\xdc.\x90\x0fX\r\x8bP\xe3J\x91V#\xac\x0f\xe7\xa3\xa6S\xc8\xc9w\xb2Kxf\xfdWx\tEX`\x81\xcaa\rFu"^\xf0u2\xbb\xe2*\x02\xcfs\xbc\x89\x1f\xbd^\x0f\xbc\xa3z\xc1\xd8\xafT\xf6\xdd\xd1\xe58Uh#\x85\xe78\x833|\xce\x1fb1R\x1d\xc7w\xd6)\xa0\x9b\xeb\x87\xac\x8c\x12\xd51\xba\xf8\x0cS\x19\xcebz\xcc\xcdewq\x10Vu\n\xf7\xec\x1c\xd6\xc1.\xb0\xae\xfft6\x89\x04;;\xbf|\xeb\xd6`\\BU\x1d\xea\x1cI\xc5\x9c\xa5\xf0\xe4}\x1f\x94\x02\xc3\xea\x98\xa6aT*\xfeht\xf9/\xe2\x82P\xbeo\xe09\xdf\x8fj\xb5#VDFTc\xa2\xe1\x04\xf0B&lt;l\xe7q^`\xa5\xec\x97\xc8T\x18\xcb\xc5\xeb\xd7\xe1z,\xc1\xdd\xa9"\xb2W\xb6\n\xb5\xe6\x92\x8b\x18JH4\xc9\xe2\xd6z\x15\n^\xb9\xb9LT\x12\x96rA\x8ab\x9f\xe7b\x97\xb0\\\x9d\xc7\xbbR\x89x\xb7\t\xac\xe0\xe8\x88+\x80\xa1P1\x14\xed\x15\x19,\xe6\xfc\x10O\x18\xb6\xe9\x87\xad5\x1a9\xad\xd6G*\x00v\xb0\x12\xc1\xc5\xbfh\xcb\x18\x1e\xc4\x15\xbe\xdc\xa2N\x05?\x15\xd1\xeai\xd0\xcc\xcc\xe1@\xbaZL..\xd2G\xf3\xa8%I\x98\x9d\xa9&amp;\xe7o\x9dQ\xc7#\xbb\xb7\x87\xb0\x12\xfa\x15\xef\xb2\x0b\r\tK\xd7u\xb4\x89\xba\xf7\xf4\xe9\x91\x00\xac}\xb3b\x1b\xe2h\xf4\xfd_\x13\x86i\x9a6\xee\xb6\xa1\x87\xad\x8d\x8d\x8d\x0f\xb3\x871Q\x8b\xd0h-\xc3\xf5\xc3\xcdT\xa5B\\r\xf4r}\x0f\x9d\x01\x1d3[\xa5t\xd3\x80\xa3\xd0\xa5\xee\xde]\x9c\x9bZ\xea\x95K\xc84\xd9\x99\'\x8d\x99\xa5\x99\xec\xe2\xcd3\xb6R@e\ry&amp;\x0e\x15\x10`\x1ci\xa5\xeb\xbe\x8e\xcdB\xf3\xf5\xc4\xd3\r\xcf\x06\x82\x8f\x8ch\xb8\xda\xe82a\x1at3l\xcb\xe4L\xcd\x15\x7f\xa8_z\xec|\x11C\x15\x0f\xae \x0e\x1c\ty\x89\xfc\x15\xff\xee\t\xa63\xa2\x1e\xcc\xd4\xe8\x95z0\xf9\x9d\xa9\xc5\xbb_}\x95m\x94z\xe5r\xb9\xd4h\x1c\xf7\xfb\xbdR)\xbbx\x91J1\xaaB\xeaD\xd1\x81\x12\x93\xb5\\\xd6zPQA\x07Z\xb3\xf94\x03\xac\x8e\xa9\x9a\xa6o\x92^\xfah\x94\x80N\xa4\x97\xe4\x80.\xce;!O\x99CK\x8f\xe5j\xb5\xd2"\x9b\x8fh\xc7\xde[\x19)Uez\xfd\x1d\xc3\xa6\x7f\xdck \x1c\x97\xb7\xcb\xbd\xa5%\xfa&gt;1{\xc4\xbf\xb7\xcb\xe5\xedn\xb7\xffh&amp;\x9b|\x07\xb33*\xe9D\x11t\x83\xd9\x1dP:\n\x88\xbe\xaas\xfb\xba\xde\xf4\xfe3\t,\xec\x1a\x106\xc1`V\xfe\x88\x86\x9f\x00\x93\x11\x9a\x85\x94d\x9b\x96\xe2H\xb2c\x85!\x87)\x9a\xa6\xfc\x80\x1a\x8e\x9b\x18\x14\xab\xd7\x06r\x81\xf4J\xc9\xf9\xe8\r\x1b\xcd\xe5^\xa3\xd7\xefn\x97K\x90\xac\xd1+\xd3Ww\xc7_\xbdC!\x1bX\x0b\xef\x1c\x8a\x90c*\x98\x9c\xa7\x03\x02\xc1\xee\xc8\'\x98:^\x10\x04u\xed\xe7\x99\xcc\xc4\xb3\xb5\xb5&amp;\xf0m\xa3R\x80\xed\xf7u\xc2\n#[\xb5-\xdb\x88:^(Y\xb2\xdc\x8e\xa2p\xac5\xac\xa9@)WKw\x82z]\x1bsA\xae\xcd\xe8\r\xaa\x08\x94^\xb9\x7f\xd0-\x97\xc6\xfat\x0f\x80t\x80\xef\x99\x00\x00\x08\xbfIDATHE\x84pH\x82K\xa7\x8e\xcc\x1aV\xc1i\x0fi\x0e\xe2\x84\xec\xb4\x8a\x82\x11\xecy\x98\xd2\xb8\xd7^g&amp;3\x99\xd7\x1b;\x81-\x15\x00SPm\xb4\xb0D\x18\xda\xa8\xa3d\xa2\xb4\x11\xdf\x14"\x0b\xf5\x94,K\x8a\xc2\xd0\xe0\\&gt;\x0cCJ^\xb0\x9cV\x0f\xb4\x81S\xa9\xb0\xf5(\xdbgw\x11Q\xefdK\xe5.\xb0V\xb7\x0f\x0e\x0f\xbf9\x04\xd5\xea\xcfP\xd8\x1e\x90{\xa5W)\xe6v\xb4\x86\x13\x9e\x04"\x89\x18\x10\xe6\x8e+`R#?x\xe2\xeb\xcc\x04\xb8^w\xee\x1f\xa1\x8a6*X\x80h\\\x02\x15\x04\x95\xca\xfb\xaa\x1d\t\\S\x89( \xa7,\x1c\x92\x15A6\xe0![\x90\xd9\xc4\xa6\xa7\xc5l\x9b\x80\xf7\xcb\xcb\xc3\x7f\xa2\x0bT\xef4`.8\xaaK\x7f`zp\xa3\xb4\xf4p\xa9\xdc\xefB\xba\xaf\xdf\xe6\xf3y\x99\xa5\x06h\x85\x8b\x8b\xc9\xa5\x08\'"\x88@%\xb8^]\x0b\xd2\xcf&amp;&amp;&amp;&amp;\'3\xbf\xf4\xeeo\xe8\xa8v\x05m\x02[6#\x81\xe5a\xab\x92-\xe8\x92:\xa8\xeb\x86\xc0G\xb2ea\x83\xd2F\x01\x1c\xc7\xb1\xa20\xa6\xd0\x85\xab\xc4\xe4\x0c\xb4\xe1\x07.\xbc\xa5u\x8a\xac|\x8c\x05\x87\xa5W\xea\x1e&gt;~|x\x1bT\xbfEY\xcf\xcf\xcf/7A\x95\xa7\x8ee\r\x86\x98\xab\xcc\x9e\x88t \xa2\x00\xa8+\xa8`\x10\xa4\xa1\x15\xfd\xd7A\x93\xf7j;k"6~\xb8\x8a}4\x06;\xe1\x1b\xbem\xa9~\xdd\x95\xd4\xa1\xa7p\xba\xc2G\x8e\x83\xdf\x02)ET\x11\x96\x00\xcfR\x0eZ&gt;\x97\xd6\x86N\xe1\x03W^\x1e\xbc9\xefv\x8f\xe1\xf0\xd5R\x19U&lt;(\x97\x1e&gt;,m\x1f|\xf3\xf8\xf0\xf2$G/\xa0L\x8b\xdc\x8e\xd5\x07 F\xc5\x12\x8d\xe8\xd5\xb1\xa4\x82\xa0\xf6e\x86Jx\xf5\x8b\xab\x93\xdf\xae\x91\xb9\x0c\xd3I\xa9\xb6\xc9\x19\t_0 \x96\x1e\x08\xb6\x8d\xd4\xe1s\x82\xc0\xd9\x8e\xa5\xda*\xdbi\x82\xca\xb2\xd04X\x11\xa9M\x04\xb5\x17\x91\xfa\x01+\x9f\xcb\x9d\xbc?\xef\x1f?\xea\xad\xae\xae\xde&gt;8\xe8\xae\xc2\xeb\xe5\xfe\xf9\xe3\xf7\'\xb9\xe9\\\x0e\xcer\x9c(\xc6\xf4\x83\xd3\xd1\xfbH-\x10\xb2(\x07\xc7\x83\nk\xf0#\xd6wG\xf7;\xbe\xc3qR^v\xc8[B\x8d\xb7R\xa6\xd0\x11-3\xca\xe76CNw\xb9\x10Pt\xb7#;"\x7f\x85\x1c]"\x1a\x06\xcb\x95\xc3h\xec.PM?\xc8]\xde@\xa7\xd8^-o\xf7\xbb\xb7\xc9\xfb\xfd\xee\xfb\xb7y\xa2\xca\xcb\xb2\x04*\x97\x92\x02qiL.\xd1\xf3PN\xea\x0c\xc1\xb7\xf7@\x95\x81\xb1\x006\xf9,\xb8\x7f\xc4\xa5|\xdd\xc4\x99\xa5\x82\x91\xf06\x94h3\x0c:MG\xb6\xa6\xa7\xad\xdc\xa6\x8dVg\xd04\xc2"\xe4\xd8\xc0\xc0\x891/\x14R\x0b\xde\xc5^h\x90\xfa\x01\xeb\xc1\xf4\xc9\xe9A\x17\x1d\x8c\xbaV\xf9F\xff\xe0\xf7\xa7\xedi\x82\xca\x93Xa\x8c~\x8e%\xed#\xfcQ\x195v\x88\x01\n\xe8}\xf7\x13F\xf5\xc5Uz\xbc\xfae\xfd\xfeZS6\x9a\xbe%K\x86j&amp;\xc4V\x10\xb7\xe3t\xdd\xb3\x1dS\x9e\x96\xad\\\xde\xb1}\x97\x05\x10\xeaX\n;\x91\xc0\xa2\x08\xafp\xfc029\xc4U\'EP\xa0z@`\x97\x7f\xe9\x1fS\xc3*\xf7\xdf_\xb6\xf1\x0b\xa2\xc2}s\x10q\xa1\x19\x9a,\xe4\xd2\x19\xd8\xee%\x1dx\xd8\x89\x05O\x7f\x9da\x07*H\x85\xbc\'\xec\xec\xd4\xad\xb0.\xa8)\xa3i\x9a\twM\x0b\xdb1v f\xcc\x156\xf3X@\x16\x0cF\xa7I\x8f\xaf\xad\x83\x18\xd1\xf1\\\x8eE\x91W\xffx\xeeX\x86&gt;&lt;\x81Z\x8c\x8b\xddr\xed\xcb\xf7\xdd\xe3\xed\xed\xaf_Y\x8c\x87\xb0\xf2\xb9\x93v\x18\x9ap\xa9\x1d\x9f\x9d)\x1c\x82\x1f\xa9\x85"\x82\xa9\x13&lt;\x9b$_M\x10\x17\xb0\xd0#j\xffm\xe2z^\x13G\xc3\xb0\xf5\x07\xcdH\xfd\x01"\x8ec\xd2`\x0e\xb9\xe7\xb8\xe7\xe8\xd5\\J\xc1\x1c=\xecGN\x96\x12\x98?\xa0,\xc1[N\xbdx2\x14\x03\x85 Si\xb1\xa7\n\x85\x9d\xe2l\xd1U\xb0q"M\xad0\xa4tZg;+\xb5\xd4v\xf7\xfd\x92\x19v?\xf5K\x0cb\x9e\xefy\xdf\xf7y\x9f\xef\x92b\x99#)&amp;\x1f\x89\x04\x98w\xb2/,\xe4\xfcH\x892\x05\x08\xd7\xdb\xd5\xd4*\xb1Ja=\xf6\xba"\x98\x1c0\x15\xc5\x92\xb4\x16N\x80!\xcb\xf0\xb7\xed)I\xd3\x14\xefW\r7\x88I\xf7\xb3\x9eL\xa1\xf9\xdd\xddm\xe6\x8dK\x95w\r\xa9&lt;\x05\x85HRwS\xcb\x9a\xf6p\tB\xaa\x87\x985\xd8\x801\xe7A\x17\x14~.\x9c\x0b/\x1e\xfb[*K\x14\xc5p\xa4\\(\xf0\x11_\xb6\\\x82 \x86\xb9\x024\xcf\x08\x012\xf5\x8e\r\x04\xa2\xb0c\xccaL\xb0\xe5\x15\x8a\xa0\xf0a\x7f\x98e\'\x8d\x8c\xda\x1e"\x90R\x92\xe2U\x94\xfc\x81\x01\xc7\x0c\x16C\x02y\xde{\x1d\xcf\x86\x9a\x81v\x10!\xc9\xaee\xcd\xccY\xdf+Af\r\xc8\x92\xf2_\xdd\xf8\x05\x7f\xbcb\xc7\x1b\xb1\xd89\x08j\x86\xccs\x14\xb9\x93_\xc1\xb0\x84,\xe2C\x1c\xe7\x0f\xc9\xe0\xf1\xd8\x04\x96t\xc9\x83$\x08x\x02\xbf\xda5\xcdn\xf7\xf5p\xf8|;l\xab4V$B\x96\x91G\xd6\xba7\x83Xl\xad\xff7\x0cY&amp;\x08\x1a\xebV_{\xf8\x08\x191\xe9\xf5r\xf9&lt;\xac\x95c8\x0f\xd5\xcf\x11\x8f\x1d\x1f\xc7b\x90\\\x02K\x17\xeaT\x84\xe5\x02\xa4\x8f\xdd~\x9fE\n#\x15VX2E\xfa!\xf8x\xd7\x9a\x03D8z\xc2\x97Em6\xba\xb0\xac\xb69\xd5\xfa\xc3\x83\x99\xa6\xa94A` "R\xc5\xa4K\x8e\x9b\xf7\x90\xf9\xde\x17\xfc\x16\x11O\xe34\xa5\x01\xd6_\xda7H\x8a\xd1\xd4\xd2N\x1f\xefj\xa753\xf7\xb5\xdaq\xf6\xab\xb1\xbd\x8e\xd3\x8c\xb7l\xa7\x15?n\x01:\xb0\xc6a"T\xa7\x88\x0c\x97\xa7}J\xb9\x1cE\rF\xca\'\xa87\x04\x9f}\xec\xf5`\xdf\x08\x1eUx\xba\xba\x1c\x94\x06\xfal\xb1\x1c\x9c\x1e&gt;\x8e\x1e\xb5ic\xaa\x1d\xb4\xb59\x8d\xb5!\x95\xdc\xda\x82\xa46\xbcb\xf4\nr\xeb\']\x06"]\x89\x00i\xc4l=\xf3\xac\xdf\xb4\xcc\x81U\xab-\x17\x8b\xe5\x9f\xd5\xa5\xdd\xb4;U\xddi\xb5~\xd7;-{\xbf\xd5\x04X\xa0\\!:P\x97S4$\x98O-\xef~DJ\x9e\xcb\xef\xbc]%G3\x0b\x96Sz\xba\xff\xf2\xfeR\x7f9\xd2/\xbe\xcfr=\xabw8\x9dL\xfa\x07\x87\x83\xe1\xc1s\xff\xa0?\xc7\x9a\x05\xca\x9bt\x01 c\xeb\xff\x03_\x9b#\x1al\x1bn\xe7p\x88|\xd3\xda\xe6\x04\xfe\xb8\xd7\xb3\xac\xda\xd2\x94\xbe\xeb-\xbd\x1as\x9c&amp;\xcc\xb1\x8e^\xdd\xd3m\xa7\x03\xe2\x05\xca\xc5\xd1\x89"\x95J\x85%\xd9\xd7\x00XbC\xe2\x12,I7f\xcb\xeb\x9b\xf1\xf8\xea\xe8\xccy\xb1\xed\xa7/\xfa\x8b]\x1b\xbcZ\x8bCm:m\xf75\xed\xe0D\x9d\x9f\x0c\xe74\xf0\x80;\xb1\x88s\n@\xfc\xa0\xcce+)\xa2\x86(\xd2P\xae`\xb6\x08\x98WIS\xd3N\x97\x96u\xba\xb0f\x03\xeb\xfa\xb3mw\xf4\xfd\xaan7\xf5\xce\xde\xbe\xae;M\xdb\xa98\x95`\xf0\xd7\xa8P\'\xfd\x02\x0f\xb0\xea\xbc\x8f\xdf\xfe\xa3\x81\xc2\x12\x03&gt;B\xee-\xaf%\xe1\xfd\xa7\xa3\xa7+\xe7\xe5\xcc\xbe\x07h\xaf\xb5\xe5t6|0O\xfaw|\xb7w\xa7\xc8\xa4\xac\xc2\xbdR"V8\x11\x1f\xa0\x1c\x91\xac&amp;=X"B*\x12ED\x8b\xb4H\x88\x18\x15vH\xdd\xe7\xfes\xf7\xf1u\xfa0z\xb4&gt;XK\x08\x9e\xbett}\xff\x83\xde\xa9T \xc1*\xb1\xa6\x93\x0e\x06\x9f\xa4\xa2\xc2\n~1\xa5\xd4Y\x0fV\xbe\x9e`\xa9\xd5\xec\xb5~/\x08\xe5#\xe7\xea\xe8e\xbc\xb0\x17\xb3\xc5@\x18\xdf\x8c\xa3\x1f\x01\x0c(\x07\xb4\x11h\xdc\x08h h/\x8c\x00\x0b\xee\x0e\xf9o@\xfa#CT\'\xaaa\x88$\x121Y\xf03\x17\x174|0\x9a&lt;\x9b]\x0b\x14F\xcbfe\xaf\x82\xa5=\x0en\x06j\x10:b0\xbe\xb9\x99\x06\x89\xf8%\xbaS\xf4\xf3\xc5p\x8a\xe0\x8b\t\x9f\xb2\xbb\xdb\xe0\x19\t\xba3\x15\xbd\xb7\xcf\xee\xaf\xce&gt;\x7f\xba\xb8)\x95\x16\xb51l\xcd@\xb0\x14\x9c\xe1$\xe5\xf7\xb3&lt;%CeydyLA\xb8\x08\x11\x00\x00\xb0\xb9:\x99\xcc\x8d$M"\x84i\xc2W16\xect\xc1\x90Sxw\xb5\xb2sc7\xe3\xeeH\xa7\xd3\x1b\x95Jec\x13N\xf0Sn6\xd2\xe7\x1c\x97\xe1\x12r\x91\x81\xc2+\xae\xf8Vv\xb7\x1bY)\x0b\xcb\n\xd5\xc7\x97g/\x9f\x9eJ\xe0a\x14\xd64K\xb9PV\x01\xf3\x05]\x12\x9b&amp;\x85\'\x01\x128j\xb8\x9f\x07\x0b\x0f\x84\xcfEC\x84\x9c2\xe6\xeb"\x06%"\x0f\x11v\x91@\x16\x0e#%\xc3Ffeg\xf4\x1bp\x84\x1fo\x014\xa57\xaa\xd5* \xabl\xa67\x00\xda?JTb\x03\x05R\x92"\x04_\x0f\xfc\x0b&amp;=e\x17ig\xfd\xbf\x00\x00\x00\x00IEND\xaeB`\x82'</t>
        </is>
      </c>
      <c r="M486" s="3" t="n">
        <v>45492.67618055556</v>
      </c>
    </row>
    <row r="487">
      <c r="A487" t="n">
        <v>1170680</v>
      </c>
      <c r="B487" t="n">
        <v>1999</v>
      </c>
      <c r="C487" t="inlineStr">
        <is>
          <t>Henry Mosquera</t>
        </is>
      </c>
      <c r="D487" t="inlineStr">
        <is>
          <t>H. Mosquera</t>
        </is>
      </c>
      <c r="E487" t="inlineStr">
        <is>
          <t>PE</t>
        </is>
      </c>
      <c r="F487" t="inlineStr">
        <is>
          <t>ATA</t>
        </is>
      </c>
      <c r="G487" t="inlineStr">
        <is>
          <t>PE</t>
        </is>
      </c>
      <c r="H487" t="n">
        <v>175</v>
      </c>
      <c r="I487" t="n">
        <v>30</v>
      </c>
      <c r="J487" s="2" t="n">
        <v>37209</v>
      </c>
      <c r="K487" t="inlineStr">
        <is>
          <t>Right</t>
        </is>
      </c>
      <c r="L48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360efdd-658e-40a8-87aa-447598b59b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r5\xfa\xbb\x00\x00\x00&gt;tEXtComment\x00xr:d:DAEewil2SDw:3129,j:9030118292309124670,t:23082714\xb3\xea\x8f\xec\x00\x00\x00\tpHYs\x00\x00\x0e\xc4\x00\x00\x0e\xc4\x01\x95+\x0e\x1b\x00\x00\x03\x00PLTE\xff\xff\xff\x11\x0f\x10\x1e\n\x05$\x12\r\x0e\r\x0e\x05\x03\x03\t\x08\x08\xfe\xfe\xfe\x07\x05\x06\x0c\n\x0b\xd6\xdc\xf7/\x16\x0e\x03\x01\x02\x15\x12\x13\x19\x0b\t\x0b\x02\x01"\x0f\x08jB9\x1a\x08\x03yMB#\x1a\x19(\x1d\x1d\x10\x04\x03f?6\x1e\x13\x11\'\x0f\x06#\x16\x14\x15\x07\x04\xd5\xde\xfavK@\x1d\x0f\x0b3\x19\x10*\x13\tnE;N+#~QF)\x15\x0f\xd9\xdf\xfa\xd2\xd9\xf67\x1b\x13]80\x12\n\t"\x0c\x04\x81UIa&lt;3zPHk@3E%\x1e\x19\x15\x16@"\x19:\x1f\x18*#$2\x1c\x17\xd6\xe1\xfaS/&amp;\xfc\xfc\xfc$ !\xd2\xdd\xf8\xdb\xe5\xfc1+-\x86]W/&amp;\'sNGW2)\x84YO\x86WJ[5+oB5935pHAL\'\x1b\xe7\xeb\xfbD&gt;A\xbc\xc4\xe2\x17\x0e\r?\x1e\x13GBFkG?\xc4\xcb\xe7*\x18\x16I)"\\=75/0\xeb4?\x8c]P\xd1\xd4\xf0\x86Q@\xb3\xbc\xd9\x96_O\xde\xeb\xfc\x8de_\xa2pcF"\x15@;&gt;\xcf\xd7\xf4\xf9\xf8\xf9/\x12\x08~UN=79@,(H/*\xaf\xb8\xd4\x1d\x1a\x1b\x8caXKGK\x80ZT\xd5\xda\xf2\xf5\xf4\xf6M2-jKH\x80N&gt;zI9sH&lt;8\'$\xc5\xce\xeb\x97fX\x87`\\\x9fj[\xa3\xad\xc6\xb7\xc0\xde\xc0\xc8\xe51 \x1f\xe4.:`@&lt;b9,wSM\xac\xb5\xd1aGG\xab|qf=1\xe1\xe6\xf7W:5\xaawj\xa8\xb2\xcceB&lt;\x9e\xa7\xc0b\x02\nuF7\x8dO7\xdd\xe1\xf3=# \xcb\xd4\xee\xd4\xa3\xba\xd8\xd4\xd6\xcb\xcf\xed\xef\xee\xf0Q73\x8dWI\xce\x1c.\xd2\x8c\xa1n\x03\x0f\xe0\xdb\xed\xb4\x8b\x87ZA?cFB\xb4\x84w\xd0\xc6\xe0QMP\xad\x81z\xd9\xd6\xee\xe6\xe3\xe5mSP\xd8\xd3\xe8\xcd\xad\xc7\xa2tk\xd3\xc0\xd7\xde\xdc\xde\xe1\xc5\xd9X\x02\x06\xe9\xe8\xec\x90\x8d\x92\xb5\xb1\xb3\xe3\xe0\xf1\xab\xa6\xa9\xda\xc9\xe1\xd1\xce\xe6\x83H4\xdb\xb8\xceo&lt;*\xbf\xb8\xb9\xd7\xb0\xc5\xb9\xac\xc6\xbf\x10(\xe4\xd4\xe2\xdb\'5\xb2\t"zC1\x98WBpko~\x02\x12\xcf\xce\xd3\xd0\xb9\xcf\xc6\xc4\xde\xa4\x06\x1e\x94lg\x9b\x98\x9a\xb5\xa1\xb9\xbb\xc0\xd8\\WY\xca\xc6\xc9uXT\xe0\xac\xbf\x95\x9d\xb4^/\x1fcac\xd1\x99\xae\x87\x84\x87{wz\xa1\x9e\xa4\xe5\xbc\xcf\xc5\xb9\xd4\xbc\x98\xae\x8b\x03\x16\x97\x04\x1af2&amp;\xbc\x92\x8f\xb6Wo\xc8\xa7\xbe\xad\x90\xa8\xdc\x7f\x92\xde\x9c\xb0\xc4\xbf\xc1\xb8\x84\x9aW\'\x18\xc7\x9c\xb0\xca~\x93\xceo\x85H63\x8cux\xda&lt;D\xf0\xe5\xeb\xaeic\xb8o|\xee\x89\x93\x9dV^\xa2\x89\x90\x9e\x80\x7fxb`\xa3cK\xba\xb8\xce\xaf\x9b\x9cp37\xb8BG\xdcTf\xdaf{\xb4v\x8c:\x07\x08\x81\x17"\xecAMj\x1e#\xaa!.P\x1b\x0f\x84mm\xcc\x9a\x9a\x8c-3\xc4+99J@\xe6\x00\x00 \x00IDATx\xda\xdc\x9a\xcfKb\xef\x1e\xc73\xf5\x1c\x0fvJS\xf3\x179j\x82:ii\x86\x1eP\xb3q4\x06o\x91I\xdcE e\x8a\x15\xfae\x12\xda\x0cS\x8b\x08\x06.\x04\x91\xbb\x19\x08\\\x05M\xb4\xb9\xb3\xfb\x12-&amp;\xa8\xc5\x95juw\xadZ\xdf\xff\xe1\xbe?\xcfq\xee\xe5\xee\x8f\r\xdcgJ\xc7\x86a^\xbc\xdf\xef\xe7\xfd|\x9e\xc3\x0c\x0c\xfc\xbf.~\x80O$x,ze?\xe0\x7f+\x0eOD\x80i\x9c??\xdft.N~\xdc\x9f\\4\x1a\x8du\x19\xf2wa%\xb0\x1a\x17\x9d\xf3\xfb\xdbn.w\xd6\xed.&amp;\xcbg\x8f\xdf\x1f\x1e\xae\x9eo.\xd6\x7f)\xf7\xeaR\xf1\x8d\xd3\xce\xcd\xd3\xe3\xf5]Y\x8a\x88\x1a\x95JT\xe1\x05_*\xa9\xb4\xf8\xf8\xe3\xfc\x14`\xbf\x81j\xfd\xe4\xea\xa1{\x96\xacG""h\x04A\x83\x17\x19\x0c\x9f\xc5\\\xf7\xfbI\xe3\xf5\xf5Jt~ts\xf5\x88H\x12i\x04Pq\x82J\xd0\x10\x9d\xa0a?\x13\xa5\xb3\xef\'\xaf\xad\x17\x7f\xf2\xb8(\xd5Ef\x1a\xc7\xe9\x00\xa4\xd1\xd0\'N\xa0\xc5q$\x9e(u\xef\x1b\xaf\xc9\x05\x03\xaf\xd3\x91\xba(\x12\r\xd3J 0\xe0p\xccK\x1d\x16\xbd\x8b\xdb\xb7\xe7\xaf\'\xd8z\xe7\xea\x8e\xfc\x83&lt;pN :\xe2\x01\r\x83#F\x8e#JA%]\x9f\xac\xbfJ\xc2\x90\xf5\xe7\xeb\\\x9dAQ\xb8\x05\x96r\x16-\xb0\x88$\x19\xd2\x85\xcf\xe4$\xa7\x89to\xd6_\x05\xabqyFP\xc85\x01\xe1E\x96\x08\xa6q:\xc0\x80E\xc7iz\xef\xd0/r\xf7\xfc\n\x01\x03\xd5"\xa8"u\xb9\x0b\x08MP\xf5\xc2\xa5\x1bB\xa68A\xa7\xd5\x82\x07P\xd8\x0b\xc4U~:\xed;W\xe3\xb2\x1c\x89\xc8\xbd\x80o\x91Tb\x91\'\xa1tZ\xa0\xe0mH\xab\x03\x1a\xe0d\xe5T\x9b\x97\x8d~\x8bu\xde\x05\x135\xa8\xc0Z\x9daQ\x8a\xf0\xcf\x93e@\xd4\x0ei\xd9"\xa5\xe8\x0f\xb0\x0f\x16/\xd7\xfb\x8bu\xfa\x10\x13\x89\x0b\xd1\xa6cF\xc3\n\x0b\xbd\xc5\xdaJvnH\xcbq\xe4\xa2\xc0i\x99\x8f\xf8\xd6l\x9f\xf4u;^\xdc&amp;Y\xdai\x17\xb2X\xc9=\xc5\xc9\x1d\n\x13\xf1\xa6E\xe0\x87t\x1c\x19\xa9c\x0b\\\x91\x87\xfe\x1dD&lt;\xdfyH\x92\x81\x11V\x0e,\xf1:*\x06,|\n\xc2/.\xa8"\xe9\x90.\x8e\x11i\xd97L\xde|\xeeW\xad\xf2\x89\xf5\xa7$\x19\xa8b\xed\xd0\xc3b\xcd&gt;2V\x10\x0bA\x81\x0b\x16\n\xc1\x11y\x07\xd2\x17\x0b?\xb3R\'v\xfbU\xf7|\xe2\xfc\x8eR\x15\xd1\xa8"\xacJ\x89\x8d\xd3\x04\x83\x80)\xd8\x00\x84\xdf\xb8\\\xc3c#T\x12\x1c\xd1\x08\x0c\x0b\x9b\x12`\xb1\xa7&gt;\xb5W\xe2\xf46\xc9\xec\x13\t\x8b\x06,x\xa7\t\xba\x1cj\x87\xc3\xb1\xbc\xacv9\x9d\xceA\x83\xc1\xe0\x1a\x0e\x06Y\xfc\xc9L\xb6+\x87H\xb9\xbb\xfe\xc8\xc5\'n\xb6\xa9\x180)\xb0\xda\xa2SF\x05\x99\x96ggfi\xbd\xd1\xfb\xd4v\xb7\xdb\xe7\xf39l\x90\x8c\xa5\x1fX2\x182V\xbf=\xed\x07W\xa2q+\xf5\xcccs\x9f(\x06\x0b\x10i&amp;:]\x9c\xc6\x8aF\xa33X~\xff\x1b\xfd\xb2\x8f\x94\x1b\x93\xa1\x86\xe4nE\xf4\xcb\xf7}\xc0\xe2\x13\x9dk\x1c947 ]\xa8x\x11B\xb5\x8e\x8f\x8bEo\xdcKk\x01d\xa0\x03\xda\x1b\x9f^\xef6\x0c\x0e\x07\xe1\xa4vh\xe8\xd7\x8e\x14\xba\x9d~xxE\xf31aE\xc4 \xd2Up\xcc\x1e\xd7\x9a\xcdL&lt;\x1b\xc8d\xb2\x84\xb6P,\x16\x99jo\xe0\xa8\xdbmpQ\xc4\xb4\xb2\\$\x98t\xd9\x87\xce\xba\xb8\xeeIU\x88\x14\nb\xc4aiU\x9b\xed\xa3\x15\xab\xd5j\x0c\x05\x02\xd9L\x9c\x91\x91\x9b\xb0\x12\\\x88ZA \xff\xa8\xf5\xd9\x11)&gt;$\x94\x97\xeb\xb9L\xfb\x0fd6\xd8g3\xb7\x8e\x9bG+_&lt;\x9e\xfc\x92\xc7h\x0c\x85B\x0c,\xee\xed\xe95\x83\x88\xe9\xdd.\'Z\x8c\xf2\xce\xb0t\xc2\x9d\xf2\'\xf6\xfaw\x896`\x81\xcei\x9b\xe5S\xab\xd6\xfe\x92\xcf\xcf\xb1\x957bYC\xd9,\xc8\xbcE\xca\x17\xc0\xfc\xb43\xa9+\x82\xdc\x7fN\xee\xf2\xb9\xe2X\x9d3\xf0`\x15D\xb3y\xb9Uk\xae\xe4\xc3\xb4\x0e\x0e\xc2\x07s\xf9\xa5\xa5%\xa35\xc0\xac\xf4zI/\xb6#}j\xb5\xab0\x0c2y\'ju\xf5\xefJ\xbb\xc8\x9f\x94E\x11\x91w8 \xd5qm\xc5\x9a7\x99\xc2\x95Je\xa7R98\x90\x15#\'\x03\x19/\xd3+J\xf1r\x03\xcbe\xc3*p\xbd9\xe7\xec\\\xe9\x8a\xb8\xdf\x84\x89\x11\x87\xd9\xb2&lt;[m\x06\xac\x9e\xf1p\xb8\xb2\x93\xdaa\x0bxP\xcc\x1a\xb2\x86\x02,\xf9\xd0\x8b\xe4"\xb5l6\xfc\x153q\xd1\xe8\x9a\xfc\xa1pu\xf1\x979\xc9\x1c\x89\x98Y\xaaV\xac\x9e&lt;\xb4\xda!\xac\x94\xccv\x10\x9e[\xc2\xa6\x84\x8d^\x19\x8b\xeaK\xadV;lfI\x92\xb9\x90\xfc\xd8\xa5\xc2X\x89\xdb\xa4$\x99)\xeb\xcd\x95\x80\xd5\x98gb\xed\xec\xa5\xf6\xf6\xc0\x95J\xedT\xc2s\xf9&lt;\xe5\x8b\\\xf4\x12\x96_\xef\xb6\xab\xd5\xd8\xb3\x16\x8b\xc5\xec(\x08t^KW\nc5\x1e%`9,\x9f\xaaG+!#Y8\x01\x0f\xf7h1*\x86\xb5d$\x17\x9bq\xc2B\xe4\xddv\x83\x8b&lt;\xb4@.[\x90&amp;j\xc5\xb1N\xafc\x92\xd9L\x15z\x142\xe6wM\xa0bXk{{;\x8c*l2y&lt;T\x13\xac\xbd\xa6\x81\x05*C/[\xc0*\xd0\x98_\x7f\xea\x03\x96\x05\x16V\xdb!\xc4}\xdc${\xb8\xb6FX\xbd\xd4\x87\xc7\xf3P\x8b\xb0\xc0\x15\x85Zv\xbba\xd0\xe5r\x98\xb1\x90.\xba \xd5o\x15\xc7\x92d\xac&amp;\xc4bT\xf3)HEX)\xf225O\x82y\xb2t@f\xd0^\x84\xe56\xd0\xf4e3\x9b\xeb\x92T\x8f\x14\x82*\x15\xb0\x06\x94V+\x16\xfb\xd4\xc3\xca\x9b&amp;\xc2\x95\x14cbzQ\xbc\x18V\x1e\x15\x81\xae\xcf\x90\x8btZ\xabe,s\xddR\xa7\x93KT\xbcO\x1b\x8fi\xacV\x15\x9de\xdc%\xb5&amp;\xe7\xf7~Q\xa5X\xe8\'\xc3\xe3\xe3\xbb\x1ek\x96\x8d\x13\x98r\x80E\rA\xe12\x93Z\xb4\x14\xc7J&lt;$A\x05\xac\x1a\xb0@e\x9a\x9c\xdfZ#\x1b\tj+\xb5\x97\xaaL\x98@e\xb4\xeeg\xc9C`\xf9\xf5&gt;\xdf/\xb5\xa4\x98DP}\xc0\xba\xcd1\xb1\xaa\xb5\xac\xd5c\x9a0\x99&amp;\xe6I$f\xdf&lt;U\x17a\x8d{\x8cS\x872W1:3\x8bC\xd1\xe0",K\x8c\xb0\xea\x84\xa5\xf0\xed:\xf1\xc4\xb0j\xb5f\xd6j\xdc\r\x13\x16\xb8\xb6\xb0\x80\x85U\x99\x00\x96\tr\x1d\xee\xef\xefg\xb3\xf1\x05T\xc4\xff`!\xf7\xf5\xba\xa44\x16\x7f\xf9\x81&lt;\xac\xd5\xa0\x16\x1a\x02\x08\x15\xec\xc5\xad=`\x01l\x12T\xa4\xd6\xae\xe7\xfd\x14\xe3\x02V\x94N\x1f\x97\xabg""\x90\x96\xa4\x98\xd2X\x03\xf7\xdb%\xb2\xb0V\xcb\xb0\xe2\x1a\x1fGE@/d~mk~rr\x92\xa2EX\x8c\x8b\x85\x9e\xb0\x0c\xc4\x85\xf3\']*\x95pz\xa5\x15\x9flN\xce\xaa\x0c+\x9e\xc1\xf8\xe0\xd9\xc5\xa18\xc9\xb0~2\xaew\xefd\xb1hQ\xbaz\xa1\xc7hCS\x84YJ\xe7r9`%\x95\xee-\xbes\xc7&lt;lf\xb2!\xab\x91\x1a\x95\xc2\xb5\xb5\xb5\xf6\x13\\[\xab\xef&amp;\x107\x13\xe3\xa2\xd0\xc7\xd9P\x8f\xea\xc2\xad\xd1\x87\xdb\xad\x94\xcc\x957\x931)\xa7\xf4\x998p\xfa/\xc2\xc2M\'@\x97\x8a&lt;\x15\x041\xfd\x84\\[\xabp\x91\x85\x0bc\xfd\xd4a\xe0\xbfTn\x86\xa5vX\xd2\xb9\xed2\xb06\x95\x1el\x06\x1a\x0f\xf0\xf0\xa5\xdd\x0e\x84B\xd6\xa9\xf7\xbb\x93\xab\xab\xa8\x87-r\x90\xa8&amp;&amp;&amp;\'\xc6w\xa7\x0e\xb1\xf63\xf2&lt;?\xbbL\x81w\r\x0f\x0f\xc3\xc5Xi{\xb1\x14\x93\xca\x8a?\xb7I\\\xbd\xd4j/\xed\xa3P \x04\xaa\xf1\xb9\xf0\xdc\xdc\x1f\x9f\xbf\xfd\xf1\xed\xcb\xd2xx\x1ca\xc3\x001\xb5\xcf6aq\xfax\xe6\xd3\xac\xc3V(\xd03\xb7\x11\xdd\xc8X\xd0fN\x97?\x94b\xb1\xed\x1b\x85\x9fr\xf1\xfc\xfd\xd7f\x8d.\x86\x01\x8c[K\xdf\xbe\x1e\xb5_^^\xaa\xd5V\xab\x98\te\xe2\x99\x90\xf1\xfd\xd4&gt;\xbb,NGg\x971\xf1\x174\x02]]\x87\xb4t\x7f\r\x8aR\xae\x9c\x8bI\xdd\x8e\xc2b\xf1\xfc\xf9]\xad\xf9\xd2^\teC+ \xca\x95\x92\xe9X\xda\x82[\x90&gt;\x8a\xbb\xe1t1\xc3\xf6\x9fw!\x1a\xf5\xfbp\xd9\xa1\xa7nD$/\x9dP/m\xe6\xd2\xb1k\xa5/\x8a&lt;\x7f\xfaXm\xe2\xc6\xba\x92\xa9\xb5Z\xa5\\.M\xb3\xb0\xad`S\xfb\xde\xd0\xb50Z\x94\x95\xc2@\xb3\xf1\xd692\x82\xdb=\x84\x82\x81c#$\x17\x17In\x96\xd2I\xe5\xaf\xd5\xfc\xfa-\xa9\xf5\xf9\xa8:;\x8ba\xf0\xebK\xf5\xd3\xb2Mm\xc0/p\xcd\xccD\xa7\xbd\xd8\x7f\xd8}\x1b\xf6\xb7\xa3c\xc0\x1a\x19\x19s\x8e\x0e\x1a0\t:\xc7\xc6\xc6\x04\xc2\x8a\xe5\x9e\xfa\xf0h\xe4G\x1b\xd9Z9:\x9e\x99\xce\x84\xf2\x07\x95\xb9P|\x9af=,=\xc0\xa2\x0b\xe4\xa0\xdf\xfdv\x90\xa8\x88\xe9\xad}\x03\xb7\xb2\r\xf7\xe0\xe8\xa8\xcbVOC\xad\xf2\x0f\xe5\x1fo%N\xee\xaa\xed\xa3\xcfYo|\x7f\xea\xe3_WW\xdf\x99v\xf7\xe1\x9a\xdf\xaf\xdf\x00\x97\xff/\x0b\x90k\xdao\x1fu2\xaa\xb1\xd1A;~\x8c\xc9\x19\x9c\x83\x8et\xb2\x84\xc8/\xde\xf4\xe5\x91M\xb5\xd9\xfe\x1c\xda?|\xff\xe7\x9f\x1f?\xfem*\x94-R\x8f\xdb\xdd\xee\r\xbd?\xea\xcd\x1cz\x0e\xbd3vF\x05,\xe7p\xc1e\xc3U\xdf\xe9\x1c\x1d\x1dv\x9467\x177cg\x1d\xc5\xa1\x06\x12\xa7\x0f-\x98h\x9c\xfa;\xd6?\xff\x11\xcf\xb4\xab\xcb.\'s\xcb\xad\x8fz\xf7\xdfOn\x85\xb3Q\xbbS\xa6\n\x16l\x18\xb0\x04-}\x08\x0e\xbbb\xb9\x0f\xdb\xe5t\xf7\x94\xfd\xe7\x04%\xb1\xf8D\xe3\xb6U;\xfalDif\xffM\xbb\xd9\x84\xb4\x99nq|&amp;\x99\x92\x19\xa411\xe6\xcb\x90\xc4\xc4@\x12\x13\xe3\xe4\x83f MM\x1a\rbR\xf2A\x08/\xbe\x06c\x14\xa2\xa8I\xcb\xdb,D\xc3D\x0cB$ 5\x1bG\xb1X\x10aF\n\xa2\xbb8+\x0b\xb6\xe0\xd0veW\xbdro\xa5\x0e\x8e\x95\xba\x98\xd5\xb4p\xff\xcfk\xe7^\xee\xfa\xbe\x1e\x14\x92\xdd\x8fs\xce\xf3?\xe7&lt;\xcfI0d\x1f\x19y\xe0\xfc\xde\xfc\xed\r!\x8f\xc7\xd7\xda\xbbfv\xf2\x89\xfe\xb6\x99\x81\xd6&amp;\x02"\xd4\x98\xf9\x13\xef\xba=_\xe3\x146~\xf7\xfdMs\x9f3\xbc\xd6\xeby5\xc8.Kp%\xa9\x82\xf1\xf5\xf5A\xf7\xf8\xd3w\x13\x18\xf3m3\xb7\x06\xb4\xae)\x17_\xf5\xf57\xdf\xdd\x90\xe1\x93k\xd8*\xc9\xd7+\xfeD\xe5\x10X\x08\xa2J\xa8R,}x"\x85\xa06\x9a\x9b\xbd7\xbf1\xcb\x14(\x8a\xdd\xbf\xb8\xdd\x82\xf5\xadg\xbb\x8f8\xba\xcc\xdd\xfat\xf2qq\xfc\xedO\xc0\n\xd8\xee\xea\x1d\r\x06\x8da\xe4\x01\x06\xe5FM\xe7\xc8\xf0\xbb\x9f\x8a\xd9\\\xbd^\xab\xe5\x8f\x82i\x9e\x8c$\x96jj\xee\xc9\x8b\x07\xf8\xa8\xd2\xb4Ho\x9a\x11\xd4\x1f2\xa9\xd4S\xf7\xa3\xdd\xdf&lt;\xce\xd4\xebqN\xa4\xe1\xf9\x87{\x1d\xc5O[[?.\x01+0\xd3u+\xea0\xea\'W\x1eH[\xf8\xdah4\xba\xb42\xe6\xcb\xef\xd4kT\xee(\xa8m\'\xe9&amp;4L\r/-U#|\x9eH\xc4\x136+\x84*\xb3\xc2\x9b\xca\xbc\xdcz\x15W\xa0p\x1f,r\x10F7\x84\xd4\xd4\xf1p\xac\xf8b~.&amp;\xaf\xe4\xf2ju\x8f\xd5\xda36\xf6\xe4\xc7\x89\xe8H4\xaa_\xba7\xa4\xde\xa9oS\xd4\xf6\xceq\xa8\x9d\xa8g\x93\xc1U\x1d\x1e\x89V\x1d\xe4\xc6Y\xd1\xac@\x1f\xa1\xf8\x81\x94\x06\x8dJ\xa8\xe8\x935?\x1d\xe4B\xdfO\\\x8e\xbb\x1d\xfd\xfd~\xb55f\xcb%\xfd~\x8bE"\xf1aB\x9c\x9c\x9b\x18\xa9v\xea\xad\x92\xb6\xcaN}\xaf\xc0$\x81\x05\xe1\x82&amp;\x88\xb4FG\xd5\x8e)\x03\xb2\x85\xe6\xa6I#\xeck\xf6t{\xfb \x16f\x04\xf9\xd5\xcf\x82\xff\xff\x10\x8e\x9f\xd8;\x0fm~\x9a\xb6Xc\xba|2\x97k\xf3\xfbs\xe8\xf9 \xf3v{\xf4\xae\xce\xe2\xcf\xd7\xeb\x0b\x14]\xa6\xea\x87!%\x8f\x07Y\xe7\xb5\x1a\x1d\xf6\x10\x11\xd3v|\xd7\xe0O\x81V0\xde,$oB2\x19\x07\xb7\x82(\xd2\'\xd1[;\xb9Z\x82\x92\x98\x80\x95\xcf\xe7\xfc\tX\x07\xb9\xf7\x96\xdf\xbb\xd3\xe6\xaf%\xeb\xdb\x0b\x0b{\xe52\xb5}\x18J\x03\x04XJ\xad\xbds\x00u\x9b\x18\x19\xccD\xa4C\x8dK\x15\xe4yC&amp;\xcb,\xba9\xc0\xfa\xd4y\xb8C\x95\xa8\x9c\xcdd\rT\x02\x95d\x82a\xe8}&amp;\xdbO\xc6\xc4l\x82\xaa%\xb7\xff\x835\x90F\x927\xa9x\xa8\x87\xa1\xe0\x95\r\x18\xc9\x1d=\xc1\xea\xf6\xb4@\xf5\xcd*Y\x9c\x13\xac\x93\xe0L\xbe\xb0\xba\x91\xb7\xceYq\x12\xf35\xa6\xb0Q\xa6\x0bt\x81a\x98,\xfe\xa9\x05b{\xa7\xa7\x04\xabAI\xb8X\xac\x81\x81`P\x0f\xac\x10\x195\x9a\x9d\x1e\x0ce\n$\x9eP(\xeb\xe6\x02k\xfc\xfc\x96.A\x17\x12\x81\xb99t\xcc\x95\x1cU\xd8(\x956h\xba@\xb8\xe8\x8dr\xe1\n\xeb\xe2bo\xfb(\x18"!kjjO\x83\x8ap\xfd\x0f\x96\xd7\x8c\n\xa9\x10\xcaz7\xdd\x1c\x9c\xc4\x8f\xb1\xc9~\xa4spb\xcedB\xf7@\xd1\x8fa\x04\x8c\xa67J\x8fK\xcc\x7f\xb1v\x8e\x070\xb4\xf2T\xaa/X\xb0P\x88}hi\xf6B \x9c\xb2+\xac\x03\x0e\x9ag\xb7{we\xb2?\x7f\xf8Wp\x0e\xee\x9a\x05Vy\xf9\xcd\x9b\xe5\xe5\xc7\xa5r\xb9T\x02\x1f\xb5\x80\xd4Z\xb8`\xb1\x0e\x83F\xd6[\xbc4R\x8b\x85B\xcb\x95nU\x1a\xa4\x9e\xeeL\xc6\xa9\x92\x11\xe12\xbf\xe4`_C\xe0^\xfcp\'\xbbs|&lt;3\x1f\x8b\x99f+I\x86`\x01\xecq\x89\xa5*35\x92\xf1\x17\xa7\xa7\x17\x0b\xc0"Q\xe4\x91 ^a\xc1Uit\x8a\x06i&lt;\x95\xcaxq\x0c\x81%\xdd\xe2\xa2yv?:/Z\x0e\x8f\x0f\xdb\x8a\xb1\x98\x15X\x08\xe22\xf1\x17\x89dic\x83\x06\xd6\xf6^y\xf5\xcd\x9b\xf2\xde\xceq\x10\xee\xd1\xb6\xf2H\x10\xaf\xb0\x88\xaf0\xc6J\xe3\xbd\xbd\x19\xaf\x10\xf5R\xd1\xb7\xb6\xc9M\xa9\xfeXT\x1f\xffu\xe4/N\xcf\x8bI\xca\x13,b,\x16]\xa0\x88:\xbc\xf9\xfc\xf9s\x89Bn\x85\x8ch\x95E\xedi#\x8beG\xd7\xacT*\r\x91)t\\a\xaf\x10\x05S\xc1\xd1\xbd\x8d`\xf0\xedC\t\xb0\x92w\xa6\xa7!\x10\xc0*\xad\x02\x8aM/BE!\x80\xab\xcb\xab\xab\xa5B\x12\'\xd1h\xc4 \x14Q\xb6\x1a\xedW\xf9\x9e\x06\x15\xdf\x10\xf1fF\x0fF\x9b\xd1\xf5\xf49\xd7\x169i\xb8\x04\xee\xcd\xfd6\xdb\xe1Q\xae\x08,\x1d\x11\x882\xe2G\xdc\xb5Z\x02U\r\xdf\xcb4\xb5\xb7\xb7\xb7P?\x1c\xd0\xa2\x1a:\x8cS\xaeVm\x88\x18\xb9\x9eo\x17\xf1#ROj\xed \xdc\x87\x18JS\xcf\xb8\xba\xe4z\x7fn\xb1$\xeb\x87&amp;\xe2-\x9c\xc4\x02\x8d\\\'T\x8f\xa1]\x14uqZ\xa8\xa1\xdfZX \xb2\x95Nc\xb0\xd0\x0e\x0f\xf3\x95Z\xa31DF\xa3v\x16+\xde;z\x90\x12\n[\xa4\xf1\x83M\x8e\xdaS\xc1\xe0\xeeX\x82)\xf8\xc5\x7fc\x15\xe8\r(*\x9bXL\x81J&amp;mQ\x87#8\x13 \xaa\xc5\xe7\xf1D\x06\xd7\xf0\xb0\xa8]\xd9`d\xc5\x01\xc5Z\x13q\xc6\xc3\xa3k\xdd\xc2\x16\x8f\xd3\xcb\xdd\x8d\xa0`q?\xcb\x14\n\xd9\xf9\x98\x1crZ\xa3(\xaa\x1f`0\x08j\x99\xc9\x1f\x19\x8523\xdf\x8e9Q+B\xf6\xc8\x9a\xf8\x91\x08\x8f\x87\xc9\x03Ti\xd6[P\xad\xde\xd1Q\x8f0\xe2U\xa4\x9esv="x\xbf\x9ce\xa8\x84o\x92\xf5V\xb2V\xab% \xf0eb\xa5U\xba-\xa8l\x12\x19\xa3]\xfaP\x83\xe8j\x1e\x83\x967\xf1\xda\xc9\xa8\x86s\xd8\xde\xce\x8f8=\x19`y\x11C\xe9/\x1c.\xb5\xb8w\xd1.X:V\xd04\xe7sIt\x82\xfe\x04\xc3\x16\x9e\x12\x0e \xad\x1e0\x06g$m\xb6.{\x83\x08\xe3+:*B\xd5\xaed\r1\xe4K\x9d\xac\xb7\xbc}-^nW\x80\xd6\xcf\xfbo\x0f\x15WbVq%\x07\x03\x17CC\'\x88\x95\xca\x85d&gt;g\xf1\xf9$\xf7\xadz\xa3\x12\xdd\xd6\x17\xa8V"Y"\xb4\xa7|\xa9\xd7\xd3\x9d\n\x87\xbdRix\x97\xd3\xbdJ\xf7\xee~\xc276\x89\xe2\x03w\xe5\xe0\xb0\x1a\x05o\xad\x12gA\x1dH/\x91\xf5\xa9u\xe2.\xbbV\xf9\xc5M\x98\xb5\x1b\x80\xc5^\xcdKQ\xa7S\xe1^\xa77\xf3\x92\xe3\xed\xc5\xf7\x7f\xdc\xf6\x15\'\xa7cV[\xa0\x82\x06\x15X\x0c]\xfe\x9b\x8a\xa1(&amp;\xd1\xa1\x93\xcbMz\xbb\xb6\xf5\xca\x1a\x1a\x90\xf1\xad\xec\x8dn\x8b\xd4\xd9\x9d\xe9\x05\x96\xf3W\xae\xb7\x9c\xdd\x9b\x1f\xcf?=\x99\x8e\xc9gm\x95|\x05y\x0f\x9d\x00V\xa9T\xa6i\x06=\xf4m_\x8fuv\x96\xbd\x97@u&amp;\x06\xf9\x02V$"\x95J\x9d^8kt\xed\xd53\xceWc\xd1\r\xae/\x9e\xacX\xe5Vq\xa0R!y_#\xaa\n(\xba\x90%7\xf4C\xe2\xbb\xa6Y\xb9Uow\xb8\\\x80j%\\\xc0BZy\x9d\x1e\x92Z\xa3\xbfn\x0er\xbf\xcd"\xc0\xcc\xffqR.\x96\x8bm6\x1b\xe1\xaa!\x8a$\xad\xe8}`\xf9\xc6:\xe4]]\xa6YLC\x0e\xb2`\x83\xac"ql5L\xc5\xc9}f\x1c\xfa\xb0\x861\xecz\x16\xcb\xb6\x9e\xcc\xdf\x13\x8b\x03\x01\x92_9\xd4B\x1a]\r\xc3\xf4g}\xe4\x89LM\xf63\xba\xa2\xe4&gt;\x9e\x9duD\x84,\xe2E\xf7\x17\x87&lt;\xb0X_}u-Xo_\xcc\x8bI\x0c\x03\x04+\xe9\xa7\xd8\x13\xc8d\xb3\xfd\xfdc\xc5\x9e\xf9\xd8\xf4\x9c\xbe\x8a\x10\xb2O\x04\x184 \xa8\xca\x08t4\xd5\xdd\x9d"X/\x1f]\x13\xd6\xf3\x17r\xb9\xdcF\xb0\x028\x8d\x98\x17}\x16\x7f"\x9b\x1d+NN\xaeL\xcfM`\xc6vL\x01\x8b\xaf\xd1\x90\x15\xc1&amp;x\xac\xc5\x03\xa2\xcc\x15\xd6\xeb\xf1k\xc2Z\xfc0\x0f\xac\x00\xc1\xba\x0f\x7f\xf9-\xea\xfb\xf96_\x07\x9a\xe9iP\x8d\x8c\x0c\xbb\\\xae\x08\xd9\xc1\x13\x92\xd7\x0b\x95\x10X\xf1\xdep8\x95\xe9%X\xd7\xb4A,\x10\xac\x9f\x10,\x1b\xa8l\xbaJ^bi\x13\xcf\xce\xcac\xf0\xd2\xd2\x92\xbe\xb3Z\xed\xac6\x10"\x85\xa6\xcf\xdcg6\xcb\x1aU"~s&lt;\x1c\x0e\x83\x0cX\x07\xcf\xafk\xf3t\xf0\x0f(\x04\xe1\xaa\x88uj\x89Dro\xa2\xea\xa8NMUa\x0e#i\x96\xd1\xc5\x90\xf0\xa1`\x7f{\xe3F\xa3\xd0\xc0\x97v\x87Y\xeb\x85&gt;\\\xd7\x0fF\x04\x82\xa7\x931H\x04\xb0t\x81\xfbj\xb5\xda\xe4\xd0("\x8eN}\xd7\xe5\xe5e&gt;\x7fyy\x04\xbb\xab\xb7\xbb\xf8\xaaF\x19f\x9cH\x84/\xcd\x84Q\x0cG\x81\xb5\xf6\xf2g\xc1ua\xbd}r\x85\x15\xd0\x89\xc9[\xab\xc9^]\x9a\x9e\xee\xf1\x9d\x9d\xfe\x0e;===;;K^\xea\xab\x11\x05y\x1c\xe3\xe3D\x02\x0b\xad\x03\xc1\x1a}}}?2\xd8\xfc\x10\x83:\xc9u6\xb1X\xd7\xa3\x13\xcbM\xf3\xc5\xb1\xa1\x87\x1b\xa5??\x7f\xfe\xe7\xbf\x08\xd8Y\xed\xf2\x16\xfb\x16\xd5\x82\xd3h0\xb4\x00ktmm\xb47\x15&gt;\xd8\xbd\xbe\xdfd\x8c\x9f`T\xb4B\xe8!\xf6\xa0\x12\xf7t\x0c\r\xf9\x1e\xee\xef\x9f/\xff\xe3\xcf\xdf\xcbgg5\xc9eW\xa7\x8b\xc5RhD|\xfe\xbfi9\xd7\xa0&amp;\xcf,\x8e[\xac\xa6\xd2\x05\xe4&amp;\x08\x81\x15C\x82\x10\xa2\x94\x8b!I\x89\x80\xcdr)\xe16"\x1bw\xb8*\xa8\xc4P\xd4\x16eX\xc8\x08\xcb\xc5\x89`\xc1\x954\x0c6&amp;\x94\xab\x10\x86\x91\x96aF\xc0\x1b#:\xeb\xb4\xb48\x95\x8e\xdduW\x87\x0f^F\xf7\xc3\xc2hw:\xfb?\xcf\x1b\xd9\x99\x9d\xedNwj\x0e$\xf2\xcd\xdf\xfc\x9f\xf3\x9e\xe7&lt;\xef\xfb?\xaf_Tq\xda9\xc2J&gt;\xf0\xe5y\xa9\xa3\xa8VI\x07M\xe0\xf2!\x8b\xa2{P\x10\xf2^@Q\xf4\xee\x9e\xab\x9f]\xdd\xb3\xbfH\xa5\n\xdf\xbc-2#\xd8\x0f@\xab\x03\xd1\xd2\xf8\xc5\x11\xd6\x01\xe4\xd7\xb9a\xad\xe3\xb0V]\xd3\xd7\xd7ge566\xfa4\xaa\x83\x82\xc8\x9b\x14Pq\xf2dEEE\x80\xaa:\x1c\xa5k\x1b=u\xa5`X\xbe\xc0:p\x0e\xa9\x95\x97\xfc\xa7)G\xce!\r\x13Vu5q!\xb9\x82**&lt;=+vb\xef&gt;\x91\xb8=\xf3\xd4)\xd4\xd2\x0c\xday\xc8[\x83\xfd\xc7\xd7\xcfK\x81\xdc\x02U^2\xd6\xd0\x81X\x17t&amp;\x93\xa9\xba\x9a\xc0\xd4*\x95;\xe9U\xe1\x83\x9a\x1a\xbec\x1f\x83B^1.$\x97\xdfj?/o`\xa1h\xe5\xe5\xa5\r\xb69\x12\xeb\xa2\xc5\x94e"\xa8j;\x16\x04\x83Z&gt;h\x1dNEs\x91\xc1\xb0\x82\x91\xf6\x198Z\x14\xd3\xdeS\\\x9cv\xcd\xa1S\x81\xdf[L$Wgguu\xa7N\xa5V3C\x06\xb9\x0cv`\xf7a\xc6\xf9_g\x90\x0f\x96\x9c\xfdhK\xab\xa8\xa5)Fo\x93\xf6\x95C\xb1n\x10\x96\xbeS\xdf\x89_\x9dN\r.\xae/d6\x03\xc6\x85\xae\x94[EPyS\xff\x97W\xfc^vv\xda\xb0C\'\xc9nX:\xf5z\xbdIO\xa1\xe3\xb8\x90Z;\xb7\x86\'n\xe7\xec\xa6\xd403K\x06\x19;\x91Z\xc9h\xb7\xb2c\xa3\xd2\x86\x1d:\x108ei\xd4Ytz}\'\xc7\x05,r\xc1\xa2\x8c\x91?\x97,\x10!\x1c\x16y\xdcH\xac&lt;FU\xaaHv(\x16\xef\xb4\xa5\xb1\xd32k\xe7b\xd9\xa5&amp;\xff\xf7V2Z\x87oA\x91\x88\x0caF$\x86\x15\x85%L.V\x94\xba\xc4*\x92/8T-\xc2\xd2\xcd&gt;\xb5\x90XH/R\x8b\xe5\xbc\xbb\x0f:\x9ep\xb2\x8c0\x7f\x14\xa9\xe5\x1d\x1b\x87|\xcfS\x94\xbe\x19\x11\x1b\x97v\x81\xe7X\xacj\xb5\xd2b\xe7\xd2\xeb\xd4*\xb5\xaa\xa2"\x08m\x8e;9\xf9\xc9\t\x11B\x83\x18\xe46\xe5\x960;b\xdd\x1b\x11\xb1\x8a\x03\x8e\xc6\xcajT\xd6(ggu&amp;Jy\xa5*HUqrgP\x05=\x00\xda\xb1=\x93sG\xadfXt\x97\xa6X\x11\xb1v\xed:\x17\x87c\xf5\x02KWsp\xb6F\xa7\'.\xa5J\x1d\x84\x16\xda\x9dY\xd27#\xb3"\xd9\xbc\x0fy\x86\xa98\x14+\\\xdez\xcbm]D\x94\xc2\xc1\x8b\xd8;Ku\xd42\x0b.S\xbd\xdebQ"\xe3\xa9\xef\xc2\x02\xeeC7O\xf54\x98\xcc\xa6\x0c\xeb\xbd\xb87\xd6\xfcj\x8d[j)a96\xe5\xedX5J%\xb8L(\x118t\xd0\xb8\x03iu\xb8\xaa*\xba\n\x9b\x8f\x1f\xb0\xbc\xaa\x14\xd9Q\xa14M\xb3\x16X\xd9\x8e\xae[\xb3h\x1e\xd4\xca\x9a\x1a%\x8e\x86Y\xf5X\xc8\xce\xc6F4\x15\xed\x872q\xd6\xc0i\xa3\xaa\n\x1b6\xf6C\xef\xb88\xafu\xe4\x93\xda\x10\xeaBX_\x158t\xab\x9e\xa5\x9a\xa0SZ\x00\xa6n\xec4\x11WuV}}\xfb\xa1\xbd\xa7 \xd5\xe1\xc3\x87!\x97wF\x86w\x95w\x04\rk\xadq\xdb\x10\x1a\x01\xac\xe4kZ\x07bI\x9f+A\xc5&amp;ij\x8a\x00V]_o2\xd5\xb7\xb7\xb7?x\xb0\x17K\x18GXUU\xb4\xedx\xa5r\xe3vn\x1bR#\xbc\x90\xfd\x8ellp~\xd5\x11\x95J\t\xb0\x1a\x06\x96\x05\xa1\xf6= \xf3\xe7\xe18\x001\xa6\x0c/?\xdfP6\x08\xb5\xc6-4\x14XQ\x8a\xec/\x07\x1c\x86\xc5\x93^|\xca\xcd\x1cI\x94\xca\x00I\r\x8d\xd2\xa8\x1a\xb3\xe8\xf9&gt;2\xca\x0f\x87\xe9P\x9a\xa2\\\x87\xcf\x9b\xe4\xc1#\xadBS]Jc\xa3\xe2\x14\x97z\x1d7e:0\xa8\x07\x92D"\x10K$J\xfbH\x14Zg\x9f-\x87\xf6F\xb3{\xdf\x9c\x1bpm(\x8d\xc2\xaeu[\xc3&lt;@.^QQQq\x07\x86\x07\x1c\xd4\xda\xf0\xb4\x97/\xe9\x08\xabH F\x14I&lt;\x95J\xcf\x00\x15\x9d\x17\xc3\xeb3CV\x93\xaf\xcd\x8d\x19\x92h\xec4t\x83\xfd/\x1a\xa9\xc1*\xe6Y\x9e\xf7:\xe2\xde\x08\xaf\xa0\xee\xd9S\x1d\xad`&lt;\x99\x98\xc9\xf6-\xf1\xc4\xc9\'@\xa5\xa6*\x9f\x19\x19\xbc\xde\xc3\xdf\x9fYlh4\xf7\x15\x96\xaf_)\xb6G\x85"6\xe3\x1d\xd5\x82\xf6\xb5\x1b&lt;\xa5\xda!\xc3\xcc?\xd9\x1a\xc6\xc7\xefJ@\x80N\x000pA/\xba\xc9L\xd6\x15\x0f\xf6\xec&gt;\xd55t\x03\x85\xbf\xab/\x9b]ArE\xf9\x05.\xfd\xfd\xbe\x96\xf7\x1a\xdf\x8c\xc2\xe3\xf1\n\xda\x86\xea4\xe9\x0f\x91\xe6H-p\xed"2r\x0cC0`\xb9\xfb\x9c\x00W\xc8\xa6\x8dNN\xae\\\xf8S\xb8\xa6R\xc1\'\xac\xa8X_\xd7\xc2\xfe\x1f\xbf]\x94\xb2\xd7\xdd\xbc\x1e\xaa\x82\x81q\xb3\\\xae){|\x90\xa8(\xb5\xc89\x92 \x16\x90\xc1\x9ay\x99\xc1\x95\xf8\x1bzX\xe0\xe4\xe4\xc1\xa11,\xd7@n\x18\x03Y\x9f\xeaQ\xd8\xdf\xb1\xfc\xe8\xfey){\xcd\xcdkH\xaa\xc5\xbe\xbe2\xa1\\^gx\xfenQ\x91D,Y\xe1\xb2\x1b\xd2i\x08\xe3\x04\xc9\xc5\xb0\x98\xcb\x86\x82\xb8\x02S\x99\\\xb1P\xcbc\xa9\xb9\xb9\xb9\xe3\xc5\x99O\x9f_\xec\xd5\xfe\xd2wj\x00j\xee\xe6\xa8Q\xa3\xd1\xc8\x8d}\xf7\xaf\x1e,\x12C$1\x8b\x04\xfa-/\xe7\xb0\xd0\x05"\xbb6\xaew\xfa7\x97\xbf\x07\xa9\x96\xca\xcd\x91y\x07n\xec\x07V?\x91\xbd\xf8pxj\xe0\x17\xdc\x93\xe0I\x0b\xda\xc6\xef\x9d\x9d\x1b\x92k\xe4\x1a\xe3\\\x9f\xf1\x9b\x0f\xe3\xe9:L\x10\xd3\xc5\xc8\xd6P\x90 `#+\xd41G\xbeM\x8f\x9e^\x89\xe5\xe1\xef\xca\xd2\x9f;nx9-\x01\xa9\xbf\xbf\x9f&gt;\xba\xc1[M\xcfz\xdb\xfeO\xc9x\x8cH\xaa\xd5j\x93\x92\xfaZ[m1r\x8d\xa6\x0eTCI]\x8f\xf7\xc7\x17\xc5\x93\x85\x8ba\xd1\\H9~\xc86\x85\x03l\xc8&amp;\xbbX\x94_N\xb4\x8a\xa4\x16;ox\xf9.1\xb1\x08\xab\xf9\xc5\xa5[\x14\rS\xbd\x03l\x07\xe7\xfd\xcc\x14_%-\xd0\x0e\x18\xea\xea\xe41#\xd3]era\x8cph|\xaeO\xa3\x192N=&gt;\x18\xcfJ\x83@\xccy\xf7Y\x04\x04\xa0\xd4o\xde\x16\x19\xcc\x1e\xd51\xc5\x00\xe8\xe1\xcf\xae\xc9@*]\x1c\x15q\xe1K5\xc8\xb0\x9an5U&gt;\x9b\x1a(\xf8\x19\xefy\xa2\xb7DI\xb5\x8b\x8bCC\x06\x99\\\xee&lt;\xda:\xdde\xb5\xf5\x8c\x8e\xde\xbc\xd9gHJ2\x1a\xean&lt;\x89\xdf\x15\x7f0A\x9c@U\x8b\x95-On\xf2\x88\x8ec\xd1o\x07\xd3\xa0]XX\xd8z2&amp;y\xd0\x8d\xf0@jVW\x17rT\x94\xf4\xcd/\x1e\x02i%*\xb9\xd5\xe4\xfd\xef\x02E/\x89\x1a\xb7\x99\x9dE"\x91\xd0\xd6z\xb6u\xba{lttl\xb4\xcfX\x87\x85D\xed2|\xff\x84\xc6\x1c8\xc9\x88\x8aaQ\xe3L\xa7\xc4hnr\x0c\x9aqX\x14N\x81\x81\xeb\xa1U\x07\x07\x85\x90\x0c\xbe\xa2\xaaD\xe0\xbb\x81.\x80\x9f\x06C\x81Z\x1c\x1f7\x9a\xcb\x9ce\xb2|Q\xce\xd8_\xffv\xbbkd\xc4f6\xc8)4\x1a\x831\t_7\x1e\xefAm 0\xb1\x84\xd6\x0f\x8b\xa8$\xacC\xfb2\xdf\x89\x8e\xa6\xb1\x90\x8d\x9b\xe8\xa1\x0f\xb9\x99A\x05\xc9\xc2\x96\xfaA\xc3\x90:&amp;\'\x97\x1f\xde\xb2\x13Q4\x10XS\xc3e\xe3O\xf6\x89t\xd9\x8d\xddk\x1d\xeb\xe9\x1a\xf98\'\x7f\xa4\xf5\xec\xd9V[\x99L$\x8bA\x10\x97\xc1:\xa4\xa18\xfdx\xcf\xbb\xacj\x89\xc5\xdc\xc4\x8a\'\x15\xfa-\xedt3\x10\xa7j\x9c}\xb0\x964?f\xcf\xfd\xb0\xa5\x8eI\x0e\tP\x93\xcb\x8fn5\xad`544\xd4\xd660\xc5fz\xff\x1b\x18\xb6\x97\x01\xa3\x15y4\xd6\x8a\x98\xee\xfaz\xa1\xb5\xc7\x0c"QK&gt;\xbe\x85\xa4\x96\xd5\x8a\x85\xd4\xe03\xf5\xfc\xea~\xf2\x07R\t\x13H\x04lj\xc5\x9d\x1d\xc9\xd8\x8c0\xe7WGeE\x8e\xe1\xab\xb0\x7fr~\x92\xe9499??\xf9\xe3w\r\r\x95+Z\x81\xaa$7\xb7\x96\xfd=cm\x93\xfeg\xd3\xb28n5\x97\x95\xc9\x9c\xcb\xccf\xab\xcd\x06\xb6i\xb3H&amp;\xe3\x0bE-\xe0\xe2\x03\xcb`\xb4\x95\xa1z\xa1\xac\xca5\x86\x8bO\x8e\xfe\x16z\xd1\xfeC\xd7\xa4@\x10\xb0\x93\xe6K\xd9l&lt;\xbd~\x81=Q\x0cc\x8f\xad\x97:\xee\xdc\x99\x9f\xe4\x98\xe6\xe7\xef,?\xa9d\x02\x91P\x14\xa0:\x96r,\xb7\x16x%\xb53#+`\xb4\x0fcw\x197\x1b\x84\x94\xe7\xce2\x91\xa8e\x1a\xcb\xe7\xec,\xe3\xcb\xf8\xfc\xfc\x96\x9c\x1c\xf0\t\rV\x1bm\x8b\x14ur\xb9\xf1\xf6\'\x9f\x11\x18q\xed\xde-(/?\xb9\xf3\xc4\x96\x1dl\xf0\x81\x86\xf6\xa1\x17s@l\x0c[j\x9e\xbfr\x05XD\xc4\xe2\xd1\xf5Z\x8a\x86\x95\xa8\x05\xd6\xf1\x94\x99\\\x88\x96[R\x02\xb0\x02\xe6\x12\x97j\xcf\xcf\x8d\xe2\xd2C\x94\x95\x11XNW\xeb\xed1\xab3\x9f\x0f\xaa\x18Y&gt;\x85Hh\xb4\xf5\x18\xed\x89\xaf\x91\xd7\x99\xe7\xe6N_\xfc\xe4\xeaQ\x90\x9dIH\xd8]^\xfe\x01\xb0~\x9f\xc8Mi!"9\x1fKa\xe1\x0f\xcb\x13\x13W\xa0\x16x\xae\xb0x4\\K\n\x95\x10\x18\x87\x07\xac\xe3\xe9\xe9\xe9\xc7\x8f\xe5\xd2On\xee\xcc\x08\xab\xb1\xe3\x0cJ\x18\x13\xe3\x0c\xa8\xfc\xfc\x9c\xae\x85\xdb\xad=\xf8S\xc6\x87\\B&gt;\xc3\xca\xe9\x9a\xb6S1\xb2\xa1\xbe9\xa3\xdc0\xf5\xcd\xa7\xbf#\xb0\x04\xa8\xf5\x01\xc7\xc5\x86\xbd3)\xc5h\xea\x00P/\xbf\xf8b\x02j\x11\x10\xf8\xae\xbc\xbc\xfb]mICe-t\xb1c\xd5\xb2E&lt;\x9e~\xe4\xc8\x11\x02KII\x99yv\xbd\xfbt\xdb\xaaQ\x9bA\xee\xec\xcc\x87X\xec\xff\xef&gt;{\xbb\xdb\x1a\x83\xeb\x0f+\x07\xb5\x084\xbd\xa7\xbb\xbb\'\'F\xce]\x8f1\xf2:P\x99\xadV\xa3u\xfa\xdb?|\xf4\xd1\xd13\xbbw3\xbd\xb6\x9e8\x91H\xf3\xb8;\x12\x137o{\xff\xfd\x1f\xfe\xb2\xfc\xf2\x8f\xa0\x9a`L\xf8wb\xe2\xe5\xdd\xebX\xaa\xca\xa6ZZ/\x86D\xf9\xcea}\xdc\xd2\x92~\xec\xf3\xcf\x8f\xa5&lt;\xfb\xc7\xdd?_\xefYe\x10\xf2ch\x05\xf9\xb2\xfc\x96\x11@-\xd8\xc0\x08$\x11e\x96\xb0,\xe7\xf2\xc2B\xf7\xd7#\x94\xf6P4F\xe8l\xb6\x8d\xdd\xbbw\xf3_u\x9b\xc1k"g\x18\xc6\xe7&lt;\x7f\x83\xd7\x99\xff\xc0\xc3\xe4\x1f\x08^\xe6b\xbf\xcd\x9e\xbc\xe52\x87\x04\x84\xadC\x0e\xa5\xc8.%\xbb|2\x87\x0c\xbd\x0c\x0c8\x1d\x86Rqbq6\x96\x1e\xf40Rl\x11V\xbd\xa8\x13D\x07R\x0c)dQ\x03i\x0fM\x9f\xf7\x1b\xd3v\x0b}"\xa3\x8e\xe2\xf7\xf3y\xdf\xf7\xf9&amp;\x81@\xed\xd6h\x90\xa4\xaf_\xbd\x14\\\x97\xa7\xe7\xe7\xe7\xf4\'\xfa\xef\xe9\x1f\x91~\xf9\xfd\xcf?\x9e...\x04\xcd\x0f\xef3m\x1e\xa2\xfeQ\xa5\xf2\xe6\xab7\xa8\xd61\tG\x9c\xa8TLP1\xce\xbd\xf5C\x14\xaf7\xabq\xc1\x94\x14%\x97SKht\xd5\xf1\x86v-D\xd7\x03\x91NiZ&gt;\xa7{K\xcfax\x11O\x0e\x94z\x80\xc4\xaf\x81\xaa\x154\x03?\x08F\xa3Q\xfb\xe3\x97/_\x9c\x90_\'\'\x97\x97\xa7\x97\xa78^\x82\xa9\xd3\xe9\x80j/\x02|\x9aN\xfa\xe8\x9dB\xe1\x8b\xcf\x81\x95q\x1d\t\xa8B\x81\xb0J\xac\x9b\xa6\xb3^&lt;]\x8c\xcb\x96%\xa1\xb3\rC\xd5Jp\xca\x9e9\xa2x8\xa5\xa9%"\xf1W\xab\xa5\x07\x8dI]\xaf\xd6\nF\xad\xa0\x8eV\x84s\xf0RVrr\xd3\x9e\xbe\x16\x85|Kt/\xde\xfe\xb8\xd9\xdc\xdc\x14\xcf\xce@%\xf4^\x1c\x9f6\xe9\xe4\x1e\x85\x03\xd61\xb0\xd0Cb\xf4\x80U\xa0\x1a\xa2\x8a\xdcY\xed\xda.\xd3\xefqN\xd7\xa5&lt;\xb2\xaa\xc4\xc9\xa9\xa1\xc3J\xf0Jp\xd1D2\xcc$\x8a\ny\xb3(\x8ap\xd7t\x8d:bB&amp;\x87\x15TZU\r\xdfN\xecV\xf7\xe3o\xdf|FH\x19\x13\xa0\x80\xd5y\x06\xbb\xe8\xdclS{\x19\xcf\xe7\x1f\xa8\xad\x90\x9d\xc7p\xa8"\xa0\x88\xaa`\x9a\xc0\xea\xd9\xd3a\xdd0\x0cn\xa2\xd2\x05\tP%\xcb\xb3\x93\x9a\x83\x07\x9a\n2Ye\x96e\xf5zco\xd6\x05\x1b+1d\x17\xceX\xcc`\xa1K[\x11\x9cB\xa9\x81\x15\xd6\xd2\xddu\xd3P\xe4\xfaO\xdf\xdd\xbd\xca\x90\x88\xaa\xd8\xe9\x10W\xa6\x9bm\xd2v\xcc\xfe8\x9a\xdf\xdd\xcd\'\x93\xf9\x87\x9f\x89\xab\xf2\\A\x92i\x8e\x17S;\xa4^\xe2\xbc\xd7?\xeaK\x9c\x87\xfepe\xfb\x06\xed3b\xf90t\x9c\x9e\xe3\xf0\x007%\x00\x00\x02CIDAT\xf8\xb3e\xd7\x85s\xa5LH{\xa6\xebLU\x94\x03*!\xb2Vc\xbe\xbdKZ\x88\x15\\m\x1cT\xeb\xc9cQ \t\xb3\xce\xf6\x8e\t\xa8\x90\x97Mdf\xe5\x08\xa6G\xf1\xfcn&gt;\x8f\xa3\xfb(Bs\xf53\xac~\xbc\x9e.\x1c\x8e\xaf\xcf\xb8\xc5\xf5B_R\x9daj\xb7]t\tc.\xb0\xc2\x90\x19HV\xd5Y\xd6\x1cW\xd1d\x14\x15\x15ENp\xabl\xc1:\x19#\x89\x98\x85W\xacMV\xe1\r\xaa\x01\x93e\xf7\x96\xb0\x84\xfea\x03\xd4\xb5\x1fZe\xd3\x14\x9e\xa0Z\xba\xd9\x8fbh\x02\xdf\x04\x1e\xc8\xa2\xc5t:\xe9!T1\x90\x8c\x87Nw&amp;y\xab\x14;\x8d&amp;+hvE\xc1\x14"\x05\xf0\xd8\xb7\x87uZ\x9fZH\xd3\xb04\x9c$:8\x93C\x80 {\x9b\xf66i1\xbc\x06Q\xed\xeb\x84E@\x7f\xb3\x9d\xdd\xec0\xb4\x0e\xb7,\xdd\xcc\xa4\x93D\x93\xf7\xd0$\xe3h2_,\xe2~&lt;Ev\xe8\xc0*\xeb=\xbf[\x1b\xda\xb6-\xa5\xa8_NV\xf3X\x19@@"\xc9\xbe}\xed\xe6\xd1\xd8X\x946!Z\xd9PikR\t+\'\xbb\xbc+\xba\n#BOi\xe3\n\x93O\xb0\xce\x8a\xdbd\xd0j\xc1*\xabLK"\xc8\xb1,n\xa6IAU\xa6\xe7&amp;\xd8\xa2x\xb2N\xd7\x0f\x0b\xa1\xd5\xca\x1e\x0e\xda]?\x94\x06n\x0e_\x1d\x06Qu\xa8m\xd08.\xf6j\x17\x0fi\xf7\xc9\xe5\xf2b]\xaa&amp;\xd9&amp;v\x04\x16z\xe9\xaef\xe4\tI\x13\x86\x19\xb2\x9b\x90A{\xa4\xc7\xed\xeev\x104}\x07\xe9m\t\x04\xda_\xcatO\xe5\xd4a \x08)\x1a"\xa4\xba?\x8e\x97\xcb\xc9r\xb9\xacy~\xe8\xe2\x13e\x89\xf6&gt;M\xcec\xb4`\x8d"\x08\xdc\xf6\xaa\xe6\xee}\xa3\x9aR\xde\xd3\x0eI\xeb\xab\xc4\x87k\xc4\xed\xae\x8d^t\x99\x8a\x996T\xc3\xc5\x94&amp;\xd9\x1c\x16\x8b\x8f\x8f0*\xa8\xfb^7\xe44C\x88\xc7=S\xc6Ey\x90\x19\xd7\x1bO\xa8\xab,\x8e8\xe2\x9c\xae\xa1\x90\xe2\xb8bP\xa4\xc3\xea\xe1\x7fu5\x18}{\xf8\x7f\xaa6\x1a\xd5\xea\xd5u2\xba\xca\xf45\xd4h\xe0\xd6\x18\xdc\xeeu=\x08~\xc5\xa7\x04W\x8d\xea\xbbwU\xf1\xf3\xa9\x8c\xe7\xfb\xba?\xb4[\xf8\xc5\xe5\xdf\x12\xab\xfc\x05\x18\x14\x83`\x10\xe3P\xe4\x00\x00\x00\x00IEND\xaeB`\x82'</t>
        </is>
      </c>
      <c r="M487" s="3" t="n">
        <v>45492.67789351852</v>
      </c>
    </row>
    <row r="488">
      <c r="A488" t="n">
        <v>1170769</v>
      </c>
      <c r="B488" t="n">
        <v>1957</v>
      </c>
      <c r="C488" t="inlineStr">
        <is>
          <t>Léo Mana</t>
        </is>
      </c>
      <c r="D488" t="inlineStr">
        <is>
          <t>L. Mana</t>
        </is>
      </c>
      <c r="E488" t="inlineStr">
        <is>
          <t>LD</t>
        </is>
      </c>
      <c r="F488" t="inlineStr">
        <is>
          <t>LAT</t>
        </is>
      </c>
      <c r="G488" t="inlineStr">
        <is>
          <t>LD</t>
        </is>
      </c>
      <c r="H488" t="n">
        <v>179</v>
      </c>
      <c r="I488" t="n">
        <v>35</v>
      </c>
      <c r="J488" s="2" t="n">
        <v>38082</v>
      </c>
      <c r="K488" t="inlineStr">
        <is>
          <t>Right</t>
        </is>
      </c>
      <c r="L488" t="inlineStr">
        <is>
          <t>b'\x89PNG\r\n\x1a\n\x00\x00\x00\rIHDR\x00\x00\x00\x96\x00\x00\x00\x96\x08\x03\x00\x00\x00\x0b\xdf\x81\xd0\x00\x00\x00\tpHYs\x00\x00\x0e\xc4\x00\x00\x0e\xc4\x01\x95+\x0e\x1b\x00\x00\x00&gt;tEXtComment\x00xr:d:DAEewil2SDw:2945,j:2382800758473673325,t:23071502\x89\xfbT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c94d5fbc-9aec-467a-88c0-6cdcb8c7d1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3\xc9\xcdI\x00\x00\x03\x00PLTE\xff\xff\xff\xf0\xef\xef\xeb\xeb\xeb\x0f\x08\x03\n\x07\x03\xe6\xe5\xe5\x02\x01\x00\x07\x04\x01\x05\x03\x00\xee\xee\xed\xe4\xe3\xe2\x11\x0c\x08\xfc\xfb\xfa\xe2\xe1\xdf\xff\xfe\xfe\xdd\xdc\xd6\xfe\xfd\xfd\xf9\xce\xb0\xf9\xf7\xf6\xb4tD\xbe}M\xf7\xd2\xb6\xf6\xc8\xa6\xb6wG\xf1\xf1\xf1\xda\xda\xd6\xb2l&lt;\xb9xK\x1e\x0f\x04\x17\x0b\x02\xe0\xde\xd9\xe7\xe7\xe7\xc2\x82P\x17\x12\x0e\xde\xde\xdd\xf4\xc6\xa2\xf3\xf2\xf1\xadoF\xef\xf2\xf5\xed\xe8\xe2\xfd\xd1\xad\xfa\xd5\xb9\xea\xe9\xe8\xc8\x84T\xb3xH\xbeyL!\x16\x0e\xf5\xc4\x9d\xf4\xf0\xe9\xf8\xcc\xa7\xf6\xd6\xbd\xf5\xce\xac\xf0\xeb\xe7\xcd\x88V\xbazF\xb7n?\xf3\xf0\xed\xb7|P\xfc\xd2\xb5\xf1\xc9\xaa\xfc\xcf\xa9\xf9\xc8\xa0\xb4}X\xfc\xda\xba\xf4\xd0\xb3\xf8\xca\xac\xaalA\xc1\x84[\xf9\xc4\xa4\xc3\x7fS\xacuJ\xbbsH\xb3yO\xfb\xd8\xbe\xef\xc6\xa4\xf8\xd4\xb1\xaci:\xfb\xc2\x98\xc7\x88^\xfc\xcd\xac\xc3|N\xbc\x82R\xe8\x9dh\xf6\xc0\x97\xee\xb9\x93\xb9}K\xf4\xcb\xb2\xe9\xbb\x97%\x14\x05\xfd\xd2\xb1\xf5\xbb\x8f\xb8x@\xaexP\xf6\xbe\x9f\xe8\xb6\x8e\xfb\xc2\x9e\xb2rJ\xf3\xe4\xd74#\x18 \x1b\x18\x9dd?\xf9\xdc\xc5\xf8\xf4\xf2\xef\xbe\x99\xa4rI\xa5f&gt;\xbbrB\x99hH\xe5\x98`+\x1c\x12\xef\xc2\x9f\xba\x82Z\xa5jG\xb2oD\x99]5Y:%\xf4\xf4\xf4\xe3\xa6z\xf1\xcd\xaf[A0\xfc\xc9\xa8\xcb\x8fe=#\x0e\xd9\xa8\x83\xd6\xd5\xd3\xfa\xbf\x90\xea\xe4\xdd\xe6\xe0\xd8\x90R(\x8bR5\xf5\xe9\xdc}Q5\xeb\xc0\x9dg?%\xfe\xc8\xa2\xe2\xb1\x89\x84[=\xe9\xac\x84\x92^@\xb7\x8cm\xc5\x93rwZI\xee\xdd\xd1\xd4\x99v\xf3\xaf\x84s&lt;\x1c\xbb}U\xcf\x84MF)\x16\xf7\xf2\xed\xfc\xd6\xb4\x94kR\xf6\xed\xe4\xdf\x92Y\xe0\x9ds\xa9pNiG2\xafq?,\x18\x06\xd6\x89Q\xeb\xcb\xb5\xd8\xa2{&lt;(\x1b\xf2\xb3\x8cwF)\xe9\xa6v($"P7(i1\x14\xfb\xdc\xbf\xc9~K\xc1\x89e\xb6tP\xfb\xcd\xa3\xc5\x9c~\xd8\x9cp4\x1b\t\xe8\xc1\xa2\xd8\xac\x8d^1\x15C."\xb5\x85c\xb8\xb5\xb4\xc1wF\xde\x96e\xef\xa8|B&gt;&lt;\xaawV\xa9\x80c\x84L+\xdf\xa1\x80\xd5\x94hP/\x19\xea\xd3\xc1sO8\xe2\xa8\x85\xd2\xd1\xd0\xe8\xc6\xac\xcf\x95n\xd3\x8eb\xdd\xb1\x90\xb4v=M$\t\xcb\xc9\xc9|vu\xe2\xcc\xbb\x92Y5\xa2w[\x9foQ\xb7\x91y\xea\xda\xcb\xed\xa1p\xa5\x86p\xea\xb0\x90\x9dW=\xc4\xc1\xc0\x88aGB\x1c\x05\xc3\xa1\x8a\x94t]fOB\xad\xaa\xaa\xce\xa4\x86\xa3^E420\x85hU\xe2\xd5\xca\xe0\xb6\x99G4)\xde\xbf\xa7\xd8\xb5\x9eY&amp;\na\\Z\xa1\x9e\x9d\x8c\x88\x87\xd9\xc4\xb6\x87A$TQPPGB\xf6\xe1\xcbnjh\x96E1\xb1hB\xc3hY\xc7\xaa\x95\xa1^3\xb2\x96\x87\xd3\x83c\x97\x94\x94\xf9\xb8\x95\xec\x98\x80\xcc\xb4\xa4\xc9|a\xb3_M\xe2\x88t\xaa\\&lt;OYe7\x00\x00 \x00IDATx\xda\xcc\x97oLSi\x16\xc6\xc5^z\xaf\xdc\xda h\x07j\x89^*\xc9\xae\xec\x94\x18\xa3\x84\x18\xc8\x82u4\x86:n\x8b\xc2v\xedt\xd2\x9a(\x7f*\xba\xd4\x14A&gt;lX\x98\x824\x18$!\xd4\x0e\xc4\x02m"\x13E,\x05\x8a+\x04Y1\xb6\x11\x0c\x1a\x98\xe1OJD\x03$%\xc4\xecn\xd8d?\xecy\xdf{[\x9c\xec\xd7\x8b\xeec{\xc1\x0bI\x7f&lt;\xe79\xe7=w\xdb6~$\x8e\x15\xb1\x8a\xdd\xf6\xff"\x84\x14\xb7#:fgrbbL\x02B\x13\x7fy&amp;ql\\Tt\xe2\xf4\xfc\xc6\xea\xeaj \xb0\xe1\x1dK\xde\x17\x15\x07d_\x14M\x1c\x17\x153\xe6]\t,\xaf\x05\x83A\x97\xcb\x15\x0c\xad\xaf\xaex\xfd\x89\xfb\xcc\xa2/\xc6\x15\x1b\xb7=\xd9?\xbf\xb1\x1e\n\xba\x8c\x0cM\xd0\x04\x88q\x05}\xa1e\xe4Zt\xc2\x17!\x13\x1d\x88\xf6c\x9b\\\x0c\x06"A\x14\x88\xa6\x19\xa3\xcb\x07\xae\xcd\x8f\xed3\x7f\xee\x0e\x10%$Oo\x04\xd6\\F\x8c$\xa0\t\x92\xe2\xb8\xe0J \xb4`(\xb02\x1d\xf3Y\xc1D\xe6d\xef\xc6\xba\xcf\xc5\x10\x18\x0588,,\xd6;\xa8\xa7o}cl\x87\xe8\xb3\xe5\\\xb4\xdd\xbf\xb1\x8c\x8b\x87\xcb\x86\xb8\x880Q\x04\x0e~D\x1b}\x01\xef\xce\xb8\xd8\xcf\xd4}1\xde\x80\xcfHC\xf9HJHq\x91\xe2\\\xc2&gt;\x11\xec-!\x80\xb9\x96W\xc6\xa2&gt;\x87a\xb1\xe6\x9b+\xcb\xe0\x14-\xc0\x9f\x8e\xa9\x84\xd80.\xf7\x11\xc7\xe0\xbe\x90\xa2\x83\x81\xe9\xed[\xdf\x93\xb1\x07\xfc\xab`\x150\xb1^ak\x84T\xd8*\xc4G\x92\x11\x071\xd7\xba7z\x8b\xb9\xc4\xb1\t@\xc5\x08\x04\xe1\xcff/\x14WA\x04\x18\x96P\xc8^H(\xe4|\xcc\xd6r\x89\xa2\xfc\x01\x1f\xb3\xd9o\x14\xc9f\x08\xe3!\xdb\x84\x11(,\xfc-m\xdcb.q\xc2t \xc8\x10x\x16\xb0\xf3\x93\xe4\x08\xb8\x88c\x7f\xb0ka,\xf4&amp;\x8d\xa1\xf9\x9d[\x97{1\xe4*HsD\xa4\x90"?1f\xb3l\xc8Gj\x93\n]\x80ke\xeb\xb8\xccc\xab&gt;:\x12j\x8c%\xa46\xed\xe2*HrT\x14~\xe1\x1f`\xbfb\xb6\x88+.qc\x8d\x11rC\x8a\x8d\xbaP\xb8\x99\xf1\xcd\xb0S\x11\xa7""\x8d\xcb\xde\x83\xa2-\x99\xed\xc9+!\x06Y$\xa4&gt;\x99\xe4\x14EF@\xb9{\x9b\xee\x85\x05\xdf\x12.4\xbf\xb6``m\x9f_6\x92B\xf6\x0c$\x040#\xb8\x91N\x84\xe7C\xa4=\xc3&amp;~\xd2\x8e\xd0\x8f\xc1\x80?A\xcc\xff\x91\xe3_wAx\xf1g\x03\x94\x00\xc6&lt;+\x82\x88\x0c\xf8\xf0\xa8\xa78\x171\x14[j!p\xad&amp;\x8a\xf8/!\x8a;\xa4\x9d`\xa9\x10\x17\xa7_\x91}rX\x873\x18\xb6\x8e\t\xcdo\x8f\xe5\xbb\x84\xde\x10CR\x11(\xec\x15B\xc2o\xc1\xa6qd$h\xf8\xf4F7I\xae\x9e\x10/\xbf\x99\xdf2\xc6\xdd\x0c\xb8\x88\xf0\x8a\x07/\x86AD\x0c\xfdk\xdfh\xbc\xea\x84\xd7.\xb8\x9f\xc4(\xe0w\xd8s\x13\xec\xf2mD\xf3\x8a%:8\xef\xa3\x85h`\x11\x08\x89Q\x80\xe8$\xf8X\xe4\x06\xe2bX\x01\x17\xc56\x00\xba\xa7P\x18M&amp;\x05\x83\x7f\t\xcf2\xe3\xfaX\x1c\x9f\\f\xc8;\x8e\x15,\x9d\x08\xc9\x04\x92%aa\xbf\x92d\xe8.\x06\xc3P\x18\xd3\x88\xa4@\xacx\x0bB\xa9\x0fy\xf9lFQ\xcc\x8a\x8ffc-P\x18\x0c\x06\x93\t]\x80K\x06\xc2p2 e\xc9p-\x8dF\x97\xd1\x88\xdd\xa3\xd9\x12\x0b\xf0\x89D\xfbV\xa2y\x0c=\x0c\x07#\xc9f]f\xf0,y\x9c\x06\x83\xd3i0\x15\x14\x14\xb4\xb5\xc1\xa5\x00\xe0\xda\x90\x81\x08L\x81x\x90O\xf8\x81\x08y\x17\xc6\x82\xff\xb8\x027\xf9[%\xc4Q\x90,\nc\xc9L\x1e\xb7\xc5\xbd\xe448=\x1eg\x85\xa1\xa2\xc2Y\x01\xea\xe9i\xeb\xc1\xa0\n\xe4\xa3\xcb\x08l\nF\xc05#\x81\xfdb\xe7\x19\xb3&lt;}\x807\xbb`f\x05\t\x8a\xa0\xa1X\x05@eq\xbb=Ng\xb3\xdb]\x16\xd1\xc8H\xf3\x88{\xc9\xc3UW\xa1\x80\xca\xe2i\xc1\xce\x13:\xcc\x05U\x9c\xe7\xefd\x8c\xf3/\x1b\t\nr]\xd0\xe6\xb48,e\x16\x8b\xa5\xcc]f\x19\xb5\xce\xccX\xe1=c\x9d\xb1V;@e#\xd8\xba6TT\x1c:Ad\xf0\xa2\x81"\xa0\x84Dp5\x99/,q\x82w\x8d\x81?[f28\xdds6\x9bmf\xb1e\x16\xf4\xe4\x16\xab&gt;\xd0\x93\x89\xc9\x96\x96\x99\xd1\x9a\xb2\x91f kn\x06\xfb\x9a1 \xdb\xae2\xe8\xd4$\x01\xcc4\xe3\xba\x9f\xaf\x11\x11\xbbo%\x08\xd3)\xc9\xe4t\x979\x16g\xdf\xbc~\xfd\xe0\x97\x85\xde^x\xf5\xbexQYy\xef^c#\xbc\x1a\xba\x81\xad\xd8Z\r\xb2\x82\x87Vk\xf5(\xf8\x07l\x18\rcA\x15\x99\x907\x8a\xa7p\x89\x12Wah\xc1dp[\x1c\xb6\xd9[\x0b\xef\x1e\xbd{\xf4\xe8\xf4\xb1\xd3W\xfe\x9a\x7f)\xef\x87\xa7O\xaf\xdb\xed\xd7A\x0f\x9f\xdf\xe8.\xcd\xca\xca\xca\xc88w\xee\xdc\x85o._..\x06JG\xcd\x08"\x93\xc9\x80N@P0"\xf6\xf1T\xc5\xb818x\x08\x81i\xc92jk\xb9\xb5\x90/\x91\x9c\xbe"\xc9\xce\xfeV"\xd7\xe9\xf2\xea\x9e\x01\x95\xbd\xabk\xb0\xcb\xfep\xf8\xc6\x8d\x1b\xc3\xe3\xe3G\x8e\x1cI\xdd\xbf\xff\x0f\x19\x19\xa7N}s\xb9\xb8\xbe\xba\xf3\xf1\xcb\x9f{P\xd6\x04\x02\x92\x08n\xf0\xb5\xa5\xc2\x887\xa2\x81\xe5v\xd8Z\x9e&lt;\xc8W\x96+ur\x89\xa4\xbc\xfc\x90R\xa7\xd3v\xd4u\xd9\xedj\xf5\xd4\xd4\x94z`\x1c4&lt;\xde\xde\xde~\xe7Nj\xea\x89\xb3\xbb\xf7\xee\xfd\xea\xfb\x94\x94\xab\x17_\xfd\xad\xf31\xe2Bg\x90\x8b\xb7\xcc\x9b\xa7C\n\xc8\xbb\xd32:3qk\xe1\x92R\xae\xbb\xa4S*\x95\xe5\xe5J\xbd\xfe\xdf\x1d\xb7\xbb\xd4\x9c\x06\x06\x06\xc6\x87\x07Z\xdb\xdb1\xd8\xfd\xb3_\x7f}\xf4h\xfc\xb5\x1fsr\n\x0b/V\x8f\xb4!\xbbH\x02\x1d\x8b\xfc`Ey\xd7\x14@\xe5f\xb1\xf2\x00\nQ\x81]J\x1d\xc2\x1a\x04 uI\x89\x1a\xde\x00\xc6a\xb5\xdf\xb9\x7f\xbf\xbf\xff\xe4\xc9\xa2k\xd2\xdc\xdc\x9c\x9c\x9c?;*\n\n\x00\x8bdB\xd3&lt;\xb5b\xd4\xfc\x9aIa\xf0@\xde[&amp;nU\xe6\xe90\x95\x12\xd5R\xa7W\x01\xd6\xd4@\t+u\x89\x9a\xc5\xba\x83\xdc\xea\xef/**\x8a\x97Js\xa5\xd2\x9c\x1c\xb0\xab\xa7M\x96D\x92\xb4\x8f\xaf\xd3z\x07`\x99\xa0\rG\xad-C\xdd\x95y\x9a4\xb9\\\xa9\xac\x85\x7fz\xc0\xd2\xde\x1e\xec\x1ah\x05&amp;\xf4F\xa5lmekx\x1fQ\xa5#\xa8\x8f\xd2\xdc\xc2\x8b\xd6\xb2\x8a\xb6\x82$8 }|\xad\xa8\x18\x0b\xcc\x02\xac\xbe\x86gyi\x12\t\xe2\x02\x81[l\xb8\xc0\xae\xd6\xd6VL\xa5.i\x05(\x0e+=\x1d\x9b\xf5\x11\xb0\xeak\x9aa\xb8\n\x08\x9a\xb7V\x04,\x83\xc1=\xe7pX\x8b\xb3\x9e\x7fwI~(\xfb\xb0D\x92\x99\xa9\xd7+uJ\x1c\xae)L\x05X\xd0\x8e\xff\x83%\x95\xc25\xf7\xe2\xab\x9a\xe6\x1e\x84%p\x05xz\xd0\x88\xf2\xcey&lt;\x96\xb9\xb9Q\xc0j\x04\xb3\x10\x96\\\x9e\xa6R\xe9\x01K\x83\xed\x8a`\x01\x18\xcb\xb5\x89\x95\x9e^\x94~\xad\xf0U\xe7HE\x1b\x1a]\xc6e?/\xad(\xde\xe1]^Z\xb2\xc0a83\xd9]\xa7\xd5dJ\x0e\x1d\x92\xc8\xd34U*\xbd\xbe\xb6V\xaf\x8ap\x01\xd6\xe0\xe0\xd4\x14`q\x89OO\xe7\xb8\xd2\xa5\x90\xf9\xc7(\\\x02\x01jE\x9e\xdc\x02\xac\xb59\xdbLK_\xa5\xa6J\xa3WJ\xb2%z\x15\xc2\x82\xd9\x05\\\xda\x8eA\xe0*AT\xb7\xa1\xa2j\xcc\xc5\x9a\xc5\x151]\xfa\xb1\xf0/\x08\x0b\xec\x82V4\xf3\x82\x95\xc0a-&gt;Y\xc8S\xa9\xaaT\x99\x12\x89R\xafR\xa9j\x81/\x1b\xb84\xa8\x1b\xd5h\xd4\xdf\xe6\xb0ZY\xac\xa2?E\xb0\xa49\xafj*\nd,\xd6\x011_X\xbe5\xdb\xe2\x9b\x07\xf9\x99\xaa\xaa*4 \xe4\x80\x95)\xc9&gt;\x7f\xfe\xbc\xa4\\\xa9\xd1B\xec\xbb\xa6\xa6\xba\x069\xac\x12\x8c\xd5\x8f\xca\xc8R\xc1\x97\x94\x8b\x9d/\xd1"\x86\xb1xq\xeb\xc0\xf4\xba\x0f\xcc\x9a}\xfd"\xad\xb6\xaa\xaaJ\x85\xb0\xe4\xb5\xe5\x87\x0f\x9fG\xca\x96\xe8\xf2:\x10\x17\x88\xc5\xc2\xa1\xbf\x7fv\xff\xfe\xd4\xddG\xe3\xa5\x9c\xae\xa5\x80]\xa8\x8a\xbc\x15\xd1\xec\x0f\xa0\x12\xbeY\xc8\xd7\x83Y\xd0\x80pPg\xff\xe6\x8f\xbf\xdd\xb3\x07Qe\xeb.E\xb0\x06\x91k\xea\x92\x81\xf1#\xa9\'N\xa4\xa6\x9e9\xb3\x7fo|&lt;\x1c?p\x00I\xbf\xba\n\x83\x1e\xb0\x98\xb5i3O\x8b\xcd\xea\xdc\xdc"\x98\xa5Q!\xb3T\x99rI\xf6\xae]{\xf6\xfc\x1e\xa8`\xeb\xca\x7f\xfb\xf6m\xc7\xed:\xb4r]\x7f\xfa\xd4n\x1f\x18FTMM\xc7\x8f\x1f?s\xbc\xb4i\xf7\xdex\xa0\xca\x95\xc6\xa7\xd4\xa3t%\xf1\xd6\x89\xa2\xe4\x15\x1b\xce\xbb\xa6\n)-\xf3\xd0\xae\xf3\xc7\xfe\xfe\xfe\xfd\x87\x0f\x1f\xde\xbd\xe8\xed\xad\xac\xac|VWWw\x1d\xed\x82\xf6\xc6FX\xba\xce45e\xfd\x94\x95\xd5\xd7\xd7]ZZ\xda\x94\xf1\xbb\x14\x84\x05\xe9\x825\xa2@\xc6\xdb\xdc\x12E\xcf\xdb`\xff\xeb\xcd\xd3j\x81J\xa3\xc9\xcc&gt;\xf6\xfe\x1f\xbf\xfc\xeb\rhvbb\xa8\xaf\xaf\xa1\xf1i]\x9d\xfd!hx|\x18\xad\xa8w\'\'\x8b[@\x93\x93\x93\x97\xef^\xc88\x95\x92\xfbO\xd8#\xae\xa2sQ\xc6\xdb\x94\x17\x1d\xf4\x02V\xc3\x0f\x98\xaaJ\xab\xca\xbc\xf2\xe2\xc1\x9b\xc5\xb99x2\x83g\x89\x9a\xea\xe2\xa1\xee\xe7xg\x86\xe2\xfd\xe7\xcc\xf1\xac\xa1bk\xa7\xa3\xa6\xac\x0c=\xb0\xd5\xd4t\xd6_(\xcd\xc8)\xcc\xcd\xfd\xf1*:\x17\x15\xc1\x8dh~\xb0bwx\x17m\xb3\r\x95y\xc0T\xa5\xd5~W\xd9\xd07\xd1bs\xc0\xc3\xa2\xa1\xa7\xa7\xe2qg\xfddV\xf7C\xfb\xc3\xe7\xe3GN\xf4\x9f\xfc\xe9\xfb\xc9\xe2j\xb4\xbfC\xbd\xe0\x99\xbb\xe7\xe7\x97\x8f\xab\xeb\xef\xa6\xe4@\x19S\xea\x1d\x80\xb5\xc6\xd7b#6O\x03\xd6\x83\xde&lt;\x15@i;\xeeu\x0f\r=\xc1\\K\x9e\xff\xb2j\xb61M\xa6Y\x18\xfe\xe1\x8f\xcd&amp;\x84\xf8\xd2\xbemBu\xd2\xa4i\xa6My\xad\xb4\xcbTJKi\xa1\x96\x0e\x94\xd6\xb4T\xcb\x82\x14\x97\xc2\x14\xa2\xb6uQ\xd0U\xa9\xdd\xc2\xf0%V\xf9p(\x18\x91\xba\x14,\xce@e\xd1\x81\x02\x96\xe1cY\xb7B"\x8c \x91\xa83\x92]H\x9c\x10\xd1\xb0n\xd6=O\xddl\xf6?} $\xfc\xe2\xca9\xe7\xb9\x9f\xfb&gt;\x14\xaa\x05X\xee\xe4\xacoa\xae\xbe\x9d\xd6\x94l\x82\x85q\x9cj\xfa\x14w \x87\x1d\xf9nii\xd6i\xb7\x00W\xac\xac4\xd8t&lt;R\xa3\x05\xa7\xe8\xaf\x8f\x00k\xe6\xa8V\x9b\x93\xa3+\x9b\xbas\xa7\xbe\xbe\xben\xe4EC\x10\x02\xebx\xb8K\x15e Yec\x1cR\xa6\xcd\x1e&lt;\xd3\x84\x1c\x1f\xda\xe1\x1c9~\xecl\xd3\xec\xec\x9a\xdf.\x93\xc5Ze\xa5\x8e\xf1\xe3h\x0b\x11\xa9T\xfd\xc3\xa3\x95g\xcb\x03GuZ\x95J\x07\xf7\xad\xa6\xa6\xf1\xce`\xdd\x93g\r\xed\xa7\x96\x96\x96\xfc\x0eKrE\xd9\xb6J\xd5U\x96E\x08l\x9ep\xad\xf6\xa0\xc5\xce\xadc\xf7 \xc3\xb5\xb7;\x9d\x81\xc2\x0ex\xaeK\x1d\xdd\xc7\xbe\xff{\x84F\x0b\xae\xe2\x1f\x1e\xad\xbc\x08W\x8b\xcb\x85\x82\xe5\xd4L\x9dL\x86\xac\xfab\xe5\xdewhx\xbcvKE\r\x98\x89\x9c\xb2\xe9^A\xa5\x0b\xa8\xa0\x7f\x80\xf5\xa7[\xf7~\xea\xeen\x0f&gt;-\xad-4w\xc4f"\xac{\xbf\xfc\x18\xb1=e\xd4g\xffXi\xb8[\xad\xd3\xe6\x83:\x88\xb55c\xe9n\xf7\xe3\xb9\x17\r\xdd\xfb\xf6\x1eY\x82\x1e\xb9\n\xc3X\xe7o#,\xef\xd2\x91p\x8a\x86&amp;\xfe\x0e-\x9d\xba\x9d_\x97\xbas\x99\xa4\x8eXfi\xb0\xfb\xfb\x08\xee b&gt;{\x17\x0c\x0eV\xe7\xa8T\\q\x1fW\xd7\x99\x95\xee\x9ek}\xf6\xac\xe1\xde\xde]7\xc6\xfdkk\x9e\xdc\xa9\x1a-T\xeb\xf67\xd7\xfe\x8bud\x1fr|\x10\x97\xe0V\x8c\xc3\xc4\xfb\x8c\xa4\x0e\xab\x1b\xb0V\xfe\xfc\xeb\xc88\xf9\xe8\xdd1\xfb_\xbekh/\xed&lt;\xaf\xd2r\xfb\xfa\x18\xc5\x9d\x15\xa9\xb9s\x8f\xe7\x97_\xfc\xb4gO\x93\xd3\xe9\xf7\xd6V\x8c.\xa8\xc2X\xbd\xb1\x95\xde\xd9\x1b\x80u|\xdf\xae_\xed\xda\x87v`M\xb3~O\x88I\xa5\x92\xac\x96\xda\xf6\xee_"\xb4k\x8e\xde]t\xbd\xe0\xe1\xdbV\x07\xc2R\x89\xfb\xfa\xe2\xb9\xd5\x9d\x8d\xf5uw_\xff\xfcd\xe5\xd6\xad3\x0e\x8f\xd33\xdc\xb9\xa0\xcd\xaf\xca\xcf\xb9}\x1f\xb0\\\xe3\x10\xa0\x8f\x1f\xdb\xb7\x17\xa8V\xce4\x9d\x9d\xf5{]\x95f\xc02\x82\x9cv?\xfa\xe1\xf7\x11\xf9\x08\xce\xee\xa2\x02\x93\x89\xf7\xf3\xfcH\xddD\x0e\xf8\xd1&gt;\x11\x8bQ\xac\xd3\x1d&gt;\xfcj\xe6\xf5\xf2\x93\xa7\x0e\x87\xdd\xe1X\xbd\xd3\xb9\x00\xd1Q\x1c\xc6\xda\n\xf8\x97@dANo\xdcjo\x08\x9e\x02upy*\xcd\xc6\xb88\xa3\xc5\xee&lt;\xf5\xec\xc7\x0b\x07b"\x00\x16uI\x9f\x97\x86\xe9\xfbg\xaau\x80UU%b\xa9\xe3\xe3\xa5\x98\xb4\xff\xd5\xcc\xdd\xbaaKm\xc8\x0eq\xa8S\x97V\xae.?\xff\xe0\xfe\xb5\x92\xccJ\x97\x7f\x16d\xe3l\xd3\xf8\xa9`0\xe8\xf1\x04\x02\x81\xca\x90\xd9\x98M5\x9a\xed.\xe7\xd3\xf9\x0f\xeb\x17\x0f\xec|\x7f\x1acZ\xa8\xd9.7d\xf0\x19 \r\xaa\xaar\x11\x8b\xa5\xc6\xe0\xd7\xa4\xfeW\xe7\xa6*\xe4&gt;cnr}gu^Z\xb9A\xa4\x02\xac!(\x17p\xc1\x19\xf7;=\x1e\x87\xbd\xb6\xb0\xd0f33\x8d\x87\xa8V\x99-\x10\x08\x95&gt;\x9e\x7f\xfb\xf2\xc0N\xc7&gt;\xba\xe8\xe6\xc4\x83\xed*L\xd8\xc2\xe2\x86\xb1\x80J\x8da)\xa7\x93\x18\x87\xab\xcb\xda\xeeOOO5\x9e\x83\x90V\xaef\xb1\x00\xabwH\x90i\xabty\xfdp\x9c.O Tha2\x8d\xf0\x9dH\xa6Yef \xac-t\x8f,\xbf\xdc\xf1\xfb\xd3&lt;9\xfa\xcfm\x00\xe1\xb3\xd2\xb40\xd7"\x83Z\xad\x96\xeaO\xf3\xf9\x14P\xd6+\xb7\xdb\xdaF\xab\x8b\xc5\x08J\xcd\xca\xbfr\xbf\xb7dH\xd1a\xae\x0cx\xa0y\xf6\x10\xa8\xa8\x8c\x19G\xa5Q\x8dq\xb4l\x1a\x89i\xf4\x19-P&lt;{\xeb\x87\xdf\xec\xb0\\\xd1a,!\x9er:\xa3\x9c\x0bb*bapRR\xf8\xd2\xf2\xb4|Hbe5G\xb9}"\xd4Y\xb5\xa1\na\x95(H2\xb3-d\xb7\xd7\xaeZ\xdc\xb9\xe9\x894\x1aA&amp;hT`\xa3Z\x8d&gt;\x1f\xd3l\x0e\xb9&lt;\xef.\xecTS\x9bo\x8e\xb6u\xb1y&lt;\xbc%\x9e\xab\xe5B\x0f\x85B\xb6\x10\xc715%\xaf\xf8(\x98\xd2\x1c\xb1H\x14\xc6\x92\xaa\xab\xba\x00K\xa0PX\xadL\xf3\xa2m\xd1\xcc\xf4%\xca\xe5t\xba\\.\xd7\x10T0\xf5L\xab\xcfj\x06f\x97\xf3\xdd\xc5\x9db\x15\xdd\x1c\xfd\xf7\x02\xbbG)\xe4\x9f(\xe6\x8a\xd5\x90,$J\xa5\x92mPS\x18\x08+G\xccb\xb1\x80\x0bn\xa74\xbf\xab-aH\x11&gt;\xc6M\xb3\x19\xb0h\x1a\x08\x1a\x9c\x04\x8eFC\x10V\xe6&amp;\xd3h\xdd\xb4Z\xb7"\x82\xf5p\xa0qB\xa8la\xcc\x9c\xab\xe6\xf6\xa9YBI\x0f\x1c\xa50\x8cu4\'_\xc42\xb02X\xf1\x14\xc0\xe2v\xdd\x9e\x96\x03S\x18\xcd\n\x04\n\x05!\xe7$\xa0U\xaaF\xa3\xb12\xa1Z\xc0g]\x84&amp;~\xbe\xd3\xab\x18s\xf9U\xe3(\xc5\x90\xd7\x99&lt;x\x0e\xa6\xc8\x00X&amp;\x13`aR\xe0\xd2\xaa@\xc7\x0c\x06\xa0b\xc4cR$\xf3\td\x05\n\xf9\x08\x8c\x00@\xa8V\xc2\xfb\x84\x84k\x1c\x0e\x99\xc4d2}\xef\xdfs\xe0\xd5t|8\xb0S\xe1\x8a*\x98\x9c\x98\xc8\xcb\x1bu\xdb-\x9dZ1\x05\x13*?a\t\xa5R\x06\x83+\xaeR\x1b\x10a&lt;\x05f.-\xe7A\xdb4\x87\x06X\x9b\x82\x12@\xd2\x10\x1aM\xb8X\x88\x8b\xa0\xcal\x95fyB\xef\xe6\x86\xb7u\xbdh\xc7\x8f\xcf\xfe\x87\x0b\x13\xba\xae\xe9\xd5@z\x8dJ\x1c\xcfBXoLJv\xb8\\b\xc0\xc2\x84\x18\x9f\xcf\xcfh\x91\xb0\xab\x00k,\x8b&amp;\xf8\x94\xef\x15\n\xe8\x9c\xa67\x01\xaa\xd5\xcbI\xe8%\xb2e\x01\xaf\xd7V2\xb4\xb9\x11\xdc\xf9h\x81\xab\xb9\xdc\xbf\xb0}%\xeb\xa3-\xeb\n&lt;\xd5\xac\x16I\xcf\x9b7&amp;\xe0\xc2!\xe63\xe0\xcdA96#C"\x91\x08\xb95@\x95\x95J\x94\xc4n\xa2/\x05\x01\xd5\n\x97\x0b\xc6\x9e3D\xc8&lt;\xb3\xb3\xae\xad\x92\x8f\x1b\xad\xeb;\xdf\x8dDG]\xba\x99\xa7\xba2\xbd\x999\xd6u\x1et\xcb\xf0?\xac\x14=`\xa9\xb1\x14\\\x88\x9f\x9e\xecO\x12Jum\x15(Igq\x14\x99[\x1f3c\x05$\x04&amp;\x0fc%p\x08\xc2\xecZZ\xf2V~\\\xb4G\xa0X\xd0\xc5f\x13\xa5j\xbbMN\x1bC+7\x11\x8b\x8d\x9ahR\xf2p\\\x9f\x04o\x0e\xa6\xc7\xd9\xfa\x81\xba\xba\x01)ea*\xf5\xaa\xcf\xed\x93O\xcb3\xb7\xb6 F[\x81\x0b)D\x16P\xd1?a\xadml-&gt;^\x8f\xc4"):\xa6@_\x9e\xdf5\x96ZQ\x86\xb0\x0cl\x9e\xc9\xf4\xffX8\x8e\xbfz\xec\xf8\xba&gt;\xefpc\xaa\x8fiw\xb9\x02&gt;B\x06Xh\xed\x80\x14\x02)W\x16G\xf3\x05\xd5\xe6\x9a\x85j-\xba\x97/F\xc46\xef\xdeo\xc2\x80ktB\x07\x11\x03a\xf1\x00\x0c~\xe0zL*\x95\xea\xd9J|f\xa4ud"o\xe2\x8e\xdbR\x08\x7f\xdao3\xa2\xb4\x8a\xb0H\n\x1aY\x1e\xee+\x99\xca\x0c\xb9\xd6\xd6\\\x8b\xab\xf3\xeb\xcd\x11\xb1\xcd\xd11\x97xp\xed\xc0\xc6\xf7q\xb9\xf1,\x1c\xca\xc5C\x07O\xc1\x80K\xaf4\xf1\xfa\x9f\x9f[H\x03e+\xb4\x85&lt;~\xbf\xcbfL7v\x00\x95\x00\xbaH#\xae\x86\xebE\x8e\x93\xd96\\\x1b\x95\xab#\x1f.D(c\x80A\xe5\x81gh1\x88\xc4\xa0\x9a8\xce\x0eS\xb1\xd98\x88\x04\x86+M\xca\x14\xe8f9\xc2\n\xc1\x13m\x87\x90\x9d\x98H\xea\xc8\x14\x90\x90\xcc\x13\x04Y\xce\xa1\xd3\x13\x0f\xca\xcc[[f\xcb\xf0\xf2\xcb\xa2\x08\x05\xb2\xe8\xa8\xe6\xcb\x0fy&lt;IKF&lt;\x83"\xd5\xa7 .%O\xc9\x06\xed\xc2\x84l\x983%\x9bU\x9eV&lt;\x9a\n\xaeeunn\xf8\xe4\xc9\x93\x87\xb2\xa9\x7f\x11\x80\x9b \x080\x10\xf0\\g\xc7\x1d\x94YIV\xabo~}\x7f\xc4\xfe\x85\x0e\\\x05p\xfb$\x19\x14\x06\x85\xaf\xd7\x03\x0bp)%\x08\x8b\xad\x04,\\z\xe2\xf0\xc2\xe8Tj:\xd8\xa9\xda\xda\xd2\xdc\xe4\x93\xa9t\xf2o\x05\x8a!\x02\x9d\xabt\xfa\xa1\xec\xb8\xafd$\x85`3\xf9\xed\x85\x08~v1:\xe6\xfa\xa5\x827h\xc2\xbeL\xd1c\x18\xceV\xf6\xf4H\x94\xa0\xa0\xe1b\xe9\xfb\x07\xea\x07\x93\x87\x87\xc1N\xb9\xed.\xaf+`c^\xe5\xd0\xbf(\x19B2\x0f\x92J\xa7\x93\xe3\x00\x8bJ(|\xf5\x7fk\x8eX\xb1\xd0x\xc54\x03\x17[JI:\x8d\xa1\xce\xf5\x98\xc0F\xb0\xd9\x126\x9b\x972\xf9\xfa\xee`)\x1a\xaaU\xe3U\x9f\xdd\x0b)\xdb\x1b(\x8c#\x93\xc9\x9aOG\x8e\xb0\x0e~u015\xab\xfe\xf5\xe7\x11\xfd\xa0g\xf4\xee\xa8\xa2Ko\x94I\'\xbe\xe4c\x1827\xf0Z\xf3\xe0\xc1\x91\xe0\x93\xaf\x9f\xdf\xad\x9b\xab\r\x85\x16W\x99\xff\x1a\x9b6\x06\xbck\x90\xc1&lt;!\x19M.\'\xd3\xe9@\x05.\x10\xb0\x86\x07\xeb\x9f\x0f\xac\x17\xc4D\xf8\xf3n\xd1QE\xd7M\x93\x7fd\xf01\x16XA\x84\xa5\xfc\x0f-g\x17\xd3d\x9a\xc5\xf1\xc5\xc4\x0bXDJi\x8b\xa9\xa3\xc4\x16K\xb5hK+\xa1\x94\x8fJ\xb5\xdbiw\xc1\xc6\x96\xda\xa1 *C1f\xdb\x82L\xd11A\xc1"_\x1d\x1a\x89T"2\xa9\x1f;\xab\xc1\xc5agMv\x03\xa2H@\x99D\x1d\x88\xb0\x8eN$\xea\xe8\\hb\xc88\x92\x1dA\xf7\x7f\xde2\xbbs\xb1\x17;#\xef\xb9\x80p\xf7\xcb\xff9\xef\xff9\xe7y\xce\xc3\xf9\x9c\x1cS\xef\x83\x96K-\xfen\xb7nvvv\xe6\xef?\x9e\x98\x99\xbbu\xb6\x1e\xfd\xff\xd1\xdaR\xc3|i\n\xbc6\xb5\xa3\xff\xde\xd3\x9b\xad\x1d\x0b?\r\x8e\xa6\xbf.\xd4\xab\xa0\n\x99\xb0P\xa2\xe6\xf0\xb4\xbd=\x97\xfa\xd0\xbc\x9ei\xfa\x91\xe2\xcd\xcc\xcc\xf7sS\xcd\xcd\xb5g\xcf}q\xeele[\x1e\xed\xd1\x84\xb5\xb9-{\xecY\xab\xaa\x8c\x95Q\xdd\xd8\xf6q\r\xaac\x14\xee\xd2\xf7\xe1V\xef\xe7x\x1f?\xf0w\xfb\x07\xce\x10\xd5\x9b73\xb3\xbf{;==\r\xe3\xda\xb3\xa7\xf9\xf2\xd1\xa3\xb5I\x9b\xc3w\xfc\xf1\xf1m\xe6\x96\xd7\x07\xcbXz\x04\x14S\xd6\xeaU0X\xbcT\x12+Gs\xc3\xef\x0f\x0c\x0c\x9d\x98\xfd\x1e1\xf7v\xfa\xf9\xd1s\x14G/\xd76\xd7\xa2S\rc\xad\x05\x965\xdb\xffL\xc5\xdaTs\xd9\x0b/\x9f\x0f\xacL`\x9d\x87oin\x9c\n\x04Ff\xe7\xa6\xa7\xdf\xce\xcdMN3P\xdf!\xbe\xc4\x12\xd6Vz\xd4k7\xe4\x11V\xa2\xd5\xec\xeeyT\x16\xcb\x12\x15\xeaz\xaf\x82\xb0\x92M&lt;2.\xd3\xc6\xa2\x89\x80\xdb39==EjM?\x7f\x8e5|\x0e\xb0\xaf\xbf\xfe\x12\x1ea\xd8\x9c\xc7\xd4\xcb\xe4\xa6\xee{\xad\xec\x8dZ\xc7\xb5j\x93\x8dFp\x01\x0bkh\xb2\xef\xb3\x04\xb2=\x93S\x17\x02CH.\x90\x11\xdd$\x1c\xf5\xbb/\xe8K\xd41X\x89\xc02_zY\xc3\x1a\x16*\xaf0V&amp;|\x1e\x9e\x15\xb4\xf3-C\x03\x03\x03Cg6m*\xfa\x17e=\xf2\x1e`S\x93\x93\x93S\x1eO\xae!1\x8ce6\x9b\xbb_KXTk\x07\xcf\x04,\x05aI\x83\xa8(DN\xb4\xb4\xdb\xb7\x17\x15\x15M\x0c\xe0K\x9c\xa5\xc4\x7f;\x85\xf0\x10\x96,\x91\xaae\x06\xab\xe5\x99*\x96E\xacT`\x89\x14\n\xec?vj\x0fET\x84\x1d9R41\x14\x98eDBrM\xe3W\xe9\xd4\xee\xdc\xa4$n|\xe2\xda\r\x89\xe6D\x9d\xd9\xdd\xf2,\x9dU\xac\xa0\xc6(\x12)\xf29\x1cPQ\xd7*\xca\x12\xad\xdf:q\xca\xef\x9e\xaa\xbd\xfc&lt;\x1c\x87\x0e\x1d\x9a\xa4\xa3\x9a\\nJ"\xdc\xc1j\xd6\x99\xb3\xc7n\xb2\xf7!\xc6D\xefH\xcdQ\x1a]\x84\xb51?99\x93.\xf8\xd7\xaf\xdfj\x19\ntg\x03\x8b\x02L\xe0\xaa$\xb1\xba\xb8Bk"a\x99\x1d\x8e\xb1Gq1l\xaa\x95c\x82\\\xfc\xfc\x8d\x1b\x91\xf8\xa0r9\x9d\x96\x89\xa6\x81\x91n|\x90\x93\xa8\x99\x0f\x85\xa3\xb2r\xf7\xee\xdc.\xae@\x08\'\xb5\xaa\r\xfa\xbe\x1e\x16\xb1\x18\xb5\x82\x90\x8b\x9f\xaf\x84\xad\xfe%\x8b\xefrZ,\x13C\x03\x81\x91\xfd:\xb7\xae[\xe7\xd6\x97VV2\\\xb7*\x7f\xd8\x9d+\x10\x08\x85\x02\xa1Z\xad/\xef\xeb\x19g\xf1e\x14\xd4\x82\x89j\\"&gt;\x1fujVV\x16\xb0\x8a\x1b\x86\x06\xe0\xf5\xd8\x83\x9a&gt;\xba\x98\'\xcb\xfd\xfd\xee\x1f\x80V\x89\xc8\xe5\n\xac\x02\xae\x10b9.\xb1\xe9\xa6\xbf!\xb5r\xa4J\x91\xcb\x85\xbc\x17\x01\xab\x88\xb0\x1a\x9a\x9a\x1a&amp;\xe8\xe2\xe5\xcc\x9f\xael\xd8\xbc\x85\xceH+oUV\x96\xe6\xca\x84V.\x16\xd2\xe0\xc8\xee~\xd0\xca\xaeZpQ\x13\xdf\xe7\x03\x17\x92=k\x13\xb8,\x16\xa7\x13\xcb\x9a\x8fV\xf2\x1f\'\xae\\\x9fY\xbb\xb9M\x9f[\x8a\xd0\x1b\xd4\x02\x01\x97[Rbp\xb3\x8f\x15&lt;\x9f\x93,\xf2\x01\xcc\t\xac\xacM\x80\xe3+\x92\xed\xc1\x0c{&gt;,\xf5\xe2\xf5\x99\x99\x99\xbc&lt;\xb7A_\xee)\xd7;\x0c2YWW\x97\xcc\xacc\x1f\xcb\x84MGa\xf4\xd9\x9c\xce\xed\xeb)D\x8aLS\x10\x8e\x8fm{`$ov\x16M\xb4;;\x9b\xe6;\xf5z\xbd,\xa9\xabK\x80\xd2Y\xc7&gt;\x96\x14{\xa1\x12\\\x16\xc8\xe5\xb4a\xfd\xa8\xa6\xe0\x18m\xe8~\xfa:;=\x1eOg9\x13\x9dD\x05\xf3\x8a\xa7\xdd\x87},\x1e\x89\xa34\xdal\xc5N\xa7\xad\xe1\x86\xcdg\xb3\xf9|\xbd\x8f\x1f\xb4\x1c\xbf\xdb\x88`ft\x1b\xd1-\x96\x97\'%\xc1\xbc\xd2\x18Ge\xd5 \xca\x08\xcbd\xb2\x07\xa5Rp\x15#\x0e h\x88\xf8\xde\xd8\x9d\xe3\xd7\xaa\xf72C\xd8\xd5\xd5\'\xebO^k\xdc\xb3\xc7\x03O\x85XpT`\xb1\xe8\xf2?\xc3\xca\xe0\x88\x9c\xc5\r\x07z\xfc4k=6v\xe7\xfe\xc3O\xaa\xff\xb6\x93\x19\xf1\xa7\xa1\xf5c{\xaf\xddm.-\xcd\xad\x10\x02+\xde\xcc*V\x0c\xb0\xa4&amp;S\xd0\x9e!\x05W\xbe\xc8\xd6p\xc0\xdf\x7f\xfc\xee\xdd\x87\xf7\x01\xf5M\xf5\xb7;\xd7\xad\xdb\xf5\xd9g\xbbv\xad[\xb7\xed\xf3c\xf5\x87\x9bK=\x15\\aJ\n\xb0\xdc\xacn&gt;e\xad\xa9A\x88\xc5`I\xed\n\x97\xedFO\x7fc\xfd\xde\xea\x93\xdfTW\x7f\x0b\xaa\x9f\x9e\xaf\xbc\xb7|\xdb\xc7{\x81\x95\x043MI\x13\xb2\x8c\x15\xdb\xde\xca\x0b*\x95\xc9\xf6\x0c\x1e\x8f\'\xcd\xb0+\xf8\xbe\x1bc\x0f\xab\x8f\x9d&gt;}z\'=x\x98\x7fD@O#&gt;=V\xdf\xec\xf1\x00+\r\x81E\xf4/\xd8\xf1\xd1\xff\xc6\xb2+\xd1\xbdfh\xb5&lt;\x1e\x15\x82\x1c\xcdcp\xed\xdc\xb6\x8d\xae\xcc\x7f\xcb\xbc\x80b\xde9,\xffxoc\xa7#\xa9\x82\xcb-$\xacx\xb3\x7f\x90E\xac\x8e\xc1\x82dj|\xecZpep\xe8N\xaa\xe0\xc9\xcb\xfb\xd5\x7f\xa4Q\xc4\x9f^\xe0\x91XD\x95\xad\x96\x8d\x8e\x8e2X\x89\x89~\x16\xcb\xc0\xe8\xbaAM&amp;\xdd\xd2\xd1\xcd\x1d\xe4b\xae\xcax\xa1\xa7\xaf&gt;\xf9\xf3\xcf\xde"\xbd\xb7\xfc\xd3\xab\'\xef\xf6\xb9\xd5\xfa.P!X\xc6B\xe3\x13Rf\xa2x\xcfd\x8e\x973\x08+\x03x\xa1\'\xf7\xee\xc0\x1dN\x87\x87\x90&gt;?v\xb5\xbeqO\xb9C\xad\x96\x01\x89\xc0\xc2X\xed,a\xc5D\xcb\xc7\x875\n`\xe53X&lt;\x9e\td$\x9bv\xf8\xe9\xbd\xfe\xbb\xd7\x98\xf7!W\xeba\xa4}\x0e\x87^f\xb5\x16\x8e\x16\x8e\x86\xd52\xb3\x86\x15\x13]\xb6cp\xd8G\xadN~2ai9\xa6\xa0)\xa8\xd4\xf2`eJ#\xed\x88{\x9a\x0f\x1f&gt;\x8c]\xc7\xe1p\x18\xac\x88\xd1\xd1y\xb1\xe2\xe3\xbb\x9f\xc8cY\xa2\x92\xd7\r&gt;\xbdAX\x99\xc9\x19&lt;$\xbdV\tk5a\x8f\xe4\x99\x94"\xe7P\xc0\xaf\xcb\xee\xf4\x94z:Qg\xa9Q\xc3\xa7\x15\x8ev\x85S&gt;%%\xa5{\x81\x8f\x01\x7f\xfa\x08\xa3\xc5\x92\x8e\xffb!\xe5\x0b\n\xbc^\xa5)(\r\xf2\xb4&amp;\xba!\x9e\x18\x08\xec\xd7\xb5]H*A\xd9\x17O\x02\x11V\x17a\x81J\xe8\xfek\xeb\xc2\xe7|Lt\\d\x94\x04j=a\xb0\xf6\xe5s\xb4^\xafW\xe3\xf5\xd2u\x9d\xd4\xa4\xe4\xe4\xef;\xf2A\xd3\x89\xebk\xdb.\x80\x8a\xfa\x9dy\xac\xd1Q\xf8iJ\xbcP`\xe8\x19\\\xe0\x93\xc0\x98\xd8\xe88\xf1\x9a%K"\xdb\xeb\xc6\x9f&lt;vee\xd1\x97\x08,\x8dF\xe3EbI\xa5&lt;-M6\xff\xe1\x83\x8f\xae\xe8\xd4%I%t\xd1\x83}0%M\x00\xb5\xa8\x96\x87X\x15\x9d-\xcfv\xa4/ \x17\x03\xa5\x8aZ\xb2dQ\xa4\xbcc|\xb8\xd7\x156\x880\x96\xa6\x80\xae4xZ\xaf\x86\xbf\xef\xc8\xf6\xa6\x11\xb5&gt;\t\x8bH7\x17)Ba\x9a\x80\x0b*\xe2\x12\n+&lt;\xfd/\xc7U\xedq\xb11\x0b\xc5T\x96\x1e)Y\xbcxM\x84\x18X;B\xbd&gt;:\x0e\xe4p\x94^\xa5r#\xb0`\x0f\xa9\xa9\xda\x90\xc6\xc8\xcf\xcc\x1a\xeav\xa0(\xd5_Po\xd9\x02*!\xb5\x17\x80\xe2R\xb7(\xec\xbc\xfd\xea\x91J\xde\x1e\xf7\xeey\x1f\x13\x16J\xa5j\xaf\x12\x8b\xc5U\xe2\x08\xb1|G\xea0a\xd10\x0b\xa8\xf8F#q\xa5\xf2B\xa1\xe1^#\xdfu\xe0R9JR\x87\xa1-\xbe\x8d\x1e\x1e\x81\xa9\x82AC\xae\xa5\xe8o\xdf\xf9\xa7D\xde!/{\xc7\xffT\x14\x16J\xa5\x92\xa7\xa7\x03\nL\t\t\xe9\xf2\xba\x17\xa1^\xa5R\t,\x0e\xa8D\xae^MA\x01\x8c"4\x8c\xc5u\xd9\x02\xd9$\x163(Bbq+Pm1X\xd8\xab\xf5_\xddyV#\x91tt\xa4\xbf\x0bXX(\x89D\xa2\x02Tz\x02~TU%\xd0*\xa6z5\xe0\x02\x15\xbd\xc6p\xb9\x80\x15\xd2"\xb5\x8c\xbd&gt;[C\xc0M\x9d\x85C\x86\xe5\x93\t\xe6u\x122Xii\xfa\xaf^=\xaa\xa9\xa9\x91\x00\xad=\xeeW\x82\x11\x14\x84\x92H\xd6,\x8a\x8c\x8c\x10\x8b\x13"""\x12\xc4U$\xd7\x87Z\x8dF\xc9\tc\xb9\\.\x9fQ\xe3\ryC\xc3h\x84\x8a\x87\x02:\x83\x9eB\xc6\x04\xf1\xe0+\xe4r\xa9\xe2J\xd3\xdf~u\xb3\xe6 \x02\\\x92_\xa5\x18\x03%WI\xa2\xa2V\x02kQdDDd$\xd11X/\xb4F\xe3\x7f\xc4r:\xd1]\xc3\xbd4\xbd\xbd\x84u1\xcfl\x98g\xa2`\xa6}\x84\xa4U\xa15\xad\xfc\xf6\xbdG\xc0Z\xb1t\xe9A,\xa5D\xf5\x8b\xcf\xe8\x01\xd5^&amp;\x97D-\x01\x15"22\x81\xc4\x8aH\xa8Z\x9d\x90 \xefx\x91:&lt;\xec\x05\x96\x86N\xb6\x9ch\xf3\xa1\x17=TtZ\x8a\x9b.\xee\xd7\xa9\r\x0c\x0fQ\x95\xd0q\r\x82\x11\xabP\x7f\xfb%\xb0@\xb5b\xc5\x8a\x83\xb4\x9a\xbf\x08\x8cn\x9c\x18\xa5V\xadZ\xb2r\xd1\xa2\x95\x8b\xd7DF0X\t\xab\xabV\xaf\x16\xb7w\xd4}\x18\nyi\x1cCA\xc7m\x96\xe2b\x9b\xcf(\xe2\xd3\x03JK\xc3\xa9\x11]\x9bAF V\xa1\xd0p\xe1\x02\xf2\x1e\x7fQ\ta\x158\xfa_\x87\xb1\x96.]6\x8f\xa6\x12\xff\x9f6\xc6@!\xa5\xa2\x96-[\x15\x85\xf5[\x1c\xb5\x98\x92\x8b\x161b5\xa2\xaa\x1dr\r\x82\xab@\xa9Pdm\xddj\xa1N\xd1\xe6\xfaw#\xe7\x13\xd2F\x1a\x86qg`\x0e3\xf05\xcb*4\xa3\x90)S50M!\x87`\x13\x16rh \x84"as\x08=4\x889\xec\x1f*\xd4=\xe8!\x18\x12\x08\x85\xb0X\xb2\x10(\xca\x8a\x10\xcf\x95\x8a\x82{1PB\xb5\xb4H0\x06\xc1\xc5\xc5\x85U"\x88\x87\xbdHY\xf0\xb2\xcf\xfb~\x93\xd4n\xf7\xdf\xa7f\xc6D\x9c\x9f\xcf\xfb|\xcf\xfb\x06Ln\x7f\xf1\x80\xb8\xcaso^\xc4\xaa\xe9\xa1\xbb\x03\xe9\x81\x81\x08\xdaud\x15\x1b\x91\xe6\xc0t:\x10\xdd\xbfhs\rM\xd3E\xf3x\n\xa1\xff\xe31@\xcd\x00J3\x04Syu\xcb0\x1c].Eb\r\x07\x17K\xedf\xadFXT\xc3\x89\x892\xc9\x85\xb8\x87\xe7\xdf\xce\xfd\x90K\xc6\xd0\x0c1\xbaW#\x91j52\xc4X7\xc7\xd2\x89\xcc\xe6Q\x83\xa8|\x8cD\x9f\x1e3\x0f\x9b\x85\xff#_o|FJa\xff:\xc2\xcc\x9b\xb6\xa6*\xba%lM\xf7\xb2\xdf\xd5Q\x17\x0brU\x1a\xcd\x1a\\~\xdb\xc5z{\xfa\xf0i\x0f\xebM.y\xe7\x16\x9e\xdcC\xa9(a\x8d\xd1\x18\x08\xaa\xf8\xd6\xfcYE\x96\x10H\xa6\xe9b\xf9`\xb1\x7f\xa9\xe4\r7;\xfdT\xbf\xedmS\xa8\xd8v\xaaa\x0b\xd5;\xa3\xa8XTD}\xd4;\xfc\xfc\xf9\xf3`\xa9Me\x84\xcd\x9f|\xf3p\xa2\\\xde\x00\xd7\x93\x07\x14\x10s+\x12\x8b*\x98H\xd0+so&gt;z\x8c\x8f\xb1H\xa6\xb5w\xd4\xac\x00\xc5\x05\xcbcy|8\x08\\1\xf8\x0f1FL\x94\x9d\xa1`\xc80\xf3\xdby[Sf\xbc\xaeX\xc3\x12\x0b)1\xea\xc5Nt\xb9\x9a;\x90\xeb\xc9S\xa0\xbc\xa5\xd70C/\x9c\x96\x99*\x86\x12\x0e%\xe2\x99\x0c\xb0\x02\xfd\x8f\x1e?F\x11\x13K\xad\xcd\xb3v\xd1c\xfa|P\x8ao\x98\x8eT+Rb\xffM%9\xcf\xf5\x10-\xc3\x03(\xd3\xb6T\x98\\\xb5\x0c\xdb@\x7f\xf6\xea,\x16\xe9E;\xd2\x0b.\xb2\xd7\xce\x0e\x07\xfbDyccn\xa3\\\x86\xf3\xcbskor\xb9X:\x10H$&amp;\x99*\x11\xe8\x7fw\xef\xde`\xffj\xa6U\xbfl\xb6\xdb\x12E\xf2tw$(\x91\xaf\xa1\xe1O\x04\xfb\xfck\x9dr7\xecX"\xbf\r\xa9\x0c\x15\xb1\xae\xa8\x8e&amp;\x04mC]\x97Ed\xdb{\xa1\x17\xd9+\xdb\x00\xd7\xfa\xfa:\xb0\xe6x\x95\xcb\xe5\xd7+\xd0*\x99\n\x8c`-eP\xc3\x14\xd4z788&gt;\x12o\xed\xbd\xbf899\xf1H\xad|\xd2\xf1\x84\xe4!\xe5\x04\xe5\xfe\'-\x1c\xc5\x0b\xa3\x1b+\x9a\x9d\xdf\xdd6\r\x87\xa9H,\x0e\x07\x97H\x0f\xa9!\xd6ktff8L\xb6\xdf\xe9\xacw\xd6O\tk\x05k\xf6\xf5,\xa8^\xc4\xa6\x13q\xa2\x9aLDR\x91H:\xb0&lt;8\xbe\xbc\xfc\xddT\xeb\xe0\x8aJHX&gt;!|\x9c\xa9\x9c\xab\xf4\x058\xe1\x0f\x06\xffZ\xc9\xb0B3\x8b\xaa\xc1\xea\xdb\x8dW\xf2\xc2\x00\x00\x03bIDAT\x82{ J\xe8h\xa0rt\xb7\x80\xd4\x81\x98j\x94\x17\xf5\xa0J\xe3\xa2svJj\xad\xd0\xab{\xe8\xe5!D\x15\xcd\xc4i\x10\\\x8d\xa4R\xa8\xe1\xf2\xf2\xf8x\xff\xc8\xd4\xc2\xc1\xd5\t\x1b\xcbg{|\x86\x904\xe0\x02!\x9f\t!\x8c\x102\xfc\xa3=\x89\x81\xc5\xeb\xd5\x89\xca\xa4\x04\xa5\xab\x03\xd2@CT\xf5\x0fj\xd1\x03\xba\x8b\xd5\xe3\x02\xd6\xf7\xb3kk\xaf\xd6\xd6~\xa4\x17\xa0\'\t\x0bO\x10\'\'\x87R\xa9T:\x10_\xbe\x7f\x7f\x04Tu\xb4\x1d\x88b\xa3q\xd8\xac\x96\\6Nm\x9fM\x07\x9f\xb0\x1c2\xf7\xb5~D\xfdN\xb7l\xb8\xca\xd2\x15]\x86\xbac\x90\xb1\xba^g\xb1\xa8\x88z\x17\x8bR\x15\xf1\x05o\xbd&amp;\xac\xdc\xabWk\x12k:\x8ah\x98\xbcyw\x80\xfe\x1fc\x84\xc6\x1cP\x1d5\xb3E\xa6\x02\x81(\x18\x82\x8fB\xc8[\xf7\x00\x15hbA%]0\xd6\xca\xce\xe7mU6\x19\xa0\xb9bI\xab+]s]\xc3\x82\\\x8b\xa5l\xbb\xb6s\x8a"\x92\xd3\x01FX\xb1\xd8t5\x8a\x10\x1d\xe0\x7f\xf5\xa1\xb7\x12XX8\xb8lVPB\x97\xc5@\x0f\xe1\xe5\x13\xa2\x87e\xd0\xd2\xac\x90\xbfPp\xba`\x18\xa64\xd2J%\x1e\xa6"c\xc1Y=\xc3w\x0b\xa9\xaa]*E\x0f\x06Y\xb0\x9d\xd3\x8d_\x9f\xbd\xd8\x9c\x8e%s9\xd0%\x93\xb1j\xb5\x9a\x1e\xfb\x92\xb1\x96ZS\x0b\xbf\xf4\xa8\x0cIEX\xf8\xf5\x92Q\x18|\xcb\xb4\xb8\xa4\xe6\xf8e\x8a\xc1c^\xc5b\xad(\xa0\x14\xd6\xca\xeaa\xe9j\xaf%\xd2#\xaeZ\xd8!J\x98\xb8\x16\xb3_\xd5:\x1b/\xe7\xeb\xd1(\xc0\x92\xf4\x19C3L\x0f\xdc\xbas+=\xb9\xd4Z\x00\xd5U\xbbP\xcc#\x0c\x05\x02G\xf8\x1d\x8b\xa9\xe8\x02\x86\x14\xa9{ `\xc4@8(\xc1\xfa\xaeUP\xf9\xa0\x95\x85\tPu\xad\xae\xb0R\x8e\x83\xbe\xedEk\x84V\xc8\x90\xb0\x0bVi^\xbd?\xd8\xdb\xdb\x8aNG\xa3\xd5\xe9jd5\x10H\xc3\xf0\xa9\xc4\xb7S?\xffFR\x15\x8ah2\xb6]\xd4\x1cM\xd3,\x16\x0b\x83\x89&amp;\xe5\xa1SC~\xaf\xf1-\xa2&lt;L\x91\xd5\x07*7\xd8\xe5\xf5I+\xa2b,E\x9aK\xc1\xde\xcc\xef\xee\xda\x0e\x92k\x06?\x89\t\x1a\\\x0c\x06\x8b5\xaf\x8e\xf6\xeb{{\xad\xa5-\xda\x87\xf1L\x14\xce\xcflm\xd5\xe7\x8f:\x8dJ\xb1Hqe\x83\x85fJ\xc7\xd2X,\x8d\x914\xf7\xcc]\xc4\x89"A\x00\x7f\xa1\x8f\xa8\x9c\xae\xb3q\x9fE\xcc\xa4\x95\x8c0wbV\xed\xc3\xe3\xe3CS\x08g8L\x9cx\xce!\x1f\x03\x19\xc0:\x97/\xf7\x0f\xea\xf5\xfa\x16\xd6\xe6\xfc\xb3\x97XGg\x9df\xa5T\x02\x15\xb6\x9e\xa1\x154\x8d.\xc8X\x1fHxY\x1f}\xe3\x90\x8b\xb4&gt;\xd3\x14\x0e;\x9d\xe2\x01wY\xf2!n\xcf=,\x1dX\xe7\x7f\x1c\x1f\x1e\xee\x9ax\x82\x16\x0c\xe9\xc3\x1cw\xa3\xd4%\xc32-.\xae.\x8f\xf6\xf7\xe9]H.\xcf\xce:\x9df\xe3\xf7l\xa9\xe4/\xc8\x04\xd0\xfc\xecU\xc7\x15\xc5\xa0\xbf\xfc\x1a\x96{n\xc9\x8b;8\xf4a\x8a\xa1\xb2\x90\xe1a,\xba\xefc*E\x1e\xd5\xfcO\xe7\xc7\xe7\xe7\xe7\x87\x05\x94.HC4\x98h\xa8P\xa8\x98\x8b\xa5R6\xdbn`\xe2\xa9\xd5\x1a\xedJ6\x0b\xa4R\t\x13;\xbd\xc1.\xab\x13\xa2_\xe2\xf4jE\x08\xb8\x90\xe5.\x06\xeb}\xc1G\x7f\x02A\xbc\xc35\x95\xe1\xd7\xfb\x00\x00\x00\x00IEND\xaeB`\x82'</t>
        </is>
      </c>
      <c r="M488" s="3" t="n">
        <v>45492.67800925926</v>
      </c>
    </row>
    <row r="489">
      <c r="A489" t="n">
        <v>1170773</v>
      </c>
      <c r="B489" t="n">
        <v>1957</v>
      </c>
      <c r="C489" t="inlineStr">
        <is>
          <t>Giovane</t>
        </is>
      </c>
      <c r="D489" t="inlineStr">
        <is>
          <t>Giovane</t>
        </is>
      </c>
      <c r="E489" t="inlineStr">
        <is>
          <t>MD</t>
        </is>
      </c>
      <c r="F489" t="inlineStr">
        <is>
          <t>MC</t>
        </is>
      </c>
      <c r="G489" t="inlineStr">
        <is>
          <t>MD</t>
        </is>
      </c>
      <c r="H489" t="n">
        <v>184</v>
      </c>
      <c r="I489" t="n">
        <v>17</v>
      </c>
      <c r="J489" s="2" t="n">
        <v>37948</v>
      </c>
      <c r="K489" t="inlineStr">
        <is>
          <t>Left</t>
        </is>
      </c>
      <c r="L4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64fd321-dbdb-4e85-8566-10e787181f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7\xe1ou\x00\x00\x03\x00PLTE\xff\xff\xff\xfc\xfc\xfb\xf8\xf6\xf6\xfc\xfb\xfa\xef\xeb\xe8\xf1\xed\xea\xf9\xf9\xf9\xfb\xfa\xf8\xfe\xfe\xfd\xfb\xfa\xfa\xf1\xee\xec\xf5\xf4\xf2\x15\r\x08\xcb\x86d\xe2\x9ao\xee\xe9\xe5\x1a\x10\x0b\xd3\x8be\xd2\x88a\xf4\xf0\xec\xdf\x97n\xdc\x94m\xc0uP\xcf\x85^\xda\x90h\xd7\x8dg\xea\xe3\xdf\xec\xe6\xe2\x1f\x15\x0e\xff\xff\xfe\xbcrM,\x1f\x14\xbb\x81c\x10\t\x06\xdb\x91l&amp;\x1a\x11\xf3\xf1\xef\xa9qU\x9d`A3#\x18\xc7\x89i\xd3\x92m\xe6\xe0\xdb\xb7oI\xdd\x9bs\xe5\x9cr\xc5yT\x97^A\xb7|^\x9bcG\xc7\x82^\xa9w\\\xcb\x8dk\xf3\xb1\x88\xeb\xa8\x8d\xd7\x95o\xa9lO\xcb\x83^\xe5\xa4\x83\xcd\x81Y\xb2y]\xe6\xa8\x88\xca|W\xf5\xb7\x98\xe4\x9fu\xc1\x82_D3\'\xe3\xdc\xd5\xa0iL\xc2\x84c\xa3oS\xa6eC\x97Y:\xb0hD\xc5\x7fY\xdf\x9fx\xda\x99t\x9d[&lt;\xe5\xa1{\xaftX\xd5\x96t\xec\xa5\x86\xb3kF\xed\xb0\x94\xf0\xac\x8e\xd1\x8dl\xf4\xb6\x90\xa9jI\xb9uUVB3\xee\xab\x7f\xabgD\xa9`&gt;\xb1~c\xc0\x87h\xf5\xbd\x9b\xf6\xf2\xee\xb8oP\xf2\xaa\x86\xd8\x8bc\xa2_&gt;O8*\xd3\x81\\\xdc\x8dg=,\x1f\xbe\x80]\xa2cD\xa4gI8)\x1c\xce\x8ae\xe2\xa3}\xec\xa1\x7f\xcf\x93u\xdd\x92k\xdf\x9f\x81\xe7\x9f\x84\xdb\x9e|\xf8\xc4\xa4\xafd@\xd5\x85a\xe4\x96t\xa6zg\xce\x90n\x9dpZ\xbaiE\xbc\x86l\xb0rQ\xeb\x9fw\xbe}W\xee\xa9x$\x13\n\xdf\x97i\xe6\x9c~\xc5{]\xe8\x9cm\x88U&gt;\xc2\x8cp\xe3\x94c\xb0kL\xb3\x82i\xd7\x99{\xbfnI\xf3\xb1\x92\xe5\x9ay\xe0\xa4\x8arF1\xf5\xbc\x94\xd8\x8emB$\x13\xd8\x95\x83\xd8\x8ft\x7fYF\xe1\xcd\xc3\xf5\xbe\xa3\xe8\x9be\x88H)]9&amp;\xdf\x8ej\xe1\x93o\x90^I\x92U7\xdf\x99z\x9cU4\x88O3\x90[?\xc7sM{G.^G6\xbc|[\xa5Z8\x7fA"G/ \xb0^?\xdf\xd5\xcf\xc0uX4\x1b\r\x90K-\xca\x90t\xe7\xa8zjZP\xeb\xaf\x88\xe5\x97f\xed\xdc\xd3tO@gL&lt;\xcbzRXH?\x99gN\xee\xb5\x9d\xde\x93vM?4H:0\xde\x8e^\xef\xb7\x90\x86cS\xd9\x86Y\xcb\x7fd\xd7\xb2\xa1\xf2\xe3\xda}M8\xec\xa3o\xd7\x88iO+\x19\xce\xa3\x90\xcc\x82q\xaf\xa8\xa3\xde\xbc\xaao8\x1b\x94lZl&gt;&amp;\xef\xd5\xc7\xbao^\xa0\x98\x92eA/\xd2\x7fS\xd7\xab\x97\x98O/\xa5T5\xd4\xcf\xccx^P\xc2uc\xd3\x87zypi\xf6\xc9\xb4\xce\x99\x82\xd9so\xcfkf\xe0\x7fh`SI]0\x18\x8c{q\xdf\x93\x8a\x92\x87\x81\xbf\xb7\xb1\xdc\x83{\x98A&amp;\xb2_Q\xd6\xc0\xb7\xdf\x93]\xcd\xc7\xc2\xe3\xc5\xb7\x8b5\x1c\xe5\x8fv\xb5gY\xc5zk\xf9\xea\xe3\xc1\x93\x7f\xbfWS\xe8\xa5\x97|!\t\xa5[O\xba\x98\x88\xba\x9f\x94\xae\x87{\xd9oT\xc6b]\xe7jlJ\x00\x00 \x00IDATx\xda\xcc\xd8\xddO\x93i\x1a\x06pa\\S&gt;\x06k\xe2\x82\xd1\xc2+[\xf5U\xa0\xb0,\x16u\xddA\xf6\x95QF\x90\x01D\xa4\x05\x97\xc8Z\xa7\xc1\xae%\x8a\x8c\x08\xd2P\xb4\x9d\xf2\xe5\x14\xab$\xd8\x11\x10\xa4\xab\x1d\x06\x86\xd2P\xca\xd2\x02N\x82\x90m\x06\x92b\x14\x92f\x0f*\x81\x138\xd9\x03\x0f\xf7z\x1e\xd0\xf5\x0fx\xd1\xb9\x0b$-\xc6\xfer\xdd\xf7\xf3Q6m\xe2\xb9\x04\x91\x9b~#%xW\xff\x7f\xf2\x1bB\x05\xc5\xf4\xf6\xae\xce\x1f\xdf\x1c\xf4\xe9a\x02\xc2\n\x8cY\xf6x\xbc\x1e\xcf\xe2\xc2\x82\xdff\xf3y=\xab\x9b\x03\x04\xf4w\x9f\xa2"I(\x81\x9b{W\xbd6\x97\xd3\xef\xb7\xf9-2\x94\x02\xdfN\x9fw~\xe7\x1e\xa4\x16\xf9I\x9a\x17\x102\xefY\x04\xc7\xa5\xb0\xd8l\x0e\x87\xc3b\x91)8\x85B\xa9Rr.\xff\xd2rL\xa0 \xf2\xa3G\x16\xb0\xeb8rr\xbb]2\x8b\x85\x88\xa8I\xa9bY\x96aXV\xa9T\xba|\x9e\x182d\x82\x8f\x9a\xd5\xbc\xcf\xe6\x94\xc9\xd6\xf2A\xef\x14V\xa5\x92eU\xe0\xa8\x08\x0c4\x95\xd2m\xf3\xce\x87|\xbc\xf9\xc7\x1bm\xd9\xb5\xa8\xe48\x97\x82\xe3T\x8c\x92\x939,V\x96AD\x1c\x9e\xb3\x8c\x18\x05\x16\x94\x9c\x13\x91\x85\x04\x08&gt;\x8e*d\xd7\xf2\xa2\x8cs+\\x(Y\x05\xfage\xc4\xe0qV%+\x16\x91\x12\x8a\x00cU*\xc8l\xde\xd5`\xc1\xc7\x88j\xab\xd7\xe7B\xb38\x05\xc6J\xc6\x91\xee\xc1\xc2\xa88\x97\xcc\t%\xa2\x12\tC\x85"\x91\x98\xa6\x06\x9ek\xa9w\xa3\x1b\x89\xf5\xb7\xcb\xcb\xa1cd\x908\x05z\x06\x04\xc9G\xcc\xba\x9d\x0e\x19\xa7\x12\x0bCC\xa3CCC\xe9\x8b\xc8\x8c\xce\x99m\xfe\xb3\ru\t\x02\x83w.\xb9U\xa4=\x8cV+\x16k\x01\x88F\tE\x0c\xc2ra\xd2D\xc2\xb5W\xa2\xa3\tM\x8c\xcc\xe0R\xf9\x97\x03\x05\x1b\x18\xd5\x1e\x8f\xcf\xc6\x91\x90\x18-}\xf3uA\xb4\x88a\x94n7&amp;\x9e\x84\'|\xf7*\x91\t)\x0cy\x05lX#\x83\xb6z\x9c*\xac8\xb2\xfeB\xe9\xbb\x92n\t\xb5\xf8Bt\x0c\xe7\xc6d\t\xdf\xa7E~\x8fo\xa1\x90\xcc\x99j\xe9\xf8\x96\x8da\t\xb6,\xfb0Ub\x91\x16\xfdCQL__\x9f\x89\x14\xdb\'\xd6j1qbQh\xf4\x07.\xaa".\x11k[\x0e\xd9\xa0\x1d\xd4O\xd6\x15\x96W_\x1f\xd5\xf4\x99\xa6\xa7\xa7\xcd\xe69\xe3\xe4\xa4\xd18g\x9e6\xb1\xac\x15A\x8a\xc8\xccG\xbf\x0f\x13\x13F\x97%\xe3\xf6n\xc0F!\x10\xc4,r\x0cY\xf5\x0c\xe1\xbc1\x1b\x8d\xc6\x9eI}WwB\xda\x89\xbd\x87\xd3\xd2F\xda\xf5\xc69\x85\x95\x8e\x17\x19\xae\xd0u\x19Xt\xad\x8aY\x96\xf3n\xe6\xdf\xb5k\x91S2\xf8\xef\xfbL\xe6YcOWzaa\xe1\xb9\x0b55\x05\xa7\xfet\xf0\xe0\xfe\xcf\xff\xfa\xcf\x82s\t\xdd\x93F\xb3\xd5\x8a\x7f%\xa4\x19\xd1\x9d\x02"!\xdd/0\xf8\x9c7\x98\xef\xb0\xf6x9\x86lR\x8ci\xb6\xab\xe3\xf4\xc9\xdc\xd8\xea\xea\xf0\xa3\x11G"\xb6\xed\x88\xbb2p\xe5J\xe6\xb6S\x17\n/\xa6w\x19g\xcd\n++\x12\xae\xd5Z\x13\xe9\xea\xa0s\xefZ\xe6w9F\x06,\x935\xc8\xb0\xa6\xe9\xd9\xae\x93\x15Q\xf1\xc3\xc3MMGw\xd4m\x8fK\rK\x1d\x18\x1c\x94\x0fdl;\x15U\x94\xde\xf1\xb0\x07.\x92*=\x82hd\xebk\x00y\xa9\xdcK{xe\tz\x17\xdc\x1cN\x19\xd3lO\xc7\xd3\xea\'/\x9f\x8fE\x0c\x1f\xdd\x91\x9a:00\x80\x1fr\xf9\xe0\xe0\xe0\x95\xb3\xf1ME\xa7_\xf5?\x9b}3m\xc2i$&amp;,\xa1(t\xadh^\x8c\xdb\x17\xc3\'K\x10\xecu\xcap\x83\xb1\x9a\xbbN\x17\xe5B\xb5\x12\x16VW\x07\x94\\\x0e\xd7\xc0\xc0\xe0\xf8\xbf\x8a\xc7\xafl{R]\xf1\xf4q\xff\xb3_\xdf\x98\xfa\xb4$)2b\xc2u\x17!2\x9co\x9eG\x96 `\xde\x86\xbb\x95\xc5&lt;\x9b\x1e\x15&gt;\x8c\xa8Vt/jkk\x07HH\xe8\x9f|p|\xbc\xb8x\\^\xf7\x92\xb8^\x11\xd7t\x9f0\xf4\xfdx\xd1\xa2G\xb7\x8a\xd7\xb4\x04!^\x19a\x19KS\xc6V\xec\x06\x83\x9d\xa8\xe4R\xe9xK18@A\xd52.\r{\x0e\xd7\x8f\xc4E\x02\xd3\xd2u\xf8n\xf0\xc9\x96\x8a\xb8\\\x9e@\x1eY\xc7m\n\x97L\xe6H8\xbabokk\xb3\xb7\x91\xac\xa4---\xd7\xaf_/\x06\xaa\x05\xbe\x96|\xa9\xc6@\\\x15\xaf_=\x84\xeb\xd7i-\xd6 9\x9a\xb0\xfdkiCCq\xfb\xf1\xed\x14\xf0\xb7\x93\xae:\xc9\xe5\xaa\xb5`e\xa5\x8d\xd6\x8b\x17\x94U\x0c\x16p-\xe3\xf9--\xf9\xe3\xd2Z\xfb\xd8Z^\x8f\x1f&gt;{\x88\xc00`\x84\xc5\x903AK\x1b\xc9\xa8\x9c\xfc\r\x97 \xc8\xe3\xc2\xbc;\x12\x8f|\xc8\x92K\xf3\xa9\x0b\x81A\x96\x9f/\x95\xcau\x86\xe74\xaf\xa2\xc7\xfd\x0fIb\x980\x84E\x0fMJ\x04\xcb\xbd\x1c$\xe0\x8d\xb5\xe4v\xbb\x15C{#\xc6V\x0c\xa4\x87\xc4\xf5\x02.\xdaE\xe4\x05\x12J^\xab\xb1\x1bH^M\x15?\xbe~\xfd\xaa\x9f\xc0L}\xf4\xa4\x9a\x9e\x86\x8b\xde2\x94^\xbev.\xdc\xb2\x16]\xf8\xe0\xd5z\xfe\x1f`\xd9\r4.\x9d\x0emD\xef\x8a\xc9P\xc9\xe5r\xa4\'\xaf\xd5\x815\xf6r\xf8IS5`\x8f_\xf5\xf7\x93V\xbe\x99\x9d\x9d\xc5\xd2\x04\x90\xdc\x1b\x19\xdfV\x1eYn\xb7\x0c\xac\x03;\xc6\x0c(\xe2\xd2\x91\xb4\xf2\xf3\xd7X\x83$+\xb9\\\xad\xd1\x19H\\p5U\xa3\x95O\x9f\x82\xd6C\xcb8\xfb\x86lf\xb8\xda\xfb\xf9\xba\xd7\x0b\x04\xbf\xf3\x81\xe5lm\xc8\xfe=\xe2B\x1f\xedm:\xc2*\x91\x92\xbc0V(i\t\xe9\xe2\x8b6L=q\x01\xd6T\x9d\x0b\xd9\xe3\x8e\x8e.R\x90\x99M8\xad\xc5J\xcf\x16\xbeX\xc1&gt;\xf2\xe1y\xe1Vcf\x9d\x01,\xb2q\xe94\xb5\x80H\x9b\xf3\xf3\xd7U@\x82E\xba\xf8\xa1\xab\xe2tzz\x07J\xdf\xad\xd7\xf7P\x17\xbb\x14\xc2O\\\x91\x91\x81K.\x97\xd39q\xab\xb1&lt;\xae\xce\x00\x99\x9d\xb0\xe0h\x06\xeb\x18\x8a\x8c&lt;\\`a\xba\x0c\xef]\xd5\xd5_U\x14\x11WwG7Jo\xc4g\\Fl\x8b\xe1\xeb\x16\xb1e\t*\x07ael\xaf\xab\xab\x03J\xa7\xd1\x81\x95\x0f\x14\xf6\xf9b\x12\x96\xbc\xa4D\xae\xa1\xacw\x815U\xc7\xc2u1\x1dET\xb8\x8d\x99\xf1y\x89\xc1\xce\xc5S\x17\x83\xbcN\xa7\xdf6\xd1\xd0x\xf5*u\x85\x85\xc1\xa5^c\xc1u,\x1fQ\xa1j%TUg\x1f\x1b[\x1b\xfc\xd8\xd8\xdc\xaf\x8a\xe0J@u\'\xb4\xeb\xe7\x94`\xb9W\xf9b}\xe6\x01ka\xa6\xa1\xac\xbc&lt;\x0e7\x870\x89D\xa2\xd3hJ\xa4y\xe8!\xc2:\xd6L\xb6\xadfi\xadF\xa7C\x7f\xed\xf6\x1f\xd0\xc8K\xc3O\xc2\xa3bs+.^&lt;\xbd\xe6J\x04\xcb\x8a\x8b\xa4\x8bO\x96\xdfFX\xa4\x8b\xdb\xc3$:\xb0$\x84\x05\x15\x1e\xc7\xc8\xcc\xe7I\xb1Ah4a:\x89N\x17\x86\xbc.\xa5\x0c\xc7\xc7G\xc5\x16\x16\xbdg%b\xb8\xf0\x89\xcd\xc5_\x13=PMT5\xfc\x9c\xdd\x18\x17\x16F\xc2\x92h\xd0\xc4\xbc\xbc\xe6ck\xd5\x9c\x87\'r5\\\xe4W\x12\x89\xdd\xf0\xcd\xb7\x97\x8e\xa6\xc4\x87S\xd6\xbe}\xfb\x88\xaa\xbd\xdd\x88\xfb4\xe3?\xce\x1f\xcb\xb6\xb00S\xd5\xb0\xbf,3.u\x1d%\xcf\xc9\x03\xab\xb9\xf9L\xf3\x19\xa8\xc0*Q\x13\x16-\xc9\xa3\x1f\xfe~\t\xac\x94\xf8X\xcc\xd6E\xb0\xf6%&amp;\x8e\x8c\xb4\x0f\x99\xad*\xb1?\x86O\xd6\xc4L%\xd2\xca\xccL\x85\x0b(yN2\xea\xcc\x993y\xf8JN\xce+)\xc9Qk\xd4Yj\xf5]\x89\xe6\xae\xe4\xd17`\xa5\x80\x15\x95[xr_)Q\x815\xd2\n\x16\xe3\x0b\xe6o%\x92\x1e\x9e\xbf\xf5svyFFj\xaa&amp;\x07\xfd\xca\xf9s\xf2\x17\xc9o\xdf\xbe\x85\x8d\x00sr\xd4\xea\xdbj\xf55\xf5\xdd\x1bwo\xac\x87\x15\x1f\x1f_\x10[_XZJ\xe2\x1aI\xab\xaaj\x95q*\x06\xdb\xe9&amp;\xbe\xf6\xad\x85\x85\x89J\xc2\xca\x8c\xcb\xc8J\xcdRge6\x967\xde\xbf\xff\x9f\xfb\xf8\xbe\xfa\xfd\xd5\xef\x93\xbf\xb8\x86\xbaM\x7f\xdc\xb8\xf1\xe8\xdeT\xc4\x91\x94;w\xe2\xc3\xc3/\\\xa8/&lt;\xb9\x96\xd6\t\xb0,\n\xa5\x8a\xbf\xc3\'d\x89\xf6\xf0\xbb241#+++\xe3\xe6-TC%\xad[\xdf\x95a?\xbbJH\xd7:\xc1\x1a\xfd\xc3\xbd\xa9_~\xb9\xf3\x13\xaa\xa0\xe0B}}\xfd\xb9\xcb\xa5`\xa5\x9dH\xaa\x9c\xb0(\xac*O\x10og\xe2\xe2\xc4L\x15ae\x1e:\x14\x97\x95\x95\xf9\xb7\xaa\x99\x89\x89\x85!\x87\xc314\xd4:\x92t~\xf7\xbf!CV\xb7;;ow\x8eN\xc1TPS\x7f\xf8pMM\xcd\xe1\xcb\x97/\x97\xe2\x8b\xaa\xc0\x92q\xeeU\x9e\xfe\x94*\xd8\x14\xb38SU\x95\x84\x89\xcf&gt;p(\xee\xd0\xfe\xbf\xb4\xb6\x0e9,2\x85\x92\xc3\x9d\xd52\xd4\xbew\xef\xd7\xff\xbd\xf9\xa0\xb3s\xb4s\xf4\xc1\xe8\xe8\xbd\xcf\xef\xd4\x97&amp;\xea\'\x8dF\xe3\xa4\x1e\'\xa1^\xdf\x9d\x98\x966r"\xe9&lt;a)\x9c\xbc\xed\x0f\x82^\xb0*+w\x97e\x97\x1d\xc8\xcc\xfcro\xfb\x10e\xc9\x14x\x98esC\xed\'Fv\x1f&lt;\xfb\x00\xa4\xd1\xa9\xa9\xa9\x88;?]\xc6\xb1l\xc6\xd6\xc9\xb2V\xf3\xdc\xdc\x9cQ\x0f\x17M\xcb!S\xf8cx\xbb\x06\xce/VUa!\x96egg7\xde\xfczD\xdf\xda\xda:\x81\xb6\x8e\xb4\xb7\xeb\'\'\x87\xf4\xed\x89\x89\x7f\xdc\x7f\x96\xb8\xeeM}\x1bq\xa7\xe0\\\x02\xfd\xe3\r\xb9.\x88\xc4\xacIi5O\xb6\xaf\xb3,2\x1b\x7f\xac\xde\xc5\xaa\xa4$\xb0\xca\xcb3\xff\xc7\xaa\x19\xff\xa4\x9d\x9fq\xfcz]V\x93\x0b]\xb4\x15u\x17\x98a\xc1\xfbr\x1aD\xa1\xa0\x08\xd8\xdet\x8a\x88\x80`a-\xd6~\xd1\xc2\x9d\x9e\xc2\x81\nRj\xbb\x0c\xa7A\x91v\xb6zD\xa5\x02\')-c\xd8\x9aZ{\xf8\x83W\xd7\x9e\xbd.\xad6mumf\x13s\x97[\xe8%\xa7\xab\xc9uK\xcd\x9e\xcfw\xfb\x0f\xe0\x13\x7f3M_y&gt;\xef\xcf\xf3\xbc\xdf\x8f\xdf\xda\xdc\nh\xd7\xa7\xd9g\x06fL&amp;N\xe5\x95\xde\xb6\xa2\xc2\xa2\x92\n\x16\xf6\x00\xb0F\x97\xad\xd6R&amp;\xde\xda\x7f\x01a]\x83\x1fT\xb1\x8b\x9f~&lt;1\x07\xff\xa4\xa7g\xec\xd6\xad\xdf\xfd\xe3\xfdTa\xbd\xf3\x9b\x1e\x84u\x02\xb0:\xed\x02\xba\x80U\x89q\x1a\xe4r\x9e\x9cA*f\x12\x8f\xadDS\x89\xa8F\x963\xb2j\xc8\xae&lt;\xe4EW.\x84\xee\xdd\x03\x85MLL\x9c\xbav\xea\xc9\x18\x81\x05\xaf\xe4\xbb\x9f\xa5\xacZ\x1f\xf6\xb0\xd9\x82\xc6\x13\xf2\xce\x8e\x0e\x0e\xeb\x08i\x89Dj\'\xd5\x9c\xd3\xb0z\xdb\xa4-\xc7q\x1c\xd7h\xfaH#~\xb3\x7f$=K\xc4\xc4\xd5\xd2`p||&lt;X\xdd\xaa\xee\xedU\x17!\x9dM&lt;\x99\x03q\x12X\xdf\xa7l%\x98\xf6\x8b\xb7l6\x9bE`1\x10TqT,-\xbc|\x19I+\x14\x9a\xaar\xe1\xd1\xe2\xf4\x05?\xdf\xbc\xb0\\\xc6\xa4\x8a[\xa6\x08\xaa\xa9\x165~\xee\xdc9\r\x90\x81\xd4\x10\xd6\xe9\xaf\xe6\xe6n\xa5(\x90Q(\xd0N\xff#\x90\xc9\x04\x18`Ix\r$\xb8\xa6\xea`\x7f\xff\xdc\xc4G\xb7?\xbd\xbf\x12\n\x05[\x8eSK3h~&gt;\xdf\xbf,"\xd7\xb7@\xa6\x86\x13\x82\xeeP\xa4vAG\xed-)\xa9\x009\xf6\xf4&lt;\x1aCX\xef\xa5\x08k\xdf\xce\xddor\x05\x02\xc1\x89\xdaNI\x01\x8f\xd1^\xd3\x9b\x17\\\xf9\xf6\xfe\xadS\x1f\xdf\xf8\xe0W\xd7\xe6B\xc1\xbc\xaaz\xa6\xbe\xd9\xe6t\xfa\r"\xb7\x16\xa8\x1e&gt;|x\xe1\xde\xd8sh\r\xf7\xa6\xa6\xf2\xa0\xad\xcad\xa0\xcd\xc1\xd3\x805\xf7\xb7\x94`\xa5\x9d\xdcY\xedZ,\xc0X\x02\x16&amp;\x91\x14\xd4\xe6\xa4\x17kJ\nC\x13\x13\x17\xc6\xe6\xa0\xa1^\xbb\xf5\xe8B\xa8\x15w8\xe6\xad\x936\x84\xe5X\'\xa8V\x9e\xdc\xb8}\xe3\x83_C\xdf\x82j\xb6".\x01\xc2\x1a\x1b{\xfe\xcf\x9fSRP\xaa\xbb\x16\x05\x18\xe2\xc3\x8cJA.G\xd2!\xc9\xcc\xa8!k4Wd2V\xee\x99\xb7o\x1f\xf5\xc3M\xdd\x0bJ\xc9n\xf7\xbc\xde`\x13\xf2}zG\x00Q\xdd\xbf\xff\xfc\xfb\xdb\x1f\xa1\xbf\n]\xbc8\xb1\x12*\xaah\xa3\xcb\x1a\x07\x1f\xa1~\x07\xb3\'y\xae}\xca\xddM\xe3\xb1\xdf\x9f\xe5a\xac\\\xbb\xa4\xe3\xfa\xe1\xec\x8c\xd2\x9a\x9a\xe2\x9a#$l\xc64\xc3rU\xb5HA\xf1L\xe6\xf4\xbc~\xb2N\xa9:;9\x1d\x1e\x7f\x88\x12\xfe\xd8\xa3\xaf\xe6\xe0\x12\x9fL\\\xfc\xcb\xc5\x95\xd0\x17\x85\xea\xde\xffa}\xf7\xe1\x9e\xbdIsQv\xb6w\xb7\x9d\xc6\xba\xeb\x05Xe%\x03\xb0\xae\xef\xffCvNzF\x16t\x88b\x18\xc8\x80\xd5\xa2\x15\xe3L\xd1S(\x96\xa2\xfc\xa8\xf1\x8fO#\xb1\xabW\xd1;\xac\xa0\xd3\x8b\x8a\n\xfb\x83\xa1\x95o\xa1^_\xb4\xf6\x0e\xc2%\xf6_~\xfb\xf7\x1f\xfe\xfa\xf9\xbb\x94\xa4\xb16\xb7-\xdc\xba\xc3\x05\x1c\x8c\xc0\x82\x80\xba\xff`v\x96\xa8&amp;\x8a\x8b\x8f\xb7\xb6H\xa5R\xad\x8b*\xb2Z\x91\xb2T\x10\xcc\xce6;\xd0C\x1c\x1f\x8fMU\xc3/\xc1\x98\x12\xa9:\x18,\xa4\x83\xb6\xa0\xa3\xf4\x7fY\xd8\xc2\xfaq_r\xb2\xa7\xdc\xdd\xdc\xdc\xe6z\xb9\x05\x05\x0c\x0c\x93\x13X_\x7f}\xbd\xceg\x15\x91!\x02\xbap\x9c\xcc\x14\x95.\xfb&amp;\r\x93&gt;\x8f\x02\xf2\xc6\xb0q\xd2\x1d^\x8b\xa13\x8eNl* m\x91\x06\xaa\x0b\xab\xf3J\x04\x8d\xa7/\x17\x06\xaf\xae\x85\x1d\xd1g\x07\x92\xc2\xa2\xa4\xad"\xac8\xd7\xc6cp8&lt;\x89\x04\xb0\xd0\xc6\xc8\xe8#\x8c\xbaH\xaf\xd7[\x973m&gt;\x9f\xcf\xe64*\x86\xbd]\xe5:\xdf\xb46\x1c\x08\x10\xbb\x1a\xb4\xe0\xba:\xbe\xb6&amp;\xad\x82\x90\xd1V\xc2n&lt;\xfdeQ\xb5\xb4\x9b\x8aGfv\x92\x92\x17%\r\xaae\xe1\xaa\x14u&lt;\x86\x9d\xc3+\x00,b}4\xac\xf3LB\xe2\xd2[\xad\x06\x1a\x98,\x9f\xcd\x03T\x1e\x85w\xa3Kg\x9b\x17k\xc3a\xadX\xdc\xad\r\x04\x02k@\xa8\x15\xe7S]Um%\xf4F\xf6o+\xd4\xf9df$\xf1\xf8nr\x9e\x8b\xc0\xd2\xa9\x14\xcb\xa5r\xbb]N`\x1d:J\xecB\x8e\x9d\xb5\xa1\xab\xb3y&lt;\xfe\x05\x9b\xcd\xe6\xe4\xaa\x8c\xaa\xae\x8d\r\x9dM\x0f\x19L\xdb]\xefp\xbb\xeb\xb5\x08\xb0\xdb\xe1\x86t\xadV\x13X\xbd\x1a2N\x8e$^\xddL\n\x8b\xb2wuw\x13B\x8dmz\x9aa2!\xacc\xa8Xh\xedP~H\x01\x19\x07\xd2\x8e\x93oqz\x9c\x10\x1a\x87\xbd\x1b\x1b^\x9d\xad9Z__\x9f\xefv\xbb\xc9\xd0\xcd\x1cb1P!\xac\x92\x12:\x9bM\xd7D\xf3#\x8e\xf5\xadW\xbfL\xee\x12\xf7\x82\xb6\xb8F\xe7\xf6\xf2\xd2(X\xc0Z\xc0\x02\xaa&amp;\xaf\x97\xd8;\xe8\x8c\n\xb8_\x05\nc\x10\x14U\xe5]]\xdeCF\x9b\xb5\x0f,\x05&gt;==?/Bq\x1f\x98\xc8Tj\xbe\x8b\xc0\x12h4\x91\xf5\xc8\xfa\xd6\xbf\xdeOR\xf2w\x176\x15\xdb\xdb\x1e\xdf\xc2O\xe6!9O"\x9c\xfdSS\x93\x17-\x97\xcb\x8fB\x94\x86\x83\x98\x10\x16\x17\xe5\xfea\x9dq\xd2\xda\xa7\x01,\xea\xbc^\x7f\x07\xbd\x88\xac2 #k l\xd0\xd9\x82^\r\x0eX\x91\xad\xc7;{\x92k\x10\'\xe3\xdb\x8a\xcdM\x8f\xe7\xa7\xf8l\xa7\x9c!\x99]\xfc\xff\xce\xdb[\x0e9_5\xccU\x18=\x16\x85\xc5\xa2P\xa8\xca\x11\x17`e\x15k\xc0\x17v\xbb\xf5\xd6f\xe2X\xb3j\xc0\x9aA\x08\xa2\x0b\xd8\xaep8?\x12q$\x06\x0e$\x87\xf5\xce\xdeU\x8bnrw\xd3\x19\xf76\x99\xed\x8c\x02\xe1b\x13`y\x91\x8a\xd0:Dg\xf4\xf8|~\xa7B\xa7\x1a\x06\xa8\xb8\xd7\xab2\xfa\x96\x97\xa2\xb8\x06\xd7F\xa6\xf5\x86\xc9\xcf\x0c\x06CsVi1\xe2\x92\xc9\x1ae\xe1\xadD\xb7\x03\xc4\xf5,\xe9\xaf\x0fv\xb8\xaa\xb3\xbb\xbb\x96x\xbcI\x08o\x91\xbf\xe8\xf5vy\x9b\x10\x96W\xa98\xeb\xf1\x19\x9aG\x96\xfd*bu\xa3\x8c{\xe3*\xa3m\x99\xd4\x17\xed\xeb\x83\xbb\x9a\xb6N\xfa|\x06C6\x8c\xaa\xe2#\x9f\xb0\x04\x82Fzl+\x11\x8eD"\xaf~\xdc\x93\xec\xf4y\xd7\xab\xd0\xdd\x99\xdeV*\x9b\x84\x1c\x8e\xbcc\x91\x90;\xc2\x8a+\x9d&gt;\xe8]\xcd\xb4\x11?\xd4J\xc5%\x8e\xc2\xe2ih \x91H\xa5\xe2\xc0z\xf7|\xb3\xcf\xe6\xa3\xd1`\x84\xb6\x93*?a\xb1\x1ae\x81\xad\xc4\xfa\xdaz\xe4\xc5\xcdd\x8bEI\xbb)T\xe9\xee\xe8\xb9J\xe5\xac\x1d\xb3w,\x96\xc7\x95q8@\xc5\xb7\x19\xf4O\xad\x0b\x90\xa5\x9d\xce\xd1%\xc8\xd5\x96\xf3(\xea7\x90\xfa\xfaJE\xd0K\xc3nk\xa6m\x7f&amp;-;==\x9dT\x89\x9d\xc8m\xd4h\x13\x89\xc4V"\xf2\xf2@\xf2X\'\xe3N\xd0\x90\xca3*4q\xec\x9d\xc2Y\xa5rQ\x89\x0e\xd7\xf3\x99uz\x9e\xe6\x14r\x15\x0b}\xda\x96\x7f\x17U&lt;\xb8\x04\xe1\xa7A#\x85\xde\x0e\xf3g}\xbd[\x94\x93i;\x98\tX\xed$\x12\xe7\xc4\x99\xc1+\xe2\xd8\xd6\xd6\x9b\x84\xe3\xd9\xbe\xe4\x8d \x88\xde\xa9(\xef:\x94\xcd7a\xf6\xce\x0e\xa1pv\x96\xc0\xb2\xd8\x9a\xe7\xdd\xe9f\xbe\x90\xcb\xb5\x8c\xf6\xbdx\xfdZ\xf6\xe2\xc1R\xdf\x92\xa6u*6\x1e\x8b\xc1T\x0ck\xa9V\xda\xc1L\x1a\r\x9cP;\x89\xc3\x19\x18\xd4\x88\xd7\xb6\xde\xbcID\x7fH\xde6\xa3r\x19\x9d\xdc\xae\xaeY\xbe\x1c\xe3\xc8;\xcd\x1d\x00\x82\x8a\xe5\xf4\x959\x96\xccB.\x9f\x0f\x1e~\xf4\xc1\xe8\xa5K\xa6\x07Q\r^\x95W\x1dC\xa6\x06\x06P\xb7\xa3,;33\x1b\xb0\xda\xdb1\xce\xc0\xc0`o \x06X\x91\xd77S\xf0)c\xda\xdeU\x15\x98\x03\xef0\xbf\x13\xc3\x18\xb5\xb5\x12\xb3Y\x08\x15\x12z\x9a\xddQ?_(\xe4\x9b\xfdpu\xa6\xa1K\xe7\xcf\x0f\x91\xa2.\xc0\x02wU\r\xe6\xb0\xdeA\x15\xe5\xd02\t\xaav\x0c\x9b\x19\x10H\xc7Q\xb1\xf0\x97\xef\xa5\xe2\x0bK\xca\xbb\x1b\xca&amp;\xb0,\x1e?\x07\xb3\xf3\x18\xb5\x9d\x9d\x00#t\xd2\xc8\xd4Qg\x87\xd9\x0c\xdd\xdfd\x82\xff\xf5\xe5\xa5\xa1\x86\xe2(\xae\xce\xcb\xabFX\xc7\xeb\x91\x17\xcb\xca\xce\xce\x19I\x87\xa7I\xe2\xcc\x0c\xd0\xc7ck[\t\xf7\x8b\xcfS\xb3\xb2I;\xb0\x01\xd3F\xe7\xa9\xe5`\x1c\x06\x03&amp;#_\xc8\xe7\x170\xbbI~\xbf\x7f\x08A\xcdp\xb0\x81\x19\xd3\x10\x03\xde \xeejk\xcd\x9b\x9a\xaan=\xae\xceg\x8a\xca\xb2r@X\xe9\xa8Zv\xd3\x99\x92\x808\xea G\xbf9II\xc9\xf7\xa8\x94\xb4\x1d\xe0*\xd7\xf9\xed\x18\xc7\xce\xe3\x01\x16\xbf\xce\x9f\x11\xd1\xd4\xd6\xca\xc1W\x98\xe4\x88\xcc\x04|\x90lK\xa1^\xb8\xab\xaa*/\xaf\xaaUM\xad\xc9*\xcb \x8c?\t\x02\xc9L\xaeZ\x8b\x1f\xc1\x1d\x8f\xff\x9c\xba/\x18O\xae\xc2\x14T\xc9\t,\x9e\xa4\xa3\xc3\x93\xed\xd0\xb6\xcb\xc1\xb1\xda\xe5\xf2\xff\xd2r\xbe!m\xe7w\x1c\xaf\xb6j\x9c\xfcZbM\x93P,?\xc2~Y\xd2\xcb\x91\x98\x84jb\xec\x94\xe6\x97j4\x89\xb6\x17\x14\xd4\x1fJ\xa5\x12%N\x9d\xa8\x8d\x8b\x04\xba\xdc\x85*\xe8\x10\xbb\x0c\xe6\xb5\x1d2rp7\xe6\xb8e\x0f\xec\x9e\x1c\x8d\xa5\xa7\x84N\x1f\xb8\x1b\x95s&gt;q\xd7YNf\xb1\x87w\xe3\xf6\xfe|S\xfa`{\xb6\xfa\xfb`\xed\x83&gt;y\xf1\xfe|\xbe\x9f?\xdf\xef\xe7\xd7\x11\xe7\xc0\xb0\x13\xce\xa4[\xa4\xb1\xb1\x9b\x97\xd15\\\xb8\xd3\xdez\xb5u2V]]]Z\x8a\xe2SW\'&amp;\x12\x9d\xbf\xf9\xebh\xdb\xc7{\x99\xfcc\xdb\xdd\xa5\xc9\xfa\xcb\x1f\xbf7\r,#a\xf9M7\xbf\xe8\x0er\xf0i\xf3\x83agK\x0b\xbb\xd0\xfd\xe9\xbf\x16\x16\x16n\x8c\xa1\x9b\x8e_\xf6\x9e\xebF\xe37\xe9\x05\x97\xba\xda\xeb\x05\x96\x94\x08\xfc\xfe\x9f_t\xbfm\x1b\xff?\x17\x11]\xeb\x0fG$\x80T6\x99\x06\xfc\xb5\xd5\x1fy\x8d\x9c=2=&lt;[3;&lt;&lt;\xbf;\x0f{\xf2\xe4Q&lt;\xce\xaerQ\x14\x7f\xd76\xd9\xef\x9et\x80\xab\xda\x8b\x92X\'E\xabPv.\x80\xea8\x17\x9d\xcb!Xz;AX&amp;\xc2\xba\xf9\xb1Ci\x1f\x9c\x1e\x99g\xc6\xa8\xb6\xb6\xd6^&gt;\x83m\xc0\xba7\xba\xdb\xda&amp;[I.G5\xc4\n\x89\xc0\x1a}\xe7\xdc`\xfa\xb8\x17\x04\x15\x8a3\x87Q\xc9\x00,8\xf1\xdd\xb1Qk\xd88\xb8\xb4\xb6\xf6rm+g\xcf\xb7\xd6\x18\x16\xa0\x0e\x0e\x0e\xf6\xf6\xe8\x9e9\x10\xb3:\xc8\x89!R+\xb1\xbd\x9aI\x9f&lt;q\xdc\xa68\xbb\x1a\x95\xa4\x08\xc3\xaa\x1d\xfa\x99W\xd9&lt;\x1d=\xba\xf7\xc1\xd1\x01p\xb6\xe6\xb7 \xd7\xcbgkk\xcf\x0e\xf8\x8d\xbd\x83\xa3\xfb\xbf\xf8\x8by\xb2-\x15\xf3\xaa\xe9r \x14\xe2\xa5\xc3O\xba\xba\x8adXZTte\xa2\xbcdG\x82\x00\xd6\xf8e\xafjdv\xf0\xe0\xde\x9fnE7\xf77\x93\xeb\xd9dz=\x93I&amp;3\xdb\xd9\xd5\xc3\xd5\xa9\xc7\x9f\xff\xe8\xf1d\x9d\xd5JXV\xc4\x96\x18]\xfd\x81&lt;[\xea\x8a\xfcl"*2/\xfa\xfd~\x9dC\xd5\xe8\x9c\x9d\xdf\xb8\xf7\xef\xcc\xfe\xfa\xfa\xcaJ\xba\xe0\xec\x99t\xfa\xfc\xca\xfa\xfezv3{\xf8\xf8\xf3_W\xa4\xc2\xca\xb0C\xad\x06U]H\x8a\x1ecb\xf8/\xac\x17\x84\x15\xa4\x84\xea\xf7\xd7j\x81U3\xbb\xb5\xb1\xf1mv}=\xbd\xb2Rpf%\x8d\xbf\xd2\xc9d\xf6ps\xea\xb7\x8f\x8f\xda\xacFc\x98S\x93X\x94\x1f\x92E2\xad\x9d\x16\xed/E\xf9\\\x8a\xa8\xad\xad-+#\xac\xe1\xad\x9dg\xf3\x99\xef\xe0\xc14\x88\xf6\xd7\xd3\xc9\xccj\xe2hc\xefh\xef \xc5UV\xa2\xa3\xa1d\x8alzxQ!\x17VrI\xb2H(\x8b\x95\xa6\xda\x19\xe8U\xeb\xaf\xa9\x99\xdd\xdd\xda\xd9\xd9y\x99\xc9\xacf\xb3\x9b\x08\xaa\xd5\x97\x07{\xaf^\xbd\xda\xdb\xdbh\x8b\x85+\x8d\xe1\x9c\x0fy)\xb1Z \xd3\x97\x19\x8a\x93\x84\xc5\xdbI\xaeF0\xc1 \xd7\xec\xfc\xd6\xdfa;;\xc8\x0fk;;\xdf\xbfz\x95\xa3J\xa5\xea\x94F\xa5\x1a&gt;\x0cA-)\x91\xe9\x92i\xa3\xb9&lt;/\xb9dp\xb9X\x01j2\x99\x08l\xc0\xe9\x04\xd7s2\x80\xed\x10\xde\xf7\xb0\x83\x83\r\x1eXh\x1c\xd8)\x0cQh\xbd(\x94\x0bK\x91\x1e\xb4[\x04\x8a.\xc6\xd5\xe8\x1f\xc8q\xed\xce?\xdf\xfd\xe6\x9b]@1\xb8\x9d\x8d\x8dg\xa2\x18\x8aY\xc3\x98\x0f\xbd\xb1\x10a%\x12I\xb9\x16\xe6\xcb\xcb\xd3\xdbvQp\x89v\xd2\x0br\xf9\x9dN\x80\xa1(\xce\xee\x92=\x07\x16\xfe\xec \xd3s\x86\xba\x98\x97sxcd!T\x1e`\xe5\xc9\xf5\xd1\x8fbe;b\x08\x08\x16\x03\xf9\xb1\xa9\xd2\x84\xd0rB\xaf\x9a7\\\xe4K\x1a38\x03\x07\x9d\x1c\xd6X\x0e\xabN2HSI\xd9\xb6\xf8\t\xcb\x9e\x12\x02\xbc\x94\xf3c#N"\xc9Ez\xcd\xce\xd34vw\xed\x11\x8czd\xba\x8dfb\xa5R\xc0\x92\xa6n%\xe5\xfb\x1a\xe3\xfc6Ff\x97\xe0\x02W$\x88\xf0br\xb1\x16\xda9&lt;\x8da\xfa\x915\x1e\xb7\x12\x14"\x9da\xb5\xc5,1K\x8a\x97\xa2\xb6[\x9f\xc8\xf6\xe5\x96\xa2`5h\x0c\x8a\xf4T \xb2\xe3\xd8H\x83O#z\xe8\x81\xe1\x07\x95\x84\x15\xb7:8\x0e\xe7\x8f\x997\x96\n\xa5,\x16K\x88\xe7;=rb\x9d%,.\x15p\xf1\xf4\xa0X\xd9\x84a\xf6\xd3\x16g-\x9a\xe8\x81\xc6\x07Mw\xef\xce)\xe9\xe6\x08\xcd\xbb\xda\xe1u8\xc8\x7f\x8c\x8b\xb7\xd8&lt;S\xb2b\x19+\x83o\xb8\x8c\x98\xcd\x9c\xe0\xf2\xbf[K\x89\xa2\xc6\xf9\xf3\x99\xf1\x85\x85\xde\x1b\xa0BG\xeap\x84\x10\xec!\x8b\xcbb\xe9\xb4y\x04`\xc9\x16\xf2g7\xd1\xc9\xcf\x85E\x17q\xd9\x8d\x91\xe6\xa6a\xc6E\xa9\xa2\x85]\xd7\xd0\xbeH)5\xca\xeaRk(\x85\xce\x01bY\x02\x1e\x8f\xa7SF\xac\xae\xcd\xe0\x9cn.\xcc\xd5\x05\x02&lt;o\x88D"\x98\xfd\xc1\xf5i\xcb\x1f\xfc\xa0\xba\xfe^\xcb\xcc\xf8\xf8\xf8\x90\xb6\x94\xa8\xd4V\xa4Qdx\xde\xe2\xf2x\xaa\xe4\xc4*/\x01\xd6\x1c\r\xc9!pIv\x1a\xc7\x10^t\xc7\xd4r\xfd\xe1\xc3\xeb\xd7/\xfddf\x06X\xa8\x84\xa8\xd0p\xa1\xc8\xc3\\\x82\xc7\xed\xf6\xc8\xe8\xc4\xf2\xfcM\xa3N\xa7\x9a\x0b\x87\xad.\x96\xbd\x0cv{3\xe4\xa2\xfb\x9b\x87\xc0\xbaT\xe3\x9f\xa9\xd5i\xb5,\xe6\xad\x94\xdc\x89\xca\xe6q\xf7\xbb\xab:\xe5\x0b\xf9\xf2\xfc\x8cQ\xa5RA.k\x88\x9e-yI\x92\x96\xa6\xe9\xa2\x84\xddw]\xa2\x98\x1f\xa7\xcb?\xb5\x83\x9a,\x9e\xc7\x19\xc4!\xf4\xf4\xf7\xc9\x8bU\x94\t\x12\x966\xccYS\x82\xc7\xe6\xe2\xa3\xd1hbz\x04`0\xa7\x7f\x86\xad\xb2\xd0eV\xae!\xe5].K\xc0\xbd\xec\xee\xef\xef\xaf\xeaL\xca\x97 \x18\x96N7\xa7\xe5\xb8x@pY\x90\'\xa3\x89\xc4\xd2\xf6\xc8\x08f}\xa4\xae?#u\xd1\xcd)g\x151\xeat\xdal\x81\x80g\xb9\xa2_f\xac\x13\'3A\x1dq\xe9\xe0F\x0br=/\xf1\xd1\xa9\xa9\xe8\xe1\xf6\xe0\xc8H\xf3\xf4\xc8t3\xa8\x82\x9c\xc8qb\x9d\xa5\xd3e\xb3\t\x1e\xc1]\x01\xac\xbeVY\xb1\xf2\x18\x96JG\xd1\x95"\xb1x\xc2\x9a\x9aJ,--\xd1\xa5Mss0h7\x88\xa2\x88\xac`C\x0e\xc5\x11t\x9b\xcd}}2c)\xb2FRK\xa3Q"+Q\xaeGPwNu\xda:\x11b0{$b7H\x12OJy&lt;\x82\x00\xa8\x8a\x8a\n\xbd^\xdf\xd7*\xc8\xaaV\xd68GX:m\xa9\x83k\xa3\x92\xed\xa2%\x17\xdb-\x9b\xcd\xd6\xc9\xa3\xb1\x00\x92\xc5\x82D\xe5\xf1LL\xb8=\xee\nZ\xeb\xd4\xf7\xe9\xfb\xaaH-\x85\xbcj\xa9\xe8\x05\x80\xe3\xda\x04`\x05\x04\x9bm\x02\xfe\x9a\x00\x89-\xe0r\x05\x02\x01\x01\xbe\xcb\xf9\xcf]\xb1X\xa17\x9b\xf5}\xfdU2;1\xf8\x1a\xab\xd4\xe1H!uY\\.\xcf\xc4\xf2\x04~\xe03\xa1\xea\xf5\x0feu\xb8\x8f\xc4\xd2\x9b\xeb}&gt;=\xb0l/\xe4\xfb\x8aY\xb1od\x07\x11j\xd1\xf8\xc7\xda\x03\x9c6\x90-/{&lt;\x8c\x0c\xe6a1efQ\xe5\xab\xaf\xaf\xf7!\xb6\x80uRF\'\x06\xdf`\xc5\xe3\x8f\xac\xd4\xb8\x08\x82\x8dG\xe7\x02\x96ew\x85\x9bRg?\x98`}z\xb3^_\x7f\xff\xbeO\xdf\x03/\xdad\x1b\xc8N\x9c(b\tB\xa3\x1b\xd2\xdcP;\xe2\xc8\xe4\xf1:\x11~D\xe1\x0bT\xd1\xa1\x83@\x88$\xb6\x84N\x0b\xb0\xe6z\xda\x81\xf0\xf9\x08K\xc8\xe4\xcb6\'\x9e\x9fE\xc8\x97\r\r\ri\xb4j\xce\x1aG\xf7\x99\xa2\x14E\xa5\xcf\x15\x10Z\xab&amp;[\xfb\x80\x054\xda\xf7F`\xd53#\xac~a\xb5D!\x13UWvp\x8e\xb04\x9a!d.\x07\xc7\xee&lt;DT&gt;\t\x1d\x8cX\xd7\x16\x8fu\xdfi\xbd\xd3J:-.\xea\xeb\xcdz\x9f\xaf\x1e\xc1\xd5s\x95\xb6\r\xbe\xfb\xa1B\x1e\xaa\x93\xc9\xc1H\xa5JU\xa6\x1a\xd2\x0c\xf5\xf6*95J\xb2(\x1aD\x0bo0\x88\x86`\x98\xc3Tq\xee\x02\xad&lt;\\\xd5/.\x9a\xcd&gt;\xa8\xe5\x83\x01\xab\xb5J\xf8\xb6@\x0e\xac\xf2\xf2\xbc\xf40\x86\xc32U\x19y\x11XZ%J\x10=\x04\xa0\xafGg\x8f\xd6\x1e\r\xcde/\xdby\xd0\xb3\xf0"$FEXS/J\xe4\xf8L\xb8(=k$,fC\x0b\xbdZ-q\x81\n\x82\x19\x0cA\xfc\x93JKO\x03\xf4Vp\xe7j\x1f"\x0cD\xcc:\x18\x96\xed\xe9W\x85\xc7~\xc9\x9cwv\xbfQU\t\x83X\xa7O\x97\r\xf5\xde\xd0j\xe9U5\x8cnA\x8c\xd8\xc3APU\xaa4\xc0br]\x05\x97\xaf\x1eH\x1fu\xf4t\xe4\x9ch\xbb\xf7\xf4o\xc7[\x7f\x14y\xc5%Y\xd5\xed\xdb*\x80\x951\xac\xde\xb1\xde^\x96\xbd0\xab\xd2\xbc\x1a4\xcei\xe7(\xf9\xd3\x07\x059\xac\x1e=\xbd)vt\xb4w\xe4\xd4\x12\x96\x7f\xf9\x8fS]\xc5\xc7W\x81\x14\xc5\x85\xc5\x05\xb3\xb7\xffx\xbb\xacI\xa52\xa9N\x97\x8dC-\x8d\x8e\xbd\xaa*\x95\xd4_)\x95Z\x8c\x1e:\x8d\xb2\xf42}~A\x0f&gt;=\xbe\x1e}OG\xfbh\xc7(\xb0Z\x19\xd6\x07\x9f}}\xf1|\xd7\xb1\xd4 \xfa\xefW@U\xdcu\xfd\xf6\xfb\xa7O\x9bL\xa62\x13\x0b.\xd5\x87C\x9a^\xcd\r\xf4\xed\x14`\xca\xa0R\xcb\xd4\x1a\xab\x06\xd5\xb5k\rw\xda\x11\xe7WA5:\xda&gt;J\x9f\x85\xc3\x89\xee{\x9f}u\xf1\xca\xc5S\xf9o\x0f\x06\xa6\xbcb\xb2\xc2/AEX9\xaa\\\xd8k\xb4\xda15\xb8\xc2\x10\r\\Z\xed\x93\xb1jd\x88k\r\xd7\x18U;\xa8\x1a\xf0\xd3\xd0@XB\x0e\xeb\xca\x953\xa7J\xf2\xde\x16\xaa\xa8\xe85\xd7J\xcd\xfbo\xb0ra\xff\xe1Boo\xaf\x16T\xa5\xa5\xb9_c\xa5cP\xeb\xc2;\x90\x0b\x02A&amp;\x00]k *\xc8\x85\xb6b\xf1\xe9\xd7\x84u\xe5\xe2\x953(D\xe5\xff7TQaaa\x0e\xaa\xb8\xb8\xe4W\xff\xe9\xe4\xfc]\xdb8\xc38\x9e\xbb{\xdf\xbb\xdc\x1d\xbd#&gt;\x9d%\xdd\x81)F]\x94\xda\xad\xa7\x12\xb4\x08\\Z\x9a\x08:\x95\x06\xbc\xa8\x184\xd8tP\xf0\x92\xa1\x93\x86\x94\x92\xc1\xa3\x96\xb4\x7f\x81\x86@1\x84vL\xbc\x18L\xe9b\xc8\xd2L\x85\x0c\x06O]\x9cB\xbf\xcf\xf3\xbc\xf7Ku\xda$\x8f,qR\x0c\xfe\xf0y\xbe\xf7\xbc\xafe]66"#+mExBS\x02\\\xc8\xd7\xca\xb7\x80j\xbf\x87\xdfY\xd1C\xc62&lt;_\xc8\x11w\xf1\xb3\xad\x07\x7f.\x88j{\xb1\xd8\xee\xebw{\x93\x1e\x91r=\xcfs\x88\xca\xe8\xfa9\xda\x10[iJ\xd7\x1fE\x11\xeb\xeat:\xc6\x18~9D\xde\xd7\xd6\xc0u\x13}\xa4\x0fq\xe1\x060pa\xf5\xf9t\xeb\xa7W\xfd\xbe`\x01/{\x87\xffE\x86s\x0e*\xcf*\xb2\xe5\xfb\xf6\x1fw\x8a&amp;FC\xa2\x8a\xa2\xe9\xa3G\xc0\xeaR\xac\x88\x8b\xb1V\rXQ\x04\xc7X\xfb\x1f\xa1\x87\x82\xc5_}\xfd\xb6\xd3\x95\xdaGP\xc8Ue\xcbO~m1V\xda\xda\x18\x0e\x81\x85\xaf\xe9\x14{\x1c@u\xa8\x957Vn\xd1\x85=\x9b\x06\x8d\x8b\xb8\x04k\x7f\xff\xc1\xab~\xd6\xef\x0b\x19W\x9e\xbc\r\x18\x07\xdds\x1c\xdc}\xbf\xa6\xcb?&gt;L\xef0\xd6\x90jcH\xa9\xefpaOA#\xbf=\x18\xd0\xe7+7\x19\xcb\xb0qGqb\xeeo\xdd\x7f\xceT\xe02h\xfd,~c\xb0\xeb\xd7}\x1fL\x96\xc5T\x06\x8b\xc9\\\xfb\xf7\x83\xd1\x87#\xba\xe0\x8e\xae\xd7\xa2{\xebG\xac\xd9\xd8\x15N\x89\xabKKb\xbb}k\xc0\xad\\\xdd,\xb9\x08\xeb\xeb\xbd\xdf^\xf6\xb3L\xc02f\x03]\x96\xc5c\xef\rV$\x84\x8a\xbbG\xae\xf8\x81\xb1\xcax\xcd\x1f\x8e0\xe8\x91x\xba\xbc\r\xc6\xa2hF\\\xd3t\x8a_\xd2\xd6;\xf4\xfe$\xbd\x15(\xbd\xe4f\xf2\x89\xb9\xb3\xf3\xf9\xde/haF`\\\xa2\x8d\x0f\xe3\xb1\xfb?\xe1\x87)\xd7\xf5,\xcf\x11,ONE\xab\xec\xa2g\xcf\xef\x8dH\x17rE\xbe8\xf7-\xf4pJ\xa7\'\xd6"\xca?\xa2O\\\xb7\x19k\xd5\xd8\xda\xdb\xba\xdc6Dy\x96\xe7\x19\x19\x13H&lt;U\x00\xfb\xaf?\xe9\xf8\x9ct\xc7\x11(\xf1VE^\xfax\xf8\ta\xd1%\x8a&amp;\xf6\xcc\xd5\x9aBb\xdaIS\xc2\x82\xae\xdb\xd2H\xb8\x02\x16z\x08W9C\xa0\xe28\xaf\xb4\xd1\x0bY\xac^\x9b1\x98\xf2\x04\x86l\x01\xce`Y\x8d\xd4\xfb\xf6\xf1\xb3\x91p\xf1\xb5\x93\xc4\xc5\x9b\xe8)6\xd3\xe9z\xcaon!\xf9\x03\xfe\x8c\x86\x89\xd6\xce\xfe\xfd\x97LEH\x80\x8a\xf3:T\xcc\x0fz\xec^\x911\x1eTN\x99(\xc1\xb2\xb8\x9d~\xa3\\W_\x1c\x8e\xd2\xc8\x80EBEy\xa7p\xa1\x8f++e\xbc\x8c\xaf\x1f&gt;\xb8|\x1e\x1b*\x85\x02X\xce\xad\xcc\xc5\x9d\x94N\xc2\xe5\xf0\x9b]B\xd98\xc1*\x8f\x9c\xc2\x96+u|z\xcf\x18\xa3\x87\xd6\x8cgDW\x16\xeb\x1b\x8c\x05[O\n\xaa/\xff&gt;\xcf\x15\x81\x80@\tV\x9cW\x9aP*\xa6\xd74\x835\xa1|\x1f\x92\x9c:N\x03\xab\x18\x11\xa6\xc2\xa3\xd3\x83u16\x9b\xe1d\xa4\xac\xf3\xb0\xdf\xc5LE\x17y3\xc8T7\xef\xfeu\x9ei%\x00JS\xb1."\xe3~\x1a,\xa2Uq2\xae6=\x0cE9\xe7i\xe5Xf&gt;\x08\xa5t\xb4\xd1D\xd7\xb5\x05\x0c\xc2p\x9b\xcdf\x1d\xfa\xcb\x05\xa9\xea\xee\xaep\xf1\xb5\xb8-\x8b@I\x00\x00\x02\x12IDATH\xfb\xda\xc7\x97\xe7Y\xa0\xe3\x02*\x08\x02-\xbe\xd8\x99)QH\xc0:\xa9\xc0H\x85D\xa9\x1a\x0c\x96\xd5\x14F\xb6\xac\x9a0\xdb\xb6\xc7G\xa7\xc8\x18v\xd2(`aW#\xeb5mp&amp;\x93\'\xc8\xfb7\xef\x9f\xcc\xf3^`\x00\x94\x0e\x92$\t\x94\xd2FNe\x89K\x9bJB\xc9&gt;\xab"S\x9eSv\xcf\xa92&amp;/\x94cBl\xd1\xcd\xb5\xf3\x8b\xb3\x03L\x05\xc6\xda\x9dLx\xc6\xb7\'mPa\x7fs\xf7\xbb\x93E\x10&amp;Z\x89\x0f@\xf5z\xbd\x84\x94\xa8\x7f\x15\xbd\xa8\x03b\xc27@\x18\xbd\x89\x82\xc69FO\xe5\xc72hNq\x1a8\xcd6r\xb9\xb6&gt;\xba8{\xd8%Y@\xa2\xf6\xed\x92\xaa\xc9\xe4\xe9\xf7\'\xe7\xdbA\xd8\x0b47\x0c\xed\xebqQ\x17\xb5\x12\xb2\xb8\x01\xc6E&gt;\x81F`\x84\xc5T\x12\'\xdbk\x14/\xd8W\xc4\xcb%(\xaaP\x11\xd9W4\xad\xda\xack0x\xfa\xf8\xec|[\xb3\x1b\xfe\x89\x01\x89\n\xc3\nK\xeb\x9a\'c\x0bH\x82\xc55\x1e_c!\x8e\xb34\x1b\x9cJ\x9b\x19\xfb\xb4l\x9bx1Z\x01f\x87:\x9b\x9f\x9e\x9d\xbcx\xf1\x98&gt;\xb7x\xf2l\x9e\xe9\x90(\x02\xeaL\xc0\x9e\xc2P^\t\x98K\x07\xbad2w\xcd\xff\x04\xac \x19\x13Vr\xcd*\x8d4R~E\xb1+\xab\x9a\x13\x9c2SaO\xc5\xd9|\x91\xa91?\x03D\xc2\x96\x84(\x14[\x81\xe1\n\xb4\x18R\x92(F\xc3\xb7\x8b\xad\xb1\xd8\xb2\x9c\xday\xb7\xf4\xb0\x84e-\r0\x08+\x82\x16r\xd8\xcc\xb1t\x0cH\xbd\x82IZ\xc8N\x94\x01\x01Ra\x89\xb4&amp;\x01%\xbe\x86%\x8bL\x99%\xc7\xbbb\xd2\xcb\xe12VyV\n\x95\x81+\xfd\xd4\xaaT\xc5X\xca\xd8\x92.s\xdc\x12\xe9!#\t\x96WCqj{\x9a\xe6\xa47A\xf3\x1b\xcbPuV.AQ\xd1\xb1]@\x95T\xc5HU\xa6\x89\xf2\x1c\xa2\x98\xca\xf4\x11X\xe6\x07\xdb\xaf\t\x14\xcb\xac\xb0&lt;\xb7\x89U\x8c\x8a\x92\xaa\xceU\x93\x85\x06\x96\xd1\xd2\xaa\xcaUu\xa7$\x1ac\xc0\xfa\x07T\xd4\x0f,;u\x06\\\x00\x00\x00\x00IEND\xaeB`\x82'</t>
        </is>
      </c>
      <c r="M489" s="3" t="n">
        <v>45492.67800925926</v>
      </c>
    </row>
    <row r="490">
      <c r="A490" t="n">
        <v>1170780</v>
      </c>
      <c r="B490" t="n">
        <v>241802</v>
      </c>
      <c r="C490" t="inlineStr">
        <is>
          <t>Arthur Sousa</t>
        </is>
      </c>
      <c r="D490" t="inlineStr">
        <is>
          <t>A. Sousa</t>
        </is>
      </c>
      <c r="E490" t="inlineStr">
        <is>
          <t>CA</t>
        </is>
      </c>
      <c r="F490" t="inlineStr">
        <is>
          <t>ATA</t>
        </is>
      </c>
      <c r="G490" t="inlineStr">
        <is>
          <t>CA</t>
        </is>
      </c>
      <c r="H490" t="n">
        <v>183</v>
      </c>
      <c r="I490" t="inlineStr"/>
      <c r="J490" s="2" t="n">
        <v>37691</v>
      </c>
      <c r="K490" t="inlineStr">
        <is>
          <t>Left</t>
        </is>
      </c>
      <c r="L49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dff8584-0d84-4d20-9027-016725f75b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I\xa4\x02\x00\x00\x03\x00PLTE\xff\xff\xff\xe8\xe7\xe7\xeb\xea\xe9\x0f\x0e\r\xec\xec\xed\xe6\xe6\xe6\xf4\xf4\xf3\xf7\xf6\xf4\xf6\xf5\xf3\xfe\xfe\xfe\x12\x12\x0f\xf5\xf5\xf6\xef\xed\xeb\xec\xeb\xeb\xfd\xfc\xfc\xaclH\xf7\xf7\xf7\xba{Y\x0c\x0c\x0b\xf8\xf7\xf5\xbb}[\xadpS\xb5xY\xe4\xe3\xe1\x16\x15\x12\xe9\xe9\xe9\x9ebE\xb3uV\x89R4\xb8yX\xaanR\xa8hE\xb6uR~P9\xa4eI\xa3fB\x93W8\xa2iM\x84P2\xb7{\\\xa0qZ\xa2lP\x99`C\xb3tN\x95Z=\xa3xc\xa0a?\x99]&gt;\xa7jN\xb0tY\xba}_\xee\xee\xee\xbbyU\x1a\x12\x0e\xa7qV\x8bU7\xb0qL\xe1\xe0\xdd\xb0sT\xb8xS\x8d_G\x96\\A\xb1pO\xadoJ\x9c_D\x9cnV\xef\xef\xf0\xa1cF\xed\xec\xea\x8e\\A\xbc\x80a\xa4\x7fl\x9c`&gt;\x9cjP\x94`D\xa7gK\xadrV\x97gO\x1d\x1a\x17\xbe~Z\xa8mO\xdc\xd9\xd5\x82T=\x86W=\x8eW:\x96p\\\xa5oS\xa0dI\x97cI\xfb\xfa\xfa\x87T7\x97kT\x8bY&gt;\xab\x83s~T@\x89ZC\xabkO\n\t\x08\x90cK\xf1\xf2\xf3\x8fT7\xc3\x85g\x9bs_\x91Z&lt;\x83Q6\xc0\x82c\xff\xff\xfe\xb7vU\xa6{f\xc6\x89k\x82L.\x9bfJ\xacoO\x98[:\xf0\xef\xec\xb3rT}N4\xa5t]\xb2x\\\xc0\x81]\xa0mT\xde\xdc\xd9zK6\xcc\x8ch\xc5\x84`\xbe{W\xaax`\x92fP\xd2\x8ehjG6\xba\x82g\xb6qN\x92U&gt;]&lt;-\xc8\x87fkA.zI/\xb3uR\xa1u`^4!\xbc\x88p\x9ezjsF2\xb1\x88w\xa8kK\x8ena\xab~lzaXrJ7tO=\xb6}c\xb1mJ\xb6\x86q\xabt[\xbe\x85i\xe9\xe4\xe1r@&amp;\xca\x8dp\xa7cA9#\x19\xb1|c\xd0\x92o($!\xd8\x96rsZQ\'\x1a\x12h:!W5\'\xbe~_\xc5\xa0\x8f\xb9vXcA0jTL\xc1\x8cv\x82YH\x89fW\xbb\x95\x84\xd7\x93kUD&lt;xE)G0%J%\x18\xcf\x8ac\x88N0\x90lYS/\x1c\xb2\x81j\xf1\xec\xea\xcd\xca\xc90,(?)\x1e\xca\x85^\xed\xe8\xe5e_[\xb4\x97\x8a`MFn=2\xb9\x8f}zro\xdd\xab\x82\xc4\x7f\\2\x1d\x13\xf7\xf7\xf8k:(\xda\xcb\xc4\xd6\xd2\xcf\xe7\xdd\xd8\xc9\x92x{WD\x8cP&gt;O6*\xd3\x9fw\x9a\x97\x94:51\x9fZ&lt;\xb6\x9e\x93\xd2\xc1\xb9\xc4\xac\xa1G=8\xa8ZT\xf9\xf8\xf7x7\x1e\xaa\xa5\xa2HEC\x87\x82\x7f\x95th\xa7\x8b~\xc6\x95\x84\x86_M\xcf\xb6\xaa\xbdtM\x8dO3\xf2\xf1\xee\xa0\\J\x83I7\xbb\xb8\xb6\x86O:\xb6]]\x81E)\xda\xa2z\xc7\x94m^G&lt;\xa0@E\xbcjj\x8f\x8b\x88\xc4\xc0\xbfSPM\x9aS;\xb1\xb0\xad\xc6{So\x1e#\xb1fB\x99SMc%\x1a\xe4\xd5\xce\x8274\x12-\xb1\x9c\x00\x00 \x00IDATx\xda\xcc\x98\xedOZy\x16\xc7gz[7\xdcn\xa1\x10\xb0l\x90\xa7\xf1\x01\xa76\xf8P\x94\x8e\xb8\xd7\xcev\xc7\xb1\x8aWk\x9b\x8a\x9dV\xb1\xad\xab\x94a\xaaA\xa5\xe3SC\x89O\xdbi\xd5*R\xc9\x8eT"\xab)\x0e&amp;.\xcd\xd4\x06H\x88\x89\xb3vb\xc6 \xcc\x0b\xd2\x88M\x9a\xcc&amp;\xbe\xa8&amp;\xd6\xf8r\xcf\xef\xd2\xc9\xfe\x03W\xbbG\xb8\x04!\xe1\xc3\xf7|\xcf\xf7\xfc\xc2G\x1f\xd1R\x0c&amp;\x93Y]]\xcd\xf8\xe8\xff\xa1\x18\x08\xe3Vu\xc2\xb1\x0b\xbe\xbd\xcd\xbd\xf5\xbdu\xdf\xa1\x97L\x06\xfc\xfbC\xe2!\x85\x8e}\xeb\xdb\xdbY\n\xc6"~\xbf\xdf\xe9\xf7G\x83\x1b\xe1w\x87\xab\x99\x1f\x0c\x0c&gt;\x98y\xcc\xb7\xb7\x14\x8b8I&gt;\x8e\xe3\x18\x86\xe1|\x9c\xcf\'\x9d\x91\xe0\xce\xe6\x89\x04\xe6\x87\x00\x03\xa6\xea\xd3+\x1b\x11\'\xce\xc1\x00\t\xe7p\xea8\x1c\x0e\x06W\x0c\xc78\xb83\x18\xfe\xf8\xd5\xc1\x83\x01\xd5\xa1\xcd\xa5\x18\x89\xc5\x0b\xc7\x00\xaa\x0e\x81q\xe0\x19\xd0q0\x00\xf3\x1d=`,\xc6\xab#\x9bA?\x1fC\x1c\x1cP\x87\x8f\x01\x13\xba\xc75CX8\xdf\x19\xdd\xf0%\x1c\xa4`\xcc#\xeb\x08\n}&lt;\x07I\x85\xf3)\xc5\x10T]\x9c-\xfe\x1a\x19[O88\xacj\xdf\x92\x13\xbc\x8d#\x12d,\x0e\x8e\xc7\x9b\x07\x97:\xca`\xf0\n\x82\xac\xc3\xfc\xe1\xcf\xaa\x0f\xc8U\xa77w\xc1S|j\xfa\x90X8\x06\x84\xe8\x01\xba\x88$\x03\xb1\xf8\xe8U&gt;\x82%\x83&gt;\xe6\x81D\xd5\xe9\x9d\x08\x89T\xa2\xd4\x02"\xca\xe0\xc0A"$,\x97\xd2\t\xe3\x93$"\x03j\xfe\xee;H\xb1\xfd\x96\xea\xf8\x85p\x84D:\xe1H-$\t\x9a\xc4\\\x97\x8b$s\xe1Y.\x14R\x0fG\x94\x10\x1b\xe8\x1d\xbb\xbe\x84\xfd\xe5\x82XX\tF@\x08\x12u\t\x14A\x0c\x00\xe2r9]\xb9\x80DR\xb7\\\xf0\x1dF\x8d#N9\x8f\x1f\x0b\x1f\xda_\xae?m.9\xf9\xa8p\x00#)\x06 q\xb9\\\x8e\x80+\x17\x7f\xff\x1c\x07Vdw\x98I&lt;^\xfe\x9d#\xb7\xf61\x17n\xec\xedB. sC\xf3\x00\x02\x80\x96\x1d\x0e\xb89\x02\xde\x80+\x0e\x05\x85\x86\xb2\x8e*\x1c\x8f\xbf\xdb\x1f\xde\xbfde~\x1c\x8e\x91\xef\xe7\x8fO1\x80J\xde\x9e\x1e\xb7\xd9=\xed6O/\x04\x02\x80\xe8Z^^F\xad\x8d\x93a\xc8\xf4\xc8\x85\xd1\xcd\xe3\xfb\xc5u\x02F\x10Y\x19}\x7f\xd2\xb5\x0cJ\x05B\xee\xf6\xda\xb2\xf4\xee\xee\xbbe\x9fk\xaeWJG\xfb\xdc=\xf7\xef/&lt;\x03:\x17\x88\x86\x92\x1f\xfd\xa1\x05\x1e\xdb;\xbe?T\xafv\xfc\xc8\xe7\xf0\xd5\xd1\xe0\x05\x16\xee\xf7=\x94^\xbd}Yf\xd8\xa2\xca\xae\x93\xf1x\xa9%\rJ\xe57\xfd?\xdf_XX\x08\x80j\x90a\x18\xd2\x0c\xbeM\xf0\xc4\xfeL\xe1J\x8cO\x85\x02\x86\xe7:\x9e=\xebk\xb9t\xf2\x93\xa1&amp;\x95ik\x8d\xaa\xb7k[\\\xb6\x89\xcd*n\xcelNI\xfa\xa6\xbf\xbf\xff_\xff\xbc\xff\xccA\x89\x06#\x89\xf3\xfd\x9b\xfb\xb1\x1e\x1976\x9c\xf1\x00\xc5r\x03}\xfdi\r\xc5\xe2!\x161\xc0\xed\x9c|\xbb\xf6\x13\xdc~Z\xeb`\xab\xb8B\x96&lt;\xf3\xd4\xa9\x94\x9bPIIi\xfd\xff\xf8y!\xe0p\xc5O;\xfc\xe0\x11\xfa\xb9\x18\xccwQ&gt;u\xd4\xc3\\\xd3\x8d\x99\xc5\xc5\xf2\xe4\xa1\xc2\x8c\x01vg\x07\x10Q\xb5\xd5a\xe2\x9a\xca\x0b\x93\x8bOA\xa5\xa4\xa4\x00WRcK{\x9f{:\x90\x8bL\x86\x93K+\xb4\x9f\xf4\x19\ta\'Z&amp;\x1c\xdc\xd1\xa7,\x96\xcb\x93\x93\xc5\xac3\x19\x03\xa6\xce\xad\xf7Xo\';:;{;-,q\xb2\\^\x9c\x89\xb0\x94J\xe5\x15\xa9T\xda\xfep\xda\x85Q\\\x1b\xa7\xe9^\x8f\xcc\xbf.\xa1l\xc0\xf0\xc0\xe8\xa5L\x90*\x8e\xa5*\x07\xb5\xd6\x00\xec\xed\xdb\xb5\x0e\xc02u\xaal6[!k\xa2\xb8\xb9\x19u\xf2\x92\xb2\xb1\xb1Q*m\xe9Y\xa6\x8c\x1f\xf3\xd1\x1c\xf6\x0c\xa6o\x97D\xf3\xe4\x1d\xad\xfd\xf3Y$V2\xab0C\xa2*/\xef\x9dDv\x9fDP\xe5\xff\xee\xea\x92X,\x16\xdb\xefX)\x80\x05rUVJ\xdd\x0e\xd0\x0b\'w\x8e\xd2+\x17\xe3\xe5\xba\x13-A\xaf\xb5\xb6\xec\xecIy\xb2xB\\H\x10\x19\xaa\xae.S\xef\xd6\xe4dG\xaf\xc9T^\xae\xe8R\xa8T\x12\x8b\xe4\x0ckB\xfeks\xcao7o*\x93\x1a\xa5-\x95\x95\x955V\xf72\x9c\xca\xf8\xc1\xc3\xb4\xba\x9e\xc1\xf8\xcf\x06\xda\x85\xce\xed\xd5\x82\xdbg\xcf\x9e\x13\x8b\xc5,\xe8\xa1D\xa2P\x94w\xf6\xd6\xd7\xf7\x9a\xd8\n\x95\x02\x9e\xc1E\xa5bML\xfc\nX\xc8\xf3`z)\xc2Z\xb5\xf68`\x83\xc7V\x98\xf4b\xf9bh7{\xad\x05\x9a\xf3\xa9U\xa5\x14\x96\xcd"Q\x94\x83\\\x9d33\x9d&amp;\xd0\t\x94",\x12\x89J\x02Xr\n\xeb\xc7\xa4\xb4\xb4\xfe8\xd6\xaa9\xe4\x82\xaf\xb5q\x98^\xac=8\xce\x90\xfe\x9e\x9a\xeb\x9a;\x9f\xa6V\x94\x96\x8a\x81\xcabQ(\x14]&amp;\x1d\xaar\xc4%\xc9\xb0d\xc05\xdeD\xc4\xa5LJ\xa3\xd4\xaa\x04\xac\x9e\x00\x1c}"\xefh\x94\xeb\x16\xe3\xf4\x92\x9ft\xfa\xbd\xa3\xd7\xcb\xce_\xbe,\xe2ei\xb5H,\x8b^/\xe4\xeat\xf5P\xa6\xf2.h\xa1\xc4\x02\x8d\x95\x106\xf1\x04`A\xd8\'\xbd\xc7\xaa\xa9Y\x1du{\x91\\\xe1?0h\x9c\xc3\x95]\xa7\xd3\x1f\xda\xf6h4w\xf2\xf2D"\x11\xaf\xa9Tl\xcb0\x1a\x8d\x892YNQ\x11\xc8eR@\xff\xe0\x9e!\xb1\x9cA\xe6J\x01,e\xd2\x954\x08\x88J)4\xd1j\x0e9\xe0\x04\xbbDc\x17\x19\xaf\xd6#N\x7fd\xde\xec)\xd0\xdc\x19\xcf\xcb\x12\xa9\xb3\xb5Cb\x16P\t\x12\x13\x11XN\x91nFh$\x06\xf4zIF\x86\r\xc4\x92g6C\xd2+\xafPXRiMM\x8d\xd5&lt;\x1dXv\x91\xbb\x17h\xc4:\x1e\xf6\xfb#\xd1\xf9m\xcf\xdd\xaf@-\xb5\x9a\'\x1a\xd2\x8a\x0b\x01K(\x8bC\x15q\x85BI\x93V00@\xd8 \xe7\xe3\xb1\x05\xcej\xfc\x1f\xd6\xa8;\xe0p\x92t\x9a\x8bq4\x1c\x89\x84\xe6\xb7g\xe7&gt;OO\x07\xacl^\xa9\x96 @\xab\xa7\xdc\x9c\x9c\x9c\x99"p\x97n\x86\xabo\xca\x17\xf0\x88B\xb4}\x8a\x9ba\xf9\xfc\x86\x9c\xd5\xdf\xd2"mA\\\xd6Qs(\x10p:\xd7_\xd1\xa7\xd6gA$\xd6\xec\xd4\xdcW\xad\xad\xe3j\x91Z\x94\x95\xd5D\x18\xf5B!\x1b\xa4\x9a\xd1\xd5\x1b\x0c`z\xb6^o4\xe6\x13gXb\xb1\x1c\x9a\x08\xdb\x1a\xb0\x1e&gt;l\x97\xa2\xa0\xaf\x91\x82\\^\xd0+|\x94\xbe\x85\xe8\x8b\x01\xd5\xe2\xd4\xea\xdc\xdfZ[\xa1\x87\xa2\n\nK"\x14\n\x91\xdfa\x10\x81K\x07\\\x02\x01A\xc4\xdb\x98,\x07s\xa1.\xb6\xb4\xbf\xe7\xaa\x19\xed\ty\x03\xce\x8d\x1b\xf4\xa9\xe5\xdb\x8dn/NMM=\xff{kw\x1c\xab\xa2\xa9\x89\xd0j\x07\x843T&lt;\x18\x0c\x86\xde^\x1d[b\xd4CI`)\x8a!Q3o\xfe\x08\tq\xa5\x11\xda\x88\xa8`\x01\x85B^\xff\xc6_\xe8\xfb\xcda36\xbf8;52\xf7\xfa\xeb\xee\xeeq\xc8\x07PK\xcb\x02w\t\xb9&amp;\x14[\x06\xaaf\x84z\xe0R(\x8c\x16\x9b\x8d\x05\xa7\x1b*\xb7 \xe7[~\xe72\xf7\x84\xa2\xfe\xe0\t\xda,\xffr\x0f\x19k\x04\xb0\x1e}=\x8e\xb0\xb2\xb2\x86\n\xcfd@\x96\x9a\xc0\xec\xf5\x1d\xe0\xac^C=`\x19\tX\xd7\x16\xc2F\x10\xd48\xa64(a+6\xf6?DX\x1e\xc0\x9a\x9f\xf7\xc6V\x18\xf4\x1d\x1f\xa2 \xd6\xdc\xf0\xf0\x83k\x8f\xba\xf3x\xa2\x8a\xd4,tz\xe0r\xb9T\x07\xbf7\xf4",\x1d[/\xd1\x0b\xd9O%F\xb4\x1d\t\x10,33\xb3\xe1\x12l\xeb\xfev\x14\x115\xd6\xed\xed\xedh\xd4G\x9bZG\xd7\xc1\xef#\xc3\xaf\x1f\\\xbb6\xf8(OT!\xaah\x1a\x90(ff \xdc\xeb\xbf\x872 \xcd #\xc0\xf30\x05O\x9fB\x86\x19\x8dTT@V4(\xc1]h\xffxV\xad\x8b\x8b\xf3\xd1w\xb4a\xdd\x08\xcf\xcf\x8e\x0c\x0f\xbf\xbe6\x88\xb0**x\x02\xbd\x9e\x8d\xa0\xecv\xfb\x0f\xbf\xfcb\xb0\xdbu9\xbaz\xbb\xbd(Q\xc0\x86\xd0\x97%\n\x05F\x82 \x9a\x86\xc4\x9f\x9c;w\xb6\xe1"\xec\x1f\x84\xf5fu\xd6:\x1f\xdd\xa4\xed$\xf8\xc7\r\x84\xf5\xfa\xc1\xe0\xe0\xe0\xb5G\xe3ju\xb6,1QXd\xbf76vo\xec\x9e\x1d=\x16\xe5\xe4\xd8\r\xf6\x9c|\xa3\x0cQe\x0b\x04\xf9MZ\x9e\xb6\xf4\xdc\xb9\xaa\xaa\xaa\x93_\\\xbd\x08X\x1e\xcf\x1cp-F\xd7\xe9\xc2b\x9cX\xa2\xb0\xbe\x04\xaa\xc1\x17/\xdadcE\xd9\xd9\xea\xf1\'OZ\xd3\xd3\xd3\xef\\\x1e\xcfV\xab\xdbdm\xf7\xbe\xfb\xa1\x8d\x97\x9f\x08P&lt;\x11\x9a\x8a\xd4\xac\xdb\x1aM\x95\xe6d\xd5I\xc4u\xd1\x03XssS\x8b\xd10mX\xdf\x06\x17\x01\xebK\xe8\xe1\xa3\xc1\xc7O\x9e\xc8\xc6\x12\xb3\xf3\xee\xdc\xbd{\xd7c\x1d\x1d\xb5z\xca\xce\xa7\xa6\x8a\xb2e\xf7\xec\xdf\x8de\xf3\x04\x02^EVj*\x10i\xae\x17\xd4\x16\x14\xd4V^-\xd1hJ\xbe\xa8EX\xcf\x9f\xcfM\xcd\xef\xd0\xf5\xa3%\xe3Bpvv\n\xb0\x00l\xf0\xf1\x8b\x17cm\xea\xcbeo\xac\xd6\xed\x90\xd7\x1b\xea1[kjK\xaa\xb2\xd4mccc\xf9Z\x9eQ\x9b\x95\xaa)\xa8\xb4\x9a\xcdf\xb7\x99*i\x89\xa6\xa4\xa0\xc0\xf3\xe6\xcd\x9b\xb9\xe7\xc3#\xf3\x1b\xb4b\x8d\x0c?@T\x83\x8f\x1f?~\x92\xf7i\x99g\xd4\xec\xf6z\xbd=\xeei\xafw\xfa\xbf\xac\x99\xffO\xda\xf9\x1d\xc7\x9b\x98]Fv\xd14\xd5\xdb\xc5"*\x05O\x8d\x02v(\x89\x15fc(\n\xadZ\x05\xb5\xf8\x05j\x10\xa9_@\xa3V\x87\xa2XTh\xf9R\x8bxj\x87v~\x19*\xd6*E\xe4\xe8v\xa5[\xab\xc5\xe0j\xaf\xdb\xb1\xde\xe5\xdc\xb5\xb5j\xdb]\xec.Y\xce\x98\xa6\xcd^o\\\xf6\x07\x0c_\xfcB\x02\x81G^\xaf\xd7\xe7\xf9z\xbe_oC^e8\x07w1\xe9"\x8cp!\x07\x1f\xcf\x8c\xee\x9c\\\xb8\x01\x81&gt;\xef6\t\xd8\xcc\xf2\xf2rD\x85\xb0\x96\x0f\x10\xeb\xfe&gt;V)\xa2\xba\x13\x9b\x96\x06\xf6\xa9\xb3{\xb2\xb3LP\x92\x87\xa6\xb1\x84\x96\x90\x8e\xe7\x84%\xe18\x1c|Fx%_\xae\xee\x9e\x84Is\xf7\xeeBww\xf7\x8c)_\x90V\xde1\x87\xa8\x10\xd6w\x07\x895\xf1?\xac\x9a\x0e\x98#\x9d\xfd\xfd\xfdp\n\x92\xc9\xe2\xb94\xbe$\x06+JH\xcf\xc8\xc5\xf5fdd\x90\xc8\\\x10P\r\xc0\xca\xc14t\xa30\xe5\x01\xd6\x17\x1ds\x08\xeb\xc7\xe5_\x1cd\xcbO\x80lA\xcf\x0f\x0e\x1ac\xd3\xa2M\xa6\xb2\x97\x1d\'\xc1\x11\xc6\x11\xe3\x13\xb80\xf9\x9c"\x029\x9c\x82\xebEV\x8b\xeb\xdf\xd74\xe63\xd9lf&gt;|U=3\x03\\\xc5&lt;\x94\xack}\xf7\x97\x0fj\xcf\x85\xf9\xd9\xb2\xbf\x88\xa5\xa5\xc6\xd2\xc1;M\x1d\x82\xbc&lt;A\xda\x99\x96\x96\xac"&amp;\x8d\x1f\x83\xa5\x81\x7f\x91:\xb7\t\x99x\\/\x9eT/\x02*\xbb]ZRD\x8c\x8b\x93\xc9\xd8\xa0\r\xd1\xe8y\xed\xe0\xa1@X\x07\xe6\x03\x7f\xf5l_ \x80\xcb\xd8\x9e\x95\xc6\xccc\xc2\xc3\x95\x9f\'\xb8%W{-\x16\x8bF\x12#\x95:\td|.&gt;3\x93\x80\x95\xda\xedv\x8d\x84\xcf\xcf/a\xb2\xc3\xc3el&amp;S\x00\x1a\xdf\xc1\x13\xf3\xfc\xd9:\xb0\'\xf1\xd0G\xff\xb8\xef\x17\x88RcMS\x8b\xac\x88\xc9d\x97h\x0c\xa6\xfe\xfe\xee\x05\x87\xcb\xa5\xd5Z\x0c\x8dR\xa9t;\xb3\xb7A\x98Y\xbf-\xb5\x9b!\xd4\xea\xce\xfeN\xb5\xda\xa0\x91\x94 }\x10\x08\xca!WP\xc6\x89\xfb\x07\'\xa7\xdf\xfd\x13\xe9\x16R\xd3\xc4\xd8\xac"v%\xd7\xaeU\xab]+\xc9cA\xe7\x83V\x1c.\xad\x1a\xb0v\x9c\xa4\xcb\xd4_\xfbD@e\xf1zA\xcd:\x7f\x04\xef\xbe0\xa9V\xcb\x05 \xa7\xe5\x1d\xc5\x80\xc5\x03\xac\x03\x9b\x89\x98\xe0?NL\xf4=G5lj)\xaa\xac\xa4\x99]\xae\x85\x95\xaf\xb3\xcf\x7f\x1a\x14\xf4\xe9\xedn\x87\xc3\x12-\x81*\x1e\x8b\xc8\x89\x1a\xa9\x97\x9a-\x16\xb3\xbas\xf2\xc9\xed\xec\xef\xc7\x82\x82\x92o\x00\x98\x01\x8a~\xa6\xf8$\xea\xad\x89\x9b`l0\x81/\xe91(\xce.\x03\x16\xcb\x8f%\xa3s5Z\xd7\x8d\x95o\x97\xbfG\xd7sc}\xb7f&amp;\x1f\xe4\xf1w\xa4\x84\xa8\xd6V\x8f\x8a\x84\xb0\xd4^\xc7\x93\xe5gcch?\xf0\xd3\xc2\xdd\xc9\xc9}\xaeb?\xd6_\xfc\xbf\x18p\x01_\x1d\t\xc6|\xfc\xef\xfdl\xddi\x07,\x9a\xdd\xebr&lt;\x99\x99\xeb\xfb:;9\xfbv_\xff\x83\x07\x9d\xa6F\xbb3\xd2m\xb3\xb9U#N\xb3\xd6bq9n\xbex\xf1mPP\xf6\xd8O\xcf\xfa\xee\xae\xb8,\x8d~.(\xe3\xc4\x9f\xce\x06\xbf\xfa\xe5\xbd\x00\xb7\x95\x98?lNo~\xf8\xe8\xe3\xbf!\xac\xabW\x8d\xed\x05\xc4x\xaeDn\xe8\x7fl*\xbb5q\xfbvw\xa7A\xad6\x95\x19\xecR2U9nsoE\x8a\xcc\x16\xad\xd6\xa5\xed|\xf9\xbc\xef\xcb\xe4\xec/\xfb\xae\xf5k\x1d.\x8b\x86\xcfd\x97#\x8d\xe8[\xfe\xcd\xd9\x17s/\x02[(U\x1d\xd9\xbc\x14\xd1\xfc\xaf\xe9\xe9\xe7\x08ki\t\xc6!\x8e\x88\x06o\xf9\xcb\xfc\xbc\xfc\x97\xb7\xcaLj\xf5\x03\xd3\xe32\xb9\x86\xc0p\xdb\xc6m\x8b{\x03d\xa9W\xab\xf5\x1a\xd4rt\xa4\x98\x9c\xe9\x97\x9b\x00\\mh\xe4\x02\x17Hj\xdf\xcdk\xb7\xbc\x86\x8e\xbf\xff&lt;\xa0t\xfd\xb6\x9d\x1c\xa6\xd8s\xbb\xdb\xe7\xfa\xf4~\xac\xa4\xd4\\\x99\xac\x08\x0c\x0b_"\x914\xc2?\x1aL\xd1e\xd1\x8d]\xc2\xa9E\xa5\ra\x91\xb0\x1a\xd02\xb5Am0h4rt\xea\x91\x9b\xe4\xf2F\t\x8d\xcbDJ?\xd7o0\xdbK\xb8W\xee\x05\xd2\xf5U\x8f\xf0\xdb]\xf8-\xb7\xfb8o\x1f\xeb\xf3\xcf&gt;\xc1\xf9\xcd\x14\x9bY\xc2\xff!/:Z.\xcf\x13\xe4s\xc9\x9c\xd0\x1e?\xd6\xd6;\x127\x06I\x04\x00{\xcdv\x98Ar`j\x04q\xa5\x95\x940\xa1\x8a_&lt;\x96`\x13\xd2\x9d\xecG\x81d\x0b\xf3!c\xd7\x97 &lt;\xec9~eN\x7fuiI\xf7\xf9g\x11\x97\x19\xbd\xbd\xc8\xe9\x11\xb3@X\x05\x02&amp;;&gt;|$\xc4Z\xd1\x8a\xb0\xdc[\xef|\x04\x9a\x14\xa6\x8fF.7 ]\xb5k\x10\x13\x1fa1\xfdXi\xec\xc2\xb8\xf4m\xd1j\xf0\xff\x9f\xae\xaa\xe0\x0f\x91\xbe\x91\xf4\xa4\xcb\xa1\xc7\xdb\xaf\x01\xd6\xfc\xd2\xf5S\x87\xab#"\xaa\x8f\xa62\xear\x89\xc4BYQ!\x1emI\xac\x17j\x01k\xfc-dk\x04\rE\'V\x1a\xc3\x07c\x11\x83&amp;&amp;\x17\x94\x8eF\xe3s\x99\xccr\x18@\x1d\xb2\xa1\xa1\x84m\xe7\xd3\x00z\xbe*xu\xc47\xf2Z\x17z\xf4\xe8\x10O\x7fu~~Iw\xfd\xd4\xd1\xc3\xcd\xcd\xcd9\xd4\xea\x86T\xb0\xc7Ba]\x94\xd5j\x9d\xaa\x1d\x06\xac\xb7\x0fm{P\xc5Jl\x8c\x93\x00\'j`\xc1b\xb9\x95\tt:\x9d\x0b\xefK\x98igxbqqAJ\x8ahgg\xf3\\@X\xbe]_\xec\xc6TCX\x0b\xc2\x9a\x9e\x9f\xd5U\x1c\x8f\xc8ikk\xcb\xa1Z\xadGS\xe1`V\xad\xa0Z\x0fW\x0c\x8f\xeec\xb9\xb7T#\t\xb4\x98\x18\x11\x99,\xa2\x89\xb84\x91\x88\x90\x90PI p+\xe9lvG\xb1X\xac\x17\xa7\xc4\xc7a\xd7\xd7\xbf\t\x08\xeb\xe9\xee\xeen\xbb\x8e!\xc4\xb5\x88\xc5\xa5\xf3\xd3\x88k\x88bm\xeb\xe9i\xf3x\x9aC#"rr\x80\xcaz\xbcvmxqq\xfc!`\xedm\x85\xa0t\x89|$\x12\x81\x00H\xc0E@\x97@\xf4x\x99\xac\xf8\xa4X\xaf\x17g\xd1\xe3\x98\x81b\xad\xee\xee\xbe6\xea&gt;\x89\xc2\xff\x17kzcv(i\xaa\rqA47{z\xda\x14\xd4\xeaS\x15PC\xdb\xf8[\xd0\xd3=\xe0:V\x8f\xc5\x12Hhg\x83\x80\xea\xc9\xe1\xe1\x19\xe1\xe1\x85\xb2\xac\x93\xb1\x89z}l\x1c\xb1\xa0(0\xacC\x98G)\xbbC\xf3\x1b\xa1#\xeb\xecD\x1ek\xc9\x8fu\xa9\xa2\xb5\xb5\xa7\x15\xa2\x07\xd8z\x16\xdbr\xac\xd5\xa1S=J\xa5m|\xdc\xa6\\\xdc\xdb\xdaR\r\x0cD\x8aD\xa4H\xff2\x89LN\xcf\xe0\x80\xc3\xc7\x13\xe3Zb\xaf\xd4\xb0\xf4\x02:\x05W\xb0\xbe\xbe\x19\x10\xd6\xaby_\xfbt\x85\xca\xb7\xd3b\x84\xe6\x82".m\xcc\xd6\x02\x92\x12^\x8b\x8b\xadJe\xab\xdb\xa3P\xb8A\x1bl([J\xb7"J\xc5`\xa8T!dR\xc8\x00\xbc"32\xf0\x1c&lt;\x87B\xa1\x10\x0bRb\x13Y,}\x9e3\xb2\xf7\xf4\x8es5\x10\x17\x81\t^\xc5\tg\x15[#"\xdd O\xcf\x9a\x9f\xde\x98\xdfX\x1b\xae\xed\x01(@R\x8e\x8f\x8f+{&lt;S\xad\xa3\xb6Q\xc8\xdd_\x1f\x8e\xb6MQ\x1b\xea\n9\x0c\x86\xb0\x90\x1c\x89\xee\x13\x18B\x08\x0e%7\x97\x92[\x90\xd2T\x03XiN\xd21\x1c\xb6\xf8^@3\x11soVxJ\xa1\x88L_\xd3\xf1\xc4\xfa\xa5\r\x88\xb5\xda\xda\xe1\xd1Q\xc0\x82\xaa\x01Vk[\xed(4\x18\xf4}\xc5\xf0\x85)\x05\x9c^\xe3\xe3\xc3\xf1\x94B:i \xea\x04\xc8\x08\x80\xd5\t\xd1\xa2\x0ea\x19K\xf5g\xa4\x84Lb\xd1\x9f\x03\x9b\x89\x98s\x9b\x17\x9b\x15\x8aw\x9c\xb5Y\xb1\x98uuiv\x16\xb25\x0cX\xa3\xfefBwc\x17*B\x07|]tNC\x03\x08X5\x83BW;\x1c^za\x17a\x84A\xa5R\xa3\x1a\x18a\xb9\xc2:\x98\nq\xfel%f9\x9d\xf5\xe9-\xdf\x04\xe6l0\x98\x0f\xba\x8a\x1c\x85\x8a\xa3\x03\xac\x9aR\xc0Z[C\\\xc3\xa3\xe36`\x83l\xb5y\xac\x9c\x1d\xc7\xca\xca\xa4\x80"l\x08\x13\xf6\xfep\xe3\xfc\xf9d\x076^\xb4\xed\x0bQE\x9d8\x11U\x9d\x9a\x1aVG\x89\x8b+h\x82l\xb1\xc4\x05\xd2\x9dmB\xd6\xd3\xc0\xb6\xf3UU\xaf\xa6k\x9bO\xa8"\x7f7[#N4\x0eB\xb6f\x87k\xfd\xf9\xeai\x05\xacQ\xa5\xdb\xc3H\x97Z\x80\xab\xbb\xb2\x90\x83O\xa7\xb9\x92\x93\x7f\xef\xb0w\x89\xa4\xdb\xbe\x81(\x94\xae\xa8\xd4\xb0\xb0\xd38\\JJ;\xd4\x90u\x05\xc4a\xc7y\xe6\xe9\xa1\xc0|s\xf0\x91\xcd\n\xaaj\x80\x93t\xa9\x86\'6\x0e\x02\x97\xae\x16\x9akx\xf4B\x04p\x01\xd6\xa2\xbb\x81\x9c\xd0\xf5\xd5W\x026\xcc\x99.,x\xd3\xf7Z\xf3\x1b\xa7yG4\xa2R(\x14\'\x10\x15\xee\xf4\xe9\x94\x94\xa6\xc4\x1a\xa3\x91\x15\xcb_\x07\xae\xf2\xd5\x00\xed&lt;\xe6\xdcj\x8f\xea\xdd;!\xe3b\x13\xef\x8a\xf1\xce\x1d\x9d\xee\xfa\xf5YTEt\xfb\x04-\x0f=\xe6\xd9}\xb3\xbd\xfd:\x89\xc8\x8d\xd9\xb1\x9b\xbd\xe67o\xcc^\xaf\xc5\xec\xcc\x0c\xa1z&lt;\x80U\x07E\x04\xac\x96\xf6\xc4+,#\xebd\xcc\xfa\xfb\xf7\xeb\x1d\x1f\x02t\xf3\xc1\xe7V\xffC\xbb\xf9\xff4}\xe7q|\xb9\xe4P\xc2\x02\x9aQL&gt;`\x19\xe5\nmCmK\x16\xd8\x08em\x9a\x82\xfd\x16\x0b-mi\xeb\xd1\xf4\xbc\x82\x04)9m\xed\x11Wv\xac~+\xa0\x8ds\xa0\xb0L~\xb8\x0c\xc5\xe9\x9cLT0\xe7D\xb6x\xa7\xb2\xeb\xb2\x04\x0c\x9e\xb9c\xd1\x1d\x1c\xdc\x0f3\x97\xcb\xed\xf0\xb8\xe7\xeb]\xbd?\xe0\xec\xe7\xa5\x15\xc4\x1f|\xe4\xf9z}^_\xde\xef\xd7g\xcf\xbf\xfe\xfd\xd1\x93\'&gt;Ic\\\xde&gt;\xd9wa\xa8\xefkz\x18\x0f!%\xd0\x93\xf8\xeeg\x13\xa6X2\xb6$\x14:5\xbb\x96WV\x92\xb1\x95#G\xfe\xbe\xfc}\x99n\xf0\xbdw\xee\xc0\x87G\x81\x05\x17:BQ\xa4-\xb9w\xfcc`5\xce\xbe\xe4\xcd\x0f\xd4\xeaC\xfd\x9d\xb8\x99W\xd1\x18\x90\xcb\'O\xf5\r!\xe6\xe1G\xd4\x1f8\xf13d\xaf\x891\x1fR\xa6\xd3g2i\xd4N\xa5\x08\xed\x82\x1duP\xf3\xd1\xe0{O\xdey\xa3\xa6\xe6hgg\x02]CE\x94\xb0\x02\xfb\xc6\xd1%\xea\x8f\x7f\xf1\x92jef\x0e\x1f/\xdd?\xb4gOy\x85\x16X\xed\x93=}\x17\x08\xeb\xd0\x81\xfd\x07Pq\xc8&amp;\xee Y95J\x93N\xa1\x10\xf9\x94\x9a2;*\xa1\x86\x13\r"\x9f\xbe\xfe\xe6\x9b\x9d\tk\xc2Zq:\x14\x8d"?xlv\x87$\x12\x9a\xcbx\xd9Q1s\xe3\x83P\xf4\xeb\x0b=\xb5\xa5\x91\x80&lt;\x1eo\x9f\x1c\x82\x1f\xe9\xe6i\xc7\xfe;7\'`\xefN\x1c\x18\x13B-P\x95)t"\x1d\xab\xcfe\nNW888XS\xd3\xf9v\xc2j\x15\x12\x16e-\xbf\xde\x18\x8a\x1a&lt;\xf3/?(f\xcf^\x82&gt;}{\x0e8\x02\xf1\xb8&lt;:\xd9sah\xe8\x97\xbbwS\x07q\x93\xd9\x9d;c\x9dJ\xa5H\xc4\x95}\xbfkW\xec\x9f\xb1X\x8cu2j\xae0\'\'\xe7m\x1f\xd4B\xe1qH(\x99\x06\xf4\xfaj\xad\xc52=\x95\x86\xbd\x83\xa6\xff\x9cC8\x1d\xda/\xf6\x00\xeb\xc4\xc8\xc0POOm\xed\xee\xfd\xb4\x8eA\xb6c\xc7ft\xaaU\x02\x9fS\xa3V\xc7b\xea\x98=f\'kQ\x14\xe7\x14\x16\x16&amp;:\xad\xb0\x8a\x90D\x02\xacF\xaf\xcc\xe5\xaf\xae\x9bM\xcbU\'q\xed\xc9=\x1a\xef\xa7\xe0\x1a\x19\x19\xe8\x81\xed&gt;{6\xf7\r4\x81\x9b\xc7\xc6rss\xcb\xcb\xf7\x8a\x90\xbb\xbc+E+\xb1\xe4\xf2\xf2\x8a]\xdd\xd2\xd2R&amp;+,,\xe6D\x10\x8b\xca4\xc3\xf2\xb8\x9d\x0eG\xe8A\x9a6w\x9bf\x1f\x9f\xbbt\xee\xde\x03`\xc9\xa3##\x84U^{6w\xf3\xe6\xb1\xad[\xf3\xf3Kkw\xe7\x99\x92]\xc7\x8ea\x1e&lt;v\x0c\xbfgf\xba\xbcF\x99\xd1(+.\xd6m\xe7\xc4b4X\xa1PH\xde_W\xb7\x18\x90\x8e|\xf9x*M\xd7+m\xd9\x1b\xa7\xa6\xfe\x9a}\xaf?.\x8fGG\xa2\x90\xab\x96n]\x19U\x95 \\+H\x02\x05\xd6\x95\\f_\xcf\x9f?\xdcet\x19ex\x004\x9c\xd3\xc9\xea\xa1\xbc]^\xb7x\x7fv~~vC\xda\x96*\xd9!K\xdb\xf0N\x84|\x14r\x85G\x06\xcaKk\xcb\xb7\x02+\xcf,0;\xbbf\xee\xe2\xd7\xcc\xcc\xfa\xfa:}\xd7\xdb{pt\xf4p\x97\xcd\xab+\xe44\x1a\xa7X\x0c\xc7\xc9\x91\x8b\xeb\xe6\xa6\x9a\x1e&gt;\xcc\xceL\xf3\xae\xe7\xab\xd3\x01`\x9d&gt;\r\xb0\x01\xa8U\xbau\xeb\xe6\xbc*\xb1q\xe5\xf0\xe8hoo\xef\x8fw\x7f|n\xcf\x9e]\xb9r\xe6\xcc\x95\x83G\xd4\t\x9dFFX\xa1P\\\x8ed\xfa #;\xfd\x9b\xfd\x99\xaf=n\x8c\x87\x88\x0bQ\x0f\xb9J\xf3\xf2\xf2|\xea\xae^Bx\xf6\xa7\xf5\xf5\x1f\xfeg\xebw{\xaf\x9f\xf9\xdd\xe8a\xb7.\xc1!\xb6\xa4\x92\x10\x82\x12X\xf3|\xbc\xd7\x82\x0e: \x89\x86B$\xd7@8\x1c.\xcd\xcf\xaf\xd1\xec;?z\xe5\xca\xe8\xcc\xf2\xda\xc2\xea\xd3\xa7\xab\xab\xab\xf8,\xac\xfd\x90\xec\x9a9x\xf0XW\xab\xbaX\xc7\xb0\x10X\xf0\xe1\xe2,\x1f\xbb\xe0m\x99\xc3\x8b\xdaP(\x02\xae\xb0*\xacR!\xdaM\xead\xc3\xcfO\xfe\xe6\x83\x8bk\x0bO\xbf\xfb\xee\x02\xc0\x9e\xae.,,\xac%\xbbN\x9e,\xf2"wq:\x11a\xc5\x19\xd6\xf40/\x1b\xb1\xa8C\x01\t\xec4\xcc\xacR\xa9\x04\t\x0e\xc9\xdcU\xdd|\xb1\x19XO\x99Z\xab)\xac\x15\x9bW/\x93\xa9\xcbd:F\x95R\xeb\x01?o\x1ad6\xcd\xc7ik$e*\x88\xc5)dx\xd2\x9c.\xd7\xda\xda\xc2\x02\x80\x96\x16\xc8\x96\x90\xeeej\xb5\x86\xe3\x14\nN,\x85\x0f\xe5Q`\xed\x9c\xcf\xe6e\xdf\xba-\xf3~\xbfV\x1b\xa1.\xc5\x81\\$\x10\x9a8\xa4%\x93R\xect\x06\x97\x9cK)\xd3,!)p2\x99\x0c\x7fj\xf0%\x88\xb9\x95\x02\x1e\xa1U\xcf\xcfVs[\xdb\xecN\xad\xd6@\\\x0e\xa9XjU\x8aE\xe8_L&amp;\'R\xa6\x06\xe5p\x05e\'\x99\x8c\xa9\x01#\x030\xa88\x8e\x0b\x1a"\xa1v\xf6 Ng\xbc\xc2\x8fe#\xe6\r\x06\x83\x94\xc9\xe5\xb0\x8a\x95J\xa7S$\xd2\xe9t\x1aP%A\xc5\xb0\xd0@`\xc2\xd7\xc8H+\xb5L\x1c\x81\x0f)\xb8\xea\xa6\x1f\xf2C\x85av:`\x01\x96\xc3\x01\'J\xa5J+\xea\x9d\x18Xt\x7f\x8f9\xc3\x8e\xfe\x01|j\x05\x94\xd2\x11\x14|I\x07"h&lt;\xdaQ\xa7\xe7\x9a\xf8\xc2\x9a\x9a\xee\xf7\x10\x97T\x8a\x07\x8c\xbc\xa8\x14\xc3O\x1a\xf4\xcc\xa8~p#\x94"4\x9d\x0e?D\xd8\x07]\xc1\xa0\x01T\xf1\xf6\xba\xf6\xf6\xfe9\x9e\xde`\xc9\xcc\x06V\xa3\xc7B`\x84E\x82\x89\x18\x96H\'\x12i@D.dX\n\x05\x1eE\xb5+hx!V{?\xbfX\x01`YH/\xa9\x834s\xd2\xe1\x15\xdcHr9Etd\xa4#S\xd0\xd1$\xe42D\x90\xe7\xa8J\xcb\xe5\x81\xb9L\xfe\xb0\xea\x02\x9e\x17\\\x880\xa2B\x8a0)\x85f\xa1\xcf\xe7\x13\x08jj0\x05\xc1\xa5H\x11\xc02\x06\x89\x8a\xb0\xda\xe5\x01~\xb1\xe4\x1e\x8b\xc7c0D"\xc4\x85\x8c\xe5\xa4\xd3+!%}Ux/\xb8|)\xc9\x08\xcb\xe8r\x11\x16u\x0f\xf1\x00\xcfX\xed\xdan\x8b\x16\x16\x89D\x10aA\'\xb2\x84R)0\xab\xc2\x03\x03aU\'\x86E:cC*\x93\xa9\x8dF\x97\x85\x89\x15\'\xa8F^\xb1v\x9e\x90`t\xd120\xa40\x03"_)\x14\n UX%\x10\x98(\xc8\x94\xa6\xe7X.\x8b\x96\xb0$\x81\x80$\xa0ml\xe4\x13\xeb\xc4\x89\x10\xb0&lt;\x8c\xcb\x80\x8c\x0fW\xd2F\r\xf9\x90V}8\xca\x150\xca\x0fFF\x85O@\xeb\x81\xf1\x8c\x15\x95h\r\xc4Eh\x081\x8b\xd4\x81\x19B\xa8T\xfa|"\xaa\x86\xf4LR2E`\x19\x88J\xdb\xa8\xf5t\xc3x\xc6\x1a\x89V8"\xe0\xf20\xc5"\x12\x12L\x89D\xc14\xa22H\xd5H\xc4\xc9\x82\x94\xdf%\x80j\xf4t\xfba\xdd\xbcaQ\x96?19r\x1a\x05\x91q\x11\x18ktP\xb8)\x839\x9d\xd43P\x16Ch\x81J+!\xefu\xfb\xaba\xbcb}\x01\xb5\x08\x0b5\xd1B`\xdd\x1e\xe8\xe5\xa06\x87\x9a\x9b`\xd0Ee\x90\x03\x94+h\x01V\n\xaa\xb9\xb9\x193\xbe\xff\xda4\x7fX\x97&amp;G\xc2*Z\xd3\xb5\x1a\x90T-\xdd\x16\x8f!e@r\x19\x8d\xc6\x16#\xb5X2r!\xfds7\xa8l\xb6\x06\x1b\xed\xfe\\\xe3K\xadW2\x87SXf\x81@h\x85#\xbb\xfd\xdd\x04\xe7\xf7\xbb\xfcF\xa3^\xaf\xf7\xeaAe$s\xd1Oa\xd5\xcd\xb6\x86\xd6\xd6"\xb7\xad\x19j\xf1\xf5\xb2i[\n\x0b\\\xe6\x14\x97\x0b\xff3\x00(x\xf4F\xbd\xd7\xeb\xd5\xeb\tO_\xfd\xc2\x9am\xee\xd6\xd6}GZm^\xff\xb5\xc5&amp;\x9e^\x98o\x1b\xfer\x12\xa3\x18\xe32\x0b\xa5R\x83!\x85\x84\xf0\xb1\x91\x81\xcb\x96\xb2f2\xb0\x82\xaa\xa3\xb5\xa4\xc4\xed&amp;\xac_=l\xe2\x85\x8b\xd4\xa2\t1\xbf\xaa\xaa\n\\\x88\xfc\x88!h\xd43\xa8\x86\xa2"\xda@gFo_\x00M\xdf\xecu\x97\x94\x94t\xe0\xe3\xd6\xfb\xaf\xfd\xe5\xd1\xdfn\xfc4\xed\xa3&gt;\xc5\x16\x85&lt;\xa6\xe9\xfc\xaa|\xc2\x12\x98\xd9\xac\x1146\xec\xeb\xa2[\xfc\xa2\xae\xe7XE\xf8\xbe\x01\x8a\xd9\xdcn7\xc3rW\xea\xfd\x9ek\xef\xbf\xff\xd5\xb7[x\xc0bj\x95\x97V\xe5\xef\xad\xaa"O\xd2\xc0X!\xb4\x8ae-\xad\xe3\x1f~\x0c\xa3]$\xba\xcf?\xb2\xaf\x15.\xb5\xd9\xdc\x05%\xcc\x08\xab\xfb\xd3\xdf\xde\xbeu\xeb\xdb\xe1\x8c\xd72\xd3\x8fuj\xa0\x14C&gt;\x06j\xb42f\x9a\xad\xcdB\xa15!\xe2\xd4\x95%\xe3\x1f\xa6\xd0\xc6\xc7;:Z\xdd\xf0+]\xa2wt0,\xc4V\xf7\xa7\x9f\\\xbe|\xfb\xd6\xa3\xfb[2\xb2\xd3[{\x9a\xee\xd1&amp;\x04\x9c\x98\xc2\xa2\xae\xc1,\xb0\x12WB\xa9\x14k\xca~V@\x18\x05%\x05\x05\x95\xdeJ7\xbb\xda\xef\xe8`?aX\x7f&lt;\xf8\xcd\xe5\xcb_\xfd\xa3\xfe\xadtN\xd7mMY\xb3\xd3;\x81U\xce\xb0\x04\xac\x99\t\xd3J\xbf\xb03\x91\xc0\xdf\x059\x85\xdb\xb6+\x14ee--v\xbb\xbd\xb2\x92\xc5\x15\x83\xa2\x90\xaffX\xdf|~\xfb\xd1\xfd\xfa-\x1b\xd3v\xee\x96\xdd\x94\xf5\x8b\xf9\xfe\xe3\xa7z\xd8\x01\x12B\x1e\\L-\xa1\xd5jU&amp;:\x05U\xf9\xb4$\xcfm\xe3\xb6)\xca\xec\xf6\x16;\xc3B\xbc\x17\\-\xb9Z`\xf7\xea\xfd\xc0\x1a\xbd\xfe\xf9\x99?\xdf\xa8\xff\xf5\x96\ri\xc8\x14\xc8\x82M\x9b\xb222^\x9d\x0b\x9c\xea\xeb)\xa7=\xeb\xd2&lt;\x15\xe3R\t\x05\x02+3A\xfeQ\xb6\xbc_\\\xcc)\xa0W\x0b\xad&gt;\xd0zF\xc1\xd5\xab\x05\x05\xb43RMX\xa3\xd7\x7f\x7f\xebF}=\xf4\xca~\xb9-.\xc8\xd4\xf4\x90\xa0\xb2\xb2\x86\x17\xfbO\xf5\r\xf5\x94\xe7\x91\xa1\xed\x13\x98\xcd**C\xec-\xa9\xce\xaa\xa3\xaf\xd7\xe4\xe4\x14\x16\x16o\x7f\xeeG\xda\xce\xa8dT\x14kz\xbf\xff\xe2\xf9\xde\xde\xebg&gt;!\xac\xfa\xb7~\xb2i\xd3\xff{2\xd8\x06\xa6M\x1b6f\x10SV\xd6\x1ff\xff\xdb\xc9\x19\x85\xb6u\x9ea\xd8:H:\'X\xc7\x96\x90,\xa1j\x9a=\xe2!\x98\x8cE-\xb3Hrk\x81\xab:\x1a\x0c4\xb7\xdb\x85\xc1\xa9/\x1c0\xad\x0b\x8d\x15\xe6\xa2\x0b\x07\xe2\x91\x0b\xe3\x8c\x84n\xf5\xb2\xf9\xa6\x17\x85\xd5\x14:\xdf\xf4\xa2q.L\x8a{al_\rjC\x08,\x8b\x99a\xb7\xcb\xfd\xde\xf7\xfb\xfe_R\xb2\xd0u\xfb\xa4st,\xdb\xe8\xe1\xfd\xde\xff\xfd\x7f[\xe7\xe8\xcae`MC\xaeL2Y\x917\xe4\xb8\x83\xe5\xaf]\x13\xac\xa1\xdf\xfc\x01m,\x14\n\xaf+\xd7//\x91\xe8\xd2\x0f\xf4\x9c\x91\xa7O?\xdf\xf8j\xe3\xcbO\x05\x0b` \xfb\x7f\xfe\x85C&amp;\xcf\xf3\\l\xbdR\xc7\x97?\x12\xb58\x14e0\xfe\xbc\xf2je\xe0\x87d\x02\xd8\xc0\xe4\xd0\xf8\x90\\\xeaP\xc7B\x1eX\xe8\xe4\xd5\x7f\\\xbd\xca\x8bM/\xf14\xa9\xd7\x9e\xde\xdc\xd8\xd8\xf8\xf2\x9b\xa3\x96r\x1d\x1d\x95\xfdG\xff\xeb\x1b\x07\xf4x\xd8c\xb9\xae\x17EA\xad\xcbW\xb4\x89\x19r\xe9X\xcc\x01\x0cH\x03\x10\x8fW\x90U\xfb/\xb2\xea?)\x10\x8c\xa7\x8cHad\xce\xcd\x1b\xac\x7f\xcd\xb4f\x14\xec\x88\xbd&lt;wg\xbf\x7f\xf0_\xe8;\x80\x9dD)7\xee\xba\xd1^\xde\xb6\x9e\\\xb9\xb7\xb66m\xc4\xaa\x90\xa5\x82/\xf0\x80\xd9(\xb3\xbe\x9e_\xcfW\xfb\xfb\xabw\xef\x12\xac\xc0\x8b\x98\x87y\x81\xdb\xf0\x08\xcf\xb1ys\xfe\xb5\xf9\x8foml\xfc\xf9q\x8be\xc8P\xadT-&lt;\xdb\xf7=\xbb\xd7\xeb\xa9T\xa0\x8a\x03\tu\x10\xdd\xdb\xbes\xfb\xf6\xda&amp;F"\xbc\x95\xb9~}\x80d\x19\xce\x90\x84\x9a\x9c,\xb1\xc0U\xbdk\xb0\x96\xeb\xf5\xc2\xf2\xf2\xc8\xf2\xf0\xf0\xe2\xc8\x9bs\xf3_\xbc\x03s}\xfd\xac\xdc25\xd3R\xb6Vy+\xe2\xfe\x97\xc5\xc5\x85\xbe\xbeGQ\n\xe5\xb2}\xae\xdb\x1b\x8d\xbb\x06\xeb\xfc\x8cXk9\x90$c\x94\x0c*\rT\x92\xa6\x00V-\xe5K\xd5j\xa9\xca\\%\x10\xb9\xf4\xb10\x82\x19r\xfe\x9d\x9b\x1b_}sTF\xb5tg\xf8\xca\xe5\xd4Vm\xe1;\xba\xa967D\x16\xab\x97-\x04V\xf4\x10X\x12\x10\xc0\xca\xaegh\xb1$\xb7\\.\x96\xcd\x0e-\r\xad\xe7\xf3\xbc\x97\xe4\xa2\xbb\xc2raxxtt\xb4\xbeL\xd1\n\x8bs\xc4\xbau\xebq\xb9\xbb\x04\x8aX\xa9\xd4V \xe2\xcd^x\xe9;\xfe}\x07\x10*l\xb1\xdc\xb6Z\x94\xeb\xe0\xe0\xe0x\xe7\xb6\x8e\xc4l6\x16\x8b--%\xe5\xaa\xc9\xa4b-e\xc95\x94\xcf\xe7\xe5\x02\x9f:\x85*\x80\n%s\xd2\xdc\xdc\xfc[\xbf\xff\xfc\xd3\x07D G\x997S\xa4B\xedE\xc2\xff\x19\x19bs\x1dz0\x94k\xf7\xd8\xc5\xa5\x89\x07\xd1\xe6\xd9\xfe\xed?\xbd;\x86%D6&amp;7\x12\xe5\xc6r\xd9\xa5%P\xc6&amp;&amp;x\xde\x03\xdaX\x1d\xe4\x15\xf2\xaf\x8c\xd6G/\xf2\xcapJV\x7f\x9dK\xd7\x8fo\xfe\x95\x08\xb6B\x96I\xa1\x02{{{M\xf7\xf9w:4\x10\xdc\x17\x8bL.\xdb\x08,$\xd7\x0e\xe2tz,\x06i\x12\tq\x14/}\x1dK\x08X#\x86\xfbx\xa9Zb\xd6\x8f\xcah\x1c\x1d\xe4l\x04\xb8z}\x11j\xbd\xfd\xa3\xdf=\x08\tO*\x14\xe2f\xa9\xc0\x15\n\x90\xcaqjl\xe5{v\xd6\x9b=\x88vS\xc5\x05\xc8\x1c\x98.F{1YS\xad\xb1\xcf\xd03p%b\x04\x1b\x03g"\xcb\xb6\xae\xae\x8eO\xa0\x89\x90K\xe6F\xa8\xc4\xb7\x85\xa9\x1c\x1a\xb9\xbc\x08w}\xf1\x98&lt;\x9d"\x15\x10\x07\xd2\x0c\x00\x00\x04\xe1IDAT9C\x80"\x96\x03\xacZ-\x12\x96\x94e\xf74\x10:H\xe6@\xb1D-\xc4&lt;f\xeb\xd3\xb55b\xc5\xd0\xc2\x18\xc0rz\xa5\xf0\x18\x9e\x88%V\xd1C\x82\x95\xf2\xd5A~\xd4\xc0\xe0`\x7f\x95\\\x17\xe53\x0f\xe0\xae\xb7\x9e\xb4\x84&amp;\x00\n9H\x19\xe9\xb6\x04\xcbq\x14\x0b`\xe7\xd1\xd9\x1e\x9b\x07\xcc\xa88\xad\xc4]\x07-\xfeH\x82\x8b\xd3\xcfB\xf8x\x1b\x96O$\x1a\tp}\xc6w\x83\xc7@\x85\xfap\xba\xd1\xf8\x10=\x1c\x9f\x18\x9f\x80\xeb\x89\x84\x04+\x99\x96\xf2\x12\xb7\xc2\xe2\xdb\x7f{\x10\x90\xd7G\xa5\x03$K\x99f\xaaX\xa4\xf2\t\x15\xc1\xfd\xbcG}\xae\x99\xd0\x19\x83\xed#\x81\x14\xac\x05\xd4\xf1\xdf7\x13\x14\n\x1b\xf79\xa5zw\x9a\x9f%\xd0\x10.\xc8\x85\xe8\xa2N\xa4*\xf1\x08\xcb\x8aza\xee/\xcfB\x96JK\xc5\n)VZ\xc4r\x80T\xab5#\x91H\x8f\xfbr,\xfb(\xe2E\x19^a\xe1\xda\xde\xccI\x0f\x05.\x9b\x00\xd24\xd8\xa0 \xa9x\xe9&gt;\xddUe\xae\n_?t\xa3Z#\xbf\xfa\xa7B\xa5\xa5\xa0\x97\xba*$\xceJ\xa7\xf7\xb4\x87\x91\xdan\xad\t\xacf\x8f\x85\xf1\xb4qq\xfbe\\\x14\xf34\x1f\xb4\x89\xac\xad\xd3M\r\xaeF\x02mL\x00\x8ao\\S\xab\xc6\xea*/\x91\x07\x16\xa1Jt\x7f\xbf\xc1z\xe3\x83\xdf&gt;K+\x93\xe3\xfb\xbeC\xb0\x90\xe1\xea\xd2\x8a\xc6\xda\xdd\xdd\x8d4\x9b\x82\xe5z*\x8f.\x18T&lt;\xdc4Y\xe32-\xf6\x1a\xae\xa9\x85\xbd\xb3\xfb\x99dV\xfb\x18\x8b\x8d!^\xaf\'c\x89\x06O\xde\xd5\xc1H\x1a@\x19\xaa\xc1\xc1\xea\xddW~\xf6\xe4(\x1d\xb0/\xef;\xc0r\x02\xd6X\xc4\xda\xe37\xd2\xc0B\x0bA\x052\xab\x96\xcc\xcc\x1a\xf2\xe1\xb0&lt;\'\x8f\x1c\x0eq]B`,.L\xa1\x8a\x87;+\x99D\x82dp=\xf6\xd7\'\x97\x80\xd5\xe0\xe7\t\xb0\x89\xf9\xd2\x1b\x17\r\x16\xda\x89\xed\xc7\xef\x9f\x96\xfd\xb4RA\xab\xa0\xef@\xb6P\xcaB\xa5\xa9\xa2:+B\xcb\xef6A\xd6cWU\x86\xc4s\r\x9a\xd7\xde(W\xaf$\xc4\x82pM\x1dC0\x06Db\x9a\'g \xb5\xb2\xd2\xc4\x86\xf1VI\xd4\x92^^\xc3\x9fE\xbf\xfe\xf6(\xdd\xa6\n\xb2\xfct\xc0f\x97\x0cKgO[(Tl\xa1`\xb9\xdaE\x8b\xe5Y\xc5\x0cV\x98\xf6z\x0ek\xaav\xb8}?\x07_\x11\x0b\xad\x94\x96\xc6T,&amp;jI\x9c\x85\x00\xab^\xfb\xc5\x8d\x87\x0fBtS@l\x15\xec\xc2\xa2\xd9q\x97\x01\xa0~\x8f\x08\x95\x80\xf5\x98\x85\x95Q\xcb\xb3*\x9d\x8bl\x82\xe5\xc5\xd5\xf3\x9er\x15\x83\xc5\xa9\x05\xe7d{-\x87\xe0\x9a\x16\x93\t\xdc*O\x05\x1c\x92\x80`\x0f\xf3%\xac[o&lt;&lt;\t\x05\xe9\xa5t\xda\xb7Phb(\x95\xea\x92\xcb8^\xc4\x02W\x84\\\x06\xab\xcd\xd6Q)\xcec\x82\x86\xb1\x90\xc0\xec\x04\xb5\xc2\xe2\xaeb\x10`S[\'\xdb\xf7Vr\xd3\xfct\x83\x04\xf3\x81\xf1\xc0\x0f\x84\xc8W\x85\nk\xd5\x9f~\xf4\xedI\n\x10ZA\x0b\xe5\xfb\xa6\x85\x01Q\xab\xed\xacZD\x99^\xc0r\xbb\xc6\xa2z\x1dw\xaa\xc5?}\xcc\xf4\xa3\\\xc1"j\xaa\xb8ux\xba\xffI2\x03,\x98\x0b!/-\\\xa7\xa9\xb0\xee\xaa\xfc\xf1\xce\xe9\x11\xdb\'\xd5V\n\xe5\x04:\xd9.\x967?\x14\x89t\xa8\xd4[\xedD\xd5=\x13\xd4\x84\x96\x1a.l\xe6\x9f\xb0\xb1\x17\xf5b9-Hvc%\x99\x99@\x13\x01E\xac\xf5\xfcde\xe5\xfe\xfe\xe9a\xcb\xa14\x8e\x8e&gt;\xf9\x05U\xabcwM\xd2\xb4\xe3w\xc4j*\x16\x03\xc2\x8ad\xb1\xf8E\\\xf2\xb4\x8de\xb8\xc2]\\,\x1c93g\xdb;\xf767W\xb8p\x9eX\xafT^\xfd\xe4\xce\xc3\xd3\xc3\x94_,\xfa]P\x9d\n\xd8\xbc\x122\xc9|\xe7%X\x9e\x89w\xb7\xb3\xb0\xf1d]\x13\xb7\xcf\x88\xd38\x14\xa3\xc2\xa5}\xd4*r\\\xfa\xe5\x99\xc3\x93\xb3\xd3\xfd;\xfb;;\xdb\xa7\'\x87\xad\x80\xf1P\xb0\x8d\x84ab\xed\x1eP\xa3\xdbt`j\xf9:\x1d\x1a\xbf\x93J\xb0\xba\xe7\xc1\xb8\x1e\xc4\xdd\xeee\x0e~&amp;\xdckB\x82zIN\x04M\'q\xd8\xe4\xa0O\x95\xb1\xc8\xc4kH\xb3\xa8\x94E*Z,&lt;\x17h\x03\x19*`\xb1\x89&amp;\x1d\x84\xea\\\xb1\xec_\x15&lt;\xb2\xb6\x8a\x9b\x85\xb3\xab\xa2\xb1\x95X\xd9w\x811)\xf4\x05\xf9z\xc1\x17\xcb\xb7B\x15\xcd&amp;J1\xaf\xf4n\x06!\xb2#\x10\x80\xaa\xc1\xe7\xb0\xb8\x82\xd0d\'J\xd8\x02zf\rh\xe4\xb3X\x9e+\xff#\tw\x14\xd3\x17\xd3\x19\xc57p\x1d\xa0N\xa9Z*\x95\xc1\xd2y\'\xcdH\xd3\xdfd\x1f\xc5Y\x10\xabi\xb1\x10Nf2\x0c\xbb\xae\x1d\x00fM\x117}\x94%,\xb9\x98\xf7\xe7\x0b\xf4\xbd\x12@\x06G\x97\x06\xbec\xb2\xdctw\xcah\xcaJ\xdbD0\xe6j\xafs\xb4\xdfl\xa4\x1a\x9e\xdb\xbf\x01c\x93\xfd\x9f\xd1\x8f\x80\xfc\x00\x00\x00\x00IEND\xaeB`\x82'</t>
        </is>
      </c>
      <c r="M490" s="3" t="n">
        <v>45492.67803240741</v>
      </c>
    </row>
    <row r="491">
      <c r="A491" t="n">
        <v>1170912</v>
      </c>
      <c r="B491" t="n">
        <v>5981</v>
      </c>
      <c r="C491" t="inlineStr">
        <is>
          <t>Igor Jesus</t>
        </is>
      </c>
      <c r="D491" t="inlineStr">
        <is>
          <t>Igor Jesus</t>
        </is>
      </c>
      <c r="E491" t="inlineStr">
        <is>
          <t>MC</t>
        </is>
      </c>
      <c r="F491" t="inlineStr">
        <is>
          <t>MC</t>
        </is>
      </c>
      <c r="G491" t="inlineStr">
        <is>
          <t>MC</t>
        </is>
      </c>
      <c r="H491" t="n">
        <v>179</v>
      </c>
      <c r="I491" t="n">
        <v>48</v>
      </c>
      <c r="J491" s="2" t="n">
        <v>37686</v>
      </c>
      <c r="K491" t="inlineStr">
        <is>
          <t>Right</t>
        </is>
      </c>
      <c r="L49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74802003-75df-4703-8a63-246700680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e\xa7\xce\xdd\x00\x00\x03\x00PLTE\xfd\xfd\xfd;52\x14\x12\x12/./\x0f\r\x0c830\x0c\n\t\xff\xfe\xfe\xff\xff\xff\x11\x0f\x0f\x0e\x02\x02$! \x1d\x18\x17\x1f\x1c\x1c,**\'%%&gt;75\x18\x15\x15433\xf4\xafx\xf1\xacw5/-\xf7\xb8\x8c\t\x06\x06\n\x01\x01j\x02\x05\xf7\xba\x91\x04\x01\x01\xf4\xb2|\xfc\xfc\xfc\x14\x03\x02d\x02\x04_\x04\x04\xf6\xbf\x9c\xf9\xbe\x96W\x03\x03\xf5\xb1\x83\xf6\xb5\x878671,)\x1d\x03\x02C;8\xfb\xf8\xf8O\x02\x037\x05\x03-\x11\t\xbcqMK!\x12$\x0e\x07y\x02\x08r\x02\x07\xc9|Q\xe1\x95d-\'&amp;\xa5]&lt;w&lt;%m:#\x81\x04\x0b\x88\x06\x0e\xf1\xaar\xf5\xb5\x7f\xc2wT\x9f\n\x13\xe8\x9di\xf0\xa7x\xda\x90_\xee\xa5o\xd1\x8bdG\x03\x03\xfa\xc3\x9b\x1a\x13\x10\xf8\xc5\xa3\x9eX8\xd4\x89Y\xf0\xab\x80\xef\xb0\x89\xeb\xa4t7\x16\x0b/\x04\x02@\x03\x02\xe3\x9ajA\x19\x0c\'\x03\x02\x96S5\x98\x07\x11\xf5\xad~\xea\xb6\x96|F-\xef\x9ek\x91\x06\x0f\xb7kF\\\x10\t)\x1c\x17X+\x18\x1a\n\x07\xea\xa7\x80\xd9\x90i\xaddA\xf0\xaf\x80\xe6\x9es\xd3\x81V\xea\xa2l\xaa\x0f\x17P1)\xe6\xa1{\xf9\xcf\xb5\xe3\xe1\xe0\x97Y&gt;&lt;;:\xde\x96mOJHD@&gt;\xa4bF\x80{wS\x0f\t\xea\xe8\xe71#\x1d\xfa\xcb\xab\xeb\xbf\xa3\xa2\x9d\x9a\x83@*\xce\x83Z\xf2dFF2,VPO\x86\x82\x7f&lt;\x0e\x07\xe9\x99d\x8dP4\xf7M;@+$\xf3\xb9\x97\xd9\xd6\xd3\xf6\xf4\xf4\xf1\xef\xefc\x1e\x10d3\x1e\xde\x99w\x85K0KC@W\x1e\x13`,\x19\xadiJ\xaa\xa5\xa1\xe8\x93a\xf9\xbd\x8f\x8dG/\xc4\x82a\xf8\xd5\xc1\xb2\xad\xa9\xdb\x88\\kdb\xb0wYm/\x1bxrp\xe6`Ef\x13\x0e\x8d\x88\x85\xe0\x8e^\xb9\xb4\xb0\x8eV&gt;\xf4\xc6\xad\xc2tK\xc9|[\x9c\x98\x95\x92\x8e\x8bt\x13\x12? \x16N\x18\x0e\xde\xdb\xda\xbc}^\x98\x93\x8f\xd1\xce\xcb\xe8\xac\x89\xd5\x97s\xca\xc7\xc4\xf1\xb5\x8f[WUk#\x19\xcc\x90o\xa2mQ\xb1nP\x93\x17\x1a\xc9\x89e\xebiVu?2iF7\xdd\xa4\x84\xdb\xc4\xbc\x83XD`6,G\x0f\x07pli\xa1\x1d\x1e\xfb\xf0\xecy%\x1c\xed\xdc\xd9b^\\\xbf\xba\xb6\xdaZA\xde\xae\x92\xc4\xbf\xbdxO=\xe5\xc4\xbf\xb4\x13\x1a&lt;1.\x8f;2\xca/(\x9aD8\xf8\xe9\xe4j6/uZM\xb7L:\x88##\x96`H\x83M9\x96lZZD;\xf1J:eOD\xc8\x9a\x80\xaaD8\x85cQ\xb9]Q{1,W;/\xf6\xbd\xa3\xc0fiN*\x1e\xc3R&gt;\xaaNJ\xf8\xdc\xd2\xce\x99\x95\xdbC5\xddxe\xf5\xe3\xdb\xa6\x7fi\xa1++\xda\xb2\xac\xba\x8cq\xcfU&gt;\x97qe\xe5\xcf\xc8\xd1jY\xf5\xa9\x96\xbd!"\xb4*)\xf5\x9c\x88\xc6\xa5\xa1\xd0cM\xf2}g\xf1\x8cw\xb5\x8c\x85\xce\xb3\xab\xa2\x80}\xb9ty\x0cx\x9e\x08\x00\x00 \x00IDATx\xda\xbc\x99kL\x1bW\x16\xc7\x07\xd7b\xfc\x18W\xf1\xaa\xbcw\xcc\xbb`CQ\t\x86\xa4\xa9\x12^\xc1$&amp;\x0b,\x84\x94\x04\x97G\x9d\xc4\xc4\x11\x10b742\x94\x95\xc1N(iaC\x13\xd8(\x814\x05\xb5\x10\x08d!\x8a\xd6\x88\xb4_RA$&gt;Y" #$\xa2\xfd\xb0\x1f"!\xbe\xef\x87=\xf7\xce\xc33\x18R\xd8d\xf7$\x1e\xee\x8cg\xe6\xfc8\xf7\x9e\xff\xbd\xe7B\xc8d2\x92$\xf1\'\xa0\xb1\xc3e\xf4\x08\x81\x9f\x93q\xd7\xe1\x02\x81\xae\x12$\xfa0_\xc9\xfc\r\x82\xf47v\xe5\x0e\xbd^d\x8cWR\xf6f\x13\xdd\x80\xdeH\xe8h\x9a\xa0\x91a\xd7\xd8\xf8\x06In\xf7X\xc0;\x057\x04b\x11\xbb\xc1\x12!!\x1e\x97\xcdfEf\xb3\xb9h\x12\x9bl\x8fF\xe2H\x12\xdco\xf4\x96F\xd0:\xb7\xcd::\xd93&lt;\xd2\xd6\xd6vo\xb8ga\xd4\xe6F\xa1{\xbb\xb7\xbe\x9d\xd1\x005\xfa\xdbp\xdb\xaf\xad\xef)U\x94J\xa5Rf6\xf5\xdf\x1b\xea\x84\x98\xd1o\xf7fL\x86\xf9H\xee\x94k0Wq\x83\x14\xde\xc3\xdfD\xbb\xdc\x9d-w\x1a\xdfW\xaa\xd4\xd2`dr\x89D\xad\xca\x0cjm[`#&amp;\xf2\xe2\x7fv[w"\xbf2\xde\xad\x8c\x83\x105\xf0\xf7L\xa6\xb172G\xb8D\xbb\x17\xee=\xfeP)a\x90\x90IqS*\xc9l\x1d\x99dF\x99\x9f\x83\xdc\xf2[\xca\x02\xfc\x92~\xbf\xc2D%p\x83\x10&amp;*&amp;b.s72\xa7\x90{6\x80\xfa\x03%\xc70aa\xf0?\x0c\x90\xc2\xc2\xc2\xe1_\xb0:\xa4\xb5m\xd2Msi\xcf\xe6\x80_ \x98\xf1-p\x87\xaf\x10\xdce\xe2\xcd\xe2\xe0\xbf\xe2Or\x9c\xf7$@=|\x0eP\xd2\x00,\xb0\xf0p\x85B\x9e\xd9\xdf\xd3\xe9\xe6t\x8dM0B\xa4\x14\xc2\xef\x04N\xb6\xd3\xad\xddH\x02\xa2\xb2\xde\xeaGPR\xb9\x1c\x98p\xcf1\xdd\x18\x16,\x97\x07\x87)\x90I\xb5\xcdCV\x17\xb1[\xdd\x12\xda\x7f\x99\xc7:kO#\x05H\xc8\x10\x96\x1c\xc7K\x8a#f0\xc0OE8\x02\xa3\x1aG\xc6\xdd\xf4\xffK h\xd7\xe8p\x13\x05@(ZR)3\xce\x11\x17\xd3\x85\x18\x0fc\x05Wg&gt;\x1fr\xd3o%\x12\xbc$\x88\xb3\x96\x10\t\x08|@\xaa&amp;\x9b\x83(\x03\xc7\x04G\xd4\x87\x00\xa9\x96\xc0\x850\xde\x10\x98\x86j]@\\"q\xc1\x89\xcd{&amp;\xb7m\xf0\x19\xcf\xe5\x9dP\x17\x022ZF\xd2:\xeb\xc3\xd6$\xca\xa0FX\x12\t\x8e\x95T"\x91P\x12\x03EQ\x06\xd4\x85\x10\xb5\xf0\xa8`y0P)\x14\x86\xc6[6z\x8b[~R\x17\xeb\x82\xa0!\x9a\xbbym \x08.O\x08\xe1L\x8f\x1epu\x8e4)\x19\x00\x83Z\xad\x96H\xe4r\x03\xe8\xbb\x12T\x9e1\x03h\x06\xe4b8\x0c0\x1c0\xaa\xbb\xc7\xaac&lt;\x11\x04\'\x07\xfe\x85\x03\'\x8a\x82\xf5\xc8\xd6L$\x7fg\xce\x87\x97@\x07\x02\x95Ji\x02eWc6\x8a2\xd9M&amp;%|\x18(\x03J\xd0\xe0\xb0\xa8\xa8p&amp;!\x15\x86\xa6a+\xbb\x1e\nL\xc5\xedW,\xc4\x1egy\xddh[\x08E\xa9Lv{\xa6\x92\t\x0e0\xd9\xed\xe8`R\x9a\x10\x19\xeaF\xb9\xc1\x10\x0cX0\xec\xd1GS\xdd4&lt;J\xefiI\xb17\x81 t\xd6\x96&amp;pl\xb2;\x9d\xc0b\x02 \xbb\xd3\x01M\'\x9c\xc3\x19:\x98(\x8c%\x85X\x01S8\xceH\xb9vdT\xf7\xbf\x13\x08\xa0jTK\xd4\x94\xdd\xb1nq\x02\x8f\xc3aY_\xf1y\xd6\xd7W&lt;\x1e\x8b\xd3\xe2\xf1\xac\x00\xa2\xddd\x80\xe1&amp;\x0f\x0b\x06&amp;.`\xd5A\x0fm\xf4\x9e\xc5A\x90\x1a\x04\x9b\x80|\x96\xca\xf8)\x9f\xa0m-\x8d*\xb5\xc1`_\x7f\x01677\x07\x9f\xb5\xb5\xb5\xe5\xe5\x99\x99\x99\xa5\xb9\xa5\x99\x81\x999\xa0\xfb\xa7\xf3\'\xd4\x97\x90\x8f\x8ap&amp;X`\xd5MCnB4\xf3\xfb\xfd\x12\xc2\xc4\xe7\xfc\x8aW\x08\x81\x02\xe1\x7f\x0f\xed\xbe\xf5X\xa9R\x19\xec\x16\xcf\x8b\x97s\xf7\x97\x00f`\xac\xaf\xef\xe9\xf4tm~mm\xad\xbe\xa1\xb6ol\xe6\xe2\xfd\xfb/?{fq\x9a@\'\x14\x98\x8b\x89\x19\xf5|\xdcE\x88\x16$B\xa5\xd8\xa2G2\x0e\x04+\x01?\x81\xfb\x9f\xc2\x02\xc1\xde\xa4\x1b\xff\xf5}\xb5ZE9\xd7=/\xe6.^zr\xf8j~nCCmCC\xa9^\xafo\xd7\xf7\xf6\xeas\xaf\x1e&gt;S\x97u\xe9\xd8\xfd\x97\x1e\x8b\xfd\xe3j\x85B\xc1b\x01\x97\xaa\x7f\\\'r\xb0M\x14x\x99"d\xfe\xea\x85\xabj\x84s;w\xc0\xf3`\xdb\x87\xa0MJ\xbb\xd3\xb34\x93v\xf5\xec\xed\xc1\xde\xf6\xf6ld\xed\xd9\xed\xed\xbdp\xd2;x&lt;#\r\xb8\xb2\x8e\x95\x7fs\xf0\xf3?\xff\xe9\xa3\xe4d\x05FC\xa6Q\xb6u\xea\x08\x19\xff\xba-\x95\x8f@$\xf6\xb4\x82 \\C\xddH1\x93\x1c\x9eK\x19\xc7\x07\x11\x06Xeee^%\xb2\xecJ8\x1b\xbc}6#\xad.\xeb\x18`\x1d\xb8~\xe3\xe7_\xbeN-.K\xd6\xb0\xf1\xaa^l\xb1\x11\xef^ lm\xef\x81b\xc1p\xff\xee,@\xf5\xb6c\x9a\xbc\x1c08\xe4\xe5\x01]\xb6\x1e\xb8\x1e\x9c\x81`\x95\xdf\xfc\xec\xe0\xb77~\xbe\xfc\xcb\xd1\x92\xd4\xe2d\x05\xa3a\xd5\x8f\x17\\\xefZ hz\xb4?\x93\xa2\xec\x96\xb9\xc3\xb7\xfdT9\x15\xac\x01\x9c\xb92\xbb\x1dcA\xb8\xcao~u\xe0o\xd7n\\\xbe\x9c\x02\x96\xaa\t\x8f\xc2\x19\xa9j\xee\xdc\xa3J\x90\x82\xf5\x02\x93\xa8\xa2\xba\x00\xcc5\xd9\xaaT\x99\x9c\x9e4\xa6\x03!P\x9f~P\x91\x90\x18\x8a,1!\xc1\x98\x93\xc7E\x0b\xf7\xe2M\x84Uu9\x1e,\xa5X\xc3\x08\x85f_\x8bk\xc7"G\xecO\xe6O\xd4\xedR\xc3\xdfp\xdf\xeaV*\xed\xebKW\x07\x99H\xe5UT$\x86F\xc6\x16\x16\x16\x14\x14\xc4\x01\x981\xe7\x04\x8eV\xc6\x03\x18\xf3Y\xc7\x10VUU\x15\xc2\x8a?Z\xa6ag\xc7;V\xf1\nb\'="x\x01 \xb7\x08\x04_\xe62\x8f\xd3\xb6\x11m\x92\xdd\xee\x19\xcbe\xa8&gt;\xadH\x8c\x8c\x8c+(\xfc\x12\xac\xb00.24\x11q\xe9\x07\x01\xeb\x8c\x00\xab*&amp;&amp;&amp;&gt;\xa5\x84\x19\xf8\n\xcd\xe3I\xa8\xd2\xb8\xf2\x99\xe0\xfd\xb2n\x05qa%\x81\xdd\xf0\x10\n\x84H)H\x18Z\xfb\x16\x93\x1cs\xf9\xfa\xd2l4\xd2Q\xa8\xe2b\x0b\xbf\xbcp\xe1\x02p\xc5\x02V\x91\x91\xc3\xaac\xb1\xaea*\xc4\x95Z\x06R\x01\x1d\xa9m\xd1\x11\xfc\xde\n\xa3\x0b[\xbd\xe1\x03\xb1\xf3\x8e\x87\xd8t\xe3\xad\x8bA\x8b+\xcb\xb5\xa5\xd9\xe7\x00*!\x81\xc7B\xf1*\xc0\xe1\x02\xac\xdb\x18\xab.\xab\x9c\xc3\x8a\x8e\x8e\x86\xd1UR\x9c\xac\x81\x8e\xd4(\xef\xd8t\xe4.\x8a\x8d]\'\x85{\xa8)$H\xeb\x1bh0\x9b\xcf!*\x16\x0bw"\xf4bl\\$`\x95\xe6\x1e\xbf\x9a\xf1\x00)j9\xca\xc4kw\xab\xa2\xa3#\xa2c\xe2\x99n\xd4(4\x86V$\xf5\xef\xd0l\xc3A!\x8bZ\xefX\xbd\xd9|\x02d\x01\xb0\x12#\xe3\xe2\nb\x0b\n\x81\t\x0ca\x9dC\xc1\xca8,\xc0\xba{\x17a\x01\xd7\xd1b\x86\xabi\xc8\xb5\x07}\xe0\xd7\xfc\\u\xee\xdf*`\xcdzo1)\xc9\xe1\xdd\xa8\xa9\xaf\xcfa\xb1B#CC#\xc1B\xd1\x8f\xd0\xd0\x04\xa3\x19\xb0\xce\xe2pa\xac\xbf#.\x8c\x05`8\\\x1a\xcd\xbe\x1e\x97\xf8\xbd\xc4\x96\x8d\nR\x00\xc1.\xb3\xb7/1\x98\xef\xadm\xfbBB\xb4k\x1b\xb355F#\xea\xc4\x04|\xe0\xac(\xa1\xc8\x98\x03X\xc7\x8f\xa3\x80\xa5\xd5\x1d\x03,\xb6\x17\x19K\xc1\xe1\xd2\x84\x0cC\x1d\xc4O\xd5b\x00\x01\x05\xc1\xe7\x1f\x9b\xa9l\xa2\xf2\xba\xc1\xea\x1a=\xda\xac]\xd4\xae\xacmLL\x18\xbf\x00\xa4\n6`HKAL+\x8cF\xd0\x07s\xe9\xe0\xed\xdcA`\xcb8\x93\xf5\x97\x03(\\(\x15\x81)b\xff\xfe\x08&amp;\\\xce\x87,\x96L\xb8\xe3@\xb2^\x18=b3\x91\xf4\xef\x11\xf2\x89\xca\xb7X&gt;\xba\xb3\xb9i_7\xc6\xfa\xc2\x88\xa8\xfe\x08\n\xf1\xd7\xb8\x02\xa4\xa50\xac\x90\x98"\xac\x06\xbd\xbe\xb4T\x0f\x0b\x893H!8\xac\x88\x88\xfd\xe9\xe9\xf1\xc5\xc9\xc0\xe5\x1cq\x13&lt;\x16\xc9\xfa\x15\xe4&amp;{F\xecf\x93\x14\xe1\x8f6ww\xaf\xf8\xd66N\x01\x16L\x800\xef\x84\xb2b\x8a\xf2\x10\x89i\x8e\xd9l.5\xa3\x83&gt;\xf7\xc7\xb4\xba\xf2\xafX\xac\x08\x08V\xfa\'\x87"@\xbb\x92\x93\x17[\\\xfeE\xd3\x1e\x05"p\x06\'\x89\xce;@\x85\xb0\xa6\x8a\x18\xac\xc4\xc8\x02\xa4Z\xdf_@\x82\x1a\xdb1UT\x83\x90\xea!%\xcc\r\x80\xf5\xddE\x84u\xf7.D\x0bS\x9dN/AX\x0e&lt;+n\xe3\x80\xdcqAO\xbea\xaf\x8e\x84h\xad\xf8\xbc\x9b\xab\xa7:\x10\xd6\x89\x13\xc6\xa2\x0e$\xa6\xdf\x83\x01V\xe1\xab\x8e\xa9\x1a\xd0\x8e\x9a\xa2"cM}C\xfe\x8fiO\xb2n2\xb9\xc8b\x9d\xfc\xe4h\x19p9n\xb9\x02v\x13\xb6\xd9[\x10$\xc2\x9b\xd7\xf2\xd6{\x8d&gt;\xef\xda\xc6&lt;\x8e\xd6\x89G\xd3\xd3\xab\xab\xb3\xf3\xf3W\x80\xeb\xc2\x0f\xaf^\xbd\x8a\xed\xe8\x00\xac\xfa\x89\xa2\xa2\x89\x9a\xae\xda\xfc\xbe\xc3\x03\x97\xee\x1f8x\xfd[P\xfa\x98h\xc0:}\xf2P|jYY\xd9\xcao:n\xf5.r\xc7\x976l\x83\xdc\xae\xc4 \x85X\xcce\xeb\xc3V\x1c,\x84U?\xfdzysyys\xf3\xf5\xbf\xff5\x7f\xe5\xca\xa9\x89\x89\xa2\xa9\xa9)\x06k\xa2\xa6\xbe+\xbf\xafo\x0c\xaa\xa0\x7f&lt;\xbb\xfe9,Q/\xc7 \xac#\xa7\xa3K\x8a\x8b\xcbV&amp;u\xbb\x89\x02\xc1\xee\xeb\xf3\xf7q\n!XJ\xe0\xefm=\x8fq\xb0`\x10\xd5O/\xafy\xbd\xdeV\x9f\xcf\xe7\xf5\xae\xbd\xde\xd8\x98~4;\x018\xe6\xae\xfa\x1a\x80z\x94?60\x80j\xb3u\xa8\xcc&gt;\xfa\xb8,\xf5ht\xfa\xa1\x93\'O\xa6\xa7\xa4\x16\x17\xfb:i\x82\xdf\x80\xe7\x05"0\x1c;e\xc2\xd6\x8ct\x0fy\xbd\xcb\xab\xd0\x87S\x13\xd3\xcb\x00\xe5\xf5\xadtk\xbb\xb5\x0e\x87c\xdd370\xddU\xdf\xd5\xd5\xd0\xd0\x05\x96\xfft\x0c\x8aF\xdf\x8a\xc3n\xa8\x96\xe2\xc5_Y\xca\xfe\xd3G\xce\x1f9\x1d_\x92\x9a\xea\x83\xaa\x9f w\xfak\xc1\xef\xedA\x04N\xf0\xae\x85\xfe\xb5M\xc0\xea85\xfb\x1a\xeaU\xe8A\x08\x19\xf8\x86\xea\xfe\'\xcb\x8b\x99\xa7\xb5\xacA\xa8\x96^@\x11k\xa7\xe4a\xe1QQh\xb5\x9c\x9c\x1as\xe8\xfc\xf9\xf3G\xf6\xa7\x94|\xdd\x0fU\x06\xb9\xe3\xdfV\xf6\xbc\x82\xa0u\xe3w6_#\xac\x89G\xd3\xab\xb3\xb3\xb3\xf3\xa7\xe6\xe7W7PWY,\xcf&lt;K\xa8h\xac\xcd\xcf\x87\xb1\xfed\xe9?\xac\x9amL\x9aY\x16\xc7\xf9\xb4\x8f\x99\xaf5\xa4\xb0\x8a&gt;\x08\x89\xc1\xf2\xe2K\xe4\x91\x16\xa5"\x03\n\xb4\xb2(\x08\x16\x04\xc5V\x96\x98\xb0\xee\xe8b6Q2\xac\x15\x89\xb2\x82\x86\xd5\x8d\xe3\xa2$\xe2\x98h\x8c\xaec\xac;\x9a\xb5~\xd8\xb5f\x12\'\xd9\xda\x0f\xcdN\xeb\x90\xb6\x19[\'\xd3dv\xbbI_\xf6\xdc\xc77\xc4\xda\xa1\x93^\xbf(\x1a\xef/\xe7\x9e{\xee9\xffs6\x1e"-\x02a\x91\xc2H\xf6\xaf.\xe4\xe4\x16\xc3*\xca,\xeb\xf8S\xb2\xda v\xa2ep"\xa7\xc6\xe2\xdek\xce\xe7\xbf\xd9\xc7\xd2M\x83\x7f\xcd\xd2\xe5\xadrO}\x83t\xca\xe9\x08oo\xbb\xc3\xce\x85v\xb0T{D\xecwl\xaf\xc4\x90\r\xaf\xa9?\x89F\xf9Q\xf5\x85\xb2\xac\xcc\x8c\xdc*\xc0\x12e\x96i\xfe\xdcu*\\a\'\x82\xc3at:\xda:\xe5\xa4lO\x89\xbb\x1a\xf0Q\xfa\xaf?CX\x1e\xdc\x83\xe3\x1e\x94:\xccNC|\xca\xe7\xf9\x9dN\xc8\x91\x9d~\xb1\x85\x8cW\x0b\x8em"\x068\xb1\x1b+K\x1b\xdb&gt;=\xd1\xdb\x92\x99+\x82h\n&gt;/\xca(\x8b\xbd\xe6\x9c,f\xe2k|J|\xbb .nao-1\x0e.\xcao\x7f\xf7\x94\xc4\x82\xe5Q\xaa\x9ag\x16\xa7\x16\xee\x86\xdd&gt;\x9fO\xabU\x14\x1a#\x96:\x08\xa8\xcd\x11\xa7\x9e0\xc5L\x84\xde\x17\xbe\xeb_\xf0;\xdd\xc2\xbeZ\x9a\xe1z1@U\x15\x8bh9_\xff\xf1H\xa1=\n\x10)\xf1\x01\xe2P\x9bI\x89\xdb\xff\xf4\x8d=\xba\xc8X\xfa\xcd\xbf\xbc\x06,\xbc\r\xc7\xe9\xd3\xcd\xe8\xac\xc0\xab\xa2\xea(\xdfD\xb8\x82Z\xab\xb4\x82\xd9*S6\x88\xc3^&gt;\xdf\xb4\xedp8\xee:\x9d\x7f\xbd\x1b\xd6{{[\x00\xebzqqU1X+g\xe3\x9f\x87\x15\x06\xe5p\xb7\x94\xf8xy\x14\xa0\x92\xac\xbe9k\xeb\xaf^",\xdcS_\'u\x867n\xc5&gt;\xfd\xe4\xf7\xd7\xcc\x02n\x94\xefu\x05\xad\x16x!e\x15\x16\x9e\x8f\xcfU\x13\xe1\xb0\x8fX\xda\xd8\xb8\xb5b\xe2k:V\xb3\xe0\x1a\x82\xb9\x8a\xab\x8a22\xff\xfd\x87\xe4D\xc1$\xb1\xb0\xad\xb6\x9e\xc5\xef\x01k\x07W\xaa\nx\x0e\xfd\xd2\xd2\xf6\xc6\xc6\xc6\xc3(,\r\x9fP\x88{ \xc7\xa16\xda\xacB\x8d\x80\xeb%\xbc\xa6\x1b\x0fo|zM\x80\xd6\x95\x0bY\x06D\x05X\xb4\x91\xd77\x93\xc4J2&gt;\xec\xeaT\x95\xf3\xdf\xdf\xd7\xedx\xeaK\x0b\xca\xcb\xa5\x8b\xf33\xf05\xe4p\t\x89a\xc2\xe5\x97\xaa\x02L&amp;\xbb\xc4VH\xa8\x05\xdc\x18\xdf\xf4\xf5\xc6\x97\xb7n\\\x13|,03\xb2/\\\xa5\x89\x0c\x06\x14 h\x0f^\xde\xe4\xbcW\xab \xf1\x01O\x08\x1e\x9c\xc1\xe6fI\xd3\xfd\xfb\xba6OZc\xe7he\xa3\xaa^Y\xd7d\x89@\xb6\xe7\x12\n\x83\xe2\xca\xea@ \xc0\x02,\xaf\x9a+\x88\x12\xe1\xa1)x\x14\xf5+\xb1(W\x90}\xe5B\x0e&lt;\x8a\xa4\xb5\xe6n\xfd\xf0\xe2\xb0y\xf0\xae=\xe3c\xd6\xf1\x03~B\xbf\'\x03\x04\xa7-\x7f\\\xc2^^\xd6\xed\xcc\xa6vv\x96\xa8T\x8d\xaa\x86\x06K;\x0f\xeaApx\xa3E\xc2\x0e\x04\xd8\xd5\x805\xac\xe1\n\xd4\xde0\x92\t\xa7\x9cH\xe4\xea\xb8\x9a\x93\x93\x93E\xcbE\xbe\x95\x97\xd92\xf2\xe89\xe7\xb0\xb3xfW\x15]\x0b\xec\xad"e\xc2\xdb\xc9i\xfb\x9f\xb1\x9e\xae\xfbG\xdb\x8e\xb2\xb4\xb3$\xb5Z\x82T\x10\xa46(\x14\x85~q\x81\x84E\rP\xd9\xd55$\x16\x97\xcb\'\xb6\x1dN\xbf\xd3\xe1#zWWs\xb2\x80+\x93\xc4*\xca\xa3\xe5=\xdb\xeb\x8a\xfb\xe7\x18\x96\xd0&amp;9+\x83\x88\x93\x00\x8e\xb4\x02\x0c\xe3\x8c\xd9B\x81\x80G\xd7\x86+\x1bK.\xb2\xa9\xac\xd2\xfe\x90m|\xdch\xe4\x89\xa5\xcd\xaa\xeajv\x80z\x805\xa9\xe6\xaa5}K&gt;\xad\x03\x0cI\xf4MNN\x02\xd9&gt;\x16xXQ\xde\xbf\x0e\xb1\x8ek\x98\xe3\xed(\x89\x19\x04\x16\xc7\x97\x88\x05?R\x06+\x1b\x98\x08\xabM\xd9X\xcab\xcae\xac\x1a\xa46\xe4\xdb.\x97H\xc8\n\xfb\x00Kq\xbb\xa5\x03\xb0L\x84O\xabPh\xb5n\x9f\x1er\xc1\xde\x96\xac\x8c"\xb8\x8a\x06CUn\xd6\x83\xe7\x9c\xc3\xd2\xe5D\x82\x13\xa7\xd9b\x87j`J\xca\xd9\xc2\xdc\xfe\xaf\x1eW\xa4\x06\xd8\x80\xb5\xa3L=\xc7f\xb6\xda\xe5\xac\x9a\xfe\xd1\xd0h\x7f\r\x9c\x1f\xac\x00\x9c!i\xad\xdb\xb5\xabj\xb5\x1aB\x99\xd6i\xf4\x1by&lt;\xa8d\x83\xc3\xdd\xb5y"\xf4(\x82\xb52\x96\xd6\xd3\x93V\x03\xb1\x9f\xec\xfc\xef\xcaY\xe7.\xd6\xeb\xda\xc6&lt;l\x16U\x06XTI\r\xd2\x04K\xab\xa9LX\x80\x05e5`=\x18A\xe6\xe2\xf7\t\xdd\x85\xbcHyAAy\xbe58&lt;\x02g\x88\x02}Qn\x1em{\x9d\xf3~\x19\xc4;\xc5\xc2\xb5AvM\xa7\x04\xb0\xe4`\x1a\xb9\xdd.\xa7W\xd4 u\xb9\x06\xb0d\xcc\x00\x14\xb2\x01:UUnu\x8d\xd4vp\xb9\x1a\x930\xa80\xdaF\x0b\nB\xf9\x85\xae9Z\x9e\xe8\xfa&amp;\xf8\x16`M\xdc;\xecf\xbcC \xc5\x12C\xc2\xc9^g\xdc7\x9c\xc7\xec\x9a\x1a\x16\xc2\xa2\x07\xc0X\x83v\x9cM\x9a\xabD\x05\\T(\xb1\x03L\xb9\xbc"d\xfdj\xa2v\x15B\x04`\x15\xf2\x00k\xd46\x0eX\x13E\x06\xc02\xd0\xb2\xb2h_\xbd\xe8J\x8fKX(\xd8\xa9Y\x88\xa3\x00\x11\xaf\x06b\x18\xe5\xc8\xd3\x8e/2T\xd5\xbb\xd4\xfe\x8bt\x84\x853e\xadP\x85\xb5\xd2I\xac\xfe~\x15\x0b\xa8\x80M&gt;8\xa8\x0cY]\x13#-\x93\x1a5\x9f\x80C\xb4\x85FC6\x9e\xc2u{\xa2\xa8\n\x9eECf\xd9\xd5\x8cG\x9f\xa7\xc7\x8f\x17`\x87\x11\xea\xc8\xa7\xf6S\x87c\xfd&gt;a\x00 \xa1g@\xd9\xa2\xf7W\xe3$\x96L&amp;G\xc5!\xb3\xa2\x04\x9c&gt;4Z\xc3&amp;%%\xa6\xcc&gt;\xa8lW\xdc\x9e\x18\xa9\xed\xee\xd5Lz\xddV\xc0\n\x85l\xc6c\xac\xbc\xb2\xab#o\xba\xb0\x13]\xc4\x846\xe3\xd1v\xc9\xea\xf7[\xcc~\x16\xde\xd666&amp;\x97\xcb\xe4\xa8:\xc4+J\xc0\x18\xa1Q\t\x15\x92\x07\x9c\xceb3\xf1\xba\xf1`7P\xf5\xcdMj\xf8z\xa7\x18\xb0l\xf9\xc6B\xc0\x12\x15\xa3$B\x94s\xf5\xc1\x93\xf4\xa4J\x87d\xdb\x05)k\xad\xa5\xd5L\xc0B%\xf4&gt;\x96\xa43d\xb3!*\xbag\xba\xc7bQUH,(&gt;t\xf4\xf6\xf5\xf5vpMn^\xbb\xcdf\xcb\'\x0f\xb1\nU\x18\xc5\x86\x9c\xab_\xfe\xed\x03\xb7\x0b8\x83\xd4K\x80e\x87K(C\xcee\xf7\xa8F\xf3\xf3C**\x93\xcej\xf6\x07\xdd~iC\x8188\xb7zE\xa0\xe6\xf7N^\xc9\xe6z\x9d\x91v$\xa4*\xc0\xe5\xafon\xa2S\xcc\xca\xb9\xb7N\xf9\xb0\x8b\xb3+g\xe2p\x86`-&amp;]f\xb7\x8f)+m\xc6q\x8b\x12\x97\xe3ub\x85s\x00\nE\xc8\x98{\xaf0&gt;bp5j\x01#[\xad\xe7E\xda\xf3yV\xadpN\xb4\xf9#\xc2\x12eN\xbc\xb9I\xc1\xceNaN\x17\x1fgO\x00\xec\x07\x08\x8c\xb3\xd5*GXc\x80\x05\xf1\xb4\x15o*\xb7*\xc4M\x1e\xb9\\\xbe3=\xd33\xadk\xb2,\xb8\xbd\x9al\xa4\'\x9b\xcd\x0c\x06C`rD\xda\xc5H\x7f#\xb16\xa1N\xcc\xfd\xe2\t\x87\xf2\x13\xdb\x1d\x0f\x1cP\xb0w\x89\x02\x07\x19F\xfa\x9a]\x86\x02\xc4X+`\xd1q\\y\xd9\x18T\xcc\xcf\xa2\x8ac\x07\xf7\xe8t\xd3MR\x9e\x96\xe0s\x05\xe6\x83\xc5\xe5\xeb\x17"\x80\xe5\x1b\xee\xfe\x82\xc4\xaa\xa2\x15=\xdaK\xc7\xb0d5\x88\x13\x13\x08gMRR\x00\x8b\xba\x8f\x15`\xb1\xe9\xcaf\x9e\xcb5\xb4\xec\x815\xebAT\xcb=R\xb1?\xbcd\x82\xc4\xcf\x8crex\x81\x08\x07\x8f\xe7\xd7\xba\x86G\xaa\xc8C4\xe4\x89\xde\xac\xff\xdcI\xca3\xd7\x81\xb5\xe0\xd0\xa8,V}\x8388\xec\x98\x9f\x9e\x9dU\xd6\xd5-/\xcf\xcc\xcc\x0fL-\xf8\xfd\xc0\x15\x83\xf4\x94\xa4\xd2\xf0Mz\x85\x15\xb9\xd6\x84\x01l\xb5y\xdd\x00g\xd8\xf5\xc1\xfb\x89\x9c\xc7r\xc8 \xc6\xe0\xd0\xa8\x97\xaaU\xe5\x8aa\xfd\x14\xa9\xd3\xcc\xcc/N\r\rA\xf1\xe5\x83\xdc\xef\xae~\x1f\x0brA\xe0\xf2\n\xdd\n\x12\x0b\xe2\x03\x1cb\xd1\xb3=\xce\x87\x1f8X\x1b\xd4!,&amp;\x93\x9a\x96Z2\xee\x12\x0e\xcd\xcf\xcc\xccH\xa5\x03S\xa4n\xe4\x08\xeb}\x8e\x05\x7f\x98\x88"\xae\x8fI\x83\x99\xfa\x08\xb7V\xd8\x9dk\x80h\xba\xb9Y%zt\xe7g\x8c,\x9e\xd6 \x12\xeen\xd7\xd6\x9d\xb11\x9cNg\xa7\x9d\xab4\x06\xfd\xc0305 \x1d\x18\x90Bp\xb0\xb4\x8by&lt;qDl\rz\xf9j`\x02\x9f\x87\x122f\x12:\\\xdd\xb9\x90l\x01\xd6\xdf\x9f=\xd9:;[\x89\x9f&lt;\xa0`oW\x03O\xcd.b\x07i\x04&lt;\x89\x90\x86^:W\xc2S\x0c\x0cA\x1d\xb18\x83\x14\xdc\xa6\xff\x02VD\x9c/F\xdd\x8ba\x13_\x8d\xee#\x83a\x16D\xc1\xed\x83s\xfbX\xff\xf9\xf6\xc5.\xe7\xa7\xe3Q\nv\xaa\xd8\x7f\xf7\x1c\x04\xfc\xe5\xfa\x18\xd9\xa2KKS\xb5\x8fK\x87\x86\x16gzzz,\xdf}\x17A\x8b\xf7\x8d\x9fl\xa9@%\x8d\x8e\xd1\xcc\xf8\x05\xc3\xcc\x8dz\x1d\x8a\xdb\xb9"8\xc5\x1f\xbfyNjH)\xef\x11 \xce\x9c\x00H\xf8x\xd7\x8e\xb0\xd2\xd2R/V^n^\x94Z"\xcem\xb7?2\x1f\x99\x82k\xb8\xe0t\x04\x85\xc3}\xbd|H\x03\x11\x15,s4F\x1ca}\xbbu\xe6\xe4\xf6\xe9\xed\xdek"\t\xdb\xb2\xe38\x13\\+5U\xa5\x9244T\x8a\xf5\xb1[/\xf7\xee\xec\xed\xed=y\xf2\xe2\xfe\xd3\xa7\xf7\xc2K\xde\x150\x96\x99\xf1\xd1y\x08\xf6\\\x93w\xc9\xa9\x98\xc8+2T\x15\x93X\xc9O7\xbc\xd7\xa0\xd4\xd6 `Q\x11Vjj}}E\x85\xc5\xb9\xfd\xc3\xf3\xdd\xb5\xad\xb5\xb5\xdd\xf5\xdd\xe7\xaf\xf6^\xdd\x7fz\xef\xde\xca\r\xb5\xf9\xfc/\xcf#\x97\'\x96\xf4\x0b\xc1\xff\xd3n\xee1MgY\x1c\xaf1\x9b\x12\xf61\x1b\xdb!\x96m\xa1P \xd8V\x10t-P\x08\x085q\xa0\xb4\xa5\xccB\xc6\x06\x8b%\r(4vK\xa2&lt;&amp;\xa4\xc1\x05yoV\xc8\xcc8\xf0\x07\xb8;\x93\xce\xee\xd8\xb0"\x03\x08\xcaZ\xc9\xe2\x8c\x19R\x1e+\x9aY-\xab\xf2\x08\xee\xb8\x0e\x92\x01Eg\xf6\x9c\xfbkK\x7f&lt;\xc5]\xef\x1fP5\x81\x8f\xe7\x9c{\xee\xb9\xe7|oK$\x9a\xeb\xfb\x0e\x1b\xf3\x7f\x14Jyy\xaaX=?\xd8\x00\xcb\x97X\x8b\xc5\r\x0e\x0e\nN6\x14w\xdc\x9c\x1e~d\xb3\r\x0f\x0f\x0f\xcc\r\x0c\xf4-.\xbe\x18\xfd\xa6\x1c"\x9e\xe4\xad\xccL\xb3\xf1\xba?\x07\xfb\xdf\xdf\xcf\xd8V\xfc\xb8W\xc8[L\xe6*\xe5\xc1Z\xdd\x01aS\x06\x89x0\x167\xd8\'\x18.;yKy\xf3mms\xd3\x80477\xd7\xf7xq\xe6\xc5\x95\xcb\x0f\xd3\xd2\xc2\xc3\xc3\xd3\xc2{2kZ\xcf\xb6\xf09\x91\x88\xf5\xb8b\xf3[\xd6\xbaB\xa9U\x82%\xcfq\x1f\x837\x9d\xd1\x1e\x1c\xcb\x05s\xb1bq\xb0\xef\xeb\x93\x92\xbc\x00k\xfe\xc6\x8d\xc7}7n\xdc\x98\xf9gG\xe3\x83\xa9\xa1\x89\x8bg\xea,iiY=\xc0uQ#\xf0G\xac1\xbc\xb6\xae\xfcu\xf4t\xe5\xd1\x13u\xbfRX7o\xd1v\xf4\xc0\xc9\x0bA\\\x16\x8b-E,\xbc \x06\xfa\xce\xa7\xcc\xdf\x9f_\xa8\xae\xee\xb5\xf6\xf6VW\xcf&gt;u\xd8\xa1\x9e\xe7\x9b\xfa-\xe1\xf5UQ\x92s\x1a\xb8\xe9\x03\xd65\xc7#\x9e\xd7\xda\xcam\xbaPj9o\xb9\xab|&amp;\x83\xbeQW\x17\x16\x8fN^\xd0\xe9\xd8l)b\xfd\x01\xa9\xb0\x93z\xbf\xed\xfe\xfc\xd2,\xb5\x08\x15N\xcdM\x96\xba,(\x9f-2\x99\x08\xadu\xed\x81m\xcd\x9f\xeb\xf5*\tb3\xcd1\x03\xb0\xb4lvb\xa2\x94\x1d\xeb\x03X\x01x\xe3\t\xb8\x0f\xd6Z\x9a}\x8a\xcb1e\xbf\xde\xc2G*S]]\x9d\xa5\xce\xd2\xef\xc4\xba;S\xc1|c\x92E\xe6\xc0\xc9\xde&lt;\xb9&lt;&gt;^\x0fX\x10[\x81\xbe\xbeP\x11\x9e\x9e\xd7\x1a\xc0L\x8e\xa9\xa9\xfd\xf6\xa1\x893&amp;\x01\x8e\xf2M\x1a\x8d\xc6\xd4\x8fT\x02\x0e\x9c&gt;S7\x85\x8c7&amp;YD\xac\xde\xea\x9c}*\xbd\x94K\x86\xfa\xb8\xa0\xe4\x82\x12\xb0\xd3\xb8??\xdd\\S\x04y\xde\x04T\x1a\xc4\x12\x88dJ\x99\x88\x0fX\xd7\x1e\x0c\xbf\x8e\xb2y\xc3\x11\xa7\xc7\x9e\x9d\xce\x00,\x83J\x15/\xd7\x05\xfb\xa2\xcc\x00\x85\x06\xda\xbc\xea.\xa8n:\x8d\xc6[\xf9\xad\xe3\x92z\x94!\x99p\x1c\x0cX2\x19\xd9\x88\xdf\xce\xf06\x9f\xa8\xd22\xc0+\x8e9]\t\x02\xb1\x0c\x06\x95&lt;!\x88\x92@\xa4\x04\x05%\x83\xb5\xba\xba\x1a\xa1&gt;\xed\xec4\xb6F\xd5\x81\xefL&amp;\x9c\x9d\xf3E\x94\x0f\xa3\xdf\x9b\xeac\xac7\x86X1\xe6|\x8d\n\x82\xc1k\x82\xa2\xddj\xcd6\xa8r\xe4\xc9&gt;\x18Y&gt;A\xbf\t\xc29p\xb5!\xbb1..\xac\xd3h\xae\xb2X\xfa-&amp;\x8d?\x87\xc3\xf1\x17\x88D\x02\x9c\xbd~\xf1`\xc0-d\xd8\xd2\x15\xc3\xa3!\xb0\xfc\x16\xc3SLH\xbd)h\xcaH\xe9\xad\xb6&amp;!WB\x8a/&amp;\xd4\xa0\xe4 2\x9f\xc6\x81\x0fT\x82Fs\x14l\xc0\xba3-\x1cN$\xe6\t&gt;\xe4\xf8\x88\x18\xc0Z\x162x(\x92\\?\xd7%\xb5v?\xf4bl2\xd8[y\xcdhO\xb9Pm\xedH\x02\xb0\x1c]\xbbo \n\xca|H\xd4k\xf3\xb2\x81+\xae!]R__u\xee"\x9c\xcf\x11\xc8E\xe6\xe7\x90\xb5\x066\xec:\xd0\x1edl\xbd\x82\xb0\xb5\xa5\xa4\\\xc8\xb3&amp;u!\x97\x96`Ax\x9d\x0e&lt;\xdd\x8e\xf3\xfc\x0f\xc0\\p/\x94DI\xe0Z\x11\x81}eJ\x99\x01\xc5\xe9*\xac\xffk\xde\x1a\x06,\x9d\xb6\xba\xa3\xab\xb1+\xc9\x90\x93\xe2\x1bp\xf0\xe0A\xf0d\xc0ipc\x0eb\xc5\x85\x1d5gff^\x07\xaa\x18\xc0\xc2E\xca\x1a\x88\xad7\xf7\x16\x03\xce\x1e\xc0J\xce\xb3v5\xfe\xb11\xc9\x90\xd7\x8eB\xa9\x80@\x9c\xe4\x01Uv\xf1^(\x9d\x8d\xe6\xcc"\xc9u\xa0\x8a\x89X\xc6z\xf7\xc1\x96["\xf4\x04A\xd7#0V\xd4\xf2\xd3\x01)\xc0%WeC:hL\xb2j\xdb\x03\x11\nn\xfe\x84\n\x8c\x15w\xf8P\r\xba02\x1a\x1b\xa5\x04+\xc2\x8d\xc5\xa4\x17,\xb4\xb4E\xdf\x89[\x91Z\xc3\xbf7e\xe8\xe0F\x9d\x90cHB\xae\x0e\xe0"s\xd8v\xad\x81\x0c\x84\xd1\x87\xe9\x92s\xe7Z U\xb9\xa8"#\xa3\t\xd6\xea\x04\xc1\xdc@\xb8\xc9\xf0\xf2,\x1c\\MT/w\xdb\xde\xf5\x8142\x85\xc7Rt\xba \x1d[\x9e\x93\r\\\x7f\x06\xae&lt;(\x9d\xb5\xdae\xaa\x86CEQ\xf5g\xf8\x04\x8b\xc3q:1\xda\x03\xcbk\xf9\xc7-\x0f{\xbd\x96\x7f\x8b\x87P\xca\x8bI\xeb\x96z~p\x8b\x1d\xc9_V\xb4AY\x03\xe6b\xeb\xc1\x8d]x}\xed\xb2\xe6\xa8T\xd9\x98\x1a\xc2 i\x85u\x82\xb1\xf0L\xe4`v\xe0\xa0p\x8b2\xd7\xbb\x8e9\xbadr\xc5\xfb\xcd\xe5\xdf\xe2\x12J\xad\xd4\xc11\xd7\x97(\xf1\x86O&amp;\xebt\xdc\xd8X\x96T\x8fn\xc4K&gt;\\\xab\xd1P\x80\xd4\xd0\xd0\xd9\xb0\xdf,\xc9\xb2\x98\x04DFF\x89\xdcP\x90\x04\x19\xc2qs\x0b:\xa4\xad\xbe\x85\x9a\xcb\x00,\x1d\x97\x1b\xcbN\x8c\xdf\x97\x04g\xe0%\\p\x126\x18\x8d\xc6\xfc\xfc\xfcV\t\xca\xab\x05@\x02P|\x7f\x94P\n\x04X@Pg\xe2\x86\xc3\xcc\xd7\xa6\xaa\xfcr\xa6\x17\xb0X\x80\x85\\\x07\x8a\xa1\x98\x81\x92\x01\x97y\xbc\xa6\x06\xd2UT\x96\x05\x0ei\x01\x91(\x121\xb3\x0c\x8fj\x7f\xc0\xba\xbb(\xe4\xade%\xe6\xc6%\xcd\x06\x8f#\\;\xb6\xe2\xf3\xdf\xfe\'/9\x99M\xb0t\xecD\x15\xe1j\x1d\x1f\xcf\xec\xe9\x89"\xab\n\xa8\x00\x0b\xea\x1a\x11Y2\xa5X\xac\x94\x11\xac/~\xfc\xcc9\xeaYQ\xcb3\xb6VA\xac\x18s\xe2\x03\x9fOF;\xb4\xc9l.\xc1\x8a\xe5B\xd8\x13\xae|\x9c\xcdEU\xd5gee\x85[\xfa\xd3\xfa\xfb\xfb\x95J%X\t\x85\xf2j5\xc1\x8a\x8cy/f\xe2/\x85\xbc\r\n\x9bu\x15I\xcb\x03&gt;\xa6\x17m\x9e\xc8\xe4UT\x16\x1e?\xfe\xbbS\x7f\xbdg\xd5\x12cq\xe1J\xc6\xe5BV=\x90T\x0c\xb5L\x831\xdf\x0c\xfe\xc3\x8e\xc8\xee\xdd{\x14\n\x85\x18\x8c\x84L\xa1\xa1j\x05`\xc1\xc5\'&amp;\x86\xbf\xeb\xd4g\x85\x95\x95\x95\xf8\xf0\xd45GdzJ\xad\xbdh\x7f\xcd\xf0\xac-Vh\x1c\xf1\x9fxB\xdb\xf4\xc9\x99\x8f?\xfc\xdb\x87\xef\xd7\xde\xae\x06\x1f\x02\x17\x1a\x8b\xc5\x86;\xac^\xa52d\x03\xdb^\xc8W5Q\xf5\xa4U\xa3&amp;XbE(.\xb5BLn\x18\x80u\xa4\xfc\xfd\x8f?\xf9\xd3\xa9\xbf\x1f\xaf\xe0\xd1\xff\xf3\xae\x94A\x13\x863&lt;%\x9dtI6&gt;[\xb1M\xdf_x\xde=u\xe7Dm\xed\t\'\x16ra\xcf\x864"\x12\xe4r9d\xae\x03\xc5\xe7\x8f\xa6\xa3\xc5Rw\x13*\x05\x11s"\x97\x1b\xcb/t\xcf\xcf~\xfe\xd3\xb7JG\x7f_(d\xac\xa9\xa4\xf4\xac\xfa6\xd2\x13\x0b\xa7\xdb\x16\x96\x9ew?\x9d\x1a\xd9u\xe2DAA\xed=k\x02RI\xd9\xe0B\x96T*\x05@\xb84\xca\xe5z\xbdj\xdf;qh\xb0\xac\xb421\xb1\x95\xda\x8d\xa5$X\xd1\x02\xbfP?|\x92\x11\xda?r{\xf1\xb8p\xf3s\x9a\xb9v6\x11\x0e7\xcd\x83\xa1\xba\x1d\xf9\xad#\xa5\x05\xb0Bv\x8d:\xb1\xa4,\x8a\x8b\x18N\x87\x16#\xe1\xdf\x90\x9e\t~$\\@u\xc4\xe9E\xc4\x8a\x88\x8e\x10y\xfb\xf9\xa1\xca\xcc[-6\xf5|\xb79\xd8\x9aR\t\x9em\xfa\xd8\xfcRw\xf7S\x87\xf1\x96\xdd&gt;\x01X!!;\n\xbe\xe9@,6\x8b\xcdb\x01\x18\x0b\xbd\x88\xe1\x8f\xae\x8c\x07\xae\xb0C\x04\xab\x0c\x8dEd,{\xd4\x10[\x14\x16G\xec\x8d\xc6B\xaeP\x85R\xd3\xf3\xc3K\nl]\x9d\x06\xd3\xcb\xb3\xc2\xc0?a\x94\xb7-&lt;/\xe9~\xe6\xb8u\xa5u\xb2\xb9\xf9\xdb\xdc\x10\xa0\xda\xb1\xad\xb6Q.E$X\xceo@\xa7C:\x0c\xb0\x03q\x87$\x04\xabL\xa1 \x1dp*\xfc\x95xO\x8c\x16\x84:\xb1v\xa2o\xc52M\xcf\x8b\xbeB\xa1\xab=\xe2\xd9\x97a\xd0t\x10\xae\x1d\x08\t\n\xc2\x1c\x0c\xd5\xfd\xccx\xe5r\xcfXsw\xf3\xe4?JC\n\x00+d\xd7%\x95\xd4\x89\xe3\xb4\x18\xf6n\xd8\x89R\xf0b\x8e*)\xcc\x8cY\xa2\xac\x0c\x89R\xc9\xda\r\xe1O\xb0"\x95\xde\xde\xc4\x87\xe0D\xd8\x0e~\x14\xd8\xe7\x08\xe6\x9e\xb3\xd2\xa5\xd6\xf4b\x95\x87!\xf5\x1c\xbdw\xe5\xf2H\x11\x81*\xca-\x7f\x9bXk\xc7\xae\xd1.)\xf1\x1e\xc5\x05dxl\xb3\x131\xe4\x0f\xbcs~?6\x99\xd30{\xa5\xa6\x92\xfeV\xean\xa0R\xe2EQ\xa0\xde\xe9M\xf9\xd0\x0f3,\x01\x13\x81+\xfb\n+\x18\x9b\x17\xcd\x00u\x0c\xc3\xfc\xe9\xa5\xaf\xfe5b\x9fl.)yf\xbfZZ^\xfe6\x98\n\xb0Bj?\x92B,\x11\xe7\xa1\xeb0\xf6!\xb4\x12\xf5\xf1@\xb5\xf7p\xba\xa4\ns*a\xc2\x9c\x9f\x96\n\x0eU\xe2\xa1\x08\x91\xb5\xd3\x9b\x18\x0b\xb6"l\x02\x91R\r\xbeT\xc8\xeaz~\xf8\xb2P\xb8i\x17\xc0\x86P\xb3\x9dW\xee\\-\xba\xfb\x04\xa0\x06\xed#\xa5\xe5\xb9CS#_\x03\xd4\xf6\x1d!\xbf\xbcg\xc5\x9cE\xac\x05\t"\x11s\x04\x1b\xb3*P\xc1\xddBr\xae&gt;+\x1cWV}\x15\x9cF$\xce\x94\x98\xe6e\xa1\xf8\x88\xecW\x14\x97\x9f\x1a\xcf&amp;1\x05vf\xe2\xf6\xe2\xda\xef)]\x06\xe3\xd9\x9a\xe6\x97f\xe3n}u\xb9\xc7&gt;\x06P\xcd\x93\xf6\x9e\xdc\xd2\xabg\'\x07\x9b\x87r\x9d\xe6\xba\xf3\x11\xb8\x8dpI\xc9JD\xb2\x04\xb0\x16b\xa5\xd7P\x87#\xdc\x13\xe1{U}8r\x01\x96H\xa4\xf6vSQ{Q\x06\xc78&gt;f\x81O-\x13\xdf\xbd,\x14\xae\xae\'\x9c\x85\x7f\x05\x04\xfa\xac\xe3\xd6\xf8\xf8Y\xfb\xe4`I\xf3\xe0\xd8\xd9\x11\x84\x1a\x1b,)\x81\xad\x08H\x18\xf4`.8yHh!Sb\xa2\x9e|\x01\'\x16\x9f?|\x94\x92\xd4D\x01\x94\x04\xbe\xa1\xb9\x90K\xa6\xc4\xb7Z;\x9d\x91\xa5\xc6\xf7d~\x98\xfc\xa1\xecA\xed\xb5X\xf4\xa9\xfd\xc7\x97DJ\xe2\xd9\'\xa1&gt;\x0b\x1f\xb5-\xcc&gt;\x9bj\x1d\xb7#\xc7\xe0\xe4\xdd\xa2\xab\xe5\xb9#g\xc7\xc0\x93%O\xeeN\x94n\xa7\xb0B\xee\xfc[G\x0eD\xf0\x9dT\x1f\xaf\xc7EE&lt;\x8e\x7f\x0f\x11.\x89\x04*/T\xfc8\xb1\xca\x90\xcai(5\x86U(\x04\x1aF\x18\x9f\xe3/\x90\x89\xe1\xd4\xd4|j\x7f\xd17\xcc\xa3\xbd\x16#\xaf\x92q\xfb=s\xe4\xa3m\x9a\x07\x9f\x8c\r\x81\xa1r!\xe6\x81\xa9dpl"\xb7\xfc\xd7\xdb\xd1\x85!!\x05\xdbF;\xc8A\xcdBc\xe9\xf1\xc1$|\x01c!V\xc3\xfet\xb3\x19\xab\xc1\x1aX\x99\x92*\xa7\xb9\x14G\xbc\xdd\xfeSb\xc5\x8a\x1bq\xa7\xf7\x11\xb1I\x13\x19\x19\x11\xc9W\x8a\xcbL-\xd7\xa7f\xe6*ynu\x06`1!Q\x11(\xd8z\x84\xe9\xea\xc3\xdc\xdc\x91!b(\xf0\xe5\xc4\xc3\xaf\xb7\xfd\xe4\xad_\xec\xf8/\x1bg\x00\xdb\xc4}\x85q\x9f\x1dW\xf2\xce\xbe\xbbX\x1cH\x1d\xdb$\xa6\xe4\xe4i\x01$slPh\xc4\xaaD\xb1\x06\x12\x08\t\xb4\x90\x82\xc8\x80T\x86\xda\x1cF5(\xbe\xb4TG\xd0\xe6\x14+\x95&lt;3\x13\xd7\x15\xb2\x93x\xf6zs@fT\x909\xcb\xec\xd40\x12\x14\xe1jd\xcaZ\xc4\x82\x9aIaH\x88Hl\xea\xba\xf7\xde9\x01\xb4=\x12\xdf\xc5!\xf1/\xdf\xfb\xde\xfb\xdf\xd9\xbegp5\xba\xfe\xf6\xd6s\xac\xc3\xcdx9\xe7Nl\x0f\xa7\xdd\x97\xda\xcf\xe3\x13o\x10\xbb\xe1\xdf\xa8\xd7\x8f\xce\x00\x00\x0b(IDAT/I.:\xa6\xf8\xee\xaa%\xaaWz\xe8*\xa9\xef}\x1f+\xf1[\xfb\x9b\x86\x07p\x15\xdf\xb4\xaf\xa7\xe7\xc4`\xf5\x8bG\x98\xc9Z\x1b\x05\xa7\x03\xd4?jP\x90\xbb\xae\xae\xae\xd1Sw\'\x08\xea\xf1\xec\x8f\xba\xbao[\xadVR\xcb\t+P#\x13\xbeB\\d\xad\xc3\x87\xdf\xa5KB\x08k\xeb\xda\xf6\xe3m\xc0\xb5{\xf7Q\xdc\xec\xfd1\xc9\xb5\xa3i\x7f\x1da\xad\xfa6\x0e\x17\xd8\xdf\x03\xa7E\xf8d\x0e\x90\xe1\xeb\xd9\xc3\x83\x9b\x0b\x85\xc2\xcf\x06N\xfc\xa1o|\xf2\x9b[\xbd\xdfY~\x92\x16\x9d\xfe\xf0\xee\xe3\x89\x8b\x8f\xefP\xee&amp;\xb1\x0c\x11jnr\x14\xa0\x18\xa0\xb2\x8a\x12T\xa2\x85\xe4\x12\xee]\xe8\xc4s\x1f\xe0\x02[\x01\xd6G\x06\x95{m{\xfb\xf1\x8dG\x8f\xeenkk\x83\xed{\xe4.\xe0jj\xc5\xeb\xe4\x97\xa7\x1e`\x1f\xc5S\xc7M\x9b\x07\x07z\xf0\xc5\x8eu#U\x00+l\x1e&lt;\xb1\xaf\xfa\xf0\xab?-u\xb1\x7f\xff\xeb\xc9\x17\xc04A\x86B\xa6\t\xc3Q\x93\xd3\xa3]\xb7\t\x89\xb0D\xc0B.8\x94\xf8\xf4*r\xad \xb9\x9a\xdf\xfdh\xdb\xb6m\xbf\xf2\xb8\xddn\xe3*\xce\xddm\x1b\x0f\x1e&lt;\x7fp\xa3\xf1&gt;\xb7\x0f\xde\x1c\xea\xb0\xd1\x90\x08\x9a\x17Ac,\x00\xec\x04h\xf4\xfa\xeb\x80\xb2\xef\x87\xfb[\xd7#\xd9\xd8\x91\xb1\xc2\xe0\xc0\xc0\xe4\x83G\xb57Z&gt;y\xf6lbb\xee\x0edozrvn\x82rww\xf2\x1a0!\xcfr\x88\xceF\x0br\x01\x96\xeb\xe6\xe5N\xacF\xe4B,\x8f\xc7sh\x89\xaa\r\xa8\xda\xf1-n\x90El\x16o\x0e\xd9i\xae\x06\x8d#1\xa6k\x00\x1d\xd8}\xb0p\xe4\x08\xa0l\x1a8\xd1\xb3\xbe\xb5c\xa8o|a\x11\xc0\x06\xab\x0f\xbf\xb9\xf5G&lt;\xae~\xf6l\xee\xee\x87\xd7FG\xafQk@?\x01S\xf7\x8bL\x8c\x95a\xac\x12\xe7\\\xc2:\xc6\xdc\xb8\xdaY\xb3=d\xd1\xc0\xa2\xcb\xec\xda\x90j-!\xb6\xbd\x87\xef\xc2\xde\xdbu\x92\xa6\xc9\xd0\x84\r\x1a\xfdAC6V\xbd\xb2\x1eL^\x18#\xb2\xea@\xdf\xae\xa6\x8e\xa1\xbf\x8fT\x17\x00ss\xf5\xc1W\xb7\xa0Y\xcc\xcd~8=}m\x92\x16\x1b\xd0\xe9\x0e\xb4\x83\xdb\xd6\x97\xa8\x04\x86\x11%\x99\xb38-\x9c\xc1\xc5t\x13\x17\tv\x98\xe42\xb0\x0eB\xfe\xda/\xb9=\xd8\xf2\xd1eG?\xde\xfb&gt;\x0ea\xa83&amp;\x92,M\xb91\x06\xa6\xec_?&lt;\x80d\x7f~\xfat\xac0~nxG\xc7\xfb\x90KP\xac\xb0\x00`\xa6S\xa3\xd3\xa7fI\'h\xa2\xc8\xc40\xcc\xb2H\xb0\x877\xa2$\x89\xe0z\x0bW\xe3rv\xdf\xb8\xdcIg\x1a\xc0Er\xb9\x91\xab}-Bm\xdb\xb0\xed\x104\x0bp\xd8\xf1\xa3\xf7\xe4zs-l\x90\xc2\xba\xe7sxp\x90\x8b\r\n\xb10\xf6tjjj~j\xb1\xda\xb7k\xc7\x10\x82m.\x8c-&lt;0\x01\xd3E\x83\xe9\x14\xe4n\x89iI)\xc6\xf0;\xee\x88(\x17\xc7\x91\xed\x1bA\xaf\x03[\x1aV6\xd0i\xbf\x87\xb8\xdc\x97.\xb9\xdd\xa7=\x1b\xa0k\x80\\k\xb7n\xddz\xfe\xe6mG=\x85\x1d\xa7\x90\xd4/\xcdJ!&lt;\x9cMbnm\xddq\xae\xb0\xf8tj~~~jj\xac:\xbcc\xe8\xd7\x90\xc9ju\xcct\x11\x16eX\x95\xbf\xec\xea\xee\x16\x96\xa1D\xd1\xb8\xc5\x00\xa5\x18A\xb0J\x92\x05\xb9x\x10\x0c\xf4\x12\x90\xab\xa1\xbf\x7f\xe5\x96\xd7\x9aI.\x0f\xf4\x88\xd3\xa0T3\x9c\x115{\xdc[\xdd\xa7O\xff\xe6\xf3n\xdeaw\xd8\xed\x0e\x07b\x99q&gt;J\x1d\xc9Tg$\x16g\xe0\xd8Z\x9bv\x8dT\x17\xa70\x9e.V\xcf\rcYVGLh\xf2/\xb1A\x91"V#kH\x04*\xc9\xb2T\xa3\x12\x18P\x0cM\xcf\xf3\xbc\xc5\x02zY\xbbo\xbc\xd1\xd9\xbf\xa6\xbfa\x05.=\xb5\xd8yx\xc5\x96\x86\x86\xd5\x80\x05\x88W\xaf\xdc\x93X\x87\x11v\x1aI\x82,$\x15\xf1\xe0=\x18 Y\xd3\xd0\xba\x0f\xaa\x0bH\xb6868\xbcn\xbcP0\xcdMN\xdf\xefF[S\xbd\x89\xd6\x9a`\xc0\xc4\xf2H\xc5\xcb\xa2\xe0r\xb9\x04\xf8\xbe\x95\xe4b\x01\x0c\x0e\xa2\xc5\xee\x8f/\xff\xb4\xa5\xa5\x7f\xcbO\x08\x0b\xba}\xf3vz\xd9\xac\x7f\xf5\x06\xe8\x17\x9e7.\xdc\x93x\x16\x82\xc7\xe1(\x98D[M\'\x08\xb3\x19\xc8\x96\xb1\xcc\xe6z\xbb\x9d\x9a\x04\x81\x8d\xf7\xf5\x8d\x9b\xa6\xbb\x04\x0cr7\x89\x84u\'I\x1c\x07i\x83}\xf8\xd5\xb2\x15\xb8\x04\xe2\x82\x83A\x8e\x85\x93P\xc8\xa3S\xea\xfa\xfc\x93\xdf\xb5\xacixm\'@mC\xa8\xd5\r\xfd-\x00\xbab\x83\xe7\x10P\xfdU\xc4\xbf\x00\x02\xb0\xea\xcd\xb5b\xc4\xec\x01\xe1\xb2R\x14\xe8&gt;\xd8\xed8\t\t\\ \xb0s&amp;BBW\xe1\xc3\x1a\xae\x02\x9d\xc0RV\xc1\n\xdf\x13e\x96\x15Q/\xc0\x82\xff\t\\&lt;$\x05\xb8\x1a-\xf2\xfd+\xbfX\xd9\xd2\xbf\x1a\xb2\x08Z-Q\xb5\xf4\xa3|\x1e\xa4\xc2\xe08\x1e~\x00\xade3f\xf1P\xf6\x96\xb1h\xe2\x8c\x1ds\x0c\x8aAi\x80dP\x9a\x8b\x05\x93`4\x01\x06\xe5 \xc1$p\x04\xcb\xb8\xac"p\xc2\x9d2+\x8b"\x83i\x14\\a?\x9c\x01Y\xd00X\x90\x9c\xfc\xe9\x85\xb7^]\xb3r\xfb\xce\xb7\xdf\xde\xf9\xf3\x03\x9d\r\xaf"UK\xc3\xf6\xe6\r\xa8\x15gP!\x96\x9d\x9ce{\x1e\x00a\xb6\xd5\x942\xdb\xb0P\t\x106\xad\x1d\xc3\x08fB\x9f\x1bT\x0c&lt;n\xd8\x0f\n\x81\x9f\xac\xfeZ\x08 \x95/\xe4s\t\xe1X\xac\xa8\xc4K\xe1F\'\xa4\xd1\xc1Z\xe0\xb0\x90;y\xf3\x9f{\xdeyg\x0f^#\xf5\xd9g{`\x17b\xcf\x9e\xdf\x1e\xf8\x84\xa8\x00\x89\x83\x96\xc2\xa3\xb5l/b\xd5\xd5TB}0\xcc\x84e\xc6{q\xbb\xbe\xaf\xbahB\xb1\x0co\t\xbe\x98\x9aH$\xd4x\xac\x94\x0f\x87KqEM\xc4C\xfePQ\xc9FR\xb1\xb0\x92\xc9h\x19o\xb9\xc8\x00\x0e`\x81\xed\x1b-\xbc\xa0|}\xfd\x7f\xe3\xeb\xff\x84\x9c\x1cAY,D\xc5\x89\xb8\xa9\tdC\xc7\x13@=\x96(\xdc\x80\xe1\x8d\xe9A(\x18)6b\x02\xb1\x04\xa3\x0e\xfdJ4\x97\xf1z3\x9a\xae\xeb\x89x\x94\xe6\xedeKj%\x97\xd32Q%\xe8Mf\x83\x9a\xa6\xc2\xdf\xe0\x04\xb7\xf0x8\xc1\xf1\xbe\xc4\xa3G\xb7^\x8e\xeb\xd7\x83yj\xbc\x16\x0baA\xca}qU)\x86\\\x12\xd4\xa5\x03\rohd\xb0\xd9\x1d\xac1\xc9\x88p\x89\x1b\xc0L\x12/1\x86\xad\\\xa1\x92Z\xf6\xf6\x06\xbc\x9a\xa6%\xe2z \x19\xac\x04\xa2jDO\xc4\x12\xb9J\xb0\xac)\xa1\xa2\xae\xc7\x05\x17\xf4/\xac1\xb0\x97\x93\xe7\xbbf/\xfe\xfe\xe5x\xf2\x17\xd4\xca\x82\x0bh\xad@,\xa1P)\x1dLe\xb3i\xa5\xe8\x03ehX\x90\x81\x05\x8c\xc0\x85\xe1h5\n\xd4\xf84I\xb2\xc8\x18\x89\x0c+\xc1\xac\x9a\xca\xe5"\xa0\x8f\x029\x8b\x97"\x99\xa0\xaaW\xf2\xbeT&amp;\x9a\xd2\xbc\xc1l9\x97\r\x81\xf7\x9dN\xc3\xce\xb0e;F\xa6f\xce\xcc\x9c9\x03\x9f3\x14\xf3\xb3\xf7\xc5Z\x02-\xd4N\x1c\xacOQ\x8b1%\x12MF#\xc1\xa2\\\x8a\xc7\xe31\x9flge\x16&lt;\x07X\xb0\x0c\xb02}a\x94\x03~\x98d\xd9\xca\x88\x9c,\t._V\xcfEU%\x1d\xd5s\xe5x"\x90I\xa7re%\xa1\xe5\xb2\x91\\EI\x07\xbc\x15=\xe0M\xf8\xfd\xd0*\xb0\xabB\xa0\xbb\xd8\xa1\xea&lt;R-\xc5\xfc\xec\xa8\xb8\x0cE)\xacgc\xc1hJ\x89\xc5</t>
        </is>
      </c>
      <c r="M491" s="3" t="n">
        <v>45492.67826388889</v>
      </c>
    </row>
    <row r="492">
      <c r="A492" t="n">
        <v>1170954</v>
      </c>
      <c r="B492" t="n">
        <v>5981</v>
      </c>
      <c r="C492" t="inlineStr">
        <is>
          <t>Victor Hugo</t>
        </is>
      </c>
      <c r="D492" t="inlineStr">
        <is>
          <t>V. Hugo</t>
        </is>
      </c>
      <c r="E492" t="inlineStr">
        <is>
          <t>MC</t>
        </is>
      </c>
      <c r="F492" t="inlineStr">
        <is>
          <t>MC</t>
        </is>
      </c>
      <c r="G492" t="inlineStr">
        <is>
          <t>MC</t>
        </is>
      </c>
      <c r="H492" t="n">
        <v>184</v>
      </c>
      <c r="I492" t="n">
        <v>29</v>
      </c>
      <c r="J492" s="2" t="n">
        <v>38117</v>
      </c>
      <c r="K492" t="inlineStr">
        <is>
          <t>Left</t>
        </is>
      </c>
      <c r="L49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39df4778-2ef6-46cd-a4e5-7298b3afd4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b7\x8d\x83\x00\x00\x03\x00PLTE\xfd\xfd\xfd.(%\xf3\xb2~\x0b\x03\x02\x15\x0f\r\x13\x0b\t\x12\x0f\x0f\xfe\xfe\xfe\xff\xff\xff\x16\x12\x122,*\x0e\x08\x07.**61/\xf0\xaez2..\x12\x01\x01(&amp;&amp;\x18\x05\x03\xf8\xba\x91\x19\x17\x17k\x04\x06\xfb\xfa\xfa{\x02\x08\x99\x05\x10\x0f\x0c\x0c#!"\xf9\xc2\x9e\xf0\xb1\x84\xed\xa9u\xe8\xa3y\x06\x02\x01\xa0\x05\x12\x1f\x1d\x1d\xf8\xbd\x97p\x02\x06\x1f\x17\x14e\x03\x04\xe4\x9cm\xf7\xb5\x89\x87\x03\x0c\xe0\x98m(\x12\r\xf5\xb2\x84\xaa\t\x15\x1d\x11\r\xa5\x06\x132\x05\x04}F/\xaf\n\x16v\x02\x07\xf1\xb5\x89\x1f\x03\x02n;&amp;\xb5\x0e\x19;53A\x03\x03V\x15\x0b\x93\x04\x0e_\x1d\x0f\x8d\x04\rg0\x1f\xed\xa9|\xe6\x9duQ\x04\x05\xe5\xa0q\xdd\x8a\\\xc1|X2\x13\r*$":\x05\x04\xf2\xa6v\xdc\x96j],\x19X\x03\x04\xf3\xad\x7f\xf3\xb8\x8e\xbawU6(#_\x02\x04\xed\xa5yI\x03\x04/!\x1c&amp;\x1f\x1c\xe2\x90`ZTS\x7fyw\xed\xae\x84i\x0f\t\xc6\x81ZrB,\x8cS;\xd7\x91f(\x05\x03V#\x14\xafnM\xe9\x99i\xed\xb1\x8a\xeb\xa4t\xf2\xa9{\xe9\xb1\x8e\xe7\xac\x86\xe6\x94e\xb5rP\x84N6\x96U:\xdf\x9cr\x9a\\@&amp;\x1a\x16n$\x17\xe9\xa2q\x82\x02\n_\x0f\x08\xa8iKH*"d\'\x16\xf0\xed\xec\xfa\xf6\xf5"\x0c\x07\xf5\xf4\xf4z:\'\xec\x9dn\x90\x8b\x89@\x11\t\xb1\xac\xa9\xba\xb6\xb4\xec\xb6\x94\xf0@4r/ \xcd\x89a\xcc\x83^\xf6\xe5\xe0e7%\xd7\x83Xt\x13\x13\x98\x93\x90A:9?%\x1d\xa8\xa2\xa0\x89G1von\xda\xd6\xd3A\x1d\x13j\x1b\x0eJ\x15\x0e?0+7\x1b\x11\xef\xa1r^=1\xe2\xde\xdd\xd7\x98r\xe9O;\x869*\xe6\xa6\x7f\xc7\x8aj\xc5\xc1\xbemge\x88\x81\x7f\xeb\xaa\x81\xa0aDR)!\xa5dGK \x13\xd3\xd0\xce\x82\x11\x12\x81+$\xf2\xbc\x99\xe0\xa1{\\.$\xf0\xa9\x81\xab\x1f"\xbf\x83d\x8e\x16\x17\xf9\xef\xec\xc5vQ\xd2\x8bc\x92\\B\xaeuX\x98" GA?\xcf{S\xddK9\x96hO\x90L2\xa0\x9a\x97\xcb\xc8\xc5SMK\xbd\x12\x1ae^\\\xbenJ\xf3\xc3\xa7\xb4eFpJ9\xd7\x8bi\x86]J\x979,\xe7\xe5\xe4\xa5;2\xba!!\xff\xfe\xfd\xa8\\@\xdf\xbf\xb8\xb6=3\xc5F5\xca,\'\xe2\xae\x8f\xdc\xa6\x83\xd2J8\xd1\x91l\xbd\\V\xe9\xd4\xd1\xf5\xda\xd4PFB\xd4\xb8\xad\xf0V?\xe4\xb7\x9c~ \x17bK@~R?\xb1}`\xe0\xcd\xc8R9-\xa0\x13\x19\xcb\x94t\xd4\x9bz\xa2NF\xd4\x86\x88\xf5\xd0\xc0\xb9\\:\x9fq]\xf9\xcb\xaa\xe8_R\xd8\x95\x97\xe8\x8f\x80\xcemh\xc2\x93\x8b\x8f+2\xab[`\xbcKH\xd5ZI\xdd\xab\xae\xbc\x8cp\xe5}p\x95H@qXK\xe60+\xd4\xa7\x8f\xd0\xa4\xa3\xbbpv\xf3\xae\xa6\xe7ob\xd0mF\xef\xa2\x97\x87g`\xa4\x84\x83\xb1\x95\x87\xd9\xf4\xcc\xb8\x00\x00 \x00IDATx\xda\xacX\xddS\x13Y\x16\xefT\xd2\xd3\x89\x19j\x99\xcc\xd2\xe8\xae\x05:\xb6(\xc1\x06\x06\xb3\x05\xe3\xba0F\x02\xce\x801v\x08(\xca\x0cB-~\xb5\x1fC\x05#\x91X.\x05E\x88\x04*@\xac\x11\x02\xca\xa4\xca\x91\xb2\x8a\xd1\x82RBI9k\xe5\xc1\x97\xdd\xf2\x81\x17\xb0,\xf7a\xfd\x03\xa6j\x9e\xb7\xf6\x9c\xdb\x1f\xe9\xb0:\x82\xee1v:\xf7v\xdf\xfb\xe3\xfc~\xe7\xdcs/EQ\x0cC\x19\x19\xbcR\x8cQ\xfa\xe0O\x8a"_x\x81+6\xc0=\x18\x83?\xa4;J~\t\x0c\xdf\xa3p\x182\x92\x91Q^"}xK\x06"-d*\xb5C\xeaSG\x94g\xc2\x91\x8d\xb2\xa5\xee\xc8/cZ{Z\x9f\xa6\x83L\xc1\xa0\x01,\x8aeq\xc8\xf4a\xd3\xdeeV\xbf\xff\x16\xa3\xdei\xefx\x84e;\xe0\xe3#\xe6\x8dF\xbd&gt;\x96\xb4\xbecP\xe6\x9d\xd3\xe2\x1f\xca0\xa9\xbf\x12\x7f1J\xa3B0\x93\xd6\x87O\xb2\x00\xa3\x03\xae\xc9h&lt;\x1cM\xc6\xbbB]\x81@_\xfd\xfc|(\t\x18Yt\x9b\xf4F\xeaK{kTfH\x9fP5Jf\x88&lt;(\xf3\xc5(\xfef\xb4_\x9a&gt;\x86\xf2%\x13]}\xa1D2\x1e\x08\xc4\xc3\x89.\x7f\xcc\xe3\xf1,x\x82\x0e\x9d380\x1e\x08E\xbd^\x96Q\x07"\\\xaf\x1aZ\x99\x81Q\x1fK#\xf8\xdd$\xbe\xc9\xdf\xde@}_W\x00\xd1&lt;\xae\xf7\xfb\x07\x1e\xcf\xea\x1c\xbf\xcb\x08f\xe8D\x03\xaf\xd3\x05\x83\xc1\x01\xff|\xdc\xc7~(\x89\x8c$\x7fF\x89-F\xc3\xa7t\xa7|\xa4\xbe\x8eq\x8f?\x9c\x1c\xaf\x0f~\xb2\xf5\x0f\xc1\x8c\x8f3f38\xd3Gn\x07\xc7\xb9E\xf8\x0f\xdf\x91`\xe9\x82\x7f&lt;\xd9\xa1\x10%\xcb@\x1d\'m2\xadb\x14))aO\xfe\xc9&gt;\x95-\xc5\xae\xeco\xa32\x82\xb7o!\xec\xedZ(\xfd\xd8m2q\x1fm\xe2\xb6\x02\x18\x13\xe0\xc1\x8b\xc9\xc0q\xbc(\xf2\xdcl(\x94\xf0)\x0422\x8d\xa9\xa1\xd4\xc9T\x9e\x8d\x1a)Q\xefcI\xbf\'\xee\x0f\x9a\xb6\x82\x99\x0cf\xb0M\x06\x13M\x1b\x0cpO\xe3\x1d\'\x1a\xe0\xe2\xf1\x8fG;X\xea}Mr\xa8\xc6\xaf\x14E\xa5\x02\'E\xa2\xd2G1\xbe\xae\xd9\x81R\xd3\xa6\xadn\x87\x03\x9c\xa57org\x94\x82\xa7\x0c\xb9`z\x80\xc6\xf3\x063M\x8b\x1e\x88\xceD&lt;\xd9!\xd1\xa2\x11\x87B\x944o\x8aDJ\xcb\xb1&amp;"T\x12\x95\xf0QIT\xfb \'y\x13\x13\xa5\x11\xc1\xcd\xb99\x138Ko6p\x8e\r\x00\xcbD\xe7\x12\x03\xef\xd14|h\xc130\x91\x88\xc6\x93,\xa3\x1dZ\xa3\x07\xa3\x86D\xb9]\x06\xf3\xe6 \xf8\xcd\xfc\x99\x0c\xd4\x97:\x9d\x11\xa7\x8eC\x06\x01\x05(\xdd\xed\xe6\xe0^\x8f\xde2q\xb4Y\xaf\x07\xa7\xe9y\xd1Y:\x11\x08\x05\xbc\xefO\xa16l\xa5\x065\xc3Q\xa9h\xc2\x0e/D\xa0\x1bP9\xd1A0\xb9\xd9\xfc{\x13(\x1f`\x01\x16\xc0\xb5\xc9@\x9b\x89\xd7\xf4\x99\x16\x0b\xed\x88\xc5B\xd1\x0eyhU\x12\x94\x1a\x85\xea\xbc\x0c\xa5I\xb0\x84D\xa3&amp;\xfc\x98\xb4@d\xb4\xe9\x90\xb4Pl|b\xc9!DJ\xdd\x1b""\x88\x1c\x94\x8e\xa4\x01\xa1\xb4&gt;\xd7L\x13\x8f\xe9Q`\x80\n`Yh\xdd\xec|\xd8+\xa7u\xa3\x96D#\x93\x1e\xa6\n\x89\xf2\xd2\xbf&gt;c\xa3\xf3\x0b\xe0\xaa\x88\xc09\x1d\x80\n\xf2\x94@\xe7\xea\r\x82\xc0\x03"\x08F\x93\x81F` .\xb3\xd9b\xb3\x80\xc6\x1c1`q=S\xbcM[\xd4\xdb\x04\x87zO\xc4"\xce`D\x07p\x04\x8e\xe4O\x01\xdce\x10\x05\x8e8\x8d\x07\\\x04\x16\xa2\xb2d\x82\xc6,\x06\xa1&gt;.-\xe0\xcco\xa4w\r\x12\x99d)}\xc9%\x92R%1jl\x1a\x95\x9a\n\xff\x08o\xb8oV\x04o\x89\x06Nt\n:7\xc7s\xa0pH\t\xf0\x05!)\x8a\x10\x80z$\x11\x01\xd9\x00\x16\x10\x99\x19\x89\xf9Cq\x1fE\xa9\xa5\x964\xa0\xbc6\x1bS\xb3I\xf5\x9d4\xe3:\x0c\xd6\xc2\x81%\'\xc2rC\x1a\x17\x9cN\xb7\x81F\xa9\xa3\x9bx\t\x1dfT\x1as\x17\x01\xa4G\\\x99\x99\xb452\x90\xf0\xadg\xaa\xf5$\x08\xd6\x1b\xf0\x08NA\x8c\x04\x9dN\x81\xe7EA\xe4\r\xbc\x08\xde\xa1\r\x00\x13\x80\xa1\xa2h)\x0883\xe2\xd1#.\xf4\x995R\x1ff\xd7\x9b"\x94ROV\x9b\xecOr/E"%\xa9=\xe4q\x8b\x82\x00\xec\x89"\xc7\xd3\xd6\xfe\xdb\xb7\xef\xf64\xb6\x03\x1c\xc08\xdc&gt;\xccK.\x03\xed\xebi\x90Zf&amp;\xc1\x85\xa82y!\xd8\x97\xa4\x18\xb9v6\xaa\xeb\x85\\.Q\xa9\xdaY-\x1b\xd6\xea\xd7\xf0\xc4\xacH\xf3\x82 \xa0\xab\xac\xc3\xd6\xc1c\x07\xf7\xcf\xec\x9f\x99j\xec\xaf\xeco\xbf[|\xacgX\xb4\xf2\x98\xbd@\xf3\x06^\x86\x95\xab\x97\x89\xe4\x97\xba\xbc\xec\x07\x91\xf8f\x8b\xd6\xcfF\xdc\xb4A\x82e\xb0\xf6\x0f7v\xb757\xb7\xd5\xd9{\x17\xcf\xde:\xd9}\xf4\xc9\xa9\x9ev+o\xb5\xa0\xd1&lt;d\r\x1a\xc0\xe4\xca\xb0\xc0*=]Qv}$j\xca\x1c\x95D\xb9\xc5(\xdfy\xfb&lt;\x0b\xa5\xe0&amp;g\xa4\xbf\xbd}\xb8r\xf8v\xe3\xd1\xe6\xe6\xce\xce\xe6\xb6\xb6\xba\xba:;X\xef\xcc\xad\xe2\x9e\xf6\xc1\xc1\xc1\x1f~\x18\x1c\xac\xbcd\xb1\xf04\xd1\x96\x8c\xcab\xe33&amp;\x92i\x93)\x15\x01\x99\x82P\xa9\xd4\xa6k"\x11\x9fa\xc7\x07b\xb3\x9049g\xfb\xe8\xa9c\xd7\xcf\x9e\x9e\xean\x1e\xa9\xae\x1e\x91q\x11h\xbds\x8bS\xa7\x1f]/.\xfe\xd3_\xbe\x19\x1e\xae\xb4^"\x82G\x83\xa0\xb4Y.q\x19~\xef\xeaq?\x88\xc4\x0e\xd6\xeb\xf7xJA\xe9\xa20:5\xd7\xdbk\xafk\x03T\xad\xad\xe5-\x80\xab\x19\x0c\xc1\xd9\xed\xdd3\x8b\x8bO\x9e=;}\xfd\xf2W\x83W\xae4\xd9\x00\x91\xcd\x82\xb0l\xe8/=\x1d\x0c\xac\x9dF\xa3\xba\x80b\xc8\x91\xf80\xaa$\x12\xdf\xb2\xe1d4\x16\x0cn\x10!\x0e\xfbO\xcd\xd9\x11T\'\xa0\xaa\xd9\xbcy\xbau\xa4\x13\xadY\x92\xd9\xdc\xd1\x99\x19\x04\xf6\xe8\xf2\xb5?\x7fq\xa5\xaa\xa8\xc9VDp\x81\xe8!\xbbf\x8a\xf5&gt;Y\'\xd2\x9cjb\x95\xf8\x93k\xe5\xb7G"\x95\x9eE\xe7\x03\t\x8fN\xa7\x13\x05g\x7f\xe3\xc9\xde\xba6@U]\xddZP\x0b\xb6{\xdau\xbe\xf3\xfc&gt;\x80\x95\xdff\xef\xed\x9e\x9b\x03XO\xd0_\xe7\x86.~\xfd\xe5\xe1\xb2\xaa\xaa"\x1b\xd1\x98\xa5\xc9f\xb1\xc6|\xff\xc7HLN\xc4&amp;&lt;n\xc1-\x82\xb0n\x11\x02QW5\xbb?\xbds\xa7v\xf7\xe6i\x17Q~[\xdb\x01\xf0\x16\xc0\x9a!\xb0\xae];7td;\xd8\xa1C\x87m\x902\x90H[\xe5\x80o=\xf5\x16\x93\x1e\x93\xda\xdd*\x89\xc2\xd0\xec\x06\x87(\xb8\x85\xc8\xe8\xfd\xa3v\xe2,\xa0psm\xedg\x9f\x11X\xe7;\xf3\x10\x17\x928\x83$&gt;9\xfb\xe8\xfb\xcb\x08\xebHVV\xd6\xb6\x92\xac\xb2\xcc\\\x92\xbbl\xfd\x13&gt;M1\xae\xd9\xcf*[-5\x8f\x1b\xd5\xb5RS\x05\xa9\xbbU\xa9\xaf#\xee\xf78\xdc\xb0\x06FV\x0e\x12_\x01\xac\xd6\x9a\x82\xdd@a\xc1t\xb9k\x04\x1a\xf2\xf2P\xf3\x08kqq\x11\xb4\xf5\xfd\xe5s\xe7\x86\x86\x08\xac\xec\xecCE$\x18-\xb6v?\xcb\xa8\x1b\x1d\xed~V\xb3\x8b]\xe3\xf6\x15\xcd\x17\x0e\x95\x82\xb0\x9c\xa3\x0f\xff\x86\xa8\xd0[\xae\x9a\x82\x82\x9a\xd6V\xd7\xc8H3f\x886T\xbc\x0c\xeb\xc9\xbfO+\xb0\xc0_\xdb\xb2/d\x7f\xd9d#\x16\xe9b\xd7SI\xa52\\\x1a\x89\x94R4S\x1d\xf1%\xb7[h_yp&lt;?\x0f\xe2n\xc4\x05\xc9\xa1\xd5U=\x02y\x8b\xe0\x01\\\xc4[\x04\x17JK\x85\xb5m[\xf6\xce\x9d\x87\x8al6P\xbcm)L\xa5mhS\xcci\xce)\xe4m\x90f\xd7\xc8\xfcOq+oK\xd8\xf0\x12\xd4}/W\x0e\x1e\xa8\xc8ii\x81(l\x85T\n\xa0\xa4lj\xef\xc54\x8f\xa8zI$&gt;;-i\x8bx\xab\xe4\xc2\xde=%e\x08\xcbf}\xec%\xa2\x91f5jv&gt;T\xeap\x82\xb0\xbbF\x8f\xb2Q(i\x9c/W\xf6\xe7W\xb8\\.\xc0D@\xa5`\x11\\\xf6\x14.$qh\xe8"z\xabd\xe7\x9e\x8d{\xd1]\xb6u\x04\xa2B"\xa3\xdd\xc8\xae\xdaf\xe2\xb1QbA\x88\xbc\x1c}\xf8\xbc"\xa7\xbc\xbc\x1c}U\xed\xaaF\x03d$\x04%`\xbdv\xc2#\xc9[\xd7\xc0Y\x17\xb7\x1f\x01\x0e7n\xd9XR\x86\xea\x12&amp;\x94\xad\xacF&amp;)\xfd0\xdaf\x89DJ"\x8fJ\xdb\xfa\xa8\xccBY\xba\x04\xa8~~\xf1#\x80\x9a\x9e\x06\x9d\xe3\xca\x03\xa2/\xa8\xa9q\x81\xbc\xea\xec\x8aa4\xce-"\x8b\x08\xeb\xc8v\xe0p\xcf\x96\xc2-\xd9\x87\x8b\x9a\x9a\x9a\xfa\xfbXJ\xdd\xaa\xa6\x1fx\xa4N(\x94\x9a,\xed\xc8\xe9\xcd\xe7\x86\x94o|!2:\xfatl\xb2a\x12\x80\x9d\xef$K\xcf\x8e\x1d\xb5\x9f\xd6\xee\xa8)o\x91\x82\x11\xe3QJ^$C\xc8y\x0b\x9dUX\xb8\xf3k\x84\x05$\xbe\xfd\\r\xd5!\xa5\x84O\xf2\xa1\xb2\xc5\x90O\xec\x88;Q~\x0c\x1b\x7f\xbc\xb4\xbc\xfc\xfa\xc6\xe4\xe4d\xb9\xab\x05V\x9b\xf3\xae\x1aH[w\xfex\xa7\xb6\x16\x16\xc6rW\x1e\xa4\xae\xfc\xbc}\xfb*\xf2\x0f\xfc\xd4=\xf3\xed\x14\xb2\x08\xb8\xb2\x90\xc3\xc2\xc2\xc2\x8dYe\x80\xab2\xe6\x95\xcb\x18\xed\x14LJ\xf2\x8a+\x8dT\xda1\xd1\xeas\x08\xb5\x81\x8a\xc6\x96\x97\x7f}q\xb3\xa1\xa1a\xd2\x95S\xb1\xaf\xa5\xa5\xbc\xe1\x04\xd8\xd5\xab\'p]&lt;\xb1y2\'\'\x07t\x97\x93s&amp;\xffx\xf7\xfe\x93\xdf\x9d}T\x8c\xcb\x0f\xa6\x87-\xbbv\xed*\xdc{\xa8\xaa\xa8hp\xc2\x97:\xdbH\x0fyFe\x8dY{:\xa5\xd8\xe4\xc0\xf2\xf2\xc3\x7f\x01\x90\x06\x02\xe0\xc6\xf3\xb1W\xaf^\xfdro\xec\xd5\x8d\x9b\x7fE|\'\xb0yr2\xa7"?\xff\xef\xdd\x07\xbf\x9d\xba\x7f\xaa\xf82\x81U\x82\xb0&gt;\xff\xbc\xf0\xc2\x97UU\xb7\xff\xf3^\xe7J\x0c\xa3=\x8bH\x9d\x15`\xc9&lt;\xb0\xb4\xfc\xe2\x9fW\t\xac3\xcf\xc7\xc6\xee\xbd~\xf8\x94\xd8\xc3{\xcf\x7f\xbc9\xd9\xd0\x90C\xac\xe2\xc0q@\xf5\xdd\xfd\x95\xc6\x9e\x9e\xbb_}\xf3\xc5\xc5\xed\xdb@\xf2\x88kc\xd6\xe1\xb2\xdb\xf3\xac&amp;\xfa\x99\xf4\x89\xa8T\xdd\xa2\x146F\xcd&gt;[C\xa2\x1c\xa7\xf8`\xb2~\xe9\xd7_\xfe\x01\x9c5\xdc\xbcq\xef\xc1\x83\x17\xaf\x9f\xae,\x8f\xbe|9:\xfa\xf3\xfd\x07c7*\x00P\xc5\x99\xfc\xfc\xfc\xe3?u\x1f}\xf0_F\xcd5\xa6\xc94\x8b\xe3o\xc8n\xde~\xe2\x03M[\x12*!%P\xda"-\x946X\n\xadK\x03\xb4\x85\x85&amp;f*\x97\x82@+\xb7\xed\xcaE\x10\xc2\x0e\x19.61M*\x03\x8c\xa1L\x02\xc2T\xa0Rn\xc6\xc8lX\xae\xcen\x87M0\x8e\xee\x06\x9c\x99\x1du\xb8dv\xd1\xc9\x981\x8e\tQ\xf7&lt;\xef\xdb;\x05}?(\xc5\xc8\xfb\xe3\x9c\xe79\xcf\xff\x7f\xce3\xbb\xd2\x7f\xfdJ/\xe8S\x85\xa2M\x93\x17\r\x8b+1Q\x9c\x18\xa7\xd2L\xfc\xc5\xd3S\xf2Xc\xbf\x8cz\x1a\xf6\xd8q\xfb\xc1g\x94p\xe9\xcbGk\xfb\xed\x8054&gt;\x08Ts\xbbw\xee\xac}\xbb\xd2\x0fX\xdf\xde\x99\xeb\xc8\x96\xc5\xc6r\xb2Wgf\xd0\xb2\x9a]i\xb8\xf2\'pia\xbf\x0fk\xd6ejT4)\xc2\x12\x87\xc7h\xfa?\xa6\x1f\xfd\n\xff\x9d\xe8=r\x8e\xe9T\x00\xfe\xe7\x7f[\xdb\xdfl\xd7\x97\x19\xae\rNN\x0e\x0e\xbex\x01\x89\x9c\xab\x9f\x9d\x9d\xad\xad\x9f+\x80\x932\x16\x96\xfa\xf4t\xe5Hu\x95\xa8\xa1\x97{\xf2$i+t\xfc\x14\x8d\x8a\x11\x05T\x0b\tI\xaa\x95/0\xff\xb4\x1c#\x03q\x1f\xfb\x8a\xfb\xe49`\x8a\xf1\xd5Go\x10\x96\xfe\xde\x93\xc7\x8f\xaf\x8d\x1b\x0c\x06\xeb\xf8\xb5\xe2\x8e\x8c\xdc\xca\xca\xdc\xdcN\xc0:\x1d[&lt;\xbd&lt;\\-\x10)G{\xb9\\\xae\xa2\xd7r\xc5\xd2\xab\xe0\xf3S\xe4y\xd1\x92D\xf1\xc2B&lt;\xa3\xee\xcdE\x1c\xff\x90\xce\x1e\xf6\x01=\x08\xd7/\xd6\xf4\xe5\xae\x0b\xeb\xc9\xb8\x15A\xd5\xdc\xef(@P\x19\x19\x053\xd9\x9c\xd3\xe5\xa7\x8b\x17\x01\xaa\x04X\x00\xe9\xfa\x84\xa8\xb0P\xd4]\xd2\xd3\xa3\x8aIbH\xe2\x01+\xf1\x82\xf1-=\xf0\xa7\x1e\xf5\xc6\xf77\xf3\xdd\x1f&gt;~\xf7j\xb3\xbd\x1d\xb0\xee\rYeP3;\x06\xbf\xab\xaf\xad\xae\x1d\xa9\xcc\xe8,\x8e-\x0fU\xa7g/\x9a\x95\x16\xb0a\n\xcb\xe8\x84HPU%(\xecF{\x11\x1d\xd5\x04V\xdc\xc0\xbf\x83\xbc"\x08\x02\x1e\x04\x02\xf7\xcd%\xb2\xaf\xae$:\xbf\xd8\'\xb06\x0c\x86\xc8\x9a\x99\xdc\xd2\xd2\xef^\xec\xa22 \x18\xae,(.\x87\x83\x88\xc7Y\x14\x8c*\x9a\x9b\xb9\xbd\xa3\x13\x85+++\x10,e\t\x81\x15\x1e\x85\xb0\xe2\xe3\x9e~\x15\xe4\xd7%\xbd\x95\xfb\x1bD\xbd\xc70\x0c;n\x17\xe2\x18\xb9S1\xdc\xe9t^\xfc\xed\x15\xecDH\xa3\xb5\xa6\xa3r\xb8\xbe~\xad\xff?\x7f&lt;\xc9m\xe8\x16\x8cdd\xa7\xb3\xa9l\xf5\xf9\xc5\x96Q0\xd3\xdc\xde\x86\xfe\xb5\x97\x8f\x1a\xae\\\xb1Xzzz\xeah\x17\xa0n!,\xc7k\xbakj\xe8v\xce\xc7\x9c\x89\xc7\xa4\xd9\xbbE\xe9S]SM\xeb\x1bz\x82+\xb28\xa3tD\xb0\xf2\xe6\xe5\xa3OO\xf6v\x17\x8a\xaa\x0b\xc6\x99l\x9e\xba\xf5\xf2\xce\x00\xc2jV4\xf4\xbf|\xf4\xaf\xdf\xa1\xaf2S4\xf2\x18F\x94X\x8c\xb0\xfe\xfe\x1b\xe6\xfb\xb3\x03\n\x80\xcf\xb9\xe7q\xa9\xc1\x93\xe8)\xc3\xf4\x87\x9b\x1b\x9b\x0f\xd67\xf5z=\x1c3\x91\xc5\x05\xf5\x82\xc2\xdd\xfd\xb7\xfd\x16Kw\xd1l\xd5\xf0}-\xb3"\xab\xef\xfc\xed\x9d\x81T&gt;\xc0p{_\xbe{\xf9\xe9\xc9f\xaeB\xc1O\x81\xfa\x90\x14\x8e\xb0\xc4\xf1\xdf|F\xf7\x0e5p\xbf6\x84\xf7e\x14w6\x8fJ\xa2\xf7_\x9c]zN~k\xcd\xbd\rD%\xd4FfwV\x96\xe6\x0e\xbez\xb5[TU42\\?Y\x93\x1e\xda\x97\xd5w\xe6\xf6\xce]\x93\\\x17\x96\xccmX{\xf7\xe6\xba\xc5\xd2;jj\xd3\xf13\xe5\xd1\xe1P\xe3\xc5\xe2\x9b\xaf?\xfb\xeb\xe7\xdf_\xc4\x02\x92ud\x12\xf1C\rp\xbf\xd9\x05\x08\xf9\xed\xcb;\xb1\xea\x8at(VZ\xa1\x90\x19\t\x05\x9dS3\xbe\xb1\xf9\xea1\x9c\xc9_\xe7\xaer@\xdc\xab\xb3\x10\x96-:%,\xac\xb7\xbb\xe8\xce\x9d\xaa\xc2\xee\x89\t\xf0\xfb|\xbe\x86&amp;\x81#1Q|\xf3\xe9\x9b\x89\x92\x81\xfd.\xcc+\x03=n\xc1G\x18z\xb5\xfc!s\xedj\x04\x92q\xa5\xe0MK\x07;\x1c\xb0\x85e\x06\xabV\xc8\x0b=q\xe2Dyy~\xbe\x15\x96~\xee\xf2re\x07\xa2\xcaRW@\x12\xef:\xa44]\x98BYXT[$(LS\xa6\x9e\xa5\xe5\xc9\xe5\xb4\xb8p8\xab\xc5\xf16\x8d&amp;\xc6\xf6\xec\xa7&amp;\xcc%\xf20\xcc+\x87]\xb3s\xa2\x9fD\x08)\xdf\x91z\xf0\x1c"\xac\x83|j\x0e\xb5\xccje\xf2\x84!\xa1\xea\xd0\x8aP{\xfaP$\x07\xce\xe5\xceU\x0e\xe18\xd4\x15\xe7n\xef\xdcrDI\xe5\xc9\xcd\xa3\xdd\xa8j\x89\xd2\x1a\x01\x8b\x16Ch\x88\x84xtV\xc7\xd0\xf2\xa2\x9f\xfb\xa7\xf1\x88,b\xef\x17\xb0\xce\xa6\x88\x83\xdb\xf6\xbd=V\x99u\x88\xc9\xe4\x85\xa8CCxl$\xfe\xb4H]\xc9\xf2\xd5\xe0bA\xd9\xc3N\xbc%\x013\x91\xd9\xdc\xab,\x14\xa0&amp;Wcc\xeaU\xd2\x91\x81n\x06i\xc3\xa0i4y\xcf\x1e\xd0?H4\x07\x99\nP&lt;u\x96\xd0\xd3S9\x07\x97\xd5\x80\xa5\x1d\xd22\x99\xcc\x105P\xb1\xa9T*\x9bi\xcf\x07\x1b\x8b\xcc5\xf2@\xe7\x08,\x08\x97NQ\x02E\xbe\x08\x02\x06J\xf0\x13\xa3\x89\xe1\xc2\x8aJ\x92\xa7\xa4\xa8n\xac\xd3\xfd\xba\x81\xee?Q\xdb\x01\'\'\x04\xd8\xe1F\x92\xcf\xb4\x80\xe8\xfc\xc2\x07\xe7\x94\xfd\xe02/""\xc7\x00T!L\xb0;\x80\x05\x8f\x90\xadV\x83\xf9a\x13X\x15\x04Vxx\xb8$\x86\xcf\x85,\x16UW\xd7\xd6V\x17\x99[nl\xd9\x00+\x01V\xbdT\x95\x82\xb0~\xa1\xfbV)\x8f\xe3r\xd9\x1e\xb7\xd5\xa2\x1c\xa7\x80H]\xdd\xd5\xb7s\x9eJ\r\xf9\xf3P\x99\x10\xa2%\x84H\xc1Q\xc3\x06\xd3C\x12\xaa\x01\n\xc8\x88$\x02\x16\x8d\xaf\xb3 \xac\xdaa\xe0\x9a7\x0fl\xd9\xe2\xa4p(\x82\xde\x82"F`\x05y\x1b~8\x89x0?\xeb+l\xba\xf2\x0f\xb4T^k\xb9V\x0f\\9T*+"\x82EE\x0f\x1b%\x93\x8d\x16\x16\xac\xaf\xbe?\xc0\x92\x97H$\xc4\xe2BX@\x05v\xf1\x86\x0b+1\x0eR\xa8\xd1@\x12\x9b&gt;L\xc0Sp,\xe8\x15\t\xd7G\xc0b\x9e\x11\x86Td\x85\x94\xe9\xdb\x85B\x04\x05\x0f\x0b\x1e\x82\x8c\xcaSg\xf5e\xf1\xa8,!g\xf1\xae\xe3B\x12#\x9a\x9f\xac\xb8^h\xae\x86g\x1e\x82u\xc3f\x93J\xa2\x12\x17\xc4R\xc0\x92\xcbU\xcf\xbe\xa7\xfb\xea\xf5#\xbb\x91\xde+\x18\x875,\xf1\xc99\x95\xd3Z\xd1\xda\xc7\xa3\x02V\xfb\x18I\x05\xe1"\x03\x06`\x90D\x1eko{I\x06X\x0c\x1a\xed,?\x99;*BX\xf3f3\x11,Ix\x02\x1c&gt;(\x89\xf2\x98\xbc_\xbb0_\xe7u\x94h\x0e\x96D\n\xee7x\x99\x1a\xcbo=sN\xc8\xd2\xb7\x8f\x8d\x8dE\xb8\x1f\x88\x16k\x8cL%D.\x82\xc4\x8aK2\x99P\xe5J\x13\x98\xe7\x89X\x11X\x10\xac\x05\xa8\x0f\x80E;\xfb|\xea\xd0\xa8\xd7wh\xe7\x1d\xc5R\xfc\x93\xe6\xb9\x17\xe5\x99\xa65-\xc1\xc29\x93\xce\xd2#.\x82\xc8\r\x86\xb0X\x11{{\x11\xf0W\xd9\xea\xf2]\x87#\xce\xe6\xb0\xe9\x92\xdb\x94-\x08\x0b\xad\xac-\x9b\x14\x05k!1\xea\x82\x06\xceG\xd3~\x93\xf76\x86\xf7\xd2N\xa0\x8e\xc0\x82\\}\xf2\\\x89qW\xf9=\xb5\xba\xb5"\x9d\xea\xc5\x02\xae\xa5\xa5%\xf4E\x0e`\xe9\x9f&lt;\x19\x12\xda9\xd3\xd57\x1c6\x06\xc3\xf1Cf\x98\x0e\x85\xcbL\xe6\xd0\x83\x85\xa2\x95\x04e\xcb\xdd\xd9\xf2\xb9\x85\x85\x07\xe9A\xe0\xbe\x97\xa1|\xef;\xb8w"};]\rK\x1ba\x11k\x8bED\x0b\xb0\xd0\xaag\xb1\xac\x95P\xa3&amp;W3\xbe6o\xd5iR4&amp;\x07?,\x19UT\xb3Y\x80\xaa\x96\x94\\Z\x84\x7fU1~%\xe7&gt;\x87\xa4\xb2\xf7\x1b\x14\xef\x86\xa0\xf8t\x08]\x89\xf4\\a\x02\x05\xf1\xd0^\x81*\x81a\x03\x85\x0b\xedA\x16\x99G\xa0b\xb3\xa8\x9c\xe5\x91\xb9\xb9\xc1\xfb\xf5\xf3\x03&amp;\r\x1f\x84\x8c*\x19D\x97%\xad\x05\x8a&lt;`9$\x84f\x16\'J\xf2\xf2\xf2h6XZ\xde\x9bh\x1e\x9b\xe5;n%Jj\xc0m7\xefH\xdf+;`+\x8e\xa1\n\xc56\x186P\xb8\xd0Zg\xa1d\x8e\xb1\xa8\x886}u\xd5ZVv\xad\xde\xbcuV%\x97g\xf2u\xc8 *\x94"\x84E\xac,\x90\x0f\x0b\x89\tRZR\x12mk\xbf)\xe0&amp;\x1d\x1e4\x8d\x1f2\x8ar6m\xa3:E\xd5\x1aP\x1a\x89\xca@\xe4\x91EVT\x9e=\xd2^\xa6\xad\xc9\x186\x1b\xcf\xc6\xc8\xf9\xba\xe4d\xb0\xadmJQ\x8b\x0b\x0b\xce\x1d\xf1B\xbc\x84A\x8bf$=[\xa7\xbf\xd7\xff\x1d9\xd9\x0f\xbc\xb0\xe1\x9c\xda\x8e\x88\xa02\xadH\x9f\xeas\x88\x82\x85\xd2\xe8\xc6\xe2\xd9\xedv\xeb\xb5\xc9\xc9\xb9"c\x9d\x1cMSt\xfc\xb6Q\xc0j\x11}\xb2e\x83\xea\x00\xd2T\x1c\xc5\x88Q\xc5\\p&lt;\xef\xc2\x82\xde\x05\xf1\xf6G\\P~\xdb0\xe0\xfe\xa2g\xb7\x00\xd7R\xfb\xe6\xe6\x06\x81EVQ\x82\n\x9d\x8dl\xbb=\x1f\x14\xce`\xee\xe4\xe4HK\xea\xa9S\xa7zz\xda\xdazJ\x94i"\x11\xc8\x07\x1b\x19,\xb14O\x95\x17\xfd\xc3\xcf\xbf\xd0\x9d\x9e$\x1e\xb1\t\xc9\xd6\xc8{-5\xc2w:\x9b\xba\x1evM\xad\x93X\x08\x8c\rA\x83H\xa9\xd5\x04\x94\xacf5wnr\xb0\xd4\xdc\x98\x9az\xaa\x0e\xd0J\x1a\x1b\xd3DH\xd5\xc4\x11X\xe2\x9b\xb7\x8cu\xa6[?\xff4\xe5w\x7f\xe4\xe87\x1e\x9dC\xb7\x1f\xa1x\xbf\xf5`\x13\xb9\x0ca\x0e\x91;\x94&gt;uE~\xbeL\x86zH\x1d\xa5\xa5\x93\x83\xb9\xf3\xa0H\xc9\xa71\r\x1e\xa3\xd1&amp;\x8d"\xb0\xfe\xf9\xfa\xed\xee\xf3\x1f\xd7\xa7\xbc=m\x9fR\xe4GA\xf1s&gt;\x18~\xf8L\x0c\xe82\xe1X\xd7\xe6\x86A_\xa6\x15\x02\x16\xd24&lt;\x14(\x08\x15G&amp;\xfbogi\xe5\xe0\xfd\x82j\xa4\x94\xeb\x08\xac\xc6O\x8c\xc6\xab&amp;\x9b$\x01\xe9x\xf17\x0f\xe8\x97\xd0\xcd\x91c\x1c\xab\xdf\xdb\xb0\xe3\x1b\x15~}8\x1ce\xd1\x00\x9e,\x07\x02\x15\x02\xaa\x14\xa5O&amp;\x8b\x05,\xd9\xea\xf4\xf4\x0c\xa7\xb3\xb6E\x94\x06LW\x81\xaa\xd1h4\x99\x18\xb6\xf0(\x02\xeb\x7f]\xb0\x12\x0eo\xb8 \x86\x8b\xe23O\xc4\xdfs\xe3\xd1\xb5K\xe8\xdb\xa4UDX@\x95N\xb4qQ#\x90\xb3:\x83\x06\x9c\xcb\xf3$\x16\xcad\xa3\xd1\x94\xc4@mf\x84\xf5\x8f\x1f/\x05$\x0b\x0f\xd8\x89.\xab\xe5\xf9\xb6\xe7z\xf2\xe1&lt;\xbang\xb8C\x0f\xff\xe3\x01\x18k\x83V+DXj{\xa4\x95\xe0\x92\xadf,.\xc3\xf3t\xbe%M\xa9$\x16\x17Z\xf3WM\x0c\x06\xe1y`m\xfd\x9f\x96\xb3\x8di*\xcd\xe2\xf8\r\xf3\xe16\x13)f\x93\x96~\xa0\x1d\x92n\x1b\n+`\xa1kQZ\xda@\x9a\xb6,\xb65\x99a(o\xb1\x0eQ\xcaX\n\xc8\xcbNw6\x02\xcd\x8c\xacYt\x0cv\x84\x9d\x01\xa9\xe3\xc0HXd\'\xb2\xbb\x93\x1d\x05\x8d+\xeaFy\xd9\xcdF\xc0\x19\xc1L\x14\xdfW\x12u6~\xd8s\x9e\xdb\xde\xde\xb6\x80\xe0\xee&gt;\x89`\xda\x84\xfer\xcey\x9e\xfb\x9cs\xfe\xa7W\x9e\x0b#\xc4\xd0\xecG,\x7f\xbd\xa1\xd6%_\xc2\xe0\xaa\xa8\xd8\x99\x90\x91\x91\x92\x92\xd0\rX\n\xe3X\xcb\xb7\xe3\xf3\xe35\xbd\xe3\xf3K\xc7\xf6\x9b\xca\xfc\x87\x0fg\xe1!\x01X@\x95\x14\x08\xadGO\xd6Z\x06\\\xa5\xbe\xb5\xec\xab\xe45\x08.\xc0\xea.\xcc\xf8EJBBw\xa7\xb3\xa4\xe8\xdbq\xb8\xec-\xcd\xc3Z:\xb8\xbf.\x0b\x8e\xac4\x83\x07\xcf\xad2\xb72\x9e\xe4\x16$\xe2\xe7V\xd3\xc1Fe\xcf\xa1\xa60\xabA\xa585\xdf\x800\x9df\xeb&gt;\x10\\\x15\xefa\xca\x0fXZIN\t&lt;p\x9a\xd2\x97\xc6\'a=\x9a\xbfx\xe1\x98\xa6\xcc\xdf\x9e\xd7\xd0P\x9a\xe7\xf7g\xb9\x05\xd2\xeall\x15\x90\x88\x0f\x8ai\xb8\xaec%R\xe1\x1b\x92^a\'\xf2x\xcblFf\x83L\xa1\x17\x0bI)\xc2\xa1W\x0ca\xed\xb4\xa0e\xec\xe9\xe2\xe2\xe2\xd3\xa7\xf7\xeeM\xce\x1fl\xd2\x94\xb5\xb7\xfb\xcb\xfaMe\x88\x85&gt;\x84\xd8:\xb5P\xbf\xfc\x0e\x7fEg\x9f\xb7\x8aQ\xb9\xef\xd1\xad\xff\xbcV\x81\x0b\x123\xab^a4\x1a}c\xb0\x16_\xbe|\t`\x04k?$\xd3u&amp;\x93i\x9b[\xa0\x84\xd0J\xc5\xfb\xc3\x95\'\xc2\xf5\xa9\xdd\x03u\x10\x1e\xb7\xa3\x17,S\x04nA&lt;\xaeR}\xf02\xc1\xc2\xf4Z\xab\x97\xcb\xf59dI:;\x17\xc7\xc0X\xe3K\x07\xb1\xa5\x02\\\xb0\x1f\xdd\x82\xf8l\xecB\x81\xb9\x1e\xcd\x85\x0b2#&gt;a\x99\x04(\xa25E\xb3\xc3\x04\x9c\xfb\x16GG^?\xf7\xec\xda\xb5\xbeN\xcc\xaf\xc5@e\x85\xf5\x15\xde\x1fr\xc6Z~?yn\xbc\xb2\x18\xb0\xea\xf6\xc2Qz\xc8\rX\x90\xfb\'bt\xbd\x98\x0e]\xc89=\xa7\xd0\'\xac)}]\xad%5\xf5\xecV_\xdf\xb5\xce\xee\x84B\xad\xcbe\xd5\xee\xb2j\xc9\xb3z\xac(wwoOU\xe5\x9e&amp;\r0\xed\xddK\xba\xd4\xf1\xa2\xc4\xd4D\x8c\xae\x85\xd6u\xca\xdcB\x1a\x1b\xb6U\x1b&gt;L@\x85n\xd6\xe4\xbf\xd3\xcfn\x01W_ga\xb7\xd5\xe5p\xec\xda\xa5\xd5Z\xad\x12\xc5XAyM\xef\xe9b\xac\x1e\x994\x9a\xfd\x0c\x95\xa0Z\x94H\xb8\xbe[\x18d5\x19\x11\x7f\x93\xa6\xa2sY\x1e\x1d\xd9\xd9\xe7\x85w\xf6\xd9\x1c\x93\x95R@\xcc\xdfB\xaeN8\xe0\xf5.\x87\x18\xa0\xe0\nQR\xd0{z&amp;\xdd&gt;j\'T\x9a\xbaC\xefJQ\x97\x91$B\'&amp;\xa6\x9e\xba[\xcf\n\xa4#\xfe&amp;{\xe9\xa2\xc3]\xb9BIw\xa5Ms\t\xb0\xbe\'\xf6\xea\x83\x88\xff\xa5\xcba\xb5:r\x14%\xb9\xbd{T\xfd\xfd^\x95\xca\xaeR\xa9\xea\xea\x88ZD\xa0\xcc&amp;\xd6J\xfc\x19`\xad\xb9g\x18.\x94\n\xc9\xfb9\xe2\x9a`\x95\x87\xbbYZ\xcf^\xc3\x9eO\x9f\xb3\xcf\xa9\x90\xcb\xe5.\x97&gt;Gn,)\xaa)\xb6{\xbd*;\xb6.Tu\xdb\xb0u.\x80\x88\xc7.5\x83\xc5jg"\xc4\x18\x14\xbd\xd2N\x0ci\xfey\xe1\xbd\xe1e\xa7rZ\xcfV`/\xea\x96\xcf\xa9@,9\xe9\xd8\r\x15\x95\xf7@`\xd9\xf7T\x92\xf0\xda\xe6\x96\xc9P[#\nX\xeb\xaf\x8c\x13y\xe19+\xf7\x96N\xaf}\'F\x1f\xb5\xf8\n`\xf5\xf9\xba\xbe\xf7\xf9\x9cN\'P\xe9\xc1\x95r\xbc\xd6\xc0N,\xef\xa9\xea\xa9*\xde\x83Xn\x19Jk\x10+Q\x94\xba\xf9\xe7w\x1b\xb9\xa5\rz\x85\x02D\xa8\x1d\x1b\xe8\xb3DL\x17p\xe5\x194\xeb\xd5 \xd6\xceng\x17p9\x01\x0c\x0fT=xQ\xe1t\xe68\x8d\xcd\xb9\xbbk\x80+]S\x87\xd6R&amp;A:-\n`\r\xd2\x81\x86\x0eE\x87\xb4\xc1a\xe2\xf4\xa0\xe7\xb8N\x8c\x98.\xe0\xb4\xdd9\x9b\x85y\x05\xb0vv\xfa\xba\xba&amp;|&gt;\xa3\x13\x98\xf4\x0eXV-\xf6\xce\xc7Z\n\xceU\x15\x1fL\xdf\xbf\xf7]t!`\x01\x97\x08\xb1\x16\x06\xc3\x06Bx\xdc\xcf\x8c\x1a\x02\xe2\xd4 V,$Ey\x14\xb02\n\x81k\x00\xc1\x9c\xcc\x19\xa1\xfd\xaa\xb0P\xe2\x84\x9bWA\xef\x1f\xb1\x8c\x0bXRe5bm\x15\x91T\x1f\xce\xadW\xb7\xedin\x110&lt;Y\r\x95\xee\xd9.\x02\xbb\x85X\'fd\x14\xf6M\x0c\x00\xd7\x04pa;_\xdb]\xd8\xdd\x07T\xb95\x95\xe9\x98\x1c\xa2\xf8\x8e\xc1\x12\x01\x19\xa4&gt;\x0b\xad4\x1d1\xecES\xdcq\x03:\xd4\xd7\xe7\x05?\x8c9\xcd\x02\x12Jv7R\xacuC\xd2qL~\xce\xc2\xd54A\xeb\xeb\x9a\xc5\x8e5X\x0cc_\xd2\xd9\xe7\x1bj\xc9-\xaf\x82x\x87\xbb\xbc\xdbm6\x0b\xe2\x93\x90+;\x1b\x1e\xd7\x9b\xe1\xba\xc5\x0b{\xc8\x06\xe6@\xa2\x8a\x1ekM_\xa3\x16`\xc1\xd2J|\x03\xb3\xb3\xc3\xb3\x84\r\xe8&amp;\xba\x8ar\x0b\xe0\x90HW\x99\xca\xb2\xb2t:\x9d\xcd,Ese\'U\xa3\xdc\xe0\xde\xf4:?\x85^\xa5\xc4\xbc\xdc\xba\xd4\xfa%i\x19h\x9d\x13\x03\xc3#\xe7\xcf\x8f\xfc0\x8ckv\xb8\xa6\xa6\x07\x9e\x89v/\\\xe6=j\x8f\xdaf\xb3\xc0V\xccN\xc2,\x03\xb0\xa6^C*\xc2J\x7fhn\x05)L\xed\xc6\xdef\tVFB\x0c_\x02\\#\xa3\x1d\xa33\xa8\x1c9=2\x82\xcfi\xbb\xdd{\x1c.\xcd\x06\x8f\xc1\x80\x85?\xa4R\xa2Nj\xf3\xe4\\\xf80_@\x04K/s\xbe\xae7\xf3\t\xd4\x94\xa6\x7f]\x98\x90\x02Xb\xbdbbx\xe6\xe6\xcdQ\xb2fFG;\xbc\xde\x8e\xfe\xe3\xed\xed\xedyiii\x06\xb5\xc1\xa6LJ\x8a\x97\xc2\x8e\x84\xfb\xfc\xa3\xcb\xd4\x7f\xe3D\x8a\xdb\x89Y~!VB\x0c`9\xf4\xc6\xe6\x91\x8e\xda\x9bD\xd1\xd2\xd1q\xf3x-v\xa7Q\xc1RZ\xca`U\xc7K\xe1\xa0\x88\x07\xac+O^c\xfc\x88\xc9G\x82\x99\x0fg&lt;\x8e\x17|/T\xa3\xa0\xa6\xdfC,&gt;\x9fp\x15\x9c\xbfY\x8b4\xb8\x10\xe8\xfd\xbc\xbc\xe4\xe4\x86R\xc2eV*\xa5\x02\x82%J=\xf5\\\x18^g\xe0f&gt;\x91\x0fDN\xe6\xb3v\xe3\xde\xde\tN\x8cA.\xbeC1T0Z\xdbV\xbb#\xf9\xa7\xc9\xc9\xef\'\xe3\x82\x9f\r\r\x99\x99\xd8\n\x16H\xa5\xcc\x03\x1b\xf3\xfd\xa8\xcc\xe7\x7f7]\xc0\\\x9ao\x17bK1\x06\xdd(\x96\x1b\x9bk\x88\xccg\x13\xd0l\xc2\x9f\xb0\x90\xaa\x14\xa8\x04\x02\x99E&amp;\x93\x01\x16$\xfc\x0b\xfb^\xc3\x89A-8+\x0b\x0f\xd4\x0b8o\x05\x8cK\xd7\xdf\xee\xc6\xd0\x8aI\x01{\x89]r\xe3P\xb9\xbd\xf6H2\xf8\xae\xa1\xa1\x01\xff\xe5%\xa3\xa9l\x16\xa9\xc0B\x96LI\xb0\xeeM\xf3\xb8RD\x9a\x1d\xc6\x8eN__g\'R\x83g\x19,b.\x87Ko\x1c\x1a\x9e\x81\rx\xbc\xed\x08\xba\x0f\xd0\x18\xadO\xbcR`6\x9b-f\x0b:\x11\x1e\x8b\x93s\xff_\'\xb6\x02V\n\xc6\x16\xe3F\x87\\\xa1h\x1e\xee9}:\xdd\xeb?\x02\\\x18\xeb6\x8b\x00\xa2]\xa6\xd3!\x18:\x11\xee\xce\xaf\xb3\x15yt\xe4\x8ce\xb0\x88\x14\x1a\x8e\x0f\x0e\xc0\xb7~\xa9\xcd\x8f\t.\xb4\x97B\xee4\x964\xc3C\xdanjg\x8e\x06\x9d\x05\xa3\xddl\xb3\xa9u,\xd6\xa9\xbb\xc2\xa0T\x80S\xdb`\xa7\x0bxQ\xea6\x8a\xb7\x9e\x05\xc7\x966?\x1f\x8dE\xcc\xc5\'\xe6R\x00WQyU\xba\tOR\x82\x05\xe1\x8e\x85p[\x10K\xf4\xdd\x8b\xa3\xc2\xf5}\xd0\xba\xf6\xe1\xbe\xcb\x15\xda|~&gt;\x9f\xcf\xda\xcb\x05\\F\xe3PKAM\xa5\xca\xef\xf1\x18&lt;j\x08(\xd8\x84:\x03F\x99\x19\xb0\xaa\xb1\xe9\xf3\xe0\xf3\x13\xc2\xb5\xa6&lt;\x11\xc2t\xee\x00|\x98\xd2?\xf8Kx\xf4O\xffB\xf5p&gt;\x9f\xecE\xc6^z\x85\\Q2\xd4\x9c[^\xa9*;\xec\xf1xl:&lt;\x17\xccjx\x04\xa9m,V\x92\xff\xb3\xdfR\x11y*\x15*\x0fq\xe5\xe9a\xd3\x9c\x14\xe7\x17\xcd-;\x84\x12M\xe1\x89w\xce\x0f\xc0\x9d/?\x9f\r/r\xd8\xcb\x89\x17wW5a-\x90\xc1\xb2\xd8\x0c\xe8\xcf \x16\xe4?\x96\xed\x1f\x90\x99NN\x9e\x1a\xfd\xc5\x07\xa1\x89\x86\xb59\x0fW\xe3\x89wn\xd4\xf8$Z-?&amp;\x14\xf4h.\xc8~\x08V\xba\x17\xb9\xc0q\xe0B\x88,\x83\x9ac\xad\xd4j\xc3\x81\xdf\x1cml\xac_\xfb\xa0uh.\x963]\xc0I\x90\x84\xfb\xe6&gt;\xfc\xd5\x9f?\xfc\xf8\xb3\xafg\x06\x9c\x12\xab\x96\x1f\x0c.&gt;\xf3\x0c\x82\xfc\x072\xc5\x82\xdeb\x9c\x86\xca\xca2[,f\xb5\xc7\xc3\xf8\x93\\\xea1\x8d\xcd\xb6m\xda\xfe\xf7\xbf|\xfe\xc1\xc7\xbf\xdb\'\xa4"\x84\xe9\xec\xe5\x9c\x8aH_\xc3Eda\xa3\xb3\xc2\xd6\'O\xef-}\xf3\xf6\xdb\xdf|\x1d;\xd3\x9c#\x81\x9c"\x18\xf1\x0c\x16\xeeF#\xea\x98!\x83\xc5\xcb\xa9\xd9m\xd6y\xb0\xef\xe3\xc1\x88W*\x19\xd1H\xb6mcf\xc3&amp;\x1c\xaa\xfa\xe1\x1f\xf8\xed\x07\xbc\x88\x14\x8b\x1d\x1aY\xd3N\x14N\xff\xf8\xf4\xce\xe3\x8b\xfd[\xb6\x1c8p\x00\xb0$\x80%\x06\x16&amp;\xe2\x01+\x86\xaf\x15\xeb\xc1Z-E\xbbk\xaa\xf0v\x9aE\n\xcd~\xbf\xff\xf0a\x882\xb8A\x90\xc2nj\xbc\x01\x07}6\xbe\xf1\x13\xc3\xa1\x07\x0f/7\xbe\xb2\x90Ds\xd5\xa6\x14\xc5\xd5\xfeS\xf5\xd3/\x11\xea\x98\xe9\x93-\xb8bG\x07r$b\xabx\x17\x9a+\x85\t-|4\xea\xf5\xce\x12\xf0byO\xe5\x1e\xbb\xa6\x0e\x9bd\xfe2XYYn8\xef\xe3I\xcf U\x90\x19\x1c:-\xd5}q\xf1\xfe\x94\x90\x0e\xc9\x9aC\x1b\x94\xe9\xccR\x9c\x1aDT\xc1\x95\x1a\xbc\rPw\x1e_\xbfze\xdb\'\xb1\xb1[bcco\xcc\xea\x83\xd6\n\x04&lt;&gt;\x80\x10\xcbH\x94\xb1h/\xc8|\xb2\xcaL\xb0\x18,\xa0\x82\xac?Ud\xc612\x1c\xa8\xdc\x98\x99f\x93\xfe\xe1\xe1\xf3V\xe1%\xae\x02\x9e\xfbE\x07\xab\x8c\x88\x08[\xcf.\xfe\xfb\xce\x9d\xc9G\x8f?\xfd\xf4o\x1fm\x8f\x03\xa8\xb8\xd8-#N\x17\xc1b\x8f\x07\xb1\x16w\xa2\x13\xb1Z\x8a\nv\xf7\x16\xdb!\xea\xcbL\x1a\xafWc\xda\xe6\x961X`\xad$5\x99\x81}\xeb\xad7J\r\xf0X2\x7f\xf4\xe0\xc5\n\x9e\xe4q\xfaftD1\xbf~\xfaG\x80z|n\x1e\xa8\xae^\xd8\xdb\xfef\\l\x1c\xae\xf3\x13\x80E\\\x178\x1d\xc4b\x17c\xac\xa1\xe6\xa2\xa2\xdc\xf2\x1e\x0cz\xecpb\x01\x8e`\xc1B,i)b\xe1\xc4|\x1a\xe4D\x16\x83\xda\xf2\xc5\xfc\xfd\xa9znM\x8d\xed\xd8\xb3-\xf4\xf0295\xc8@\xcd/-=:s\xfd\x82\xa6m\xc7\x8e7\t\xd4\x86\xb8\x1b\xb3h-\x06\x8c@\x11*\xe6&lt;\xcdE\xf17$\x8a&amp;\xa4\n`\xc9\xa4\x90d\x00\x96H\x87\xc3\x80d\x92?3\xcd\\\x9d-K+U\x0bN&gt;\xbc?\xd5H\xd1Q)\xd6\xb2;\xf1\x12\xb1\xd4\xe4|\xf1\xcc\xc1\x8b\xd7\xcf\\i\xaam\xeb?\xce&amp;\nq\x00\x00\x0bLIDATy\xb2m\x03Rm\x88\x03/\x06\xa0\xc4\xe4hp8\\r\xb9\xdc\xa9@*\x0c-8\xba\xbc\x1a\xaf*\x1d\x923l,\x06\xea\\I[\x95i\x1b\x19c\xe1\x17\x0c\xa4Y\xb2\xb7\n\xd4\xa5i:\x02\xb66}\x12BM\xce\xcf\x8cv4]\xb8z\xe6\xea\xb1\xe3m\xfd\xff!\xe4\xecc\x9a\xba\xd78\xde\xce\xd2\x9bs8\x15\x0f\xd6\x17*\xdbn\x05\x17FB42R\xb9\x8a\xd1@\x89\x1a\xc0\xb0\xa6\x07\x14\x84\xb8\xc4\xc8\xc6U^\xc6\x9c)\xed\xe6\x0bik\xd3*\x1a+z\xdbF\xb0\xa0\xa4v\x11\xdb@\xda\xa617\xf2r\xc3\xcb\xec\xf02\xa7s\xe2\xbd,:\xef\xb2\xf9\xb6\xe5zc\x96\xdc\xfb&lt;\xcf9 q\x7f\xdc\'\xd0\x16$\xf8\xe1\xfb}\x9e\xe7\xf7\x9c\xd3s~g\xc7\xfb\'jH.\xe0\xba\xf3\x17\xa9YQ|\xb0\x1f\xa8\xde\x95\xc4",&lt;X\xdc\xb9\xa6\xae\x0eK\x12\x8e\xf9\x1b\xc5\xb1\xb9\xa1&lt;u\x16\x8bjq{CV\x06\xac\xe50Z\xff\xf4\xf3\x8b\x9b\x9f\xfe\xdf\xbb\xe5?\x81D\x9f\xac\xbas\xaf\xb7\x07\x94\x1a\x1fnk\xee=;\xd6q\xabcb}\x19\xb9\xc8s\xba\x81K\xb3\xc9\x8e\x06\xee\x17\x07\x88\xeaj\xcc\xac\xd2Z:\xb2^SW\x85\xe7\x04\xb1QlC\xbd`\xf9\xd9\xbek\x96*\xb5|\xdd\xae\xd4E\xef\x95C-\x10\x18\xe4\xbe\x08\xf6\xea\xbc\xc7\xebw\x17\xfcm\xe9\xd1\xef\xff5\xf9K[\xef\xa1\xc1\xb1~\x80\xca\xeb$\xa8[\xfdc=\xc7\xe5\x1c\xc9\xc5\xf3Sw+rs\xdf\x90:\x03\x8a\xb5\x05\x02ou@\xb9\x88\x0b\x03\xc5\x82\xf6\xd5\x98\xdf\xd8X\x99\xb1l\xc9\xeaE\x0b\xa8\x0c\xdf^P\xdc\xb0v{\xf9\xaeE\xa9\xe0\xe0\xda\x86\x8cm\xc5\xab\xd7\x89`\x9f\xfc\xfe\xf2\x0c)\xe5\x01jf\xf2\x97\x83\xc8\xd4\x91\x18\x1b,\x98\x83:\xdbY\xa6\xd7p\xe0 `i\xb8;\xcfJJrA0\x10\x0b\xc0\xd0@\x88\xc3\x88\x856v\xd5\x03\x14\x9e\x8c(\xc0\xae\x9a\xbf~\xfd\xfa\xca\x8c%\xc5\xa9t\x1f\xf3\xdb\x0b\xdeN\xcd\xdf\xd0\xb0l\xd9\xaab\xe8\xadE\x9b*\x97e\xad\xdd\xbe\xae\xb8\x15\xbb\xc5S\xf7\xd2?\xbcv\x02\x1c\xafs\x90-\xfd\xe2\xfbG\x93\xc3g\xcf\x0e\'::\xc6\x87{:;\x0b\x08*1\xd6\xd3Y\xc6\xb2\x88\xc5\x13\x17\xaf\xfa\xf5&gt;p\xe5\xbe!6\x078\xf8\xa9\xberE\xa4\x02\x17\xbbP\xad\xbe\xfa\xbe:\xf2\x10\xdfH\xff\xf8D\xe3\xba\xd4d\xf1\xfej\xc0j\xb7Baf-\xdb\xb4\x1a\xc1\xf2+\xbb7d-)/n\xcd\xc76\xd6"\x9bg\x9dl\xb6\'\xfc\xf6\xe3\xe3\xc1\xe1\xf1\x8e\x8e\xc48\nuh8q\x0b\xa1\x0e6\x97\xc999\xa7\xd7\xcb\x81\x88\xb88\xdd\xaf\xf7sK\xf0\x1c\x17\xb4\xd2\xfd\x9b\x11\xeb\xc8\x11\x82*\xa5S\xa7u}]]\xf5kP,\xe8\xf5\x05\xd0&amp;Z\x0f\xd0\xfd\xf2\xb8)\xc9\x82\x05I\xd9\xed\xab`\x8c\xceZ\xbb\r\xc0\x92\x8a\xf2\xadY\xcb7\xac\xdd\xd4\n`\xff|ts\xde\x1e\x08\xd4\xd1\xa1Q\xfd\xf8xl\xbc\xbf\x032\xeaPgs\xef\xe08\xba\x07\xaf\x8f\xc9YNN\xa1\xe7$.N\xe2J_\xb8qn\x95\x16\x1d\x84\xcc\xaa\xaf\xef\xeb;\xdf\xd4\xf5\xe1\xce\x8fk\xb0\xab\xb6\xe5\xb5m\xbd\x90\xad\x10wDIK\xc3\x8f\xe4\xe4\x03\xe5tJ\xaeaU\xf9\xea\xf7@1kp\xf9\xf2\xa05?\xbf28\xf9\xf4f\xcb\xabi\x0c\xa1\x9e?\x19O`\x96\xf7t\x1ek.\x18\x04\xa1@4H)9(%\xe7\x08L\xcf\xf3\xbc\x86\x87\x04\xc3\xee\x05\\\xe9\xb9\xe9\x15\x0b\x81k?\xde\x9bU\nJ\x01U\x17^&lt;Y\xdfT\xdb\xd4\xb7\x13{}\x1bv\xd5\xad\xa7h\xc3\x08 R\xa6\x11Z\xf2\xa2\xa4]\x9b2\xb2\xf0towc\xf1\x81\xd4\xa2\x9a\xdb\xc1\xd0t`\xdaZ\xd9\x1d\xfayf\xf4\xe8\xa7\xd2\xdb\xcf\x08\xf5\x04\x99\x0e\x02So\xcfX?@\xa1Pe,\xc7\xb2\x9c$\x96\\\xae\xe15Z\xad\x06\x05\x83\xb5\xf1\xce\xb3=\xb9x\rj\xfa\xc2\x0f\xde\xad\xc6\x1bE\x10\n\xb4\xaa\xaf?_[Z\nc\xfdV\xa0\x82\xfe\xb5&amp;\xaf\xf3}\x06q\x94\x10\x12\x16n\xfe\xb1\x1aD\xfa\xd3\xf4\xf4t\xd0\xda^\x94\x9d\r\r;\x14\x08Lwgt\x87\x86\xff\xf3\xf4\xe6Q\xbc\x89\xf1\xb7\x97\x00\x95\x80rkn\xc6\x8c"\xf7@\xa82D\x82\x0fN.\x8a\xa5\xd7\x00\x97Z\xad\x05.\x15\xcc8\xc4\x05d\x15o\xbeS\xbdco-\x04dT\xfd\xf9\xae\xa6\xbd\x85ppV\xd5VS\xd3\xbb\xf3\xdb\xaa\xaao\xdb\x8e\xfdY\tB1\x8c\x9aQ\xceR%-JNN=\xd0n\r\x02\xd7\x1f\xa7\x83\x95\xb3d\xd3\xd3\xdd\xd6`(\xf0xf\xf4\xef_\xc8\x9e$\x12\tL\xa8Nd\x82H\x8c\x1dj.c\x11\x05\xa9X\x0c@\xc3\x07pQ\xcd\x00\x18r\xa9N\xdf\xbd\x81W[\xa7o\xdc\\}\xa4\x14\xa8@\xac\xf3]\xb5\x00U\xbd\xe5p)\xa8\xd5\xbb\xb3\xaeo\xa0\xef\xfa\xbd\xf7\x19%P\xa9\xd5j\x86l\xa4\xed5h+\x8b\xa4\x03\xad\x8d@\x16\xc0\xcb\x82H\xb3\xe3\xfbP\xb2\xe0\xedP`x\xf2\x91l\xb6\xf2 \xe1;:\xa0I\xf5\x1e\xc3\x94B\x1ez &lt;\x96\x85i\x8b\x85\xec\xd22\xf0_h8\xe4\xba\xf7\xe0F\t\xde\x83\xfe\x16\xbe{\x01XMM\xb5\xa5;\x0e\xe3[\x08[\n\x01+\xafn\xa0\xa9i\xe0\xafej%Bi\xb5\xa0\x16n\xea$\xeeR$=\x83d\'\x82\x81\xc0\xc8\xc8\x08\x91\x15\x11X x\x1b,\x95\r\xe6AW\x17\x99\x00\xb0\x19\xcdcE\x14\x08\x15\xab7\xe8Y\xb0\x10^\xaa\xe0_\x90K\xa9\xd6B\xd6\xab\xd8\x93\x037.^\\Y\x92\xbe\xb9\xba\x90\\,\x05\xa5&gt;:W\x91[\xf1QaU^\xde\x9a\x81\xabw\xaf^?\xa9e\xc0?\xad\x06\xb1 D E\xd2\xdc\xb3"\'\xbb\xdd\x1aB\xb0\x91\x91`ek\xd1\xa9N\xcc\xb2\x90u\x9f\x8c\xba\xfa\xad\x8e~t\x92\x84b\xe7\x85\xdc`\x90C3\xc5\x90\xc3$\x08\x80\xc8\xc5\x80\x91\xd0*\x90k\xc5\xca\x927\xc15Hy\xf0\xef\xcc\xa5\x8a\xdc\xc5+K6\x17~XWW\x7f\xf5\xf2\xdd\x81{\x06t]\x03\x81jA\x92)h\x9f\xa09\xb9hs\xac\x9c\xa2\xf6}\xa1\x91\t\x00\x9b\xbe}\xa2\xfd\xd4\xf1\xadH&amp;\xa3\x84\x82e\xaf\x13\x1a\'\xa5\x14\x0e\x0b8\xf6A\xaa\x83Z,\x8e\xa5\xc8\x07\\)\x80\xcck\xd5\xca442\x85\xd3\x13\xd7\xe2\xf4w\xae`\xd3*=|\xe6\xdc\xee\x92\x15+V\x94l\xde\xd1t\x1eR\xff\xf2\x03\x89\x8aG,H1\x08\xdc\x16(I1_.\x06\xbe\xca\xc9)\xaa\xe9\x11%\x0b\x84N\xb4\x1f\xbf\xb0/$\xbb5k\x1e\'%9\xce\xc7\x80\xa3\x87\xf2C\x85\xc4\x83\x0bL\xb2\x14:\xfa\xe14\x99\x90\xc4j\xeca\xc4\xb52\xf7-h\x11\xb5\xb5\x85_]\xda}\x11/\xd8-\x81\xaf\x0bw\\.\x94\xa8x\x9eJ\x85\xa8\xd2\xb0\xa5&amp;\xcdq\xc1\xb3\x82a\xf0\x01\xcc&lt;\x95\x1f\x0c\x8cLL\x80j!k~\xbb\xac\x1f\xcb\xb0\x8c\xea\r\xd4\xc1\xd9XEJq\xac\x8a\x034\x90K\x02\x0b\xc7\x85\x88\xd9,\x84Y\xbd\x1a\x8a\nU\xe0\r\xc0\x95\xbb{#\xb8X\xbb\xf7\xf0\x99=\x9f\x01\xd5\xc3\x15\x8b+6\xc3\x82\xb4\xe3\xc1i=\xd4\x9f\x86\xa8D\xad\xa4\xd6E\xce)\x88\tB\xc2\x82,\xa34C\xb0\x89\x89@PV\xd0|\x92e\xc1&amp;\xf8\xe4\x80\x8b\x</t>
        </is>
      </c>
      <c r="M492" s="3" t="n">
        <v>45492.67829861111</v>
      </c>
    </row>
    <row r="493">
      <c r="A493" t="n">
        <v>1172052</v>
      </c>
      <c r="B493" t="n">
        <v>1962</v>
      </c>
      <c r="C493" t="inlineStr">
        <is>
          <t>Daniel Júnior</t>
        </is>
      </c>
      <c r="D493" t="inlineStr">
        <is>
          <t>D. Júnior</t>
        </is>
      </c>
      <c r="E493" t="inlineStr">
        <is>
          <t>PE</t>
        </is>
      </c>
      <c r="F493" t="inlineStr">
        <is>
          <t>ATA</t>
        </is>
      </c>
      <c r="G493" t="inlineStr">
        <is>
          <t>PE</t>
        </is>
      </c>
      <c r="H493" t="n">
        <v>177</v>
      </c>
      <c r="I493" t="n">
        <v>80</v>
      </c>
      <c r="J493" s="2" t="n">
        <v>37384</v>
      </c>
      <c r="K493" t="inlineStr">
        <is>
          <t>Left</t>
        </is>
      </c>
      <c r="L49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d6618af-09b1-436e-b676-65df73224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1\xe1\xe0\x85\x00\x00\x00&gt;tEXtComment\x00xr:d:DAEewil2SDw:3728,j:5402490484489585236,t:24032500o\xad\xf7\x96\x00\x00\x00\tpHYs\x00\x00\x0e\xc4\x00\x00\x0e\xc4\x01\x95+\x0e\x1b\x00\x00\x03\x00PLTE\xff\xff\xff! ",+/\xe1\xa9\x8c$#&amp;\xff\xff\xfe**-&amp;%(\'&amp;*((+\x1e\x1b\x17\x1a\x18\x16$#\x1b!\x1f\x19$""\xe3\xab\x8f,)\x1f\x1c\x1b\x1e\x15\x13\x12\xda\xa5\x8a.-1)%\x1c\xde\xa7\x8b\xd9\xa3\x860-"103\xd5\x9f\x82!\x1f\x1e\xf5\xba\x9b\xf3\xb7\x97\xea\xb2\x96\xdc\xab\x9c\xc6\x96|+)*\xcb\x94x\xdd\xa2\x85\xe7\xaf\x92(%$\xe7\xac\x8f\xd5\xa1\x86\xe4\xae\x93\xdc\x9f\x81\xce\x98{\xfd\xc9\xaa\xda\x9c\x7f\xe1\xa5\x87\xd0\x9d\x81\xc5\x91w\xeb\xb5\x99\xee\xb9\x9d\xe7\xb1\x95\xde\xaf\xa1\xf8GB\xd6\x97x\xf7\xbd\x9e4/#\xda\xa6\x98\xd1\x8fp\xbc\x8cq\xfc\xc6\xa5\xc1\x90u\xb7\x88o\xca\x8fr\xfd\xfd\xfd\xf9\xc1\xa1\xcd\x8bl\xd6\xa1\x8f\xd5\x93t\xd5\x9c\x7f\xd0\x94w\xcc\x9e\x86\xdf\xaa\x90\xbe\x87l\xda\xa9\x91\xc8\x87i\xe2\xb2\x9a\xf0\xbb\xa0F:-\xd3\x99}\xfa\xf9\xf9\xc1\x8cq\xd8\xa4\x94=4(\xe5\xa6\x92\xd2\xa8\x92\xdb\x9a{\xdd\xad\x96\xdd\x9b\x8582\'\x8dfQ\xb3\x84k545\xd3\xa3\x8b\x97oZ\xfd\xcd\xaf\xd3\x9e\x8b\xcb\x9a\x80\xd1\x97\x83\xfc\xc3\xa2\xe7\xa9\x8a\xe2/):8/\xc7\x99\x83\x85`K\xf3\xbf\xa5\xee\xbb\xa3\xce\x94~\xeb\xad\x8f\xef&lt;7;)\x1f\x9es]\xda\x94\x83\xc6\x8bp\xe3\xa2\x8d\x94kU\xf3A&lt;\xee\xeb\xea\xc1\x96\x82~ZF\xc0\x92{\xac\x81k\xea72\xaf\x87tT&gt;.\xe1\x9e\x89\xf6\xf4\xf3\xc8pt\xb3\x7fe\'+"\xef\xb2\x94\xb9\x83g\xce\xa1\x8a-)&amp;\x1d\x15\x12\x96aHb=/\xe7\xb4\x9b\xe8\xb7\x9fpO&lt;\xa6w_\x9flRJNGNC8\xactX/--\xd5\x99\x88\xb8\x8ew\xad{c\xe1\xb0\xa8\xc0}aUYRvVC2!\x1b\xb8}_\x89W@=;;\xd4+&amp;07*\xe6\xe5\xe5\xe252\xf6\xc4\xaa\xa6}h\x9fwe\xa6pUoF3\xda\x9e\x89\xbf\x83e*\x1f\x18\xdf\xdd\xdd\xd3\xad\x9bCBA4.+@H;\xef\xb1\x90bK:\xc4\xc5\xc3yK6\xfbNH%\x1a\x14G2#\xb4xY&gt;\x1f\x1d\xcb\xa4\x91\x8e_I\xf4\xf0\xeddg`\xdd\xa3\x90\xd7\x90\x7f\xcb\x8cy\xce\x85~\xe3\xa3\x81\xcd\xcd\xcc\x80Q;\xcd\x98\x87\xd7\xd5\xd6YF7;?2\xb8\x90\x7f\x8dpe\x7f\x83~eRH\x86+)K\' \xbbil\x9d\x9c\x99T.$\xb6ri\xc1\x99\x8b\xb0\xb1\xae\xab(%\xe7\xa8\x9b\xa6\xa8\xa5\xbb\xba\xb8\xa9b`\xc6*\'\xd7:6\xd3y{v#"\x9feLrvp\xef\xde\xd5d,*\xc2zu\xd2\x8e\x80\xe9\xca\xbc\x8b\x8c\x88\x91\x94\x90\xf1\xb3\x9d\xf1\xbc\xae\xf9\xca\xb9\xbe\xa7\xa7{e\\\xe2\xd3\xcc\xcf\xb2\xab\xfde[\xb5LA\xe2E@\xb930\xcdC=\xd6\xbd\xbd\xe9\xa8\x82\xcalZ\x8dB9\xf8\xd3\xc7\xfbWO\xe8\xbc\xa7\xa243\xaeaO\xab\x8c\x86\x9a\x80t\x95)&amp;\xde\x83}\xcf[O\x94OH\xea\x9b\x97\xe4OJ$\xbcK\x1b\x00\x00 \x00IDATx\xda\xcc\x97\xf1K\x1bi\x1a\xc7{\xf4\xc2\xc1dfn60\xed\xeb\xe5\x07Q\x19\x8eHl\x7f\x900ZZ\x83\xd5@\xd7cL;4{\xd3\rGV\x8e\xb9\x82\x90C\x8e\\\xef \x84\r{\x13\x03\xb63Mok\x9a\x1a"\xec\xe9\x19IB"\xc6Rs\x94U\x93@\xa4X\x10\xf4\xa7\xfa\x93\xfe%\xf7}c\xf7\xb8?`\xb4\xfbD\x93\x10\x85|\xf8&gt;\xdf\xf7\xfb&lt;\xef\x95+\xf6\x94\xe3\xca\xcf\xaa\x1cW\xfc\x0e&lt;\x82\xb1m\x07%s\xfc\x1c\xf0\x1c\x89\xf5\x9d\x9d\x9d\xda\xcer"\xd6l6\xd7\xf1\xb3\x9c\xf0\xfb?;Z0V;88=99=;l\xd6\x8e\xcfN\xb2\xa6\xd98\xd8\xd9\x0e\x06\x1d\x9f\x11-\xb8^;\xea\x9cd+\xed\xb6\xde\xae4\x1a\xd9\xacY\xc9f+\x85\xecAm=\x96\x08\x06\xfd\x9f\x85\xcc\x9f\xa8\x9d6(R8\xdc\x13\x0e\x1bI\x14)\x14*\x95BR\xaf\x9c\x1c\xee\xac\xaf/\xc7\x82\x97\x0e\xe6\x8f\xd5:P\xa6\x90)\x1b\x92!\xf1\xa2\xc8\n,*\x99,\x14\xc0\xc7\xea\x8d\xd3\xb3c\x18\xedR\xc1\x1c\x8e\xc4N\xa7\x92$\x84H\x1c\xc38\xf1`8\xc9(\x13C\x10X\xaa\x9a \x88\xc9\xb6\xd98\xaa5\x9b\x89\xcb3\x99#Q\xeb\x98\xf4\xeb%\xd6\xcd1N\xa7\xcb\xc9\x88}\x86a\x90rOY`E\x96\x15\x05\x11\xf2%\xb3\x9d\xa3Zm\xfb\xb2\x04\x0b\x1e\xc3\xe6I6)\xb9\xddnh\xe5t2R_\xb9\xa7\'S.\x97!\x97\xc8r\xa2@\x04V\x90\x05\x02\xf7\x1f\x1d\xc6\x82\xfeK\x91\xea0\x0b_\x1b\x90\x8a\xe7\xdd\x94J\x92\xfa$\x89\xe7y\x89\x87N\xd0\x8a\xe18\x81h\xb2\xa6\xe9z\xc1&lt;\xe9\x1c-\'.A/J\xd5.\x14\x0c\xa9\x8f\xe7h\x07\xbf02\x12\xea\x0bJ\x88\x962\x1c\x8c\xcf\xb0\xba\xa9\xc8D/\xb5\x0b\x08\x8e\xb3K\xd0\xcbqL\xa9\x08\x11\x8c&gt;\x89\xe7\x9cN\xbe/\xd3\xc7\xffJ\x02\x10e\xa4\xe6\x17E\x99\xb0b\xdb\xd2\x04p\x81\xadb\x1en\'.\x98\xcb\xbf\xdc($Y\x18\x88\xe5\xfb\xd0B7\xdf\'\xb9y4\x11\xef\x19\x9e\x83\xadX\x04\x85\xa0\xeb\xb2\xaa\xeb`G+e$\xed\xe1\xf2\xc5r9\x12G\x15\xc2\xe2\xdbE\xc6\xed\x86\xa1\xdc\x12\x0f4\xc3\x90D\x91\x07\x91$\xc0\xf2\x82@TU\x83R%A\xd04\x8d\xc8\x95v\xe5`\xf9"\xcf\xa3#v`\x16\x04\x16\x96\x1687\x9f\xc9\xc0\xf4\x1c\x0c\xc6\xb1n\x96cE\x9c\x00\x8e\xc3;\x91\xe8*\x12\x02\x80,Q\x15M\xd5\x0b8\x91\xcd\xc4\xc5u\x10\x19Z@brl\x99\xb0n\xb4\x0evr\xb9h\x96\x02\x88\x81\x88\xe7\x86g\x05\x8d\x08"&gt;\x002\x84S\xd1M\xabq\xbasaz-7p\x04\x89\x88\xf6\xd1o\xe4\xf8\xf3\xd4\x82\xd1\xd1\xcb.\x0f\xfd\x14\x7f\x135]\x06W\x97RS\x14\x1d\x1e\xcb6N\xd7/\x8ak\xd9,$\x05\xc2\xd2C\xc7\xd0\xde\xe1 2\xddr\xa3\x99\xb4\x95\xf4=\x0f\xa3\x19\xb2,\xd2\\\xc5\xbf\t\xb2\x02{\x11\xb9\x9d=\xbc\xa0\xbc\xf7\xafc\xe2\x18\x02\xd7\x1d\x81T\r`!\xaa\xe0\'\xb7\xe4f\xa5\xeei\x84~\xbc[\x90\x0c\x19\xe6\'b\x91\x83\xe5\x08a\x89,\x17\xb0U\\\x88^\xfe\xe6\t\x96\x03H\xe0\xa2\x8d\x13\xb5\xae\x1aN\x86\x9a\xcc\x9d\x91x\xac\x12\x1c\x9f\x01"\xcf\xb0\xa2\x81\xe4"\x1a\x11i\t\xf0?\x915\xbdm\x9e]\x80\xef\xfd\xb1\x0e\xddX\xba,Nt\x0c\xa7\x8dz\xc9\xdd\x17\xcedz\xc2\x99\xb0\xe1f\x19\xf7/\xdd\xbf\xe0%\'|\x06\xb1d\xea*d\x97@\xd0QY\x97\xf3\x08\xb0#\xbb\xb9\xfc\xc7\x8d\n\x8e D\xc03\x1e\x9c\xa8"\xa3\xa4L8\x9c\xc7O&gt;\x9c7\xba\x9b\x04\x83\xf3\xe7t"#\x04A\xdf\xdf\xb7\x10`\xb2\x0c4\xa2\xe9\x18\x91\xed\x82y\xbal\xeb\xa2\xe3X71\x88\xcfe\xc08\x16i\x0c\xa8\xb9\xa2\x14.\xe5{0\xa8%\xde`\xbbX@\xc2\xaf(k\x82l\xb5Z\x8a\xd9\xb2\x14p\xc9\xba\x86\x00C\x9c\xb5+\';A\x1bw\x99\xe5\xb3\x02m \x8d\x01\xc4x\x99\x1e4A\xd5\x04#_*e0\x1a\xe9)\xe8&amp;\x18\xb0p&amp;\xa3\x8a%\x13E\xd1\x14\xcb\xaa\xb6\xe2\xaa@\x14UQ\x14\xa2\xa2\xaf\x96y\xb6n\x1b\xd8q\xb6k+h\x85@2\x0c:\xf9`\x1bM\x0b\x97\xb2\xa52\xdd\x1d\xc0\xe4r\xb9\x18z*\xf1\x94\x8bc\x7f\xd041Z\xaf\xb7\xf6\xf7\xe3QE\x89\xef\xc7-\xccG5\xdejgOj6q9\x0e\xce\xc3R\xc0\x08\x16\x0c\xd1\x10D\x86\x81\x95\xcb\xe5p\xc9\x84\xd7!\xd4OE\xddE}\x07md\xb1\x98\x8bF\x95j\xb5\xa5\xa8r\xbc\xda\xaa*\xaa\x80W\\\xd9\x1a\x87~{\x02\xeb\xa0D\xb5\xe2\xe4\x92\\\x96\xe1f\x81\xaeT\xa4\x0c\xaf\x9bf^b\xe9\x08\xa2H\xce\xf3\xe7n\x86\xc6\xa3b\x91V\xbdU\xadb\xc7\x89\xc7\x95\x96E8-^\xdd\xaf\x98\xa6Y\xb3\xc1\xf7X\xddc\x07I"\x12\xb1\x9c\xd7d]\xa7\xf3\x0e\x0f\xa9\x07\'\x10g0#~\xc2r}zI\xa5D8&lt;Z\xdcD\xa5\xc0\xd5\xaa+\xb2\xaa\xd4\x15\xa5\xc8\xb0\xaaR\xb5\xdaf\xe5\xcc\x8e\xe3\x18\x8b9\x8e\x0b2\xb1d\x9c(BJm\xcd@x1R\x0f\xa0p\x1d\xe3\x11\t\xae\xff\xaf\x14:\x1cE\x81+\x95\xda\xac\xd7\xe3uU\x11\xa2JT\xdddR\xa2\xa2\xb4u\xb3\xd0\xb1\x03+\x11\xf4\x1f\xb7e\xc5R\x04\x19C\xa5\xac\xe9y\x1aN|\x06\xe1\x90\xe9n6?\xe9\xd4}M\xa5\x8a\xb9\\\xbd\xde\x05K\xa5R\xf4mN\x93\x8b\x82\xac\x159WJP\xdb\xedJ\xe5\xc8\x0e\xac\xedZ\xad\xa1\xab\x96e\x11\x1aZz\xb9\xack"r&gt;S2\xf3\x99\xeeE\xd1\xf9?.\x86)F\xdf\xc7WW7\x96v76V?\xe46S\x9b\xd1z\xb4\x98Ss\x9b\x98\x91\\\xca\xc5\x90\x8aM\xcb\x97#xjZXP\x14\xec\xc1\x18#\xe8\xa3.#\xc1\x10\xa5Y\xc4\x03\xb8R\xe7\x05+\x15s\xef?\xa4w\xe7WV\x9eomm=\x7f\xfeqi\xf5\xc3\x1b\x1c\xc7"\xb4\x127\x8b\xc2&amp;\xe3b\xc4\x93N\xd3\xa6\xa0_o`\xffUTU\xa6\xd7?R\xd68\xc8B\xc5\x02\x95\x01,\xea\xedb\xb4\x9e^\xdd\xd8}\xfbl\xfe#Ez\xbd\x88\x9a\x9aZ\xdb\xfa\xb8\xfa\xfeM.\x97\xdb\xdcT\xa3E\x9c`\xdc@\xce\x8e\x9b6\xc5\xd6v\x83`|h*\xc6 +k\x96\x9cJ1\x9c\x98\t\xe7K\xf9\xb2$\xe6\xa8\x8b\xeai\x10\xad&lt;\xff\xf6\xde\xda\xda\xda\xe2\xeb\xc5\xb5\xb5\xa9\xa9\xf1\xf1\xd1\x89\x89\xf1\xa9\xad\xf9\xf4\x9b7\xf5\x1c\xfe+W\xc4\xa8d*\x07\xb5\x98m\xfb\x1fK{\'\xd3\xb9+h*u\xf2f\x8e\x9aMQ\xea\xf1\xf4B5\xbd\xf0\xe8\x87[\xf7\xe7\xe6\xee\xcd\xcdMA"\xfc\x02j|\xd4\x17\xf2M\x8c\x8eNm-m\xa4?\xa4\xe3\xf5(\x9c\xa9\x93N\xadf\xd7\xda\x15\xcbb?GF\xaa\xb8\xf5`\xbe\xa1g\xb9\xf7\xe9\xd5\x85j+\xbd\xf0\xe41\xea\xd1\xbf\xfe\xb6\xb7\xd7\xff\xee\xdd\x18\xb0\xe6\xbaH\xe3S\xd0\xca\x17\x02\x17\xc0\x16W\xe67vW\xe3uM\xc56\xd19\x8a\xd96\xa9;\xd8MH\xfd\xd5\xe3j\xb4(\xca\xd1\xdc\x9b\xf4\xdb\x15Xz~w\x17T\x8f\xfe\xf2\xc3\x9d?=|\x10\x99}\x07\xae\xb1\xb9\xb1\xf1n\x8d\x82\xca\xe7\xf1x\'P\xe3k[\xcf\xe6\x97V\xeb\xaa\x8a\x91\x94m\xdave\xf4\x9f\xa1wJ\xfa\x0fw\xbe\x7fR\xcfE\xeb\xab\xcf\xbe[[\\|\xbd\xb6\xf6\xed\xf3\x95\xa7\xdf\xdf\xf9\xe7_\xf7\x1e\xf6&gt;\x88\xcc\xcc\xf6\xcf\xce\xce\xf6\x8f\x8d}\xa2\x9a\x08y\x7f\x1c\x1a\x18\x08A\xae\xf1q*X\x1a\x13H\xcd\xd6\xec\xbb\xc8\xfa\xcf\nD\x8d/&lt;\xbdu\xfb\xd6\xb3\x8d\xa5\xa7\xf7\xc7\x02\xa3\xb0\xcfX\xffX\xff7\xdf\xec\xed\xdd\x1dy\xd0;&lt;&lt;r7\xf2"\xf2\x02\\\xa3\xdd\x82V\xa1\x1f\x87\xae\x0e\r\r\r\xf8\xe0\xb0\xa9\xd7+K\xab\xf1x\xcb:\xb2q\x0b\xc4\xec!J\xf5\xd1\xd7\xb7o\xf6\x0f\xf6\x0f\xde\x08\x04F\xa9e\x02\x93\x937"\x91Ho\xef\xc8\xc8\xf0\xf0\xcb\x97\xe0\x8a\xcc\xcc\xcc\xcc\x06&amp;\xbaT\xa1\x90w\xe8\xd7\xd7\x80u\xf5\x9a\'\x14\x9a\x18\xff\xee\xedB\xbc\x15\xb7j6b\xf9wt\xbd\xf5\xe4\xcfw\xee\x8f\rN\x8f\x05\xa6\xa7}&gt;o\xc8\xe7\x9b\xfc\xcd\xf5/!T\xb7\x86\xa9\\w\xefR\xae\x80\x8f*\x15\xf2z\xa8V\x03`\xbb\xea\ry\xbd\x81{\xf3\xaf\x16ZUk\xc7\xce\x95\xb9\xa9\x13\xeb\xf1\xd3\xfb7\xfb\xa7\xa7\x03&gt;\xaf\xd7\x03/{\xbc\xde\xeb\xff\xf9\x8a\x02\xbd\x1c\xee\x16\xb0"\x91\x1733\x94:\x14\ny\x86\xfe\x08*\x8fo\xe0\xda\x80\xc7\x13\xf2N\xde|\xf6d\xa1j/\xd6\x95\xed\xac\x10\x7f\xfc\xf7\xdb7\x07oL\x0eN\x83\xc83\xe4\xf1\xfa&amp;\'\xaf\x7f\xd9\xdb\xfb;\x90A\xae\x91\xde\x070\xd7\x1eL\x1f\x08\xf8P!\xcf\x00p&lt;\xbe\t\xcf5py\xbd\xd3\xf7\x9f&gt;zU\xdd\xb7j\xb6\xde{N\xe5\x16\xb0\xfa\x07\x7f{}rrr\x1ad\xf8&amp;\xef\xef\xff\xfd\xd5\'\xa6\x91\x07\x0fA\x15\xf9Gdvv0\xf0\x89\x0bN\x87\xd7\xff\xcb\x9a\xf9\xff\xa4\x91\xa7q\xfc\x92\x89?\xcf\x0f\x93@B\x04\'3\x06\x06\n\x0c\xccFc\x11\xac_\xf8*\x96\xe2U\xf1\x86H\xd5\x92\x03\x95\x14u\xa2@X6D\xbd( \xa9\xa9\xd6P\xf9a#~\xd9\xf6r\xa9\xc7\x0fm\xf1tc5\xcd\x12j\xda\\\x93\xdd_\xce\xf4\xaenn\xb7\xbain/\xdbK\xd3\xee\xed5\xb9gp\xff\x84y\x02\t0?|^y\x9e\xf7\xe7\xfd|\x9e\x0f\xbdJ\x11lGu\xaf\x92X\xe0 ]7\xbf\x11r\xf0\xb9\xf4\xe2\xf2v\xd0kTi\xc5\nsC\x83\xc5\xa5\x86\x95Hrk\xb7\xceSw\xfb\xbc\x8au\xddM\xddM\xbc\xb6x,\x0b\x00\xf1/\x08\x17\t\xd9\x82b\x92\x92d,\x18\x11\x18\xab\xe6\xeb\xcb\xdb\x11/\xae\x92(\x14\x12^\xd1\xea\xaa\xbe\xb6v\xbb\x9b\xaa\xe2\xaa\xe3\xb1 x,(\xa2\xe5\xdc#.\xb6]l\xebP\x8bP\x11)Bti\x8c\xf6\xb2ld\xfb\x85\xa0X/~\x7f9b\x02,\x89\xc4l\xe13\x01aVomu\x9fs}R\xad#\xbf\x11G\x87xCm\x01 \xbe\x01u\x02\x16\x82\xa26*=&lt;\x82(L\xde\x02\x97{&amp;\xe4\xb5`\xcd773\xac\t\x1f\xd4j\xc5bs\xc3E\xfel\xd0\xd1`\xdeR\xb4{&lt;\xe7\xee\xc0\x83\x01V\xd5\xe5\xc7\x01\xeb\xd7\xbe\xd8\xd6@"\x14\x95\x1a\x19\xee\xd2Q6\xdad\n\xb3\xdf\n\x8a\xf5\xe7\'\xc1\xb0aP\xa1P\x880I\x03\xd4\x07&lt;\x13\x0cL\xdb\x0e\x8a\x82\x8c55U+\x08&amp;\x0fP\xd0\xae\xf9&lt;\xf1-\xa7\r\x14O\xda\x00kmD\'KaF\xc32\xf7\xf3\x15!\xb1\x1eW\xd8X\xd4\x8aA($\xae\x8ejoq\xb9F]CC\xfd\x03\xed\xbc\xaax\xb9\x1f\x1e\x0e\x8dB\xb3\x86\xe8h\xfbU\xf3\xea\xfd}\x90&lt;\xc5c\xe9t\x94\xd8\xe8](\x0bzI\xff\xb8\xc2y\xf1\xfe~\xa0\xd2\x82A\xf4V}ikK\xa1\x18\x18\xe8w\xf0\xc9\xaanC^\xf0PF\x8b\nt\x07\x06\xd2\xdb\xa0\xe6["I\xda\xd2kkz\x19\xc3\xa0\x12w\xac\xbc#dS\xbc\x97\xf3\x19\x06gg\x15\xb3*\xdeNa)R\x8ca\xbb\xbb\xbb\x90*\xdeJ\xe1\r\\\xed\xdd\xd0\xadA\xf5\xd0\x95D\x08\xd8\x82\x06A\xe5\xa8FIb\xce\x91a=\xc30\x88\x98^\xf6}.$\xd6\xe7\xa7a\x03n\xb5Z\x15.\x8bZ$Bl6\x9b\xc3\xe18\x97\xfb\xedO\xea\xaa\x8a\xe7\xd1 c\x03\xb7nma6\x8f\x93\xb2\xa1\x14\xc5P\x88H\xa3T\xda\xd2ig\x8a\xa1H\xb1*\xc9\xde\x13\x12k\xf2\xb4` \xb4\x83\x01\xadK\x82\x89l\x94\xc7\xe3\x84=\x08&lt;\xb7\xf9\xa8\xb6D\xa0\x03\xe1\xb7\x03Y\xfbn\x93\xc7\xe9t:0 \xc7\x14\n\x04!m\xcet*\xcd\xa0\x1a1\xb1\x1c|,\xe4\x05\x17`\xd9q-\x1e\xd0\x8a\x1dX\xbf\xa3\x8at\xee\x0c\xe7X\xe7tPH\xde\xbd\x9a\x9a\x1cMu\x1eG\x7f \x1a]2\x19h\xad\x8db\x9c\xceT\x8aAH\x92Hr_?&gt;\xfbL@\xac0\xd8\x16\x8e\xf7;\xacS|\xfc\xf5\xd1\xa3\x9e\x9e&amp;0\xd1\xbaj\xfdx\xe3\xaa\n\xff&lt;\xdag\x03`Q\x91\\\x90\xf5\xc5\x02\xb3\x1e`r:\xa9zh\xef\xb4\x1d\x8e\x91\xf6\x13\x81\xb8jj&gt;\x03,z0j\xed\x99\x8a\xc7\xd6\xd7}\xbe\xf5\xc2\xcf\xf1\xa5\xa9)\xabu\x80/\xdb@w\xd5\xb9\xf8O|\xc3\x0e\xc4\x0b\xc1\xccv&amp;\x97\x0b\xfab\xd1\xa9\x80\xd5\x03\xd2rRr\x8dZM\xd8\x97\xdf\xbe\xef\xfc\xe5\xa5@\xff?\xdd\x9b,\xfbL4n\x9c]\x8a\x15|\x1c\x17\xc9U*\x15X4\x1c3M\x05f\xad\x87\x87\x03\xe0\xf0\xed\xbcs\r\x1c\x06\xa2K\x056\x97\xc9\xe4`\xfa\x08/E\xf9d\xbd\x1bI9)\n\xd5\xf4\x9a\x89\x99\x07o;\xdf\xfc$\x08V\xcd\x997[\xce\xf9LF&lt;\xba\x14^gY\x8e\xe5s\xb1\xbd\xbd\x9da}\xbe\xf8R4\x8a\x1fVct\xe8\x90\x87\x8a\xc7|\xc1\x1c\x0cDa\x98&gt;\x8c\x84V\x94\x1a\xf9.\x05udPT\rX\xab\x8b\x1d\xff\xfaeR\x88\xeb\xad+\x7f\xb4&lt;\x98\xcb\xc0I\xdeh*\xc4\xa7\xa6\x02x\xd4hZ`\x83\xb9\xcd\xcd\x08\xeb+\xc4b^C4\x00P\xa3_\xd24m\xf0\xc6\xbd\x0b\x1c\x04[b\xb9\xf0B\xd2MH\xc0\xe3\x87)F\'\xabG\x94\xea\x16;A^\xfc1\xb1#\xc8\xa8\xafZi\xdb\x08r\x80U0\xf5\xf4\xf4[q\xda\x90\x0cs\xc1\xccf&amp;\x03\\\xe1B\xc1k\xc0q@\xa2\xddn\xb7\xc9`2y\x17\x8e\xf3\x80\x0c\x85&lt;(m$\tL?&lt;\xac\xd3\xe9\xf529\xa9n\xc1\x99\xb5\xd0\x8f!A$?iy?\xbe\x92e\xbdn\xa3\t\xef\xc1\xac8@\x95\x8a\x99J%3?\xbfY\x8c@\xb1\xbc\x06\xa3\x1b\xa0h\xfaK\x82 \xdc\xcb0\x11f\xca\xe5r\xe5\xc9v.R&lt;\xd8 P\xbd^\xa7\xef\xea\x92\xc95J\x0b\xb6\xf6\xcf\xd0\xfft\x9f\t\xb1\x0b\'\x95+\xaf,3,\xe4dp\xb0_K\xcfd\x0f`\xce\xafTn~\xfa$\x03\x85,F\xc2^#&lt;\xc1\xe9\xd1\xa1-\xb1\xc453W\xfc{\x84;}r\xe3\xce\xdd\xdf\x9eF"\\&gt;K \x8c\xae\xab\xab\x8b\x91\xfb\xf7-\xba\xd6\x8e\xde\xb6\x11A\xae\xb7&amp;\xd1\xbd\x04)\x86\xc5\x07\xad\x83\x83\xf4\xcc\xf1f\x84\xdb\xae\xfc\xee\xee\x1f\xee\xde\xa9\xe4\x8a\x07\xc5\x03\xce`\x05?\x1f\x1a\x95 \xf52J\x95-\xce\x07\xf3\xec\xb3\xcb\x95\xbf\xdc\xb9\xf1\xec\xdf\xbe"p\xa9P\xc8\x96\xbe\x1e\xb0\xc8\xb5Ffz\xff\x9d\x00\xa7\x88\x9a\x9a\x1d\xaaOI\xa6L^7.\xb1\xe2\xf6\xecf\x86\xfd\xb4\xfc\xe2\xe6\x8do\xff\xf4\xf0\xf4\x03{\x10\x8c\x94\x96\x1c\xa94\xe5\xd8e\x86/\xacu\xe1\xc5MP\xfb\xeb\xd7\xf3\xb9\x9bw\x8e^\xef|\x17\xde\x0c\xcf\xadJ\x18\x10W\xbd\xdf\xbf\xefo^\xe9\xd4\xb4\x9e\\\x11\xe4\xa2\x99\xea\xed\xe8\xa0\xacI7-Q\xa8\x92s\xc5\xc8Q\xf0\xecl\xfe\xe1\x8d;G\xa7\xaf\xbf\xe2J\\\xc9\xe4\x1c\x19\x919\xaf\xea.|\x7fm\xd8X\xe4J\x1f\x1f\xfd\xf0C\xee\xe8\xe1\xc3\xe7\xb7_R\xe3\x1b\xa5\xe3\xd5\x16\x8c\xd2\xe9\x19\xbff_\xee\x7f\xfa\xdf\xf7\xa1\x93KBd\xebJ\x1a\xa6Qq\xbf\xc9\x80k\xb5D\xf28?_\\:9+\x1f=\xbcqT\x8e\xaf\xb3\xf9l\xd6\xe0I\xeb\xa9\xddD\xa8\xf9\xda\x85\x11c\x9e+\xce-\xc4\xbf*o?\x7f\x1e\xec\x19h\xb1\x10\xb4q\xdc\xa2Fe\xb0\x13\xfd\xfb\x9a\xf7\x7f{\xfaFs"\xcc\xbf\x05\xef\xe4r\x8dEkp\x13*\x151\xb3\x98\xddX^u\x07\xe2\xb9\\\x99\xf5\xb1\xc1`)\xbb\xe1\xb6\xa5R\xd4D\xc2\xdfx\xa1\xb5K2\x97\xf7\x85\x17b\xf1\x0f\x05\x8e[\\m1\xdb&lt;\x0e\x1b\xa6\xd4\xd4\xebt\xf5\xe8\xbeR\xfd\x16\xb0\x12\'\xc2\xf4\x9e\x13\xe4\xe2\xca\xfbe\x13\x9cl\\\x84{\xc6n\xc0\x8d\xf6\xc5\x8dp\xe1\x03\x9f\xab\x92/\xbb\xa8\x121\xcc\xc4D\xdfDcs\xa3\xb4~|\x8e\xf3q\xe1\xf5\xf5\xf5\xf0\xc6\x83\x95\x16\x9b\xd3#BAU\xd3\xb5R\xf0\x07\xa5\xe6\x0b\xe1\xb0j\xceDm+\xff0\x9a\x0c*\x89\xd9E@Q\xac\x8f\xec\x0f\x96c\xf1x\xa1\x04\xdb0\xbc8n!\xe5\xf2D\xdf\xd8\x84\xb4\xb9Uz\x1fqod\xb3s\xf9\xb9\xe3\xec\xe2j\xa7K\x8c\x89P\xd9\xf4\xf4\xb4\xb4Q:\rX\x8c\xec\xa9pX/\xaf\xee\xbd\x1ah7\x1aTf1\x80\xa9h\xa3a&amp;\xb9\x98=\xce\x1f\x14\xf3\xbeB\xb2\xa5\xa1WS\xcfc%\xa4\xcd\xd7k\xa7\xe5\x88\x84Nn\xcc\xe5\xf3\x1f\xe76\xa0\x88`\x1a2\xa9TZ[[\xab\xf3\xef+u\x8d\x1f\x9f\xbe\xb9*\x18\xd6\xd8\xde\x96\xc7\x08\xb3\xbeDL\x8a\xc5Z\xc2\x9d\x84|\x1c\x1c\x94|\x0b&amp;\xdc\xd5\xab&amp;Q\x14\x01\xac\xbe\xe9f\xe0\x92\xde\x97#\xd8\x90;\xb9\xb8\xb8\x9c\x9c\xe1\xb1\xea\xebe\xd3&lt;V-\xd8\x96\xacve\xb5S/\x10\xd6$3\xf6j\x8c\xa2\x8d*~v\x10a\x98\x84\xa0\xed\xc9\xe5$\xbc\xdc*\xb3R\x89\xa0\x14:\xd176\x96\x08\xd5\xb6^\xb8\x0e\xd5\x92#\x9a\xad\xa1Q7=\xea\x92h\xe42y(\x14\x9a\x06\xaa.\xff\xbeZ~\xbf\xb3\xb5\xb6Q\x98\xe3V\xcdNZ\xdd\xd6\x89\x1a\xdd0\xeb\x8b \xa0\xc3@\xef\xa3\xddv7\xe12\xab\xc9&gt;D\x8e\x8a\xc8\xb1\xbd\xb1\xbe\xab \xa1V\xc0\n\xc95\x89\xbe\xbe[\xb7\x14[\xa4\x08\x91\x9fc\xc1\x83\x10`\xb5\xfd\xd4\xda\xb8&amp;\xccLVs\xe5\x1dJ\xba0\x03hK"B4\xa4Fiv\x8d\xf2\xe1r\xf1\xb7I$\xfcDB\xb2\xf6\xc6&amp;\xfc\xf7a}\x90\x17$\x8f\x0fx\x98\x98\xf0\x83\xde\xa5\x80\xcbc\x99eo\x1a\xae5\xffG\xa0\xc1\xfa\xd2\x89\x07e\x10;\xecD\x0c\x92\xa5\x81\x1d\xd5W\xbd\xe5\xda\x83\x0c\xa9\xcd\x80\t\xb9\x19\x83/\t\x7f\x88W\xd1\xb4\xfc\xeaD"\xc1s%\x12\x89\t9\xfc\xd2X\xdbz\xbd\xb56DJ4+\xd2k\xdf\xef\xfcF\xa0x\x99v\xea\xae&amp;M\x84\x04\xfb?-\xe7\xf7\x9a\xc6\x9a\xc6\xf1\x03\x83\xd7s10\x82D3\xa8d\xa6&amp;\x1du\x0e\'d\xfd\x91\xe6\xd8\xd4\xd1*j1k\x88h\xab\r$\xc6B4A\xa3\x04\x8f!\x11Z\xc5BP{(\xedE\x88\t\x86\xe6\xe2p\xf6b\xb7\tF\xbbM!\xe7b\xb3$\x8b4\x90-\xa9\x16\xf2\x83da\xc9\xd2P\xb6\x87\xd2\xc3&gt;ov\xf7?\xc8\xbcD\x92\xe0\xc5|\xf8&gt;\xcf\xfb\xfc\xf2}\xc5\xc0\xbb\xa1SF\xcf\x04\x90\xef6@.\xf8\x7fb\x02&lt;\x1e\xd4\x02\xaa\xeen}H\x03\\\x00\x06L\x13\x1d\x97\xf6\xeb\xeb\x06\xa7k\x1bVH:^\xe9\xef\x1e\\\xdd\\\xfeCV\xabqy)\t\x813\x9c\x12\x1b\x9e\x18\xec\x8atum|\x17\x89\x0c*\x148\xc9\xf3\xe0\xf1\x1b\xf5\x8d\xd4\xeca[_(\x14R\x02\x96\xdb\rhn7\x92\x0f\xb0\xfa\xf4\x9d}\xd2a\x85C9\xac\xbf{eb}sc=\x97\xd3\xb2F5K`\x0clx|"\xd5\x15ArU\xaaU\x92 S\xbc-\xb5Q\xaf\xd7#\x13\xb3\x87\xdd\x8b\x87J\x19&gt;\x88\x88\xdcn\xe4\xec\xe0U\xfa\xfb\xf7\xef/\xea\xdb\x1e\\\xbf&amp;\xc1\x87;/\xaep\x92\xe4\xfc`\xcb\xfa\xca\x06\x95\x18\xc3\x95\x1c\xd7\x81L\x04?\xd5\xf6\xf6j\xa5P\xa90\\*\x02+\x85\xb0\xb4 \x94\x12\xdc\x0cq5d\xb2C{\xf7\xfdNXzp\xad\xebb\x02\xbbv\x85b\xa1\x9a\xcb\xc6\xd1I\x9d\x9aFs\x05\x8d\x0c\xec\x83\xf4\x80\xd6\xb5\xd0*TRn\xae\x01\x0c\xd5\x94{\xf6\xf0\xf0\xf0A\xc7\xac\xe6\xd6\xf7\x1b\x83)\xe0\x02\xaaP_\xe7\xdd\xbbw;!n\x0c\x03\x96\xcc~p\xa5c7\xe7\x07\x8f\xd5\xabSKH\x86\xcb\x8di8\xc4\xe5n\xb4\xb7\x9bZ\xe1\t7\x93\x1d\xcb5\x1aO\x8e\x1a\x8dCp,;\x18\xb2\xf6\xefh+R\x01\xd9\x10\x96\x1eaA\xd8\x18\x16K\xc8\xdc\xc5UN\xddPH\xb5\xfd\x0f+\xab\x1d\xb3\xcb\x94\xc8D\xed\xed\x85p\xb8\x90\x1d\x1b;:&gt;&gt;j\x1c\x7fx\xd28\xba\xb8\xb88&gt;\xbe\xb8\x88||VkE\x06\'\xdc2{h\x11\xa9\xa5\x87\x9c4,\xa6=\x07W}\x82Kt\xe0)\xea\x0cH-m\x08\xe4b\xdc\x8c\xbb\xa7P\xab\x85M\x9f\x8e\x8f\x8e&gt;\x1d\x81T=n\xc0:Fk\xb1\xf7\xe3|\xb4\xd6\nVRJmh\x11\x89u_*\xfd\t\xc7|\xa7W~\xacL\xe4&lt;\x8d\x1b\r,D\x88\\hL\xc61\x8c\xbbZh\xd5j\xc1J\xd5\x86&amp;]\x9e\x1eS\xa1\xd2\x18\xb3\xdb5\x8a[\x18\xf6\xe3\xbbyK4\no\xba5v\x84\xa5G\x19\t\xc33\x0bW\x7f\xdaMt\xe3\xb4\xa8\x0b\xd0$\x06\x9d(\xc7\xe1&lt;_\t\xd6\xe0\xc9\x85`\xf4\xe1\xc7e\xf5\xbd{\xc1Z\xab\xca\xd8\xf8\xb9w;\x91`\xafe\xceb\xb1\xc0\xbb\x04\xa3]\xd4w\x82gI\xa5\x0f0f`]\x08\xac\xd8\x967\x00\xa9\x06\xba+\r\x83\x93@e\xb1\x84!.\xd4\xe6\xe7\xf33ssPO\xe8\xbc3#\x03\xa8\x0b"+\x91(\xe2\xea\xed\xc75!=\x04\x07\xa9tV\xa6dV\x858s-Z\xdf5\xaa\x1c\x12\x05\xc6is&lt;\x94Ta\xd7J\ra\x15*\xd5\x1eSb\xf9\xf9\x1f\x1e\xbd\x7f\xf4\xbaL\xf9l9\x99F\x86\xf7[f\xe6,\xbd\x0e1\xae\x85\xd4\x83\x925\xf8\xe3\x99\x10G\x16E\xce\x97P\xf4\xf5K@\xae,N\xd2\xe1\xe8\x8a%\x1c\x0cB \xa8T\xccj\x9dw\x1c\r\x1dF\xfd^\xcag\xe5mY\x9b\xd5\x90/\x01V\x97B\xd3\xdd\xdd\xd6&amp;\x85~\x9f\xb3\x9e\x0br\xb0YtfT\xab\x1c\xfd\n\x9cc0\xb1\xa3we\x05\xa8\xc25x\xb9\xbc\xf9Ry|\xd4\xbf4:\xe4\xf7C\xd0eY\xb3\xcf\x97(\xfb\xf3.\x89\xe2\x9a\x06\xea\x07\xa8\x015\x1a\x8e8\x10\xe6\xdc\xe9i\x91\n@\xdd\x8c1\x1c)\x91[\xe6\xa2ru\xc2\xe82\xe8\xbc\xf9&lt;\xc2Z\xf3\x97\x97\xfc\x0f\x1f/\xcf\x97t.\xb5+Q\xca\xfb\'\xe7o\x91\xd7\xa5H\xad6P\x8b\x19\x88\t\x82%:(Rl\x80\x16\x93\x0c\x03X\xcft\x06]\xb2\xec\xf5zK\xf9\xc7\xa5\xd2Liy9_*\xed\xec\xfcx\xdb\x15\r\xab\xe5t\xc0\x95\x9f\xcc\x97\xa2\x8a\x8eK,-t\xaf\xdc\x80@\xa7\xadc[\x89@\x80&amp;H\x0c#i\xcb\x1f\rE0S&gt;\t\x8d\x84\x11bAt\x07V\xb3^\xdf\x18t\xbb1%\xc3\xf0\x99\x841a^\xe9RJ\xfb\xba\xbb\xb5\x10\xcf4\xd9U\xa7 T\xa2\x1fv\x8d\x81\x00\xd4\xcd8F\xf6?\x9b1x\xf3\xc9b\x82\n\x04\x83\x85B\xa4\x05\x85M+\x08/T;\x1c.Bn\xcc\x99\x8d\x89\x8cE\xd5\xa1\xed\xd3\xda\xb5`\xc3\xacG\x18\x8f\x87\xc8uf\xa4X0"\x8e\x8b\x1d+\x86D2Y\xccX=\xd6j\x05\x98\x9a\xe9&amp;\xac\xedt\xb3\x1e)T\x1b\xd9\xdcX\x96\xd5\xcdXX\xb5\x03\xef\x0e\x01\x15\xcfp\xbc\x00\xa9\xe7\xff\xedu\xb2\x08r\x89y\x9c\xec\x8fR\x947\x997\xf8\xee\x05[\xb5fsgg\xefr\x81!\x8d[\xcdZ\xa1\xb6\xf3\xf01\x04z\x95\xa3\xeb\x81=d\xcff\x19\x19&gt;\xf02\xf6\x8d@k}\xba\x180\xb3\x90\xafq\xb1&lt;@yKk\xaf\xbf\xee\x01\xd3\xde\xde\xc3\xb5\xe7kk_\xdf\xedM\x9f\x9c\x9c\xbd89\xdfy\xff\xfe\xb9Q-\xef\x95\x90\xd7\xa1\x86@\x9fB1\xd6\xccK\xa7PX\xce\x9328\x13K \xb9X\x08\x11\xe5\xc9\xaf\x1f?.}\xfe|rr\xf2\xf3\xdb\x93\x93\xcf\x7f}\xfb&amp;\x16\x8b\xad\xd6\x81\xb4\xce\x8b%\xd0\x92\xe02\xad]\xc60\x1a\x8c\xcd\x9c\x0bvKDt0&gt;=b\xf6\xd1V\xd4\xc3\xca\xd5:\x83kg{\xbbyv\xfebaa\xe1\xc5\x0btqr!v\xda\x93\xde\x87vC&amp;\xb3\x11*\x1aR\xb5]\xcbp\x0cA\x9b\xe3\x0b\xc2]\x12q~\x1e\x87\x90J\x81^\x84D\xad\x96\xab\xe8Z:\x9d\xde\xde\xde=?;\x7f\xf3\xe6\xcf\xe7\xe7\xe7g\xcdfz\x1fvc\x0e\xb6\x1eC\xb3b\xce\xae\xe5\x18\x92\xf0QT\\\xc0\xbb+7N\xfdI\xf4I:M\xb0\x12\xb5\x9c\xa5M\xa6Vk\x1f\xb8\xb6\xf7\xb6\x9b\xe0\xf1\xf0\xc7vz\xff\xcboGG\xb0\xfd\xc64&lt;MpZ\x19\xec[\x96e\x03\xabB^\xa9q~^2&amp;\x02T C\xb3\x0e\x89\x98\xb0z\n\xa6\xea~:}\xa9\xd9\xe5\xaf\xfd\xfd/\x8d\xe3\xa3\xc5E\xbb=\x94\xe3I1\x0eR\xd1\x12\x96\x95\xab&gt;\t\x89\x05r-%\r\tC\x80f%4\xc1\xa3\xb2\xb4\x07\xb8\xea=\x85t\xba\xfe\xe4\x1c\xfcj\x1f\xb4Z\\\x0c\xd9CcY@\xc2HB\xa2R\xb1r\x17.(\x96\xc8y2Y6\x1a\x12\x01\x16\xb0H\xde\xea\xb6y\xaa\x91\xfd\xf4&gt;\xc2z\xf2\xe1I\x1d\x99\xf0\xb7C$\x96\x9d\xc3\x95&lt;\x8f\x83\x13\xd2\x14e\x91\xcf~\x12\xf4\xde\xdd\x8d\xd8\xaf\xfe\xb2W\x17P\x05T\x12\x9a\xe7y\x8f\xcdT\xff\xaf\x15\xd3\x85:2\xe2\x97/\x13\x90\x02!\t28c\xcb\xe2bZ\x15\xa0t.N\x9a[\x17\xf4:\xa0\xe8\xcd/\xc0eH\x14\xd1X\x89\xafZ\xadD\xa1\xd6D\xaeu\xe9\xef\x10\x1cR\x0cT\xfbZ-N\x92\x04\xbc\xc9\xfa(5\xa5#\xa5RmLX,\xe7\xc9\xd0x\xb98]\x8c\x83^\x04a2\xf9\x02r\x97\x11%\x9fw\x90|,j\x08\x1e\x9cF#\x93q\xe0x&gt;\x9f9\x13P\x1b\xe6hN\xda&amp;=\x10\xf6\xf2\xa4h\xa1&lt;\xb9\x94\x9c\x9e\x06\xff\xa2i\xb1\xcfd\n@\xe15&gt;4:55\xb569&gt;c`yN\xa9\xec\xe8`l6[\xc6\x87&gt;{\x9cQ\xe3\x1a\xa8\x9bW\x05\xbd\x9d+\x12\xc5\xe2~\xd8\x8e\xc5-\xca\xec\x93\xc0\xde\xa7YJ\x97\x9f\x9c\x9az\xfatjtr\xdc\x1b\xa6y\x06\xef\xc09\x9b\xc7f\x1b0S\x94\xcek$\xd1\xe8M\xda\xf5\x12\xdd\x8a\x12\x8cL\xb4&gt;\x90\x18\xf2\x97\xa7\xb7F2&gt;\x88^*\x08\x95\xf0\xecdr\tX\x8d\xeap\x81\xc00L\x89g\xad\x99\x9c\xcdL\xe9\x80\x8a\xb8~\x89\xf5\xeav\xfe\xd7\xb7\x0bN\xa1$\x03,\xdf\xf4\xe8\xd0\xd2\xd6\xae9c"\xc4\x8e[\xaa \xac\x91\x84q:\x11\xdf\x0c\x16\xaa\xa8Jdl\x1et\xc4r\xa4\x98\xcc\x1bUb\xac\x03\x8dT\x87o\xde^~\xf4\xe8\x973\xa1\x02\xc5\x0f\x03\x84995T\x8eo\x15\xcdV\x9ev\xa8\x88j\xf5\xce\x9d\xcd\xf8\xe6\xe6\xa6\xa9Zed\x0c\xc6\xdb\xc0\x84\xb9o\x07(\xef\xb8\x97\x85\x8e\x17\x8d\x04\xa5\x0f\xae\xdd\xfc~\xe5\xf5\x9f\xfe\xfe\xe5\xe0\x86\xe8\xea\xbf\x9fA$\x02,15\xfet\xa8\x18\xdf5C=\xc1:\x08\xbez\xc7\xb49\x12\xdf\x0c\x17\n\x84\x92#i\xab\xad=\xf7\xe9\xdbLb:9#\xefW(04Rm\xfb\xe9_\xbf\xff\xeew\xb7\x1f\xfe\xe5\x9f\xff\x88\xff\xed\xe7\x17\xe8;\x10DW\xc7$r\xc6VUb\x92N\x8c\x8f\x82{\xed\xc6\xe3##\xac\x84(l\xc6\xe3\xbb\xf1\xad\x04\x15\x96`\xd6\x8cu\xd5&lt;\xb0\xea\x19H\x94\x97t*U\xbfb\x18\x89\x85\xb0^\xbd\xba\xf9\x1fV\xce7\xa6\xa9,\r\xe3\xde\xdb\xeb\xbd\xf7\x84\xa4\xa4iC\xd3VMoEZ\xab\x82L\xd0\x04\x84\n\x91Be]B&amp;j\x82\xa5J\x94T\x08H\xc88\x88`&amp;F0\xa0.\x86\x1b\x0c8\x05b\x01Ic4\xacC\x06q\xfc\xa2\xc6\r!\x1a\x89k\x98,Q\xc3\x07\xfd\xca\x9f\x8c\x86\xe0\xec\xc6\xcd\xec\xf3\x9e\x8b\xbb\xb3\xffgf\xf7\x08\xb45\xa5\xfc\xee\xf3&gt;\xefs\xce\xed\xb9\xb0\xa7\xa0\xef\xc5\xc2\xf2\xbb\x9b\xfd\xbdS\xdf^\xdb\xfd\x7f!\xc3\x8b|\xf1\xe8\xe9\xab\xf7\xf3\x1e{JJzN\xe4T}\xcbd\xe3\xb3hcw\xe5\x91#\x8d\xcf\x9e=\x9b\x9c\x9cl\x8a\x16\x15\x15\xb5\xed\xdf\xbf\x7fb\xffD\xe3p$\xd7\xef\xf1l\xddx\xacv\xfd:\x9c\xf1\xaf\x07\xd7\x81\x03\x07\xc6\xbfz\xbe\xfc\xc3o\xfb\xc3\x12\xbb&lt;5\xf3\xe0\xf3\xff\xf1oZ\xac]\xbb\xfb\x8b\x1b\xbf\xbf\x17\xd6\xdf\xcd\xbe\x87ZV{e^\xe4Tdr\xb2\xb1\xb1\x1b=\xd9\xd881\xf1l\xf2426\xda\xd4\x18\xdd_4\xd1\xb6\xbf\xedt=\xa8\xfc\xc1\xd2m\xb5\x1b\xf8n\xc1\xbas\xa4\xd7\xfd\x9e\xbew\x0b\xcb\xf3\xfd\xfd\xa2\xe4\x92\x1c\x10\xed\xf6\xe7\xbf|/\x16\xa5\xbb\xfd\xe6^\xbf\xc2\xf4\x8e\xd9\xc5\x98\x9f\xae\x1a\xf3\xba\xf3\xca\x8fC\xaf\x96\x16p=\x9b\x80Z\xdf\x0f\xd1\xd5\x1b\xdd mi\x8a6u_\x01U\xa0\x14X\xd4\x87\xf9GI\xaec\xdf}w?\xd1\xfe\xe7\x85\xe5\x1f\xfa!\x97\xe0\x924&amp;\x89\xbdo\x1e\xfc\xa2\xa0\x85N\x0f\xa6.\xcbL23\xfd\xfcJ\xf3|Y\xe9F\x93)\xb9\x98sE\xea\x87N\xb7\x0c\x0f\xb5\xb4\xb4|\xff\xc7\xe1\xe1a&lt; \xcc\xd3M\xd1\xee+\x01P\x05\xb2\x83[\xb7\x1d\x83\xb5\x8e\x1e=\x9a\xbfnt\x14z\xf5\xbc|9\xbb\xbc\xdc\xd1\x1f\xd6\xcc\x82`\xd6\x15IQ\xc5{3?\xfb\xf7\xae\x91\xea3\xbd\xa2\xa40A\x90t\xfd\xd6R\xfc=\x9a\xcb\x94\x9c\x9c\x9c\x92\x9e\x91W~52\x1c\x89\x0c\r\xd7G\x86?\x8b|\x16\x89\xd0\xae\xeb\xd0\xf0\xe9\xa1C\x98q&lt;\x9e@0\x18\x08n\xbd\x7f\x0c5\x04\x16\xed\xe9\x8d\x8e\x1e\x18\xef\xea\x9a]\x1e#,\xc9,H\xb2&amp;H\x12\xd0\xfa\xa7\x1e\xfd\x0c\xc5\xd0x\x8f^\xdf\x14E\xa6\xaa\x8aK\xda\xa4\xeb\xd3\xf1\xf8[\x7f\xe16\xdacI\xb1\xfa=y\x98t\x8e\x97\xe3\xdf\xf1\xf2S\xfc\xf7\x1f"\xe5\xe5\xe5\xf5\x91\xfaCg\x01\xd5PZR\x92\xbdc\xf3}r&lt;\xa9\xb5s\xdd\xfas\xa3\x05]\xe3\xe3\x0b\xcbc#a`\t\x82\xc2p\xc0\x12\x86\xaa\x86_=\xf8\x893\x00:\xef\xf6\xab~\xd1f\xb3\xc9\xb2\n\xc5U]\x1c\xa9\x9b\xed)\xe5\xe7\xfb&amp;p\xa5{\xf2"W1\x19^\xa2\xcfK\x97\xae\xf2\x8fS\xa7\xfa\xae\x87&lt;\x84\x15H4\x04wl&gt;vnU-zS\xb0\xb6\xe7\xfaxla9\xab#\xec\xd0\xcc.`9\x14\x99)\x8a\xa4*\x8a\xe2\xf8I`\xa8\x1e:O\x06\x94C\x96e\x05X\x9aM\xffS\xddlI!\x1c\x8f"\x02\xcd\xe9\xcf\xcd\x19*\x1f\xe98\xd3\xf1\xbb\x8e3\xc6\x98\x1e9\xd5\xd7\x19\xf2P\xf9\x02\x89P \xb8c\xeb\xb1\xd1\xf5\xb0\xd6.C\xae\xd1\x9e\xae\xf1\xb7Yc\x0b\xbf\x0e\xeb\x92\x80"\xaa\x0eI\x92EY\x02\x19T\xfb\xaf\x8a!\x0f\xae\xcd\xf4:l\x90\xca\xe1p0&amp;\xcb.X\xcb\xa6\xaf\x10\x169&gt;\r\\\xa6\x14\xbb\x1f\xeb\x96\xce\xe3\x00\x9b\x9e\x9e\xfez\xfaL\xc7\xc8\xc3\xf6\xeb\xb1DA6\xb0\x02\x89DC\x80\xd4\x1aE\rwa\xf0fL\x8c\xc7&gt;d\x8d-\x195tIJX2K\xaa\xcc\xa0\x16|"I\xfd\xafo\xec\xfeO\x81p\xed\xe9e.\x94\xc3a\xc37\xa9\x8c\xb9\\\x8a\xac\xeb\x8b\xcd\x03\x05\x9bS\xa0\x15\xc7"\xae\xb2\x9cC\xf5w\x1fvL?y2=\xf2\xd5\xc3\xf6\x97]\xb1XCv ;\xbb \x16J$\x02\xa5F\x98\x1aXG\xf3\xd7\xa7\xc5b=\x0bYY+\x0e]1\xa3\x13%E4\x9b\xb9\xb5T`\xa9\x10M\xbd9\xf3\xcd\xee\x7f\x97\x08\xd7^\xdfd$\x94\xcd&amp;\x12\x94\x84\x07\x82\xc0t\x07a\x95\xd8M\x1c\xcb\xc4\xed\xe5\xf4{\xca\xce^o\x1f\x99\x9b\x06U_{\xfb\xf5\xae\xaeX\t\xa9\x95\x88%\x12%\x81B\x93a-\xa2\xc2\xc7\xce\xcd\xc0:9\xb60\xa7kTC\xb3\xc24\x89\nH_p\xe8\xa8$n{\x1f\xfc\xab\x80\x05\xd4\x9b\x9b\xb2l\x13E\x82RA\xc4\x10-\xcc%0Q\xd7W\x9a\xe3oy\x05S\xd3\xc8^\xa6\xe2\x14\xa7?\xa3\xf5\xeco\xda\x1f\x8e\xa0\x80/;\x89*Q\x92\xbd\'X\x92\x88\xe1\x0e\x95\x90\xf7\xe1\xae][\xb6\x00\xeb\\\xa85D5\xfcTS\xcc.\x17,/c\x12\xc2\xcb\x13\x17\xd7\x8bZ^s\xbc\xfe\xa7u\xff\xda\xb5\x1cJ\x04\x95(\xcb\x8c1\xdc \x1f\x10\xc7\x82\xaa\xeb"a\xf9|iii\x84\x95\xc6\xed\xe5,\r\x10W\x1f\xb4\x02\x15\xc1\x14dg\x07JZc\xad!di\xedzC,\xda\xbd\xdbrtk,\x14Z\x18\xcbZ!\xb1\x04\xca\x87\xb0\x03\x89\xa82YU\xb8R\xf8y(\r\xd3.\x7f\xfb\x8f;t3\x97\x01\x04G\xf1\xea\xa1I\x14\xb3,Bk\x91\t\x8a&amp;k\x8f\xe3\xf1\x0f&gt;\xac\xd5\xb1X\xc7\xf0q\xacB\x7f\xa0\xb5\xab\xb3\xbd\xef.\xb0\xc6c\xa1\x06\x18kO\xb0!\xd1\x1a\n\xec\xd8\xf8#\xb10\xf2\x03\xad\xa1\xb7\'\xb3PC\x05\x154\xbb\x145\xcc\x86x\x07\x12\x00\x00\x07\xedIDAT`-p\x01l\xb5\x90\xa4\x18S\xc3\x7f\x1f\x9e\xb7\xef\xd9d\xd1\xb1J\x85{"\xbe\t\xc1\x82OQ\x904]\x9f\x8b7/\x99\xe8\xbc&amp;\xd5\x97\x9a\x86\xb5\xb1)\x85N\xe6\xfd\r\xe0\xba\x0b\xb5\xba\xce\xb6\x96Q\xfb\xed\x08\x06\x1a\x1a\x02~\xe76\xda\xbd\xfeHux\xcb\xbeP\xa8a\xe1\xe4\xc9\xc5[:\x17K\x00\x8a`1h\xc0\xc2\xadO\xd2\x01M\xfd\xf1\x1b\x0c7\xa6\xc2\x8c\xa0\x1c\x80b\x80\xb2\xa17d^t\x91\xc9\x82\xa0\xc9\xf2\xa7\xb3\xcd\xb3;2\xc1\x05\xb0\xb4\xe4T\x83\xcb\xee\xf4S\x1d;;;\xbbZC\rA\xfa\xbd\x96\xd2`\xd0CK\xadZ\x1e\xa5Du\x18\xa38\x14z[\x97\x15\x9f\xd3h\xe2\x11`-\x0b\x86\x19v\x82X*\xc5*\xcd\x90*yG\xf9\x9b\xd3\xbfyz\x93\xc9\x8ep\x98\xfa\x0f\x9e\xb29D\xa4\xaf\x8dw\n\x0eAT`PM[\xc4\xec\x93\x99I\'\x82\x1b\xa8\x94&gt;\xde\x90Vg\xa9\'#t\xa5\xeb\xfa\x95P\x99\xa7\xb0p\xf3\xb6\x8dN\xa7\xbf\x14\xb7\xc8\xac\x9d\xab5\x04\xd5\xa0\'T\x02\xb1Vn\xa1\xe5PCA\x11\x92\x04\x8b\x05\x99\n?\xe1\xd8\x81C\x95\xc4\xcf\xc2\xbd\xbfR\xdd\xeeE\xa5@\x85\xa9\x06R!\xb1dX\x10\xdeb4\xf3\x98\x19&amp;U\xfa\x02s-}B\xef\x1cs\xc1L\xc9&gt;_1\xc2\x95\xb8\xcaB\xadg[\t\xcb\x99\x92l\xb2;\x9dN\xfbFS\xda\xe8:^C\x03\xcb\x876\xac;9;\xa7Jf3\xa5\x96"X\x14\xc2\xe2\x11\xa1*29\x99\xeeA\x03\xf1c\xffM9H*\xc3U$\x95\x83\x14\xc3`\xe41\x88\xcbD3\x99\xfe\xeb\x81\xf8@\xc1&gt;\xc2\xdaNg\xa9H\x89b\xd4\x11\x85\xf4g\x94\xe5\xe4\x85\xca2*\x9dv\xc2\xc2\xc0:\xa3\x96\xd64Du\x18X\x83\x19\xa1\x9ex]\xdd\xcay\x98\x88\xb0\x14%IQ](#i\xf5Q&amp;\x95:\x12\xb2|\xec?Y\xb6\x19V\x07\xb4\xd1\x89\x94\x12\xbcc\xc1Df\xc4\x1a\x02\xbd\xb8\xf2Q\xae\xed\x1bR}i&amp;b\xe2\xfd\x98\x9e\x91\x9b\x9b\x93\x03,/-\x12\xadv\xbb\x153g\xed9#\xe1\xf96\xba7\'\xb4\xd4\\\xf7\x87\'\x9b\x0c*\x89Y,\x80\xb0\x08\x16\x81\xcf;\xc4E\x95\xa1Y\x9b\x91\xe5\xd1\x7f\x0e\x82\xb0\xf1\xa4\x82R6\x9ard\x92\x8a\xf2D\x82\xcc\x16\x8bK\x92\xcd\x02"en6&gt;Pr\x91\xe4B7\xd2\xb2\xcbj\xe5\x18\xfc\xba\xae\xbc\x9c2wz\x85\x95.[\xb2\x82.\xad\xf6ch\x81\xaa8\xa3\xecm\xbc9\xfex\x93B\xf3\x8e\x04\xb1 \x13\xfcAr\x19\x13"a\x91,$\xde\x9a\xdd7\xa6\xfa\x19\xcfO\xfa\x1f\x99\xd7\x8f\xd62TLz6\x1d\x88`IrY\x00\'i\xda-\x98~\xde\x9b\xb9/\x93\xc7\x04aA\x17@8qr\x9d\x0b\xb5\xd2\xbd\x15\xfc\xb1\xddN\x97r\xf0\xab3\x08k\xf0WMM=\xb3\xcd\xf1\xc5\x13\x8aD\x7f~\nGh\x11df\x93\xb9\\\x90\x87WD\x96y\x8dP\xca5\xa8\x1f\x05\x93h$\xba19\x8b\x04\x85g2\xd4O\x96\xe8\x80\xc8\x9c\xfa\x89/5M{\x01\xb9b\xd6\x9a}\x86\xebyBX\xad^\xaf\xb7\xa8\xd2\xdd\x94\x9b\xebv\x13\x97\xd7k\xb7\xa7\xf8R7l\xdf\t,\x8a\x87\xc1\x8b\x95M\x19K\xf1\xf8\xc0\x1c\x17\xcb\x0c\xed\x05\x0b\xa3\xc1_]\xe2Y%\x91\xa9d&gt;\xbd\xc8kd\xb6:\x08F\xe4b\x19B\xaa\xa2F\x93\'\xb3\x18\xc3\x9c4\xb7\xb0xG\xd3N,\xc6\xab\xe6\xbb\x0f\xd6\xec\xe3\xfeB\'\x16\xef\x858\xde\x8a"\xb7\xdb\xdd\xd4\xe4\x8eV\xb6Ux\x9d^\xaf59uCfu~u\xfe\xe0\xae-\x83\x835\x15\xee\xe8\x87\xaa\xf8\xc0\xe3\xf3\x9b\x14\x88\xe523\xe4(w\x14\xc7B\xf6P\xb6\xaf\xda\x8b$[C\x00\x8cs\xca\xa4\x96a0\x14\x9b\xda\x14\xf1\xa0\x92\xaf\\\x96\xa4\xa4/_\x0cT5?\xbfs\xfe&lt;2b\xe0l\xd3\x85\x1azsm\xfb\'\xbe\xe2\x83\x07\xf7\x02\xac\xa2\xad(\x1au\xbb\xa3\xeehQ\xdb\x91"\x18\xac\xf8\xc2\xf6}\xd5\x83\xa0\xdaU]}\xb1"\xea.\x19\xa8\xaaz~\x0bT\xca\xa6;\x8f;\x94$\x94\x91Q&lt;\x18X\xd4[\x14\xa84]3\x03kU+cj&amp;5iy\xc1\xf8\xda\x81\x9e\xca\x1d\x9f\x94\xf4\xf8dsU]\xdd\xf3\'\x9bN,V\xc5\xe7[\x8a.\xd6d\xd6\xd0\xee\xa5\x8fcUT\x80\x0b\xe7\xfe`k\xa3\xb1w\xef\xc1\x0b\x99\xd5\xd5\x7fi\xe2\x8cY\xdb\x86\xa2(l\x0b!\xf9\xc5E\xa0\xa2Ex\x08\x1e\xf4\x03J\xf4\x1b\x02\xc1t(\x18S\xb0\x97\xc2#\xad\x8b6\x91\xe1\xa5\xa3\xdd!K\xd6\x06*p\xc9R\x9cL*\xc8\x7f\xa0\xc4\xc4\x81P\xb4(\xd5\xe09\xd4-\x99\x92\xa1\xa6C\xcfyJ\xd2&gt;\x02\xc1&amp;\x91&gt;\x9f{\xdf\xb9\xe7\xd9\xe0O\xfa\xc3\xb2\xce`{\xfb\xedM"\x8b\xcb 0\xc7\xcb&lt;I\x8a\xcc\xa5T\xee#\x97\xd00\xb6\xce]\x1a\x8bB\xe9\x92Z\x15\x93\xf6\x10A\r=\x8f\xb3\x9d\xbe\n\xaa\xe6:VI\x14EI\x99\x95\xc9\xa4X\x1e~8\xde\xeb\x0c\x87\x07\x9dN\x8f\\\xdd\xae\xa6\x1a\xed\x82l\xb4=\x1a\xec\xf4:\xcf\x86@z\x83\xbf\xe8\r\xf0\xd4\x1f\xb0,\x83\xc0\xc9\xd6\x93\x18W*\x1d\xb3"\xaa\xeb2\x9a\xecl\xec3[p\xd6\xd1\xb7\xa0\x8b\xa5\xf7`\xa5\xd5}\xc2\xc0\xb1\xd0\xf4|S\xb4\x1b\xbeA\xcfk&gt;\xcd#\x99Dq\xa4d\xb1\xce\xe5d}\x14\x8cO\xbf\xce\xf7z\xc4"\x15\xb9vG3\xc0\x8dF\x90\x0eX\x07\xc3\xe1\xdd\xdd\xc1\xd6\xe6\xb4;\x1b\x8d\xbe\x83jq\xe48\x17\xb9\x8c\xc34\x9e\xac\x1d\x9c\x0e\xee\'5\xe1\x1a\x06g\xb0W\t\x03\x8e\x9a\xd0\xaai\xae\xca\xd6\xb4\xdf\xc2\xd8M\xdf#\xba%\x90"\x1f\xb0\xc2(RJM\xc2\xe8\xaa\x0cZ\x01\xec\x02d\xdd\x1e\xa8^ty\xf3\x19\x17\x11\x07\xdd\x9d\x0e\xd6\x16\xa0\xa6S&lt;~uS\x14\xeb\xec([\x162JW\xb71\xd4\x82c\x11\x0c\xb7\xa4Z\xf0\x05\xc1\xc9\xc2 \xa8\xd5\xd2\x11\x87\x81G\xe8\x11\xce%\xe8\'\x18\xd3:=\x08$n\xd3m\xbe\xcf\x95LT\x18\x861*\x99\xa6\xe9\xafE\xe68\x00\xd3d\x1a\xa5"\x9au\xa7\\;\x9b`\xda\x9a\xce\xbe\x9d\xed\x1f\xcf\xaf_\xff,\x92\xa2\\\xe4E\x92\xc8t\xb5Je\x91\x99\x8eK\xac\x86e\xb3\xc50\x7f|\x93n\xf9\x9fZ\xac\x1aS\xbe\xa0\xa7\xf2i\xcb\xf7\x1b8+y\x82\xf6\x0b;\x16\x0fXRc\xa1\na\x98\xa6W\x8b\xac\x85\x03\x82\xdd\x0e\xc6\x87\xd7g\xb3\xa9\xe6\xf9\x81\x9f\x8ag\x7f~}\xfe\xee\xe5\x98\xe1\xb8uQ$\x13\x05\xa1q\x05\x88\xb5\x8ae\xfe\x05\xbdE,W{\x84\x89b\xa1c\xe0\xe3\xdc\x8d\xec\xa7\x9a\xad\xb7\x1e\xd0\x10\x1f8sp\xb2@\x8c\x00U\xdf\x80q\xd8u\x8aYo\x02KVXa\x1c\x87z=\x80\x11-\x08N\x0f\xcf\xaf\xe7\xbf\xb1\xe6\xc09|\xce\xefF1\x03\xbb\xc1o\xa3ke\xb9\x8a\xb1P\x7f\xa9B`\xa1\xe37\x88\x05&amp;\x1d\x9d\xd94\xc2\xef\x9b^C\'\x16\xfa|\x8d\xe5\xc5\x8d\x91\x159\xa1\x91/\x98\xb8D\xc3\xeb{\xb4\x11\xd3\xfdh=bI`\xc5h\xaf{.\x88\x06\xb0\'\x8e^z\xfcVe\xc5@\x17mn\x1e\xd0:\xf5VV\x16\x90JsER\xc5\xc0\x92\xc9e+@O\xd9|\x17\xc1A\x05\x99\xa0\xfc\x93\xba\x81z\xd9\x0cU\x9eQ\xe3\x99\x03\x19T\xefU\x9cw\x18O-\x8f\x19\xc7B\x7f\xd9\xae\x05\xd1\x1a\xc0\xda \x96\xe2\xa5\x95\xfa\x87\x95\xa67\x17L\x9a$\xd2</t>
        </is>
      </c>
      <c r="M493" s="3" t="n">
        <v>45492.67693287037</v>
      </c>
    </row>
    <row r="494">
      <c r="A494" t="n">
        <v>1174937</v>
      </c>
      <c r="B494" t="n">
        <v>1963</v>
      </c>
      <c r="C494" t="inlineStr">
        <is>
          <t>Endrick</t>
        </is>
      </c>
      <c r="D494" t="inlineStr">
        <is>
          <t>Endrick</t>
        </is>
      </c>
      <c r="E494" t="inlineStr">
        <is>
          <t>CA</t>
        </is>
      </c>
      <c r="F494" t="inlineStr">
        <is>
          <t>ATA</t>
        </is>
      </c>
      <c r="G494" t="inlineStr">
        <is>
          <t>CA</t>
        </is>
      </c>
      <c r="H494" t="n">
        <v>173</v>
      </c>
      <c r="I494" t="n">
        <v>9</v>
      </c>
      <c r="J494" s="2" t="n">
        <v>38918</v>
      </c>
      <c r="K494" t="inlineStr">
        <is>
          <t>Left</t>
        </is>
      </c>
      <c r="L49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60c9052-63fc-485a-84b9-00c32c31c1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d\xbd\xa3\xd8\x00\x00\x00&gt;tEXtComment\x00xr:d:DAEewil2SDw:3479,j:8640573334177784359,t:24020218X\xa8\x8b\x83\x00\x00\x00\tpHYs\x00\x00\x0e\xc4\x00\x00\x0e\xc4\x01\x95+\x0e\x1b\x00\x00\x03\x00PLTE\xff\xff\xff\x00X=\x00U;\x04\x02\x02\x00I2\x00G1\x00Q8\xfe\xfe\xfe\x00S9\x00E/\x00E-\x00N7\t\t\x08\x11\x0f\x0e\x00&lt;)\x00K6\xf2\xf5\xf8\x06\x06\x05\x00:\'\x93U&lt;\x00L3\r\x0c\x0bzA-\xea\xec\xf1\x00?+)\x12\tq9)\x9eS9\xed\xef\xf3\xf0\xf2\xf6\x005#\x99T:\x9aO6C!\x18\x87G3\xe6\xea\xefu&gt;+\x8dR&lt;\xfd\xfd\xfd(\x18\x13\xa2V=?\x1c\x13\xa5U7#\x0f\x07\xb1b@I&amp;\x1c\x00B.\x14\x12\x12P&amp;\x1bU)\x1d7\x17\r\x94P8\x87O89 \x18\x9dX=a/""\x13\x0f\xbdmM0\x15\x0b5\x1b\x14\x97X@\x81O?\x80F1\xa4\\?\x8dJ3\x7fA.\xc1pPwN@\xb4fG\xb1`E\xa0O4o5\'\xa9Z=\x03O&gt;\x94J3\xaaa?\x83J7i4%\x11\x0b\t\x9eZB|K9\xabaEe2#i8(\x0e\x06\x04\xbagG\x1d\x1b\x1b\x8fN8\xfa\xfa\xfaZ.!\xf1\xf0\xf1\xa4]D\x87C-\xc2lJ\x19\x16\x15\x17\x0b\x05\x8dE0\xaf[&lt;\x00\\A\xb8lM\xf6\xf6\xf7\xbbtTI"\x16x9).\x19\x13\x99J1\x1a\x10\x0c]*\x1e\xc7tR?(\x1f\xde\xe4\xe9\xc2tU\xa5\xa4\xa30 \x19\xaefF\x97\x90\x8d\x88R@\xa6eJG/\'\xcczY\xb1kN\xabiN\x9caI]JD\x04VEmec\xaf\xab\xaa&gt;.)[6)\xce\x80^\xd7\xde\xe4\x03-\x1f5&amp;!pG8:99\xc6yX\x97\x96\x96RA&lt;oOD\x97]F\xd3\xd1\xd1\xbe\xbc\xbdI94\x8aXG\xc0eB|wv\x9d\x9d\x9d\x8d\x8a\x88\x02$\x18\xdf\xdd\xddCDC\xdc\xa0&gt;\xd1\x87d$"!\xe7\xe6\xe5son\xc8\xc5\xc6b\\Y\xb9_B\xd5\x985-,+R7.\xe3\xaaEoVM\xa2bFaSN\x8e\x82\x7f\xca\xd6\xdaMPO\x87{w\x00\x15\x0c cX_@2\xb6\xb5\xb5\xc2\x93=j@1\xc4\xce\xd2P0#\x00cH\xb1\xc2\xc5\xd5\xd8\xdc\x80f^\x7fWL\x9f\x97\x95t^X~lg\x83\x81\x81\xed\xbdT\xa7\xb8\xbc\x84_S\x17ZK\']7\xec\xeb\xec\x80:+\xa0\x85:\xc5ZO\xcbvS\xbb\xc9\xce\xd3\x9eA\xec\xb3F\x84rl\xcbnL1U1\xads]\x8e|:\x0fO3\xae\x8e??_4\x94\xb2\xb1\xa9\x9fRVb2tp6!H+\x1fR3P\x83|5pg\xd4\x92qbw@\x10A\'\xd8\xb0Q\x0fI-\x8f\x88Ed\x92\x8c\xca\xb4[v\x83FJlf\xb2\x85rLrA\xacPE\xbd\x9eK\x8f\x95O\x87o&lt;\x84\xa6\xa6\x8a\x94\x95x\x9b\x99\xcc\xb6\xad\xc6\x81eBM)]rmn\x7f\x7f\x19];\x9bjY\xc8\x8c/\xda\xc3\xb87j&gt;\xca\xa4\x95\xa4\xab\xb1\xbf\x92\x80\xcf\x8cT\xe4\x88t\xcf\xb7y\x98yp\xabp"q\\5\xea\xaf\x94sp_\xed=\xa6\xad\x00\x00 \x00IDATx\xda\xcc\x99MOZ\xeb\x1e\xc5\x9b8\xd8\x13\xf6\xc0\x18H\x0e\x0cx\x89\x82P\xc9\xf6\r\x01)\n\x08B\x04\x11T\x10\x15\xb7\x18|\xc1\xb7 \xb6\xc5\xb6\x06\x85\x04\xa5\xb4Jj\x1b\x8dhm$jc\x13\x1bBr\xeaiMNb\x93387\xfd\x02\xfd\x10\x9d\xdf\xe9]\xcf\xe6\xf4~\x02\xb0\xe7\x11\x8c\xd1\x81\xbf\xac\xb5\xfe\xeb\xf9o\xbdw\xaf\x02G.\xa7(\xbc\xe5x\xdf\xfbw\x1c\x8a\x00\x8d\x1d\x1d\xed\x1f\xe1\xdc\xdeNS \xfc\x17@\xc9\xa9\xe9\xfd\x8f{\x97\x07\xdb\x97\x07\x07\x97\x97\'7\xbbG\x01\xea\x17\x83Q\xf2\xe9\xfd\x95\xbd\x93\xed&lt;M\xd3&lt;\x9a;\xcc\xe9\xc1\xf1\xeem\xe0\x17\x9aIQ\x81\xdf\x1f\x9e\xd2|&gt;\x0f\xa7\x96\xc7/\x1f\x90\xf9/7\xf6\x03\xbfJ1J~\xf4|\x9b\xe6qL\xb5\xe5\xcf\x84\xb0\x0cv\xf0\xe6\xf6\x97\x08F\xc9\xc7V\xb6Y~mmm\r^5\xb5\xe4+(\x06\xd5\xcaf\xb2\x97\xbbcw\x0fFQ\xb77, j~\x1eN&amp; q\xea\xe1K&gt;\xed?\xde\xbfk#)\xf9\xdbK\x16\xb6\xd5\xd4\xf28\xb5\x88\x89|\x12/\x96a\xf8e0&gt;\xcdl??\xbaS.*\xb0s\xc9\xf0\xcbT\xc4A\x1e\x97\xaa\x9a\x1a.Z|\x86\xcf\xd9I\xc0\x12Gw(\x18\x15x\xbb\x8d\xdf\xfd\xd3?\xa2\x12C\xf38\x14\x98\x88\xc8\xffL?\xcd\x1c\xdf\x9d^\x84\x8a\xe6\xf38\xf3@\x85\x88\xd1\x0cCx\x18\x7f&gt;\xef\xa7\xd9S\x96%\\\x9c\xb1L\xe2\x96\xba+\xaa\x8f\x18A\x0e\x8b\xb8\xc5\xd3(\x16\x18?\x83P1,\xebg\x19\xd6\x9f\xf7\xfb\xf1\xf3\xf2h2\xec\xf1\xad\xfcN\xb0\xa6w\x0f\x18\x9aO2\x85\xcf|\x9aU\x1b\x14\xeaQ\xb5zY\xb3\xbc\x1cS\xb8y\x98F\xc2\xe7\xcf3\x90l\x18Mqs\x17\rFM\xbf&gt;eH\xb0\xb8\xf8\xd0\x8cB\x93L\xaa\x05#\r\xed\xed\xae.A\xbd}\xb4\xa4\x86zd(\xa1\x9f\x9b\x1c\x9a\xdd\x1b\xabz\xee\x91\xabS.\xdf\xa8M6\xa6Q\'\x87&lt;\r\r\r\x038\x0f\xdad2\xb3@ \xa8\x17jGKR\xc5\x82{\xd8\xcd2\xf4\xb0\x9b\xa6\xfd\x89\x9d*\xebE\x058\x07\xf9\xa8OZ\x11\x1fr5\xd4\xd5=x\xd010\x8e\x8f\x01\xf1\xc8\x88I\x164\xd7\xdb\x87\x06\xb5\xda\x16iD7\x0c0\xbc\xdd4s\xb0S],\xf9\xfe\x01\x99\xb9ZB\x95\xec\x1ai\x18\x19y0@\xa0\xc6\xbd\xe3\xdd\x8db\xb1\xb8\xad\xcf\x14\x9c\xeb\x1f\x1a\x1a\x1cm\x91\x1a\xeeO\xd6\xd0\xc0\xa2\xe1c\xe2H^\xd5`\x1d\x93\x16\x85\x85tlH6B\x8e\xb8\xbb\xbb\xb1{\xdc\xbb\xba\n\xb0\x8eF\x91\xa8\xadO67\'\xb4kG\xd5\xd2\xd6\xdf&amp;\x87I\xb8\xdc$\xf7cU\xe4\x92\xef\x9e\x92\xda\xc4\xb0\xc5\x8a@j\x13\x8b;\xbc6\xc7\xb8\xcdf\r\x87m\xe3\xe3\xa0\x12\x8b$}\xa1\xa0@(\x1c\\\x9cm\xed\xfc\xed\xfe\xe4\xa4\x9b\xb3\xd1\xffp\xbaj&gt;RcD,\x949\x1d\x13\xb4\x83J\xd2\xe8\xf0\xdal^\x9b\xd5\x17\x0e[\xadN\xe8&amp;j\x04\x96)(\x98\xab\xb7k[\x94\x9d\x84kxx\x98tF\xfec\xb5bO\xc97\xf2\xb0\x10\xdb\x01[tu\x99\xfa@\x05\x9d\xaca\xbd^O\xb0l^\xaf\xc3Al4\x05\xcdf\x81]\x0b\xb9Z\x01\xb6\x00,\xd8H\x1fT\xeb\x1a\xa2\x8e.\xb9+\x8f\x8d\x15].\x99I"i\xe4\xa0\xa2\xe4X@f\xb3\xdal\x0e\x11\xe7\xa2\xd9\x0c\x17\x9b\x95\xad\xadJ\x8dA7\x89\x80\xf1\xf9\xf9\xdd\xea\xc8E\x05\xc8\x86\x85\x8b/\xbd\xd5\xeer\xb9L\x12\x91\xc3\xe6\xb3D3kkk\x99L&amp;\xaa\x87`V\x9b\xa3\xb1\xb1\xaf\xcf\x84\x02\x13\xf6\xc3E`\xa9\xa5\xcb\xba\x05\xdaM\xb6\x89\xea\xa4\x8b\xda9\xe5\xa8\xe2=F\xa3\xcb%\x94IDS6=\x87E^\xd1\xe8\x0c1\x12j\xfd\x83e\'\xa1\x07\x96Z\x1d\xd3-\x10\x17O\xabR^T\xe09\x83\x15\x8aM\x83\xea\x91\xabk\xa8\rbA-\xc2\x05\xad\xa2?\xb1\xca\x997\x0b\xed\xfd\x83Z\xe2\xa2\x14\xb7%\xb0HIlT\xc3E\x92,P\xb1\x85k\x88%\x93\x911t\xd8\xacz\xe8\x15\xcdDg\xc8\t#[N\xc2e\n\xa1\xb9\xec\xe5p\x81k9\xc2q1\'U\xd8q(j\xc5O\xbb\x99|\xfa\xcah4\xca\xb8\xc0\x13\xb9\xc0E\x84\xb2\xcc\x907\x91\x0b\\\xc8\xbcY\xd8\x0f\xb5ZP]$]\x06\x82\xe5\xa6\xf3;\xd5\xb8\xb2o\xb0R\xf9\xf3\x9b[?\xb1D"\x14\x84\x15\xa1\xb7\xc0I\xceD\x82esv\x8b\x805gGq5\xcfrr\x11,N\xae\xbd\x00U\x8d9d\x15\xf94\x17x\x99\xac\x8fP5\x96\xe5\xd2\x87\xf5\x90\x8a\x98\xb8\xeaEyu7\xf6\x85\xbe\xce\x91I\x9c\x95\x02\xabS\xa9\xd6\xe8\xc0\xb5@\xaaK^\x85h\xb1,\xa8\n\x1c\x16\xbaT"\x92\x10\xb9|z\x8b^?\x83\x17\xb4\xf2\x0et8\xd1\xf5\x08=\xd4\xea_l\x91*\x89Z\x06\xa9FA\xb0\x16\x98\xed\x9d\xcac\xedl\xb3\xfe\xf4f\xa1\xe0)c\xb5I\x88\x8d\x1c\x16l\x04Vt\xe6\x89\x17\x9b\x04\xaa\x1e\xe1\n~\x9d\x1b\\\xfc\xc7\xc4V\xa9\xa1\x8c\xc5\xe67*o\xe2\xdbm\x7f\x0cb\x91\xc4\x13\xac&gt;\xe8\xd5\x0b,\xb4\xfc\xd2\xd2\x12\xa2\x95\x99\t?}\xf2\x84T\xaa\xb3\xb1/\x18\x04Vs\x19\xabS\xa3\x89\x94\xb1\xfc\xcf+\x1d.\xdc\x87\xa7\xb1\xf4f\xbcP4\x1a\xdb\x81e\n\x81\xab\xb7\xd7\x81\xc4\x93:\xcd\xac\xa5RQ`\x85\xc3\x16\xbd\x0f\x9d\n\xb9\xfe\x1f\xf9V`)\x90.\x9d\xdf\x7f\\\xe9\xf5\x86\n\xbcN\x13\x0b\xaf\x8a\x1e"V\x19K5e\xb5dR\x87\xa9\x14\xee\x9fT\xeaG4&lt;\x13\x9e\xc9d,z\xabCB\xb6\xc1\xc5\x16\xb5\xd2\x80\xdbZc\x88(\xc0\xa5P\xe4/+}]S\x81\x95MhuU$X\xe0\n\x99\x08\x95O\x9f9\xfc\xfe\xfd;\x01K\xa5R\x19Lc&amp;Eds\x88L\xa1\xa0\xd0&gt;Z\xc62hb\xe0R\xb0\xb1\xd3\x83\xfd\x8a\xf7\xc3\xeb\\\xaepuU\xdc\xe2\xb0d\xb2\x10\xf6\x1a\xa7su\xe6\x07\xc1:LeR\xb8\xae\xc3\xd0\x0e\xe2\x85\xbd#\xb2.\xc1\x90\xb6$\x95j\x0c\x06\x8c"\xe1\x8a\xe1l\xe6*]\xa8\xd4\xf4\xc3\\!{U\xec!\x83\x08,lT\x82v\xcf\xd5\xd5\x96\xe7\xe5\xb7\xa7\xdf2Qr-Z|\x04\xeb\xc7\xd3\xba\xadR|9\xad`\xd1s\n]\xc4\xa0\x91j4`J\xa7\xd3\xdb\xb9\xdd\xcace\xb3W[[\x04\xcb\xd8\xe5\x1aJ\x96\n\xf1x\x9a\xcc@\xd2\xf8\x18Q\x07\x14\xc2\x8e\x0br\xe6\xb1+\x19S\xe8X\x9aOvk\xda\xedVh\xe2\xf1ep\xa577\xb3\xd9\x8dJc\x8d\xbdY__\x7f\xb1\xd5c\xf4\x18=\x9e\xa2z\xb9\xb0\x99N\x17\xae\x92\x85d\xb2Xw\xfe\xf4\x89e\xc9b\xf15\xbd\xf3\xe9W\xeb\xea\xd5\x9a\x98"\x06h\x86\xfc\x95\x8b\x9e\xd4\xc5\x0b\x10/\x9d\xce\xe5\xd6O\xaa\x80uv\xf6\xe2E\x0f\xb0&lt;\xc6bI\x1d/`\x02\x8aED\xad\xa1\xddU\xd7aE\xa9\xea\xadM8\xce\xbaA&lt;Xk\xd4\xa5dI\xa3\xc3\x13%\x7fx8\x92\xcd\xc6\xa1\xd5fv=Qy\xac\x87\x9f\xcf\xce\xcezz&lt;\x1e\xcfVs\xb3\xbaT\x8a\'Q\x16\xedu\ru\xe2\x91\xb6\xeeU,^&gt;\xeb\x94J5%2\t\x87\xf0\xa0X?\x94\xc4\xe1\x9e\xfc\xdd\x0bp/\x97\xcbe\xb3\x17\x89\x8d\x8a?\xf4pX\xd7=\xc6\x9e\x9e\xe6\xd6YmW\xdd\xf9\x93\xf2\x8e\xd5\x84k\xd0\xd9\xe4\xb3L\xe8\xad\xaa\xf9\xf9^\x89\tc\xda&amp;\xee\xc07\xbb\xc5&amp;\xb3pT\xb3\xb0\xa0\xc8\xadgs\xd9\x0b`\xadT\x07\x0bj\xf5\x14\xa5j\xc1\x80U\xbf\x94:&lt;&lt;\xccX\xacM\x0e\x87\xca\xd1\xe4\x9b\x80\\\xc0\x9a\x0f\x05\x83A\x93\xc8\xd9d\xc5\x0fD&amp;\xf3\xd0(\x9e\xfa\x15\x9b\xc8\xe5z\xe2\xe2\xe2\xcb\xebJ\xd7\xe9\xd8\x1f\x9f&gt;\x13\xac\x1ecq\xb4\xdd\xbb\xea\x9bXZC\x93\xa62\xbe&amp;U\xef|\xef\xd4\xab\tK\x18X!\xdc\xd1_C\xbdM&gt;=\x92\xe6\x90\xc8\xe6\xb4jT\xbc\x0er]\x9c$NN\xf6V*\xbdB\x8c\xfd\xf1\xe5\xf3\xe73xh\xf4\xb4\x9f{\xbd\xd6\x89\x89\xbf\x80\xb5f\xf1M\xa9z\xfb\xe6\x1d\xaf\xc0\xa5w\x84\x82\xf6~\xed\x9cd\nZYW\x9d\x8dm\xc1\xb9\x16%w\xed\xa4\xb3\'\x89\xc4\xc9\xc5\x87JcQ\xd3\x1b\xc0\xba\xbe\xc6"\xff\xe8\xd9\xf9xw\xd3\xab\x89\xff\xfc\x95\x99\x19\x97\x90\x0b\x1br\xbd{5\x91\x89\xaa\x82\xf6\xc5\xd9\xe6\xa0H\x12\xecrq\x7f\xef\x12j\x9b\xb1\x99\x02+\x92\xbbH\xec%\x12{+\x95\xdel\x80\xf5\x89\xe3z\xf4\xf2\xd9@\x07\xee\x1d\xa7\xf3\xfcQ\xb2T\x1a\xac\x0f\xf6\xaaT\xbd\xaaw\xaf\xf4\xfa\xde\xaf\xda\xd9\xd6\xc5\x0e\xccb\x12\x85\xa0\xd3\x19\xd4j\x83Nw_\x17\x89@\xae\xc4\x87\xc4\xf1^\xc5\'1\xf0\xf1op\xfdymlxv&gt;\xd0!n\x137$\x15\xee\x03~\xad\xae4jw\xe8U\xbdSS\xefl\xf3_\x17\x95\xad\xe6q\xa5z\xeb\xd3%C\xd7\xd4\xd4\xf0\xdd\x0b\x0b\xe02(;#\xb9\x93\x9b\xbd\xbd\x9b\x8f\x95\xff\xff\xc0\x07p\x01\xab\xee\xfc|@l\x12\xa8u\n\xba\xc6\xcf\xe3\xe5\xfe\xf4\x08C\x876(6\xa5\x9a\x9fkV*\x83#-\x82o\xff}\xe3\xaf\xad\xadU\xb0&lt;\x86\xd6E\x94\xcd-\xca\xc8\xe6\xc5\xfb7\x1f\xde\xbf\xad\xf4\xb3\x0f\xb5\xf3\xfe\xef/_&gt;]\x1b_&gt;&gt;\x1f\x17\x9b;\'\xffG\xab\xf9\xfc\xa4\x95vq|\x92Y\xb0yg1!C\x02,.\x97\xf8\xe3^\x95\x94+\x05\x8a\xa0\xfc\xa8x\t\xcaX@D\n4\x10\x15p\xc0\x14\xb9RQ#\xd5\xa4*m\xf1\'\xd1hA\xc2\x9b\xb6\xa4,\xccd\x92\xb6\xd4&amp;&amp;%\xe3\x02\xe2?0k\xe3\xaen\xcc\x9b\xa6\x994\x99\xbc\xe7\xb9v\xfe\x83\xcb\t\x04\x96\x9f\x9cs\x9es\xbe\xe79\xcf\xcc\xcb\xd7\xbf\xfc\xfc\x9f\x07/\x17t\xdeqS\xc7\xc0\xc0\xbfX\x0e\x89\x85P-\\/\xce\xdcQ.+\x7f\xfb\xe5\xb7\x88L\xed\x84\xf38\xfd4\xc7\xe42\xdc\xaf[\xf6\xca\x95\n`\xcd.\xcc\xa7\x12\xc3-2\x12_=\x85^\xb7&lt;\x84\x99\xd7W,\x90\xf6\x90`V8x\xb8&lt;L\xd8\xed\t;\x7fH rB\xd5\xd2\xca(\x07\xfa\x9d~Z\xa92\xe9\xfb\x9ck\xf9OL\xb9\\AX\xa9T\xca\xaeW\x89\x15*]ra8\x99\x02\x99l\x87\xa38\x05d\x810\x85\x87\xa8h\x8d0\x9bo&amp;\r\xab\xc1\xe8P;\xa0\x17-\xcb\xa6\x9f\xee\xc43\x05\xceoGx\x13\xf12\x03X\xbd\xc9T*\x91p\xb9\xb6]\xfe\xae\xfe\xd4\xe4\xd5\xd5CMp\xe0\xc6\xa6|\xe1(\x0e\\\x0e\x9f\xbd?a\x01\xeb\xe8\x90X\xa5\x82\x16\xd1\rV&gt;\x1d/\xdc\xe7|\x91\xcd+\xe4\x98\xf2\xbb\xd3\xad\xf9\x14\x14S\x97\x0b\xca\x16*\xf3\x7f]=4C\xf8\x06\xa0\x1b\xb2X!\x92\x0cE\xc3\x01\xfdx?@u\x0cH$\n\xb7\xb4\xc5\xe9\x00\xac\xcd|&lt;\xfd1\xb7\xc79\xd7\x8bj\x15a%\x93^\xfb\xb8\x06Q\xad\xdcP\x05\x83\x88j\nj\x97\xb5FGq\xadVN\x07\xac\xe2\xc1A\x96K,\xc1\xdc\x02\xa7\xc3\x03XK\xbb\xbbk\xa5#\xe41\x8e\x17\x05\xd5\x1c`-$_%\x10V\x0c5\x9f\xbf\xc6\xcdEW\x10Q\x05\xc1:\xac&gt;\x9a\xd2\xf6\xe06\xdf\x14\x14\xff\x8e\x1b\xc3\xdc}"\xb4{\xd9&lt;\xca\xe4\x0eGK\xfbo\xe2\\&amp;\x18\xafm\xe2m\x9c\x01\xac\xe7\xaf\x92\xfd\x80\x15;\x03\x05\xb1\xee*\xba\xfcH8\xa0*\xbf\xbd\xfd\x9dK\xab\xaeY\xa7\xa6\xacS\xd0\x96\xc4\x1db\x89{HD\x85p\xc0b&gt;&gt;\x18-\x95\xd6v\xees\x885\x96M\x97\xab\xcc\xbb\xf7[[\xaf\x92\xe3.\xd3\r\x95\xc6\x0fV\x14[\xa7\x82\xdb\x8d\xb9\x83\x03\x7fp\xc0Zs\x84zB\x08\x0b\x19\x9c\x03\xb1B*\xb0Q\xb8r\xfa\xe9R\xe6\xe3\xad\xd1\xd1\xd1\xc3}\x0e\xc7\x9f\xb6\x8d\xeb\xeb\xd3r\xf5\xe4\x14\xb0 \xb5b\x90Y\x07+&amp;t\x01ar\r\x80\xaei\xac\xfc\xfd\xcf?g\xdb\x90^\xe1(I\xd2\x01\x89\x04\xf9kj\nr\xfe\x06\xeb\xf1\xe2N&lt;\x8fVg\x87k\xc7\x9ca\xf1&gt;}[\xb8\xbe~W\xad\x83\xb7\x16\xec\xa0\x01a\x8c\x06Q\xa3\x89\xc5b\xa0\xfe\x82\xc5\xed\x06\xb2\xedb\x87/\x1c\x0eG\xb5\xf2\x1a8\n\xca\x16\x98\xc1 ma\xb1\x8e&gt;\xa6\xf3?\xa1\x1b\xb25\x0e\xb5`\xf6\xc3\x7f\xef\x9e\xbf\xabVNY,S,v\x06&lt;\x10\xcb\xd8\x1c\xd4-\x7f\xa3Xdsk\xc0\xe7P\x0b\x8c4y\x87\nH\xc4P\x1d\xac\xd6@\xc0g\x14\xa9\x11V&gt;w\x9cG\xab\xd0\xc3\xb5\x0cw\xa9\xb5\xb1\xba\xbcz}\n\x15\x82\xc5r\xa1\xa4\xd2\x80B=\x8b\xc5VL\xdb\r\xbf\xc4\'\xed\x08\x06\xc5F*"\xc4\x1d4\xf9k{X"\x16\x03\x96\xc1\x10@\x9b&lt;9\xae\xdc\xdc\xc9\x1c\x1f\x8d\xb2Xq\xeer\xeb\xf3\xf3T\xeaz\x95a\x10\x96\x17\xadS\\~\x8d\x06\x9c\xb5&gt;w`\xdav\x85;GFH_\xc0(\x1f\x015\xd3c#GF\xd4\x12p\x96D\x01!\x14\x88\xe8(Lh\x8b\xb9\xcc\xf1&gt;\xda\x19\x97\xd6\xb8\x9b\xca\xda&gt;\xaf\xafO&gt;_.W\xeb\xa7\xa0\x02\xf5z\xbb\x19\xb0X\xaa\x95\x15\x8d\xc5JvvRRCX-\xfcq\xe4W\\ \x88\xfc8\x12e\xbd\xa5@\x97\xbb"\x1b8k\x1a\xaaVz\xff\xc1\x83[\xa3\xa55\xce&amp;~\xde\xc4\x97\xd4\xc3\xab\x85\xado\xbbe(\\\xbaa\x95\x05\xb4\xbc&amp;\x86Rke.&amp;\xf1\xf9\x065ggv\x03-\xa7\xd4\xea\x16\x1a\x1f\xf9YH\x8bY,\x834L\xd3\xb6\x10\xae|\x94\xcf0\xf1\xb5[\xb7~\x82\x82\xca\x99\xe8j\xbb\xff\xd5{pu~\xfe\xad\xca\xd4\xb7\x9e\x0f\xeb\t\x8b\xeb\xe6\x18\xc2\x89\x8c5\xcc&gt;k\xd1\xdfX\x89\xb9\xbcz\xc2\xe0\x08uw\xe3\x14\x1d\x10\x13b\x0c\xa8\xa4a\x91\r\x1a%\xa4V\x8e\xc5\x82\x82\xba\xff\x96C\xac\xe1\x95\xb9\xc9\x8b\xfa\r\x16\xa6G\x93\x8f\xc9\x143\x9d\x9d\xc5PA\x05i\xea\x8a\xc5 \xd9\xcc\x06\xda\x11\xf6\x05\xc0\xd8\xcc\x92\xfaP\x0c\xe1\x1c*\x9f.\xed\xe4v\x11\xd6a\xe9\xe8\x13w\xaa\xe6Kr\xfd\xe0\xe1\xd5\x05S\x81(\xf2\xddz\xbd\xd9\xef\x87\x92\x05G\xb1\xe1\x87\xe2P\x0c\x06a2\xd4\x98\x1e\x9a\x03a:\\\xf3!0\x83\xdb`0\nZh[\x94\xc4\xb5\xca\xcd#\xc0*A\xd5*\xad\xe5\xb8\xeb\x89c\xff\x9b\x1f\x07\xac/\xe5:\x94\x08\xbe[E\xa0\x94\x07?5\x1a\xfe\xedb\x17\xd2V\xe6~tE\xaf\x87\xf1&gt;\x1c6\xd6\x8c0[K}R\xe3\xf7\xcd\x0fH\xe6\xc5\x1df\xb7\x84\xa8\xdelpw\xaf\xcb\xfbta^\x1f\xbf\xfaZ\xae\xd7\xeb[\xad|\x8c\x08v\xb9\xc0\x00l\xbb\x18\xb4X\x08\x82\x10\x13\x121A`\x860-\x12\x85\xe1cD&amp;\xa0\xa3\xd1h\xa8[\xab}\xb2\xb9\xb8\x93\xd9-\x1d\x96Jo2\x1cvj^\xdb\x17\xf3xr\xfe\x1c\xa6\x9f\xfa\xfb\xd9V\x05\x01Q\xf3\xb3\\\xae.v\xe5Jx\xed\xecr\xdf\xd0\x87Vvj\x1a|&amp;\x12\xd1N[\x14\xdd6k\xb5\xd3\x8f\x17+U\xc0\xda?\x8as)\xe7y\xbc\xcfI\xa0\xba\x06\xac\x13\xc0\x92\x12A\x0b\xb8\xabXt\xb9\xba\x82\x16\xb1\x84\xb0\xa7\xec\xf3\xf3)\xaf{\xa8O\xdag\x149\xd4Q\x9b\x08m\xd1\xa3jy\x08\'{z\xb43\x8f_\xe7\xd2\xf1\xb5\xa3\x8d\x17c\x1c\xefV\xce\x91}\xab\x80\xb7\xb6fo\xab,\x96\xa2\xab\xbf\xab\x0b&gt;,\x95wx\x18*\xba\x11m\xa0lh7\x86\xb8\x9cj\xb9\\\x1e\x02\x15\xdd\xd3\x13\x99y|\x94;\xde\xd8\xdd\x1b\xe3\xfc^\xbepq~~qQ\x86\x99lk\xd6(% \xbb\xba\x82\x88\x8b\xc0T\n)2\xc8\xa5\x9aH\xed\x91\xcb(J\x0eu\xd5aS\xe3$\x8e#g!\xac%\xe6\xb8\x19\xcf&gt;ym/&gt;\x7f\xfe\xfa\x8d\xa9\x83@\x9d\xed\xebS\x00\x97\xc5\xd2\xd5\x95\x18$0)\x04\xcc\xd8g\xacI\xddF\xe83`J\xf8:\x9dj\x0f\xd9M\x92h\xb9/l\x9fy\xb4\xc4\x14&amp;\x9a\xb2}m\x1b\x1b{\x91N\xa3)c\xf6\xf6\x90\x01\x13\x13\x80\xd5\xdf\x9f\xc0\xfa\x9cN\xe0\xa2\x91E\xc9HDK\x92Z\xa5\x92\xf4\xb48=d\x0f\xfb\xe4@\x18\x89\xccl\x9ed\xb2c\xcdyq\x00=\x83\xf7\x82\x01\x81:\xdb\xea6(\x14\x18At\xf5\'\xbc}6\x8fCT\x83\xfaY\x03\x03\xb4\x9a(*C\xe3\x0f\xb8\x0b\x98\x00\n\xac]\t\xc3\xeb^\xf3\x9e\xb3\xf0&amp;\xd2u\x84\xc5\x07*\x8c\xd0\xdb\x07u\xab\x1e\xcaf\xbd\xfc\xf3\xbb]^^\x8a%\x06\x81\xd3#s\xc2\x84\xcf\xbaJ\xd8#l\x8fL/V\x8e\x9b\xf8\xfa\xa7m\xac\x80\x06\xfe\xd6V\x05\xf2\x96J\xc5\x1fZ\xfe\xc3h\xfe\xce\xd4\xb8\x01\x13Kmj\x8f\xe3w$\x95\xbb\xbf;+\xf2x1\x87\x9e`7\xcd[cY\x88\xe2,DQ\xc1W\xe9\x01\x8b\xff\\\x87\x11\xe6\xa2\x7f\xeeo\xb0\x95\xb9\xb3?\x8b\x97\x01\xda\xe3\xa1(\x87\xc8I\x85H\xc0\xea\x14\xb6\xb7C}`\n{M\xc5\xaa\xb2Qlm\xe5\xeb\xf4^\x15\x1f\xc3t*\x15\xc8\xd5\x06@\x01\x12\x98{\xe8\xf7\xe5?d2\x0f\x04Q\x8e\xde$uv\n#O6\x972\xd9\xbd\x89fb\xc5a\xcc\x00w\x01\x96J\x85\xa008\x93\x84\xd7{y)\xa9Ac\xa6E4(w\xad\x16\xf78\x1c\x1e\xbc\x07\xa0:\xef\xb4\xcfLo\x9e\xc4\xdff\x9b\x885\x91M\xa3\xe4\x02\xe3#\xc3t\x18\x06i\xe6\x86YP\xae\x85,\xd2\xa2Z\nTZ\x99\x07=\xc4\x13\xb2X\x91\'(\xe3\xdf\x16\xee7\x11\xabp\x0c\x13?\xcb\xc5\x92\xa9T*\x85\x1b\xcd\x11\x1eJ&amp;\xa3\xd4Nh9\x14\x0c\x14\xb8\x9c\xf2Pr\x12\x12\xeb\xce\x1d\xc0\x82\x8e\x98\xcd\x1e7\x0f\xeb\x87\x89\x8d\xe3x\xfd\x03\xba\x06\xef\xed\x1dj\xd5\r\x0fC$\x15h\xab\xd9"\x10\x89Z\x8c\xe8\x8f\r\xfa\x8f\x0c\xda\x8f\\\xde\r\xde\x12"\xac\xcd|\xfcm!\xddDo\x8dm\xc4\xd3e\x84\xd5\xdb{o\xf66_\x07A\xc40\x89\xc2\rR\xd4gP\xb0\xea\xddh\x03"9\x043\x84\x12\x9e=\x87\x8b\xe5\x8dl&lt;\xdeT,&amp;\xcd\x9c\xbc\x7f\xdf{\xf7\xde\xbd\xde\xdb\xad\x88\x0b\x950\x88\xa5j\xd8\x0e\x92\x0b\x03&lt;\x08(\xd2\x0e88\x0bjV{\xe4\xc9\xa3\xa3La#\x17o^\xca\xff\xd0V\xf8\xb8\x1b\xaf|xv\x17\xad\xf0\x86\x80\x0bL\x81\xe9\x07\x13\xa9\xd4\xe4d*aW)\x0c\xbep\x94}\x99\x01E\x0bB\x08T \x01\x8f72;\xe9fbeaT`N^\x02\xd7*\xcb\x85\xc0T\xfa\xc4\xf8\xe4\xfa\xe4\xe4\xfc|\x12d\x97Q\x04Tr\x98\xcbP\x08\x853\xca\xe9\xcd%f#\x9e\xcf\xa7\xc7\x9a\xf8&amp;6\xbb\x93/W+\x1f^&gt;{\xb6\xfa\xaf\xbft\xbaa;Z.\xce\'\xbd\xe8\t\xb1\xc0\x16\xa5B\xa1\x10\xa2\xea\x8ch\x81\xeau%\x1d\xcf\xff\x9f\x96\xf3\x8dir\xbf\xe2\xb8\x11k/\x03J\xe1\x99\x94IK\xaf\xb4\x05\x8d\xe3\x8f\x81V\x02\xa5\xc5\xf0\xc2u \xad@\x80\xca\r\xbc\x90x\r\t\r\x02%@[$UI\x11\xd0P\xfe,\nD\x89\x14*\x7fFI\x9b\xa8\xa4!\xc6\x84e1\xbb\xbbD\x11\x12\xe3\xc8\xf0\x8d\x80\x01\xe3\x96\xb1\x17\xd3l\xe7\x9c\xe7\x01u\xffrwGOB}#\xe4\xc3\xf7\x9c\xdf\xf9\x9d\xf3&lt;\xe704\xd0\x12\xc0\xc9S~_\xb7m`\xb4\xe7\xd1CzCl\xd0`x\xe9\xd5\xfa2sSSS\x99J\xafWC\xae\xc0q\x11\xb8w\x90JY]\xdd`\xb1\xd5=\xb0\xf5\xbbmS\x01\x14\x8b\x7f\xbb{h\xc8v\x1f\xe4B\xaek(\x97\x1aL_6R\xa6\x87 cJN}{\x86\xa6X\xf0\x14fV7T7\x0c\xbb\x1e\x8d\xda.\xdf\xed\xb7M\xed\x0b \xd6\xe3Y\x97\xcb5\xf4\xc8\xe6\xba~\x9d\xf3#\xcb\xa5\xd738K\x1c\xf7-\x0e\xdf\xa5\x1c\xc1\xd2\x01\xa8\xc0\xda]6\xd7\xd5\xe2[\xfd\xb6\xae@\xaaun\xd6u\xcfbq=tY,\xc8e0\x18(\xea\xc1J\xf0-5\xcd\x9bB\x0f\x96\x81T VuC\xbb\xa5\xfdVr2`\r\x06\x12\xab\xb2\x07\xbcg\xb1\xb4[,\x96I\xcb50C\x1akqq\x1a0\xf9\xe9\x82\x13\x94\x1b2\xa0rV*/]\xad\xbe|5=,?\xb9\xb8m\xc0\x17\xc8\xe1\xf4\xd2:\xc0\xban\xb9q\xa3}\xb2}r\x92\x86n\x0cyy\x00\x84\x13\xfcQ\xf2B|&gt;\x03\x15\xfc\xcf\xb0\xdfAKH\xaf\xca/:\x14V\xdc\xdf\x1d\xd8e$\xe7\xbd\x9c\x1c\xe0\x1anh\x18\x1eF\xae\xd6\xc2i\xc0\x91\xe3\x9b\x9d3\x85g\n\x8c\x17\xd8f\x87\x0cg\x02\xf3\x8b\x8aB\t\xab\xa6/\x90\x89\xab\x05_\xef\xe7 Wu\xc3\xcc0\xce`\x18\x8d\xc6V#\x19V5\xd4\xec\x1c\'\xab\xa8\xaa\xa8(*\x8a\xa0U\x9b\xfe\xee\xd9\xba\xce\x80q\xf1\xe3\xa7p\x18"++\xe7\x1apAD\xcf\xcc\xcc\xa4$b\x97\xca\x1a\xdb\xec \xd2\xf1\x8a\n\x1c\x96/\x8a`\xb1\xda\xba\x07~\x1b0\xae\xf8s&amp;P\x0b.\xe9\xfa\xfa\xac\x9c\xc9\x99j\xdc\xa2IL&lt;\xa2\xcc\xcc\xc8@\x91X\xe7\x91PhE\x08\x15\x84\x9b[\xa0\xd6\x80\xcbv\xff\x81/ \xf1U*\xf2u9\x00\xcb\x00wa\xfd\xcd\xack\x00\xa6\x84\x86\x15\xecb\xc6\xe7T,\x12R\xe1.\x17a\xb9\x87\xda\\\x03\xa3-\x81\xd8\x91\x8a\x97\x98\x06\x1d\xdd\x0fsr\xea\xf1&amp;T\xdc\xbci\x98\x06\xb0K\t\xe9\xe9l\x84\x1f\xe7\x84b\x91\x82\x8a\xd8\r\xb3\x08\xdc%+\xee\xef/o\x1f\x98\xad\xeb\xda\xfb2\x82_)\xb3O\xd9\xdcP\xd5d)\xa4*\xbdZ\xcd\xdc\xac\xbf6\xdd:\xdc\xa0L\xa8\xaa\xe0\xec3\x9e\xdd\xc57\x16\xebnD\xdb\xc0lO\xcd\x9eO\xc4\xf2K\xc5\xa6\xce\x9a\xb6\xf6\x879YY\nF\x0f\xf7\xb2\xbe\xa3\x03&lt;9==\xd9:\xa3\xbc\x88\x99 \xe8_\x8d\xc4\n+/n\xbb\x15\xd4\xd6\xdd\xd3\xe3h\xd9\xeb\x9e?\xbeRd\xf7\xd4\x15#\x168Q\xa5-++\x1b\x19\xe9\xe8\xa87`\xae\x97O\xb7&amp;*3X\x07~\tE{\x8a\xe5\xc5w\xcb\x83\xdaf\xd7\x1d\x0eg\xd7\x1e\x87W\xa9Dd\x1f\x1c-\xb7@\x82\xa8\x87jF\xa5G\xb025\xa3\xae7h\x0c\x90\xe7\xe5\xd0\xf4\xa4\x1c\xa3e\x15Z\xa6\x0c\xc2\x8d\xbb\xd0\xfc*\xdcjN.\xbe\x95\x1c\xe1v8\x9d\x0eGKg\xe9\xdeF\x96D\xd47\xf8 \xc1r\x0fc\x8b\xd1k\xb5Z\x15`\xe9\xd5\x0c\x83{my\xb8\xd9\x06\xf7t\xa2\xf2bz~&gt;$\x86\xa2\xa2\xfc\x8a\x8a*2\x9ah?\x14j\xab\xd9\xaeq:\x9c-{9\x13\xcb/\x95H\xc4\xf6\xc1\x96\xab\x84\x95V\xa2\xd2BG\xa1E\xb6\xd4\xec\xec\x12\x05\x90\xa5\x11\xd7\tv\xb0\x1a\x88\x8eC\x8b\x98\x9e\x80\x1f\xe5\xb8\x1a\x18\x1a6\xbb=\x05\\\xce\x9a\xc1\xca\xbd[S\x8f\x17\x02\x96i\xb0\xeb\xc6$VYi%R(\xe0kks\xb5\xd4\'f\xc7i\xd2\xea\x15\xf5i\xe4\xc8D\x9c$KH\xc8\xcc&lt;F\t-!!=\x99\xb0\x8a\x9d\xde.\xff6\xc85\xd5\xd9\'\xc6mp\xfe^\xc4\xbbP"\x94\xc8&lt;]\xaea\xb6(MUis\xcf\xe2\xd4\x8aV\x8a\x85\x16\x16\x10\xb8\x04x\xa6\xe0\xa41\xe5\x88\xf2\xd8\xb1#\x17\x12\xc1.\x1c\xc3a\xb7d\x88\xae\xb0\x88\xbbS\xf3\xf3^\x7f\x8d\xc3Q\xd3\xb2\xb5\xb4\xe65\xe1j\xff\xffA\xc6G\x0f\nA,\xa1\x04\x92\xfc@\x03\xf6bii%\xa9*\\hk\xac\xad\xd5JA,l\xab\xe5\xf2B\xdc\x01\xa4R&gt;\xc5x\xf2d\xc1I|\x1e\xc1b\x85\x1d\x8ap{&lt;\x1e\xaf\x7f\x1b\x0ec\xcdj\x92nny\xc5o\x92\xfch2\xfc\xc6\xd2J\x89\x10\xc5\x12\x8aM]\xb3\x97\x01+/\x0f\xb0 \xa3Bg\xd1\xd8\xd8\xd8\xa4g0\xae\xa8\xb6)\x00.(%\nN\x1f\xc6\x95\x1a\xe3\x89D%a\xe12\x7f\x8fo\xcc3\xef\xdd\x06\xb9\x9c[\xb1\x82\xe8\xa4\xef\xe6\x967\xbc\xb7\xe3\x7f\x0c\x18\x9f_i\xf2.\xd8%\x84%\x94\x88e\x9e\xba\xcb\xd8\xb8B\x80\x97`\'Vf\xc6\x96\xa7\xa9id\x84Q\xe4i\x00\x0c,\n\xff\x91\x93G\xf11\t\x9e\x00\x80\n\xbd\xd5e\x07.\x94k}}\xebJlld4O77\xb1\xba\xe1\x11\xfdo\x7fu\x00\xff\xfe\x84l~c\xd9\xbat\x8e\xc3\x82\xe0\xf2\xb5\xdc\x80\x88\xcf\x03*\xc2\xea\x181\x9b\xcd#p\x0f\xe9G\xcc\xcd\xcd\x1dj\xa6\x04\xc2\x8c\xa8N\x9d\x92\x1f&gt;]\x90\xc2\xaa\x85{\xc3n\xbb\xddNr9\xd7{\x10+6V \x00_Z\xe7\x96\x16\xc6~\xb83\x81I8\xb6\xb6&lt;g\xb5Z\x170\xae\x90\x0b2\x97\xbd\xcb5\x9d\x85b)J\xf0\x01DGss\xb3\x19q\x18\x85\x82\xdb\xca\x05\xad\xe4\xf2(\x8d\xe6\x14\xa9u\x84sb\xe8!\x87\xc9\xc4\xca\xe5\xec\x99\xdd\xba\x82rE\n\x04\xa0\x98Ug\x9dX\xf2\xcb~\x88d\xc0.\xb4/,M\x00\xd3~\xdd\x9cGBXB\x92\xab\xb3{\xa6&gt;\x0b\xa9\xa0\xd7Qw Vs3\xc7\x05\x99\x8bJz\xd2*\n\xc5* \xac*\x8c\xad\xbb\x83\x80\x05\\\xf3\x80\xf5n\xebJ/r\t\xc0\x92x\xe1@6\xb7\xbc6&amp;\xfc\xef)\x03\x05\x15{W\x96\x81\xc9\xaa\xd3\x85\xe8Vo\x8bw\xb0$ WM\x03\xf69\x8c\x82IE\xb5\x80\xeb=pQ\xaa\xa7L\x1f\x85z\xd1\xe7a8\x96\xacZU\x80e3\x998\xb9\xb6\xd7w\xb0\x90+:))X\x876\xb12_\xf9\x1f}\t\xc4\xf1bV(\xf8\xaf!\xe1\xe1\xe1!+b\tw\x101\xe8M\x83\xae(\x05\xb4\xf8\xa9\x9f\xcb\xd5\x01r\x01\x16iEX\xe8J\x8ax\x0e+\xacxJ&amp;C\xb9X\xac\xd5OX\x82hAR0(\xa6C_.\xf8\xc4\xff\xee\x05\x0c@\xf1M\xfe\x95\t\xabn\xbfN\x17N\x16\xa2[\x90\xecD&lt;\xca%\xf3\xf5\xb42\xd8\xb1\xa6"\x16\xea\x85F&gt;\xcc\xd3\x9cb\xa9\xe4DE\xeb\xc2\xb8\x1e\x82\xb7\x8f[\x86\x06^\xf4\xcc\xfb\x01\xab\x97\xc5\x8a\xe6,\t]\x19\x8ed+^\xd9?+\x06\tJLQ\xbe\x1f\\\x07B\x1d\x00\x0b\x0f\x99\xf3\xeeF\x16r\x89LS\xc3i\x0c#U1RF\xaaf\xd1\xe8F\x8c\xd3\xec\x8aEX\x85\xacX\x99\x17\xf1&amp;\xaarHd(\x97\x0f\x83k\x07\x0b\x83\x8b\x98\x92\xf0\x93\x07\x1a\x00\x1a\x86\xff\x17\x8a\xf1KM~p\x1e\xe7;@\xe2\x11\xd6\x84\x0f\xf3\xc3\x8e^\x90\xba\xc6\x86\n\xe9\xe9\x9fJ\x8a-\xbeBAg\x90zj\\\xd0 &amp;\x9a\x07&lt;iD,\xb0\xccK\t\x97;E\xa2\xc7\xc0E1\xbf&gt;\xe0\xe6\xb0\xb8\xe8\xda\xd1\x8cG\xde\xb1.yw]\tys\x0cR\x14A\x85\xa0L&lt;^0a\x1dX=\'\x16\xb3\\\x14`b\x91\xdd9\xc3\xa8TX;h\xb1pf\xcf P\xe1".\xa9\xc5\xde\x8e\x18\xf0)\xd0\x15a\xb7\xa6\xbc/\x13\x89Dlp\x01\xd6\x96\x9bs\xa2\x80\xe5\x12\xec:\x13\xa2\x0c|9\xb1\xe4\x95\xb0!%\xf1\xac|\x8ar`\xe2\xc1\x179\x91\xb7Q)B\xae\x9d\xa8\x87\xa0\xf7X4X\xd1\xe4\xe6\x8e@yj\x1ei\xee\x00\xb0\xec\xec8P\x8c\x1eCh4\x18\xfb\xc4e\xc4\x87\xce\x893)\xad\x83b\xa0\xa2\xa0\'\xac\xa7\xe3\x80\x15I&amp;\x000\n}\xe4C\x87\xf20cL,\x91R\xf3\x04\x15\x12\x82P@\x15\xcc#\x03\xb4\xf0p\xafD\x04z\xb1`\x10\xf2\xe0E\xfbh\xab\x96F\xad\x91\x0bo\x1fs3\x93\n\x06\xa73\xb5\xa4\x04\xd2,\x9cJ\xe4:\x03\x97"4\xda\'\x8c\xc6\xbf\x89\x01K,\x96\xd1Q\xf4\xcfn-~\xc2\xdaA\xe2\xb8X2P\x0c*)\x84\x82\xa3\x87g\xef\xa7\x07X\x0f\xf2\x82\x83Y\xb6e\x13\xfe@1\x0b\x86&amp;\x16\x99\xba\xda\x99\\\xe22\xe3\xddC\xd7\x8f^J\x06lR5\xba6\r\xdf\xf0\x9f\x060\xb0\xc2\xc2A\x0cI\xff\xc6\xbbU\xb7\xdb\xbd\xfa\x0e\xf2\x03a!H\xa4\xe0\x0b.J\xb0x0y\xfb\xc66\xc8}\xdc\xd1\xe3\xe2*\x98\xc5:\x10\xbe&amp;\x81\x88\xe7\xc4\xaa\xe4\x0e\xa3}t27\xb76\xb7\xb6\x96.j\xa4\xc2\xd7?*U\x8c\x94=\x0bp8\x99\xdd\n\xec\xf4a\xc3\xeb\xc7&amp;\xff\xbb\xb6\xde\xf1\xd0\xd0\xf1\x88\xf1\x88d\xf7P\xf5\xcc\xe4\xe6\xcb\x97\x82\xc8\x9d\xe8\x12\xb0\x84\x9c;I\xb2}\\\xa0\x93P\xe1\x9fc\x01\xd7\x81\xef6\xbc\xf3\x9e1\x1f$\x1c\x1f\\g\x0bk\x1b\x1b\x1bk\xf3&gt;\xdf(\xf3\xf3Z\xd6\xa8\x820\xeb\xa5_KUGU1G\xe1(\x98\xf1\xd1.\xe8\x86o\x10\xbeI{\xff\xfamg\x9f\xf7]?@\x8d\x93\x95_\xf8\xf8\xf7\xc2\xec\x0fo\x9e?\xf9\xdd\xf3g\x8b\x00\xf7\x99\xedz5:z\x9fu\xffW\x07\x0f\x1e\x0c\xe1\xfc\xb7\xe3D\xd6\x8f\xaf^&lt;}\xf6\xf1\rk\x9bW\xae\xf4\xf6\xe2\x11Z\x1d\xb3\xfb\xde\xfe\x15\x9f\xc2#\x17\xd4[MMe\xda\x18i\x0c\x04\\m\xe3\xf9\xf3\xf8|\xbeL\xab\x8a\xf9\xfa\x97\xa9\xef\xff\xd2)\x83\x03\xe8\xddz\xd1;\xce\xd9\xa5\xa8oF&gt;nn&gt;[|\xf3\xa7;w\xee&lt;\xf9\xfd\x1f^\xbd\\\\|\x89\xc7\x11l\xf1\xfb\xcd\xc5\x97\xe4\xd7\xe8}\xba\xaf\x0e\xea\x0e\x86\x84\xb0T\xbbl\xbc\x9f\xbcz\xf1\xec\x8fO~\xfd\xab\xdf&lt;\xff\xfe\xe9\xe2\xe2\x93;w\x9e\xc5\x92E\xea\xac+2\x08\xe1\xdb}o_C\xdd\x8c\\\x8dMg\xb5111\xda\xb3\xb5\xe7i\xc9\x06\x80\xb5\xbf8\x1a\xf3\xfa\xcf\xb7\xc5"LV\xfe\xe5X\xf8u\xe8\x97\xea\xfd\xf8\xe1\xc3\x87M\xf81\xff\xe8\xe2|B\xd3H\xc30\xee\x0c\xce0\xce@\xed\x86\x01\x85&amp;\xe9\x82\x97%\x88\xc7\xbd\xf6\xd2CC\xce\xbd\xe4\x16K\xaf=\x14\xf6Rzj\xae=&amp;\x08\xbd\x04\x86\x85B\x03CI\xf7f\xc8\x14\xa1\x0e\xd8\x991jL\xf0_u+\x9aB\x1b\x90\xc4\xd0\xcb\x1e\xf6y\xdf\xef\x1b\x93\xdd\x97jT4\xfe|\xde\xe7\xfd\xf3\x81i\xb7uyy\xb9\xe7\xba\xcdV\xc5\x8d\xa2\xf3Z6{\xa7\xdbr\xf7\xdc(\xa8\xb1b\t\xcb\x02\x14\xb0\x10\x82\x0b7\xda\xf5\xce \x9a4\x82\x8a\xe3\xb8}\xb3`\x9eD{\xa5&amp;\x19\x81\x9a\x8d\xfa\xf2\xf4/\xd8mys\xf3\xea\xeb\x9f\x90\x88\xfe3\x88\x07\xbf\xdd\xbb\xb7\xb6\x01\xac\'O\x88j\xe3\xd1\xa3\xcfW\x1f\xa9\xfe@u\xbc\xbf\xba#&gt;\xd2\xea\xf6j\xf3\x9f\xcb\xcbJsi\xa9\t\xb1*\xcdZ3*\x95\xaa..\xf5\x93f\x0b\xf2\xb9n\xa5\xd6\xbd\xb8\xe8.%\x18\x8a\xael\x8b\xac\x15\xb6\xbd0\x8c\x1c\xbf2\xae\xf5\xcd\x96\xefG&amp;\xb2\xd9\x86j\xf5\xd8\x96Yu\xfd\xef\xb7\xe0\xca,\xdf\xdd\xbc\xfa|\xef\x01\xc7\x1a\xe4\xa2/ &lt;y\xf8&lt;\x9f\xdf\xd8\xda\xb8~s\x97\x9e\x821\xf8m}{;\x86\xc2\x8d\x8bV\xa5R[j\xba\xa0:\xc9\xd2\xc7\xad\x9e\xb7\xaa%\xa7\x15\x94J\xa5=\xf7\xa2v\xd2\r./\x83\x93\x84\x10\x0b\xee\xb2A\xd4\x19Lz\xbdF\xbd\xe7;c\r\xb2\r|\xbfbb\n\xd5J\xce\xa4\r\x9d\xc1\x84\xbc\xa7\x0cu\xffp\x99\xfb\xc6\xca\x9b\xeb?\xee\x83\xe8\x1e}}\xf9A\xfey\x9ec\xe3\xe9\xd5\xf2\nS=\x03\x15`\x96V\xe9\x9f\x8cn\xffN?p\xf7\xa2\x93l\x16\x02A\xa9j\xa9\x14\xd5*%\x8a\x01\x1c\x03,\xb7\x96\x90P\x967\x06\xd2\xb01\xf1\xcb\xe5\x91\xef\xf7\xe6\x94\xcc\xc8\xf7\x07\x1a\xf2\xeaMG\xf5\xa4\x89\xe1E\xd6\x04\xa7\xae\x1c}\xcb\xe52\xf4\xd6w_\x7f\xa6\xbf\x1a\xe6oVo\xe4\x19l\xeb\xc7.u^\xb4\xcf\xdc\xdb\xd3\x02\xac"\xa0\xf8\xb2\xc4\xf5\x9f\xed\xd7[\xf5B\xa1\x0b\xcb\xbaA\xa52\xe8\xb4O"\xc7\xa9FQ\x0bY&lt;\xaf\x04\xcdB\x02e\xa8\x87^\xa71\x1c6Fs\xcf\xeb8\xc0*\x97{sP\x85`\x1ciH\xaf\x1eZ\xe4\xbc\x94I\xd3\x1e2&amp;m\xe5\xe5\x97g\xb9\xdc2\xb5\xfe\x8f?\xef\x03\x8b\xc0H\xa9\x87\xf9\xfc\xcf74\xa4h\xda\x1c\xef\x17\xa87\x11\x92\xe8\xe9\xdc\x93\xb2\xd41\xf1\xab\n\x05\xa8U\x8d\x82\xa0V0[\x8e\xe3\x8c\xdam\x0f\xa0U\xb7\xd6\xedB\xad\xd9l\n\xa6\x8e\x07\xa3O\'=\xdf/\x0f\x80\xe5A\xc4\xb0\xd1k\xccmH\xa9\x1b\x8b\xb2\xd0RI\x1b\xea\xda\xca\xfa\xe9+\x08F`\x9b\xdf_\xfcJ\x7f\xeb\xb3\xf6(\x9f\x7f\x9c\x7f|\xbd)l\x95{\xfb%\x9d]\xb4\xa3x\xb3\xba\x1df\xbf\xe5V\x1d\xa7W7\xebU\xc7o\xb45\xad\x1f \xa3A3\x08\x12\xf5Ac&gt;\x1a{\xb3\xf1t\xd8\x1bN;\x1d\xc7\xef1\x16\xa98\xf7B\x9d\xc3X\\D\xce\r#\xa9\xae\x9f\xbd\xcfP&amp;!\xd8\xeb\xcf\xe0Z{\xb4E\xdfQ\xbabi\xbf(\xe8\x00\x00\x03\x9cIDATWer\x99\x0f\xfb\xb4\xb2ps\x14S\xd84\xff\xc3DwMH1\xea\x84\xed\xa8\x048-i6\xc9g(\x81Rb2\x98\x1b!\x98\x86\xc3\xe9x\xa6\x1as\x9f\xb1\x863CE(\xaa\x81\xd0\x8dEHJ\x84\xad\xab\xfb\x1fh\xe7\x84\xc5Vv\xbf\xfeNT[y\x98\x9d\xa0`\xf6oG\xa9BJ\xf8\xb1`\xb2Lf\xca\xe4\xc0\xcdT\n\xf78L\xb3\x1f\x86\xe7\xa5\x92\xd31m\xad\xe6\xa2\xb6\xeaA\xc9\xa9&amp;\xbc\xfa\xb8=\xe8\x95\x1b\xe3\x191x\xf0\xd5p\x04\x97)\x86\xaa \x88\xcd\xf8o0\x95N\\\xca\xd1a\x86\xc1\x96\x97?~\x7f\xb1\xb6\xb5\xf5\xf4z\x97\xa12\x99g_\xd2\x98^x[\xde=\xcd\x02\xf3\x10\x16x\x00E7\x0bb\xc2\x99\x9d\n2\xe74\xc2\xb4\xdd\x0f\xf6\x80\xd7\x0f\xe0\xb3Dc2\xf2\xaa~y\xac(\xb3\xf9\xa81,\xc3e\xb3\x99\x01\xad\x98\xcb\x90\x82\x89Po\x89\xa7\xaa\xb6\xa5\x1c\x1d\xf3\x92N[\xde\xd5\xd7\x1f\xdfws\x0c\x05[\x9d\xae\xd3\xac\x00EJfLc*\xc1Cp\xac\x14a!oh\x13\x13\x0f\xabB\xdd\xdds\x06u\xafIXS\xcf\xf6\xf6\x1cg\x8cb\x84P\xd3\xce\x8cp\xc0\xc4\xef\xac\xca;j\xfc\x80~\x83\xa5\x18\x96^\xbc\xc5\x95\xdb\x14B!\xde\x9e\xa5yh\x90\\&amp;S1\x02\x89\x15_\xa5\xe2u\xa0&gt;p\xd1\x15&lt;\x1b\xe3/lE\x93\xfa\xa47q\x1c?q\xa0\xe8\x1eRZ\x85N0WQ)r\xee\x0c\xf6\x15\xdbK\x11|\xac\xdf-\x9b\xd1C\xba\xd4\xebc\x8e$\xda$\xa3\xd3\x8dOgi\xeaz\x00\xe3\x89/\x88R\x05\x06\xba!\x8a\xb7\xa7~\xdb\xf3B&lt;\xd9\xb2SZ\x1b&amp;\xf2\xcb~o\x9a8(\x1aa\x07\x03\x90\x0cOL\xc5b\x91=%|\xc5!ec\x10\xf56\x96\x8aF\xc1\\L\xb3\xc2\x9bq\x06%\x88\xa3\x82\x15ci\x82\xc3\x94P\xac\x964\xbf\xdc\x9e\xec$CY&lt;\x8fg\xa3\x06P\xba\x89\x03\xc8\x85\xb9\x13\x12\x08+%\xf5b,(%~\xaa\xb7\xecn\x88\x84\x8a\x07H/.=T$\xb7\xd0\xdc\xf1\x11-\xdfVL%QLYw\xa9X3\xce\xab\xdc\xcf\xb1\xe9\xd9\xbc\xc4\xd8x]\xd8O\xa5V\x81U4\x00\xab+\xb7\xa2\xc8\xc9\x13h\xa0T\x95\x1b\xd5n\xd4\xa2\x0b\x8dR\xd6\x8b\xb0\xd8[\xaf\xbe\xac\'\xf9L\x10c\x01,\xb6\xd4\x82Np\xc5\'\x06:\xfa\xc9\x85\x9d\xb0\xf0\xaa\xec\x0e\xb0\x0e\x90\x0b\xdb\x8aA\xe8JT\xa1\xf0YQH(\xab@\x8f\xcb\x91\xb9\x08\xcb\x82^\x87\xdc?\t\xeb\x15\x95 \xf2\x91f0qN\xd1\xe4\xba\xcbp\xf2\x94\xb0\x10J\x1c\xb2\xb0\xbd\x00K\x13\'\x1c-\xb9\xfd\x8e\xb0\x14\xc8e\xeb\x86*;\x95H\x1b\x99\xacX\xbc\xc1R\x84R\xd2\xfcq\x16\xa9\xe3[/\xf7?0\x16\x97 \xd9\nr\xd9r\x81\x13\x89\x94\xc6\xc7\xb5\x14P\xd0\xc4wpL\xe6\xad*-2\x99}\xc7XE\x15\xbfIb\xa9B\x18AuP|)\xe1\x94E\xfa\xc8o|\xe1fa\xd1\xc2m)\xfb\x9f\x96\xa9\xa9\xa2\x04y\x1b!2\xc6\xa2&amp;\xc1\x07&lt;Yw\xb1B\xe2\x14\xca\xd4\xe2(c1\x10\x96,z\xd5\xb6\xc0B\x16-\xc2\xba\x91E\x91X\x07\x12J\x11\x93H(%\xb9\xd8\xff\xac\x16q\xbd\xc7\xc1\xedp?\xad\xabL\x15\xbbk\xa1\x17\x0b\xc6\xf9\x93l1\x16\xb3\xc2\xf1\x9cx\xfaH\xb6\x95\xday\xc7\xdeB-\xd2\xa76\xc4[\xab1\xd6\x81\xc4*\xfe\x7f\n\x89\x8eAT&lt;!\x01\xb1\xae\x9c\xbd\xe7\x12$\xbb\xe97[\xb8\xc4\x82&amp;\xe6\xa2O\x01\xe3\xe4B\x8b\x0fZ\x1a5|\x8d\x9f\x98\xb6x\x13H\xdfy\xf7\xcb\xce\xbf\xb0\x0e\x1b\x13\x808w\xfe\x00\x00\x00\x00IEND\xaeB`\x82'</t>
        </is>
      </c>
      <c r="M494" s="3" t="n">
        <v>45492.67813657408</v>
      </c>
    </row>
    <row r="495">
      <c r="A495" t="n">
        <v>1175135</v>
      </c>
      <c r="B495" t="n">
        <v>199294</v>
      </c>
      <c r="C495" t="inlineStr">
        <is>
          <t>Jan Franc Lucumi</t>
        </is>
      </c>
      <c r="D495" t="inlineStr">
        <is>
          <t>J. F. Lucumi</t>
        </is>
      </c>
      <c r="E495" t="inlineStr">
        <is>
          <t>UNK</t>
        </is>
      </c>
      <c r="F495" t="inlineStr">
        <is>
          <t>UNK</t>
        </is>
      </c>
      <c r="G495" t="inlineStr">
        <is>
          <t>UNK</t>
        </is>
      </c>
      <c r="H495" t="n">
        <v>178</v>
      </c>
      <c r="I495" t="n">
        <v>17</v>
      </c>
      <c r="J495" s="2" t="n">
        <v>38027</v>
      </c>
      <c r="K495" t="inlineStr">
        <is>
          <t>Right</t>
        </is>
      </c>
      <c r="L495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x0e\xbc\x1a\xf3\xbf\xdaO\xf6\x93\xf8{\xfb/x\x15~!|J\xd6,\xect\xef\xb5G\x0bO{x\xb0\xaeX\xe3\x00\x9f\xbc\xc7\xb2\x8e\xa7\xd3\xad\x00|+\xfbX\xff\x00\xc1\xcd?\xb2W\xec\xe3\xf1u\xbe\x1a\xf8O\xc1\xd7\xde6\xb1\xb5\xb5I/\xf5\xfd\x1fR\x8cB\xb27X\xe3\x18&gt;f\x062A\xc5|\xf5\xae\x7f\xc1\xdd\x96\xd2x\x96\xf6\x0f\t\xfe\xcb+.\x94\xaa&gt;\xc7qy\xac\x14\x946\xeeU\xd4!\x1d=\x0f^\xd5\xa2\xa7\'\x1eb\x94c\xcdfjx_\xfe\x0e\xc6\xb6\xd4.t\x0bo\x12\xfe\xcd\xcb\xa7\xf9\x9a\x84\x83\xc4\x0f\x1e\xa4\xd3(\xb6\xc8\xd8a\xf9A\xdd\x82I\xce~\xefNx\xfdF\xf8]\xfbp\xfe\xcb?\x16\xfc?\xa3\xeb\xde\x17\xf8\xdb\xe1\xdf\xf8\x9eZ\xa4\xb66\xb7\x1a\xacQ\xcc\xdb\xb1\xf2mf\x07vN1\xd75\x9b\xf7w*P\xd2\xe8\xf5x\xe4\x8eh\xd6H]Y[\x95e\xe8i\xd4\x19\x85\x14\x00Q@\x05\x14\x00Q@\x05\x14\x00Q@\x1f&gt;\xff\x00\xc1C\xff\x00n\xef\x07~\xc2\xff\x00\x08\x0f\x8e5MWA:\xb5\xcb2\xe9\xdan\xb1\xa9\x18&lt;\xe0\x07\xcc\xca\xaa\xac\xcf\xb7#\xe5\x18\xcez\x8a\xfev\x7f\xe0\xa4_\xf0Y\x8f\xdaK\xf6\xfc\xf1\x04\xde\x16\xf1\xf7\xd94\xdf\x08\xdb\xdfGs\xa2\xe8\xb6*@\xb6\x91W\x05\x8b\x1e_&lt;\x9c\x9e\x99\xad)\xc3\x9bR\xa3h\xea\xcf\x8f\xee/]\xa2}w[o;j\xed\xb7_\xe1\xe7\xdb\xb9\xc6+\x16\xf3\xc4Z\x9d\xc2\x08V\xdflNw*+\x05\x1b\xba\x06\xcf\xb7\xbdm\xca\x1c\xc6\xb6\x95yo\xf6\r\xd77\x81gh\xc6\xe7RK)\xf5\x02\xb5&amp;\xf1v\xb9\xa1\x9bW\xff\x00\x84\x8a\xfd\xe4\xb5\xb8V\xb3h\xe6t10\xf9\x94\xae\xde\x98\xebXIji\x7ft\xfd\xce\xff\x00\x82\x19\xff\x00\xc1r&gt;\x10\xd9\xfc\x1c\xb1\xfd\x9d\xff\x00lo\x8b\xd7\xd6\xfe&amp;\xfe\xd7\x91t_\x10x\x82g\x9a;\x88\\.\xc8\xde\\|\x846q\xb8\xe3\x9a\xfd\x80\xd25\x8d+_\xd3\xa2\xd5\xb4MJ\x1b\xbbY\x9447\x16\xd2\x87GS\xd0\x8285\x1bhg%\xd4\xb5E\x04\x85\x14\x00Q@\x05\x14\x00Q@\x01\xfaW\x91\xfe\xdc?\xb5\x8f\x83\xff\x00b\xaf\xd9\xaf\xc4\x9f\x1f\xbc^VE\xd2l\xdb\xec6\xac\xe0\x1b\x8b\x821\x1au\x19\x19\xe4\xe3\x9c\x03\x8a\x16\xba\x01\xfc\xae\xfe\xda\xdf\xb7w\xed\x0b\xfbt|l\xbb\xf8\x9d\xf1_\xc4\xc6\xf2\xea\xe1\xbc\xbb\x0b\x1bm\xe9kk\x1f\xf0\xac1\x16;8\x03=\xc9\xaf?\xf0\xc7\xec\xf5\xe3\x9f\x18\xdd-\xfd\xdc?a\xb7e\'\xcd\xb8\xf9\x98\xe7\xa9\xdb\x9a\xeb\xa9R\x9e\x1e\x17gV\x0f\x0bW\x1bS\x96;u\xf2:\xe4\xfd\x90`1Eoq\xab]H\xa9\xce\xd3\'\x04}+B\xeb\xf66\xd1\xee\xa1\xd9g\xabMo\xbc\x83"6\x0e\xea\xf1\xaaf\x959\xb4G\xd4C\x87h\xaaz\xb6v\x9e\x05\xff\x00\x82w\xe9\xba\xfd\x8bH\xfa\xd6\xe96\x83\x1f\x9b \x00\x9fq\xdc\x01^{\xf1\xc7\xf61\xf8\xd3\xf0R\x16\xd6,\xa4\x8fV\xb1i6\xaa\xd9\xb8r\x8b\xfd\xe3Y\xd1\xcc}\xa5^Y\x9e~7+Ti\xfe\xef\xa1\xe4\x91\xcd}ay&amp;\x9b\xabEqi2\xe1\xe2r\xbbpG\xf1\x0e8\xe6\xbfw\x7f\xe0\xd6\xcf\xdb\xa3M\xf17\x825\xdf\xd93\xe2\x17\x8b\xeen5\xc8n\xbf\xb4t\x17\xd4\xb5\t$y\xe1\xdb\x87\x85\x15\x89\n\x13\x1b\xb8&lt;\xee5\xe9Iu&lt;YE\xf2\xb4\xcf\xd8\xcf\xa5\x18\xa0\xe7\x0e\x94P\x01E\x00\x14P\x01E\x00\x15\xf8\'\xff\x00\x07c\xf8\xe3\xc5Z\x9f\xc7\xaf\x05\xfc%\x87\xc7\x9a\x8c\x9a[\xe8mwq\xe1\xd8\xee\x8a\xda\xc2\xfb\xf6\xac\xac\xa3\xf8\xdb\x9e\xb9\xe2\xb6\xa0\xb9\xaa!K\xe1g\xe7\xef\xec\xf1\xf0kL\xb6\x12x\xab_\xb5\xf3$\x8fj\xda\xab/\xca\x87\x1d\xbfO\xc4\xd7\xb4i&gt;\x1ek\xe9\x96\x18"\\t\xed^^6\xa4\xaaVi\xbd\x11\xf79\x1e\x164p\xb1v\xd5\xea\xce\xae\x1f\x86:\x84b2\xd6\xdc\xc8s\xbaL\x0f\xc2\xa9k\x1e\x18\xbb\xd2.|\xa9-\xb2=\x17\x1f\xce\xbcj\x92H\xfa\xc8\xd1\xbcv(\xff\x00\xc2W\xadh\xd2,\xb6R2\xed\x18\xda?\x95Z\x1f\x16\x9fS\xb5m:\xfa\xd7;\x9b,\x1b\x90\xc6\xb2\xa7+\x9ef6\x84c\xa9\xe4\x9f\xb4\xb7\xc1\xcf\x0f\xf8\xe9\x7f\xe1*\xd0t\xe5\xb7\xbb\x86!\xbb\xcb]\xaa\xff\x00Z\xb7\xff\x00\x04]\xf8\xf1\xa4\xfe\xca?\xf0Qo\x01x\xa7\xc7\xd0\xabX\xb5\xf3i\xb7L\xac\xdf"\xce&lt;\xb5|z\xab0?J\xfa\x0c\x1dg*6{\xa3\xe1s\n^\xce\xb5\xd6\xcc\xfe\xae\xa2u\x96%\x91\x0eU\x97*}E:\xbb\x0f (\xa0\x02\x8a\x00(\xa0\x02\x8a\x00+\xf0/\xfe\x0e4\xd1\xad\xbcs\xff\x00\x05\x1f\xb3\xd3&lt;\x85\xc6\x97\xe0\xbb?=\x95ym\xce\xec3\xeb\xc5Te\xec\xef#Z4\xfd\xa5U\x1e\xe7\xcc\xbe\x17\xd1\x97N\xd0\xad\xed\x92 \xaa\xb9\xe7\x1dI5\xdbx&gt;\xd6k\x0b\xa4\xb8\x89\x17v~R\xdd&gt;\xb5\xe0\xe2+n\xd9\xfan_E\xa8\xc2+\xa2Gc%\xc6\xad8\xdf8\xcfu\xc2\xe75C[\x86]^\x0f\xb2\xe0\xb4\xd9\xc6\xccr\rxu\xf1\x1c\xcc\xfa\xaa4=\xd3\x89\xd7&lt;\x17\x7fn\xa4\xc0\xb8c\xc6\xd2:\xf3\\\xb6\xa9\xa5jz\\\xc6MB\xc3\xcaR\xd9F^A\xadp\xf5\x14\x9d\x8f\x0f0\xa7\xcb{\x8c\xd4\xae\x8c\x96\x12YL\x0bG&lt;[X)\xe8=k\xc8~(\xfc"\x9bG\x9e\xdb\xc7\xfe\x1c\xb9\x0c\xf1\xdd+\xb3#mel\xf0}\xbaW\xbb\x85\x97\xb3\x92]\xcf\x86\xcc\xa8\xfbJm\xf6?\xaco\xd9\xefY\xbf\xf1\x0f\xc0\x8f\x06\xeb\xba\xa4\x85\xeeo&lt;3c-\xc3\x1e\xee\xd0!?\xadv\x15\xeb\x1f0\x14P\x01E\x00\x14P\x01E\x00\x15\xf8\x87\xff\x00\x05\xdd\xd14\xf3\xff\x00\x05\n\x9bP\xb7\xb3\xc4\x97\x1e\x12\xd3\x96\xe1\xff\x00\xbc\xc3\xcd\xc7\xe9\x8a\xce\xaf\xf0\xd9\xe8eq\xe6\xc6#\xe3\x1f\x17^\xf8\xafMU\xd1&lt;\r\xe1y5\x0b\xb5\x8f|\x8c\xb1\x96X\xbd\x0f\xb9\xaev\x0f\xf8k\x9d5c\xd5t\xfd\x0bM\x8dT\xfc\xd1\xdfg$z\x901^\x7f\xb2\xc1\xf2\xde\xb3\xbb\xec\x8f\xb2\x8e#2\xe6\xe5\xc3EYug\xab|\x12\xf8\xb9\xf1\x7fQ\x9e\x1d\'\xe2v\x9f\xa3\xb6\xc9@\x8b\xec&lt;\xb6\xde\x9c\xd7\xab\xf8\xa9t\x8f\rC\xfd\xb0\xd6\xd1\xed\xb8`Wo\xf7\xb1\xde\xbeo0\xa7O\x9d\xba{#\xec2\x9a\xd8\x89PJ\xbd\xb9\xba\xdbc\xc2\xbe&lt;\xfce\xf1.\x9c\xc7\xfe\x10\xbf\x0f\xdb\xddJ\xc3\xf8\x98.\xdfj\xf1\xfb?\xda+\xe3\xd5\xbaH\xfa\xf7\xc2\xb8o,W\xfdg\x96\xc5\x88\x1e\xd8\xae\xcc\xbf\x0f\x84\xa9MJ\xa4\xad#\xe7s\xacn:8\x87\x1aP\xe6\x8a:\x0f\x08|P\xf0\xaf\xc4\x18\xcd\xbd\x8d\x9d\xc5\x8d\xf0?5\x9d\xd4eH\xfaz\xd5\xe84i|A\xadY\xf8f\xe2\xd3t\x97\x1a\x84P\xc4Ur[/\x801\xf8\xd7\xa9\xc9*r\xb3&gt;n\xadh\xe2(\xf3X\xfe\xa5\xbc)`\xbaW\x864\xed-\x17j\xdbX\xc3\x12\x8d\xb8\xfb\xa8\x07O\xc2\xb4+\xd8&gt;L(\xa0\x02\x8a\x00(\xa0\x02\x8a\x00+\xf1\xa7\xfe\x0b\xa3\xa3\xbd\x87\xed\xc9\x06\xabp\xb8\x8e\xf3\xc2\xb6l\x87\xd7\r"\xff\x001YV\xf8\x0fK)v\xc6/F|\xc9\xe3\x0f\x896\x9f\x08&gt;\x11\x0b\xcd\'D{\xeb\xedNm\xd2G\n\x96!{n\xc7\xd7\x81\x90=H\xaf\x10\xfd\xae|c\xf1\xb3\xe1\x87\x86\xb4[\xabO\x88\x1a~\xb5o\xe2M&amp;\x1dB\xc2\xd7A\x8f\xed\x0bf\xcf!I-\xae$V\x1eT\x88\x02\x12\x089\xdd\x81\xd35\xe7ap\xf4kM\xb9J\xd7L\xfb\x0c\xc3\x15\x8a\xc1\xd1\x8f\xb1\x85\xf5_\x89c\xe0^\xb3\xe3\x0f\x04\xf8\xaf\xed\x1e:\xbc\x87U\xb5\x87\x01o\xb4\xd5\xdd\x13\x12:o\xc0\x19Ry\x1d\xfd\xfa\xd7\xa3|X\xf8\xc5c\xadhq\xcb\x0c\x92F\x91\xdc\x1d\xac\xad\xf2\xa8\xaf;\x19F1\xf7WS\xda\xc1bj\xfd_\x9a[\xd8\xf1m+Q\xd6\xfc\x7f\xf1WK\xf0n\x98\xab5\xd6\xa9u\xe4\xda\xac\x8c\x88\xb27\'\xef;*(\xc7R\xcc?\x1e\x94\xc6\xf1/\x8e&lt;I\xf1\x03S\xf07\x82&lt;\x0f\xfd\xa0\xba\x05\x83\xde\xea\xdfb\xb9\x8d\x9a\x08\x10\xe1\xc9\n\xe7,;\xa8\x05\x87\xa5v\xd1\xca\xa3Z\x8b\x92{\x7f\x91\xe1bs\xaf\xaa\xd4Q\x92\xbf7_\x99\xbd\xe1O\x12x\x17\xc6\xd6\xd6z\xa6\x9do\xfb\xcb{\xa5\x0cp2\xbc\xe0\xf2:\x8f\xd7\xd8W\xb1~\xcd\x9f\x0e?\xe10\xfd\xb1&gt;\x1d\xf8v$\xdd\x1d\xd7\x8d4\xf5`\xbd|\xb1:\xb3~\x80\xd4R\xe6\x8dE\x06q\xe3%\tSs\x8fT\x7fG\xd4W\xba|`Q@\x05\x14\x00Q@\x05\x14\x01\xc9|{\xf1\xbe\xbd\xf0\xcf\xe0w\x8c~#x[N[\xcdKA\xf0\xbd\xfe\xa3ck"\xe5e\x9a\x1bw\x91T\x8e\xe0\x95\x1cw\xaf\xc2_\xdaw\xf6\xaa\xf8\xc1\xfbd\xeb~\x17\xf8\x8b\xf1\xafG\xd2\xe1\xbf\xb5\xd1L\x10\xdei\x96\xe6\x1f\xb5\xc2d2)x\xc9!\x1dwm\xe0\xe0\xe35\xc7\x8a\xad\xcb\xee\xf7L\xfa\x0c\x97\x06\xaa\xa9V\xfeV\x97\xdep\xda\x8e\xa6\xf7\xb2\xc6\xb6ZkI\xe5(+\xbb\xa0\xc0\xc5s^)&gt;2\xf1:M\xa0[\xd8\xc7\x0cWl\xbe~\x18(v\x1d\t\x00u\x1e\xb5\xe3\xe1j8\xcbV~\x81R\x8b\xa9MY\x19\x1ao\xc2\xa4\xb4\xb9\x87M\xd5\xfc@\xcc\xb0\xb7\xfcz\xc0\xc7`c\xfc\xcf\xbdz\x06\xb9\xf0\x92\rk\xe1&amp;\xbd6\x9fa\xb6m&gt;\xddd\x8e"\xbf3\x80\xc0\x1c~\x15\xe6\xe6\x18\xb9K\x11\x1e\x9a\xa3\xbf\x0b\x81\x85&lt;$\xde\xfa[\xef&gt;k\xd3t\x0b\xdf2i\xed$fky0a-\x87S\xec\x0f_\xc6\xadhVZ\x8e\x9f\xab\xcd\xa96\x9e\xbee\xc4m\x14\xcc\xa8ci#=U\xb1\xd4~\x95\xe9{g\xca\x95\xcf\x9c\x8d\x0eh\xea\xaev\x9e\x12\xf8E\x14Zp\xf1\x06\x9d\xa5\x1d:\x16|\xe7\xa7\x9a~\x9d\xfe\xb5\xeb_\x08\xff\x00hO\xf8d\xff\x00\x8f&gt;\x10\xf8\xdb\x17\x83W\xc4\x13\xe9\x0b5\xcd\xae\x9e\xd2mS1\x89\x91\x1d\x88\xe7\n\xcd\xbb\x03\xae;S\xa3_\x9e\xa5\xd7C\xcd\xc6\xe1\xed\x1eE\xd7C\xf7\x8f\xf6"\xfd\xa2\xee\x7fk?\xd9c\xc1\xbf\xb4=\xde\x84\xbal\x9e(\xd2\xfe\xd4\xd6q\xb1*\x98\x91\x93#&lt;\xe0\xed\xc8\xcf\xadz\xad}\r9sA&gt;\xe8\xf8\x9a\xd0\xf6ue\x0e\xcd\xa0\xa2\xa8\xcc(\xa0\x02\x8a\x00(\xa0\x0c_\x89Vvz\x8f\xc3\x9f\x10i\xfa\x8c{\xad\xe7\xd1n\xa3\x9d}Q\xa1`\xc3\xf2\xaf\xe7\x92+\xfb_\x88\xde,\x93E\xf0\xb5\x84p\xe9\xdak\x1bKD\x8f\x96gV\xc3\x12}O\x1cW\x95\x8f\xbf\xd6)%\xfd\xef\xc8\xfb\x1e\x19\x82\x96\x0b\x13w\xb7%\xbdo\xfeG\xa9\xfc:\xf8y\xe1\xbd.+\xad/\xc56\xb1-\xd0\x84\x9f2o\xe08\xe0\x8f~\x95\xe6\xb7\x1e.\xd0\xc7\x8ef\xf0\xe6\x8b\xa1\xb5\xc1\x8ag\x12_J\xa4(\x1e\xb5\xe0\xe1d\xea^]\x9b?E\x94cN\x9ca\xdd#\xa4\xd2\xac\xbe\nX=\x96\xa7\xe2\x1d\']\xd6\xaf..\xb6H\xba\x1d\xaa:Z\x83\x8e_s\xa9\x1d{\x02x\xae\xb3\xe3?\x8c&gt;\x0e|6\xb2\xb6\x8f\xc3\xd72[F\xb6\xa1\xa7\x1eg\xef\'\x0c&gt;\xe9S\xdf\xb6+\x83\x1fFU\x1f&lt;um\xf4\xe8m\x85\xc5\xc6\x9a\x95:\x89F)7\xea|\x83\xe3\x7f\x1e|?\xf8\x815\xf6\xab\xe1\x8f\x0cj:V\xa9\r\xc1\xf3\x12\xfa\xd4D\xb3\xafP\xc0)&lt;~\x00\xd5\xef\x87\xda\xc6\x87\xaa\xc7\x0c\xb7\xbaxi#a\xba\x19\xbb\xff\x00\xf5\xab\xaa\xac+S\xa2\x93z\xa3\xc7\xcb\xeaQ\xad\x88\x95\x95\x93\xfc\xcfJ\xf1n\xab\x06\xbd\xa3\xac\x9aE\x97\xd9D\x0b\xb4\xaa7\xca?\xfdU\xe3\xbf\x1e&gt;(C\xe0_\x14\xf8qo\xf4\xcf:\xca\xe3O!\xa7.F\xc97`\x01\x8f\xa1\xeb\xeb[`T\x9d\x1b\xad\xcf\'2\xa7\x1ax\xeeV\xf4?\xa4\x8f\xd8+\xc3:G\x83\xff\x00b\xef\x86\x1e\x1e\xd0\xa0X\xed`\xf0V\x9eaE\xec\x1a\x15o\xe6k\xd7+\xec)\xff\x00\rz\x1f\x9a\xd6w\xad\'\xe6\xc2\x8a\xa30\xa2\x80\n(\x00\xa2\x80!\xd4m\x96\xf7O\x9e\xcd\xd7r\xcd\x0b!R:\xe4b\xbf\x9f\xff\x00\x19\xfc\x14\xd7&gt;\x12|[\xf1&amp;\xb1\xa2H\xb0\xc3q\xab\\\x19\xadV=\xa2\x0b\xa5\x95\xd4\x95\x1d\xb2\x00\xf4\xaf;\x1d\xfcZ^\xaf\xf2&gt;\xa7\x86\xe5jx\x88\xbe\xcb\xf0f\x1f\xc7\xaf\x1ck\x1at\x1an\xb5\xab\x99\x18\xad\x9cj\xd0\xc7&amp;\xc3{3\x1c*\x92:\x0fS\xd8Q\xf0\xd3\xe1\x1f\xc5\x8f\x11\x195\xcb\xdd;\xed\x12^a\xc4v\xf0\x88\xa1\x8dH\xc8U\xef\x8cw9&amp;\xbc\x99QP\x94\xe2\xba\xb3\xee\xa8\xe2\xa5:0\xf2A\xe2?\x85\xde1\xd25u\x80\xdaG\xe67\xca\xd1\xc4\xc7\xe5\xe7\x18\'\x15\xc0\xfc|\xf0\xce\xaag\xb7\xd2\xf5\xd6\x85\xe6\x8e0\xd0\xfc\xdb\x8a\xff\x00\xe3\xa0\xe7\xadJ\xa6\xe3\x87\xbd\xba\x9b\xd4\x8b\xa9&amp;\x9c\x96\xc71\xe1\xef\tk\x87J\x92k+\x18\xee\x8cc\xe7X\xc7\xccG\xf3\xc5s\x93\xc8\xda\x06\xa0\xbet\x0c\xb6\x92&gt;7.C\xdb\xbez\x9fU\xcf_J\x89\xc5T\x8d\x8f:\x9c\xe5\x85\xaf\xae\xc6\xb7\x88~!\xeb\x91:\xf8^\xdeL0\x90$\x8c\xbf\xc6)\xde%\xf8\'q\xf1\xbb\xe2\x16\x97\xe0\xdb\xc8\xfe\xd1\x0c2\xc1\x0e\x9fm\x0c\xa4I=\xd9e]\xad\xed\xc9\x18\xf55\xb58{\x1ak\x94\xf2q5\xe5\x88\xc4JO\xa1\xfd:\xfc/\xf0U\x97\xc3o\x86\xda\x07\xc3\xed9\x02\xc1\xa2h\xf6\xd61\x01\xfd\xd8\xa2T\xfe\x95\xbb_K\x1d\x15\x8f\xcf\xa5.i6\x14S$(\xa0\x02\x8a\x00(\xa0\x02\xbeC\xfd\xbf\xbf`\xef\x82\xfa\xbf\xc2\xef\x1b|{\xf0\xf6\x89wk\xe2;;\x195VK[\xa2 \x9aD\xc3H\xed\x1frP?\x19\x03\'8\xcdgR\x94*[\x9b\xa6\xa8\xee\xc0b\xabak{\x8fIh\xfd.~Q\xfco\xd3\xac\xbcM\xe1\r:\xe9\xd5Z}\x1fR\x86\xe7\xcb\xc7\xfa\xd8\xd5\xb0G\xe0\t\xac\xef\x8a\xdf\x08&lt;O{\xf1+\xc3\xff\x00\x16|;\xe2\xadR\x1b;h\x16+\xfd*\x1b\xc9&gt;\xcf,G\x07p\x8c6\xdd\xe3\xa6k\xcb\xac\xe3N\xa3\x95\xbf\xab\x1f\xa3`a\x1a\xbc\xb0n\xdf\xf0\xf7\xd7\xc8\xfb?\xc3\xbf\x07\xbf\xe0\x9d\x1f\x13-\xf4\xc9\x93\xe3W\xf6&amp;\xaa\xfak\xaa\xc3\xa8j\xd2\xc6\xd2O\xb8a\x9f\xcc +\x00O\xcb\x90\x0fl\xe2\xb4&gt;:\x7f\xc14?dm~\xdbX\xd6`\xf8\xd6\xda]\xbd\xbcp\xad\xad\xd3\xebQ\xe26?y\xdeGo\xbaG dQ\x18\xd3\xa9I\xb8\xf7\xfb\x8c\xb18\xec\xd3\x01]S\xc4\xd0z\xad4\xdfU\xaa\xf4WZy\x1f\x14\xfe\xda\xdf\xb3\x8f\xc0\xcf\x81\xde\x12\xba\xd0\xfe\x02\xfce\xba\xd6\xfcH\xad3Y,:\xc1\xb8\xf3\xc6bUV(\xc5T(gr{\xed\xc5|\xe5\xe1\x9f\x87\xdf\x114\xbf\x07\xc3a\xf1\x0b\xc6\xcd\xacjw[\x95\xe7\x925U\x8c\x1e\xa3\x802\x14w&lt;\xd7\x1d9FW\xba\xd6\xf6\xf9/\xf3\x14\xe3\x88\x958\xceI\xc7M\x9e\xfa\x96|5\xa5\xc5\xaf|G\xb5\xb6A\xe6B\xb3+\xb3w`8Q\xf8\xf5\xaf\xdb\xef\xd9\xe7\xfe\x08\x83\xf0\x07\xe1?\xc7\x8d\x07\xf6\x8e\x7f\x17j\xd7\xdf\xd9\xf0\xc3\x7fo\xe1\x9b\xc4V\x86-Cb\x96\x93\xcc\xce\xe6@\xf9eB8=\xc8\x18\xafC\x0fF5m~\x96&gt;_0\xc6O\x0f\'\xcb\xf6\xae\xbf\xe0\x9fsQ^\xa1\xf3!E\x00\x14P\x01E\x00\x14P\x01Y\xbe3\xf0\xdd\x9f\x8c\xbc!\xaaxGP@\xd6\xfa\xa6\x9d5\xa4\xca{\xac\x88P\xfe\x86\x81\xc5\xf2\xca\xe7\xe1\x0f\x8f|\x016\x81\xe3-S\xc0\x1a\x86\x1am/T\x9a\xd2OBcr\xa7\xf3\xdb]\xf7\x86\xac \x9fH\xb1\xd3\xae`\x8eA\x14*\xb23/\\q\xcf\xe1^n"\x9d\xe9\xb6~\x8b\x82\xad\xef+\r\xf1\xfc?\x08|;\xa4\x7fe\xeaZ&gt;\x9f\x1d\xcc\x96\xee\x8a\xd7\xd1\x96\xdf\x9f\xe2\xc8\xee\x0f \xfe`\xd7\x89k\x9e8\xb6\x1ag\xfc#Z\xee\xb1\x14\xb6)!{x\xa4\xbc/\x0e1\x80Bd\x8c\xe0W\x93*\xd2\xd7\x91\xd9l\xcf\xd109\xa6\x17\xea\xd0X\xa4\xa5(\xeb\x1b\xa4\xed\xe9}\x8e;\xc4Z\xe7\x84\xae\xed\xe2\xb8\xd3\xa2\x85\x9a\xdd\n\xbc\xf0\xc7\xb4\x1c\x9a\xf3\xbf\x1bx\x86k\x99\xa3\x826\xdb\x1aE\xfb\xc2\xbe\x84\xf4\xfa\x9a0\xef\x9aW&gt;#6\xc5:\xb5\xe5;\xee\xce\xaf\xf65\xf0\x9c^9\xfd\xa3&lt;!\xe1\xc9\x944z\x97\x89\xac\xa2\x98\x11\x9c\xabN\x80\xaf\xe5_\xd3X\x01F\xd5\x1c\n\xf70\x8a\xd1g\xc1f\xd2\xe6\xaa\x82\x8a\xec&lt;\x90\xa2\x80\n(\x00\xa2\x80\n(\x00\xa2\x80?\x08\xbfh\xfd~X\x7fi\x0f\x88/\x13\x1d\xb6\xbe6\xd4\x95\x8a\x9eB\xfd\xa5\xf0~\x95\xa3\xe0O\x15\xa5\xed\xa3\t\xa4\xdd\x85\xe0\xa3s\xb7\x1d\x7f:\xe7\xab\xcb*\x12&gt;\xdb\x05\xcd\x1a\x90\xbfU\xfa\x19\xbe6\xbc]wK\xba7l\xcd\xf6v\xc1V\\\xe5{\x1a\xf0?\x16iz2^\xcdv\xd6q\xc8\x1b\xee\xfc\x9d=\xbf\xfdU\xf3\x15c\xcb\xb7S\xed\x14#*I\xf69\xbb\xe9\x0c\xb6\xef#\x81\x1aG\xc4P\xaf\x00\x9e\x99\xfc+\x82\xd7u\x14\xba\xfd\xcaN\x18\x06!\xa4\xf5 \xe2\xbb\xf0t\xd7)\xf2y\x9c\xff\x00yc\xdb\x7f\xe0\x9cW\xb6\xed\xfbf|3\xb2\x00ym\xe2\xfb\x1d\xd9\xef\xfb\xd5\xaf\xe9:\xbd|7\xc2\xcf\x93\xcc\xbf\x89\x1f@\xa2\xbaO4(\xa0\x02\x8a\x00(\xa0\x02\x8a\x00(f\n\xa5\x8fnh\x03\xf0/\xe2\xbe\xa25/\x8f\xfe4\xd6\x157%\xef\x8a\xb5\t=\x98\x1b\x87\xae}\x7f\xb5\xbc\'{\x16\xbf\xa0E$\xf6\x9b\x9b\xce\xb3_\xbe\x14\x8c\x10\xb9?\xe7\x15\xe6\xd2\xad\x1eg\x17\xd4\xfd\t\xe1\x9f\xb1\x84\xe3\xbaK\xf4\x19\xe2\x0f\xda\x0b\xc3rhme\xa7F\x8d2\xc8\xd1\xdc\xb4\xab\xb5\xd0c\xa3\x0f^+\xcb&lt;a\xf1\x1bN\x92\xcf\xce\x0f\x1e\xd5\xc1P\x0f\x0b\xed^V*\x13\x96"\xcbd{x|e8\xe1w&lt;\xaf\xc6?\x13\xcd\xf4\xcdg\xa3\xc8wym\x96\xc7\x7f@+\x9c\xb3\x96\xe6\xed\x96)\x8e\x02\xff\x00\x0fs\xf5\xae\xfav\xa7J\xc7\xcbV\x97\xd61-\x9e\xe7\xfb\r\xea\x07D\xfd\xa9~\x1e\xeb\x842\xf9&gt;.\xd3\xc8o\xfbxJ\xfe\x9b\xab\xb7\n\xef\x16x9\xb4yjG\xd0(\xae\xb3\xc9\n(\x00\xa2\x80\n(\x00\xa2\x80*\xea\xba\xde\x93\xa1\xdb}\xafW\xd4"\xb7\x8f\xfezL\xe1Eyg\xc6\x1f\xdbO\xf6u\xf8Y\xe1\xcb\xeb\xaf\x10|N\xd3c\x9a;Y&lt;\x98V\xe0\x16w\xdap\x07\xb95\xb5:\x15*\xeb\x15\xa1QNRI\x1f\x8aZm\xf0\xd75\xab\xadV\xed\xbfyuy,\xf8o\xf6\x98\xb7\xf5\xae\x82\xc2\xce\xdcN\xbfj\x1bT\x9cn_\xeb_!\x88\x9f\xb3\xa9s\xf5\xec-8\xca\x8d\x8es\xc7\xff\x00\x03\xbc\t\xac]\xf9z\xa5\x92+\xdcr\xd7q\xfc\x8e\xb9\xf7\x1c\xd7\xcc\x9f\x17\xff\x00fk\x9f\x06\xf8\x86C\xff\x00\x0b\x16\xe2\xe3Oo\x9e8~\xd1\xd4g\xa5S\xc5\xc9[\xa9\xc5S/\xa7(\xb7\xb7S\x99\xd2&lt;-kj\xdeu\xb4?\x8bd\xd4\xbao\x86\xe4{\xd61\xa9\xe4\xf5\xcfj\xd6U\xb9\xacy\xd1\xc3\xa5vz\x17\xc2\xbdQ\xfc\x0f\xe3\xfd\x0f\xc4Q\xc6\x1b\xfb7T\xb7\xb9\x08\x1b\xae\xc9\x03c\xf4\xaf\xe8\x0f\xf6?\xff\x00\x82\x86\xfc5\xfd\xad/\xaft-3F\x9bI\xd4\xacm\x96\xe1\xad\xe6\x98H\xb2FN\x0b)\x03\xa0$\x0f\xc6\xbd,\x1c\xadt|\xdeqI\xfb\xb2].}\x08\xac\x18nS\x91\xebEz\x07\x82\x14P\x01E\x00\x14P\x06?\x8d\xfe x\x1b\xe1\xae\x837\x8a&gt; \xf8\xbfM\xd1t\xebu-5\xee\xa9x\x90F\xa0\x7f\xb4\xe4\n\xe3\xfe\x0b\xfe\xd4\xdf\x08?i\x0f\r\\x\xcf\xe0_\x8a#\xd7\xb4k{\xf9,\xff\x00\xb5b\x85\xd6\x19e\x8c\xe1\xfc\xb2\xc0oPx\xdc8$\x1c\x13UN&gt;\xd2V:&gt;\xab\x88xW\x88\xe5|\x89\xa5~\x97}\x0f\x84\x7f\xe0\xbf\xbf\x1a\xbe!\xc3\xa6x\x1f\xe0\xbf\xc3\x8f\x15\\i-q,\xfa\xbe\xb9sj\xc4H\xf1 \xf2\xa1\x88\x1e\xc0\xb3HO\x07\xee\x8a\xfc\xb6\x8eo\x13\xeb\x1e \xb5\xfe\xde\xf1\x05\xdd\xe3-\xca\x96k\xa9\xcb\x169\x1dI\xaeLF&gt;Q\xaa\xe8E\xe8\xb7\xf9\xea}&amp;W\x96\xc7\xea1\xc4K[\xde\xdf}\x8f\xa1|/\xa3#\xe9\xb1N\xf1\xa9\x01\xb8n\xe3\xe9V\xb59\xd6\xce\xf5P\\m\'\x95n\xd5\xf3\xd8\xc8}\xa3\xed2\xea\x9d\x19\xaf\xe2\x08$\xd5\xb48\xe7\xde\xa7\x11\x82\x1b\x1dk\xe6\xaf\x89\xde\x11\xbf\xbe\xf1\x1c\xa6\xee\xe1\xddU\xb2\xaas\x81^}:\xba\xd9\x9d\xd5\xe8{\x9a\x1c\xed\xb6\x87\x0cS\xf92\x10\xdbG\xdcZ\x1a\xde\xd6\xd4\xb4QF\xab\xba\xbb)\xcb\x9aG\x8fV\x9f$\x1a\x1dk\x00[\xe8\xde5\xc1\xc8\xc75\xfa\x19\xff\x00\x04\x18\xf07\x8a&lt;G\xf1\x8f\xc5?\x14\xee\xa5\x99t\xbd\x17\xc3\xff\x00\xd9\x8b\x86;%\xb8\x9eT|\x11\xdc\xaaDO\xb6\xff\x00z\xf60\xb1r\xad\x14|\x9ei\xa6\x1eM\xff\x00Z\x9fj\x7f\xc1A\xbfl\xdf\x89\x7f\xb1/\x80|3\xf1\x03\xc0\x9a\x0e\x97\xac\xc1\xa8k\xada\xa8iz\xb0\x91w!\x85\xe4\r\x1b\xa3\x02\x8c\nc\x90\xc0\x86\xe9\\\xcf\xec\xd7\xff\x00\x05\xaf\xf8\x11\xf1j\xea\r\x0f\xe2\xef\x86\xae\xbc\x13y9\x0b\x1d\xe4\xd3\x0b\x8b&amp;\x7fB\xea\x03\'\xd5\x97\x1e\xf4b3Ha1\xbe\xc6\xaa\xd3M}{\x9e\xeeW\xe1\xee+=\xe1x\xe6x\x19^\xa2rN\x0f\xaf+\xfb/\xbd\xba=\xdfS\xec\x8d\x03\xc4Z\x0f\x8a\xf4\x88u\xff\x00\x0c\xeb6\xba\x85\x8d\xc2\xee\xb7\xbb\xb3\x99d\x8eE\xf5\x0c\xa4\x83W+\xd5\x8c\x94\xa3t~uR\x9c\xe9M\xc2j\xcdh\xd3\xdd0\xa2\x99\'\x9d|O\xfd\xa2,&lt;\x0f\x0c\x96^\x0e\xf8{\xe2/\x18j\xdd!\xd3\xb4\x1b\x0f\x90\xb7\xfbw\x12\x95\x85\x07\xa9-\x9fc_\x9a_\xf0T\x8f\xf8(\x07\xfc\x14\xcb\xe0\xae\x8b\xa7k\xba\xee\xa1\xe1\xff\x00\x86\xbaV\xb9|\xf6\xdan\x85\xe1\xfdZ\x1b\xbdI\x02\xa1b\xf3\xc83\xb7#\x8c\xa9\x03=\xbb\xd68\x88\xd7\xf6m\xc3D\xb7\x7f\xe4}\xe7\x08\xe5Y\rl\\Vc&gt;i\xcfHSZ\xebk\xdemh\x95\x93\xb2\xbd\xdfUc\xf2\xff\x00\xe2\xdf\xc7\xbf\x8a\xff\x00\x1cu6\xd6~\'|I\xd65\xeb\x8d\xc0\xf9\xda\xa6\xa5$\xf8\xfa\x07\'\x03\xe8\x05~\xe1\x7f\xc1\x0b\xa4\xb4\x8b\xfe\t\xdf\xe0\xe8\xed\xa3Uo;Q\xf3v\xf7a\x7f8\'\xf5\x14epq\x94\x9b\xed\xfa\xa3\xea|B\xa5F\x87\x0f\xd3\xa7J*)TZ-\x17\xc3#\x9f\xff\x00\x82\xd0|\x10\xbf\xf1\x0f\x87&lt;=\xf1\xd7H\xb2i\xa3\xd2VM7Z\xda?\xd5E#\x06\x86C\xec\x1fr\x9f\xf7\xc5~[\xeaz/\xd9&lt;C\x03\xac{\xbf|\x1b*=\xeb\xc8\xc7StsY7\xb4\x92\x7f\xa7\xe8xY\x15H\xe22\x18Ao\x16\xd3\xfb\xef\xf93\xd9\xbc\x1b\xa8\x04\xd2\x94\xcc&gt;U^&gt;\xb5\x0f\x88\xd26?h\xdb\xfcY&gt;\xd5\xc5\x88\x974l\x8fg\x0bO\xd9\xca\xech\xf1,\xeb\xa3I\x15\xbc\x8d\xb4.6\x9a\xf1\xbf\x88Z\xde\xadu~\x04Q\r\xfd\t\r\xdb\xd6\xbc\xc5\x18\xf3\x1e\x9c\xa5.K\x1c\xbd\xb4R+3J\x9f3w\xe9C\xe9sH\xe2b=\xf1]t\xe4\x93&lt;z\xf1\xe6F\x97\x86\xbc/\xacx\x93\xc46:\x17\x87\xf4\xc9.\xaf/nR\x1bKhT\xb3\xcb#\x1d\xaa\xa0z\x92k\xf7\x9b\xf6\x10\xfd\x95t\xcf\xd9#\xf6z\xd2~\x18\xa2F\xfa\xb4\xcc\xd7\xfe"\xbaL\x1f6\xf6@7\x0c\xf7T\x01P{-}&amp;[\x1ei9\xfc\x8f\x87\xcf\xaarF4\xd7W\x7f\xb8\xf0\x0f\xf8/B\xbb\xfe\xcb^\x1d\x9a\xd1\x7fy\x0f\x8f-\xd5O\xa06\x97[\xbf\x90\x15\xf9\x85a\xa8n\xb3\x8b\xe7\xf2\xdb\x1f6\xef\xe0\x03\xdf\xd7\xd2\xbc\x1e \x876:\xeb\xb2?\xa0\xbc&amp;m\xf0|S\xfey\xdb\xefG\xaf\xfe\xce\x1f\xb4\xf7\xc7\xdf\x81&gt;$\xb6\x7f\x83^=\xbf\xb5\x92I\xe3?\xd9q\xb3Kmvr\x06\xc6\x84\xf0\xc4\x92\x07\x007&lt;\x1a\xfd9\xfd\x8f\xbf\xe0\xa9\x1e\x06\xf8\xd3\x7f\x0f\xc2\xcf\x8f\x1a9\xf0?\x8e\x95\x96#e\xa8F\xd0\xdb\xdeI\xd3\xf7e\xf9\x8d\x8f\xf7\x1f\xf0&amp;\x8c\xa3\x1d*\x12\xf6U&gt;\x07\xa2}\x9f\xf9\x1e7\x89\\\x15C2\xa5,\xc3\x02\x97\xd6 \xb9\xa5\x15\xbc\xe0\xb4rKv\xe3\xa6\xbdV\x9b\xd8\xfa\xc8\x10FA\xa2\xbe\xb0\xfer?\x99\xaf\x88\x7f\xb6\xe7\xed\x95\xf1^iW\xc6\xbf\xb4\xff\x00\x8a\xe7I\xbf\xe5\xd6\x1dY\xe0\x8c\xff\x00\xc0c*\x00\xfc+\xc2|^u]Fx\xe4\xd45;\x8b\xe9\x98\xb4\xcfqq1\x91\xdb\x07\x03\xe6bI\xef_I\x9d{\x1c&gt;Z\xd55k\xb4\xbf_\xd0\xf8\x8f\x03\xe9\xe6\xd9\xdf\x89\x14\xabb\xe6\xe6\xe9S\xa9=^\xd7\\\x9a-\x97\xc6e\xc5\x05\xdc\x85J)\xe4\x92\x0bv\x15\xfbW\xff\x00\x04\xf7\xf8\xd5/\xec\xd5\xff\x00\x04q\xb1\xf8\xe5\xa4\xe9\xff\x00n\x9b\xc2\xb6z\xae\xa1qg\x83\xfb\xe5\x8fP\x94\xc8\xbe\xd9\x8f&lt;\xf6\xe0\xd7\xcde^\xf6!\xa7\xdb\xf5G\xf4\xff\x00\x89\xd1\x96\x1f\x86\xd5N\xd3_\xfaL\xd9\xf6\x87\xc2\xbf\x8a\xbf\x04\xff\x00m?\xd9\xf6\xdb\xc7\x1e\x0b\xbf\xb5\xd7\xfc\'\xe2\xed)\xa2\xb8\x85\x88o\x95\xd4\xac\xb0H\xbf\xc2\xear\xa4u\x04}\r~H\xfe\xd9_\xb3\x8f\x87\xff\x00f\x1f\xda\n\xe3\xe14~0\xd3\xee\xed\xee#k\xdd\x04}\xbd\x1a\xe4[\x13\xfe\xaeT\x07+"g\x1c\x8f\x9ca\x87p2\xce\xb0\xb3\x96\x1f\xdaEk\r\xfd?\xab\x1f\x9b\xf0\x8ei\x87\xa7\x89T\xaaM(\xd5\xb7-\xdd\xaf.\x8b\xd5\xab\x9c\x7f\x83&lt;H\x96\x17Ri-/\xca\x07\xddc\xd6\xb7\xb5X\xe1\xbe\xb6\xc8e\xf9\xbe\xef=+\xe4\xe3S\x99\xbb\x9f\xa7{.[\x1c\x0e\xbb\xe2)|;\x7f&amp;\x96\xd2\x1eyU\x1d\xc5s:\xad\xf0\xbb\xb8i!\xb5\xcb\x1e\xfb\xab\x8a\x7f\xc4:\xb9m\x133Q\xd3\xe7\x85\xa3\xfbD;ZNB\xff\x00ZI$\xd3\xb4\xbb\x7f\xb4\xeaw\x1e\\k\xd5\x99\x85t\xc3\x9aMF*\xed\xf4&lt;\xacT\xa9\xd1\xa7*\x95$\x94b\x9bm\xe8\x92[\xb6\xfc\x8f\xa9?\xe0\x8a_\x10\x7ff\x0b\xaf\xda\xd2C\xf1^\xf5\xac\xfcB\x96\xe6?\x01\xad\xf6\xc1f\xf7\x07!\xd9\x98\x9e\'\xdb\xc4jx\xe5\xb9\xdd\x8a\xfd$\xfd\xbc\x7fno\x04~\xc8\x1e\t\xb3\xd1\xad\xaf\xa1\xbd\xf1\xd7\x8a\xae\xa3\xd3\xfc%\xa0\xab\x06\x91\xe6\x95\xc2\t\xe4\\\xf1\x12\x13\x92{\x90\x00\xeb_{K\x01W/\xa5\x1au\x16\xad]\xfc\xff\x00\xcbc\xf0\x97\xc6\x19o\x12S\xad\x8d\xc2K\xdc\x84\x9c\x15\xf7\xd3gn\xd2\xddy?#\xe6\x7f\xf8/\x8f\x8de\xd0&gt;\x02x\x07\xc0_\xda\n\xd7\x17~${\xa9$u\xdc\xcc!\xb6d,~\xad6k\xf2\xd6/\x12j\xa4\x98WQ2)\x1c\x95Q\xfa{\xd7\xc9g\x1e\xf69\xf9%\xf9\x1f\xd6&gt;\x18\xfbJ|#I.\xb2\x9b\xff\x00\xc9\x9a\xfd\x0e\x93\xc1?\x10u\xdf\n\xeb\x90\xf8\xcf\xc3\xda\xbc\x91\xeaZL\xcbw\xa5\xcb$k&amp;\xc9\xa2&gt;b\x92\xa7\x827(\xe3\x185\xf5\xc6\x83\xff\x00\x05\xa4\x9f\xc7\xf66\xfe\x1f\xfd\xae\x7ff\xcf\tx\xea\x15\x8c\x06\xbeKAkw\x8crT\x90\xca\x0f\xfb\xbbk\xd2\xe1\xdc\x1c1Xj\xaa]\xd7\xa6\xc7\xe4&gt;&lt;qfe\xc2\xfcI\x96W\xc3I\xab\xc2\xa3\xd1\xd9\xddJ;5\xe4\xf6\xd9\x9fP|\x00\xff\x00\x82\xb3~\xc5Z\x1e\x83\xfd\x9b\xa0|\\\xf1?\x82\xedc\x8c\x05\xd0&lt;a\xa7\xbe\xa1\x05\xbf\xb5\xbc\xa8\xcc\xe0\x7f\xb2_\x18\xe8\xa2\x8a\xf5\xff\x00\xb3\xf1\x14}\xc8=\x16\xdd\x7f\x1b\x9f\x95\x7f\xaf\\?\x98\xbf\xacV\xf7g-Z\xd6:\xf5\xd1&amp;\x95\xf7\xd3N\xc9\x1f\x8c\xbf\x18u\x0f\x85Z\x97\xc4-V\xfb\xe0\x9e\x9b\xad\xe9\xfe\x18\x92\xe0\x9d\x16\xd3^\x9a9o!\x87\x81\x89\x192\xa5\xb3\x93\xc7c\\\xed\xe6\x89\x0c\x92It$m\xb0\xb0\x8bk\x1c\xe7\xdf\xf3\xafG\x89\xabJ8ZP\xea\xde\xbfw\xfc\x13\xea\xfe\x8c\xd9.\x17\x13\xc4\x99\x9e.*\xca\x14\xa3\x18\xf7\xb4\xe6\xde\xbf\xf8\x02#\x9a\xde+xL\xb1/\xca\x9f(\xaf\xd5\x8f\xf8&amp;}\xa5\xbf\xc5o\xf8#\xe7\xc4\x9f\x86\xf7\xeb\xb6\x18l|Ef\x8c\xfd\x00\x92\xcc\xc8\x0f\xe0\xcek\xc3\xca\x1c\xbe\xb3\xafo\xd5\x1f\xb8\xf8\xb9\x87\xa6\xf8JIt\x9c\x7f)/\xd4\xfc\xa3\xfd\x9d?nO\xdaG\xf6V\xd3u\x7f\x07|\x14\xf8\xaf\xachz_\x88!\x11k\x16Vs\r\xb2z\xban\x07\xca|q\xbd0\xd8\xefY:\xbd\xf6\xa7\xe2mK\xfe\x13K\xedn\xfa\xe6\xf2\xf2o\xb4Iyyr\xcfpd&lt;\xee.I$\xfb\xe6\xbe\xeb\x0bN\x8c\xe2\xe0\xe3\xbf\xe2\xbb3\xfc\xf5\xe2\x1cve\x1fe\x88\x85V\x95&amp;\xac\xb6\xb4\xafu%\xe7\xff\x00\x02\xc7y\xe0o\xda\x03\xc4~\x1b\xbaA\xe2t\xfe\xd1EP\xabr\xb8Y\x80\xf7\xec\xdf\xa5zT\x7f\x185\rR\xd1u\xad\x19\xa5\x8d\x02\xee1\xcc\xa0\x7f"k\xf3\xfe \xe1\xe9e\x92u\xe9I{7\xd3[\xaf\xeb\xd4\xfe\x93\xf0\xcb\xc5\x15\xc5\xd4c\x81\xc5\xd3k\x11\x15\xac\x95\xb9%\xe7\xbd\xd3\xee\xac\xd1\x1e\xb7\xe3\x19\xbcB\x96\xba\xe4\xb1\x15\x90|\xaf\xfe\xd5t\x1e\x11\xb8\xd3\'o\xb5]Z\xb32\xc6_\x1e\xa7\x15\xf2\x9aJwg\xed\x10|\xda\x1eq\xf1k\xe2\xac\xa3\xc5\x17\x10XZ\xb7\x9b\x1a\x84\xcc\x98\n\xbfLu\xfd+\xcf\xafu-cY\x9b\xed:\xbe\xa5$\xad\xd5W\xa2\xa8\xf4\x02\xbfO\xe1\xde\x1f\xa3\x85\xa7\x1ce[Jr\xd5v\x8a\x7f\xaf\xf4\x8f\xe3_\x18&lt;N\xc6f\xd8\xba\xb9\x16\t:t \xdcg{sNK\xbd\x9b\xb4WE}w}\x8c\xab\xdf\x15\xc9\xe1\xeb\xa0\xf6FH\xe6\x8d\x83F\xf1\x9c\x10\xc3\x90s\xdb\xa5{\x9f\xec\'\xf17\xe2\'\xed;\xff\x00\x05\x16\xf8gs\xf1o\xc5WZ\xed\xdc\xde*\xb2\x13^j\xd34\xb24v\xff\x00:&amp;[8\x03`\xafC\x1bS\xeb7v\xd27\xb1\xf2\xfc3\x81yD\xa9\xd3\xe6nU\\%/\xe5\xb7E\xea\xae\xee\xfeG\xd9\x1f\xf0p\xb7\x8d\xa5\x9f\xe3o\x81|\x16\xc8\xdeU\x9f\x86e\xba_\xee\x96\x96r\xa7\xf4\x88W\xe7\xb8\x9f0-\xc0f\x1b\x8e\x15A\xe0W\xe6\xb9\x95\xfe\xb9/\xeb\xa2?\xd2&gt;\x02\xa5\x18p\x9e\x15\x7fu\xbf\xbeM\x8e\x8fV\x96)#\xd9\xb9\xa3-\xb7k7#&amp;\x96\rFk]\xd7\xd1\xb6\xfe\xa8\xcb\'\xaf\xa8\xfc\xab\xde\xe1\x9fv5W\xf8\x7fS\xf0/\xa4\xc6\x1e\x9c\xe7\x95\xd5k\xa5e\xff\x00\xa6\x99\xf6\xaf\xfc\x12\xcb\xe1\x17\xc5\x8f\x88\xfaW\x88\xb5/\x0b\xfc-\xf8I\xe2\x8b\x0b\xa5\x82I#\xf8\x89\r\xd3M\x03\xa1e_(\xc3\x0b\xed\x04;dg\x93\x83\xd8Q^\xc5J\x96\x9b\xd5\x9f\x84ey~*x\x188Q\xa3%\xd1\xcb\x9b\x9b~\xb6L\xff\xd9'</t>
        </is>
      </c>
      <c r="M495" s="3" t="n">
        <v>45492.67841435185</v>
      </c>
    </row>
    <row r="496">
      <c r="A496" t="n">
        <v>1175553</v>
      </c>
      <c r="B496" t="n">
        <v>5981</v>
      </c>
      <c r="C496" t="inlineStr">
        <is>
          <t>Matheus Gonçalves</t>
        </is>
      </c>
      <c r="D496" t="inlineStr">
        <is>
          <t>Matheus Gonçalves</t>
        </is>
      </c>
      <c r="E496" t="inlineStr">
        <is>
          <t>UNK</t>
        </is>
      </c>
      <c r="F496" t="inlineStr">
        <is>
          <t>UNK</t>
        </is>
      </c>
      <c r="G496" t="inlineStr">
        <is>
          <t>UNK</t>
        </is>
      </c>
      <c r="H496" t="n">
        <v>175</v>
      </c>
      <c r="I496" t="n">
        <v>20</v>
      </c>
      <c r="J496" s="2" t="n">
        <v>38581</v>
      </c>
      <c r="K496" t="inlineStr">
        <is>
          <t>Left</t>
        </is>
      </c>
      <c r="L496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0244fc4a-1eed-4556-8e3e-d5b62e2c58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8\xf5\x9b\xe6\x00\x00\x03\x00PLTE\xfd\xfd\xfd\x0e\n\t\xfc\xfc\xfb\x11\x0e\r60-\x06\x02\x023.+\xfe\xfe\xfe\xff\xff\xff\x1a\x17\x16\x16\x14\x14\n\x06\x06,**\x1e\x1a\x19\x14\x11\x10:40(&amp;\'$##\x0b\x01\x01"\x1f\x1e\x11\x03\x02533v\x02\x060./\x02\x00\x00\xfa\xf8\xf7;75\xf7\xb9\x8e\xf6\xb5\x81\xf8\xbd\x91\x17\x03\x021+(\xaa\n\x14\xef\xaas$\x05\x03\xf2\xaf\x80\xa3\x08\x12&lt;\x02\x02K\x02\x03o\x03\x06\xf9\xc0\x96\x7f\x03\t\xf9\xc4\x9e\x9b\x07\x11\xf8\xc0\x9a\x94\x05\x0f4\x02\x01\xfa\xc7\xa2.(%\xf4\xb5\x89_\x02\x04\xf5\xb2}\x8e\x03\r\x1e\x04\x02-\x04\x02R\x02\x03\x85\x04\x0b\xf1\xb7\x90\xf8\xb8\x87f\x02\x05\xef\xb1\x87\xeb\xa4pC\x1c\x10\xc6~X\xfb\xcb\xa6@:7D\x03\x02\x91T9\xe4\x9dh\xf4\xf3\xf2\xf0\xabz\xbevR\xb5oM`/\x1b9\x18\x0eV%\x14\xe1\x96f#\x14\x0fn#\x12\xe9\xa6y\x18\x0c\t\xf3\xaew\xd4\x81Sj7#-\x11\n\xaeiI8#\x1a\xdc\x87U\xe0\x9crM!\x12\xee\xec\xec`[X\x9eZ&lt;RMK\xd2\x89`qmj\xf7\xb2\x86\xf4\xbd\x97\xb8\xb4\xae\xe8\x9em*" \xab\xa6\xa2\xc2\x88hJEC\xa3\x9f\x9aX\x02\x03\xa5eGtB,\xe8\xae\x8ab \x15\x83L6\xcd\x84\\\xea\xab\x81\x9c\x98\x94\xdc\xda\xd8\xed=0\xe0\xa7\x84*\x1b\x16y/\x1b&lt;-\'\xdc\x91e\xfb\xce\xadU5)@\x11\x07\x1b\x13\x0fs\x14\x0cH*\x1fYUSC&gt;&lt;\x87B*\xd2\xcf\xcchc`\xb2\xad\xa8xM:\x809!}E-G1+\x95\x90\x8c\xb5wWb6)\xef\xa5v\xe0\xa1|\xa9^&gt;\x87\x82\x7f\xe2\x8e[P&gt;4\xfb\xf3\xf0\xd6\x8fa\x8fJ1k\x10\x0b\xef\xba\x97~"\x1aI\x15\x0b\x8a\x13\x12\xc6\xc1\xbc\xf4K7\xdf\xd3\xcezvs\xd6\x93k\xeb\x97a\x80|z\xf1\xa2l\xb8eC\x84V@\x8d\x89\x86\x9a]E\x8e)\x1e\xf6\xb9\x95\xcc\x8ci\xf5\xe4\xde\xd1~O\xc9\x91sS-\x1f\xe8\xe6\xe3\xc0oH\xd4\x96u\xcd{O\xd6\x9f{\x9aS66\x0f\x08iC2\xef\xbe\x9d\x9a9,\xcf\xc9\xc2\x8f\\H\xe3\xc4\xbc\xe3\xe0\xdd\xc8\xc5\xc1]@3t5*\xactY\x95\x19\x18\x816.\xbc\x94\x7f\x96fMo,\x1ea\x12\r\xc2\xbd\xb4\xb9C3\xa3%"\xf2\xcd\xc0\xfa\xd4\xb9{\x11\x0e\xea\xdd\xd7\xa4pU\x87dO\xfa\xed\xe7\xddW&gt;hM@\xa5F6\xcaF5T\x11\r\xb3\x82e\xbb~^\x9elP\xe9_C\xa5]W\x8e8,\xd0\xa3\x8f\xbc\xb8\xb5\xc7uK\xceT&gt;\xf1\xd5\xcf\x93B&gt;\xbcQ&lt;\xa96-\x92ob\xa2|o\xf1\xbf\xa7\xfa\xdd\xce\xbb2(\xf2\xae\x9e\xf2\xc9\xae\xabNE\xc8qc\xd4\x7fmwYL\xd5\xb1\x9c\xdfmc\xd6:.\xef\xa3\x8f\xb9e]\xe8\x93\x82\xee\xb9\xb2\xc7\x86\x88\xe1\xb7\xa0\xd1\xa7\xa8\xde\xba\xb3\xe4\x85r\xc4)#\xbbx{\xb9[R\xf2fG\xa8\x89{\xc0\x98\x98\xe5cWk\x89\x01\xb1\x00\x00 \x00IDATx\xda\xbc\x99\xffO\x13i\x1e\xc7\xa7-efZ:u\x99\n\x94R\x08pHEn)\xe0\x97\x95\xd5\x95*\x05\\\x01\x11\x15\xf7\n\x15\x94\xb2\xb8\x18\xbf\xb49(z@\xa1\x80\x0b\xbb\xach\x84\xfb\x81D\x85\x05\xb2\x86X\x97\x10\x923`.\xb9\xd5_\xbc\xdc%&amp;{\xde/\xf0\xe3n\xb2?\xdc\x1fq\x9f\xcf\xf3\xcc\x0cS,Z\xcd\xe5\x1e)\x9d\xce\xd0\x99W\xde\xef\xcf\xf3~&gt;32\x1c\xc7\xb2\xaa\x17y\xc3-\xe9#\xab:\xc2I\xbb\xe9&amp;\x1ca\xb58\xacV7\xfcx"\x91\x88\xc7m%{\xb4\x0c+}O9\xa5\xfcEeS:5\xfd\xa3\xcd\x17\xbd\n\xcb\xc06\x03?p"\xf2"\x9b\x0c\xd9\x8b\x1f\xe1\xb7|\x94\xfc!=\x8c\x9b\xb0\xa1\xd5\xba\xdd\x80\x13\x08\xff%\x1cXk\x9f\x9f\x18\x1b\x0e\x07\x02\x80f\xb5R4\x8e~\x99U\xceGv\xb1\xf2%\xf0(9!\xa3z\xb1\xd2\x17&gt;|h\xad\x9e@8|q"\xe4\r5\ry\xd3\x13\x92v$\xa5{[\xfck\xab\xa0\x9a\x1bu\x8b\xf1\x1d6\xe6f\xac\xa3\x1f0\x08\x94\xd6\x1d\x18\x9eo\t\r8E\x91\x17\xb3\x9c\xa2I\xd0h4:&gt;\xc9{\x7f\xcc?|qz\x15\xc0\xde&lt;;\x17s\xf3\xcd]\xe4\x9bDV\x8e:\xc5q\xca.\x85^v\x8e\xa5\x9a3\x0c\xd8\xe4\x8e\xac\xcfx\x07\x92x\x9dF\'\xe84\x06\x1e\xe0t\x80e4\xf2\xe2\x8e\xd4\x81\xd0L\xfb\xda\xaa\xc7\xaa%\xce\xcb\'\xdc4\x91\x9c&lt;J\x9b\xed\x04|\x1f\xf7&lt;\x81\xe9\xf6\xb1\xfb\xa1\xf4\x8f@!\x9dA\x14M&lt;b\xe1o\x1e$3\x1a5\x82h\xeeh\x9a\x99\xf6h\xff_&amp;"U\xa0}b\x08\x84\xf2\x89\x1f\xf1\x82\xc1\xe4sf\x89\xbc\xc1`\x02*\xc02\x80^z\xbdQ\xa3\xa9\xefMl\x19\x0e\xb8I\x85\xc5{r\x95\x89\xf2GN\xda\xc7m\x1e\x936U3\x9ac\xb1\xa4\xc6\x9a\\&gt;\x1e0L;D\x9e7\x89\xa2h\x10t:\xc1`\xd0\xc1oA\xd0\xe8\xc9H\xb6\x08&gt;\xef\x0c\x80A\xed+\xf3_\x89\x83\xd8%\x16U[J8(6\xcb\x93\x95\x95\xf5$\xb5E~[=a\xbf7Q\xd4i\x04^\xe0A A 0P\xed\x02\xd4\x16\xf8\xa7\xd3\x19\xd3\x08\x17\xbai\x18\x98X\x8bP0F&gt;GT!\xb1Q^~hmi\xdd\xab\xeb\xf3\xa1\x04\x11K\xca\x84Dxm\xbd\x86\xf7\x194\x1a\xde$\xe0\xb6\x0e\xe52"\x17qS\x1cj\x0fG\xdc\xb1\xc2"F:\xa9kK\x95\xf0,\xab\xce\xf1\xe8\xc4\x87\xb3\x80\x81a\xff\x90\xd7\xec4\xe1\xf4C\x85\x8c0\xa0\x90D\x9f\x89H\x86\x1fp^\xeaH\x81\xc1a\xe02y\'\xd6\xa1\xc4\x18V\x9d\xf2\xb1,\x95/\xa6\x04\x04\x13\xf5&amp;9\xc6*~J\xbb`\x95\xf1\xac\xcdt\xa4\xbb\xccN\x1e\x92\x00\xc9(\x96\x1e\xe2\x01d#S\x90~2\x99tHdI\xd6\xeb\xd3\x8c\x86\xd4\x90?\xec!!\xa6\\Am)\xa3N\xa1\xf7Ox\xa8\xf5\x8b3\xae\xac\xc4\x04*\x16T\x17@ \x97QG\xcc\x04\xd5\xb0\xde\xd30\x1ev\x184\xc6d\x18\xfa\xb4\xb44\xbdFH\x1ajG\xc1\xb6u,\xd6r\x10\xe7\xd0z\xc2\x97\x86\x06\x12\xcd\xe6,\xb1\x17*\x0b\x02\nY\x88D8\x07y\x1d\xf2\tXT\x1a\x8cVT\x12\xb0@.\xf8g\xe4\xd3\'\xc2Vf\xdb\xc0\x8f\x95C4\x811\xdd\xa5\xf5\x98\x96\x1b\x8b\x0b)=\x8a\xdbZ\xf7\xf4\x18P%\x98\xb3|pI\xc1d2\xf5\xf6\xe2$\x84\x9a\xea5AN\xf8D(xRlz\xa3\x00\x13\x14g%M\x8a4\x9c\x98\x9a\xa4\x99\x80\x15\xcf\xcc\xb1\xea\x94\xc7\x17\xa7\xac\x01\xd2R\xcd\x92\x85!\xceU9&lt;\x1fr\xa5&amp;%9MH#\xf0]N_Wm\x17\x8e\xc6\xe0h\xb0\x11FWmom/\x99\x9aXx\x82\xceHJ&gt;\x99r\xa5\x19S\xe7W\xad\xdaw\x98\xf8\xbe)\x0f\x0e\x8e\x85\x06\xccI\xe8\x0e\xce\xb9\xde\xde.\x80\t\x8e\xde\xbcysednnnde\xe5\xd93\xf8\xd0\x0fp\xf5\xa8\x1a8L\xe8\x8c\xe8\xa2\x1ekL\xe3\xba\x84k\xe4{\xa5\xbc\xd4\xac\xb1[\x9b4\xe9\x8f\x19\xebj{\xd3\x80+}\x07\xb8\xa3\xc1u\xa5\xb6\xb1\xff\xd9\xca\xc8\xc8\xdc\xd3\xa7\x0b\x9d\xd5UUU\xd5g;\x17\x16\x16\x9e\x1e\x9b\x1b\xf9\xf61\xcaV\x8f\xa2\t`\xe5&amp;V\x9a\x10Z\xf7h\x95\xee\xf0\xadX\xdcf\x04\xa8"\x9dU\x05?y\xd3z\xd6\xee\x0f\xecLO\xc4\x95\x19\xa4\xe8\xed\xea_\xb9\xfa\x14y\x8e\x1cYZlX\\\x82\xb1A\xe1\x9a\x8f]\xbd\xfc\xed\xe3\xfe\xc6\xdaz\xcc\xd7^\r\xb1P\x9a\x91b\xcb\x9a\x9b\xba\xa3\xb4\x81[\x9cd\xdf/\xed\xad\x91\xf6PBj\x12LA\xa2U\xe3\xcd\xb9\xb3UG\x1a`,\xc2XZ\x04\xb2\xc5\xa5\x8d\'O\xbe\xff\xfe\xf6\xed\xe6\xe5c\x93__&gt;\xfd\xf8\xb3\xcf\xb1\xd4\x00\x0bb\xc2B\xb9\x8c;\'\xd41\x11O\xcas\xd1\xdd\xba\x9c\xf5TR\xc6\x1d\x1e\xebHt\x9a\xf8^\xa8\x96\xfa\xda\xfe\xcb\x0b\xd5K\x12\x94\x84\xb6\x89%s\x9d&gt;\x01`\xf5\x98^\x96\xccL\x0b\x95K\xe7j\x8fX\x19Ni\xefYU\xc7/Y+\x95\x8f\xd4\xc0\xd3\x06Z*\xb5M\xa1%_\xb5\x11\xc8\xd1D\xacv(\xe5\xda\xfe\xabg7\x1a\xc88\x87\xa3\xe1\xdc"A\xdc\xd8\x00,\x18\xb7\x9b\x9b\x97\'\xbf&gt;\xfd\xfc\xf8\t\x00\xab\xb7X\x90*\x93`\x81\x8d3a\xb7V]&amp;\xb2hR\xcb\xc42\xd1\x8d\xfc6f\xb2r\xbc\xfb\x9b\xcc&gt;l\x8au@u\xec\xc9"\x05\xbaC\x06\xbc\x13:\xd0\x0b\x04C\xc5\x9a\x97\x97\x07\x9f\x1f\x7f~\xe5\x04\x11\xac\xbe\x1e=\xa4X\xf5\xdeu\x8f6\xbe\xbay[\xe2R=\xad\x91\xb0\xbf#\xc1\x87K\x0eO\xa8$\xa8\x87t\xe0;\xd0a\xe5/.!\xd8\xed\xe5\xc9\xc1\xee\xe7uW\xae\\9\xf1\x87\xcf\xcf\xd4R,\xc2\x95,\xce\x93P\x8d\xa3\xdb\xe4\x94!\x97\x19\x17\xbd\x0bo%f\\\t&gt;^\xa73\xf9\x1a\xe7\x9e4\xc8L\xb3\xb3\xb3\xd9\xf0z8\xdb\xd6\xd6\xf6\x10\xb9P\xb0\r\xc2\x85Xu\x04\xec\xb33PY\x84\x0b\xe7\xa4f\xe7\xa5\x88\x96\xe1\xd4W}c\xb0\xf4~\xe2\xdd\x9d\xfb\xdaX\x13\xac9\xa2\xc9\xd4\x15\x1c\xa9n \xee!UiFkFi\xf6lvv\xf6\xec\xf8a\xc2\xb5\xb4\x01IA\xb0nu\xd7\x1d\'\\?\xff)\xc7\x82\\8\x1f!*t\xde\x8b\xb2\x8d\xb1f"\x1bw\xca3\xda\xd5\xf6\x96\x8e\x04\xa7\xcf\'v5&gt;;\x8bTh\xdd\xecx\x86\xdd\xe1\xb0\x97e\xe4\x92Qy\xb8\x02\xb8\x96\x96\x00\x8d\xb8\x08XuD\xaf\x17?\x1f\xa5\\\x16ls\xf4\xc9|\xcb\x1bkv\xdc)\xafj\xef9\xc0\xf2{]\x89N\xe0\xf2\xdd|\xda \xfb\x97\x9dk/,*(t\xd8m0\x8a[s\xc7\xdbj\x80\x0b\x06\xc8E\xd4\xea&amp;&gt;\xd6\xbdxq /S\xd2\x0b\xbcLN\xde\xe9\x8fh\xa3n\x17U\xa1\xaflr\xea\x94g7\x1bwUgh\r\xf8;\\N\xa73+kt\xa4\n\xa4\xc2\x8a\xca&gt;Ujs\x14\x94\x97\x130\xfb\x0f\xc5\x87\x00\xab\xa2\xa6\xe7\xdcy \x03\xb9\x9a\'\xbb\xc9\x00\xb9\xa6^|\xb5k\x9f\x85\xeaE\xc8\x04"\x17\x13u\xc3\xa0\xdcG0\xd2\x13\x06v\xfb\t\xba\xd9\xfd\x8d\r\x98A\xab\xe0\xe8J\xe7\xb5;\x0f\xdb\x80\xe9\xd4\xa9\xd22GAQ9r9@\xad\xd6\xdcJP\xab\xa6\xe7\xce\xb9\xf3\x10`\xb4\xe6o\x11\xac\xba\xa9\x17%\x07r\x88\\\x94-\x99\x1f\x92B"\xae^\x9e{\xa3\x97\x97\x82\x1f\xfa\xf7\xf9\x81\xacD\xa7/xw\xae\xea^\r\x88E\xa9\x10\x8a`\x15\xb7\x16\xb7V\x8e\x1f\x06,\x90\x0b\\D\xac\xe6\xc9[2\xd6\xd4\xa7%y\xfb21V-\xc4DS\x0b\xde\xd5*\x8fr\xe4\xa5\x85^\x8d\x95\x9f\xeb\xc8V\xb1\xf4f_y\xb4B|\xe5\xc82\xbd&gt;\x94\xe0\xccr:GG:\xaf\xf5T\x10\xac\x8c2{A\xf9\r\x80"&amp;\x16\xa3X\x87!%\xa0\xba\xce5,Q\xacA\x89\x0b\xb1v\xe5\x10.\xacy\x10\xadi\x9a&gt;\x9d\xe0\x94\x80\x97\xae\xc6\xca)\xaf\xbemc\xd4\xfeJJr$\x1f\x86C8\x0f\xa9X\x15\xe0a)P\x15\xa2\x85H\x05\x95e\xb3\xe5V\x12\xae\n\xacz\x8a\x05E\x8f\\uu}S\xf9\x9f\x1e\xd8\x0f\\\x99\x99RNx\xd7\xe9\xc3\x9cw\xb4\x81\\\xf4\xec\xe4\xa2\xfa\x1eT\xebb(\xd1):\xef\xbe\xfa\xe9H\x0fP\xcd\x9e*+\xb39\x1c\xc0UTN\xb0\xecv[1\xc8\x856\xde\xe9\xa1\xa5u{\x99`\xdd"XSS%ygr\xf6\xed\x93\xb1\x06\x86\xad\xd2\xed\xd9\xdb\x03B\x95\xaf1R\x9e\x01\xb5\xccNg\xf0\xee\xab\x7f\x9f\xafi;&lt;\x9e]ZVfw\x14HT\x0e\xa4\xb2aq\x8d\xa3\x89\xa8\x16]\x16\x07\x07e\xac\xfc\xfcO\x8f\xee?\x93\xa3`\xa5_\xb22\xec[2^I\xf9m\xef\xcd\xa8\x89\xebC\xae,\xc0\xfa\xcf7\xf7j\xda\xc6\xb3\xa1\xb0\x10\xab\xa8H\xaax\x00\xc3\x99H\xe5\xeaA,"\xd7$ru\xd7\xf5\xf5\xf5\xe5\xe7\xe7\x97\xe4\xed\xcf!\\Xa\xa9~O\x1c)\xff\xee\xdb\xc3\xb5\x19W0+x\xf7\x9f_\x82X\xd9\x88eC\xac\xf2\xa2\xf2\x1b7P\xb0B\x87\xc3\x96K\xb9*j\xee5\\\xdbxR}\xb6Y\xc1\x9a\xea\xcbOI\xc9\xdf\x95\xf7\xf1~\x19\xcb9\xefa\xfe\x07\xc33}\xdf\x9c\x10\x0c&gt;\xfb\xe9\x11ZX\t\xe1\x00\xc6\x91\xd4\xba\x81zA\xdd\x17\x14B\x9e\xe6\x8e\x9f\x04\x1f{\xce_;\x02\xcds\xf3\xa4d"\xa8\xd5\x97\x92\xb2\xbb\xe4\xc0\xd1\x8fs\xf6\x91\x94\xb0\xf8\xe2\xc2\x92\xdb&gt;i\x9e\xd2G\xaa\xf2g\x9c\x1cX\xf2A\xf3\xe8\xab\x7f\xfcx\xbd\x12\xa8 \xdf\x11\xab\x10\xc5\xc2A\'\xa4\r\xc0\xae\x9f&lt;\xf9\xc5\x17\x84\x8b`\r\x0eR\xb5\xfaRv\x7f\x92R\xb2+o?\xceF\x98\x8f\xbey\xf7\xd6\xc7\nr"\xb0\xaa\xc7E\xef\xba\x07\xb7\xae5%\x06\xa1\xe2\xff\xf5\xc7\x83\xad\x19\x19\xa5\xa5\xb0D\x03WA\xd1\x8d\x97/_\x120\xa0*\xb8\xf0\xc3\xc1C\x87\xae\x03\xd6\x83\x07\xe7A.R[\x83\x83D\xad\xbf\xef\xfed\xef\xde|\x94\x8b`e\x06\xfd\xee8zyNi\xb2\xa2{yy\x1f\xa3\rL\x98]\xe6\xbb\xaf\xfe\xf6\xe7B\x87\r\xb0\xa0\xe0a\x00\xd5\xaf\xbf\x120\xa8\xaf\x82\xa2\x82\x0b\x07\x0f\x1eB\xb9\x1e&lt;xt\xe4uu\'\x91\x8b\x9a\x08T{\xf6\xec\x96\xe4\x82\x9f\x8ea\xeb\x96\x89\xc8n\xb98K\xee\xf0I/\xcfn\xed\xe5eC\x11\xcb5\xea\x02\xac_~+\xb2g`\x96nR\x81V\xbf!\xd5/E\x17P\xad\xef\xbe\xfb\xf1\xd1\x97\xaf_\x7f\xf3\xd7\xce\x85cX]\xddD\xac\xbd\xbf\xdf\xf3\xbb=)_\xc9r\x85\xa6U\xff\x9b\xc0F]x\xf3E\x15{[/\xaf\r\xcc\xbb\xcc\x14\xab\xdc\x9e\x91\x01Xv\xdb\x7fY5\xd7\x986\xaf3\x8e[\xfe\x02\xdf\xf6\xcd\x123\x9e\x08\xc6\xc6W\x90\x01\xe3+\x98B\xe2\x1b\x17\'\xb1\x1dLJ\x9c\xd7s\xe7\xcc\xc6\xd8nE2\x87\x14\x96\x1b\x97\x18C\xe3\x026T-\x19a`RH\xb8:b+!\xe12iC\x10Qq\xd1\x92ii\x07Eb\x12\xf9\xb64R%\xa2=\xe7\xb5\t\x06\x92@\xb7\x9cD"\xc1\x1f\xfc\xd3s\x9e\xf7\x7f\x9e\xff\xff\xbc\xa6\x8d\x8d\xbfnll\xbc\xf0\x87B\xa8T@\x06\xb5r5vX&amp;V\xc6\xc6\xc6\xa6\xc6\xc0h;\xeajk\x03U\xb3h\x0b\xd9I\t\t\x19\x92\x08\x16\xff\xdaU\xe2!\xcc\xfe\xc1\nq\xf7\xe3\xcb\xbf\xf8\xa0\xde\xb7\xf5\x02aA\xb5x\xd2\xa1\xc9\xc9\xad\xb5UX+K}v?\xc7\xc41\x99\xa4\x1a(\x95e\xa2k\xb4&gt;\x12IT\xf7\xab\xa6\x03@\x85\xb0\x12\x12\x12\xd8\xc9\xb9)\xf8.&amp;\xfe\xe1\xcf\x87\xb6\x18\xd1O\xdf\xf6\x7f"\x1f\x01\xd6\xf53\x08k\xed\xc5\x0f\xac`&lt;\xc6s\xf5-\xad\xceo.\x8c\xfb|\xbe\xca\xf1\x9a\xb9\xbe\n\x91\xc9d\x12\xb9\x0c\x1d\xbd\x96\xb9\xae\xf1\xfaS\xe7?\xfa\xe8\xfc\xa7\xc7\x8f\x7fZ\xa8\xcb.\xaf\x9a%E\xb0\x92H\xb9)\xa0\x11|\xfe\xa9\xdf\x1e\x8b|\x13!f\xdfl\x1c\x89S\xa3\xbd\xda\xdbg\xf9\xbf|\xf8\xcb\x0f|\xbe\xb5\xe7!\xbfH\xcak\\\x9a\x9f\x9f\xdf\xdc\\\x18\x1d\xaf\xac\xaf\xaf\\\x98Z\x1ar\x89LA)l\xa0g\xa5\xab\x01e#\xe7Q\xb1N\xa9u:\xdd\x88 Y(\x14r\x93\x10\x16\x13$\x15\xa4\x9e\x7f\xe6\x0b\xe2{Il\xc0S\x9f\xbd\xec;\xe7[}\xea\x07\xac\xc6\xa5\xa9\xa9\x89\xa5\xa5\xa5\x899\xe8\xa0\x9a\xae\xa9\t\x0b\xc2\x12I\r\xb2\x89\xa9\x9a\x86~\xb4*QjR3\xda\x00\x86?W\x02\xe2\xc0E\xd5J\x10\nr\xe1\x08\xe2\xf3\xbf\xfa\x84p\xa8\xc4f\x9f\x19\xda\xab\x110\xcc\x9f\xbb\xec\xf3\xcdO\x86B\xd2\x8a\xbe\xa5\xa5\xbe!\xf4\xc4-{\xf46\xdb\x9c\xc7\xd2;\xe0\xe2Q\xc8\xae\x0eEwMCu\x7f\xc3hM\xd7\xd8\xca\xdc\xdc\xca\xd4\x98\xa3\xac!\x7fQ\xc2\xe4r\xd9\xf8&amp;\n\xd3\xe8\xa8\xbb\xf8\x9f\xdd%\xec\xfb\xba\xfd\x8b\xb0\xc7\xab\xc6\xc4F\xb5Z\x84\xfe\xd87\xd7.\xd7/ ,Q\xc5\xc0P\xa3\xab\xc2\xd0a\xb1,{\x94z\xbd\xd2#3vhx\x0c\n\xb5Y\xef\x80\xea\x94\x8c\x02\x94\x07$b\xae\x1b\xb0\xb4\xaa\xf2*!P\xe1-/\x94\x08\x90t\x15\xde8M\xd8\x1dE\xbe\xe3\xba j\xfe\x8b\xee\xb6\xed\\\xff\xee\x8ds&gt;\x1c\xcb\x0f\xed\x05Zn\x94Y\x06\x1a\r\xcd \xe7J\x85\xb3\xd9Le0\xa8\xc6R\x95Z\xa7\xae\x1e\x85m]\xb6,OLu9\xcaF\xb5\xaa\xa2YD\x85z\x8b\xcd\x94X\x01+\xf1\xd4o\x8e\x11b\xde\x87@\xc0:\xf6\x8f\x0f\x11\xd6\x8bP\xe8\x07\x93\xd4e0:;\\\xd0MF\x05\xaa\x97\xc2yTNaQ\x9d-%\xbaD]\xb6\xca\xe1\x19\x18\xe8\xb3Lt;\xb4\xaa|U9T\x8b\x9d\x04\x0bU+\x19?\xaf\xeb\x7f\x1dw\xd8\x90rg\xd4\x8flbl\xe4GXocc\xe2\xae\x9e=\xb3\xb0\x8a\xb08"\xa9\xc6\xedl6\xb8\xecC\x16[i\xe9\xf0p\x93R\xe6\xf6\x92\x19Tg\x9d:\x91\x9f\x98]3a\xe9[\x9b_\xa8\xac\xacl(_,\xc9/oer\xd9\x11,\x92\xc4*H\xc9\xfc\xfd7qQ\xb7\x10\xb1\xb1o\xb8b\xdc\x11\x08|x\x8e\xbe\xef\x89\x9e\xf2Q\xd3\xffqa\x13\xc7\xf2\xf3\xe4G\x9d\xc6\xe6^\xcbD\xcdxuu\x7fY\xcb\xb0\xdeY\x90\x85Q\xe4\x83\xb5j\xfe\xaft\x95c++[\x1f\x9f\xfd\x1d\x88\x96\xbam\xb1\xad$\x7f\x86\x04\xfa\x00TI\\f\xb2$M@S\x7f\xf6\t1&amp;\xfa\xde\xf9\xa0\xbb\xbcw\xc7\x10\xd7\xaf\xcd\xafN&gt;\x0f\x99L&lt;\x8d\xbb\xd9\xe8\x19\xabY\xf0\xf9\nu\x95ee-zgVV&lt;`]Q\xf3\xf9\xba\x86\xb2\x9a\xc9\x97k\xbe\xc2B\xb5Z=2Bk\xcb\x9f\x81\x93\x9a\x1b\xc1\x82)\x95&gt;~\xfdu\x92\xf4s\xaf\x0b\x08\xbb\x0fP\xb4\xe2\xae~5\xbf\x16\xc6\xca:\xeaV\xe6\x8d\xad\xad\xf6W\xabK\xbaV\xf2\x86\x15n\xc0\x12{O\xb6d\'&amp;f\xab\xca\xa6&amp;\x9f\xaf\xd5\xa8TZ\xad6\x7f17wq\xa6\x95\xc4\xc4\xb12\x980\xa4J\x167\xaf\xc6\xbd\x16\xa6\xed|o\xd77\xee\xda\xc4\xd7[\x16\x13\xbbO\xf7\xd1\xaf\x88wo\xac\xaeM&gt;\xf5\x9b\x18\x80eTvOLNv\x95i\xcb\xe6&lt;z\xbd\xd3l\xf6b\xe2\xac\x93\xc3\xf9:\xc0\xea\x82\xde\x82\x86\xcfs8\x1c\x17\xaa\xd2\xac\xd64\x1c+)\x81\x9d\xc1\x04.\xc9\xcc\xd6N8\xff\xff\xcd\xf2\x91\x81\xfe\xfaZ\x04\xcb{\x14\x06\xd0\xde\x81!\x0b\xa8\xa9R\xa9Wt\x98\xcd`\xd1:\x8b\x9b.\\\xd2e\xf7;l \xb0\x16\x0f\x0c6u\x17\xaa\xc0\xb9\xce\xb4V13p,\xa1\x90\x99l]\xdc\xfcl\xeb\xd5\x97q\x84\xf7\xb5\x88W\xb7\x96\x10\x16E,\xcf\xca\x82i\x0f\xe9&lt;\xe8C\x93\xd2h\xc8\xeaL\'c\x9d7o\xf7\xcc\\R\xf7\x97\xe5\xd9&lt;\xb0\xf4\xdd\x8e\x07\xd3E\xad3`\x12\x01\x0b=\x8b\xdc\x8c\x0c\x92\x956\x92]\x92\xff\xe0\xa7/\x89\x87\x9a \xf6\x07\x95\x84\x1d\xc5\xc7\x9fQb\xdc\xe9W\x93\x08\x8b,N\x97{\xe5\x1a4\x86\xa2\xe1X\xd1\xa1\xf1v\x1e\xc1\xc8\x98\xf7\xe6\xed\xfbU\x8b\xea|\xad\xa3\xdb\x06\x0bv\xb1\xee\xc1\x85\x07\xc8\'\xce\x86\xb1\xd8\xec\x0c\t-33\x97.\xb0\x06\xfe\xf39a\xd7\x85\xd3k\xb5\x8f\x84\xcc\xb111o\xc9\xe8\xa3U\x9e\x10\xf7\xf8\xce\xb3gO\x87\xfa"X\xe0\xbd\xcc\xc8J8\x9dn\x83F~\xa4\x93J\x86\x1a\x02V{k[\x89\xb6.\x0f\xb6Vi\xb3\x95\xe6\xc1j\xb9R\x1b\x98\xc5\xc7@\xe0\x12\xd2i\xb4\\8\xafs%\xff~F|\xf3\xdd@\xcc\xcf\xd1\x89\xb8u?L\xe9\x03\x86\xa1\n\xc0\xe2\xc5S\xa9\xf0\x17\nf6k4\xd4\xf4\x13GN\x88\xc9d\x0c\xc7\xaaZlS\xd5\xe55)\x152@\x96\x81\x01\xb2\r?\t\xb4\xb7G\xb0\x98\x02+\xe8&lt;-\x85f\xfd\xee%\xf1Pc`\xf4X\x1d\xfd\xbeNXV\x1f\xfb\x07\x07\xcd\xc0\xe2\xb2Co\x01\x17\nh\xbcr9U\x8aQ\xa9\'P|C\x16c\xde\xe2\xdb\xffz8;\xd3\x96_\x06\xba\xafp\x1a\xdd\xa0n2\x8f\x1e\xc7\xe2"\xac\x04.I\x02\xae\x9f\x06X\x82G/\x89;o\x14\xed\x8c\x9d\xdb\xfb\xb9\xf3@\xee)\xe4\xce}\x0f\xea\xf6u\xf3?O\x9a1\n\x85\'\xf2\x9bLx\xe2\x00\xe5\xc2\xa8\x18\x8f\x87\xa5\x1f\xe9&lt;\x81\x891\x0c\xeb,\xbe\xf7m\xcfl\xebb\xbe6\xaf\xe9\x9e\xcc\xe8F\x86Q\xa6,m\xe9ioo\x87\xd6\x82jqI$\xe8y\x1a\xec\xa4\xe0\xd1\x8fq\x84w\xde\xf9\x1c\xea!\\7\x17g\xa5\x83\xdd!\x03\x16\x03\xe5\xb8\xe4\xc8\xe2a(\x81\xc3\xd0\xf2\x16\x0c~\x7f?\x80c\xe9\xef9\x9b\xdd\x05\x86\x02#\xb8\xd8\xfba,4oq\x85$\x12-%\x17\xc6\x88h\xac\xffm:E\x9f\x12\xd7\xbd\xb701+\'\x95\x82\xaa\xc5\xe0pX\xb0P4I!\x8b\xc5\xe0\x1b\xc3\\\xe6\x93\xb7\xbf\xed\t\x14\xa9TW\xe0\xf0n\x06*w\x87L\xd9\x84c!\xaa\x046\x17\x06.\xd8A\x89 \x97\xfe\xe8G\xe2\xbb\x82\xa4m\x95\xdf\xbe\t\xdey\x0b(\xfcA\xf8R\x98\xb8N\xed$\x8bs.\xb2\xc4\xa2\x10\x07\\&gt;\x0b\x85\x0f\xa9,\x062\xd7\xe4\xf4\x13T\x8c\x91\x9a\xc3\nz\xdd\xb0\x8b\x81@\xed\xf4t\x8b\x1emb\x81\xbb\xd9\xa9\xc0\xb1\xb8a\xac\x0c\x12=%\x85F\x93X\x11V\x1c!vW\x96\xfb\xba\xc9w\xd2\xc0\x83\x1fDj\'E\xcc`\x88\xa9\xd2\x10\x0bj\x95\x8a\'\x0f\x88\x8bB\x11S12\'\x15llPc\x84j\xa1U&gt;\x9d\xa7p\xba\x0b\xdc\xd0[\x08\xebax\x92Obg$\xd3R\x80+-\x8dN\x7f\xf42\xee\x80\x1c\xf9\x10r\x0bXf\nH\xd3\x91\xa3.\xe4USQ\xf8p1\x1c1S0,\xc8B\xbf`\xf1\x0c\xb2\xe1\xda@\xa0\xa7\xe7aU\x9b\xb6Tat\x83\xdaB\xcb?\xe9y\x88:\x0bWy\x84\x95\x99\x82\xb0\xbe{\x9b\xcc\xbf\xe1\x16c\xff\x9b?\xe1\x7fC\xcbS\xcd\xe0\xee\xc57\x07\x07B(\x02\xc43\x91\x9cT\xbc\xbbx\xc1\xa0\xc8n\x0frx\x8d\xc6\xa6\xda\xa2\xf2\xf2\xa2\xd9\x87U#\xd9e6\x99\xd1\xe8\x84\xb3i\x18\xb0\xf0-LB\xd5\x02\x87\x81c\t\xc6\xee\x10\x0ev&gt;\xbbc\xdc=3\x05z\xd5`\x9dZ\xc0\xc9\xc99\xf1\xf5\xf7\xbd\xa1\x1c\x14\xb5\xa1j\xa5r\xc8\x18\x8f\xc2\tJ\x07&lt;s\xcb\x8dR\x83S\xff\xa4\xbcm$s\xa4m\xe6\x12?\xb1\xc4\xa1\x97\xe1qR\xde\x93\x9e\xf0\x1e\xc2&amp;\n\xd3\xc0\x90e\xa6X\xad\xf4\xc5\xb5c\xc47\x8a\xd2\x9e\xa1\xf0\x00\x81\xb8#\xbd\x19\xbc\xc8\xea\xfcz\xd0\x10JEy\x16J\xb4\x80J\xcacp\x82\x86\xa6ZG\xf7\xf2\x80\xac\xf4J\xf9\x08J\x18\x12\xc1\xd0\xf3\xd5\xaa&lt;%\x88\xbc\r\xce\x1e\\K\xf1j%\x83\x92\x02\x96@@\x9f~u\xb8\xa3:Zpw\xbd\x95\x19.\xe8cQ\xb1(\x87\xd2Y\\`\xf7\x87.\xe6p\x18\x0c\x10\x89\xa0T.\xe71X\x1c\xbbL\xd9[ao\xf4\\\x99n\x8b\xc4W\xc7\xf9`4\xeal\n\x85\xd2\xd6R\x1bh\xcf\x08{\xea$\xa15\x8ce\x15\x08\xc6\xfeD\xd8\xdb.o\x9e\xe5\xc3\xa3\xf5Nx\xb3K\xe5\t\x8f7\n\xa4\xa9\xf1\xb7nz\xfd~\xe8y2\x0f\xfe\x90\xc9T\xaf\x9c\xccaq\x82\xf6\xc6F\xbb\xdd\xde\xdb\xfd\xa0\x04\xb9\xfb\xc2B\x18\xe2\xb3\xfb\xb5u\xa5z%h|`\x96\xc9d\xb2\x13\xc2\'"=\r6\x91&amp;\xa0\x17\xfdt\xfa}\x18\xb2\xd8\xcf\xff\xe6\xf52\xd2o\xdd\x8a\xe7\xf8\xfd\x1c\x11\x9c\xd4\xf1d\xb2T\xa3\xe1qR9\xa8\xe1+\x1a+*\x06,+]\xa3\r\x95\xfd\xd5\xd5\xd9\xd9\xe0&lt;\x1a\xea\x1cy6=\x1c=\xb3LRrx\x94O\xa6[IV\x10\x88\xdc\xb4\xbf\xff\x97\x96\xb3\x81i:?\xe3x\xd7\x85\xb4\xc9\xb2-3\xac\xb3R\xcc\xae\xbd\xb6\xbc\xb5^K)\x94\xd6\xaa\xa0U\n\xac\xbd\xf0\x92\xe2\x8c\xb9\xde\xeez+o\xd7\\\xea\xb9\xa1\xd7y\xb7U&lt;\xb8\xdeb=Q.\x8e\xdb\x8e m\xca\xd2T^\x02\x8e\x17E3Q\xa0\xd1\t\x8e\x91\x0cN\xc0 \xa8\x0b8\xdf\xa2\xb9\xdb\x9e\xe7\xff\xef\xcb\xbf\xa0\xae\xd5\xdd_\x8a\xd0\x1a\xfb\xc9\xefy\xfe\xcf\xefy~\xcf\xf7i\xcf3m\x18\x93j\x84\xe6N\xf8$\x9b\xf3\xc5\x17\xe9\xb0)*x\x9f\xbc\xf2:O"\xd1\xfd\xc2\x92\x98\x92\xd2\xaa\xaa\xb4"\x95\xc7TWw\r\xa5#x\x08a+k\xab\xa9\xef\xa8\xb0\xb7\x94\x9f:\xd9\x98\xa54c\xa5\x08\x8b\xc5\xcf\x14J!\xcaK\xa7\x1f8\xa39\x83\xa0\x881\xc2\xd2\x1ff \xe4\x93\x01\xdfy\x91\xf7F\xf6\x9f4\x89\xb0\xfb(4[7j8\x12\x8d\xc1\xa0\x82_\x14\x16\xa0\xf2z\xc6F\x06[\xea\xea\x06\xed\x1d\xf5\xf5\xb0^\xb62x\xd8jj*\xcaw\xfdc@&amp;\xcda\x89 \xc6+\xf9b\x81R\xa9\x94*\xa7\x1f\xb8\x03\xbe\xc3\x08\xb7\x06\x18\xc1\xad%\xac7\x8d&amp;\xce\xbb\xd3 MH\xda\x9c\x02\x9b\xa2\xa6`\xabF\xa22\x1c\x01\x8f\xb2\x02\x93\xcfc2\xf5\x8f\x8c\xf4\x8f\xbb\x9a\xc6\xcb\xabk+\xf2\xca\xd4j5x\xd9\x9e\xd2R[wy\x17`\x89\x8f\x82\x15e\x99b\xbe@\x9a\xdcxr\xe2A\xb4\xad\xfd(nV\xe7\xc5\x84\xec\xa4\xcd\x9b\xd3`\xab\xd6l-\xd0Ix\xbf:b\xf5AMo\xf2zM&amp;\x0f\\^\x83\xa1\xe9\xd6\x8eS\xb9\xb5y\xf9\xea}\xfb\xda\x8b\xf5zp}{\xc9\x95\x0b"\xa9\\*{\xf5\xa7Y\x02\xc0:\xda\xb5|\xef\x843\xda\xf7\\\xa9\xe6\\ek\xa8\xaa\xfd\xbfN\xdb\x00\xb1\xc1\xd8`\xe4l,\xd0\xa9t\x05M&gt;\x13\x98\xae\xdf\xe3\xf5za\xd1\xee6\xddZ\\|\xb2\xeb\xc3\xbe\xa2\xfc\xe3H\xc5\xd5\xc7\xaf/\xd4\xd6\xd7}yA\xa4$\xb0\x92\xaf\x1e\xcf\xef\x9b\xf8\xe6\x84\xf3)\xa9\x03E\x1c\xb8\xe2\xc4\x86\xb6B\xc4A\xc9\xe5\xc9W\xe8\xee\x8b\xd8\x17\xe8\xecL\x83b_\xa7\x02\xd7r\xc1\xadg\x1fqy]\xae[^\xafgqyy\x02\x8a\x1d0!T\xd3\\\x14\xaf\xc4\xeb\xb5\xf5\xe3\x04\x96\x19\n\xb2\xc6\xe9\x99\xd9\xdf\rcg\x8c\x16q\xc2@\x8b8%\x8a)\xca\x07B\xfd\xc5\r)i\x9di\xc6\x04\x9e\x0e|Kg\x18\xaf\xc8k+j\xa93\x99Lg\'\'\'\xefy\xc6\xfbG\x06\x9b;:jjj\xb4\xdc\xf8\xb85\xf1\xfab[\x05`\xc9\x88\xd5z\xf5\xc2\x83mlv\x14\t&lt;\xb5\x9f\xc8\x8cH\xabWGy\xe2\x15\xba\xf3\xc6\xcd\xce\x86N\xac1T\t\xc0UW\x94\xa7\xd6\xda\xcf\xf6LMM\xf9\xddP\x19\xf5\xc0\xf5\xe0\xec\xec\xcc\xccm\x1bxV\xb1V\xab\xae\xef6}9\x90e\x06\xac\xd4\xd4\xeb\x0f\xe9Am_X;\xc0|\x8e(&lt;\xac\xd2b&gt;#\x97\x0fj\xb8\xd8N\xffT\xa7\x11\xdb\x87PgXv\x97\xf7\xb7T|}\xc2\xef\xc4\x0b^r\xbb\xdd\xc3=\x93_\xcf\xce\xdcn\x83\x12\x15\x8c\x99_1\xe2Z\x18\x80\xdcO\tX\x0b=\x14\x9f`2\x9e%\xd6z!\x95.\x83\xee\x9e3BN\x9a\xa0\x80(o\xd8dpx\'\x87\xdc~\x02\xcc\xefw\x0f\x0fO=&lt;;;\xd8\xdc\\\xdbw\xae\xaaL\xab\xce\xaf\xa8\xdbt\xa5Q\xc9\xe7\x0be\xa2\xd4\'=1\xbfY\x0c\x97\xff\xa6B\xa1HLP)\x12%\xba\x02K\x82B\xb54\x7fshhjh\xa8\xa7\xe7\xce\x9d\xfb\x93\x9e\xfe\x89\x89\x85+]\'\x8f\x9d?\x8eX\xa6\xed]\xc9f\xb1\x80\x85X\'b\x15\x9a\x87\xa6,"s\xf9\x80\xc03\xf4#\xe1\x84\xce!\x85\nvjx$X6\xf2\x92\xd2$KKK\xf3\xf3s\xf3\xf3K\xd6\xbbw\x1f\xddZ\\~\xf2d\xa1k`\xa0\xf1\xe8&gt;\xad\xb6\xad\xda\xf5\xe9\x80P 6C\xb1\x9f\xba&lt;E\x96\x07\x019\x03- \xedg\x04\xcf"\x83\xaf\x86\xa5\x81\xb1\\\xec\xa9\x86J\x95D\xa5\x02.\x95\x8e\x97\x94\xd2*y\x03\xb8\xe6\xe6\xe6\xe6\x81\xea\x11p\x01\x15d\xefP\xf5\xb7k\xf3[6]\xcf\x92Bi\x9f\x9c%J]\x9c\xa2}{\x17\x9d\xee\x9f\xab\x04.\x00\x93H4\x9c$\x08\x19\xad\t\xad$\x16A\xb5\xbc0\x8dUt\x96P\xd0\x8e\xc1\x14\x1c\x1e6h\xc4z&lt;\xfc"\xbeE\x15\x02R\xfa\xeb\xc4\xf3\xc4\x01J0l8\x87*\xad\x16\x8bBe\x91Hx\xbc$l\xbb\xb6BJ8\xbf\x04\x16\x848\xbf\xbc\xf0\xd9\x99c\x97\xf0 KP\xac\xad\xdeq\xa5Q\x9a#P\xb2\x10\xeb\x9e;,(\xa2|cD\xbcoP\x05Dj\x02\xa9r\x1b\xca9a\xe0\xc9\x08!8\x83\xed\xbeou\xe8,\x16\x0bO%\xe1%\xa6lHimM\x99KS \xd6"\xa4\xa3\xb9\xb5\xe7~v\x94\xc5B\xac\xb2\xdc]\x03\xc9f\x81T\xc8\xc2\x83\xa4{nF \x86\x07s\xcf\xd0\xfb\xd1"5\xa6\x0c\xc6\x8b\xcc\xf98{H,\x0b\x981!)%\xc5\xd8j46T:\x9aL\xe3\xfdD?%\xaf\xea\xbc\x10\xb1\xda\xeb?;\xd9\xc8\x92J\x95B!\x1e\x81\xdfs\xc7lDf@\xf5\x13\xee\xc0\x84\x14\x9e\xd4\x1e\x10\xf9\x1c\xdd}\xc7\xe7\xd0\x01\x18\xba}"f\xcd\x90\xa0Bv\x83\xed\xcdf\xa2\x9dR\xf5\xc1\xa5K\xc2\xab\xea\xa23\x8dYB%P\xb1\xb2RS\xd1\x88T\x1d)\xe5\\~\xd5;\x91?\x86-\x18\x1a\xd6"\x13\xc1pr\xc8\xa4\xaa\x81\x9cC&gt;\x1f\x80Y\xd0\xf5\xa1\xf2OK3\x02\x96\xab\xeeZw\xb3\xdd^]]\xdb\xd7w\xee\xfdc\x97&gt;8\x9f_t,9\x19\x98\xe0\x92\xa5\x92\xbe\x156\x19%\xda\x93}\xa7@W"\xdc\x1b\x88\xd9\x8at\xf7\xa4\xd7\xebpX*-VU"\xc1\x95\xd6Piu\x8dt\x03\x15\x1e\x00V\xd7\x9e9\xf8&gt;Q\xc8&amp;#\x13\x94\x18"\x11b}\x9bQ\x1e\xb7l\xff}\x8f\xc7\xe7\xb0BrZ\xa9\x08p\xc1\x82y\xc7KZZ\xcaKJZ\xf0h\xf2\xe09\xf0\xfc\xe4d\x92+\x0b\xb0D\xe8\xf21\x8f\x83\x85NlB\xdfW\xc8\xf8\t)\x0e\xd9\x11\xa2\xf9\xe7|\x04\x97\x15\xc8\x14\xadIx\xe0\x05\xfe\xa5r4\xb9\xa0\x90\xc6\xe6T\xc9\xa9\x0f\x89\xfb\x91Eb\xc9D\xb0\xf9&lt;v\x93\x91\x9b\x19\x1e\xf8\n\xc5r&amp;U&amp;B{\xc1q;\xbas\xae\x12\xb9\xacV\x9f\xb5R\xd5\n\xc5l\xa2\x11\xaak\x05\xa4`xF\xb3}{]y\xee\xc1sUG\t\xb7\nb\x89\x9e\x16N_\xbeq\x17\x81uS\xa1\xf2\x99L\xe0\xf8\xb8\\F\xb0ab+bY\x0cM\xbb\xf1\x1cwGnm_\xd5\xf9\xf3A.\x94\x8c\xc8\x9e\x1a\xe5\xff\xb7\xee\x94\xb9b2ke.O\x15\x9c\x01\x16\xb8\xd2\xd8\x18\xae\x18p5@\x900\x1a\x89\xd5"\xb0J\x88Nb\xd9U\x08_B\xb8\x00\x0b\xbb\xd5\x8f\x87#\'{\x98\xcf\x19\xd6Z\xad\xe6\x8c\x9c\xccZ1z\x13(\xee\x00\x0b\xb2@O?\xf6\xac\xd1\xc1\x1aP\xc9\x82\x8a\x11C\x93kS\x1d\xd1G\xb7\x95\xa9\xcb2\x95B\x02\x8b\x85B\x08\xd1\xf2\x14e\xe0\x8brL\xb4\xc2p/1\x08\xc8\xbe\x08Y r]\x1b\x193\xe1\x8a5\xa4\xc0\x9d\x08&amp;ljrai]o+\x85RQ\x9d\t\x01^\x89A\x1e\xcd(\xc2|+6\xdfb\x84\x03-3B\xad\x1b1\x8b\xcb\x08\x85~\xf6\x10b\xf1t\xa6\xd1\xcb\xb7GG`\xcd0V8\xa0\x02\xc2\x0e\xb5\xbd\xa3\xc6V\n\x89\xbcv\x9f@\n5\xb4\xd9\x0c`,\xc0Z\xe8\t\xfd\xffT)ih\xb4\x97*\r&amp;U\x9d\xa19\\\xb2\xc9O\xa3t\xeeB\x938!c\xc2\x1f\xc0\x92H\xb29&lt;\xc3HGo\xef\xe5\xe6\xd1kcP\xfd\x98\xc6\xfa\xfbG\xba\x9b;zm\xb6\xd2\xd2\xe2=\xc5\xc5\xfcL\xa0\xca\x14d\x02W\x10k\xd54\'E\x90K\xed\x023\xa2\xb5f\xc4?"\xb1\xb29\xbaq{\xef\xe1\xde\xde\xde\xdb\xa3\xa3\xa3\x83\x83\xa3(\xc8 \xa0J\x0b\x0b\xb9\\y\x8eY)\x15\xe4\xf0s\x04\x99J\x8c\x11Wz\xa2\nG\xb1\xcd\xf9D\x94\xc1lL\x9c\xb39\xd9&lt;W\xf7\xe5\xc3\x87\xf6\x1e\x02\xb2^\x14\xdc\xd4\x1c\xb2\x95\xe24\x12\xce\x13d\xc8\x05f\xb3\x80\x8f\xe7F\x99R\xcc\x03\xaf?\x8cj7Y9\x92\xcb\x0ce\xd0\x0c\xcaH.uX+4\x8c\rX&lt;\x0e\\&lt;_\xff\xe5\x1aB{\xb4w/9\x15\x85cQ(\xfa\xd1gd\xe0Y$_.\x97\x8b\xf9\x88%\x13]xH\x0f\xbdQ \xc9\x0c5\xe8\x994\xca\x01N\xc0\x88\xcc\xd8\xefD\xc0JO\xe7\x80\x15Mvb\n\xaa\x10\xbe\xbe\x8f\xcb\xb4\x1f/B\xbdL,\x96\x98\x0b\xc6\xe4\x0b\xa4h\xc4\x81\x99\xcfw\xc6\xea-1\x86y\x12\x8b\x93mq\rv\xb4\x95\x16\xea\x7f\xa0\xff\xee~\\\'0\xdf~=J%\xd7s\xf9R\xa54G\xce\xcd\xe0r\xc5$\x96\xa8\xea7\xbf&lt;\x1dM\xb7\xee\xa9Q\x9e\x19\x19\xe5\x99\x91\t8\xf9w`\xb5\xe0r\xb8\x06\xed5\xa5`4}a\xe1~\xe2A\xce\xcf\x80\t\x95B\xa9\x00\xe5G\\q\x0e\x89\x95\xf3\x9du\x1f\xbfG\x0fG\xf9(\x87\xb5h\x91s&gt;4\xea@6e\x9c\x16\xbe\xb6=\xac$\xb1\xb2%:W]K\xbd\xb6\x10.d\xd3\x13*o\xa0\x92C\x06/Tf\x8a\x83X\x10 D\x825k\x7f\xf4\xfb\xd3tj\xb6\xceX\xddoe\xd0b&lt;\x9c\x0f\x14d8\xfdz\xd6\xca#\x9c+;\x9b\xa73\xbc[\x8e\x0eVJ\x80\x05\xb0\xb8\x10\xb3`C4Gb\xc5\xaf\x8d{\xeb\xe3?\xd3c\x89\xf2a\x032(iu\xe8\x9e\t\xac&lt;\xdd\xe9w\x0f\x9f~\xef\xe3Y\x07`\xa1\x11\xb1m\xa73\xc0\x8aU\xdb\xeb\xd58\xd0\xb3\x1e\x1d+C\xfe4,sF\xdc\xda\xef\xfd\xf0\xed\xd3\xf8\x11\r\xdb\xd8\xd4f\x00\x93\xf1\xfc\x13\x9b\xe0\xbd\x19\xfah\x05\x1a%I\xa4\xb3\x9d7\xfe}\xf7_\x13\xbf\xfd\xc3\xcfg\x1c&lt;\rq+\x12\\\xb0bM\x906\xd4\xd6\x97i\x8b\t\x19.b\xe1~\x88F\xe4\x06|K&amp;Sr\xe3\xe2\xd6\xe8\x0f\xfd\xf1\xed\x8f\xfe\xf2\xe6\x9b\x1f\xed\xdc\xc6\xfe\x7f\xccUC9=\xb4\xf4\xe8?\x7f\xffk\xdf\x81w\xde\x19\xf5\x05\x8d\x88K\x96\xce\xd3\xe8\n\xde\xdd^\x9e[\xd1\xa6.F\xed\x1f\x06\x05\xd8r\xa4\x04\x96\\\x9cc\x16b\xca\xa5\x94\xaf\x89[\xb3&gt;c\xcf[?\xfe\xc9k\xb6\xde\x99oNlc\xbft\x94\xa79\xa7\x96\x16\'\xaa+\xeak\x0em9p\xe0\xb6\x17\xb1\xd2\xc9\xc5J\xe7\xa5k4[\x8fl\xc2\xd25\xafL\xdb^,\x07\xac\x1c\xd8\n\xe1NDD\x88\xa7\xb8)\xcaXb\xc0\n\xcc=\xc4s\xdb\xdb\xec\xb3\x9f\xef\xa4G\xf5\xc1\x0b\xc1\xe3\xf1\xc8(\x0f\xcf;o\xcc{&amp;\xa6\xa7\xbb\xce\xb4\xbd\xb6n\xdd\x96-\x87M:\x14\\\xe3zq8\xafk^\xd1\xc0r\xed&amp;\xb8\x8a\xf2\xd5\xc0%\x16\xa3\x06#3\x07\xb1\xb8r"\xccg\xc9\x92\xf9\x88\x15\x18\xbcC\x07Tw\xe0\x92\xad\xd0\xdbD\x9d\xc7\xd3\xd9\xee\xa1\xf9\xbb\x8bO\xbe\xfa\xea\x9f\x7f\xfb/%\xe7\x03\xd3d~\xc6\xf1\n\xefu\x96\xb5\xbco\xad]\xa51\xbeWsr\xb9,3M\x9cJ\xb2PS!\n\x07\xe7y\x01\x8c\x05j\x93\x1e\xb5\xdd\x08\x184\x88)z\xad\xb47\xa8$6\x88\xa6\x15\xad!9$\x9ah.\x1b\x06D\xec\xe8\x0e\xb1F\xbcq\x85\x9d\x05I\x0f\xc8\x92.\xfeA\xc7y\xea\xa9\xec\xb6\xe7y\xde\xb7\xc8m\x97%{\x9a\xbe) \xf6\xc3\xf7\xf9\xfe\x9e\xf7\xf7\xbe\xfd\xfd\x9ed\r\xaf\xd5\xaa\xb5\xee\xbb\xbb\x05,\xd0k\xf5\x06\x9d\xeeC]n\xfe\xa1=\xa2^\x06\\\x1f\xa7\x00\x0b\xf5\x00\x00\x0cSIDAT\x05X\x9b\xb3\xc9\xf1\x94Q\x98\xda\xe4\xe4d\xaf\x147u\xaeZ\xb5\x02D\x84\xd3e\xb0\xf5\xea\xab\xe7#Yi\xff\xb7\xb7\xd2N\\\xbc\xf5\xf4\x1f\x0f\x1f\xbcN\x8c\xc6\xe3\xa3c\xd1\x1aF\xab\xd6h\xb4_}\x9d\xab\x13\xb9Vo\xf8H\x97\x9b\x0bX\xed\xfb\xb6\x97U\xc2t\xd9dhll\xdc\x9a\x9d\x8d\xcb\x00\xf1\xe4\x83Xxw$g\xf3\x9aUo\xad \xaaU+\xd7\x137\x1cjj\xff\xf6\xfcly\xdaOW\xf9\xe5?\xea\x97\xb2X/\xb2\xfe\xf2\r0\xcd\xbf~\xfd:\x11\x1fM\xc4&amp;\xc3E\xbb\xd4j\xb5F\xaea\xbf&lt;\xa7\xd3\x89X\xab7l\x03\xae\xfc\xe2\xf6}[\n\x8e\xe7\xc1\xc5\xbe)\x18l\xdc\n\xb1~S\xe9\xdaM\x84\x85Y|\xef\xbd\xec%X0&gt;7c\xc5\xfd\xed\xe6\xf1\x1b\xe1\x89\x1f\xfaGN\xa4\xfd\xf83\x01\xd1H?\xb1\x00\x1b\xa0\xfe\xfep~\xe2j\xed4@\xcdL_i\x81\xb9\x94\x1e\xb18\xa5\xb4\xedN&gt;\xed\x8c\xc2\xd5\x06\x1b\xc0]\xb9\x1f\xa7\xe4\xaa.)"\xae\xc6u=\xb8H\xb7\xb4\x14\xa76 \xd7/\xdeE\xcb\x0b9\x84,\xae\xdc\x88\x132\xc8\xed\xbb\xe3\xe3\xa7\x02\xd3\xaf\x9e\x9f\xbd\x98%\xac\x03\xfc\x9f\x1b\xf7\xd3\x08j\xe2\xd1u\xe7Q\x80\xba_\xedlq\x96L\xf6\x06.\x01\x96Z\xaeRJ1\x8d\x08\xf6\x11b\xe9\x04\xb9\xe0"\xb1\x0c\\_XDX==\xb4\x0cO0\x1a(\xb3u\x8d\xb8#\x1d\x1d\xbf\x91\xce\xe7\xa5\xc1\x1b\xb7O\xff:\xe7\xd4\x8dS\xb7\xbb\'\xbe\xeb\x1f\xc1]\xd7\xff9\x97_\xbex\xff\xe4g`)\x82\xfa\xca\xe9\x8c\xcc\xc4\xe33G[\x9d\xe1\xd8\xcch\xfcL\xb2F\x83IT)8\xf6\xd1\x05\x9d\xc0\x05\xb1\r^\x92\xbbp\xf1\n\xc8\x05z\x81\xbf\x1a\xf1:\xe3}2\x1a\x94\x8b\xec\x8d+\x16\xb16f\xc3\xc4u\xddz\x9c`\x94\x06O\xe5\xfcj\xf0\xf4\xedS;\x02\xd3\xf3? \x99x\xd2Y\x9e\xba\x93$n\x9e\xc2\xbb\xefP\xce\x1f\xce\x7f\xda\x1a\xee\x05\xa7\x8f\xc6\xc2\xadG\x81)\xbe\x10\x1f\x8d\x16\xc9Q-\xa5B\xc5\x19\xd1^:\x10J\x0cHc\xf1\x924"\x95\xc9d2\x18D\xac\xec\xb5+\xdeZ\xc4\xda\xf4\x1b\x18\x989\xa7O\x1f\xb9\xd1X\xba\xb6\xb4g\xfc\xf6 F \x10\x99\x06\xcd.\xe2n\xbc\xe5o\xee\xe9\n]\x85N`9\xf8\xfe\xf1\xc4\xa7\xe1Id\x11\xa0\xe2\x0b\x0b\x0b\xf1\x99\x93%\x9fT)\xc9\xf3\xc0\xa5o\xfbr\xb7.\x05\x96\xbfM\xc4\x12\x8b\x17b\x19L\xa0\x1a~\x88\x17\x0c\xc2\xa0\xdb\xb4R\xa4\xc2-\xe9\xeb\x8e\xe0\xb2\x1bx\xfcr\x10\xd0\x82==\x86\x9a@\xf7`\x14cr\xfaU\xff\x89\xb4\xb4%\xeb\xe5\xc1M\xb7\xf0\x1e\xe8\xf7\x8f\xe7\xcfOO\xc7\xb0$$\x00*23\nP\x88\xd7\xc2\xf2UJ\xcc\xa2\x86S\xa9\x94\xbc\xc8\x05BA\xe1"w\xe1-\x08\xa1H VQa!\x82\x99`\x04d\xaf_\x93\xeav\x80\xb1fSO\xe3\x8d\xdb\x83\xef\xbc\xf3v\x14\x1f\xa0\xd3\x8e\x9a\xf1`\x11\xb0Eg\x937\x13\xdf~\x93%^\x8cQy\xfa\xf6\xe1\x83\xf9\x89\x89\xf3\xf7\xef\xcf\xcc\x8c%FG\xc7b\x91\x92\xd6p,AB\x81\xe7\x19\x86\x91\xea99\x99\x9eS\x82\xed\xdb(\x8f\x00D\x87\xdc|r}A%~L&amp;P\x01\x17\x90\xa1vkW.\xa1\xc2F\x03;\xd7\x966\x8e\x03Z\xf4%\xc6\xdb\xd1\xe8`w 0T\x031\x14\x99\x9e\xbfw\xebD\x9a\x04\xca\xf8\xd3{\xaf\xa0\x12D\x8eN\xc7\x80)\x91H\x8c\xdd\xec\x8d\x84\x0bK"\xb1D|at\xe6$\x08\x05L\x8cT\n\\j\xa8\xf3\x1a\xe0RrL\xdb\x17\xe7r\x11\x08\x99&gt;\xc6\xedv\xb4b\xab\x16\x92\xd8\xd8h\xc2\x85\xa7%%\x88f2\xf4\xec\\&amp;b\x89\xdd6\x88lgiO\xb0fG\xe0t4\x9a$\xb8d4\xda\rp\x07\x03\x81\xc9\x89\xef^H\x90\t\xd269\xd9;{\x13#\xd6;\x19\x1e\x1a\nGzo\x8e.\xc4\x13\xf7\x01\x8aA\xa5(\xe4z\r`\xfd\x17W&gt;HULK\x90\xca\xf0\xf3\xd7 \x88UR\xdd\\]]\x8d`E\x86R\x01\xeb\xe7\x8b\x81;\xff\xd3\xb1\xc7\x05\xad1\x06\xb6n\xcc\xdf\xcb\'\x10\xc9\xe4l\xb4\xbbw\xf6\xbe\xe4\x01@\x89D\xb3\xbd\x93\x11\x11i\x0c\xbd5\x13\x8b8\x1b\x18\x16\x1e).\x9e\xb2\x88\xfeR*\xf5L\xdb\xddvb\xca\xcf?t\xa8\xbd}\x0fU\x08\xbc]\x134\x15V\xd7\xe6\xd56\xe3\xd6\xfd\xc2K\x86\x0f\xd2S0\xe9\xcb\x84W\xd80E\xe8\x7f\x83\xcd72\x0f\xd7\xef2\xd5\x0c\x05\x00g6\x99L"\\T\x12\xbb96\x86@\x93\xbf?x0\x12\x99\x9c\x05"\x88\xc4\xd8L\xacYp\x94\x94!.\x0cV\xaa\xd7\x80\xeb\x05\xc189\xdbv\xf7\x1cd\x0f\xb4:\xd4N{\xc7\x8e\x9f\xc4zj**\xac\xce\xab\xc4\xdb\xa8(X\xe1.\xc4\xc2}\xf5B\xa7\x94e\xd4\xbf"=]\xe8\x08\x82m\x82 d2Y\x06\xc0\xed2\x14\r\x1d\x04\xba\xe4K\t\xe94\xb64 \x91\x91\x12\xe7\'\xa0\x13\x0b\x96J\x05|\xc1\x1aY\x8e\xd3\xa0\xbdP09\x9c\x1d\x81\x8b\xe4*Nm\x1dkF?\x01\x15\xae\xf0\x04\xb9@0g\xbd\xd0\xa4(\x03\x82z\x11\xe03S\x84\xa2\x1f\xc82\xa8\xb9R\x86L\xa5\x90\xc9\x14\x8a\x0f\xea\xa1bHP\x19R+\x02C\xaf\xb5\xd5\xe9\xbc\xd4\xd2\xd2\xd2\xd0\xc0\xf3R!s)(\xadV\xcbjY\x1e\xb0\xd4\xa4\x17\x82\xa9\xd9\xebw\x8a\xf3E\xb9h\xeb\xd8\xd1\xe6pIIs^\xd9v\x98\xaf\x9e\xc4\x1b\xcfW\x1a\x14\xf0\x86\xf0~(H\xc6\x1b\x9eL\xd4\x89\xb4\x12\xb0\xb0\x1d\x95\xd0\xfc\t\xa2\xbe^\x12\xeb\r\xc3\xac\x13@(\xd8\x06Q\x1c4\x12\x84\x1e\x9e\xe4*\x00#2)\xca\x85L\x04\xa6n\xb8rL\xe0j\xa7\x93be\xdeIP\xa8\xb2`\xcb\x9e-e\x95\x7f\xcc\xcb;_\xeb\xc4M\xf5*\x15\xb6\xc1B.\x12\x8c\xe4\xca\xc4\xfe-\xa4!J%\x80g\x88X2\x99\x04\x89H\x12=\xbe?/\xc8\xb3\x98;\xac\x0b\xbc^O\xbb\xbdy)\x92I\xe5j\xac\x11\x90B\xe0R3\xc0\xd5^\x9crW\x01-\xce\xad,\xd8W\x9c\xbf\xa7\xa0\x12\xe2\xb3\xebz\xa5\x10\n\x05\x11\xa4S{\xa7e\x94;Y\x86\x18)-\xdfP\xc9$R\x91B\x8a\xb2\xf0UUz\x02\x13\xd2\xc7\x1a\x8dZ\x96^\xeb\xab\x044F\xabe44\xbdQrr\r\xc8\xc5\xb4T#\x17\xd4R\xc4\xc2N(\xbf;\xd6\xbe{\xdb\x87\xed\xdb\xcb\x8e\x1f\xbfz\x9d\xe1`l\xc0?V)@\'jn#B\x91\xd52\x05\x0c\xc5\xa2T\n\x91J!\x11s\x04Xt\xe0\xf5\xa9o`e0\x12\x17\xcb\x1a\xb5\x0c\xc9F\xd4 \x14\x9c\x18U\xc8\x05.c[&gt;\xdb\xbb\x1bo\x9c^\xb8\xf0\xf5\xb1?\xdd\xb9sl\xef\xe7\xb8\xd0\xe5\x0f{\xffz\xec\x8b+\xac\x1c\x83C\xaat2\xbb\x90\xbf\x94R\x99\x98&gt;\xa0R\xa4\xd2\x98r\x17`\xf1\xbc\x1c\x13\xc4\x90\xc5Q\x1aFD\x030\xb8\xa4 O\x19\xb5xq\xc1\n\t\xad\xc2s\x10r\xc9qTj\xd9\xeb\xff\x9c{\xf6\xec\xd9\xdc\xdc\xdc=\x8c\xb9\xb9g/\xfa\xfb\xfb_\xcc\xcd\xfd\xf9\x91@\x05XD\x95\xb9\x98\xb5\x8c7FB\x89\x88K!\x8cC\x91O"\x96I4\x15\n&amp;b\x81jU\x08GNG\xc9\x84#z^\xaaW\xe2p\\\xe4R\xb3\x96\xe1\x11\x8c\xb3b\x8c\x08\xd1\xe7\xb7\xcb)\xd1r\x0e[&amp;e\xca\xa4\x15\x10.\xb3\xddm\x84\xb9\xa4\x08#\x88\x85\x01\x83\x02\x8f\xc8&amp;\x93\x1d\x96\x88\xe3\x8e\xa7\x91\xc7\x80$\x94J\x9e\x1a-\x00\x19&amp;\x13%\xd3b\x18\xed.\xf8\x9f\xedL\x15\xc7\xa8i"A\xbe\x97\xbb\xfd\xcf\x9fb\xf4?}\xd1\xff\x14\x94\xba\x05\x8f\xfe~\x87YCT8\x13\x8</t>
        </is>
      </c>
      <c r="M496" s="3" t="n">
        <v>45492.67594907407</v>
      </c>
    </row>
    <row r="497">
      <c r="A497" t="n">
        <v>1175603</v>
      </c>
      <c r="B497" t="n">
        <v>5926</v>
      </c>
      <c r="C497" t="inlineStr">
        <is>
          <t>Natã</t>
        </is>
      </c>
      <c r="D497" t="inlineStr">
        <is>
          <t>Natã</t>
        </is>
      </c>
      <c r="E497" t="inlineStr">
        <is>
          <t>ZAG</t>
        </is>
      </c>
      <c r="F497" t="inlineStr">
        <is>
          <t>ZAG</t>
        </is>
      </c>
      <c r="G497" t="inlineStr">
        <is>
          <t>ZAG</t>
        </is>
      </c>
      <c r="H497" t="n">
        <v>180</v>
      </c>
      <c r="I497" t="n">
        <v>36</v>
      </c>
      <c r="J497" s="2" t="n">
        <v>37046</v>
      </c>
      <c r="K497" t="inlineStr">
        <is>
          <t>Right</t>
        </is>
      </c>
      <c r="L497" t="inlineStr">
        <is>
          <t>b'\x89PNG\r\n\x1a\n\x00\x00\x00\rIHDR\x00\x00\x00\x96\x00\x00\x00\x96\x08\x03\x00\x00\x00\x0b\xdf\x81\xd0\x00\x00\x00\x04gAMA\x00\x00\xb1\x8f\x0b\xfca\x05\x00\x00\x00\x01sRGB\x00\xae\xce\x1c\xe9\x00\x00\x03\x00PLTE\xff\xff\xff\x14\x12\x13\xa5\x88w\x06\x06\x07\xa3\x86t\x12\x0f\x0e\x0b\x08\x05\x0e\r\r\x0c\n\n\x06\x08\x0c\xa0\x82m\xa0\x83r\x18\x16\x17\xa1\x7fi\x98t`\xa0{f\x08\x0b\x10\x04\x03\x02\xb1\x86t\xb5\x8cx\xa6\x81m\xa7\x87s\xb5\x87t\x0b\r\x13\x11\x0c\x08\xac\x84q\xa8\x84p\x0e\x10\x17\x9cxb\xab\x8av\xad\xae\xb5\x91mX\xb0\x8aw\xa8\xac\xb2\x0f\x0e\x11\xb6\x90}\xa4}l\xa0|j\x94iS\x98oW\xfe\xfe\xfe\xb1\x8d}\xad\x8c{\xad\x88s\x10_\x97\xce\x9b\x80\xac\x7fl\xa8\x8by\xa3\x84o\xba\x8e|\xbd\x92}\x18\x11\r\x9czh\xc2\x8fm\x0ek\xa1\xa2t`\x0ff\x9c\xba\x8cw\xa7w`\xad\x7ff\x9c\x80j\x10m\xa7\xc1\x94\x81\x1d\x1b\x1c\x99ve\x94q]\x1f\x17\x12\xfc\xfb\xfb\xb3\x91\x82\xb1\x83l\x8egP\x8dn^\xa8\xae\xb6\xf9\xf7\xf8\xba\x88t\xb2\x80p\xba\x87f\xa8xg\xb6\x84d\xa7~h\xac\xa9\xb0\xc7\xa1\x94\xb5\x85o\x9c\x80p\x98|g\x9cs[\xbe\x97\x87\xbe\x8bg\xc2\x97\x84\x81]J\x8akWzWE\xa3zb\xd6\xa4\x84\xb9\x95\x83\xf4\xf3\xf4\xc1\x8d~\'\x1c\x15\x8aaK\xd2\xa0\x7f\xc7\x9f\x8f\xad\xb1\xbc\x9bqd\xd1\xa3\x8c\x92vb\xc7\x95q\x11\x14\x1c\x11`\x9cG5(\xc6\x93y\xcd\xa0\x89\xa0\x85n\xce\x9d\x85\xf0\xec\xed\xcb\xa4\x96\xc1\x9a\x89\xc5\x9c\x8b\x1e \'\xa1uZ\x11\\\x90\xcf\x9dzqL=\xc7\x9a\x852$\x19\xb2\x7fa\xa7\xad\xbd\x9fn\\@. \xe9\xe6\xe8fH:/18\xd7\xa6\x8c\xcb\x99uiOD\xca\x98}[@268?\x98iY\x9b\xa0\xac\xe3\xdf\xe1\xad{^\xb2zi\xa5\xb2\xbc\xa1\xae\xb3\x93\x9e\xac\xbd\x8al\xd3\xa5\x936*!\x83cR\x13e\xa2\x95{orTD\xa2\xa6\xb1\xc2\x9c\x8f%*2\x0cq\xa4\xa6mgFGN\x9b\xa5\xb45w\xa0rXN?@F\x12R\x89\x8ceW\x9f\xae\xb9\xbc\x92\x84\xd4\xa9\x93\x1be\x8fXE=\'&amp;*\xd1\xce\xd2\x98\x94\x99\xc4\xc2\xc7\x93uj\x93\x9b\xa6\x16\x1a"\x0cm\x98\x94\x8c\x8f\xa6\xa4\xa8\x80g\\\x80FE\xa0pP`^b\xa9xX\xc2\x8ev\x8eqf\xb6\x85|\xbf\x86}u`Xt\x9b\xb5\xbc\xa3\x9eusx\x7f}\x82\x9de_\x95]X\x89\x91\x9b\xadsgMNT\xdd\xd8\xd9\x99\x83x\xcf\xa9\x9ed\x90\xae\x11r\xae\x90\xa5\xb4\xcb\x93\x88\xca\xa4\x9cVT[\x84\x9f\xb8\xd8\xab\x91\x81pf\x7f\x88\x91hSMPYb0l\x90\xb1\x98\x91M:2kgj\x1ek\x9a\x9bjM\xa0\x9c\xa1\x88\x84\x87\x9f\x86}\x8b\xab\xbe\xb1\xab\xbb\xd8\xae\x9b\x98\xae\xc1[dm\xbb\xb8\xbc\xa8\x7fy\xaetp\x8aysC\x83\xa5glu\xa9\x8e\x87\xcd\xb3\xaf\x86TJ\xdf\xd1\xd1\x91UMrz\x85\xbe|q\xd7\xc7\xc8X4\'T\x8c\xa8e\x81\x97*F[%^|Oy\x92Vo}\xa7pU&gt;_r\xd1\xbd\xbcq81\x137H\x18Qx\xc2\xad\xab\xa4\x99\x96&gt;i\x89|\x00\x00 \x00IDATx\xda\xdc\x99\xdfOSy\x1a\xc6=\xdb9?H\xce84\xeb\xbaut\x07svBq\'\xbdX\xcf\x10c\x9b\xec\xd1"\x90:\xa4\x08\x06\xb1\x16\xad\x05\xb3,\xa6\x10\xaa\xd0`KRJ-e\x03sQ\xda\xd8hBRb4\xb4@\x0c\x10\x10\x12#\xdc\xc0p\xa1\xc6\xc4\x04\xcc\x80\x89\t\xba\x89^\xe9\xdd\\m\xf6y\xbf-\xee?p\xd0\xcd\xbe\xa1\xbf\xe4\xa2\x9f&lt;\xef\xf3&gt;\xdf\xf7\x8b{\xf6\xfc\x9fV\x85\xc3\xbf\x9a[\x1d\xea\xf3{**\xca\xca\xca\xfe7\xa0\x1cC\xdb[\xf3cc\xa3\xcf\xe6_.Oo\x9e\x99\\\xf5;\xbe&lt;Y\xc5\xd0\xcc\xa8&amp;r\xbc\xccq\n/r\xb2\x96\x1d|9\x93\xeb\xfb\xb2d\x8e\xa1\x89\x15@\xc9\x80\xe2y^2\x89\xa2"\xf2\x9c\x96]Y:3\xe4\xf8RPe\xfe\xed\x150)"\xc7\t\x82\x00,\x83A\xc2\x93\xc4\xf1\x9c\xa4\xad\xcc\x0cU|\x19\xa9rKYE1\xa1\x7f\x12/J"/\x8a\x92$A4Q\x12$\x93\x89\xd7V&amp;&amp;\xfd\x9f\x9f\xcc\xb3=z\xf5\xa0"\xaa*\xc7+\xd4&lt;I\x14\xa0\x15\xb8$\x81\x95\x89\xd3\x06\x97&amp;=\x9f\xdb\xea\x9b\x83\xe4)\x99\xe7T\x8e\x93$Q\x84\\PK\x10\x99h\x82Q0J\xf8\xed\xe0\xd6gU\xcc19\x9f\xd5Xa\xf8d\xe8\x050\xa0\xd1\xab$*\x90\x0er\x89\x82I\xe2\xb5\xb1\xa5m\xffgk\xe0\x991B\xea\xd6\x80\xc4\xb0D\xd8\x1eO\x00\x82Vx/\n"\xa7iH\x0c\x8cD\xff2\x14\xfb\x1c\x81\xe1\x9f\x19$\x1e\x0e-4\x88\xb2\x8c\xef\x87H\x08.\x08\xa6P79^\x12\xd9\xbf\x8a\x1c\xdepJ\xff\xf2\xf6\xaa\xa7l\xd7sa\xb3\x9f\\\xc5\x89\n\xa7 \x1f\xa0\x13\x88\x14\xd6@I4\x90\xcf$\x81gYF\x83i\x97yE\xee\x1f]\xce\xed.XE\xdft?\x8bPj\xa3Lm\xe48\r\xa6W8\xf2\xbad\xc87Q\x92e\x1aI\x9e7\x99L\x14i\xbc6:\xb1\xba\x8b\xe6\xafX]\xea&gt;\xa8\xf0PC#WA\x14\x85\x9ex\xa4\x043\x16"Ud\xbf\xe0\x0c\x14`\xbcI0\xf1\xbc\xca\x9bx%\xbb\x94\xdb\xb5\xe4\xaf\xc8\xcdk\x8a"\xc1\xca\x8a\xcc\x908\x85\xbaHM\xe4\x15\n0p\x19(^%\x82\xa2O\xa0\xe2H4\xa9\xf8\xce\xf2\xeanQM&gt;\xe3$#\xf9\x06P4\x7f\xb2,1\xbb3\xbf\xb31\x14i\x16H@I\x02\x91`P$\xa3(\xe3\xadd,\x1e\x9b\xd9\x1d\xb9\x1c\xdb+\xb2d\x105MdR)\n\xdaE)\xc5\xb3\xe2D\x13\xe2\x14d2;\'e\x10\xd2\x88B5\x04\xae\xa2\x18\x0c\x07\xe7\x87v\'DG5\xde\xc8#C\x054\xc5\x80F*,\xaaX\xc0\xd3\x0b\\\x8e_\x00\x01%)\x10\x12\xd6\x12\xc8\xf9\xc0T\x0c\x90+\xb7+T+\x08*\ti\xa5\xe2\xdb\x04`\xb1\x0c\xcd\x17O\x83H\x1eb\xa9\xca\xd6\x1c\xd5$\xa9*a\x92\x9a\nv\x8b\xe2\xc1\xdc.\x84\xc4\xea\x8a\x86#\x85\xc2\x00\x89 "\x118\x910x \x11\x9f\x91\xceg\xbc\x15\rE@"rJ\x07\x13M\'\xe2\xcc\x08\xfb\x8b\xfd9\xfd3\xc2\xb3\xd5\xad`\r\xd5\xd0:8\xab[V(\x17\xf0\xbd*\x15\xc9\xc7\xe3\x85\xcf\x07\x99J@l\x91\xc0`\x1a\x8dF&lt;$\x83\xd1\xd0\xbf\xed\xd0?\x1a\xfa\xe1\\\xa4:T\xba\xfa\xe0\xea\x83\x83\n\x8d\x9c\xaa\xda\xed^\xbb\x9d0\xf0\xaa\xda\xe93R\x8a\x81\xd2yM@\x0c\x8c\xd5\x9d\xcd&gt;\xbd\xbb\xd8\xb7\xc4\xf2\x9c\x8e\x1b:d\xb4\x07\x071lv\xaf7\xe4\xdb\xf0\xf9|\xe1p\xe1\x11By\x19 \xc6\x12Sh\x10\x8c\x9f\xca ?\xfb\xce\xaf/W\xd9v\x96R\n\xf1-\x1aD\x98\x08"\x01)\xb91\x1e\x9b\xadF]H]\xa0\xa7\x94+\x93\x8e\xc4\xe3\xbep2\x9c\xf42\r\xc9ehg\x81\xeb\xceVN\xdf\xc5\xd0\xbfD\x91\x8e\xb0\x12\x05\x03\xcfZ\x96\x8cgf\xab\xf7~\x7f\xe0\x87\xdf\xef\xaf\xac\xac\xb4U\xee\xaf\xb7\xd9lMMM\r\xe6\xd2f\x17\xe0\xa0^2\x19\x0e\x87\x92^/\x91I&amp;\xcc\xee\xd8\xf2\xf6P\x99\xae\xce\x1a\xa4hW\x94\xe2"\x89\xb4\xf2\xc5f\xff\xf1u\xad\xad\xb22\x91(/\xc7#\x91H8k\x12\x8d\xce\x9a\x9a\x1a\xa7\xb3\xd7fk0W\xb9nD\xe2\x11H7\xeeK\xda1\xaf\xbc\tq\x8f\xeb\xda\xb6\x9ery6\xbb1v\xbcTT,\xaa\xf6\x90/]\xfdM\x13\xb4q:k\x1a\x1bk\x1a\xcb\xcb\xcb\x1b\x1b\x13\x8d5\xf4\x81\xc0j\x9c\xbd\xc3\x0f\x1f&gt;\x9ckn\xaejv\xb9\xdd\xb1\xb0\xddD\xcb\x0eu\xb1(;\xdd\xa7\xa7\xe1\xe7e6\xee\x92\xa4\x86\xe2.sS-\xa0l\xc3\xb6^\'i\xd4\x08*\xaa\x1a\xf6\xba\x83577\xf7+\n`aUE\xe0" \x8c\x06);\xa1#V\xd9\xea\x18\x16aZ\x9dD\xef\x86k\xaf\x95\x98\x86\xc1DX$\x15\x04k\xc3+\xbd%\xbd\nj\x01\x0b?U\xa9\x8f^\x15\xc7\x13\xc32r[zbM\xf6S\xa6c\x9dS\x93\xb1\x0bM\xc3\xbd\xbd?\xf7\xf6:a\xa3\x1a\xd6BT[[[\xfe\r\xd3\r\\y\xbd\x80UZ\x95\xde\x08\xd99\x93\x81eX\xd13\x1d\x93\xbe\xe2\xbb,G\xdb\x1c/\xdb72w\xad@\xfa\xb9\x97\xf9*\x8f\x05\xa6\xb6\x9b7\xf1`p\xd4\xc8O\\hci\xb3\xdb\xe7\xb5c\xc7a\xd1:\xa8\xa3\xe7\x1d\x13t\x14\xe2\x00\xb4{7\xdcf+zW_C3X\xd0\x89A\x15\xb0\x00F\xb8N\x06\xf6\x1b\x13\xac\xca\x15\xf7\xaa,\xbc\x04\xc2\xd2\xef\x00\xf2/\xd3\xa2\x8c\x8b\xbd=4\xeej\x80Py(\xc6q\x13\xd5Cu\x93\xd8H\xb4\xbc`\xbd\xbd\x0c\x0cd\xa5\xcd\xc0R\x05\xac=\xd0+;\xa3\x9fZ}/\x8b\xe9o1\xaa\xec\rER\x01\x1a?`\x81\xa8g\x87\xa9\x05Ed\x8c\x8e\x04K$H1H\x06.ss$\xa4\xe2\xa44\xe1\xb2]\x94\xdd\xd4\r\xablh\xfe\x8ft\x10\x02\x8b\x1c\xef$C-\xb4\x0f\x0c\xb4\\\x04L\x0b\xab\x8b\x17/\x02\xae\xa7 [\x1b\x9b\xccDa&amp;\x03\xa5\x91\x90\x9d\xces\x9c\xdc\x8a6\xe1\xd1\xf3\x9c.\x920\x89\xf6P8]e%\x9f/\xb4\x07;;;\xa2\xd1\xe8\xc5\x9d"\xb9\x18!\x93\x90\xd0(\xfa\xa9\x91\xd6\xd2X\xd8K\x87\xb7@\x7f\x99\x98\xf6\xeb\x88\xa5\x14!\x1cx{\xd2\x97)\xb1\x81\xaa\xad}\xa0\xb3\xb5\xb55\xfa\xfc\xf9\x7f\xc1\x08\xab\x80\x87\xceZ,\xed\x0b\x0b\xe5\xcc\xfa\xd6\xd2t\xd8k\x0f\xd9\xb1\xa9\x1a\x05nKG\xac\x97\x1c\xd6t\x15\xe7\xf3\x86\xeb$\xb0\x12\xe8`gk\x14T\xc4\x15-\x88\xd6\x92\xa7BY\x06,\xa8\xb6\xf6\x85\x04q\x91Z\xa1P\x92\xc9%h\xba\xaa\x85-\x19+^(\x19w5\xd80\x84\x10\xab\xa3\xa3\xa3\x95a=\xdfie\xb4@ei\xb1\xb0\x1a(`\xd9\x1a\xd2\x1f\xb1\xebPH\x18\x05mB?,?\x16f\x89\xc4\xf2ERM6\xf8y\xc0\xd2AX\xd1\xbcXL\xaa\x1d\x8710\xcb\x00\x15\xc3\xea\x05\x96\x1b;\x18\x160\xba\x08u\xeb\x18\x10\x9e-YA\x94\x86\xc2\xe3\x18\xc4\xfaD\xf9\x80\x85\x89\x856F[;:;;\x998-=\x90\xa9\xc7\xd2\x83\x1fBjG\xa3\xdb\xcba\xfa\xde\xe1\x80\x0b\xebW2\xc4\xb0\xf4\x8cS\xcft\xb7B-\xf4E\xd2\'k\x9d\x896\xd6B\xe2B\x15\xa0\x805\x00\xac\x81\xbcL\xac\x16\xda\xf3r\r[\xab\xdc\x91\x9d.\x8e\xeax)s\xccd\x15\xb40\xbc\x11I\xd5\xda\x9cp\x16\x88\x18W\x07\x89E-#,\xe6\xa7\x02\xd2\xe5\x85|\x9d\x86\\\x0f\xad\r\xcd7\xb0\xadR\xd4Kz\xde\xac\xb1\xc9s\xe4\xacx\xa4\xaa\xb6\xb2\x06jut\\\xcb\x83Q\x0b\x9fX\x82\x96\x9d\xcac\x91N\x0b\xa7Q\x89&lt;V\xa04\r\xac\x90\x1dX/\xf5]lp\xcb\t\xf9\xe2is\x13\xa9E=\xec\xea\n\x06\x83\xc4\xd5\xd1ia\x8d\xecD\x17;-\x9f\xd4:\xbep\xfc\xf4\xe9\xfa\xfazJ\xd4@\xa9\x0b]\x0c\xc1\xf4\xe2\xb2\x8eKs\xd9\xd0\xa8\xeces\xd8`sV&amp;\x8e\x0e\x04\xcf\x9f?\x1f&lt;\x1f\x04\x12\x19\x9f\xd9~\xa7\n\xde\xa2\xfe\x9dN\xe0\xf2A\xe7O P\x85.\x02K\x957\xf5\xbcX\xf7\xcdk\x98\xc3\x8f7J\x02\xc3\xb6\xca\xe3\xc7\x8f^&gt;\xfa\xd7\xa3\x7f\x0b\x02i\x84\n\xcf\xad\xf9\x8a\xe2\xd1\x11\x0c&gt;\t&gt;9\x7f\xf9x=.D\xb6Z\xab\xf5\xe1o8\x16\xdd\x0c\x8b\xcfn\xeby\xf3\xf1Ld\xb5P8\xeen8f\xc5\xd5k\xff\xfe\x9f~:|\xe9\xfa\xed\xbakO\xd7P\x00\xbb\x7f\x9f\xe8Z\xa3\x8cr\xe4\xca\xf5s]]\xf7\xfe|`\xdf\xf7\x87\x0e}s\xec\x985\x10\x08\xcc5G("\xb81}/d\x93\xfd\xdd\xc9p\xa4\xaa\xa9\xc9Zy\xe0\x87\x03\x7f\xbf{w\xf1\xd6\xd4\xadW\xaf\xde\xbd{\xb7^\xb7\xb6\xf6\xfa\xf5\xeb\xfb\xa8V\x82\xbbr\xe5\xdc\xe1\xb3Sg\xcfN-\xe2Z\x9brU\xedm:FX\xb4:{\xed\xf2\xbc\x8e\x8e\xaf(\xdb34\xaa%}\xb1\x12\\O\xf7\xed;\x91J\xa73\x99\x17/2\xb1\r\xbaU\xdfzs\xfd\xda\x1aqEG\xee\x8f\\\xb9v\xef\xc8\x89T,\xbe1&gt;&gt;\x1e\x89\xc5b\xf1\xb8\xbb\xe4PC \xf0\xab\xd9\x8d\x8d^\xd3\xa6\xf5r|\x99\xe7\xc3\xfb\x0f}Xmp=&lt;\t\xac\xafK\xdc\xe9X,\x93y4\xfb(\x93\x89\xbdx\xf1\xa8z\xf1\xd4\xed:p\x91\xc5F\xae\xdc\xfb\xf6\xdb\xea\xd4l&amp;\x96\x89E"y\xae\x1b\xcd\xe6\x06\xb3\x19\xe6B\x0f\x07\'=\x0e}\xfe\xef\xa0\xe2\xc3\x9b\xa9\xc5\xe9\xdc\xb4\xd7\x1b&amp;\xacC%\xae\x1b\x99\xd9\xd9_\xd6\x1f?^__\x7f\xf5\xcb\xad\xc5\xc5\xea7\xa7n\xaf\xbd\xa6\x06\x8e\\\xeb:\xb2\xef\xc7\xc5\xa9\x13SSg\xbf:u\xea\xab\xa9\x0b\xa9\x18\xee\xd6.\xb3y\xee\x9fnj\xe2|n\xf2\xdf\x1ft\xf9\xb3\x8d\xe3\xe9\xdb\xb7oS\xff\x9aI\x16\xb0R\xee\x1f\xdf\xad?~\xff\xfe\xfd\xda\xd3\xba\xba\xdb\x97\xce\x9d:\xf2\xe6\xc8\xa5\xba\xbc\xb9\xee\x8ft]:\xfc\x87\xdf\xfd\xe9/\xff\xa1\xd5|^\xdbF\xd38\xde\xc3\xb0\x87\x1d\x12\x81dD\x15Rb\xb0#\xd95\xbc\x83\xb4\x05!\t\xb4\r\xb5\\"\xa1\x15\xf1`!\x8f\x8d\xa3\x1a\xe3\xce!\x14b\x9b\x80SP\xebC0\xa2\xd5\xa5)\x13\x0c&gt;\x04\x82K.=,\xcd\xa1\xb5C \xc1t/\xc92C\xa0\x1d\x86\x19\xe8!)4Nps\x1b\x12\x98\xddG\xce\xb2\xff\xc0\xa8\xefU`}x~|\x9f\xef#\xbf\xc9\xa4\xd9\xf2[\xa2\xd2\xfa\xfan\xae\xd1(2\x8c\xbb\xb6\x00r\xba\xfdq\xfd\xd5\x0f;Ap\xcd\x7f\xda\x1b\x0e\xdb\x8d7\xef\x01k&lt;\x1f\x9a\xc9M\x17 g\'\xd0\x81s-\xb3\x95,\x14:\xc9B\xb5\xf4\xe2\xc3\x87\x1f_\xbc\xf8\xf1\xfe\x03\x99\x8d\xc3\xe9t\xccZ\xa9T\x9a\xab\x94\xcc\xf8\xf4F.\x97\xa2}\xac{\xf7\x9a\xe7E}\xb7}\xf1\xe7\xb5+\xb6x\xb4;\x1c\x0e\xdd\x95\x05\xf0\xf1\xe3\xd0\xf2\xd1N\xb5\xd4\x02\xa2\xe4\xcdo_B\xaf}\x1f\r\xb3\x9cU{v\x15\xae\x07\x16GP\x14\xbaU\x863=\x11\xee\xd4J\xd5\xe4\x8d\xc4d\x8a\xa6\xc1\xa1\x02\xd6\xf9\xa0\xef\x9d]\xbe\x0b\xa0\xee\x17\x8fw\x87\xdeP\xbb\xbd\xbe\x00\xd1\n\x85\x12\x91\x82i\x16\xe2\xd1\x97\xffz\xb9\xde|\xdf\\i\xacmDq\xd6z0\xd2\x88\xfb\xcb\\xbz&amp;\xb7\xbe\xbd\xdeh\xace\xbf+\xdfND\xe2\x89\xc4\x04\x96\xa1\xa7r\x8f\xee=l\xe6\xda}\xef\xf7\xcb\xa3\x00\x9c\xe0\xe3\xe33\xc0\xea\xf5n4\x1e\xd6\xc7C\x13\x91\x02\x9cof\xee\xbe9\\\x00G\xf0\xb7\xcd\xf5\xcd\xc6F4\xcc-\xdf\xff\xf0\xe33\xa0J\x8c\x8dgW\x1a\xdb?\xbf\x07\xf3\xfe\xe8\xf0\xd5sx\x16\x86\xf0-1\x80\xf5\xf0\xbc\xe8\xf4=\xc0\xfa!\x00\xac\xc5\xee\x96\xd7\x1f\x0e\xed\xea\xf7\x8f\xeaX\x88\x8a\x14\xe4\x02q\xf7\xf9\xda\xe6\xcf\xab\x9b\xab\xd7\x0f\x0f?\x1e6\xb2\x13\x11\xce\x1fD@EN`\xb7\xb3\x8d\xc3\x7f\xfe\xfa\xef\xbf__]\xdd|\xbf\x92\xfd.JQ\xb8\x92\xcf\x00\xd6\xa3\xa2\xaek\xaa\xf7\xcb\xf9\xd1\x9fObl\xb6\xb55\xec\xf7\xec^\xed\xe6y\x1d3\x12\xac%\xb3\xf8L\xfd\xfc\xd5\x7f\x16\x0e\x17\xaeo\xaf\xfc\xb6r\x9eMX\x1cg\x81\x9f\x90\x05E\xc1\xa3\xd9\xe6\xca\xa7_?\xae\xfe\xe5\xa7\xcd\xedW\x0f\x9b\xd9\xc9\x10\xa2\xd2\xd2\x12\x93}\xd4\x8c\xe2\xda\xfe\xbewv\xfe)\x80\xda\x9a=\xd9\xd5&lt;{\xdff\xe3+9\x1e\x91\x1cx\x07h\xc7\xb5\xf5\x9f\x0eW\xef\xdd{\xb8y\xd8lf1\x99\x138\x8e{-\x90\x8aD\xcd\xe4\x9a\x8d\xedmH\xe2\xea\xc2\xe1\xf6\xfbf\xdd5(RP\x96\x98\xe7\xe7Y\x1c\xf9X\x83\xcb\x9d\x00|\xf3\x9d\xd3\xe3&gt;\xfc\xda&gt;\x1b\xcfeyE\x90\x97\x97Y\x0e\x8f\xde~s\xf7\x15h\xf9\xcaZ\xbdQ\xcfN\ni\xdf\xf3\xa9JZ\xca\xe7\x8b\xf5\xfaZ\x0e\x06Ase}\xfb\xf9\xc6T\x06\xc3\x05APD:u\xeej\x9am[\xbd\xb3\xad?\x02\xc0\x8a=\xee\x1e\xab\xfb\xfbv7\x9c+\xea\x8a\nX\x1cA\x92\xe1d2y3Z\xdex\x9e\xab\xd7\x07yRQ\xd3\x8a\xaaH\x8a\xb4\x94\xf1\xb1\x8a\xf4\xd4\xd4\xd4\xf8_\xbf\x8aF\r\x03\xa5\xc1q \x91\x99j\xb8\x9a\x0e\\\xbd\xdd\xbd\x8b &lt;\xd7\xfc\xc1\xb1\xbd\xbf\xdf\xc3\xb5"-\xa6U\xdbfI\xf0[\xb6Umu\xba\xa8\xbc1\xd8\x1a\xb8H\x01,I\x93D\t\xb0\xa6\xb2k\xb9\x01\xbdd@\x19\xca,\x99\x06\xd3\xa5\x90`\xbc\x18\xba\xce\xe8g\xae\xa7\xf5\xfa\xbb\x9f\x83\xc0\xbas\xd1\x05\xaa\xae\x8dg\x19)\xfd\xda\x16z*\'\xcb\x96e\x9a,\xae\xbb)\xd7\xd1\x91\x92N\xab\x8a\xa7y\xe2\xd3\xa7"\x9f\xd9\xc8f\x8b\xb4\x13\r\xe1@\x0f\xf9K\xc3\xd3\xb4"e\xe8\\\x8a\x1f\xec9\xed\x9e\xd7&gt;\r\x02+v\xda\xadv\x8f{\xcf\x88TFJ\x0b\xb6m\xcb\xbe\x89\xafUM\x96\x8ab\n\x8e\xe3\xe0\x0b\xe1\xcd\x9e\x07X\xba(\xf2\xe5\xa9\x8d\x8d\x99r\x94\x8aGdY\x06O\xaf\xc2c\xa43t6\xab\xf0ggg0a\xdf\x06\xe2!\x9et\xe4~\x7f\xffY\x07\xe3%U\xb0!R\xb5Z\xadT\xabY,\x14M\x1a\xe2\xa1\xaa~\xae&lt;\xc9\x13\xc5\xa7\xa2\x98\xcf\xf3\xe5\xf1\x0c(\\8\xc2\xc9\x1c+\\5\x83\xce3\xa9\x14)\xb7\xb7\xb6\xda\xfd\xa3`\xac\xe0\xe2\x8e\xdd\xdf\xeb\xed\x9b7\x0c\xc0\x92\xe5N\xabR\x99+-[\x9c\x00T\n\x10\xa9\xaa@\xa6%\x08\x948\xe22D~r2o\xe0\xa4*\xb0,\x0b\xd1\x15@ $\xde\xa1\r\xdc\xea^\x02V2\x98\xaf\x10\xb3\']o\xefx\xbf\x161\x14\xf5\xb5eU\xc1\xafT*W\xc1"\xa1\xaeH\x88\x86\xe6\xe9\xbc(:\x8e(\xea\xfe_,|\x86\xcf#\x8d\x1c\xc5V^\xb6\x01_\xe2]\x17\'dt\xb9\xd5\xef\xef\x04\xe3P\xef|\xee\xf6\xda{v\xa5\x80\xe1$\'\xd7\xc0\xae\x00X\xad\xc3\x92\xb8\xa6!E\x85,Ba\x01\x10`\xf1\x80eH"\x0f{\x05\xcc\x19\xd5\x86\xd6\x90\x979A %\x91a\x08Y\x1b\\\xba^\xfb"\x98\xaf\x10\xb1\xb7\xdd\xde\xb0\xbd[*\x8c\x190\x93K\xa5J\xe5`\xaed\xb2\x84\x1f-\x85\xb4m5\xadi\x1e\xcc`\x1d\xa8\x80\x0eA\xc2\x1c^\xd7\x91\xa6\xda0\x92\xace\x19\x84\x0e\xe5\xdd2K\x16\x07\x8e\xd7\x8e\x9e\x06\xb4\xfc,v\x86\xbd\xe33\xdc\xc4&amp;\x12\x825\xa2ju:P7\x84 \xe0\x82,\xf4y\x844\xff@\x8cx\xd7A\xca\x08\xcb\x0f\xa4\xdf\x1f\x16\x0cL\x81D\xfaT\x99p.]Q\xdc\x8b\x07\xb5\xfc\xcc\xee\x1c\xf5z}\xdc\x1a\x1b#\x00\x0br\xd8j\x99\xa6\xd9)p\x04\x01\x9d\x88hW\x84B"I\x1c\xe9\xbc[,:\xba\xe3\xb8\xbc\xa4i &amp;\xb0\xe4\xca~;\x92F\x86\xc9p\xc5\x81\xe89{\x01\x95\xd6\xb5\xd8\x9d\x93.X\x08\xd2\xc20\x82\xb5js\xfei\x95jUP\xae\x08\x8e\xa32]FP\xcd2\x0ckJ\xcf\xa4R.T\xb7\x0b\xd1\x12|\xd5\x05*hY\x02\xb0\xe8\x0c\xe9xj\x9fv/\x82Z\xf7c\x9f\xe3]\xf0\x10\x1c\x86Q\x82\x0c\x9b\x03\x1c_#jf$B\xe1d\x18\x0f\x13D\xedE\t\xe4\x0cG(\xaf\xeb&lt;\x9d\xa2\x1d\x84\xb3\xbe\xecB\xc9C\xb4\x08*\xcf\xa420\xa2\xd4\xb6\xab\x07UZ\xd7bO&gt;\x1d\xf9\xd6&amp;:\x19"\x00\xab4Z\xf2+\xb0&gt;\x10ax;\xac\x13\x9dH\xb52W\xabr\x14\x02\xd1\'5\xba\x98r\r\xd2\xef\x8eR\xd5\xea\x00\x15\x89&amp;\x99\x14\x03\xfa\xa2j\xbb\xdd\xe0\xf6\xea\xc5wG=\xf0\x10\xd4x\x08\xe7L\x08\x97\xff\xe9\x01\xea\xde\x144\xe87\x97\xa6\xc8p\xc4\x84\x9c\xe2\x06\x86\x95\x8b\xae^\x84\x99(\tr\r\x16\x9f\xaa\xe9c\xe1\x88g\x8aL^J\xab^\xb9\x13\xe0_Q\x7f\x84{ \xd7\xf88F\x11\x85\xea\x15\xd7\xc1A\xcb\xc4\x1d^B\xf4\x00\xba.LD"a\x84\xd1\xa9T\xbd\xe8\xd0\xb4#*\xac\t{\xe2\\\rZ\x83%\x15=C\x17\x19$\xfe\xc3\xebO\x9f\x04\xf7%\t\x8a\x0b\xa6\x08\xcb\x8fc\xa1\xf0\x15\x96\x7f \x89\xba\xaeh\xba\x8bH\x96\xa4\x12\xbe\xb7\xd2yg@;\xa0\xf6R\x9a\xad\x82\x94@\xb8:\x10,\x83g\xe8b\x11\x89\xfd\xdf\xf9d\x90\xd7\x7f\x16OZ\x1d3\xf9\xf5\xad\xc9\xb1D\xc4\xbc\xc2\x82\xba\xaf\x82\x9f"I\xcdC\x9a\xc0\x92\xc6d^G\x88wi\xd0,\x90xa4\x0e*%X\x1cq\x94\x1fa\x955O\x8b_\x04zqd\xfe\xc9\xe9\xe9\xe9\xdb\x9d[c\xb0\x91\x8d\xb8*\x80e\xb1\x04H\xbd\x06"/\x80\xe5C#\xe1\xfa\x9f\xc0\x83\xe7\xf7\xb1JU\xd9\x0f\x96\xc1g\xe8oNv\x0e\x0eN\xde\x06}\x9d%\x16\x8b\xcd~\xfe-:A\x14\n\xe6H#\xfc\x01\x04M\x06P\x1aIp\xbe\x10@\x07\xfc\x1f\x8b\x05\xffS\x02\r\xf1\x0b\xde\xc8/efv\xe6g\xe7\xe7\xbf\xcc\xd5\xf0\xc7\x9f\xa2T\x18\xb6j\x1f\x0b\xde\xd9\xe9@\x86 D\x08\xd7@\xceA4)\xe4c\x89\x12`A\x12k\xd5Qe%\x10`1//\xbe\xd8\x8d\xc5\xd8\xfc\xbb\xb1D"&gt;\xca"PA\xf3\xfb\xbd\x8ft\x03\xe1\x9c\xec\xcfH\xbf\xb6\x1df\t\xf66\x92\xe5,\xd0\x8cj\xc1\xff$aLf\x98\xdb\xa7_\xee\x82\xe7\xec\xce\xf4\x04\xb8\xceB\xb5\xd4\x02w\n3\x98\rS\x06\x96\x87\xfe\xe4X\x16&amp;\xb2\x02b\x9e\xa23\x19\x1dD\x95\x95!\xdb\x16\x17\x0e\x19F&gt;\xc30_=\xfebT\xd7\xee\x9cD\'("\x9e4[\xa0\x93\x85\x02\xc7\x11\x89\x106\x89a\x06N\xe0$\x94\x99\x02\xa3\x0f\x0e\x83Q\t\x9c \x08V\x96\xd9\xc4D\xc8\xc7r\xdf}\xc9\xcb\xe0\x9f\xbf\r\xe1D8\ti\xac\x16"\x85B$L\x8daX\x14\xe1\xbe?E\xba\x92F\xd0r\xf4\xc6\x0c8 \x98\x938\xf1_^\xce7\xa6\x89&lt;\x0f\xe3\xb7\xb5\xb7B\x9b\x996\xd0\xb1\xd7ikG\xe8\xb4\xb4\xdd\xd8\xdee\xb2\xe6.5\xdbF\xd2)\xd9\x18I\xda^\xc2`\x96\x8b\t\xa4\xe1.!\xfb\x02\x0c/\xbaA\x13\x13\x94\x04\xefE\x17\x89\x7f\xc1rA\x05\x14\x853\xc1\xe0\x1f\xe4\x90\x88\t\x1b@]\xbd[\x96\xf8\xf7\xce\xd33\x1bE\x93u\xc1\xdc\xf3\x9d\xe2\xdd\xab\xfb\xb3\xbb\x8e\xdf\xd0\x01I\x94\x8f\xcf\xf7\xf9&gt;\xbf\xdf\xaft\xfa\xf3_\xfc2`\xe3\xd7\xff\xaa\xc9\x1b}\xad\xe5+\xc1\xaf\xdcw\xaf!,z2\xa9\x14%\x04x\x1bVja\xcd\xb95\x1f\xaf\xc7~\x14\xa6\xc7\xfaS\xe7\xe6\x9d\x82PZ\xbc\x06v#\xb5\x80\xc5\xbe\xd2\x90\xea\'\x9f&gt;\x12\x8b\xd1\xc4\xf2O\xfe\xf0kl\x1f\x8a\x05\xa7\xcf\xef\xbb/\x8auuu\x9b?.z\xf0\xa7\x83c\x9f\xd5\xd5\x89n\x8b\xc5\xc2\x07\x02\x18\xd2\xe2ba\x05+\xf2DC\xaa\xb2\x8a\xd7\x89\x80@XP\xab\xdc\'\xf0\xa2;"_\xce\xe5.\x8f]\xbe\x8c\x07\xae\xffx\xfc\xb8*\'\xbb\\&amp;\xea"\xc2\xd6f\xe3\xdd[\x9b\x9a\xbc\xc66-\xd5\xda\xf4d\x92\x17J\xcb\x89\xab\xbc\xdc\xef\x17\xab\xaa\x9b\x9b\x87\x1f\x0f\xa3\xd4\xcb\xf0w\xcd\xc3\xc3\xf4lI5\x1b\xa0.\n6`Q\x98\xba\x1ei\xfbb\xfe\x96\x9bF[q9\x15\xa9%U7\xef\x1b\x86P\x97qZ\x1e\xfe\x8e\xe0\xa0\xd8\xe3\xe6\xe6\xea\x9c)P\n\xac\xa2"pm\xd9\xd0\xe4Unj{W\x06\xbah\xa1gkJ\xcbi\x0e-uR]n\x0cu\x1056\xf6\xe0\xc1\xc1\xb1\xba\xb1\\6\xc7\xba\xf9\x00\r\x04\xb0\xd6\xbbM\x84uA\xdb\xfb~6}\x93p\x07|&gt;U/L\x9b\xad\xc8\xe6\xde|p\xa5T\xb8\x83u\xbb\xeb6\xbbq\xd4\xa7\r\x18\xd2\xc1-nhj\xf2(\xaf5\xbeS\xe4\xca\xa4\x9b\xc7\xf8\x11\x96\x8fL\x8d]\xf2}\xe1\xdc\xb9\xdf\x9c\xa3\xc2q\x16\x0b\xe0\x86\xad[\xd6\xdbl+ch\xda\xba\xe1\xb3?z\xe4W\xdab\x95\xb5\xcd\'\x19.\xe8+\x87b\xbe\xd2\xe2RA\x80\xb7\x05\x00\xda\xd6\xdb@Xd\xb3\xb8M&amp;\x13\x02\x82\xe7\x05\xa2r\xbbMl\xca\xeb\x92\xbf\xd1X\xad\x96\xf94c\tB*?\xc8\x04\x81w\x06P\x823\xc08D\x91\'\x0eQ\x14M\x8c\x1b\\\xf8&gt;Z(J\x91\x9477\xf2\xa4Lk,9"\xea\xfc&gt;\x7f\x10\xad\xf4\xf3L\xc0\xe9\x0c\x10\x9b\xc5m\xb3\xd8\xa8i&amp;\xb7(\x99\x80\x85h\xe0,\x0c#E"\xac\'7pEk\xacGQV\xd2\x07\xfdN\xa7\x1fjq\xa0r:9\xe8E\te\x03\x1d\xc3@-\xe4&lt;a\x11\xa4\x83e]1\xa5\xa3M[*,?iV2\xe8\x82A\xce\t4\xf5\x81"\x83\x05@f\x03\x8f\xdb$Z\xf8\x15,\xd1\xc1F]1\x8f&lt;\xa0=V\xc4\x01.\xbd\x93\xe3T\xa18\xa7\xe0\x87\xe7i\xdd&amp;\xaf\x81\r6\xa7E\x91\xe7x\xde-\x81J\x89y\\\xdac\xdd\x8c\x98\xa4t\xba\x81\x0b\x11\x11a\xa1\x99&gt;\xfaE\x10\x91\x15\x13\x18o\xb1\xc0[\xaan\x11\xd6\xa5(.\xaf\xf6X57#nK$\x9d4\x00\xcb\xef\x13H1\xbf\xaf\x14j}\x92\xa7\x12\x8a\x02\xaa^\x94\r\x98BV\x89ES\xdac\x95\x11\x96;\x94$\xae\x10\xb65d}\xc1\xef\xcfc\xf9(\\a0\x00\xa1\x8f\xc8\x06\tb\xb9\xd8T\xca\x95\xd6^\xad\xa8i\x0b\xdf\x00\xae\xb0\x81S\r\x8fK\xde[\xa5\x94\xeb\xe4z`\x89$\x15Z\x18sE\x81\xa5h\x8fu!*m\xe1\x9d\x864\xe9\xa5\xa3y\xa4\xc2b\x042\x9f@\\\xa0R\x99"dw\x17\xcb:\x1c^EsoU\\\x88:\x18\x9e\xe3\x0c\xe4/\xbd\x8e\xe3tA\xa2\xf2\xa9X\xbeb\x9f\xb0\x12\xed,\x9b\xa7r8p\x1aSF4\x8e\xd3\xb2\x15,DC\x18\\\x00#,?\xed)|j\xf9\x9d\\HT\xc5r\xa9T\x08T\xc2\xd2z\xf1\xa9\xb8 ;,\x84\xe5\xe4\x92\xe9\x88d\xe4\x88\n\x8fr\xba\xaaP\xbcQD\\E\xe5\x9c\x12\x05\x14ayr\xf2;\xc0bM\x0cG#H\\I#\x02?H\x92\xe1\x1a\xf4\xeb\x8c\x92\x94\x90"\xe9\xb4\xac\x80*bb\x18\xac&gt;^ON\xd1z\x07\xb1\x82\xe5\x14l\x1c\xaf\x0f\xc3\xf8F\xa3\xdeh4N\xce\xcf\xcfON\x1a\x13\x1d\xc9$\x864\r\xa9d\xac\x9d"\xb0X`)C\xaf\xde\x01\x96\x831p\x1c\x07\xdf\x1b\x89+1\x99HttL\xa2\xf0iD\x1e!\xa9\x149\xcd\x82JD\x0f\t+\xa6\xfc\xfd]`\x99\x0c\x9c\x13X:\x9d1\x9cL\x8f\x0ctt\x0c&lt;\x9c\x19y\xf8pdfF\x9e\x19\xca\x0e\x11U:\r\xb5`,\xec R\x9emU\x1a\x1f10\x892\x9cl\x08\xa9\x1b\x07\x9d&gt;\x01\xa5Ff\x86P3C\xa3\xa8\xae\xd1\xd1!Y\x91#\x91t$\xe2\x90@\x05\xae\x94\'V5S\xa9\xed}\xdf\x157\x95h\nX4\x8b\xe4\xf5Dx\xd2\xd81B/\x9a\x9a\x9b\x9b\xeb\xea\xcaB\xa7$\xf9\x8b\x8d8h\x0e\t\x0bM\xac\xea\xfa\xf2\x96\x96\xb7\xe4b\xf1Q\xbc)\x13CX\x94\x0czc"a4\xd2\x07\x8c\x95T+\x8c\x07\xd24"I&amp;\x91\x9a\x88\r\xd7\xb6m\xd5;~7\xd1\xd3\xa6]J|\xfaHI\xa5\x1c\x8c\x05;\x1a\x84\x82?\x08\x1e\x80\xe9\xf5\x94\x13NNo\x08\x87\xc3R2\xdfC\xda\xd5\x93X\xaeX\x0cX\xc7v.&gt;o\xd1H\xb0\xb2\x9a{3jv\xd3\xfa\x13D\x8a\x06u*\x17\xc0\x82j\x94\x19\x0c\x06\xa8\x85\x8c\x87Xn\x93\xc3Db\xa9X\xcd;\xba\x97\x96_\xf6\xb7Thq\xa3|\xcb\xbaCs\xd9(\xb0\xc4\x90\xcaEQJ\xb1\x85\xd2\x93ZF\x88\x95LJX{\x90\x0e\x0cy\xeb\xdfX\xc7\x96z\x8f\xbe\xac\xbdw\xa2\xe5m\x0fe\xc5\x89\xd9\xd6\x9d]\xc0b\x1d\xa2\xc1B\\:\x94\xfe\r\x97.\x14B\x0f%\t\x0f\xc2\xc2\xb1\xcc\x8dx\xf0\x12\x16=\x85rli\xfb\xed\x17\xbf\xef\xdcs\xe9\xe2\xda\xb7\xf9f$e5\xfd\xcf\x17\xf7\x1f\xebR\x80\x15\x11\r!\xd8\x8b\xa0\xe0+\x95+\x9c \xa9P\x06\x90\xa9b1\x16SJU\x0b\x9e\xafjn\xde\xb1\xb4\xfds`\x1d\x1e\xef&gt;~\xf6\xed\xbd\x17\xc9\xa6\xb6\xf6\x97/\x96\xbe\xdcU\x1d\x93\xa3\xf8\xa9\x0c\xed\x9a\x11\xaa\x9c^-$\x98*\x14\x01\xc2]\x11\x89\tY\x18\x0b\x03\xb5\xa2^\x15\xab\x9a\xd4\x02\xd6\xba\xce\xce\xb3\xa7\xcc\x8d\x13\xa7\xfb\xdf\x86d\x15-\xfdw\x9e\xbf\xe8]:\xb6\xaf:\x16e\t\x8b!,\xb2\x16A\xa1`}\x83\xa1!\x94\xc7\x92\xe0=\x0b\xad\xd3\x0e\x15+\xf7\x06\xeb\xc6\xb5xg\xe7\xd3S\x85V{\xfd\xf1\xe9\xbe+?\xcee\x9bjNT\xf6\x9d\xfc\xe2F\xef\xed\xc5]\xd5U\x1e/\xebX\xc1B\xa0\x06\xd5\x1e\xeau\xaa\xf3\x1b\x1aH-\xe8&amp;\xa2\xc3\x16p\xe5\xbd\xe5B\x9eV\xef;\xb6\xf4\xc1\xf6\x97\xd7z\xe2\x9d\xb3\xa7\xecf\xab\xddn\xb6\xb7\x9e\xbe\xf2#\x14\xab\xe9\xbf8=\xbbg\xe1\xeb\x1b\x83\x1b\x17\xe7\xaa\xaab\xae\x15\xacPhe\x16uz\xd5\xf9T\xaa\xd3\x90\x12!\x0e\'2j"YK\xcd\xd3}\x87\x16\x7f{\xf4\xf9\xde\xf8\xe1\xc3\x84\xb5\xba\xc4n-4\x7f\xd4}\xfa\x87\xbeODYK\xdf\xce\xc6\xbb\x87\xe3\x0bw\x8e\x0cN-\xcfUgqjpHa\x06\xe6",l\xb5tj\xe9\xf3WU7\xf2\x1dOG2:\xbez\xa0Vv[\xd5\xae\xee\xe5\xcf\x8f\x9e\xdf\xbb7s\x18M\\\xb5zu\x89\xb9pU\xc1\xea\xf7Z\x7f\xd0{~\x94\xd5\x9c\xb8\xd5ho\x9c\xedi_\xc8&lt;\xfbpjy\xba+\xab\xc8\xec\x86\xadRX\xa4.\xae \xa9\x92\xe9V\x081\x04\xd4_\xc8E)\x9f\xc2\xd6\xd9\xe5Q\xb2Us\x8bd\xad3\xeb2\x87\xef\x9eZ]P`\xb6Z\xc1UXh~\xef\xf8\xd93\xdfs.\xcb*\xda\xfaZ\xeb\xed\xf6\xfd\xe3\x99\xf6\xda\xcc\xf9\xdbS\xbd\x8b\xa3Ye$\xb2\xa1\xc9\x04\xb9By\x89\x82y."\x9bW\xff\x00,\xf4\x90\xe3C\x8cik\x93\xd7\xa5\xc8\xd8\xd5\x0fUM/\x0f\xde\xbe\xdaS\xb9.\xb3g\xa2\xb1\xd0j6[q)\x04\x98\xd9\\\xd8x\xab\xf2{,Kpz\xdfD\xa3\xddj\xb5\xee\x9c\xcddj\xe3\xd7\x8eLm\\\x9e\xce\xee\x1e\x89\xa6\xb0XSB\xe88"z#XP\xfd\x1a\xd6\x87\xeb@\xc5\x01\xcb\x91\x8a\xbad\xd9%+\xd9\xd1\xc5\xed\x1f\xdc\xf8\xba\'^\x19?\xd9\xbd\x1f\xff\xa6\x1dd \xa2\xb2\x96\xec\x9c\x1d\xef\xfb?\xef\xb8\xaei[{\xb1\xb5\x1eLV\xb3\xb5\xf1i\x06r\xf5\\\xdd85\xb8\x98\x1d\xdb\x1d\xa5\xfdp\x981\xe4\x93!\x9f\xa9\xd0I\x9f\xff\xd2H\\\xf4\xc4H\x88v\xccQPy&lt;\xb1\xec\xf5\xe5\x0f\xb7_\xcd\xf4d\xd6V\xee\x19\x9f\xbd\xde]_X\xf2~A\xc1\xcf\n\xde_U\x88\x1fP\xdf=;\xddz\xe9\x7f)VQ\xd3v\xaf\xefVkc\xbd\xfa\xbf\x02\xd6\xa9\xbb\xc0\x8a\xc7\xbf8r\xe0\xc0\x8b[\xb2\x17[OI\xc2\xa9\x1a0\\~\x04)"\xd4)lh0\xa8\x15R\xa9\x1cD\xa5\x00K\x19\xfdvp\xf0\xc6\xb5\x85\xf6\xf6u\x0b\xe3\'3\xf13\xe3g\x1b\xcdt\x13\xdf\xfb\x05\x85\x08\x0bk\xfd\xa1K\x13\xc7/\xf6\xff\xb7[\xe7+\xda\xfer\xb6\xfb8\x90\x08\xcaL.\xc0\xdf\xea\xcc\xec\xdd\x1b\xcf&lt;\x1b\x9c\xea\xfdv\x86v\xc4\xb4\xb9\n\xabyE\xc3\xa7\x12\xa9k\x10Q\x85\t\xcbb1\x00+JX\x9e?\xbbf\xae\xbf\x18\xec=\xbf\xb0\xd0\xd3\xbe\xb7\xf3\xd0\xdf:k\xe3\xf1\xda\xf1\x89F\xd8\xab\xe4\xa7\x90\xab\xbe~U}\xf7\xc5\xaf\xbe\xea;\xf3\x9f~g\x8c\x85\xefR\xebG\xe8]\x89\xddn/)\x81+AUb\xdd?\x1b\xafmo\xaf\xbd\xf3\xd7\xdb\x07\xc0\x95\x1e\x18p8\x80\x950r\xea\xe0\xe9\xfe\x95X\xd4?\x12\x8bD\xcbg|Z\x8ez\\3w_\xf4\xf6&gt;\xbb\xd3\xbe\xb06\xde\xf3t\xff\xc4\x9e\xca\x7f\xb6q&gt;\xa1\xa9\xe3[\x1c\xef\xc5\xfbnM\xff\x8d\x85\x81.\x1c\x84\xc8-o\x13x]\x0c!\x0b\x03\x1df\xf1\xb2\x14n\xf7o\x15\x18\xe2\xa2\xccB\\\t\x83+\xc9\xa2\xc9\xc6\x12R\x8c(\x01\xe987Z\x17\x85\x07/T\x90RT\xa8\xdc\xa2Pik\xd1\x01u\xe5\xa2\xbdS\xe9\xe21\xef{\x92\xdb\xce&lt;\xde\xfbA\xa9\xb6\xd1|~\xdfs\xbe\xe7\x9c_\x0b\xb2\xf6\xe8\xb1\xd5z\xfelV\xc3o\x82\x80C\xa6m\x99\x19e-s\xfb\x7f\xc1\xbe\xff\xb9r\xba\x16\xdd\x02\x16\xa8\xa0\x16\xc3D\xe9\xa1\x92\xbc4\x80u\x7f0,\x88\xed\xf2\xf8\xd3\xc7\xbdo0\x1a#\x8a&gt;\x8b\xdf\xab\xf7\xe9;LH\\\xebX{_\xed\xa2\xf3|G&gt;\xbc~.\x0f\n#\x9b\xb0\xf4|\xd5T\r)=\x9a\x96\x06\x85\x87\xd6S/\x19\xf5S%\x1c\n\x84 \\\xfe\x7fM\xf9\xfdO\xf5\xcb\xfc\xf8:\x99\xc9f\xaa\x04\x05\x9d\x96\x83$[8\x99\xafD\x0e\x0e\xe0\xc6n\xa1}\xf4\xdbx\xb2\x0b\xb1\xf6\xb6\xdf\xef\xa0\xdd\xf8\r\x07P\xfb/\x15\x1eP+h&lt;{\xfe\x1f"~\xf8\xee\xef\x9f\x9e\xcb|\xa1\x8b}E"\xf2\xdc\xdcR\x9aF:m\xb7R\x1c\x07\xd8\xe9\xd3sF\xa1\x900\xa1 \\\t{\x9d\xc6\xff\xfb\xa3\x8b\xfe\xf1\xebir+\xd4\xbb\xea\x8dgW\xe4A(\x1bD5V\xc2\xe6x\xee\xc4e\xd4\x88H\xe4\xc0\xa5\xb4_L\xbe\xfd\x81\xb0\xde\x7f\xbd\xff\xba(\xa1\xbc&gt;\xedk\xb5\xbe\x8e\xf1fcw\xf7\xe3\xc6\x06%\x16\xa8"\x12\xf6\xe5d\x91\xaeg\x9a\xa5in9\x91J\x88\xc2`\xf0\xd4z\xfc\\e\xa2o\x96\x97Q1\x96\x99\xe5P5\x7f\xf2\xa7\xcfJ\xf9\xb1^&lt;.^\x16\xc7c3\x9c\x99y.\xa4\x0c\xab&amp;??v\xbb# I\x126+\xd9n\x81\x17\xcb\x8b\x06\x9d%b+_\xef\xec\xbcx\x8f\xb0vv\xbe`}\x85\xc9t\xfb\x1bP\xed\xeem\xfc\x13\x89U\xe8\x1e\xc8\xb2\x9c\x96\xd5|\x15\x92\xf4T\xfb@\x1a\x96\x13\x1c\x97\x10\xf8T\xb9\xdco=\x8e=\xdfGa\xcdw\xef\x96\xc3J\xf1\x8f\x82\xfe\xcbu6sy}\x0c\x07F\xf3E\xe4\x13yP\xc9.\xdcV\xbf\xff\x0c.\xd6P#\xd8\xb0&amp;\xa3L\xd4\xca\x8b\xc9\xe1\x04\xf3ql\x87r\xdcW\x07\\\xab&gt;\xde:Z\xc0:\r\xcc\xdf\x1e\x1en\xfc\xf5\xf4\xb7\xf2SG\xd24Y\x92\xd91\xdc\xc70Y\xc7\xb2\xa5a_\xe0R%\x8e\xe7\x05\x8eK\xf5\xa7\xad\xd6c/\x9b\\\x0bo\x05\xdfm2\xe1\xd0\xabV\xbf\\"\x9d\x92g\xe7[J5\x93\x85\xa4\xd1h2\xdb{t[\x85r\x8e{\x1a\x8ePjz\x8e$kr$=|(\x0c\xfa\x8b\xc6\xedE,\xb6\x1fC\x85\xf2\xd4\xf1\xb9 \xe0\n\xe5|l\xfd=\x9dz\xb6?\x1c~\xfc\xd7s\x1f\x1e\x8c\xb0\xb2,\x193\x93\xa8\x98\xe3\xa6nH\xc3\xa9 p\xa5\x94 \x8a\xb9D\xc2#s]\xf7\x11\xe6\\\x8bF\x03/X?V\x8aJ2[&lt;\x9d\x9dg2Y\xf3Mp\xcd&lt;\x9f_\xb9\xadi\xa1\xc6\xb7\xc5\\kt\xc0\xb2W\xd9\x9ee\xa7e2y\xf7\xa1\xd0_\xcco/Vc+\xfboQ7\xbd\xa0\x91X\x98\x99\xf7\xdf\xee\xec\xaf\xc4\xb6W\xb6\xb71\r\x1eN\xae\x9f\xfb-\xeb^b\xa1\xb4\x8a\xf4\x08\xa0;\x07\xc3s\xddbG\xad\x1a\x9f(\x95\xb8\x1c\xcf\xe7\x12).\x95J\x95\x07p\xc0\xc3\xe3\xbc\x97QB_\xfe\xc1t\xdb\xcb\x9e\xf7\xf2\x19S1\x8f\x93o\xc2\xd5\xfc\xa2\xebB\x93\xdc\xd1\x116\x93\x1bt\xb5\x03\xd6\x98+\xe6\xd8`\xd3\xd8\xb5to\xbb\x0fO\x8b\xf9\xc9\x1dF\xbe}d\x94\x1fDJx\x88\x85R\xff\x01\xb5c\xe5C\xec\x10T\xbd\xa7!\x86\x99\xfb\xc8\x01{s\x99T\x02\x0cqm\xf5t5&gt;r\x07b.U\x82^\x08#\xa0`LA\xe0\xb9R\xbf\r\xe9\xd0X\x00\x00\x03]IDATk;\x8ds\xcf\x82?_W\xf3Y\xb3\x8ar\x8e\x99\x11\xf9\xd4r\xa7\xfd\x81\xc0\xb7\xdbm\x92\x98\x1b\x0c\xd9\xb4a\x8dC\x8ayZ\x97\xa9N`\xeb\xa3\xe1\xd5\xbcqqww\x01u \x0f\x12\x7f\xff\xed\xcb\xf2OB\xab\x17\x87\x93\xd3Y\xd3fQZ\xeee\xe9*\x9f\x0c\x85\x02\x9b\x01\xacP\xc6Q\xebvw \x8a\x89\xd4\xbfK\x9c@z\xd1\xe2\x129\x81+\xbb\x96mX4\xe7\xdd\x141\xbc0\nCu3\xb3\xd0\x87n\xbf\xcc\t9\x11Tm\xba^(\x0c\xd3iC\xcf\xa2\xe4\x1f\x9f\x1a\x9a\x84\xad\xdb\x11\x19}\xa4\xd9\x98\\\\\\\xa0\xce\xfb%\xc2\x1b\xea_\xb9b\x87\x93O\xd7M\xdb\x8a\xc3\xc2,[?\xcbT10lB\xadM&amp;Tm:u\x0b\xa5\xd9\x97\x8b\xe7\xe9\x01\\\t\xc5\x04\xa1\xec\xea\xbac-\xfd\xf4k\xa3\x18B\xb6+\x8ay\xbext\x91O\x03\x0e\xbfF\xfc\x8e\x8e\xb0\x0b.\x97\xabMG\x16\xceQx\xdb\xe0_\x92=\x87\x95X\xb44\t\x92E\xea\x95\xdb\x8b\xbb\xbf\xd1\xf9p\xc7+\xab\xaf\xd3i\x0c\xb9&gt;\x99\x9c\xd4Y\xaa*\x11I\xbb\xa2|A\xb1\xc4\x80\x85(\x86\x94\x99\xa3Z\xc3\xe9\x11\xdf\x16J\xa5\x92\x80\x1b\x91\x1f\xa1@\x8e\x17\xfa]\x07k\xe9\xec4\x83\xf6RM\xe6\xe7\x8e6*\x1c!\x95r\x10Sl\x13\x95\x00\x8b\xe4x\xc2R\xf5Y\x18X\x9b\xa8\xf7\rtZ\xd9\xbf]\x84\x8d\xd7\x7f\xbf\xbb[\xc5\xa8\xba\xbe\x0e\x13\xae\xeex\xa7YP\xdd\x9dTTM\x03\x16\xcb\xb2\xb2:\xcb&amp;\x19\x7f\x05|\xae^S\xef\x0c\xa75\xb1\x8dd\xa2(\xe2^H{\x04F\x10\n]Kw\x9aK\x10\n\xe3g\xef\xca`Y\xbbS&gt;\xa2\\J\xf0b\x1b\xaf\xc0\xa5\x84%\xd6\x1e:\xba\xea\x14ijC\xbb\xaf\x9a\xbd\x86Jq\x89\xf8`\x08\xd0\xcdM\xa5R9\xf9\xb2*\x95\x9b\x9b\xdfo\xeaq)N\x97\xc0\x82F\xe3\xdcT\xb6\x98\x10\xc3\xbc\xa21y`u\x1e\x08\xab\x96\xf2\xb9\xe8\xbe\x9c\x87\xd5\xb1\xc0\xb5\x84.\x83)l\xe6`\xfb\xc0\xa2\xb0\t\xbc\x08\xa9D\x9e\xc4Jq\xa2Xk\xe1:\xa7\xeaE\x00ha%s\xde0\xd8\x08KL\x08\x90f\x831\xfe\xba\xeaq\xcc\x07\x98B\xf1\xa3\xc8=,\xc8:E:\x80\x85\xc8\x82&gt;\x15\xde%\xdb\xd4\xf5\x8e[\xe3E\xbe\x06\xb9R\x9c\x97^\x1cy1\xe1a\xe9P+3\x9b\x17M\xc7\x88\xc7\xb5NY\xf0\xa8\xb0\x80%P\xba\x0bx\xa5\xeb\xe8\xceU\x18Zm2\x9b\x9e\xc1\xd7\x8e\xf3gM\x83\xd4\x80X\xf4\x15\xbf\xf7\x90\xf0\xa0\x8eg\xac\xa6E\xf0\x04\x13\x1a\xfd\xaei\xd2i\xc2\x17\xcb\x9b\xde\xb1\x92M\xc7\xc7\x12\x05\x81\xb2&gt;\xf1\xc2\xc5\t\x05\xdd\xb2Tg\xc9\x1c7\xf3\n,\xab\xb1q\xc3EYK\x80\x89.\xf2\xa8\x12(\xc2\xb5~Ww\xd4Y\x88\xb6\x19\xf0r#\xc0,\x87\x93\xd9\xfc\x99Aq\x8cC\x10\xca\xec8\xfb\xb24\x8d\xc4\xd3\x86\xc3\x8eF\xcc\x8e\xb9\x15\xf2\xd3\xfd%\x84L\xa0\xdaPu\xb5[\xa8\xd1m8\xbfxy\x0f\xb1\n\xbaj\xa9\xea\xd2\xd9%\xbag(\xab\xdaF\\m\xa5\x12\x14A\x91\xae\xc1E\xc0\xe2\xc5\x1c\xba\xbf\xae\xeb=\xc2\xf2\xc9\xa8Pc\x02Q2s\x82\x90,[\xa3\xf5J%i\xb6fX(\xc7\xd3\xa7\x0e\x9e\x1a&gt;V\xf0\xcfXLx\xa6\xeazw*\x90Z\x82\x17F\x14/\xcf\x8e\x84\xa5\xab\xea\x7f\x00\xd3q6S\xe9\xf6\n\x14\x00\x00\x00\x00IEND\xaeB`\x82'</t>
        </is>
      </c>
      <c r="M497" s="3" t="n">
        <v>45492.67601851852</v>
      </c>
    </row>
    <row r="498">
      <c r="A498" t="n">
        <v>1175760</v>
      </c>
      <c r="B498" t="n">
        <v>49202</v>
      </c>
      <c r="C498" t="inlineStr">
        <is>
          <t>Denilson</t>
        </is>
      </c>
      <c r="D498" t="inlineStr">
        <is>
          <t>Denilson</t>
        </is>
      </c>
      <c r="E498" t="inlineStr">
        <is>
          <t>VOL</t>
        </is>
      </c>
      <c r="F498" t="inlineStr">
        <is>
          <t>VOL</t>
        </is>
      </c>
      <c r="G498" t="inlineStr">
        <is>
          <t>VOL/MC</t>
        </is>
      </c>
      <c r="H498" t="n">
        <v>180</v>
      </c>
      <c r="I498" t="n">
        <v>27</v>
      </c>
      <c r="J498" s="2" t="n">
        <v>36972</v>
      </c>
      <c r="K498" t="inlineStr">
        <is>
          <t>Right</t>
        </is>
      </c>
      <c r="L498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ceab62ce-656c-4a5b-89e3-8951a85757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W\xc4\x0cv\x00\x00\x03\x00PLTE\xff\xff\xff\xfe\xf3N\xff\xf4I\xfe\xf0K\xfc\xea?\xfc\xebD\xfe\xed@\xfe\xfe\xfe\xfe\xeeD\xfe\xf0G$""\xff\xf2F*\'&amp;\'$$\xfd\xedI,**\xb7\x85N#\x91`\xd6\xa7x \x1f\x1f"\x8d]\xa0oF\xfd\xf5R$\x95c\xb4\x83R\xbd\x8cS\xc6\x99g\xbb\x8aP\xb5\x82K\x1f\x89Z\xbc\x8ea\x99nI\xaf|J\xff\xefB\xcc\x9dj\xb8\x88S\xff\xf7N\xd4\xa4t\xa8xJ\xcf\xa2t\xb4\x86X\xd8\xaa|\xff\xf1D\xb9\x86Z\xad}Q\xadzF\x1e\x83U\xa4rA\xf9\xe7B\xd0\xa0o\xc0\x8e^\xc0\x94b\x9frK\xc6\x94d\xaczL\xb0\x81U\xa4vI\xca\x99i\xcc\x9do\xa6tQ\xb1~Q\xb1\x7fH\xa9vD\xc1\x8fd\x1f\x1b\x19\xb2\x7fM\xc0\x90V\xa7qJ\x9cj&gt;\xc3\x92[\x1c{P\xfa\xfa\xfb\x96f=\x90dA1./\xaa}X5,(\xd1\xa6~\xb5\x85]\xba\x8a\\\xd7\xa9\x80\xa0n@\x94jJ\xfa\xefO\x96iC\xc5\x96^\xc3\x94i\x8db&lt;\x81Z8*"\x1d\xa2mQ\x9diJ\xda\xac\x82\x94cK\xfa\xf1V\xb7\x85U\xc9\x99b\xf4\xf4\xf5hG3\xbd\x8cX\x8bgI\xa7zS\xbb\x8e\\3("\xdb\xae\x88\xb6\x8b_\xdd\xb2\x90=.%\x82\\E\xa0wP\xad\x83Z\xf3\xedU\x99gF\xb3}Z\xb1\x87ayT&lt;#\x86Y]F4\xed\xec\xeeiQ?\xf7\xedK\x8c_E\xacvPD4)\xf2\xe8M\x9eyZ\x87eQN8+\x87]?\xb8\x90h\xfe\xf8T\xc0\xb4D\xeb\xe2L\xc6\x9ao\xe2\xd7N\x98pS\xd9\xd0S\xc1\xb7T91-\x19qH\x88\\7\xeb\xe8X\x90mR)\x9bgu[D\xe2\xe2\xe5H91\xdf\xdc\xdc{U2\xff\xf6ISB4\xcc\xbfH\x8eo]\xc7\x9fwsM5\xd3\xac\x85\xb6\xb8\xbd\xd3\xc7K\xadr[\xdb\xe4Y\'yS\xbb\x87e{jM\xc4\xcb\xca\xb3\xa8D\xf3\xf0_\xdc\xcf?\x8b\x87U\xb1\xa8W\xd2\xdbL\x9a\x90B[[b@?G3\x92]d\xa4\\\xcb\xc1^\xfb\xf7\\\xa5\x7f`\x8aN/\xe8\xdfW\xc7\x87tF\x8eN\xec\xe5e\xc6\xa3}\xa8\x9d?PND\xd3\xcchV9&amp;ga:\xcc\xa9\x86\xa5\x9cO\xc1\xcbH5mD\xd1\xd4\xda\xd2\xc4\xc1\xcb\xd9Y\xf3\xde9\xdf\xdbc\xe3\xb9\x9a9\x81R\x85\x85\x8f|z\x87\xbd\x99p53;\xe1\xe0K\xba|gonq\x97ta\x13\x15\x13\x91\xb6Ux\xa6J\x83zI\xd0\x91\x7fY\x8eH\xcb\xb2\xaa\x9c\x96]\x98Y4\x97{s\xa3\xc3a\xc6\xddaC\xa0hNOT\xdc\xd3\xd1\x9f\x8b\x82\xa8\xb8A\xb6\x8fvN\x9a[X`?\x17Z&lt;\xc1\xd6N\xa3\xa3\xad\x8e\x93\x9d\xaf\xc8X\x8b\x81:yp-\xbe\xd0a\x82\xaf^\xb8\xb1g\xe2\xde\x9b\xc0\xa7\x9f\xe3\xc0\xa2&lt;b@\x99TF\xb5\x9b\x93\x98\xb2\x86\xc2\xc9\x8a\x95\xb6\xade\x9c\x89\xdc\xdatdrO|\xb1w^R+\xe0\xe0\xc1\xf0\xee\xddy\x8f&gt;F\x86v\xc3\xc3U&lt;\x00\x00 \x00IDATx\xda\xcc\x98\xcfk"i\x1e\xc6\xe7VPTQ`\x11\x10\x0f\xba\xd8\x18\x15\xbdh\xcc\x0f\x7f\xb0\xda\xb8\x90iS\x1aW\xb2\x12\x8d\xc1\xb1\xdaL\x99\x98\x84\x8e\xa2\x92\x88\x1a\x0f"\xc8\x12\x8c\xbdH\xd400\xc91^\x9cK\x18B\x0e\xd9C\x93DH\xe74\xcc\x1er\xc8%9N\xff\t\xfb\xbc\xd5\xf3\x1fl*\xbd\xafX\x96\x85\xe4\xfd\xf0|\x9f\xef\xf3\xbeo\xbe\xfb\xee\x7f\x1e\x14E\x917\xf5\xf5\xf6\xcf\xbbo=\x08\xc6\xd5\xd3\xf1\xd5\xe11\xc6\xe9\xd5a\xea\xff\x81\x0b\x08\xa9\xab\xeb!\x17\x18&gt;\x8c\x03\x1c7\x1e\x0e\xcf\x9e\x8f\x0f\xe7\xbf)\x18\xd1%u|3\xe4y\xde\xc7\xf3,\x83+\xeb\xc3\xfb\xe1\xe9\xf0\x1bJ\x06\xa6\xc3\xd3\x9b1O\xd3\xe0\xa2\x19\x8e\xe5i\x96\xa1\xc9\xe0\xce\x8e\xaf\x8a\xf3\xd4\xb7\x81\x9a?\xbd\x1b\x8e\x03\x0c\x03\x16\x9e\xe6h\x16b\xe1B\xcb\xaf\xc0\xf8\xec\xa9\xf8\r\x04\x03\xd5\xd3\x90\xa6Y\x8e\x83\xa5\x18\x96\xa5I\rA%\xb3\x11\xdd\xe8\xf1\xdd\xf1\xc7\xd7V\x8c\xa2&gt;\xc2\xe84\xcd\x10\xb5PB\xdc\x91\xfa\x81\x87c\xe4o\x1c\xcb\xa0\x0f\xae\x8b\xaf\xe91\xe2\xf43\xcc\xcf\x13&amp;\xdf=\xb1:M\x078\x86\xa8\xc6\x04\x88x\x18L @s\xcf)\x12j\xafEU\xbc\x19\xb3\xb08\nG\xa3\x07\x81\x11\xe0y\x8e&amp;\xe5c\xc9\x13\x90\xd1\x04\x0ez\xdd=\x9f\xa6^\x07\x8b\x9a\xbf\xbach6\xc0a^H\x02\x1c&amp;\x00/\x91~\xe4\xe4z\xf2\x9c\xac\x16\xaaJ\x8c7\xbe\xb9z\x8dB\xc2\xeb\x0f\x98\x9eA\xcd0i\x00:\xc1\xf8\x0c\x8dORA\x86\x93;\x80\x05$\xc7\xc9\x0f|\xec]\x91z\x85\n\x1e\x0f13\xf17\xb1R\xa0\x85\x06D\xc9h\xc2\x80~di"\x15#\xff\x82\xe3x\x92f\xf7\xe3c\xc5;\x92\x9a/\xc2\xec\xc4G\xc8+\x00\xe1\xee\x1e\xce\xa7\xc93\xd8\x8d\x96qx\x1fl\x15 \xa2\x91&gt;\xf0\xf9\x1e\x8eS\n\xd7\x91*^\x8fY\xe2$\xd8\x86\xa5}\xa4\xe103\xa0\x88\xd9\xe5\xb21D$D,~@\x82\x02\x1f&gt;\xdf\xf8:\xa5t\x0f\x12\x1c\x92\xa2\x0c4\x82,\x01\xd8\x87\x96\x1dN\xaa\x88\xee\x04\x91\x9ce\x10\x8c!\xd0\xa0\xbb\xe7\xc7\xa7J\xcaE\xa5\xae\x01A\xa8X\xd2\xfe\x9c@\xe6\xe7YI\xc0\x90$F@\x19\xe1*\x12`P\x8e&amp;\x16\x0b\xb4\x10\xac\xb4\x8f\xbeQ\xd0^T\xea\x19\xe2\xb40-&amp;d\tK\x8b\x8bI\xb1\x98\x90-w\xbb\xddN\x0b\xdf[\x02\x11\x0b2A\'V`\x18A fc\xf8\xe1)\xa5`\x13\x8e\x91W-b\xee\x96 \tYA\xc8vj\xe5r\xb6\\\xc8\xa7\x0f\xda\x00\xc3\xa8ec\x12QOBq[BL"\xf1\xc5 Pn\x14KU\xaax\x07\x198\xa1Ed*wj\xdd\x0bQ\xdc\xdc\x14\xc5\x8b~\xa4R\x7f\x1c\xed\x96J\xedB\xad]\x92\xb2\xd9N\xb6\x9c\x05[\xa7#\xc5$\xd9b,=T*T\xa9\xf9\xe3\x00\x02=\xc0\x08\xad,\x04\x12\xf3\x9b\xbb\x91\xddf\xf3\xdd\xee\xf2R\xee\xf6\xf2\xf2\xbc^\xa9T\xd2\xbb\xcdM1\x9f\xef\x8by\xb1,\x00\xafF\x1cGVI\x86\xbeV\x0c\xeb\x06\xcd\xc61R\xac\\\xab\x89\xfb\x11\x9d{m\xcd\xbd\x93\xdb\xce\xadm\xf7\x06\x1b\x9f66./\x07\xb7\xf5Fn!\x97s\xc7\x1dK\xe2\x85X\xab\x95\xca\xe5\x16\x0cG\x9a\xf7L!\xd3S\x87\x0f\x08#F\x82R\xfd\xferd\xcbj2Y,\xdeF\x0fc\x90\xd9\xf8\xf2e\x03c\x10\x0c\x9e\xf7.\xcf\xa3\xde\xd0\xac;\xb2\x7fQ\x00Y-\xdbj\xb5\x02&lt;\xad\x90\xe9)\xea\t\x7f\\\x10\xca\xb5\xc2\xf2\xfe;\x9d{o6d\xb1{\x9d\xc6`pp\x19$X_&gt;md\x06\xc1\xcb \xc8\x1aQ\xaf\xd7\x1bZX\xfa\xd7\xf2\xb2x!c\xb1&lt;\xf3\xacH\x15\xa9\xd4\x1d\x12+\x96\xad\x89\xf9U\x87ckav\xc7b\xb1\xdb\x81\x15\x1ed\xa0\xd6\xa7O\x9f\xbe\xaa5\x18\x04\x8d\x8di\xaf\xd6\xab\xd5\x86\xd6\xdc\xeewbMBj`]8Sd\xc5F\r\xb1W\x88\x95\xc5\xfd\xb4cnr\xcf\xe3Q[,\xef\xed\xd3PK\x15\xce\x843\x1b\xf2\xc8\x0c\x06\x83p\xd0\xe8r5\xbc\xde\xc5E\x8biggM\xd7\xcf\xc6b&lt;\x96\xa6\xe1GE\xb0\xae\xc6\x08t\xa1\x96\x8f\xe8\x1cn\xbf\xdb\xe3I\xbe\xb7\xdb\xa75.pA\xa2D\x86\x80e\xc2a \x1am6\xa7\x13zY\x92\xeadhg\xef\x83(\t1\xac\x06\x01e\xccu\x8a\xcd\x1eS\x167#:\xbf\x7fn\xc6\xa3N&amp;QC\xa7\xc6e0\x983\x80\xc2+\x91H\x84\x13a\x95M\xafwNG\xa1V2i\x02\x96\x7f\xf5B\x12hlZ\x9f\x14\xe8E\xea\xbbS\x8ef\x84\xc2\xe6\xae\xce\xe1\xf7\xcfX=ju\xd2b\x9fvj\x82F\x9b*\x03\x1c\xf0\x98\x13a\xb3\xd9l\xd0;\x9d\xceh\xd4k_LZB;\x9e=\xbf\xa3\x1f#\xe6R$\xe8\xb1\xf2@\xacl&gt;\x9d\xd6\xf9\'\'g\xfe\xe2y\xabV\xab-\xd3N\xa7\xcbfs\xa9\x12\xc0\t\x9b\xc3\t\xb3J\xa52\xe8\xf5\x9a\xe9\xa8V\x0boY,\x10\xcb\xbf\xb5\x9fmA.\xfe\xac\xa8\xc8^\x99g\xa4Z:\xf2N7\xe7\xf7O\xcex\xde&amp;\x17\x17\xed\xd3?\xe8m\x06\x83M\x05*T\x10W\x82esj\xf4Q\xafv\xd1\x12\nY\x92P\xcb\xad\xaba\xc5\xe6}\x0fJ\xb4b\xea\x99f\xa4B$\x12Y\x82\\3\xd6\x1du\xf2\xc7i\x88\xa5\xb7\x81\xc3`P\xa1\x82\x84\xca\x00H\x17^N$\x97\xd6b1\xa9={\xa8\xa2\x88\x8c\xf0\xf9\x86\x87/\x9f\\T\xea\x86\xa7%\x11TK\x13\xa8"\xbce\xb1O9\xf5z\xbdQe0B/\x15\xa9 \xf0\xe4B\x1a\xf5\xce\xa8V\xc6\xb2\xce@-G?[\x06\x16w\xaa\x08\x96\x8f\xcd\xf6#\xba\xc8\x87\x89\xb99\x141d\xff\xc1i\xb3\xd9\x8c*\x95\xec\xa8\xaf\x05D\x84e2f\xb9\x90\xe8EK\xd2d\xf5c\xac\xf4\xcb\xadV\xcc\xc7\x1e+\x83\x15\xeb\x94":\xdd\x07\xc7\xdc\xc4\xa4G\xfd\xfe\x1fzP\xc9\xe1@t2\xab\x08\x17b\x0b\xdf\xcc*\x9b\xc1\xa6\xd1\x00K\r\xc7\x13\xb5\xca\xe5\xb2\xa2X\xe9\x88nE\xe7\x98\x9c|\xfb\xc6&gt;\xad\x87\x91`\xa9\x8dL&amp;l\xfe\xd3[\t\xd9\xf8\xc4\xf7\x06\x97\x13\xc9%c\xf9\xdd\xcb\x175`\xf1O\xcax\x8b\xad\xe5\xd3:\x0c\xf7\x8cU\xbd8\xa5!M\x08\x1a\x92\xa3\xd0*\x9cI\x10\xb5\xc2r5!\x9f\xcb\xa5\xf1.Z\xac\xf1\xb8\xdb\xed^\xc9c\xd3\xea\xe3\xaf\x15\xc8\xad\xd45\xcdt\xd3P+\xe2X\xb3\xce\x9a\xd6\x81\x05\xab\xa3\x05\x13\x08S3&gt;\x83a\xdc\x03\x0b\xd5\xc4\xd5\x88\xa8G\xd2\xcf\xba\xc1\xe5\x88\xaf\x8aY)F?+\xa1\xd65/\x95V\xd3H\x08\xc7\xc2\xac)\xa4\x8db9T\x19e\xbd\xc2r\x0f\xe2\xa2B\xd6\x87\x83\xf206\x1a\xbdFT\x1b\xb2b\xfd\x8c\xc7W\xfb\x04\xebF\x01\xac\xf9\'Z(\xa51\x9ak\xdb\xdb\xb9z=J6\x80\xc6 Vj\xa2\x90\xc1E\xb0`xyk3\xb8\xc4&amp;\xfa\xbcw[\xcf\xd5C{\x8ex|\xe5C\xbe,I\xb1\xb3\x97_}\xb0\xf8\xb0-\x82\x15i.lWF\xb9\xdc\xe3-F\x0f\x93\x03+\x9c\x00^\x98\xbc.\xcf{\xe7\x04\xe9\xfc\xfcq\xf4\xf9\xa8Z\xad\xfc\xbc\x10\x9f\x00\xd7\xeeEV\x88)\xb0\xe3\xa2\xa8\xd3@\xa7]\x8dD\x0e*\x07\xed\x12F\xbb}r\xd2&gt;9j\x8e\x1e{\x8d\xe0\x80\x94\x8e\xbc{\xf5\xd1Q\xf5\xe4\xe4\x04?\xf8\xb5\x83#Z\xa1:\x8a\xaf\xa0\x88\xabb\xb9,\xdd)\xb1\x85\xb8\x1a\x96\xdb\xd5\x83\x83f\xb5K\xb6\xc1\xad\x009\xbevJ\xedj\xa5^\xbf\xc4\x8e\xd4%[\xea\xb6R-uq\xac\xc0\xf9\x90\x91Z\xe4\xdcX\xad\xac\xac@-\xec\xea\x85g\x05\xd6D\xeap\x98%X\xd5Z6\x8b\x82\xf8\xee}&gt;_L\xea\x14\xda\xd5\xd1\xed\xb9\xecp#\x11\xabY*\xe0\x00\x9b\xedtK\x90\xf2\xe8\xa8Z\xaaU\xe3Pk\xbf/\xd6ZJ\xc4)U&lt;\x93J\xc0*\x14N\x9a8\x11V\x8eN\xda%\xb1P(\xb4\xd3\xa3z\xcf\xe8j\xdc\xea\xe1\x7f`\xa5\xdb\xed\xcd\xc8\xa8~{Nl\x7f[\xaf\x88\xf9\n\xb06\x81E\xfe?B\xbd8V\xeaL(T\x9b\xd5v\x05mx\xdbC\xbf\xa9\x8c\x8d\xfa\xf6\xd6\xd6\xd6\xb6\xb6\x81-\x96Fc4\xe2\x81\xc9\xb4\xae\x9d\xd24\x8ch\xc7\x819\xd8\x8b\xae\xe7"\x157\xb0\xc4B\xed\xac8\x9fJ\xbd\xb4V\xff\xfex-t\xab\xcd&amp;\xbaP;\xd5\xe8\xc9\xe7.\xed\xbaiQ=3\xa3\xd6j\x9c.l\x07\x8d\xae)\x93\xfa\xcd{\xf5\x1cNF\xd0\x0b\xf9\x81\xe4Z\xcf\x8d~\x8a\xaf\xe6\xc5B\xf7\xfa\xe3o\x97\x7f\xbch3R\x87\x8f\x95\xea\xafR\xb7Z\xa9lo#\xe1\xa3\xf5z\xaer\x80\xb4XZ\x9a\xb4NN\xce\xfe\xa8\xc1NBe\xd3,\xaa\xdf\xa8\xff\xfa}d\xf3\x02\xa7\xc9\x93\xcf\x95\xb5\x106\x83\xeb\xb9\x9f\xdc\xc0\xea\x8a\xa5\xcf!\xcf\xdf\x7f{\xc1n\xa4\xe6\xff\xf8}b\xffB\xeaT+\xa3\xed\x85\xd9\xd99\xc7n\xa9\x16\xf3\xc5\xb2\xa5\xf4\xd2\xf7\x13\x13\x13s\xb3S6l\xe25&amp;\xabU=\xf7\xb7\x0fG\xff)\xdf\xa3#\xbay\xdd\xd2\\2\xb9\xf8\xf3\x02\x16E\xb1\xd0\xffeo\xc7\xff\xfb\xe3K\xee\x9c\x8b\xa3_&amp;V\xfey\x01\xac\x85\x85\xff\xf2j&gt;\xafm\xa3i\x1c\x9f[\xae! P\xbd\x83d\x1c,\xabHK\xb0\xac\x1f\xb6\xac\xa96k\x87\xd8\xab\xad\x94\x18W5V\x84\x93\xd8\x16QF6\xfeA\xb3X\xd0\xd49\x18_L\x98l\x87!\xcd.\x06\xefuO5\x85\xa1\x94=\xac\x0few\x96L/%8\x97\x86\\\xf6\xda\xa1\xf9\x07\xf6y\xdd\xee\x7f`\xcfk,\x1f|\xd0\x87\xe7}\xf4}\x9e\xef\xa3\xb7*f\n\xfb\xdf\xbe\xfe\xe3\xeb\xff\xfc\xfc\xfa\xe6];\x9b\xcff\xd2\x14\x17\xdd\xd9\t\x0b\xcav\x06\xe3\xc9wwW?\xfc\xfd\x0f?\xff\xf9\xe6\xd9\xb3lJ\xa1\t\xc0\xea{O\x9etR\xb8\xafL\x9bgs\x8c\xd6\x07{\x9a\xda\xde\xbexv\xfeT\xabW\xb1\xc1\x9b\xdf}{\xfd\x1d\xc8\xd6\x0f7\xe7O\xde|?\x1edDN\xde9\x08\'J\xdb\x83\xc7\x85\xf6\xf1\xf9\xcd\x9f \x94\x7f\xbbk\xbf\xd9\xe7i\'F\xe8\xc9b\xe7\xc9\x85X.\xad+S\xff\xc3\xdc\x9e\xc6\xa5\xa5\xc9tl\xa5\xc4\xfc\x93\xd3\xa7u\x89\xca\x17\xf6/\xbcB{\x1f\xae\x9d\xc2\xf7\x85\xc2`\x80\xe1B\xf4\xf0`%\xaaR\x99\xc7\x192k\xe7*\xed\xb6\xf7\xee\xa5V#5\x89\x89\xc5\xdc*\xb4\x10Y\xf0\xe0\xab\xfe\x18\xb0\xe6\x17\xad\xab\xf18\xb3\xbdF\xee\x9f?\xad\xb3q2\x9f\xe7Q\xb9\xd6\xb4z\xad\x91\xcfg\x07\xe9`y7\xfc\xf6p%$\x94\xd6\xd2\x90j\xc9\xaaVo\xfd\xf4\xe3O.M\xeb\xbaA\x10\xae\x96\xb4\xf7I\x8e\xe18\x7f\x9c\x9a\xccQ\x1e&gt;\x8e/2\xe9\x0c\xd9\x86M\xac\xf2&lt;Ob\xa2\xe4\xeaR\x92o\xc0\xca\xa6\x1f,s\xa1\x15\xc0\x8a\x866\xbe^\xc3\x92\xbe\x8f\xc69\x04\xc7\xb9\x8ca\x18\xaeC\x18\x90\\\xedd\x19l\xa3?\x9e^\xcd/Z\x9b\x1f\xc7\xfb\x18+\x91^\xffi\xb5F\xb1\x92$)\x8a\xc4R\xd0w&amp;\xe3\xd8\xda\x03\xbc\xbc\x91\xd8z{p?\x9c\xd8\xdd\xf8:\xa8\xe8\xba^*1\x8c\xe1\xc4b\xa6\x19#\\]o\x0e\x8b\x1dv\xfd\x01\xc7\x95\xe6\x8du\xc1\xd2\xdb\x05\xef\x14\xb04\xda \x1cp\xcc\xb0C\xad\x96\xc4*\xeb\xc1\xe5\xb2\x10=x\xbb\x13\x8e\x86B\xbb\x8f8\x830MS\x10\xcc\x9e,\xcb!Y6\rc\x86\xd5\x94\xa6\xc1\x007N\xcf\x15k:\xd6\xdd\xcc\xe0\xf8\xb4V\xad\xd2\xae\xc39\x8ec\x10\x10\x0bp\xf4\xa5\xf5\xf5\xd5\x92\x1a=|\x0b)\x1f\x8a\xa2\xf9C\xc0\x94\xa1\x0e\x01T\x14JR4\x80rkh5Z/\xd2\xc1Hd\x9a\x9a,\xcd/\xb7\xae\xa6\x8fG\xd24{\n\xd1\xd2\\\x82\xdb\x88\tP\x03M5\xc6qFi6\xbb\x89@\xb4\xb6d`BF;\x01]&gt;\xb2\xd7\x11\xe0\x0c\xcb \x10\x90\xf2E\xfd$\xfd[\xe1\xa12\x9c\xab@X\x96\xbe=@X\x9a\xe6:1a\x17b\x12\x10T\x95S\rETJ\x9c\xf0\xf0\xf0\xed\xe1\x96\xbc\xbb\xbb+\xa8\t\xb4w\xe0=\x90\x03\n\xafD\xc0\x00\xe9~\xd1N\x9anz-8Ro\xe7Y\x14\xcf^\xfa&gt;h\x04\xb4\xa6Z\xdd\x89\x05\x02\x89]\x84\x85\xb8\x0cV\xc4\x1dA&gt;\xf8\xe5\x17\xd8EY\xd8\x1084\xc5\x89D\x11\xd7\xcal~#\xa8 \xa7v5\xc0Q\xe9\xb4\xd2\xbb\x9bc\x0f\xb1\xb4y\xd7\xc4\xc6\xe3F\xff\xb4\x0f\xae\x07v0\x84\x86E\x08\xcb`\x82\xbeD\x04"\x87\xb3\x89\xee\x8a\xcc\xa1\x99\x97,G\xbe\x8cK\x80*!\xccT\xbe\x1a\xc2\xd3\xd3)\xd3\x9bo\xa9\x9eh\xd6\xfeE\x81\xac\xf4ku\xda\x88% \x9b\x13\x80e\xaa\x84\x9e\xf2\x9bjd\xeb\xf3Hw+\x92\xe0JBO\xee\xc93\xc3\r~\x11\xb0\x1e\x01\x96\xd5\x91B\x99\xf1\xb6o\x8e&amp;\xf3\xec\x04\xa1\xb1\xf1\x1f\x0f\xf6s\xe0\xc6\xa0\xcd\x13B2\xa4\x8c \xc8&amp;1j\xfa4c\x82\xf5A\x93\xd3\xc3\x83\x87\x91\x04\xd2\x87^/\x82\xfc#|\xc2\x10UB+\xda\x1d#\x94I\x0b=\xe2\xe5\xd9\\\xfb\xd3\xbd\xbbfK\x1c\xe7+\xa75\x89&amp;\x02h\x13\x13\xd0\xfa!{\xcap\xe5@\x14\r\x90v\xc0_o\x810p\x84j\x9a\x08\xeb\xfe\xce_\xeeGd\x93c\xaa\xc5N\x83\xdb(\x87\xc2\'\xd6\xed\\\xad"H\x84\xdd:\xa1\xe2\x9d\xd3\x1aK\x1b\x0e\xe2\x92\x91\x99\xd7\x9b:GpB\x14\rjvP\xb1\x96\xc32\xa7\x12\\b\xc6\xb9\xb3\x15\x89\n\xaaAW\xad\x8e\xb5\x0c\x05\xaa\xa7%\xaf6\xe7\xdb\xcbO\xfav=\x18\xefV\xc8j\x9d^\x8d\x05\x12\xa1(\nDI\xd7\t\x95\x8b\xbd\xf82\x95\x07\r\x05,S\xe5\x12\xd10l\xec\xfdpT\xe68\xa6\x99\xccu\xf9\x12\x8e;\xa3\xea\xed\x9cg\xf3Kg\xd76\x8fY\x80Uc\x15\xe8\xa1\x02\x80\x05\\\x8c\xae\xab\x81\x98C {\xb1\x12\t\xc4\x02\xd1\x15Y\xed\xf5z\xd1ht%\x1c\x86\x04\x0c0\x86\xc4BjU\x1dC\xa2\x99\xe6\xc79\x07\xeb\xab\xa5\xbb\xbe\x85a9\x8fD\xf3\x1a\x83CX+\x80@\x80 \xe8\xd5$\xeb\xc6b\xa0\xe6MI7M\x15Dk\xa6\xef\x11\x19\xf2\x9d)\xb1)\xcb\xeeh\x0c\xc8\t1\xfa0gG\x06B\xdfO\xa6\xa4\xbc\x97\xe3k\x94\x88\x97\xe1a\x84\x9b\xf7T\x81\xf1\xb1A\x83\xe7\xa1\xc3\xd2\xf5\xd1\xa8eaM\x02D\x0b\xaaP(\x14\x05,\x95Q\xfc\xa2e\xbf\x9b\xdcn\xec\n\x1b?\xce{\x08\xb1\xb4\xf4\xfc\xa5\xa2\x94\xfa^\x8e\xe4)\x16_u\x02pg\x95PU\t\xcb\x0c\nYLr\xc1\x0bA/f%G*\xc2BR\x0fT\x8f\xca_\xb0\x8e\x8e\xae^\xf4\xfe\xf1|\x01\x83\xa4\xc9\xed\xed\xd5\xe4&lt;Gbq\xf07e\xc8z\x9518\xa2J\xf2d\xf61\xa9\xd5\xb5:U\x05+[\xaf\x8f\xa0NGT5\x81\xba\x9c\x8d2\xec!`]\xef\x81\xfd=Z\xc8a\x88\xcd\xa3\xa3\xcd\xa3\x7fWH\x1e\xc2\xb5\xfc\x1b.\xa6\x8e\x08\x0ez\x96\x1c\xac~Rk\xf5s\xd0H\xd75M;1{\xf04\x08\xaa\x90\xd8\xfd}\xb9$\xcd\xb0n\xf6f\x87@\x17\xf3\x9e\x13\xbc\xf5\xbf\x8e\xf3&lt;FQ\xe0\x9d\xa1G\'\xc0\x9a\xd6\xfa9\xb2\x8fZ\xfb\x1a\tT\xf5\x16Z\'\xa6,\xf7\x0cN\xe0\xca\x0c\xae\xf8&lt;\x14\xea\xbb\xc5\x9e\x96\xda\xfb\xef1$W\x9c\xfafu\xb5\xc4\x18\xba\x06\xe1\xe1+\x95l\xb6X\xb4\xb2\x99T\xb2Vk\x9d\x9c\xb8\xf09Q{\t\x9a\xbbw\x0fW\x82\x94\x0f\x85\xfa\xe3B\x0f\xff,m\xfe\xf53\x96\x88\xdeC\xe9l\xad\x06\xe9\x94\xb3-\x9eM\x16\x93\n\xd3lVu\x140\xf0=.&lt;\xa3\xa5\xf2\xea:.U\x93E\xebx\xc1g\x92\x96\xfeyN\xa2\xe4\x8a\x83\xc5p]\xadR\xe8k\xadV\x13-f\x04K%\xcc\x93V\xab\x96\x83\xa8\x11f\x19/\xe3\n\x8e\x03q\xe3x\xb2\xd8\x13I \xf6}\x1e\xa2E)A\x89\xd6\xeb\xddBM\x03\xf73l\x0e\x87\xcd\xcb\xe6\xa5\x8e\xf8\xe0) \xf9Z\xd5\rp8\xa8\x83"\xc1\xff\xf6\xc2\xb1\xf6n\xe0\x9e \xa8b\x90\xd5]7_\xe8VrE\xc0j6\x87\x97\x97\x10.\xbd\x99,\x16\xd1[4\x9e\x8e9\nWbY\xc9\x17\x8b\xf6\xf1\x87_\x01+\x1e\x8f\xd7D\x05\x1a\x1c\x9a\xecz\xfb^\xb7\xd3\xfd\xf4i\x16\xae!,\xbb\xe3y6\xcf\xf2t\x80c\x18\x85\x95X\xd1\xb7:\xc7\xcf\x17|\xaal\xef&amp;7\xe3\x8a\xb3\x80%\xb1\xa4\xed\xb5;\xb6U\xfc\xf4y\x15\x87\xc3\xa2m\xdb\xe0$i\x07\xb0p\\\xa1Y1\x95\xf3\xce\x9f\x7f\xb5`\xack\xd0\xd3\x1a\x8f\xf1P\x80hW\xa2x\xcb.\x0e/_\xbdzu\t\xd7\xf7\xef\xe1g8lA\xdd\x86\x1e\xc3\xa1q\\b\x14\xca\xeax\xd7g\x0b&gt;\x1cxt\xed\xa1hadU\xc1]Wb%\r"\x84\xb0^\x01\xd4{\xa0\x83\xa5\x825\x8a=\xdaXU \xe1q\x96";\xde\xcd\xd1\xa2\x8f\x06^\x7fW\xc1`\x0f\xb1\xb8\x84;4-\xd5i\xd6o^\xce\x90\xde\xa3\xcb\xe5H\x85\x16\xc7\x04\xae{\xcb\xeb\xa2\x84\xaf\x8b\xa9\x86w|\xb3\xb7p\xac6\x84\x8b\x020\x11ghW\x97D\x1a\xa7\xf5\xd1\xff\xa3e\x8eLp\xb5&amp;\xc2\x02\xd1\x12!^"f{\xf6\xdd\xe6\xc2\xb1\xbcv\x16\xb6\xf1\xc1\x1a\xa5\xd0\x10-\x9c\x05:Z\xf1\xad\x86U\x04M\x05"\xa8\xdf\x04\xb0=r\x00i\x1d\x05\xab\xe3\x1d\x7f\\\xf8\xf9\xce\xebN\xbb\x9b\xc7\xd6`\x17E\t\x16\x14\xa1e(\x8fR\xb6\x00\xed4\xed8\x84\x03_\xd5\x14 \xe9\x83\xc1\xa0\x12LaY\xafb_-8\xe3\x01\xabRhg\xf3\xdb\x18\x16\xa7XX\x12\xbe\xba\xba\x8a\xe34_\xf0rq\xd6);\\\xec\xf3rJ \xb9\n\x855\xba\x9e}:Y4\xd6\xd9\xbbl\xb6]\xc8\xa7\xd3\xd8\x1a\x15\xa4\xe2\x18\xc8\x97c@;\xc1\x03l\xb2T.\xe3*\x04\x8a bF\x99\x16\x83A1eu\xba\x8dF\xff\xc3\xe2\xb1:\xd9\xeeE7\x93\xc6\xb6\xd7\xe2q\x90\nQ\xc1\x15\xf6\x7f\xbc\x9c\x7fH\xdb\xf9\x19\xc7\xcfS\xa7\xdd\x1fYB\x934!I\x13\xc8\x11\x843\x89\xecJ\x144\xa1\xd1\x18\x13\x1c-1)Q\xc4\x88\xbf*\xc5\xb8\xb8&amp;\x9eZ\x7f\xa5\x1aR;\xe3\x8fV\xd1!\x153\x7f\xdd\xe80\xd7Q\x94\xf5*\xab^[\xec\x1f\x85Z\x8b\x83Y\xafWlY\xbdS\x04\x99U\xe7\xd9v\xef\xe7\x1b[66\xb6\xbb[\xf5\x89$Qh\xf3\xf2\xfd\xbc?\xef\xcf\xf3\xfd&amp;_I\x14\xaf9\x19\x88\xa7\xa1\xd3\xc93\'O\x9f&lt;)\xd0(ui\xd2\no^n\xc5\x83\xfd\x8e\xad\x0f\xba~Sc\xb6\xbb\xddv\x1b\xbdI\x80J\x86\xc54\xc9t\x125WZ\x92x\xe2\xe4\xe9\xa3\x1fS!\xe6\x05$fE\x8d9\xb7\x02\x93\xfc~\xab\x05,\xbb\xdd\xdb\x9dm\xb7\xd9\xe0.\x85"^\x13\x7f.\xed\\\xca\xaf2\x93K\x123\xb1ycubl=\x11\x97/@\x07y\xb6\x1ao.\xaf\xa2\xe2/\x05\xfb\x8fe\xb6\xdb\xcd\xdd\xdd\x810\x17&lt;\x1f_\xa2\x88\x8f\xfbmfyIffb\xe2\x89\x13\x1f\x93\xdf\xe3\x04\x89\x1a\x8d\x82\x97k\xf6\x9ay8J\xfc:\xe3\x83\xfd\xc7B\x05\xba\xb3\xb3\xedf3\x8e5\x12\x7fY~,\xb3\xe4\xccYiqq\xe6\xf9\x13\x89%g\x8f\x9e?\xfa\xc9\x99\xc4\xfc\x14\x05Zh\x0b\x98q\xc8\x9b\x9b\xf7\xb7\x98\xfd\xc7\xb2\x9bMf;\xb8\x02\xf6l[RIyVq\xf1\xb1c\x99\x7fpv\xb6\xd7\x9f?[N\x07f\x99\xe7\xcf$&amp;*\xd2\xd0B\xbb\xbd\x82\x97\x06\xcd\xf6;M\x19,\x13\xca\xde\r\xbd\xb2\xed\xd2\x0bN\xb7\xb3\xb3\xd8y\xe1BgUC{\xfd\x85\xe2\xf6\xfa\xfa\xe2z\xa0%\xf1x\x16\x93=\x80\x85\x01\xac\x9a?\xc7\x1c\x84\xb7L6\xbc"\xbd\xd9\x93\xdd\xddYEo\x0bW\x157TUU\r&gt;pv&gt;\xa8o\xafj(./7Hm\xf6@\x80\xde\xd3Sc5~yPX\xa6@\x00\xb6\xef\xee+\xec\xa9\xadm\xac\xaa\xec\xec,\xc4]{\xa7\xb3a\xb0\xb3\xb2\xd3\xed\xcc\xb2\x11\xb9\xc9\xa0F+s\x0f\x06\xcbk7\x19\x0c\xb0\x17\xc9\xd5\xd7XVZZ\xd6s\xb9\x07\x9aU1U\x89\xa7\x85UN\xb8/`\xb6\xf1t\x8a4\x0br\xeb\xc9Aa\x01\x0cruw7\x96\xd2{\xb0\xf41\xfe\xca\xcaF(W{\x19\xb7\xdaF\xa7\x9d\x92\x8d\xa7\xd0$\xf1,\x06\xda{\x0e"NM\x06\x8b\xc1ba\xb8n\x96\xe6\xe4\x1c?\x9c\x93S\xfa\x8b\xb2\xb2\x9c\xd2\x1cHG\xf2Uv\x07\xb0\x1cx\n\xda\x14y\x15\x07\x83e\'\xb5,j\xb5\xc1\x80&gt;\x16\x96\xe5\x1c?\x8e/\xdc\x85\x0b\x98\xa5\x95\x90\xca\\\xc1S\xe81n\xe9\xc0\xd5\xde\x15\xb3\xff{\xa2\xd9\x0c\xb5,\x98\x03-\xe0\xca.\xace\xa0f\xdf\xc1\x95\x95\x15z\xcd6\x9b-I#\xd3\xe3\xb6\xdfX{\x17\x01\xd3`CXj\xb8\x99g\xc0FD\x9f&lt;g\x88\x88\xa9\xb4\xb6\xa7\xd0\x9d%\x95J1$\xa6\xa4@-\x99r\x9f\xb122\n2P]\x0f\xcc&amp;\x13\xf5P\x9d\x86]\xcf\x82`\xf5z\xb3\xfb*\x0b+oV6\x16\xba\x9d\xc5\xedYY\xc7\x90V\nM\xbc\x9eJ\xa6\xe3\xf1\xf6q%\xc6dL\xbf\xb8w\xef\xc5\x8b\xbf~\xdd`\xb61\\:\x1d\x0c\x9d\xc43\xa0_\x98\xedK2\xe93\x83%%\xe5\xe56)\xb0t\x1a\xa5^ F\x13\xf5\x84Us\xef\xd2~\x9dq\x9b\x0e\xce\xa2~z\x19\x91\x14v\xbcN\t,\x85Z\x8d\x04@\xcf\x923K\xce)\x92\x921x\xd1\x10\xa6Q\xca\xf4\x02\x01yK\xabC\x9c\xe6]\xfej_.[\x81\xa5\xde&lt;\x9f\x9d=~\x19I\x99m6\xd9\x0c\x8cZ\xca\x94\x14\xa5\x8e\xb8h d\xe6\xfa\xf8x\r\x06\x07\x98]&amp;`\xb3\xf3\xd1B\x14b&gt;\xaf*\xe7\xf7\xef\xfd\x92f:\xe9\xf9\xe9V\xf0\xf9\xe1\x9eNw_\x9f\x1bk\x1fa\n\xb5\xc0\x05\xc1\x14j\xd8_\xadP\xc8p\x98\x11\x97\xa2\xd7h4J\x85N\xc6\x96\xb3\xc5\x84\xa5\x84\xb9,\xb9y\xee\xb2\xd9\xadK\xef\xf7\xb2\xf9\x98\x98\x8cO\x87\xb6\x82\xc1\xd6\x9e\x86\x1a\xa7\xbb\xcf\xed\xdd\x8b-\xa2\x02\x84\x1e}\xa4\xef0\xd2\xc7\tR\xa0\x8fR\t*\xb6\x18GiZ\x19\xda\xa8\xd4Y*\xf2\x9c7g\x83o6\x87\x9e\xbc\xb7\xcb\xd3cb\n^\xad\xad\xce\x04UF\xe3\x8d\xac,\xe4\'a\x99\xc2\xde",\xf8K)C\'\xd5\x16\x9dR\xafW\xd0\x0fez6\x8e\xd1\xf2\x81\xa6\x95i\x95J\xb5\xa5\xc2\xe6\xbcy8h\x0cN\xad\xff\xfd\xe5\xab\xf7px\x8d\xf6\x15\xec\xaeM\xbc\x0eJ\xb8\x12\x95j\xfd\x82\x8d\xc1\xa2\x1d\x91\x02\x821=\xd4\xd1A\x13\x8dNgQ\xe3)A\xe5\xe7\xcb\x8b\xd0D\x81X\xab\x05\x15R\x97\x97\xeb\xad\xfdY\xb05h|\xfe\xfc\xf5\xf6n\xc1\xffy\xe50\xba\xf7\nP\xd6\xd1)\t\x97\xeb\xf1\xa8\xa6\x8a1Bu\xbfk"#\x97R\xab\x91)eZ\xad\x1ea@Lb\xb9\x9c-\x82X\xd4E\x81V+\xd6*I\xc8\\o\xe9\xf3\xa0Q\x05\xac\xf9\xeb\xfe\xed](\xf6#{\xc9\xfc\x91\x80\xae\xb5mWB\x02\xb08\\\xae\xc4\xe3i\x9d\x94\x9a\x03\xd9n\xea\xa1i\xcf[\xf4\xc2z\xb4\n\x8f(|\xc3f\x8bD\xec\xbdb~\xa4\xd4)x\x86\noi\xd0h\xf4\x90Z&gt;\xdf\x1d\xdf\xc4\xdaP\xc1\x8f\x02#\x9b\xef\xae\xdd\xad\xb3&amp;\x00\xcb7\xcf\xe1p$\x12\x8fj\x1d\x13\'\x06e\x8c\xcc\x86wb\x89\xc5{L\xc4\xa0\x15\x83FNdr\xa2#N%\xbak\x91\xd6\xfc\x1abA\xad\xd69\xdf\x9d\x84;\xbe\x96\xf1\xad\xa1\x1f\xfa\x97\x06\xd0\xfa\x8c\x82\'W6n[\xabY\xd1\xc0\x8at\xbc\xe6r8\\\x89\x04]\x94\x9a\x19,4QG\xf9\x80\x10\xd7\x03\',\x0c\x1e\xe9\x19[\x04$\x91\x1076\xa3\x16\xdc\x95\xc6\xcb^W\x19=\xaa\xd6\xd6\x99\xa7u\tw\x12\x12\xfc\xe3\xdc\xb1\xad\xa1\x82\x1f\xb0,c\xc8Q_n,\x8d\xdfv\xb1X\xd1\xc0\x8ab\xf1\x9f\xaa8\xc4\xe51&gt;+\xb7y\x03vr&lt;\x93[p&lt;\xa8\xc0!\'3\tH)\x11!\t\x8b\x84\xc2T\xb9\x80\xb0HQ\xec\xe9\x93L\x0f[[\xc7G\x13\xa8\xee\xcf{8\x9c\x8d\xb5+\xd3\xdf\x17\x8c2\xea\xe5\xcb\x90\x87\xbb0b\x05UtTT\xd4!\xfe}\xea"\xec\xa5Z\x87\\v\x13\x8d\x80ao\x91\xa9\x00#\x1234\x0c\x910\x15\x8f\xa9E\xa9\xa9"\x88\xc7,E\x99Ra\x9eR\xb5\xaa\x80e\x9c\xbb\xc3`\xf9g\xb8\x9c#\x8b\xa8\xcd\xae\xefqa3\x8d-W\xb6v\x16\xc6\xd1\xb4\xc5\xd5\x95\xb6\xeaj\x02\x8b\x8d\xb0&gt;\xe5\x1ea\xdah|&amp;\xc56m!*\xa6\x89\x0c\x15\xb9\x88\x80RS\xe9K\x08*&lt;\xa6\n\xe5\xa4\x15\xb0\xd0h\xcb3O+\xf5\xd08\xf3\x94\xc1\xaa\x1e\x9d\xe7J8;c\x1d\x1d;/\xd7\xfe\xd7\xb2\x0c\xa7\xf9Xh{!4Ff\x1a\x9b\xbb\xe5\x8b\x8eEEF\xf8\xc3rq=\xeb\xc56\x1b\xcdZj\xb5\x922J\xabD\x98\x03\x84\xe1"\x96\xb0\xab\x88\x8e\\\xc6&amp;\xb5\xb4\x02\xd9$\x84Rq\xe1\xae\xd0h\x02\xb95\xaa\xfa\xfe\xf2\xdc\xfc\xf6\xc3\x8e\x8e\xc5\xed\x91\x85\x8d\xff\xe6~@]\x1a\xdaX\xe2r\x16C\x0b\x8fW\x1e\x86B\xab\xcb\x03\xd6\xc8C\xa8XV$\x1fr1zA\xaec\xd4?5E(\xbd(\xb0\xe4\xe4n\x11\xc3E\xd9\xc0&lt;\x11\xb2i\x01\x88\xf5z,N\xc1\xe0\x8c\xa4\xd5\x88\x7f\xab\x1a\x83XXEQ\xd1\xd1\xe8\x80\xcf1\x10Z\xec\x08\xedttt`Y\xfe\xe7\xed\x92\xa067\xbeX]\x1a\x83&amp;\xdc\xa5\x85\xeb.\x97#\xe2C~\x84\xb5\xce\xe7\xab\xe3\xf3\x1dp\x17\xb8`\xaf\xa9\xc1\xf8$\xb2\x95\x02\xd1\xa0%\xefh\xdf\xda\x9c\xd4\x82\x9f\xc2\x8d\x94\x8b\x99\xac\x10cE\x80\x8a\x0b\xbfC,\xc9\x12\xc4bE\x83*:\xf6\xd0\xa1\x88\x88\x88\xb6\xdb\xcb\x0f\x81\xd6\xb1\x18\xda\xd9\xfc\xf7\xdd\x92\x92\xf3\xd2\xe6\x9b7;\xab\x0b++\x0b\x0b\x0b\x8f\x07F\xac\x11\xd6j\x9f\xbf\xb7yxx\xf8\x8fW\xbf\x19ns\xdc\x1a\x0b\xcb\xe5Y/\x8fW\xe00K\r!\xf4\xec0\x17\xfb-\x15\xa9\x16\xb6\x17[+\x96\x8b\xe4$\x99\xe0\xd1\x0c\x07\xed\x93\xa8\x18\xb1\xaa\xaduuu\xd5,Vd$\xa8&gt;\xfc\x90\xdf\xe4\x18\x19x\xbc\xfcx\xe2\xf6\xc2\xce\xe6\xf4\xbf\x9el\x82R\xd3W6BKKK!\xd8\xdc\xc1\xa7\xaa\xf3\xb7\xf4\xf7\xf6\xb7\xf8}(\x7f\xf3\xe4\xa36\xd7\\X.np\xb2$&gt;^\x80\xf9\x8e\xc2\x8a\xad\r\xc7\xd6\x9e\xa3\xf6d\x13\xcaE\x88{\x91\xb0H\xce\x96\xc7\r\xcep&lt;\x1e\t\x17+\x91\x13\x1a\xad\xebmF\xf5\xf6\x8f\xfa\xf1?[\xf9\xfc&amp;\xbc\xd4GMT\xd7n\x85B\x9b]\xff\xec\xfe\x82\xe9\xcd\x8d\xd5\x87+w\x07\xda\xda\x1c\x0e&gt;~\x0b\x97\xbf\xbf\xdf\xefr\xb9\xfa\xdb\xac\x87\xf0{EZ\xfbk/:\x18\xd7\x93^S\x83qqrA&gt;\r\tr\xb9\x9eZ%\x0c\xc7\x82P\xc80\tSii\n\xe4\xc2\xd4"\x8c\x11\x833G\xb8\xd8Q\xb1\n9\x8b\xb7F\xaf\x0e\xfb}u\xfea\xbf\xbf\xbf\xb7\x97\xf0\xfcm#\xd7\xf8a\xbak\xae\x81\x95\x95\xb5\xdd\x82w\xee\x7f\xf1fl|~\xb9\xcd\x1a\xc1\'&amp;\xbe\xab\xa5\xf7\xe2\x9f&amp;\xf8\x91\x8e\xe6\x9e\xcf&amp;"c\x7f\xc2bY\xaf\x7f\xf7;\x87\xa3w\x9c\xc3\x08\xe6\x99j\xa7s\xdcE\xf9\x02\x90!B\x85dyt05\x9d\xee\xc2\t!\x12\xc9\x8b\x8a\xd2\xd3\x7f.\x98\x0c\xa2\xf5G8\xc8w\xcf\xd8r\xef\xb7\xbd\xfcHV\xdd7\xb5\x9f\xa3%\x0eW\x9d\xbf\xbf\xb9\xf9\xf3/F\x9a\x80\xf5\x11\xb5\xa8\xc9q\xed\xee\xcb\xdd\xb7\xa73=3\xa1\xe56\x16\xe3\xc1\x88\x88\xa6\x96\x8b-mWo|6\xe1\xe8}\xf6\xd5\x8dG\x13\xd6\xd8\xe8\xe8\xc8\x96\xef\xee\xb2X\xd5\xcd\xc4\x05\xb9TS\xf5G\x01FH$XQ8\xa8\xd2\xd3O\x9dJOOGv1\x92\xc9S\xd3O}\x12\x07*\x14\xb4B&gt;\xcc\xf5\x7f\xdb\xf2\x8f.\xcc/\xb4\x8d\xec\n\xe3\x1a\x8d\xa4\xcee`\xc0`\xc6[\x81R\xa4\n\xb6\xa8`\xb41~\xc8&gt;\x16\xe2\x87}\xc9\xc3\xe0\xd7\xa9\xc1m \x0f\xbb\x03\xc5\x0f\x03U\x1f\xea\xd1\x8a\x19\x82\x1aZ\xd0\x8aB\x85\x82\xab\xff\x89#-\xc2B\x12B\n\xc8"\xa5\x08\x83,\x82\xa0\xde\xd0\x10\xd7`+\xf1\xc3B\x03u\x03K\xbfsGNB\xaf%\xff\x91ug~\xf7;\xdf=\xe7\\\x81\xcal\x7f\xf3E\xaf\xa5\xe8V\xbb(\x08z\xd2\xaeW\xfe\xd3\x88F\xa3*=!Jq\xf4\xf6\xaf\xae\xf9_\xe7\r\x93\xf6\x86\xd7\x0b\xa9\xaclQ\xcd\x9d&gt;zQ\xee\xce/{\x9d\xce\xac\xa50E-\\\xa0\x10)\xda\xcb\x03\xda\xa6(\xd9O\xa7kkwa\x9cO~\t\xaa\xbb\xb7\xb7\x110@mm\x01\xec\x17\\,\xc2\xdc\x0c~u\xfapiA\xb5\xb1\x7f\\\x9a_\x98qE/\xcc\xbb\xef\xbe\xe87r\xef\xbeq(v\xaa1\x9au\x1bD\xb5\x0b0\x81\xbf\xc03\xacGC\xedC\xd2dL\x14\x9a\x05[W\xd3\xb5Y\xe7qg\xef\xb2X\xe8\x1c=\x9a\x15E\xd1\x98\xd7\xe9=\xa4\xd7j\xc8\xe5\xda\xbbw\xe3g?\xa5f\x0f\xdfn\xd3 \xaa-\xfc\xe0\x91\xa4\xbf\x83\xc1_\x9f\xbaZ\xa1\x14n,\x1d\x97J\xef\nJ\xdc\x9f}WoX\xbf\xed\\\xce;\x8f{#p\x01\xc4\xfeg\x8b\x90\xf8\xe0\x11\xd3[o\xff\xf8#\x0f\x84\x908\x96\x90\xac\xd9HU\xfdJ\xb1\xdd\xe9\xbc\x98\xd5/\xcaG\x7f;\x9a\xa5\xb5\xf6E\x91\xaa\xb6i&amp;\x06\x07\xab\xab$\xd8\xea\xc3\xab\xafn\xdc\xb9sw\xfb\x0e\x94\x02\x12\xb4\xd9r\x07\xb8\xf0\xeb\xfa\xda\xe6\xdaO\xbe\xdf\x01\xd4Rh\xe3\xfe\xbf8\xd5\xe1\xbc\xad\xc5K\xbdi\xadP9}\xdcs\x9c\xce\x8b\xe9\xa8\xa1\nQ\xb58{\xebbe2^DL\x10D\xdd\xfe\xef_&lt;\x92\x14\x0es,\xad\xed\xe8\x82\x9a\x9dvs\xb5\xde\xe3G\x8f\xca#\xa3vt\xd4\xab\xdb\x17--\x91\x1eW\xcf\xce\xce\x86\x93g\xab\xd8\xed\xa8B\x1bW\xdf\xde\xb8\xb1\xbd\xcd\xa5\xda\\\x88ET\x88#\xc7\xba\xfb\xab\xa7\xa1\x8f\xa9\x0e\x0f\xe3\xd6\xdc0\xdb\xed\xa2\x91+L_t\xea\xc5\x1a\xee\xd0\x02\xd6\xae~q\xd9P9\x17\xa8\xa2\x04&amp;\xaa\xe9\x89\x87\x01\x8b\xb8\xe4\\\xaf%\xa8\xe9r\xa5\x9e\xb3[\xf3\xceU\xb9^lvG\xa3\xfa\xfc\xfc\xe4\x04D\xd5\xf18\x91H\x0f\x0eB!\xde}\xed&lt;+\xaf\xad\xdd\xdc\x86\xb5\xc0Dn\'(\xa8\x86\x9f\x91`\xf0\xee\xde\xd3e\x8a Q\xdd_:8\x1f\x0c\x06\xc3\xe1\xbco$\x0c\xda\xf0\xcd\xde\x8b=\xa7\x7fD\x16\x81Z\xe9iw\x97\x9c\xb5\x1b\xf5\xca^\x1a\x02\x92\xad\xe1a\xc4\x15c,c\xbd+\n\x8dB\xa5\xd8h\xa4\xf3\xc3\xf3\xd7\'|L~\x18\xe6\x07NS\xc3\xae\xf0\xa1th\x03\xf8\xdeM`\xcf\xa6\xf7\x82\x04\xb6p;\rX}3\x12\xf9\xfc\xeb\xafz\xdc\xec\xa4\xd5\xfd\xfb\xcb\xc7\x83\xea\xa0Z\xad\x9e\xbd\xfca\xf2\xfal\x88\xf4X,\x9c\xfe\xa9?\xea\xee=\xea8\r\xb5\xe1\\\x16\xaf\x9d\x05&amp;\xd9\x9b!\xbd\x04\x0f/\xc7\x8c)\x02\xf2\x80\xaa\xdbEE4\xf2\xf9|+\x9dFF-Z\xb5\xa6Z\xb2\x9c\x9c\xe0\x0fP\xef\x05\xdf\x0fx\xfe\xa2J\xb4\xf3\xfc7\xc1\xcd \xa2xss\x81u{{{+\xf2Y\xe4\xcb\xd3\x8d%\xb7\xb2\x93\xdb\xdf$\xcdx\\B\xc1Id\xdb\xf5t\xbe:\x1c\x9e\x9c\x9c\x1fc\xb5\xb5\xabNoDT\xc8\xf2&lt;\xd7\xab\x82(C0\x8e\x87 \xc6$\x86d\xee5\xda\xe5\x96\x86=\'\xeaT\x81@\x0c\x1b8\x86 &amp;\xb3v\x92I\x01\x1f\r?\xd3\xaa\xcf\x17\\K\x08\xe4\x8d\xaf\xc1\x05\xb5\xd6h\xfb\xdd\xfe\xf1\'?_\x0f\xae\xfd\xe1\xfb\r\x12\x14e\x10\x8d\xdf\xca\x9b\xb4\x12\x8fcIpo2k\xe5\x12\x9ah\x9a\x86\x91\xc6\xca\xf3\'\xc3\xc1\xc8\xa9\x18\x82\xba\x1b\x158WT`a\xc8\x95q\xb1\xc8[1\xaf\xaa\xa7.\xa6\xb6\xa1Q\x15\xa5Rj\xd8\xedvsW\x03\x9ei\x8a\xa8\xfc\xa4\x16\xe2\xc8\x841\xd5\xc7\x85`W\xf7\x82\x9b\xeb\xeb\x91\xc8\x16Q\xdd\xdc\xbe\xb9~\x0b\xb6\xe2i\x84\xa8P\x9e\'\x06\xe6\xd1\x03X\xd0\xcb\xc96M\x91\xae\xae\n\xc0(\xdaN\xbdAw\x13\x91\x0c\x02\x92\xd7\x9ba\x81\x18\x98\xc0\xe5\xc1K\x82\x10\x15DEI\xe4\n\xfd\x8ac7\xd3\x86\xa9%\xadv\xc1\xd6h:]D\x14%\x89ca\xd5\x8c%\x8f\xf7W\\08\xac\xbc\x16\x0cFnm\xado\xddZSs\xea\xd8\x00\x00\x04\xe6IDAT\xdf\nF\x82_\x9e\xde_\r\xf1\x01\xaa\xd0\xfe?\x0c\xac\'\xe0NCH\xcc\x94U\xa875\x9d\xea\xa0\xde\xcc\x16\xacf#\x99J\xe9d&amp;\xb0\xb1\x807\x16\x90\xbd\x14C\xaf\x07\xf9=&amp;I\x94\x99\xfc\t\xdb\xa9T*N\xbd\xee\xb4kVS\xc7\x9b\xd5\x92m$\x92\xa8^\xe0r\xc3\x08\x9b\xb0\xc4\xcb\x83\x95\x07\x0b0r\x18\xd4\xc2\x06\x8cD\x82\xf7\xa6O7\\*42\xab\xcb\xdf\x9d\x1b4\x8b\x1e\xacTJ\xa6\x12\xa6\xa0\xa7\xa8HgQ\xab\x1d\x9498\xde\xeev\x9b\xaaB!\x12D_4\xcc\xd5\xf2zEO\x80\xc9Q?\xf6\x18\x8e9~3\x91\xe2\x13r\xb6\x11\xdd\xd5\xb4\x84e\x17*\x95\xf2\xac_\xb9H\x03+\x10p\x15\x93$m\xf0|\xe5\xc1\x037\x90$\x18|\x1e\xf9\xec\xf3\xe0\xef \xd5\x0e1\x85VWWCK\xaf\x86\x1a\xa3Y4X\xbb_\xab[\x85T\xc9@c\x9a\xb2\xf1\x95h\xec\xa2\x0c\xaaF*e\x00\x0b`\xa2\x02\x81\x80\x05@I\xf6\xf8\x90\xc3\x0e\x91\xea\xe9\xf8\x05:\x18^WMc&lt;*\xd8\xb5\xd6Ee6+_\x95g\xb5\x9a\xcd\xc2\x84\xe5r\x05$\xadz\xbc\xff\xe0Z\xb0\xe5\x83\xf2\xdf?\xfd\xf4\xcf\x90\xea\xe1\x8e+\x15Q\xad&lt;\xc9\x8b\x12&amp;\xf98V\xb2V\xab9\xb3r\xbfb\xe9\x89\x94\xaeQ9\x14\xf8\xb3\x81\xfb\xe9"\x95&gt;\x84Q\x94\xc3\xb4\x13\xa5\x00ay\xfdh\xb1A\x856\x01\xfd\x9fm5U\xab\xd2\xdf\xeb]\x96//\xba\xb5~\x1djC~&amp;\x85\xdf\xcb\x05\x033\x93\x02Idt\xf8\xd8y&gt;\xfb\xfd\xb7W\x0f\x17\xf1\x83X;\xcb\xfb\x93\x04\xe3K\xe1#\x1c\x87D\x96S)8\xed\xb4\xd5w\xdaV\xbad$\x8dtNWI\x05\r\xbe"(\x81\xc92\xec\xce|a\xaf\xc7/\xcb\x0c\xbeR\xfcf\xa9\xd9\xb6.f\xb5\xcb\x8a\x81\xc0]\xd6\xfa\x8ec5\x93\t\x81\x1f4\x90\xdb(\x8c\x92\xff=\x98\xc9\x05{\xb0\xb2D_\xcb\x0f\x9f&gt;[l@Rjy\xf9\xc9\xd0|\x1f@\x0c\xb7\x15\xd0\xccD)\xa5c_\x95\xcb\xdd\xda\xc8\xaa\xd4\x0b]\xa7[oe[\x1aA\x89\xd4Lg\x90\x1e\x02\x01Y\x06V\x8cA,\xc5?\x9e\xf7\xcb\xf5\x1etv\x0c\x0b\x1b\x19\xfeD\x07$\xc6\xd8\xf5\x908\x18\xa2\xc2\x13+vI\xe2\xe5+\xee0j\xf46Bn\xd3CY!\x84CJZ\xe4T\x0b2\xaana\xda\x8c\x0c\x8bL$\xed\x91\xe3\xb4\x9d~\xb7_\xe9\x97\xff}\x89\x96K\xe7T~\x9c\xfd\x90\xebc&gt;\xa4\n\x8f\xdf\x1b\xc3$\xc407\x9dNk\xedl3\xa5\xe3\xbf\xc2\xb5H\xd0\xd5\xfd\xc9\x0b\xa7\xb4\xa0r\xc1\xc4\xf1d\xdfm^\xf8\xc7\x01;\x1b\x04\x85\xf8\xbd\xc9k\x8b%\xb8P\x01\xde\r\xc4X\x0cCF"\x17p\xa4\xc2\xe6j\xdaV\xd7\xa9ws\xdd\xaeNP\xe4"1\x9a\x11\x02&gt;\xbc\xc3\x13\x87\xfd\x99\x82^\xa8dea"\xfcK\xa1\x14\x03\x9c\x18\x11\xf1\'a\xc5\xae\xb9\x02\x81\x05\x17Z\xc4\xc4\xe0\xc9\xf2\xd2\xce\x06\x1d#y\xf8\xf0\xcb\xfe\x93\xd7\x86\xf2Q\xfc\xc20\x18el\x8cX\x18\x97#.\x9e\x9b`y\xd8\x8a\x1c\xafiD\xe5C\x96bB\x94\xf9\x02H\xa8\x9eC\x06kI8\xedJ\x84\x1c\x8f+\x8c\x12\xb2\x88\xaa\xf9\xf1`\x085\xaf\x07D\xb5\xe0\x02\x98$&amp;\'\x07\xabHb\xa0\xda\xd9Y\x82\xd7\x10?\x01T\xd2\x07Wa\xafP\xf3\x14\x86T\xf8\xc6\xa9\x80%\xbb\xcd\x95\x9bHqc\xca\xb8\xe4z\xaf\xcf\x17\x13\xa2^`\xc5\x80\xe5C\xe1\xf2\xf3\xa38\xee\x05\x17\xc8$\x97\x1c[\\e\xc1\x15s{\xb3k*~&gt;ffu\xb2O\x9f\x7f-\xd3\xc6\xfcn\x92G\xae\x92|\xd7\xb6\xa2u\xb8}\x13\x8f\x9f\x1bD\xf7\x9a\xaeb\x02\xd5\x10\x9e\xcb\xfd\x94#\x04\xd1\x0f\xb1\xa2\x84\xe5n/ \xf99\x18\xff\xdc\x81\xf1\xd0}\xb8\x0c!\xba\xad\x06\x15\xaf\x85\xbb\xb8`~E4\x11I\x17\xea\xcd\xd0\xa0{\xf0\xd4&amp;\xf1\x98\xbb\xd1\x93`+\xee,\xf6\x1e\x8a\x8fh\x06U\x8ff\x04\x88\n;L\xc3\\\x19/2\xcf\xa1_\xa2\n\xcf\x99\xfcJ\x1c\x11\xe6kcd-yq!/=\x18]\xfb\xff\xfc\xc5\x03\xa9\x88\xc9\x97hw^M\xf2:\xff\xf4\x89\xc2\xcc\x91\xc8\xed`\x02\x17\xe62\xbeF*\xc4r\xc6\x05\xa3N!*(\x02\xa3\x9cIR\t\x02\x00\xbd\x99hT\xf6\x91Zq?/\xf3q7\xa7*\xb8\xdaBt9v\x1dC\x98\x8do\xc9\xb0\x1b\x12\xdc\xd9Ma\xbcd\x99\x1a"y\x0e(:\x8a\xf8)\xebJ\x1f\x06\xba\x13\xbaX,L+\xbd6\x85\x1b\xc2(51\xb2\x80\xab.\xa8\xb48j\x0erD\xc0Gj\xf9\xa8\xf5$\xa7p.\xd7\xad\xd0]\xe6\xe9\xc1\x95[p\x1f"O\x1b&amp;\x8e\x1b\xc9\xe4x&lt;\xa6\xa6\xf3l\x80.\xff\xac\x8a\xfe\xa9Z\x1dVi\x8c\xc7I\xfa\xa4a\x91\xed\x16\'\x05\xd2K\x8e}\x1c\xc3\x0c\xa0({"\x8a\xa2\xe86*X&amp;\xc5U\xf2\xf9\xfe\x07\xb8\xa5\x8cj\x1c\xdb?o\x00\x00\x00\x00IEND\xaeB`\x82'</t>
        </is>
      </c>
      <c r="M498" s="3" t="n">
        <v>45492.67622685185</v>
      </c>
    </row>
    <row r="499">
      <c r="A499" t="n">
        <v>1175765</v>
      </c>
      <c r="B499" t="n">
        <v>1981</v>
      </c>
      <c r="C499" t="inlineStr">
        <is>
          <t>Moreira</t>
        </is>
      </c>
      <c r="D499" t="inlineStr">
        <is>
          <t>Moreira</t>
        </is>
      </c>
      <c r="E499" t="inlineStr">
        <is>
          <t>LD</t>
        </is>
      </c>
      <c r="F499" t="inlineStr">
        <is>
          <t>LAT</t>
        </is>
      </c>
      <c r="G499" t="inlineStr">
        <is>
          <t>LD</t>
        </is>
      </c>
      <c r="H499" t="n">
        <v>175</v>
      </c>
      <c r="I499" t="n">
        <v>30</v>
      </c>
      <c r="J499" s="2" t="n">
        <v>38127</v>
      </c>
      <c r="K499" t="inlineStr">
        <is>
          <t>Right</t>
        </is>
      </c>
      <c r="L499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d55ac1f-e1c5-4998-966e-836213252c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L.(\x00\x00\x03\x00PLTE\xff\xff\xff\xef\xef\xf9\xf4\xf4\xfb\x1b\x19 \xf9\xf9\xfd\xfb\xfb\xfe\xf7\xf7\xfc\xee\xee\xf8\xf2\xf2\xfa\xfe\xfe\xff\xec\xec\xf7\x1a\x18\x1d\x17\x15\x1b\xfd\xfd\xfe\x1e\x1c#\xe9\xea\xf5$"(!\x1f%\xef\xcc\xb9\xde\xe1\xed(&amp;,\xf5\xf6\xfb\xee\xc9\xb4\xe5\xe7\xf3\xea\xc9\xb8\xea\xc6\xb4\xe0\xbc\xa9\xe6\xbf\xa9,*/958\xe7\xc4\xb2\xea\xbc\xa9\xea\xc5\xaf\xe3\xbf\xac\x14\x13\x19\xe4\xba\xa4\x12\x11\x17\xcc\xa2\x8d\xe0\xb3\x9d\xe4\xb2\x98\xe9\xc1\xab/-3\xe9\xb8\xa4\xfc\xfb\xfc\xe6\xc2\xaf206\xdf\xb8\xa5\xef\xce\xbc\xe1\xe4\xf0\xe1\xae\x95\xe5\xb6\x9e\xdb\xb6\xa3\xd8\xb2\x9f\xd5\xaf\x99\x8eeT\xf0\xf1\xf8kMF\xeb\xd2\xc5\xed\xc2\xad\x9do\\\xbb\x87n\xa4s]\xea\xbe\xa5C&gt;B\xd9\x9f\x86\xda\xdd\xea\x97jW\xbe\x95\x80\xd1\xab\x96\xd2\x99~qQH@9;JAE\x84_P\xf0\xd5\xc7S;8\xc6\x94{&gt;&amp;\'\xd7\xd9\xe6\xd0\xa7\x92\xc4\x9a\x84,%\'\xf5\xd9\xcc\xabyb\xd0\x9f\x86Z?:\xef\xd1\xc1\xe8\xcd\xbf{XK4*+\xb2\x7fh\xcf\xd1\xe1\xd4\xa4\x8a\xc1\x8fw\xa4wc\xc6\x9f\x8a\x8a_M\xcb\x9c\x83\xd6\x99\x81sM@\xd5\x9e\x82\xc8\xcb\xdc\xc9\x8fu\xc3\xc5\xd6\xe8\xb4\x9d\xde\xa9\x8eySF\x82ZK6/0\xf8\xf6\xf7:8A\xb4\x89ti\\]N40\xec\xce\xc0%\x1e\x1f\xb9\x7fe\xf0\xc4\xb3\xda\xb0\x9bW81\xb5\x84m?,+\xd9\xac\x94jH&gt;\xba\x91}C11K==\xbb\xbe\xd1\xaa}g\xe9\xb8\x9f^\\h9!#RCA\xc6\xc3\xc9\xec\xdd\xd6\xcb\x99}\xdc\xa4\x8a\xce\x94zc&lt;1\xf4\xd2\xc7\xf1\xf0\xf2aVW\xf2\xcb\xc00"",\x1c\x1e\xe6\xc6\xb8\xc2\x8ap\xdf\xa8\x94\xd2\xd5\xe3\xa0gR\xb8\x8dyTUcaD&gt;\xe1\xae\x9b\xaf\xb2\xc5\xb3w]IEL\xf1\xc7\xb9\xc1\x83i\xad\x82n\xb8\xb9\xc6aMJ[GD\x87\x86\x96XOP\xf4\xe6\xe3\xfd9HOHNWQZv\\VnUQmjvIKZl@4\xd5\xb6\xacI75\xde\xda\xddxt\x81\xcd\xcb\xd3\xec\xeb\xee\xa7\x88|\x96\x97\xa7\x92\x90\x9bnef\xd7\xa6\x90\xd0\xae\xa1uF8dB9@BR\x95dP\xf5\xf2\xf4\xff\xfe\xff\xc0\x9f\x92\xaanW\xef\xba\xae\x93\\I\x96o_\x80PA\xa6\xa8\xba\x8aUC\xb1\x93\x8b\x88j`\xfbKX\xed\xd7\xcd\x82~\x8b\xd6\xd2\xd6\xe3\xe1\xe4\x93uj\xc5\xad\xa7\xe0\xc9\xc0\x9e\x9f\xaf\xe4\xd4\xcf\xf0\xe3\xdd\xc8\xa6\x98\xe8\xe6\xe9\xe8\xaf\x9e\xdb\x92\x8d\xde\x9e\x91\xbd\x99\x89\xa0}n\x86z|\xb3\xaf\xb6\x82op\xa9\xa5\xab\xf2\xda\xd2\xf9dm\xcc\x8bo\xb2\\T\xe3\x9d\x9e\xc9{v\x97}vJ&amp;&amp;^.,\xa7\x9d\x9f{fc\xc7\xb6\xba\xd4%0\xf5\xec\xea\xdf\xc0\xb3\xb9h]\xd0\x93~\x99\x8c\x8a\xd9\xc1\xb9\xd2\x85\x81\xed\xab\xb0\xbd\xa3\x9d\xf6\x96\x96\xa4TK\xf5\xbc\xba\xd5\xc6\xc3\xc3po\xf2)8\xf3|\x87\xf3\xc6\xcc\xe2We\xc5;G4b\xc0\xd6\x00\x00 \x00IDATx\xda\xcc\x98\xefK\x1by\x1e\xc7\x0b\xd3;\x083~\xf9\xce\xf1=\xd8\xc2\x0cB\xce\xd3\x1d\xc3&lt;\x88w\xd7+\xadv\xa4\xe0M\x8e*\xdc`}\x90\x9e.\x9e\x8a\xc46\x99M\x88\x10c/\x01\xd3\x84F\x89$\xe8\xb9\xd6kpm\r${*\xfe\xa2Z\xda\xd5e\xf1\xdcr\xa0.\xf4\x81\xfb`\xeb\n\xfb\xe4(\xfbh\xff\x83{\x7f\xd3\xde\xfe\x037\xda\xfb\x82Q\'\xe8\xbcx\x7f\xde\x9f\xf7\xe73\xb9p\xe1\x7f=\x9e\xdd\x1a\xbc\x1cmxj\xbepyj.\xfc\x1f\x1cW\x8d\xc7\xe39&gt;\xcc\x85\x8e3\x87\xaf\x8e\x8es\xb9\xc3L&amp;\xe4z\xefX\xa1\xcc\xd6\xd6\xe1\xc6\xc9\xe1\xf1Bjk!UY\xdfZ;\xda8\xd9\xc8y\xde/Y\xcd\xe1\xe2b\xca\xaeT\x0eN7\x8a\x8b\x8bE\xaa\x94\xb69\xe5\xc2\xda\xa6\xc7S\xf3\xde\xd0\\\xa1W\x86n\xaf/+\xa9\xa5E\xd5(\xda\x8c\xaa\xeb\xa9\xca\xe9\xc9i&amp;\x939\xcc\xc1e\xef\x87\xccs\xf4J\xb7\x8bv\x91\xe9\xc5\x8aF4E\x13h\xb9\x92\x9a\\ZZ\xdf:9=\n\xc1v\xef\x85k\xf3\xd52\x935\x85\xc9L\xb35B\x19\x15\x14{VUK\xdbK\xeb\xeb\xeb\'\xb9\xdcnn\xd7\xe5:o4W\xe8d\xb1\xa2\xd8\x8c\t2c\x94\n\x02\x95)5*\x86\xaa\x1a\x95T*Uy\xbd\xbe\xfd\xfa`+\x13:\xe7\xc8p\x1d\x1f\xcc\xda\x8aL\x15]\x07\x13\x11\t\x95u&amp;\xab\xb6\xae0U\xd55\\\xf7\x95}Fe;\xb3{\xae\xee\x0fe\xca\xb6\xc6\x98\x06\x04A\x90\xa9,\xcb\xba-ID&amp;P\xcf\x02\'\xc5;\xban\x96\xc3\x99\xdc9q\xe1..\xcfZJa\x9a\xa22"\x08\x12\xb04\x85\x18\x9a[\x92$Q\x92\x04\x026M\xd5\xa8m\x98\xb6\xb1}\xba\xe99\x1f\xa1&lt;\xae\\fV\x935\xd4Of\xb6\x06\x16\xa6\xeb\xb2JD\xb9Nr\xe3\xe0\x82 \xa2\xac\xbc\xc2\xc6d\xf8\xf4\x9c\xb06w3\xb36\xd5U\x03}\x88;\x0bn\xd4R%*!\x9a\xe4\xae\xc3q\x8b\x92 \x88\x84\xa0=\x99\x99.M\xae\x9d\x0b\xd6/\x0f3)&amp;SUS\xa8,\x10&amp;\xd5\t:3T4\xa4\xa0\x13\xc2\xb98\x91\xae+p\x17cj"\xed\xfb1t\xe6\xbe\xc2\x81\xaft\x85@(Epsy$\x1e]\n\x05\xa3\xe2\xa6"W\xcbMm\x18^\xb1\r[\xd5\xfc\xa6\xe9\xdb\xda=s_\xe5&lt;\xa1-\xe4\xa8\xc0\x88&amp;Kun\x89(\x14\xbf\xa1\x13\xe1\'4\xa0\xc4\xabXG5]\x96\x15\xc3P\x15\x8d\xf9\x83\xa6\xef\xc7\xdd\xb3\xed\xc6\xd0\xee\xdf\x8e\xd7\x96mY\x00\x0b\x15\xa0\x94\x9b\xf7!\x80\xd0\x7fLU\x14F\t\xbf\x8a_\x8b\x90\x8b1\x88h\x81\xcb\x08\x9f\xad\xbf~\xb6\xb6\xb0\xf0\xca\xc6\xbd1k\xaa\x05Ch\xc9\x84\t&lt;\x1a\x04\xa6\x11\xee\xf7:^XM\xd7tx\x8f\xf2Z\x9b\x15\x9f/\xbcv\x96z]\\8\x98]g\x02Qd\x14\xce]\xc5"T!H\x05\x88\xc6\x88\xe8F]q\x99\xe7\x96\xa2\xf0!\xa0\xa9L\xd3\x8ae\xd3\xdc^;\xc3\x9c\xd8\xfd\xcaN\xcd\x12A\x84\x9dD\xea\xae\x83Dp\x157\x94(2Ur\xf30\x95\xd0\x8dn\x01\xc9\x81\xf8\'\x123\x14E7UU\xf5U\xb6\x8e\xcej@\xba\x8e\x0e\xb4e[\x94D\x99\x07\x93\xc4K\'\x8a\xb4\x8a\xe5\xd65\x03\x8d)X\x8a\xc9PI\x8a\xd2j\x8a(J2F\x81\xa2iJP7R\x99\xdc\x199\xfe\xef\xb3\x9a"\x8b\xa2\x8c\xf9B\xa8\xc8\xb9x+\xf2\xe6\x93d\xa2A-\x91Z\xa6B@+H\x8aO!\xf8\xaeC/\xbf\xaa\x03\xaeX~s|&amp;\xa1\xb5\xb6\xf4\xb9F!\x10\xdf\x19$\x81B\x1d\xb7$\xeb\xa4\x8a\x05eP=\xb7\x1b\xcc\xd0\x12o\xa0+d+ji&gt;\xcct\x85bR\x05\xd5\xf4\x1b\xe7\xf5r\x85\x8e\x17l\x1dJ`&lt;\x03\x8c\xf7\x1e\xc7\x12\xfd\x8aT\xc5\xaaN\x1e\xc1M86/+\xc1\xc0\xd4\xad \xf2\xab\x8cXU0\xa9\xa8\xf1\xe4\xd4\xf1\xc4\x0f\x1dml\xd9&lt;\xa3@\x05\xad\x08\x8c\x84\xbb#\xb84R\xc5\xab*\x15%\xd4\xc2j\x88\x0b\x88\x0eV\xb6KL\xe2\x81\xa6\xc2\xf5L\x81\\\xa5\x8c\xd3A\xf1\xfb\x8d\xa7\xa9\xcf\xb9P\x04i)\xbay\x8a\xc2Z\x80\xb4\xa8\xc8\x9b\x92\xcbdYD\x0c\x96\x0cLi\t})h\xaa\xc9\xado\x1b\x86\x15\xd4,\xd34\x93\xbe%\xa7s\xc2\xb3\xb1\xa4\xc1.\x88\x04^@Q\xc2\xe2B\xaa?E\xadh\xb4jv\x1a\x8dZ\x96\xea7U&gt;\x8b\xc4:\xbeE\xf8\xd1\x8f\xba^*[~\x84}\x10OH\xe6\x89\xd3\\\x9bOmn+4?\xec\x0e\x99\xb0\xb7\xa0|\x12\xb0\ny+\x9f\x0f\xc6\xfd\xf9|\xe1~|\xb5\xcc1!\xa0\x1b\xec*\xb2\x9e\x06\'\x97\xccD0\xa82\xcat#\xbc\xe10\x97\'\x83\x1abi\xa9\xca% \xbc8\x97(E\x0b\x85||5\xd1\x11O$\xe2\x1d\xf9|\xc7\xcd\xcf\x12\x85h\x94\x8fqH\x19\xd4\xd0\x00\x96a\x96\xd2\x16Su\xfc\x013\x0e\x1c\xee\xc6\x9a\rE@{\xf15\x94\xef\xa0n^?\x9cB\xbe#\x12\x8b\xc4b\xb1\x87\x0f\'"\x91\x8e\x89\x89X$^(D%\xee.\x89\xa7\\\xd4\xf2\xa7\xc3\xdb\xb0\xbc\x89v\xa4\xbe\xf5Mg]\x7f1\xa3U\x1f\xbc\xb8\xd5\xe1%1\x9f\x00\xcb\x0b\x9c{\xfdw{{{\xf1\xf5\xf2\xf9\xca~K\xef\xf3\x15\x0e\x86\x06\x90\xa2n\x8b\xc7E\xd4?\x99N\xabT\xf1\x15\xcb\x86\x96&lt;\xdd\xfc\xc2\xd9\x81\xb8\xc8\xb0&amp;\x10\xa4\x92L\xad|\xbc\xab\xff\xce\xdd\xde\x9d\x96\xce\xce\xdb\x8f\x86{zF:gff\xf6ff:\x9b;[\xf6\xf6\xfb\'\xe2\x85h\xc1\x02\x11\\&amp;F\x13\xab\xab\xab\xe8\xcaR\xd9\x0c\x9a\x93\x19\x87\xa3+\x97\xd2\t_\xad$Y]]\x8d\xbc\xd8\xef\xdd\xb9\xd1\xd29\xdc&lt;555&gt;\xde\xd6\xf6\xa0}p\xaay~\xb0\xb9\xa7\xbd\xbd\xb9\xe5Z\xff\xbf;:\xee\xe7Qa\xb8L\xcc\xc3vI_\xb1X*\x9aj\xfa\xbb#\x87\x93\xeb\xd0\xd0yR\nLOvEb\xfd\xbd;3_&gt;\x1a\x9eo\x9e\x1a\x04\xd5\xc0@k\xb6u\xa0\r\xaf\xed=\xed=\xcd\x9f\xde\xb9w\xe7n\xec&gt;,V\x88\x8a\xd1\xbc\xdfB\x1f\x06\r\x15)\x91&gt;u\xd8\xf1\xae\xa7E\x9baH\xcb\xa0z\x18\x9b\xd8\xdf\x01\xd6\xf0\xf00\xa8\xfa\xfaZq\xb2C\xd3\xde\x86\xe9\xec@\xdb\xe0H\xcbLK\xcf_\x9a[\xfa#\xe8\xcc\x02\x1a\xd5\x9f\xb7\xa2AS\xa5~\xd5|\xe2tny\xd6\xf1t/S\xa2\xa9\xc9\xae\xae\xc8\xcaK.\x16\xd4\x9a\x1f\x1c\x1f\xc8f\xb3C^o \x10\x18k\xfc\x957\xdb\xd7\xd6\xd7\x9d\x1d\x1d\xea\xbe\xf5\xf1\xb5{\xb1\x8e\xfb\x1d\xf1\xbc\xbf`\x05U\xbf\xaa&amp;\x93\xe6\xe37\x0eo]\xa1\x94\x8egy\x91\xe2\xbf\xdf\x8c\xc4\x9e\xef\xcd|\xf9\x0e\xab\xad\xafu\x88+\xd5\xc0\xb9\xc6\x02\r\r\rM8^\xafw\xb4{\xa4\xe5\xee\x8bX,\x02\xb5p\xfc\xbe\xc7%c\xfb\x07\xa7\xd5Ja[FB(\x89\x9b]\x13\x13\xfbU\xac\xe1\xe1\xf9\xa9\xc1\xb6\x81\xec\xf44\xb0\xbe\xe1j\x8d\x05\xde\xbd\x02\xb3\xa9~\xb4\xbd\xe7\xf6\xb5\x9d\xbb]\x05\xbf\x9f\x06\x83\xe9p\xa9\x18\xce8\xac\xd6\xc5e\x06\xb1Df\'nN\xacT\xb1\x1eq\xac\xef\xc7\xfbZ\x81\xe5\x9d\xe6T\x00jll\xbc&gt;\xd6X\xdb\xc8Ukh\xa8\x1f\xed~\xd03r9\xe2\xb7d\xbf?=YL\x87O\x9c\x1e\xd5x&lt;\x04\x97\xa2\xc5c+\x13+\xfb;\xa0\xfa\t\xabj\xf7\xa6\xda\xda\x0fkq\xc0u\xb5\xb6\xca\xd5\xd4\xd0\xe0\x1dB\x0ft\xfeq\x95\xa2\x19\x93j0\x19\xfe\xc1\xe9\xcdf\x96\xef\xca\x02\xb3\x80\xb5\xf2\xfc\xe5[\xb1\xdeb\xa1\x0b\x87\x80\xd5X{\x1d2\x81\xed\xea\xd5\xab\xc0\xfa\x86\xcb\x05\xac\x81\x07\xb7\xff\xf9\xc4\x92\xc1\x154\x93\xe1\x8c\xd3{\xe0\x01\xc5\x9c\x16h&gt;\x1e\x9b\xf8\tk\x9e\xe7C\xeb\x7f\xb9\x02\x81\xc6&amp;T\x11\xaa}\xc8\xd5\nT\xd5j\x1d\x18h\xde\xbb\xb2j\t\x9a\x114\xca\xdb\x87N\xab\xb5\xc8\xaa\x1f]\xc5\x13U\xac\xbd\x19N5\xff\xfd\xdb\xd8\x1a\x1a\xcaz\xbd\\\x9d\xaa\xe3\x03c\x90\x0c\xbeo\x02\xd5P7\xe4\xbav\xe5I\x92\xe9&gt;\xcc\x9fm\xa7C\xfe\xc2W\xb0&lt;\x11\xa2\xf1x\x04\\/\xf7\xde\xf5!\x12\xbe\x95cM#\xb9\xbcoS"\xd0\xc8\x15k\x1c\xab\x8a\xc5\xd5z0\xd2\xff\xf8\x89\xaa\xa4\ru\xf2\xb5\xd3\x0f\x19\xae\x05\x85\x9b\xcb\xaab=G\x9av&gt;\xc2&lt;\x04V7\xaf\xa1\xd7;7\xc7\xe5\n\xc0b\xdc` \x1b\xab\x8a\x95\xe5X\xcd\x97\xff0\x89\xc5\xd94\xc3\x8ec]\xf8\xb3N\x89L\xfc\x1dU,\xcc\xe9\x1b\x1f\xdd\xc6`\x1e\xbf\xf5\xec\xd9\xb3Q\x085\x87\x9c\xe7H0&lt;o\xc8\xebM\x9c*\xdb\x8aI\xd96&gt;r\xf9J\x9a\x7f\xd4\xeb{\x12v\x1c+\xb7\x0c,\x19X\xe0\xba\xd7\x7f\xe5\x1f\xff\xfa\xfa\xdbO?\xfe\xe4O\xb7nu\x8f\xce\xcd\xcd\xd5\xd7\xd7\x07\x9aj\xaf^\xba\xf4\xc1\x07\xbf\xb8t\xe9RmcS=\xb4\x1a\x18\x00U[\xdb\xc8\x8d+I\xc3g\x14\x8b\xc9\x92\xe3O\xb0?_f\x14X\xfe\x0e\x80%V\x93\xe9\xc7\x8f?\xfb\xee\xebo?\xf9\xeb\xaf\x7f\xf7\xdb\xdf\x80\n\xf9\xf0\x1fV\xcd\xf7\'\xcd\xf5\x8c\xe3/\x9a\xbeh\x16M\xdb\x17D\xb0J\r\xc1zhg#\xfe\x88\xfc\xaa\x04E\xb1Bt\x05G!\xa0\x82\x86\x14\xf1\x1c\xd1\n\x15P\xe3\x99\x16\x14\x0f\xa80\x1a9\x16\x1b&lt;\x10\xab;\xe09\xad\x99\x1e\x9c\xa9\x82F\x8d[\xd5\x88\x87\xf9\xe38\xe3\xce\xb4\xda\xe8\xd4\xcc\xac]\xb2d\xd7\xa3]\xb6?\xe0\xb9\x9f@\xc2\xbbO\xae\xfb{_\xf7\xf5\xfd&gt;`\xb1wkk\xad\x14\xab\x0b\x1bO\xc0A\'\x85\x91\xa2\x82\r\xe2\x93\xc8\xea\x1f\xb6r\xb2&lt;\x96\xac~5\xea\x92\xff\n\xb0\xa2\xaf\x8aD\xa2N08\xa2\xaa\xb8\xe7\x16\x8bG\xbd\xb5\xbb\xf1l2G\xabOM\xc6c\xad\xb5\x94\xfb\xf7\xef\xd7Rjk\xbb\xbb\xbb\xfdi9\xab\xa5\r|:\x9cU\x93&gt;]:\xdd\xef\xe1x8M\x1e\x0b\xea\r\xe2\xf5\x1f\xae^\x8b\xfeU\x95\x08\x8c\rbs\x1a9qqyy\x1c\xcb\xe0\xe2\xc8zNaj\xc2\x1d\xc0\xfa5\xa5\x96\xd2\xbd\xbc,\\&gt;\xf5/\x9d\xcd\x8d\x8c\x8cl\xcc\xb3\xc46n:n}\xda\x9d\xc5\xe1\x0c\xb4\x0e\xa0\x1ft\xfd\x08\xda\x02G*\x82&gt;_P0&lt;\\\xd0\xdf\x94\x97\x07\xe3J^\x93{~\xf1Ya2.\x16d\x85\xed\xee&gt;]:[\x02\xa6\xdd-X\x07\x8b\x07\xf3\xf3%\xd5i\xc2\xd3\x8d\xcc,\xce\x80\xc7\xe3A\x1f\xeb\xf2\xef\x00\xeb\x8b\xb8\xcf\x80\xca\xf0\x10\xf4\xbe1\xb2\xb1\x98Y\x03\x13gc\xeb\xd0bv\x8e\x16\xb61\t\x97\xea_\xdf=\x18\x1aR\xbb\xddj\x8b\xe5\x00\xc0\x0e\x06\x0f\x16\')\x0b\xab\x83M\xb0\x89j\xb5\x1a\xf5M\x846\x1f\x1d\x9d\x15wCT\x9c\x9bO{Q]\xdd\x90\x9d\x9d\xfd"\xc3P\xa3\xd3\x15\x0c\rn\x10s\xb4\tX\\\xf2\x0fs\xbbC\xadC\xadM\x03\x96V\xb7E}\xb0\xb8\xbb\xbbx08rj&lt;\x9do\x05\x8b\xa1V[^\xa1\x8b\x15\xf5y\xd4\xd77\xa2\xaf=\x8f\x135\x1a\xf2Y%\xcd\xcd|\x06,ZYy\xc0\x0c\x161\x7f\xa3\xa1P\x8f\xbb\x032\x1f\xd9\x9d\x1f\x1c\xca\xcd\xcc\xdf\x18Y\x9f\\:\x9b\x9c\x9c\x9b\x9b\xdb=\xf9h\x0c\xcf\xf5s,\x96Q\xf5\xe8kT\xa9\xde\xaa\xf3\xbe\xff\xedg\xd1W\x9fW\xe9\x86\x01\x8b\xc6\x9a\x99)\xa35\xaf\xaf\x9e\xcd\xcd\xfb|\xe6\'\x06V\xb5I\x82\x8bO\xcd)\xad.\xa1\xd1\x18\xbdut\xae\xac0=\'--5mu}n\xff4\x1c\xf6\xbb9\x96\x97\xa3\xea\xdf\xa3j\xc7.o\x0e7v\xbe\xfc\xe2\xd2\r\x8e\xae\xb1\xa0\x07\xb0\xca\x02*Ue\xe6\xe0\xe2\xee\xd2\xd9H\xc0g6W\xf2\xa5c\t\xdd\xb8t"\x97N\xaf\xab\x13\x8b\xc5\xf5\xd5\rR\x99^\xabMM\xcb\x99|\xff\xde\xe8]9\xf0X\xa0\\o\xd1-\x16\xb8\n\xde\xe3\xab\x97~\x99\x05#\xb3A\xc5*\xf3=\xd15\r&lt;\xbe\xf4m\xd5\xe8\xe2\xe4\x08\xec\xa39T7\x96\x9cD\xd0\x0b\xb8R\xa9\x94\xab0\t\xc6p\xfe\xd5\xfa:\xaeD\xafMO_\xfe\xb8\xe25\x9eX\xd4\x96\xd1\x13T\'\xf9\xa8\xf7O\xf6j\x1a;/\xfd".\xaf\xc0`(\x07=\xe9\x1a\xfb7_v^\xfd\xb6j\xff\xe9\xa2\x83e(~2\xdb[\x91BN\x91\x08\x04\x02\x19\xd7V\'\xe67L\xfas$E\xbdu\xb2\xc2\xb1\xf4\xd3\x15\x04\x0b\xf4&gt;\x8a\xee\x10\xf8\xe6\xe4\xdd\x1e\xaf\x91\xd7y)k\xb8\xe7\xa1j&amp;\xe0{\x929?\xb8\xf9=\x0f\xec\xe8\xab\xb7Og&amp;\xca\x0c\x80\xd5\xde\xa6l\x93H\xc6\xd2Rw\xa6TC&lt;\x9d\x07\xba\x06\xd7$\xed3\x11\x0b\xfd+F\xc0\x1aU\xabG\x7f\xbc\x82\xe6\x1b\xff7[\x80\xc5\xd3\x89\x1eg\x15d\xaa2\xcafg\x03\x01\xd5\xf4\xee\xc9\x96{h\xdf\xbf\xd4\xc0gLd\x16\xcf\xf6*\xe4\xcc\n\x89\x92|\xeb\xb8w\xe4\xa7?\x8a\xae\xfd\xe6q\x96{\xda\xa60\x99d\xc4T\xc0Z\xd9\x1cU{\xf6o\x7f\xf4\x1b\xd1\xe3\xfa|\x10\xc1\xe2\xf1D\xcf\x01k\x82\xc6`\xb0B!\x07\x8d\xf6\xe2YC\x11\xb1\x94+m\xce\xc8\x1c\x0f\xf5\xee\xc8\xe5\xec\n%9aL\xb6\xfa\xf1/\xc5UU\xbao\xf6\xdd\x06G\x9f\xc2DL\x17\x86\x11,\x8b\xe7\xa7R\x85\\\xefE\xef:\xccE\xb0ZxU\x9c\xe2L\x15\x8b\xc6\x17\x8b\xf9|\xe8\x026\xe8\x02\xc4\xa2\xecjF\x86a&lt;\xd4\xb7\xc3\x96\xb3\xd9\xca[\xf1\xc2#"wr\xcb\xed\xde|\xba4\x9213\xd5\xa7\x10\xa4\x1fm#XC\xf9\xb66\xe5-\'\x05\xbd\x0c\xe9\x13V^^qn\x19\x8b\xd1\\_M\x87\xf3&amp;\x03}\x13K\x8b\x9e\x89\x19e\xe3\x01\x07\x82%g+S\x08GGGiD\xe2\xea\xd2\xd2\xe4zv3\x1f\\\xb7@\x9b\xb0\xe0]\xd9=(\x11&lt;"9\xff\xf6/\x1czm\xeb|\x13u\xbc\xac\x0b,1\x1d\xc9\x8b@5\x02"Q&amp;\xb5\xd59\xca\xc7\x03S};`5\xd8\xcc\x14rl\xf7\xf2)\x0e\x87K\xd3\xeb%p0%0\xbb&amp;\xe2(\xe1\x95\x93\r=\xf84\xff\x9f\xd7\x16P\x8b\xdd\xael\xbe\xe3\xf1\xf6\xf6Z\x06.\xb0\xf8t\xa9I&amp;C\x8a%0)\xda\x15S!p\xd9\x17X\xf2\x8a\x94Gx\xe0Z&gt;\xc2\xc5\xdc!\x90\x13\x13\xf5z\xad^\x9b\x88\x13z\x8ds\x93\xb1T\x12\xa9\xfb\xe7\x88\x175\xac7\xfb\xef\x10\xc5\x7f\xc2\xe2\x03\x16\x92\xb4U\x08\xd8\xed\xed\xf2\xe3&gt;\xc7\xcc\xffa\xb5\xdd"Q\xf11B\x8a\xb0;\x96@ $"\x0b\xc1\n\x87\xcf\xd2\x92\xf0\xc1\xa05BB\xef\xfa\xb9\xf2\xbe\x86\xd7\x02k \xaf 3\x1f\x14OW(\x90\x11\xfd\x98\xcd\x963\x15u\xa1\x80\xd9\x17\xfa;\xd8kd1S"\x1a\r\x1eK\xa1\x08kc\x92\xf0\x042\x19\x01C\xb0\x96\x92\xf1xM\xd0\xfa\x0f\x17z\xd1\xe9\xed?\xd5\xf0:\x01\xeb%`e\xd0\x9a\xeb\xc0\x88!\x19\xa0\x9c)\x19\xabh\xef\x9d\xf1\xbd\x9bq\xf4\x1d\xcb\x99k\x08\x96\xf2Q\xd0\xea\xa2\xc6\xdc\x8d\x81\xa1\x10\x8c\x06\xf9S\xb5\xbc\xfeT\x02\x06\xb0\x82\xdb(&amp;\xbaokZ\xba\xba\x00+k\xb8&lt;\x83!\x06\xc9\xf7\xb5#\x95b\xda\xc7$\x8a\xa9\x80\x19n\xc4c\xe6\x9a}m\r4\xdf\x16\t\xba:\\\x1a\x97\xd5\xea\xd2 \xfe\xe7\x16&lt;8\x8a\xf7\xd0\x9f\x98H\xd5\x04]\x1a4_\xf3\xbf\x1e\xbe\xc0\xe2\x14Tf0\x9a\xc5\xf5t\x9b\t\xc9\xfc\x94v;S\xe1\xf0\x99}S\n\xa6\xddI\xc2G\xeccrf$h\xb5vX5\x1a+\xc0\xe1\x11k\x9d\x98\xdc\xbd\xe0\xf5\xfa\x13a\x0f\x83\x1a+\x9a\xf9\xd6W\x05\xbc.\xe0\xfa\x1f\x16\x17\x89o\xdb\x9cN{\x05}\xb6\x1c\xb0\x8e\xed\xce\x84\x05\n&gt;\x82;\x96?\nB\xa5\xa0TT\x8d\xc6u\xbe\x8b\x84x\xa1\xf1\xd0\xeb\xc7k4\xc1\x0f\xaemT\x13\xca\xfe\x96\xce\xae\xaeN\x04\xab\x0c\x91\xbc\xd4$\x10 \xa1\x96\xd3It\xcc\xcc\xfa\xca\x1d\xc7ZBmx\x9bJJ\x16\x1c\x93\\Vx\\\x1a\x8d\x86\x1a\xc4\xe3\xc9_\x12\x08\xf1\xf7\xc3\x87\xdex\x97+\x08X^4\xb1\xa2,-Hh\x0cX\xb9\xaas\x93/\x130\xdb\xec)d\xa7\xb6:0;1[6K\xd7;\xf1X\r\x1e\xca\'_\xeb8_\x08\x19\x15I\xe1\xee\xc5\xc6,x\x0f\xc3\xf1\xd6\x7f\x7f\x80M&lt;D\xf3\x1dF\xd4\x16\xaf\x93\xd7"\x02,C%\x82\x05\x17O\x9b2\xc5Ivrg\x02\xa1)F\x89\x8a&amp;\xd3\x93I\xa4D\xbb\xd3\xbe\xc6\xb4vl?X\xe8x\x80\x14\x0c\xb8\xee\xc5&amp;\xd5n\x1fz\x8d7\xad\xd6\x0f\x11\x12\x15\xd5\xa1\xf9\xca\xbe\xae\xa5E\xa7{\xc9)\xee\xa9\xcc(\x01i\x99\x04\x12\xa5\xd2\xe9\x1cc\xbc\x0b\xb0\x1c\xaab\x9eO,\xd0\'\xea\xa5\\{$b\x0f&gt;\xe8\xd8\xdeF\xcau\x8e\x15{\xf3&amp;e\xdb\x1b^\xc1\xb8\x82?\xafE\xb0\xa8bE\xbdjl\xe9&lt;?\x89=\xb9\xf9\x17X\xc8\xfb\x811nh\xcf\x1c\x9a5\xefuu\xcd\xd0e\xc4\x92\x96._/s\x8d\x04[\xb8\xddq\xd7\xe5\xc2h\xe0\x16\xa4\xde\xc4R\xc2\xde\xf0\xc2]Wd\x8dD\xedF7\xff~\xdd\x8a\xb4\xf9\x0b,\x06\x82\xc5\xae\x90\xb4\xb5U\xd8\x1c\xe6\xbd\xc0\xc4l\xb9\xc1lf&lt;+\x92\xbc`9\xfe\xf9\xd7c&lt;\xf4\x87\x8e\x8e\xeb\x18\r\x06\xcaE\xa5b\xe1 \x86\x8d\x14\xad&lt;%\x16K\x88A\xd7&amp;^\xdej\xe4\xfd\x17\x8b&amp;F\xb0\xd8HH\xa4\xa8\x9b\x9a(+\x1f\x1f\xcf\xa7\xd1\x1ctI|\xb2=b\xb71\xa9\x80e\xb5\x02\x10\x15\xa1\xa2\xc6\x08\x85\x0bF\xe3\x91\x93\x94$\xbc\x83\xe2\xb0u!\xae\xef\xdc5{5\x88\xe4s\xf3\xa7\xf9\x80\x05\xa3\x03\xbb]a\xa3\xf7\xf2i\x95=\xe3\xb4\xea\xd2"Y\xda\x0f\xc4B\x85M\x9e\xf2Hc\xbd\xdbq\x9dz\x8fJ\xc5\xc0\x176\x86r\x1f\xb0\x921\x18LL"\xf9\x10e\xa7\xff\xe6\xd5AO\x8f\x9aS\x90\xf90\x7f\xba\xa4\x9e\xcb\xdd\xd91q\xeb\xc0Y\xd3h\xaa\xca\xf1\xca\x92R"Q\xba\ns_\x91\x80\xa9L\xf9Rs\xdd\x85\xb9w\x0f\xb8\xa8IT\x8c\x90B1\x1aW\x08\x18\xcc\xcd;IB\xd4\xff\x00\xf4\xe6\xf6w\xaf\xbe\xe1 \x16\x03nE\x9b\xadO\xc1\xe5\x97\xb0\xe0\x07|T\xa1\xea\x9c\xc2\xc2\xff\xd0n\xfe1M\xdey\x1c\'\xa4\xa2\x98\x10\x93\x9a"\xed\x93\x94\x92\'-\r4\xed\xb0?lm\xa9\x07\xad\x95\xae\x846\x81\x1e\r\x96\xfe\x18;\xb9@\xee\xe0\x88\xab\r\x94Z.\x15\xc2\x05\xff@]\x83\xdc2\xa0\xcc80\x137\x01a\x06\xe1\xb4"\x8dl\x08\x0e\x8f\x1f\xbb\xb9D1\xb7-\x8a\x19g\xc8\xfc\xeb\xde\xdfG/\xb9\xff\xe5\xf9\xd0\x92\xfe\xf9\xca\xfb\xf3\xfe~~\xb4\xdf\xa7\xca\xbbl29Ja\xb9\x82\xbc\xccL\xa9\xb1\x8dpI\xa5YMM\xc0ZD\x8d\x97\xcaD\x97\xa6Sv&gt;\xd2\x1fc\x96\xb7j|\xc5U\x86\x93\x06\x83\'\xa1\xd1\xb8|\xbe\xa9\xc2\xc2\xf2*\xbfRi&gt;\xe9\x9f\xf4z\x1b\xfa\xdc\x15\x1fV4\xd3\x87\x0f\xb7\xfd\x11\\F\xa3H\xd1\xa4C\x0e+1\xd5d\xcb\x9aX\xb9-\x95\xde\x7f\xd9i\xb1j\xacS\x91 \xf6\xf9H_\xb1F3\xe5\xab2|z\xae\xf3b\xce\xf9\x97\x9d\xbf\x13\xd8M\x8e\x98\xbf\xda\xef\xf0\x07h\xaa-7\x97\xe8%R\xe8\x08V\x93\x02\x19\xed~\x9e\xc2J|\xf3\x19\x83\xa5\xf1T\x95WU\x9bB}\xc5zO\xe1?6\x11\x1b\xe7/\xaeb\x82\xc04\xea\xf6\x97\xfa\x1bLf%m\xfc\x7f\xac\x872\xeeG\x87\xb3.\xb1t\xe5\xed\xfa\xd98\xb0\xea1\xa0bn\xf6\x9b\xfa|SSw\xee\xdd\xd9\xde\xde|\xbd\xb9\xb1\xb2\xb2\xb2\xba\xb2r\xfeb`b\xc2/6\xab\xcct\x1b\xc1\xca\xccl"\x8e\xff\xee\xd2\xfd\xfb?\xb2v\xa12\xffJ\x1c\xder\xb9\xa6&lt;\xc1j\xbf\xbf:\xf2\xf5\xbf\x11_|\xf1\xf5\xf6\x93\'O666N\xe0\xbd\xf5As@mV+\xcd\x81\x83\xc0\xca\xe4\x02\xeb\xfd\xf6\xf6\xae\x94\xe9\x94i\xb6\xa8R\xd2\x07\x07P \\.k\xa1\xc1\xef\xf6wtT\x15\xdf\xbd{\x0fL\x9b\x9bO\x98\xd8\xde\xde~\xb2\xf9\xe9K\xb1\xdf\xae\x16\xd0\xf4A\x82\x95\x85\x1c\xdeog\xf7Fl\xc6\xe3\x01m\x9d\xcbUg\xd5\x1b*\xb0\x05v\x9c,\xd7\xa3\xdbl\xbe\xde\xda\xdaZY\xd9\xda\xd8\xda\xdax\xfd\x1a\x88\x1f\x7f\xfcw7M\x91\n\xc1Eu\xd0\xfd\xd8\xde\xce\xee\xbd\xf9\xf43g\xe3Z\x17\xa2\xd8P\xe1nn\xf6\x07Iq\x08\xbe\x86\xafV\x9f\xbe\t\x82\xf7\xb2b\xc2\xed\xa6\xa5\x94\x91\x96*tM\x95\xef\xdf\xbf\xff(\x85\xddx\xd48\xa0\xb5\x00+\x11t\xf8\xddn\xbf\xa1\xbc&lt;\xd2P]\n\xb7\xaf&lt;\xfd\x0f\xe2\xe9\xd3\xd5\xd5\xd5\x8bd=\xa4i\x91\xc8H\xc9\x9a~\xafC\x12\x1f\xb2}{8c\xfe,\x83\xa5\x89\x980\tvTWa\xae\x8f9\xc4\x13\xab\xab\xe7/\xfe\xf3\xf6\xed\xdb\xccOvt\x1e-\x15IE")%\xac\xc4\x1e\xab\xd3=d\xfb\xd9\x87\xe9\xc7\x8c\\d\x14\xac&amp;\xd7V\x0c\xc1\x86`C\xc8k\x17;\xfc\xa5\x9d\xe7\xf3\xb2\xa5R*\xdb\x98\r$@\x01\xab\xbb\x12\xe3C\xe5b;\xeb\x0f\x18\xfc\xeb\xc6\x80\x16\xae\xb7&amp;\xc8\xfaSm\xa8F\xc4\x1aL&amp;\xafif\xd9a\x0f\xc8i\x8a6\xd2F\xa3\x14\xcd\xd0(\xa5(a\xb7\xb0\xbb\xbbr\xf1\xdbi\xb6\xd5Z\xfa\xbeQ\x0b\xb9\xea5\xfa\xf2\x08\xb6\xd8s\xa5\xd0\xac\xb44f2\x8d\xce\x98\xc4\xf6\x80\x84&amp;}\xd0(\x95\x1aax\x9a\x92\xc9\x84\xc2\xee\xc5\xc5\xe7l\x8b\x952~\xe5\xc60\xe1\xb2\x16\x17z\xca\xc9\xbe\x88\xf1\xb9\x02\xfd&amp;\x16Z\x137OH\x0e\xe6\x19\xb3\x190@\xd1\xb4 \x07\xf1\xe2\xd7E\xd6\xef\xf1O\xcf\x9f\xfd\xa1q\x98\x91\xab\xb8\x10z\x05\xcfuV\xb8\xdd\xe02T\x9b\xb0c\x90\xfc\x19\xdb\xf2\xda\xdahr\x9fE.\x07\x97\x00X\xac?\x8d\x91~%\xda\xf83\xb0,uV\x8d\x9e\x14\xads\'\xb0\x03\x1du\x1f=\xea\x9e\x90\xd0R\xd8\xdc\x98G\x88\x0e\xe62T\x88\x17/~\xd5\xb1\xffH\xcd\x8d\x91p#\xf9M\x87p\x11,\x03\xb8:\x8fb\xb0\x0f\xc8\xa9\xec&lt;\xe9G\x87i\xf2\xad\x03yI\x80\x85\xbf\xabW\x17\x1f\xb2N\x95\x7f\xb6u$:&lt;\xc4\xe8\xe5\xd3{\xca\x89\\\'Nt~\xf8A\x81DNQ\xa4h\x19\xdb\x0e\x16\xe4\x16\xe4\xe6J\x94r\xb9\\\xa9T\x02\xab\x9du\xac\xd4\xcfZ[mq\xc2\xa5\xd5\xba4\x85\xe5\x18p\xc0\xe5\xaf\x98\x804B\xbe,\x9b\xc9_n\x01\xc0$\x04J\x05\xaa\x17\x8b\xdf\xb1\x8eu\xbd\xa4\xb5u\x84p\rYZ\xc0\x05{\xc1\xf5\xd5\x1d\x15vy\x8e\x0c\xa5S(\x91\x14\xe0U\x80\x7fJ\x81R\xa5\x9a\x9c\x9c\x14tW^b\x1d\xebZ\x18X#\xce\x01\xe8\x15\xc7\xc6\x88\xe3\x08.CG\x85Z \xc8\x91\xbd\xa8\xecF7\x0c4\x17\x14\x04\x88V\x04\x8a\xc1b\xbfl}\x15\x1e\x01\x96\xcd\xa9\xb5\x0c\xc7\xa3\x03\x16\x17)\x13U\xc1j\xb1YmV)\x05\x02\x99\xb2\xb9Y\xec\x9d\x08\xc8\x95\x82\xab\x0c\x94J\x90#d\x1fk\xba?&lt;\xf2\x17\x84\xad\x07\x9e\x8f\x0f\xc4-\x96\x84&gt;\x12\xf1\xf49\xbc\xe25\xacdJ\xb5\xbd\xd9\xbbf\xf2\xaaU\x04jyyR\x8d\xdc\n+o\xb1^\xb6\x1e\x87m6\x1b\xb8\x9c\xe0\xd2\xc6\xe3Q\xad+\xb1\x9eH,4\x84B\xa3\xde\xd8\x9a\xd8\xeb\x15\x9bb\xa1\x99\xc9\xc9\x99\xe5\xe5e\xf3\xa4J\x89\xfe#\xacd\xbd\xc8\xa7\x8c\xdb\x9cN\'\xb8N1\\\xdap|\xc0\x9aH$\x13\xeb\xeb\xc9\xf5\xd0(\xda\xe2\x1a\xa8B\xe4\x07\xea\x99e\xb3Y\x85ZF\xe5\x08u\xec?C\xf6\xbd\xcd\xd9\xd3C\xb8\x984Zz\xb4Q\xed\x10\x13\xc3\xc9\x85\x85g\xa3ss\xa3\xeb\xa3\x88\xb9\x19\xbbY\xadV\xd1\x14ES,b\xfd\xa9+\x7fz\x1a\xd3I\xfa\r[OO\xcbM\xe7\xa97rY,Vm\\\x1b\xb6\xc5\xa3\xf1a\x1c\xce\x9f\x93\x0b\xc9\xe4\xb3g\x0b\xa3s^@\xa9\x03J\x8ab\xd4\xeabg\n\xcc\xbf\xb0468??&gt;\xfe\xd3Oq[OKMM\x8b\xf3\xd4\xa9SN|\xc0\xe0\xe5r\x86\xc3\xb6p4\x1a\x8e\x0e\x0c\x0f\x0c\r%\x87\x92\xa3^/\xd1J-\xa1\xa4"\x8a\x12\x08u\x8fxl4\xc5\xfc\xfe\xde\xfe\xb1\xf9\xbf~RRRr9\xec\xbcY\x83\x80`N\xe7\xcd\x96\x1aK]\xbd\xd5juY\xe2\xd1\xe8@\x1cz%\x93\x0b\xa3k\xf0\xbd\xd9\xac\xc6\xe8\x85\xc6MFA\xdd7{8l\xd4\xaa\xdeZ\x06\xeb\xc8\x91p\x89\r\x1a\xd5!jn\xde\xfc\x1b\xb9(\x0f\xc1\xac(\xaa\t\xbd&gt;\x91Hx&lt;\xe4.\x89WL\xb4\x82\xdb\xc9\xe8\x0c\xacn\xdd/]\xbc\x9dOc\xd7l\xedq\x82u\xb9\x04\\pz\x8d\xab\xbe\xde\xea\x82b$\x80Ug\xf5\x15\xeb=\x88\x08\x81r\x10[\x05TrH\xc5\xe73j\xc9t\x0f\xbeMM\xdb\xe94\xa6\xd7\xf6^(\xeb\x1d\xfb\x92`\x1d\x03\x16\xb9\xbc\xaf\xd1h|.\xa2\x19qW}\xbd&amp;\xe1\x89\xbce\xb2\xabUJ\xa5\x04#\xbdT\x94\x89\x00\x15\x92\xf8\xeaZj\xdaNs\xe5/\xf5\x97\xed\xefg\xb0\xfe|,\x8c\x1c\x92\xc1\x14\xa1\xf1Y\xeb\xeb\xeb\x08\xa3\x1eH!\x93\x03\rH\xa9\xc48J\xd1r\x8a\x96\xf2\x01\x85$2\x05b\xee\xb7[\x1c\xde\xce\xda+\xbdl\xfct\xd1\x81\xaf\x08\xd6\x91c\xad\xc8!y\xd2A_\xa8\'\x014\x9f\xa6\xd8\xd3\x172\xe1\xe8\xa1%\xe6\x88\xf8\x99|\x91\x0c\xd5JJ\xa4\xc2g\xa2\x96\xac\xfb\xd9/]\x9c\xb4\xb4];+\xd6Xm\xd1\xbe"`}r\xac\xb55\n,26\xa0\x0fF\xf0&amp;l\x9e\x06\x93X\x8d\x8eL\x98\xb8\\n&amp;j\x02\x05\x992\xb9D.|\x16\xe4(\x93\xaf\xbav\xa5\xed(W\xfa\x99\xc1\xa5?\x14\xed\xdd\xbb\xf4\xe5\xe7G0\xd28[\xb0\xf3h\xf48q\xc1`CCC_\x04\x87/\xe65\xab\x042~V&amp;W\x01\xac,&gt;\x14\x82\xb1\x00\xc8\xa8E\xd3r{\xf2\xd5\xad|`\xf1v\x8e\xeb\xf8\xe0\xe0,\xb0\x0e\xf5_\xb9L:t\x0f\xb3\x8a\xe9#At\xbe\x90)\x14k\xe8\xeb\xeb\x0b9\xccJ\x81L\x98\xc5U(\x00\xc5\x17\xca@\x05&amp;.\xf1\x16\xb0\xe4\x01\xb7\xe6AZ\x06\x87pqv\xcaX\x83\xf3\xe3\xb3\xb5E{\xf7\\h\xecA\xcb\xb1\xb5X,.\x1f\xdc\xc4X\xdc\xe4p\x98b\xe4\xfc\x89UrAV\x96B\xc1\x17e\xf1\x85B\xe6\x10r\xdfb\xd1\xb4\xa4\xd9\xad\xf9-?\x83\xc3\xe1\xa4\xf1Rw\x86\xabllpp\x0cX\xfb\xf6\x1c\xfa\xa1\x8e\x94\xf67\x0bb\x84\xb9\xc4b\x16\x8b\xc5\xe0\x82\xdf\xc5\xc8"\xb9\x06\x0b\xa9\x84|\x91\x10\xc6\xcaTp\x19\xcbS\x0cV\xe2y\xfa.P\xa5\xf1v\x86k\xff\xd2\xd8\xd88\xb0\xca\x0e\xec\xe1\x9d\xf1\xdd\x03\x97\xc5E\xac\x85\x1c:L`Q\x9b\xc5\xde\x10\x8a\x95\xd8\x8eq/KA\xc8\xb2\xb0\xdd\x13cq\x19\xb1D2\x8a\x96\x14T\xccq\xfe\x87\xc5\xe3q\xde\xf5\xeb\x88\x8c\xeb\xb3\xb3\xb3KcK\xc0zo7o\xf7\xba\xef.yx\xa7\xde\xaa\xf1D\x82\x0c\x8b\n\\^\x07\x9a\x8d\x98p\xf1a/p!\x89\xa27T|\xa6\xf7\x00+\xf80\x83`1\\\xef~\x1ey\xb3\xbd\xbd\xbd \xeb\xad=\xbe\x7foj\xda\x99\xe2;\xf55.4fb\xad\x18\xc9\x9cZ\x15P\x81\x8b`\x89\xc5\xcdd!\x13"\xf82.\x8e$\xac\xc5\xe73\'Q21\xc3I\'\xd6"\\\x08\xce\xbb\x95{No\xef\xe9~p\xf5\x02\xab\xe8\xc0\xa14\xde\xdc\xc7&gt;\x94R+\xa9\x9f1\x82\xc5\xf4\x19\xb5\x1dRa\x8a\x17\xdb\x03\xf2\x9c\x1c\x99L\xc8\'4\n\xa2\x16BH\xb0b\xd7\x88X\xbb\xde\x82\xe1\xbd\xeb\xddZ\xe1\xe9\xd3\xb5\x04\xect\xed\xf1\xb2\xf7\xf6\xa6r\xaey\x8a}\xa4\x1b\x92\xaae\xc2A$Xrp\x911T\xa5\n(\xc96\xc1\'X\xc4\xf0L\x1e\xb9\x99R)m\x7f\x90\x9f\xce`\xbd\x01\xe3px\xfbv\xff\xb7\x93\xf3\tm\xe3L\xc3\xb8g\x98?\xd2\xc00\xe0a,Y\x01\xd79d)H\xb1\x06\xbc\xbb"\x14\x1f\xa6\xb9\xe90\t\n\xc8\xb0\xc3n\xc9Ah/\xf6\x82\x0e9,\x0b*\x06\x9fl\x16\x0c\xc3\n\x8c\x0f\x02\x11]d\x8ce\xd5f\x0b\xa9\t{0Ak\x17\xd7K\xb3%l\xb6\x11$\x87b\xf5\xd0\xad\x11n\xfd\xaf\xcf\xfb}3\x92\x12\xdan\xdbW\x16\x18\xd9\xd6\xfc\xf4\xbc\xcf\xfb|\xdf\'\x1b\xffb\xb0d\xb1P&amp;\xacr\xb9Z.x\xbeiD\x14\xe9x\xe6\xa3\x8f\xde\xfd-K-d\x03\xf4\x99\x9eJL\xc1_\xa4\x1aV\xc3\x04\x89\x85&amp;\x8eS\x13\xd3\x81\xeb\xdf\xfe\xd5\xdfZzT\x0f\x91H\xb0\x88\xa0\xfdB0Y41\x80\xc4U,\x96\x8b\x05\x0f]T-I|\x82\x15\xfa\x9d \xb5\xde\xa3\xcd\xc2\xd4\xf5Db\xfa\xc1\xaf\x81Eo\x19\xa5\xc0\x85\xb4gHl\x1d\xa2\xd5\xe7\xee1\xc4\xd2\xe5\xddS\xc6$\xcb\xb2\xa2\x1aZD5\xd4\x9f\xeb\xb1\xa8\xae\x18n\xa1Z\xf3\xca\x05T\xb1X8^\xf4\\\xc8%\xc9\x9b\xb4\x08\xce\xfc\x01\x86\x07\x16v\xa0\xb4\x12^OLM\xf3w\x8c\xc0\x05\xad\xc0\x93N\xe7\xd3\xa4\x18\xa9\xf5\xe0\xd9\\\x94z\xd8k?\x0c\xb0$KU\x8d\x98\xa1\x8a\xca\xcf\xf9\x97-Q)cz\xd0\xa7P\xf3\x8a\x9e\xef\x17\n^\xf1\xeaj\xcbwb\x82"K\x87\xf7f\xde\x99ab\xdd\xbd\x7f\x83\xa9\x95\x02\x17\x83\xa3\x1d\r\xbc\x15\x07O&gt;_"\xc1\x88\xeb\xda_\xe0w`=lwv3\xa0\xd2uY\x11EUP\xf1!\xe0\x85\xfeT09\xe2\x80\xc4\xf7]\xafV\xf5\\\xc7\xf5}o\xeb\xaa\xfb\xca\xf7\x99\\\xbb\x1f\xdc\x9b!gQ\x0f) \x12\xa9\xd4\xca\x041\x11Y\xea\xfa\x04\x92\x8b\xb0pc\x89::y\xe3\x7f\n\xa8t\xfd\xbc}Z\xac)2\xb0$Q\x14-Q\x8c\x08\x04&amp;\n\xcaOR\xca y|\x17&lt;\xde\xce\x8e\xed8\x8e[\xac\x1c\x1dw\xbb\x1b\xbeKr\xc9\x07\xef\xdf\xc3\xc2C\x86\xa7\r;2a\x1c\x11\x9a"\xc9\xae32\xca\xf9|&gt;\xcf\'qt\xec\xc1\xe3]\x12+yQ\xef\xec6*-\x19\xe6\x97\xc0DT\x02qi\x19U\x15\xff\xcf6?j\x99\x05\xd8\xdb\x05\x8c\xe98\xdev\xe3c\x13U\xbb\xb9\xe6}\xdb\xbd:p\x1d\x03f\x90\x0f\x7f\xf7\'\x1a\xc3\xf7\xee\xdc\xc1\xe1\x06Md\xc9\x8ehO\x11\xdb\x04&gt;\x85\xb3\xd2\xc4\x85[:\xf1\xec)\x8c\x1d\xd5\xe7:\xf5\x8b\xea\xda\xbeDX\xa4\x14\x8a\xb0TU\x83\xc72\x82\xf8c\xee\x97M\xcc\x9c\xcf\xa1L\xd3\xf1\x8e\x1a{\x86m\x9b\xee\xfa\xcd\x86w\xd5\xbdt\xb10J\xba\xbe\xfc\x8cZHZQ\\M]#\x92\xf8\n\xe3\x82\xe3\x19V\x1e`\xe9\x12\xee\xa9\xbb\x07"s\xd6\t\x89\xb5v \xcb\xf8\x9c+%p.M3bvL\xcd\xfc\xa0bz\xac\\\x0e\x94bT\xa6\xbf\xdal\xb6\x80\xe5\xac\xde\xbc\xf9\x1cm|\xe9\xda\x119\xaa\'7o\xff\x9e\xa2\x14R\xe1|3\x9d\x98\x84\xc9\xc1Ej\xa5&amp;R+\xe4-j"\xdd\xe2w\x0e\x97%r\xd6\\\xbb\xfeb\xf5QS\x0ez\xc8\xa4\xe2j\xa9\x9aa\x181\x94\x96\xf9\x1e\xc5\xa2\xd1\x182\x9dIe\x86\xe5\x96\xf7\x1b\x8b\x06\xb0\x1c\xb4q\xeb\xebnwSP\xe8\xa5\xeb\xdf\xdc\xbe}#Hv\xec\xdeS\x18\xbd\xd9Y\xb4\x11\xdb?\x8aRl\xbb\xf2\xa5&lt;Uz\xfaq\xcb\x8aR\x0f!\x96\xd2x\xb4\xc8\xe70\x12\xc9D\x06T\x90\x8ba\xa1\x0c\xf1M0\xadH+\xcckT\xa6S\xdcn\xecdl\xdbq\x0bh\xa3{y\xd6\x131\xcfQ=:wx\xf7&gt;\xb2\x81\x92\x1d\xde\x9a\x8c\x97\xf2\xa5R)M\x8aa\xbb5\x99\x9a$\xa8,2"\xf1x\x13\xf2\xe2\'\x92\x9d\xfa\x89\xbbV\xb1\x10Z\xbalE\x06P\x9c\x8a\xb0\xec\x98\x8d\xc6\xc4"\xc3`\x96\xbfZ\xe5\r\x04\x8dM_gX\xde^\xb3\xb9\x193=\xcf-\xcf\xcf/^\xb4/[\x9b\x1f~\xfd\xea\xdbW\x1bO?\xbd\xffg\x9cO)\xd9\xb1W\xa6\x9e\x81\xa4\x14_Y\xc1\x828\x01\xcct&gt;\x8bZy\xf6\x8d\xaa$u\xf4\xedE\xa73\xb7\xbd\xb6\xcd\xd2T\x12C\xb7\x03JeT\x84\x85;]\xd6\xb1C\xc5\xf4\x8cW\xad\x96\xd9\x00\x06L\xb6\xcd\xd1\xfc\xea~s\xcf( \xb0\xd4\x9d\xcav\xec`\xab\xf8\xe4\xaaKu\xf9\xf2\xef\xbf!$\xfa\x1dE*\xce\x18\xb2\xb7\xb2\xf9Y\xdal\xc5\xc7\xc7\xf2\xec\x91\xd9O\x0f\xdd\xbd\xfd\xc6B\xe3\xe8\xe9\xc9\xf9i\xab\xb1\xb0\x89\x0eJ\xc8\xd2\x00K\xe0X\xe4y\xbf6c\xee\x00\x00\x03+IDAT\x83\x17\x89\x06\x04\xfe.J\x99v\x08\x14U\x04\x051\t\x9bs\xb9\xc5\x9df\xcd,\x18\xd80;\xc5\xc5\xc5-|\xcb\xbf.\xeb\xf5\xfaY\xf7\xac\xfd\x19\xce\xcd\x88\xd0D\n\xe2dyA/L\xe4\xf8\x18i\x95\xcb\xde\xda\xf8`\xa7\xf2h~~\xbe\xc1\x16\xd6\xad\xea"V\xc6\xa8\x14\x1a^\xe5z\xf1B|i\xfc\x839M\xa3\xdf\xc4p(\xc7\x8c\xc5\x8c\xbe\xf9x\xb3\x9d\xc2Qs\x7f5f\xd9&lt;\xcclC\x88D\x96\xcf\xeb\xed\xfa\xd9\xd9Y\xbd\xf3oz\xe7\n\x07\xc2\xd1|6\x97\xcb1\xc1Jd\xfdQF5\xfb\xc5\xc2#\xaaJ\xd50\xfd\x02[\xf3\x0bn+\xa9+\x84\x15\x0c"U\x06I\x81\x19\x18\xb8\x8d\xcd&amp;\x04c\xa1n\xda\x86\x16\x1a0\xa4\xb3Mo\xb5V;*z\x05\xd7D\xe8\xd1\x8f\x8b\xf0\xeb\t\x13\xac^o\xf7\xde\xba\xf6vj|4MT\xa8\x179\xe2\x8a\x93X\xb9O\xbeXX\'\xa8\xf5\xed\x16FO\x889&gt;\x96X\x94\x1b\xe1X\xac\xf0\x84\x99\x0c=\xe9P\xba\x06\\1m\x04\xab\x9fc\xda1-\x18\x8c\x90\x8c&lt;\xe8\x16V\xf7\xca\x1e\xac%\x04O!\x12W\xeb\xb3v\x9d\xaa\xdd\xf9#Vf\xa2\xc8e\x03\xac[\xb3\x88\xad\xec\'_U*\x8c\xaa\xb1\xc5\x02\x05\x8d\xcb\xd0\xb5L\xd3\xc0f^\x14\xfb`\x11\x91U\x90\x18\xfd\x9e\x92\xddF\\Feh\x9a\xda\x07\xd3\x0c&gt; \xb6\x8b\xed_L\x13"\x83\x12-K\x10\xbf|\xd9\xe6\\\xbd\xc9\xb1tz)\x17\x14S+\xbe\xf1\xd5Be\x9d\xa8*\xcfiG3\xb4\x01T\xd8\x86Ya\xc7\xb2\xb0\xfa\x94C~#eF(\x15\x06X!X8\xb9\xf4\xb8\x90\t_`\xf8d\xca\xf2i\x87\xb8\xda\xe7\xff\x18\xebc\xfd\x13X+\x1b\xff\x81RDUy\xbe\x8c\x88\x03T\x9fJf\x15\x1c3\xd8\x11\x08w\xcb\xe2Kd0\x9b\xfd0\x1b\xa1\xa8"\xbb\xf7\xb9\x06`\xb8\xa1T\xe6\x80!.\x8b\x9eV\xbc8o\x83\xab\xd3K/-\xe58\xd9\xad\xd9\x0f\x01ET\xeb\xb5\xad9\xd6?]\x0e\xb0\x88H\xd79$\xa3R\x94\x10O\x0c\x87`\xf8\xfao`\x85KB\x9f\r\x8f\n!W_yj\x86%=\xecu\xda\x10\xec\x94\xfe\xf2\x95zHJ\x81\xaa\xd2\xf8\xfc)\t\xc5\xa4\x02\x07W\x89\xa0\xf4a\xb9\x08\xcd\xe2\xfd\x1c\x8cf\xbf\x8b\xdf\x8b\xa5\x0e\xb0\xe8\xa1\x0c\xc0\x86\xc8\xe8h\xac0\rvO\xceA\xd6\xfbkni\xa9t\xf8\xdf\xca\xc2Be\xa1\xf9yKgL\xd8+p\x8a\x10K\x0e\xa8$\xa5\x0f\x16RE\x86C\x83]\x7fd@E\xa6\x13^\x1f\x89\x005\xc3\x8a\xa8h\x18\xe9\xc6\xc1p\x95\xdd\x8b^\xa7\xd3\x8b?\x01\xd1B\xa3VE4q&amp;.U_\xab\xb0\xfag\xd8\xd7\xb1B\x9bd\x82\x99\x14\x02,\xe8\xa6f\xf8\xe5\x19] Y\x90\xc2\x03*\x8eeqk\xe0\x9a\xc9\xa4\x9c\x9c{xq\xbc\xbd\xf3|\xf1\xe39\xae\x13\xfbwy\xdcUr\xdf\xea\x1c\xf0\r\xaa\xa1\xb8\xe0C\xd9\xcf\xb0\x11\xac8\xd0\n\xb9\xc2r@\x040\x13M\x1d^\x1c\xfa\\\xac\x8bD%r.\x89y&amp;\x99L\x92s\xa2C\x15\xd8J\xe28\x92\x14\x9c^\x83\x1eJ\xc3b\r\xc6\xc8\xb2\xac\x90\xed;\x87\xa4~;\xc1\x99\xcc\n\x00\x00\x00\x00IEND\xaeB`\x82'</t>
        </is>
      </c>
      <c r="M499" s="3" t="n">
        <v>45492.67623842593</v>
      </c>
    </row>
    <row r="500">
      <c r="A500" t="n">
        <v>1177548</v>
      </c>
      <c r="B500" t="n">
        <v>7314</v>
      </c>
      <c r="C500" t="inlineStr">
        <is>
          <t>Emiliano Rodriguez</t>
        </is>
      </c>
      <c r="D500" t="inlineStr">
        <is>
          <t>E. Rodriguez</t>
        </is>
      </c>
      <c r="E500" t="inlineStr">
        <is>
          <t>CA</t>
        </is>
      </c>
      <c r="F500" t="inlineStr">
        <is>
          <t>ATA</t>
        </is>
      </c>
      <c r="G500" t="inlineStr">
        <is>
          <t>CA</t>
        </is>
      </c>
      <c r="H500" t="n">
        <v>190</v>
      </c>
      <c r="I500" t="n">
        <v>23</v>
      </c>
      <c r="J500" s="2" t="n">
        <v>37817</v>
      </c>
      <c r="K500" t="inlineStr">
        <is>
          <t>Left</t>
        </is>
      </c>
      <c r="L50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8a7712-878d-487d-83be-bb91494690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5\xbetl\x00\x00\x00&gt;tEXtComment\x00xr:d:DAEewil2SDw:3687,j:1904319450120277878,t:24032419\xd6]\xa1\xc0\x00\x00\x00\tpHYs\x00\x00\x0e\xc4\x00\x00\x0e\xc4\x01\x95+\x0e\x1b\x00\x00\x03\x00PLTE\xff\xff\xff\'(/./6\x15\x1c!\x1b\x1b $&amp;,"#)\xfe\xfe\xfe\x1d\x1f$\x1e!(,,.\x14\x16\x1b\xba\x8fp\xfc\xfb\xfb339\xc0\x97~\xc0\x9au*)*\xf5\xc8\xa4*+1\xdd\xb1\x8e\xbb\x96p\xe0\xb3\x98\xc6\x9cq\xf5\xf1\xf1\x1c\x18\x19\xd7\xa7~\x18 $\x1c\x1f\x1a\xd7\xaa\x8b\xce\xa4\x84\xc6\x95z\xf9\xf6\xf6\x85dM\xb9\x8fx0/1\xc2\x9c\x82(%(\xa5\x80b\x11\x12\x14\xb3\x8cs\xc6\x9cy."\x1d\xd9\xac\x84#\x1b\x1e\xd2\xaa\x85\xf3\xc8\xac\x17 *\xd7\xaa\x94,,4\xc5\xa2x\xd0\xa5{\xc7\x9c\x85\xbf\x91y$\x1a\x13\xe0\xb9\x92\xcb\xa3y\xf9\xcd\xa9\xf1\xec\xec\xb4\x8ek\xa7\x83j\xcc\x9d{\xc0\x91m\x9e{i\xee\xc6\xa9\xce\xa2\x8a\xc1\x96r\xef\xc3\xa1\xab\x86v\xda\xb1\x98\xad\x8am#%#zaN\xb5\x85o\xcc\x9dq\xad\x86e\xe6\xb9\x9a\x99wb\x14\x19\x15\xee\xbe\x98\xde\xad\x85\xef\xe7\xe6\x90\x88\x85\x94s_\x98tY\xb9\x98{\xd7\xa3x\xc6\x98\x85&lt;:;\xa0\x9d\x9b\xe1\xb6\xa0GBB\x9f~b\xc9\xa0\x89\xd0\xa9\x90\x89l[\x92nU\x8bqa\xbc\x8fh\xe5\xb0\x8b\x97\x8e\x8b\xa6\xa3\xa2\xd5\xb2\x8c\x9fz[\x8dhO\'.1\xc6\x8ft\xe3\xdf\xe0\xe4\xc0\x99\xea\xb6\x90\xc1\xb4\xb0&amp;\x1e%1&amp;+\xd4\xa2\x84\xcf\xc0\xbf\xd4\xa2\x8c\xaf\x81l\xcb\x96|\xf4\xc3\x9c\xa9zeb^\\lWG\x97\x96\x95\xe9\xbd\xa3\xaf\x8f{\xfb*)\x80hX\xce\xbc\xb3\xa7zZ\xbe\xb9\xb6jdc\xce\xb1\x9asXH\xb4\xb2\xb1\xad\xab\xaa}us~}{\xba\x87f\x89|{ ,)\xc6\x96o\xda\xca\xc4\xd0\x9c\x82sR=tsr\x93zj8\' \xe4\xac\x81\xb5\x84_\xb8\xad\xa7\xa0pXraV\xa2\x80pWD7nkj\xe4\xd3\xcd\xfa:6\xc9\xa2\x81fQAF- kJ7\xad\x81`\xb9\x85v\xe0\xbf\xa4\xc2\x88r\x8f\x8e\x8e:0\'\xeb\xcc\xb1\xda\xd5\xd6\x9aiP\xd6\xbc\xa6\xca\xa0\x92\x85\x85\x83}YD\xed\xdd\xd9\xbd\x96\x87aF1\xb3\x87f\xf5\xce\xb1VUT\xba\xa1\x8eF6*\xd1\xcc\xcd\xc7\xc7\xc0\xc2\xbe\xbd\xb1\xa6\xa3\xb9\x8f\x82\x9f\x14(\xdb\xa1\x87\xd7\xc2\xb5ZA,\xe7\xc3\xab\xb4\x95u\xa3\x8bu\x9a\x84r\xc0\x89iB\x18\x18R\x16\x15\xe2\xc6\xbb&amp;\x1b, 3-\x10!\x1d\xa0\x96\x91P5#\xc6\xac\x8b\xb4\x96\x83M=2^K=t\x17 \xca\xb6\xab\xd0\xa4\x9c\xe9\xc7\x9e\xd4\x98\x8d\xd8\xbb\x9d`\x19\x1c\x8a+,\xc3\xad\xa6\xca\xa9\x80\xae\xa1\x9cylk\xd2\x91qMKJ\xc7\x8f\x815\x11\x12\x89\x10\x1b\xbc|g\xc3\xab\x9abVU\xab\x99\x94\xa9\x95\x81\x90\\EU&lt;(\xf0\xba\xa3\xbc\xa2\x7f\xaft^\xb1\x8b\x81\x15)$\xba\xa1\x9a\xda\xb5\xaf\xa154VML\xa6\x8b~\xf0\xca\xc4\xd5\x95z\xec-*\xf4\xda\xc1\xbd\x12,k-!\xedKF\xc3?&lt;\xe8\xba\xb4\xaclO\xaa[U\xdeC?\xd874\xbfbg\x86Y\x11\x0e\x00\x00 \x00IDATx\xda\xec\x98oL\x13y\x1a\xc7\xf7]\x93K\x8a+A\xafG\x02\x87\x87\x1a\xafX^\x1c\n\xd8\xe8YSQN\xbb\x81\xceF\xaf\x93"\xb82cL\x8a]m.\xdc8l\x98\xcc\xe0L\xe7\x1a\xbb;\x074H\t\xb0\x172\xa5!\xb3\xe8R\xdaN\x93\xab\xec\xb2\t/\n\x07\xa9\xc6\xa4\xdb\xa6oh\xc9\xc6\\0]\x13\xde\xf8\xea\x9e_q}so\x07\xbc\x17\xf7\xa4\xff\xd3\xa4\x9f|\x9f\xef\xef\xfb&lt;\xd3\x8f&gt;\xfa\x7f\xedw\xe9\xfe\xab\xfe\'\xa0\xf4u\x06\x83\xd9\x00\x05\xcf\xf0\xa2\xaeN\xff\xa1\xb9\x10\x92y~\xc2\x9fL\xae\xbc\x99\xb7\x9b\xed\xae0*\x97\xd9\xa0\xd7\xeb?\x90h:\xdd.\xd2\x84\x9fy\xfe\xfc\xf9\xeb\xb7o&amp;\xe6\xc3\xb1x&lt;\xaezba\x97\xdd\x0c\xfa}\x00\xd9\x90N\xf6yO \x9b\x08d\xb6\x9f&lt;\x7f\xfb\xf65\xc3\xb0P&lt;\xabz&lt;\x1e\xbf\xdf\x1f\x9ew\xb9\xccu\xba\xfd\x87\x9aXI\x13^\xaf\xe8\xf5.?y\xfdv\x85\xd9.\xa6p2!\xb8\x01\xca\xe3q3\x00\xe7\t\xdb\xf7\x91\x0bL\x0eBM$3)\x91\xca;\x1c\x11%\xc1\xa43L&amp;\x0bXP\x812\x90\xc7\xa3\xaa\x1eV\x8d\xb9\xea\xf6\xcbb\x00\xe5b\x98\xf4v\xca\xe7\rB)\xb8\x90\xc8f\x13\xd9b1E`\x18\x91J\xb8Q\x13\xc1cq\x8f\xca\xb21\x97a\x7f\xb8tzsL\x15\x02Y\x0c\xc3d\x9a\xc0p`\x12\xd8x\xdc\xedv\x07P\xb1n\xd4\xbfx\xb9&lt;\xac \xa8.\xc3~\x18__g\x0f\xab,/\xd0\nN\x92d1\x9b\x01\x1e\x96UU\xd6\x1d\xc8 \x9dTw \x91H\xb8U\x84\xe5\x8f\x932\xcd\x82\xf1\xf7\x1a\x0c\xa4\n\xb3&lt;\xaf\xf2$N\xd34N\x14\x81\xc4\x9d%\x14\x05+\x16\xb3\x01\xb7\x87a\xdd\x99\x00\xb44\x10\xe0\xd9\xb8\xdf\xaf\n\xb2H\xb3a;\x02\xd3\xed\xa9\xadb\xb8B\x0b&lt;@\xc9\x12\xe7\xc5\x12@E\x04\x0b\x851\xefVq\x1b\t\xe7f\xcb\xea!4w\\e\x03D.\x07_\x9a\xb0\x1b\xf6\x10\x0c\xa8\xc2xP\xc2q\x19\xa0"\x11\x8a#=,@Q\xf0\xcbp\x16\x01\x05\xc9\x04P|"\x11H\x10\xbe\x14\xab\x12\\\xa1\x90\xf3a\x997\xf3\xf3{\xd7J\xa0\xe2E.\xa8\x04)Q\xf1\x8a\x18\x9d\x001\xb8\x1c\x06\xc7\x90\xf0\xf9|\xcb\xbe\\\xce\x8b\xa5H\x81\xe7\x13\x90g&gt;L\xa2I\x9ar\x94r\xbe\xa0w\x1b\xcd&amp;\x83~o\xc4\xaas\xc5qQ\x94"y\x85&amp;\x05\x81$q\x02#\x02\xaa\x1b\x07\x9e\xdc\xd8\x187\xc6\xe5\xbc\xde\xa0$*2\x8d\xe3D\x8e\xa2"\x92H\xd5\xd7S@X\xccd\xde\xbe\x99\xdf\x93l\xd5\xe9\xedq\x9eVD\xceA\xc9\xb2L\x03\x19N\x93l,\x8e{)*\xe7#\x8a\xd9"\x81\xf9D)\x088\x11N\xf4\xf9$.\x9f\x8fD\x9c\xc7\x9c\\\xce\x97\xda\xcef\x9e\xaf\xec\t\x97\xce\x1ccIZ\xe1\x9c\x0eI\tF$\\\xa0q^U\x05\x02\xa6\x8f\x0fR4\x00\xc1@\xa2\x03*C\xcar\x14\x15\xf4R\x11g&gt;\xe2\xacp\x04\xa9\x02\xc2^.\xfa\xcd{\x80U\xe7by\x1c\x17\x9d\x97\xf3b0B\x89\x00\xc0\xc7T\x92P\xb0\x14\xf2z6E\x10)\x84E\n$\x8ec9\xaa@\xe5\xf3\xf9R\xbe\xc2Q\x12\x83%g\xc9\x8b\xe5r\xdb\xf3\xda\xbb^g\x08\x0b$-s\x15\xf5T\x90\x92H&lt;\x18\xe4\xc31\x81\xc0\x05^@\x1eKA\x03Eo\x90\xe38/\x81\xc3\x18\xf2\x05K\x0e\x87\xd3\xe9\xa8\xff&lt;\x82\x11Ahg\xaeP\xc0b\x9aw\x11\x9c\x15\xe3eE\xca;"\x92D\xf3\xb8\x14\xc4Yp\x9a\x82a^\x0eZF\xe58\xb0\x10\xe6\xf3\xe6\xbc&gt;\x1f\xbaq%\x80\xbaw\xcf\xe18Y/\x8a\x1c\x17,\x15\n\x1b9\xb7\xe6\x83HW\x17\xe6qErV\x80\xdfID%\xf3\xbc\x82\xc4\xc1|9\xb0\x12\xc4S\xca\xed\x81,\x85U\x8b\x81\xdc\x98Z\x8fFC!\xa3\xd18l\x0c\x15\n\xceu\xa73_rr\xbcKk\xb9\xf4f\x15\xa7%\n\xd6\x18Ae\x85 %\xab\xac\xc2\x01\x16\x96Hx9\n\x02?\xe5\xf6OLL\xf8\xfd\x1e\xf7\xf6\xcf\x9f=\xdcX\x9f\x1e\x1e\x0e\r\x87Bp_\xdfX\x0f\x19\x91p\x12\x1b7\xeb5\xee\xa1\x8b\xa7e1\xefT -\x051"\xb2,-AFa\xe0#h\x1aQ\x0c\xc0\xe2\x00;izsqk\xf9\xb3\xc1\xc1\xf6\xf6\x07\x1b\xe3\xe3\xe3\x1b\xe3\xeb\xd1\xe9P4:l&lt;\xd9\x1crH\x02k\xd7k\xdeCYTJ\x12\x0cD\x81\xa68\\\x85`\x15\xb1\x14\x0eV\'\x8a\tw \r+\xd8\xe6\xe6\xe6\xe2\xcf\x8f\x1f\x7f\xf2\xc9\xf9\xb3\x17/\x9e=\xdfs\xa4g\xb0}\xea\xe9\xb3\xe9i\x10\xcd\xd8|\xac\x82\xa2\xb5\xee\xa2\xce\x1c\'\x15I\x91`m\xe0\x05\x85\xa3y\x12N\x1f\x96\x08\xa4\xb0\x14DV\x9aI3\xc9\xb9\xcd\xad\xef\xbf\x07\x9c\xb3\'\x0e\x9c\xbaq\xa1\xf6\xc2\x8d\x03\'~w\xa2\xeb\xce\x91o\x9e\xaeNG\xa3\xc6\x93\'\x0f:%2\xac)\x16\x9cC\x95\x16E\x9a\x84x\'q\x11c\x05"\x05\x8b\x95\xc7\x93M\x05&lt;\x81L:\x03Wd\xc9\xa1\x7f]:q\xed\xe8\xa9\xda\x9a\xc3\xb6\x96*T55\xb5\xa7\xff\xf4\x97\xe3G\xbe~\xf6\xd3ts\xf3o&gt;\xaf\x88\xc81m\x07\xa3\xde\x15\'i\\\xe6A1\x9c\x94R\xb0ce\xfd\xc8KL\x96If\xd2\x805;;\xb7v\xed\xdadM\x95\xcd\xda\xd1\xd1\xd1\x0f\xf7\xbb\xbdP\xd5_\x9e;\xfdW\xe0\x9a6\x02\xd6\xaf\x9c\xa2\xaa\xa9\xe7\xc1Z*(%\xc3\xe1\x93\x05Z\x06G\xa5\xdc\x13\x0c8&lt;\x90\x9e`\x92L:\xbd2;\xb3\xf6\xeaUmU\x8b\xad\x8c\xd4\x0f\xd5q\xf7n\xef\x08\x80\x9d\xfb\xed\xf1;_=\x03\xd3\x1f;X!\xf1\x9az^g\x80\xddARdXip\x12\xad\xf0X\x91\xf13p\xcb\xf8\xd3\xdb\xe9d2\xb93\xfbr\xed\xd5\x8fU}V\x04TY\x89\x1e\xfb\xefv\xdc\x1d\x19\xe9\xed\xbc\x7f\xbf\xf6\xd2\x9d\xafA\xaec\xf7*(\xd2\xa5!\x96NgV1\xd8XD\x8e\xc2`\x9d!|\x18\x91\x05;1\xfe$\xc3l/\xa6\x93+\xb3;3\xb7\'\x7f\xacza\xad\x84:\x83\xaaL\x86\xfa8R\xddP\xf3\xfb\xb3\xdf\xac\x1a\x9b\x8d\x07\xeb\x0b\x9ab!\xb5\x14\xa0\x82\x95E\x16\xc8,\xb6\xbc\xbc\xb5\xb8\x89\\\xbe\x92\xdc\\\x1c\x9a\x9b\xdd\xd9\xd9iijj\xe8(C\xedb!0+\xf4\x11\x1aY]\xddt\xe8&amp;t\xd1x\xf9`D\xb0k\xaa\x96!&amp;K\xc1H\xdeQ\xc0\xe0J"\xb5\xb5\xb5\x054++\xc9\xe4\xdc\xd0\xd0\\\x12\xa8fMM\xa6\xaa\x8eJ+P\xbd\xc3\x02\xc2\xfe]\xac\xce\x06\xd3\xd1\xae\xa9i\xa3\xb1\xf9rIc\xb5\xea\xc22\x07\xbbS\x88\xf2\x16\x19f\x11jsnheefnhnnn\t\xb0^\xb66!c!\xa6\xf7X\xd6wX#\r\r\xb5\x97\xda\x7f\x1a66\x9ft\xd2\xdab\xe9]X$\xef\xbc\x17-\x8d\x15\xc1MCkkC/\x87f\x96@\xab\x9733K\x0b;Kk\xad\r-\x1d\x80\xf5\xbe\x85\x08\xab\xe3\x1dVu\x8d\xe9\xbb\x9e\r\x98@F\x8d\xb1 \xb70\xa7\xc39\x1c]\x7f\xb8\xb5\xf9\xc5b\xf7\xe4\xe4\xed\xb6\xdbm3m\xddCm3KK\xb3\x96&gt;\x93\xa9\xe5\x85\xd5\xfa^+t\x16\xad\xe5\xe8\x1a\x81\xaan0]\xfbt\n\xe6\xb5\xd1Ij;\x14uv\xc2\x89\xd6\x81\xd5\xf6\x8bO\xbe;:y\xe8\x0f&amp;\x93\xa9\xb6\xad\xfbBww\xdb\xcc\xc0@_\xcb\xed\x96&gt;\xeb.V\xb9\xfaQxu\xb4\x00\x15\xe2\xaa\xeel8\xda\xd5\x0er\r\x97X\x83\xc63\x91p\x0e\x0fO\x0f?\xbdy\xe9\xc4\xc7\x1f\x1f\xba\xf5\xeb\xd6\xd6\xdaIS\xed\x85\xee\xf2\xa8\xb1\x1d\x06cYw\roE\xd1\x80\xa0\xfal-\xbd\x9d\x9dH-0\xfd\xe4\xa5\x9b\x0f\xc7\xa3\xa1R\xbcN\xdb\xff\x8e\x10Vhz\xf5\xc8\xf1\xab\xdf\xfe\xf1\xd6\xe8\xadG\xc0\xd5Tk\xaa\xb9]Su\xf8\xb0\xcd\x06d/\xac\x96J\x04e\xed\xb7\x96\xa9\xa0\x85-U\xbbX\xd7;;M\xa7\x1f\xf7&lt;\x18_/\xc44\xc5*\xab\x15\x8a\xae~\xd5u\xf5\xea\xb7\xa3\xa3\x08\xab\xa9\xd5d\xaa\xb2\xa1\xea\x80\x10\xb5\x0e\x94\xa3\x14\x1aY\xce\xf9\xf2\xf0\xe9\xfb\x05\x0b\xb8jN}q~pj\x9c\xd3\x18Ko\xc6\xc6\xa3\xab\x0fn\x1e\xbf::Z\xc6\xba\xd2\xd4\x00\x03p\xc0j\xb3Y\xca!j\xb1\x82\\\x16\x8b\xf5\x178xj\xb4\xf6\xd9z\xcb\xa6\xffg\xf5\xfd\x1b\x07.\xf6&lt;\x9c\xca\x85\xf5Z\xab\xb5\x11}\xd6\xfeI\x19\x0b\xa0\xae\xb4\x02\x96m\x00@,\x8d\x8d\x8d\x88\x01\x90,\x95\xf0\xf0b\xa0\x8ct\xe6\xcc\x02\xfa\xa8\x03\x05\xc4\xf5\xeb\xd5\xf7/\xfc\xf9\xdf\x7f\x1f|\xe0\xd5\x18K\x0fX\xeb\x1b\x83]e\xac\x1f\x1e]9\xd7d\x82\x80X\xb2\xcc.\x94\xebL\xe3Bc\xe3.\xa2\xe5\x85\xa5q\x01\xde-,\xcc\xceZ\x06l\x87{;\x01\xeb\xfa\x97\xb57\x9e&lt;\xee\x19\xf3j\xaeVjj}\xaa\xa7\xeb\xf8?FG\xff\xf6\xc3\xa3\xff\xd0jF/m\xaci\x18\xbf\xf4fd\xc2!\x0e"\xcc\x8c\t!$\x84\xc8P3t\xab\x89ib&amp;t\x8eJ\x15\x93\x13\x08\xce$\xa9\x8b\x869\xb8\x10\x92l\x90\x88\r\xc4\x9b,mD\x8e\x1bSBZ\xa3\x01\xc9)\xd1\xa6\xb8\x17\x1bb\xb3m\x16/\x8e\xdaRA\xa8K\x11\xd2\xed\xf1X\xcb)x\xbcXXo\xf6\xfdb\x97\xfd\x07f?\xf0&amp;#\xe4\xc7\xf3&gt;\xdf\xfb\xbd\xcf7\xd1[\x8cSG\xeb\xf5\r\xb4\xea\x08\xa6\xe7\x16\xe2\x02\x96\xe7\x1b\xb7\xaf?\x85\xbf\xdf6\xeaqB9\xda\xf5\xddw\x16K\xdefr\x04\xe6\xff\xf4\xbd\xccju\xfe\xe3\x9f\x8ff\xaf\xb1\x96\xef\xd1z\x93 \x1e\xc1\xb9\xf3c\xf2C2\x99d8"\x1e\xbf\rTH\xa6\x8d\x8d\xf5\xa3\xd6#8\xcaw\xebu\xaf\xd2\xd0\xc2\xb2\x08\xa6\xb9q\xd9\xb1\xda:\xff\xba\xf2h6p\x8d\xb5\xacV\xeb\x1cs\x07\x07?\xff\xfc\xf2\xd5\xd2\xd2\xcb9\x87S-\x10qT\xc2\xe7\x1b\xf5\xf5\xe4\xf6\xdc\xcb\x0b8\xcc?~\xfc\xf5C\xd2\xeb%\xc8\x10`\xe9\xf5\x94\xa0\x1e\xf1\xfd^n\xac\xee?\xaf&lt;Z\x08\x98\xcd\x85B!\x91\x98\xf6\xab\xee,\xcc\xce&gt;~\x03\xa1\xeb\xf1|\xc0\x17\x1c\xd1\x89-\xff\xf7\xd4\xd7\xc5\xb9q\xf4lvvae%\xb04g\x12I2\xd4\x8b\xb0lnk\xe0\'y\xb1\xda\xda\xba\xff0\x0fXV\xc0J\x94J\xaa\xf2\xc2c\x88\x80\x90\x9c_\xff\xe5\xd1\xec\x9d;*\x97\x93"\xe2\x83\x83\xf5\xfa\xfa\xd1v\x16\xfa\xd3#\xf4\xe8\xf5k\xd0\xd7\xe1\xb1\x85\xd2PC}\xde\xe6\xce.}\x94\xf7Hl\xef\xee\x04\xacY\x9fU\xabM\x94NOU\xbe@ 0\xbf\x02\x0b\xa9\xb2\xf0_\xacx\xbc\xeeMn\xbd\x9a_\x00\x1d!\xbb\xbe~\xfdf\xc5Z\xd5\xb0\x15\t\xa8\xecz\x93\xda*/V[\xf7X.\xf7a\xfe\x05\xec\xc4X,\x91H\x0c9u\x07\xdb`\xad\x0bp\x16\xf0\xf9\xfd.m?\x05\x91g\xf0v\x9c\x10q\x87u)\x80&gt;\x0e\xcc/\xbd\xba\xd8z*jt\xfdv=\x8e\xe3\x1a\xf0\xd6Orb\xb5\x8f\xed\x1e\x1e\xce\x95\x7fY\r\x02V\xa1\xd2\x91\xdf\xdf\xdf\xd7\x1c \xae\x8b\x8b\x97\xd6\x11\x17P)\x10\x16\xf4u\xc2\xa6Q;\xb2\xd9\xec\xc5gX\x07\x07O\x93I\x8e\x11\xdc\nM\x0b\xcb\xa5\xba\xf8^\xbe+\x9b\xb6\xbe\xdc\xe1\t?\xbd\xba\xf7L5\x1d\x8bE0\xc5\xf1\xb1F7a\x1d\xf7\xf9\xe6\x03V\xebHP\xe5\x1aR\xe4\xd1\xc8|\xeb\xd6\xe00iR\x9bG\xac\x8e\xcf@\xfc\xd91\xb7%\x88\x1cw\x04\xe3\x19\xc2\xd2\xf9\xcb\xafr}\xddr\xe9\xd5\xbe\xf9\xe5\xf0$1\xbd\xb8\xf7\x02\xb0\n\xbc]q\xc3\xa9\xf5\xabT\xf3\xabo\xf6\x9e\xbcX\xf0\x95\x17\xfdN;\xd5\xc2\xfa\x06\xb0\xf2\xbck\xdcZu\xc0v\xf4\x8d8\xacV7\x07`"\xa5\xc15\x9aH\xb0\x1cx\xf7pS\xae\x89\xab;w\x18\x8e\xa60\xff\xb3\x17\xaa\t\x10\xcb\xae\xe8\x98\x18\xf1/\xae\xce\xaf.&lt;y\xb2\xb0\xf4\xd9\xb7\x18\xd4\xf2\xf9\xde\xd1\xbb\x7f\x841\xf9\xa6\xd2\xa8\xf3\xfbU\x8e\xf1\x85g{\xab\xcfT\xe3~\x97\xce-N\x19\xf3\x1a\xdc\xa4\x89\xa9\x16\xcb\xd9\xed\xb7\x9b2\r\x11\x9d\x0f=iI\xb2\x0c-\xbePi\x0b&lt;f\xef\xe8\xd7\x96W\x17\xad[\x8f\x1f\xef\xed\xad\xcegU\xab\xaa\x98.m\xe9\x9a\x81\x11kXI\xea\xb5\xc1\x8cK\xb0\x96\x7f\xf9;\x14]U\x0e\xba\\0+j\xf4\xb8\xa0\x99.\x97\xfd\xe6\xad\xed\x9d1y\xe4\xea\xbb_=)\x16i,\xf8L\x95\xa8`v\xc0r\xfa\x17\x17}\x0e\x9f\xef\xce\xc2\x1d\x9fU\xa5\x1a\xe1y\xf5\x83\xdeIH\xd1\x93J\x03\x85\xb9@\xa2\xac\x1f\xc8\xcb\xd6q\xa8\xb0\xd6M\xe55y&lt;\x8f\xbb\xca%\\#\x1c\xbc\x93\xe9bw\xec-\x7f\xd2h\x0e\x0cL\xaf\x06\x13\x95\xa2d\xefP\xb8\x1d\xe3~\xab\xc3\xe1\xc8\x82\xe3\xc7U\xc1\xd8\x9a\x9a\x1d\xb0\x8cB\xca\x195\x18\x8c\x8aBF\x1bqd\xe1?\xb2:\xb3+\xe82\xe3\x14\x05\x9e7\xe1\x99`$D\x92\xf8\xf6Cy.\x93\xfa\xde\xc5\xa4fS\xb2O\x97\x01K\xb2\x83\xe55\xb8z\xees\x15Z\x80#;\x02]+\xb6\xc6\xd2\x03\xdf\x8e\x82V\x80\xd5\xab\xe8/\x98u\xea9\x87\xa3\xbaUU\xc3\xe9\xe9\x16H*oc5x&amp;A\xd7Fk\xac\xee\xad&lt;\xa6\xef{\x1b+6\x1bRj:XJ\xa4\x06$\xbb\xe2\x982\tB\xb5\xea\xaeV\x1d\xd6\x89\ts\x84\xe7\xb1\x81\xff\xa9\xa5\xef\xe8\x1f\xd2\xa9\xb7\x04\xcd\x96 \x086\x91\xf3\x82\xe5)Ja\xa2c&lt;99\x1a]\x8e\xfd*\xcf[\x83\xce\xfb\x91f\xf1r\xb9Tr\x95\n\xa9"\xfd\xbb\x1b7\x8c$\xc3\x88\xa2(h\xd4:\x9d\x0e\xc3\x00J\xfa\x16Y~\xd2`\x185Ry\x8b\x1e\x07\xee\xa7"\xc3\x1dy\xd7\xe3^Ni\xccS&amp;\x1b\xcb\xb3\xa1\x1f~\xb8\\\xcel\xc9\xe2\xf9\xb6\xee\x9d\xb5\xe6\xfb\xcb\x14\x0c\x0e\x80\xd5\xa0\xf3\xc7\xc6)\x88;\x1c\xb4#\x9bF\x01\xcbn\xb7\x0f\xd8\x11\xd6\x0c\xc22\x18H\xd2(\x8a\x0c\x83\x82m\x1d\xa6\n\x98\x04I\x8a\xa2\xf3,_I\xbd\xaf\xd5\x1a\x89my\xb6bw\xceS\xac]\xa6R\x95\xe9L\xa1\x99\x92`0U*o\xde$8\xe5\x14X9\x9f\xd7\x03\xd5\xc0\x83\xafX\x90T\x95J%\xa7\x04h/\x8a\xdbh\x94\x1en\xddVFY&gt;Sj\xd6&amp;\xa5\xc8\x07y\x8a\xd8\xbeyxR\x93R\xf70m\xe6\xfc\xbc\xd9\xb8\xc6"\x94S`\x99c\x8a\xea\xb5&lt;\x18\x80\x15\xed\x9a\x9c\x99\x19\xed\xea2\x18\x0c eKL\xa4\x16L\xd4\xd7r\xb14\xcb\x97N\xaf.g\xa2j\x99,\xdf6\xb6s\x92n,K\xf4P&amp;\x03Xt\xef\x14\x04V\xf8*\x12\xf2&gt;e4\x02V\xa3\xf1\xe0A\xe8\x1a+d$QP\xf3\x12\x04\xd8\n\x15\x11\xb0n\x02\x16\xad\xc7R\x99\xd3\xab\xf7\x93\xd1\xa725\x08h\xf3\'\'\xcd&amp;M\xf1\x08\xab\x18\xcdO\r\xc7\xe3\xc3\x1cC"0\xa8\x0f\xddh4$)\rX\x93]\xa1P\x08\xdd\xea\xc6\xbd\xb0\xe2\xf5V\x14\x1a\x04,#e\xd1W\xb0\xe5\xd2U\xb3\x16=\x94\xeb=Ywn\xab\xd8\xe4iJ\x87\xb0\xa4\xa8\xc5\xe8\x8d\xc3\xfeb`\x91\xa4R\x19\xa2\x8b\x8d\xe2W,C(M\x85H\x84\x05j\x01\x17\n\x1d\xdf\xc4o\x92 k\xb4B\xd3\xe7W\xe7\x97\'_\xc6\xe4:\xab7\x0f\xd7\xd6"\x18x\x16\xc4BX\x9c\x17\xbe\x97i-\x8e\x0b\xd3E\xbe\x855|w\x86D\x03r\x08r\x10\xc1p^/\xe4H\xc8\x8f\x83`y\xc0\xd2\xa7B\xb5\xd4\xd5y\xda\xf3E\xae\x97\x9d\xed};\'\xc5Xb(V\xca\x00\x16\xad72H.p5P\x11\\\x98\xe5\xf95\x89\x0e\x11ggw\x95d\xc8b\x81\xf9\x19J\xcc \xb1 &lt;"*\x03I\x85hL9\xd9\xb8:\xaf\x85w;e\x1b\x9as\xdbkj\xac\x928\xcd\x9c7$\x98\xad\x18\xa8\x10`1\xa2M$\x08\xe8\x93kk\xb4\xcd\x8b\xa2b\x9c\t{\xe8p\xfc\x8cI\x87\xa1o\xadol&lt;\xef9\x9b\x99\xac\x81Zy\x8c\xa5\xa3\x8d\x84\x14=\xcc\xc9v;\xd2&gt;v\xbf\xca\xb2X\xe1\x14\x9d&gt;v\x8aja\x81X\x82I\xb0\t\xb8\x9a\xc5=\x02\xd7\xf3\x1c*v\x1b\xb0p\x1bA\xa4\xa3\xe0\xfc\xa3\xf5\x8d\xe7\xd7X!*\xaf\xef\xa7\xa5\xa2\xd4\xa0=_6e\x1b\xe7\xdb\xba7\x93[8^AX\xf7\xec\x16\xea\xabZ\xa2\xc9\xe3\xc1Y\xd6\x03\xcb\xc4A\'\xb8\xdd\xe3\r3a[8\x1c\xa6\xa5t\x8d\xf4\xd6\x91\xe1\xcf\x88Q\x10\xebF\x87S\x1fM\x87\xd3\xec\xd3\x9c\x8c\xf7\x81\xed\x9d\x0f?\x086\x0c\xb0\x96S\x18\x8d\xb0\x86\xc1\xf36\x0f\xcb\xb2\xb8\xc9\xc3\xf2\x11\xde\xc4\xa1\x9e \x9a\x18\x8e\t\x87\xd3R1\x9a\x0ey\xe3(\xfc#\xc3\x1b\x8f?9\xb5\xb8\x8d!\x98\xea\x17Y#Y\xfb\xd8NRdOK\x85J\n\xb3\xe7I\x065T\xc0R\xf3\xa0U\xa4T&gt;\xcd8q\x9b\xc8\xd8\xd4\xbc\xda\x04bE\x8bE\x90\x0b\xb0zz\xce\x088\xa8\x8f\x8f\xdd\xe6i\\\xe4\xd6\xb9dN\xde7w\xdd\x9b\xbb?\nA\x7f\xa1\xc2c\x98\x89BW\x93D\xd8f\xa2Y\xda\xa3\xce\x94\x17\x83\x11\xa7S\xe7\xc6u\xfe\xd5\x7f\x9d\xf2t:MK\xd1\x1a\xec\xcc\x9e\xb3\xb3a\xe5\x14h\xf5\xe9of\xad\xc0p\xf5\xdd\xcdN\xb9/!\xfa6w\xe6\xc6\xcd&lt;\x0cW\xb4\x05q)\xc3\xb64\xf8\xc8\x06j\x95b\xac\xda&lt;a\xc6m\x9a\xd8i0F\x87\xc3\xa1t\x9a\x1cna\x11SS\xfb\xfb\x9f\xdc@\xcdxwsc\xb2\xff&amp;\xaf\xad\xbds\xf3\xad\xd5\x1a\x89T0:j\t\xb5\xb0\x10\x95M`#\xb1\x08\xcehtN\\dL\x91\x18\x16\xe6\x08\x82\x0c\x85&amp;\xcf\xce\x90X\xe2&gt;\xc2\xd2a\xc2\xbf\x7f\xdb\xec\xfb\x7f\xfc(\xa9\xad3wa5G\xa0\xdd\xd3\x16\xd8\xff\xd0\xd1\xc3h\xa5\xe95~\x8dmEA\x81\x11qV\xe0\xfe\xc3\xbb\xdd\xc64\x91\xe6\x01\x00\xbf\x0ff\xb9\xb0\xc3\x16&gt;t\xe5\x12\xb0\xceX\'E\xcf\x84\x986\xb90C\x1b\x9aZ\xcb\xce\xcd\x07\xb6mJt\xa0/\xb7f\xe60Q9\xdat\xb9kj\xf7\xb6\xe7\x1e\x8atkX\xb6\xae\x01\xda\x865r\xddR\x1a\xd1\x18\xa8\xbd\xc2*!\xd7\xad/\x84\xd8M\x16\x11\xdd;8\xf1\xc4\x13\xb3\x9a\xb0&amp;w\xffg\xf0\xc3\xe5\x92K\xce]\xc7?/mB ?\xfe\xcf\xeb\xbf}\x1e\xd4\xf1\xda\xeb\xab\xa1\x15\xff\xfevu\xff}\x08\x99"1=\xf2\xea*\xd7\xff\x9e\xbe\xfe\x1a\x01\xd6\x90\xc6\x83\\\x19X\x96![0\x10\x89\xb8\xc6&amp;\x93\xa9!Z;\xd4\xb6\x06H\xd6\xef\x80U\xdf\xf16$\xab\x03X9\xab\xbav\xbaI"\x14\xaa\xfa\x0f=0\xd0n\rV\xafo\xab\xef\xa9\xefi\xef\xa9Qh\xa0\x8a\x88\xc7\t\x1bT\xcdP\xd0\xdbl)\x99\xba\xa1\x16\xb5\xe2\x96\x1aM\xf5/\x7f\xd5\xd1\xbe\xe5\xfe}\xab\xa6\xe1\xcf#\xd2\x9d\x0f,\xa9&lt;9\x06,((\xba\x15\x8a6\xadB\xd1\xe8v\xbbU*\xdaM\xc0\\+\x93\x11\x84\xcc\xa6\x86\xba\xc2\x06\xb0\xda\xea]\xfd\x842\x93\xc9\xf4\xf4\xdf\xb7\x12\x8a\xda\xb5:\xa9r%\xbe!\xf5\xd0G3i`\xe9\xb5]\x8d\x8dno\xcc\xebmT\xd1\x86T"!\xd3\x10\xe3\xb2\x04L\xa6\xb3\t\xb5\r\xb5g\x7fKN\xe5\xc9tx\x14\xc0\xf2\xec\x1b\x91\xf2\xb8nY\xd3\xa1\x82\x91\x89\xa5\xb5\xda\xaeX\xcc\xdd7\xdc\xe7\xe5\xbcP\x0e\xa6\x80\x95\x82\x15(1\xbbou\xdfl"\x91hU\x13\x84U\x99\xa3\x872\x19\x85\xc6\x9a#Z\xd6\x9b\xa4&lt;\xe3YVyt\xccH21\x97\xab7\x10\x08,\x85p\xb1\xb6F/e%\xc4\x98\x15\x03\x9e\xd8\xa0R\xb3ZI\x0cX\x18\xb0Z\xd7\xea\xa4&lt;yZ\xb2\xf5\xe4C`\x05z1,\x16\xe8[\x8aFC\xb8\xc1`\xd6\xe9\xc2\xba\x07\xe3\x10\xa9\x14\xfa\x840@\xad\xcd\xa9\xac\xc6\xb6L{\x1b\xb0\xac{\xbe\xab\x94\xf4@l\xc9\xc1{4\xc9\xf4\x05\xb0\x1a\x8d\xb7\xcf\x91\x8c\xe6\xb3\xac/\x12\x89\xe8\xcca\xd6l\xd6E q\xe3\x90=\x83#\x14MZ\x8c\xd6\x9c\xa7\xe7I\xdbP.\'\xfb\xd3\x88\xb4\'\xc1K\xea\xbe\x9e\xe4\xa0\xfd0\xb5\x1a\xf3\xba\xbdB(jNL\xafM\xaf\xde+\x18t\xba\xc8\x83\xd4F3\x8e\xb3\xb8@\xa7Z\xacJ\xa4\xda`\x95I\xcf\xe2\x03$C(e*BF\x00\x8c\x9d]\x9d^[\x9b^[_]]_C\xb1\x9a\xd2\t\xecx\xeb\x87\xca\\\x7f\xe6\tT\x1f\xb9\xdc\xfdW\xf5\x92\xd6\xff\x9e\xb9&gt;\x99bY\x8b\x05:\x0e\x81a\nE\xdc\xbb\xb44\xec\x8d\'f\xd7\xd7\xbe\x03\xd1\xfaz\xed\xdcB\xdc\xebu\xdbj\xf7\xb4*\xe5[\xda\xdb\xba\xd2\x18\xa1*\x1cm\xfa\x89\xd4\xac\xb0\xddl6s\xc6\\\x0e\x96F\x85bhexi\xb8\xcf=n\x13\x87\xe1\xdc\xdc\xdc\xc2\xd0]w\xe3B\xc7\x9e=\tey\x7f\xbf6\x9d\xc6\x8ct\xe1r\x9d\xd4\xacCa\x13\x0e\xbd\x9b\x86\x9d\n\xb0&lt;\x8a\xc6\x154}\x8d\xdbR\xe3\x0f\xe2\xf1\x05\xe4\x82\x98\x83i\xb5EVSS\xeeJ\xa7\x19\xd2R8)9\xebf8\x18\xb2\x9bY\x8e\xa3\x8d(]mCw\xbd+\xde\xf8\xdcl\xc26\x1e\x8f\x8f\x8b\xae\xb9\xb9\x8e\xda\xda\x06\xa5U&amp;\xc7(\xa4r\x14NVJ\xcd::\x95\x0c\xe1v\'\xc0h#\xa1\xf1x&lt;\x1a\xd8\xd6@zD\x96\x98.\x88\xda\xda\xd6\x16\xa55G\xa5)\x8a\xe1-\xe6\xb13\xd2\xb3\x1e\xdbCI\x93\x1f%\x8cn\x84\xd2\x0f\xbaW\x1c\xf65\xb0@\xdb\xc4\xe6C\x01\x9b\xb0\x06`\xa9\x8cF\xcaHZ\xcc\xba\xc4k`\xf9\xccx(h\xf2;Y\xd8\xa9\x12P\xf9@\xb6 \xdc(\xe0Y&lt;\xeeA;V\xa4B,#\xcd;\xcc\x91{\xaf\x83\xc59\x92\xc8efa\xa7J(\xc5r\xcc\xdb7&lt;,@\xcfw\xc7\x87\x16z\xc0\xd4\xa2F\xb9\xa2i\x9a\xe4\x1d\x0e\xd6 =\xab\xee\xe6$g\xc1C\xd1\x90\t\x9a\x11\xe5Kf\x93\x11\xa2K\x10\x86\x81%\xaa\xd4JY\xce\xc8\xc1\x8fY\x8bCpp\xbe\xd7\xc0\xfaz\x92\xe4\x85h4\x1a4\xd9\x11\x8c&amp;RJ(\xacU\x08\xd6\xe7m$\x16\xd4-j\xb5Ri\x05\x95\x99eY\x87 Xh\xdf\x87\xaf\x81e\x80\xee\x12\x12]\xb8\x1d\xe6/_\n\xed\x96\t\x15d\x0cT\xb0kV\xda\x94\xca\x94/\x02*\xf8\x10p\x813J\xcf*k\xbaG\xf3&lt;\x8f\x87FGC&amp;\x93\x9d\xd5E\x80%\xc2d2T\xf8\xa3})\xe4\xca7\xa9\x83\xa5\xc0i\xc7\x93\xb8\x83V\x11\xad\x92\xb3F\xc6H&gt;\x16c\x93\xa3YH\x97?\x0c\xacB*%S\xaa\xd5-\r\rj\x19z9\xbe\xa5%\xe5\x9b\x9cb\x9dN\xa7\xdd\x94L\n\xbcJ#k\x95z\x96/;3F\xc6\x98\x18-D\xb3\xd9h\xa7\xc9\x19\x0eO\x16 \xa0\xec\xb15t\xa85\x1a5\x9a\x1a\n\xc02\xdb\xfd~\xbf)\x89[\x18B\xa3h\x9d\x96\x96\x05\xbbS\x1f\x1fK\xc7hKrt9{\xbd\x13\xf25\xf57\x9f\xcfW\xb0\xca4\xea\x16(}\x94\x89\xaf\xc6\n\xbe\xc7\x93SN\xbf\xc9\x14\x0c\x9a\x1c$\x05+T\xebt\x93\xc4\xac\xcb\x06K \x1d#9!\x94\x05\xd7@\xd0\x1f\x9e|,\xba\xa0\xb7k`\xff\xae\xdcP\x85\xed\xe8,D\x10g\x19L\xaf\xf0HZ%\x8a/\xa2\xde\xa4\x1d\x01W\x9a$y&lt;\xba\xbc|\xfa\xf4\xc0\xa7\xce\xa9\xa9\xa9I\x83\xcfG\xa0\xe1\x08\x8f&gt;Q\xe54u\x0e\x0c\x0c\x98\xcc$\x85\xb5)&lt;=\xfb\xceH\xbai\xae\x84\xae\xd5\x17pQ$\xc9\x99M\xa3\xcb\x00\xeb\xf4C\xff\n\xeb&amp;\r*\xa8\xae}\xe8\r\xc6I1WH\x15\xb4G\x8c\x98V\xe1i\xf3\xd4NKXb\x94l=S0[\xf8\x00\xc50\x0c\xcd\xd9\x83\xd9|\x1e\xd2\xe5\xb7\xdb\xed\xcep\xc4\x80"\x02\x030\x8cT\x03\xd7Q\x03\xebT9\xb9\xde\xe3\x99\xf7\xf4\xacJX\'n\x1d\x19_\x12\x80\x95\xc6(\xcaH\xb3BpTt\xa1\xf8\x06\xe5L&lt;\x93!N\x0c\x9d\xa3\xd9Q\xe8X\xb4J.\xd7w\xb7\xcd{\x14_\x9dl\x92\xea\xc6]Y\xd3\xec\xf3\xe2R\x1fO\xa6\xd3TNe\xe4`\'\x91\x1d\x1c\\\xbe\xde\x89\\~\xa4\x81\xa1gw\xda\xfd\xa2*\x84\x9bIcN^\x8eXC\x98\xf5\xde\xe5\x11I\xae\r\x97lmZ}^,\x0e\xf7\xf1L\x9aA,\x1a\xb9\x96\x07\xf3\xcb\xa7\xaf\x0ft\x02\xcd\x84\xc6\x1el\xc4L\x03\xd1\r\x15l\xacE\xd6\xfc\xfcP\x17\xa5\x8aD\x1e\xae\x9e\xa9{\xe5\xb7|\xea.&gt;\\).\x8a,\x8a\xa1\xe4\xd8\x0b\xd7h6\x7f\xe1\xc25\x90\r\x0c\xa0\xc3Q\xa1\xce\x014\x126T\x8d\x18\xa8\x10k\xfe\xcbX`\xe9Y\xf1\xf9\xd0\xea+\xbd~\x04\x99\xba\xf8\xc9\xf1`qq\xf1\x91\xc8\xa20\xb9\xe8b\x1d8\xc0\xf2\x83\x17\xf2\x17\xaee\xb3\xa3\x10\xd9\xe5|&gt;\xffB\x05{}\r\xa8\xba\xbb7X7nL&lt;\xfa\xd7\xe53M\xafJ\x86\xae\x06\x1f\xfb\xe8\x9f\xf9\xab7\x10\x0bJW\xc6\x85X\x18e\xe4\x1c\x02\x8e\x07\xa1\xcd\xf2\x83\x10\xe8[~y9\x1b\r%\x05\x0biT\xa9\xda\xa0`\x83F\xec\x9e\xef\xee\xea\xed\x1d~vkq\xe2\xd1s\xc3\xc3\xdf\x1c\xac,\xfb\xd12t\xb5\xfb\xe0\xb1\x8fo\xef?{Ed}\x1fc\x98\x18\xe5\xd2\xea\x91\x0b\x8a\x1a\x01`&amp;Q\xb6\x91\xa6d2\x89\x0b\x0e\x0b\xd4\x1f*\xa8?\x10\x0b\\\xda\xdeXl\xf8\xd9U`=*F?}\xf7\x83sM?\xf2&amp;,B\xfd\xe1\x8b\xf3\xcd\x15;v \x16\xfc\xbb+\xe9t\xac\x0bX\x10\x98\x91\xe4-\x0e\x90\tv\\\x0cx&amp;\xe0\x0e\x8b\x85\xe7HF\x85)\x9e&lt;\xf1\xd4\x94\x97\x97\xcb\xf5r\x8a\xb7\xe0\xcf\xae\xde\x98\x98\x98(&gt;\xbbv\xfb\xfd\x8f\x7f{\t]\xe7\xff\xc1\xb0\xb2\xcas\x07\xfex\xbeyf\xa6t\xc7\x9d+\xe8\xcf"\x16\xd5\xeb\xear\xe97Cq\x8a1\xe0B\xc1\xa2/\x9e\xe59\x8e\xdf@Q\xe8\xfd\xb0\x8c\xc8\x92C\xe4\xb8\x17\xac\xe2\x8d[\x83g\xb75\x9f\xff\xec\xf8_.\x1d\xfc\x813?\xba\xa0\xf5\xc5\xb7\xfbK\xab\xaaNl;u\xe7\xce\x0bVo\x17\xa8\xb4\xda\xee\xcd\xf55z\xe4\x82\xe0\x80\xc3\xa1G\x92&amp;92\x16\x03\x95\xbe\xa6\xbe\'\x93\xa9\xaf)\xdf\xbd\x19\xb1\x8c\x9c\x80\x1aqb\x02\xb1fff\x9a\xf7\x7f\xfb\xcd{\xc7.\xbe\xfc-\xdd\x12\x18~\x97&gt;\x7f\xbf\xb9\xe2\xf0\xde\xaa\xaa\x8a\x8aSWDV\xf1\xfb\xbb\xe9.-\xb0\\\xda\xcd\xf5\xbf\xd8\xac\xa7\x18X\xb59X"\xe1\x93\xe7a40$\x03\xb3-Rmi\xcf\xb4\xd7\xd7\xec\xde-\xba(r\xf8\xd6\xad\x89\xa7\xc0\xba\n\xac\x7f\x9c\xf8\xf5\xb6\xb3 ;~\xe0\xd2\xb9\x97\x9bd\xd1\xf0;\xf0\xfb\xe6\xd27\xde|\xb3\xeagU{\xa1o\xddA}\xab\xf8\xfcnc\x97\xf6K\x17\x84\x1e\xa5K\x8e\\\x104\r"\xc6\x08Et\x0c*i\xa4j\xdfU\r\xac\xdd\x88\x05s\x84+\xb6\x04\xbf\xfd\x1f\xac\xedG\x8e\xbc\xf5V\xf3\xed\xcf\xde\xfb\xe0%`\xe8^\xf7\xb1\x8f\xf6\x97n\x7fc\xd3\xa6\x9f\xfe\x1cX\xdb\x81u\x05F\xe2\xe2\xd2\x8a\xc8\xear\xa1tA\xf7\x02\x17\x8cM\xa8S\x01\x83\xc9a\xb1\x84T\xb9\x90j\xe7\xce\x9d\xd5\xbb\xfaA\xf5\xce;h&gt;\xbd\xfbhq\xf1\xe9\xd3\xa7\xc5[WN\x95\xce\x9c\xd8[q\xf8\xf0\x91m\xdb\x00\x06);v\xb1\xee\xff\x1a\x97%e[\x0f^z\xf7|si\xc5\x1b\x9b\xfe\xcd\xc8\xd9\x85\xb6\x91\x9eQ\xd8\x92F\xda\x19\xc9U&lt;(F\x8cg\xee\x86\xc1\x89&lt;\xc2\xd8\x02Y\xd4\x8d\xb7\x04\xd2IM+\x0c%\xc6\x8b\xe9\xf6\x87\x8dA\x8d\x17\xcde\x02\x9b\xc0\xc6\x9b\xb8\xac\x0c\x8d}Q\xe3\x92\x9f\x0b\xb3\xee\xd6la\xdb8\xd9\x8b\\4ved\x81\x93\xb8\x04\xd9\x18\x1a\x92&amp;\xf8\xc2\xa0\xe2,1\x9b\xe4"\xa1\xe7|3\xb2\xdd\xd2\xbf\xd7\x92";\xce\xe4\x99\xf3\x9e\xf7|\x9f\xcc\xc8\xed\xb1HQ\xb3\x81\xe5\xda\xe5\xf5\'O\xd6^\xfe\xee\xfb\xbd\x7f\x06T\xef\xcf[\x8f\x1f\xed\x16\\\x7f\x00\x12\x13\x96C\xd7\xdc\x0c\xde\xbe\xe3\xc72m\x1dmm\x1d\xe9Mb\xfd\x95\xf5\xb7\r\x88\xb5\x87eY\x96k\x85K\x85\x82944\xf4\xfc\xca\xa5\xffG1\xbe\x7f\xfa\x83\x8b\xc3\xaa\xe3D\xe4X{L\xb2\xb3\xb6\xe3X\x96\x9dZ_[[_\xfe\xfdw\x8e4\xb3\x87}\xad-G\x8f\x02\x8c(\x1c6~\xca\xabm\x8e\'\x93\xc9~A\xd5\x96\xde\xccuw\xe7\x80\xf5\xe2\x85\x8fug\xed\xc6\x94K,\xd7\x02\x15Ju\xcd\xa1\xf8\xd0\xcd\xf1\xcb\x9f\xff\xaf\xb1\xa4\xa9\xae&lt;2-\xa0\xc8\xb1\x98$\xfbX\x01\x19r\xad\x97\x1f\x7f\xf9\xa3#\x1e\xc7\xf1\x16Ru3\x01\x18\x02-\xdd\xb9\\w2y4\x87\xca\x00\x0b\\\x99\x0c\xb0\x92\x02\xeb\x17\xbf~\xb9\xce\x89Y\x07\x95Y\x08\xb8n\xa5\x18^Y)D\xa3h%\x9a9|\xf1\x83\x8f\xcf\xfc\xb7\xa9\xc4\x92|z\xfc\xf9P\xd4\x91\x1dK\x95\xdb\xdbcrL\x83\xb7\xea\xa5R]N-\x97\x1fgo\x9c\\\xbc\xdb\xda\xda\xd7\xca\x9eyj\xf1Y\x0b\xa8677I\xc4\xe2\x956\x90+\x03Rx\xeb\xc5\xb1kG~U.S\xec\x1b\xa0\nv%\\\xd7\r\x14V\xc8\xe5\xe2\x0b\xe4\xba9\xce\x88\xfd\xd6\x7f\xdc\'\\\xfe\xf4\x91\xaaZ\x16\xb0\x1c8\x0b=l\x07V\xbd^_\xa9W\xed\xf2\xe3\xc7\xd9\xd4\x83\xa5\x8f\xee\xb66S-puw\x0b\xa5\x00\x98\xcbm\xa6\xd3\xe9\xccA\xac\xc1Ar\xe5\x8e\x1d\xbb\xb6\xbax?\x9b\x9d*/\x97\x8bV!\x18L@-7\x01\xaa\x95\x92\xeb\x9a\xf1\xa8\x07\xf6|\xfc\xbd\x7f\xfb\x9b68~\x97\xa0\x94\x19\x8d:\x12\xa8\x1cY\x8a\xc5\x8aP,\x9f\xaf\xb3\xaa6\xa8\xb2\xd9\xfb?[&lt;\xc5-\x84\x10\tM$"\x9f\xe42\xe9L:M\x0eh\xd6&amp;j\x10\x84l\xea\xea\xea\xd2\x9ca\xa4\xa6\xdc\xa2\xad\x14 \x16\x9bh\x95 V\xd0\x9c3\xa3\x96\x1a\x0cF\xa3H\x8b\xb3\xe3\xef\xdd\xfeW\xb0\x06T\x1cgbY\x91\x88\x0c0\rbA\xb1\xf6\xbc\x14\tw\x86B\xa1X{\xbb\x96\x9dz0\xb9\xd0\xda\xd7\x87\xe0ji\xd9\xee\xde\x06Vos\xdf\xc4D2\x99#\x03\x0c\xcf\'4\xbc \xcbd\xd0\xdb\xd5\xad\x93s)\xc7\xaaT\x107\xe1p8\x90\x08X\x91p\xa0\x802\xcd`\xb0+\x18\x14\x0f\x04\xfb\xe5\xe9\xdb\x07=\xf6\xce;X\x92\xc7\x9f\r\xc7q*\x81\x80\xc02\x88\x95\x97\x80\x92\x8f\x85\x14\xa5\x13\x85\xb9\xd44\xe7\xd6\xf4\xe2\xa9\xd6\xde^\x18\xbd\xb7\xa5\xbb[\xa4\x02/\xe0\x9aH\xf6\xf7\x13*\xd9M,~\xb4e\xfa3\x1dH\x89\xd5\xed\xc9\xeb\xc0R$\t\x13\x14\x89\x10K&lt;\x16\n\x89\x84`j\xd4\xd0\xf0\xa3\x8b_\x9c\xfe\xea\xcc\xfe\x92|\xe6\xf2\xa7g\x87U\xcbL\x84\x038\x9f\x88\x87\x95o\xcf\x1by\x81\xa5\x93\xaa3\x14\x8b\x81+5s\xe1.[\xd7\xd2\xeca\xf1b7&amp;\xc6\x04\x99Z|\xb12\xdeC\xbac$\x8d\x16~r?e\xc3\x111\x0f+\x1c\x00\x16\xb8P\x89.\x96\x07\xd5\xd5\xc5x\xbdy\xf1\x8b\xcb{P\x97&gt;{64\x14W\xad(\xc3\xa4\x04\xacb\xd1.:Z&gt;_\xf5\xb0b!\xc1\xc5#\xe7\xb5\xb9\x99\x1f\xde=\xd4B\x7f%\xfb\x93Th\xa2O,F\x88,\xdcD&gt;\xc0\xed\xb8\x81iddl{\xeb\xe4\xcc\\V\xc3\xf8\x84dY!\x10O;\xc2n\x06\x12{\\q\xde\xe3\x04{\xf4\x9bF\xa4\x7fvvX\x0cDT\xf5\xb1\x8a\xc4\xb2\x81\x85j\xcfS%]\xf1\xb0`\xb5\xec\xdc\xb9wOm\xa3\x8d\xc7\xd17\x14\xd6\xbc\xbe\xbed\xa3\xf8\x16 B\xc1]#\xa8\xb1\xd5EP\xa5\xf2\xa4\x02\x93B\xae\x88"\x0b.Ry`&gt;S\xdc\x03#\xd4\xb7\xcf|&lt;&gt;\xa4\x9a\xd4J\x8dZ\x82\xca\xb2*\xc5\n\xc84\xcd\xc3\x02\x0c\x8e\x19V\xd8E\x1c?\x9b\xba\xf1\xc9\xd2\xbdSw\x9b\xf96$Qt\x14\x17eR\x81\x0bP\xa0\xea\xf0\xa9\xa6o\xa5&lt;\xadt%\x12V\xa8\x97"\xcbB/\xf6\xb0\x81\x15\xf7\xc1\x10\xfaq\xf6\xef\xf3\xafN_\x19F~\xaa&amp;\x92]\x85\\H\xad\n\x0b\x82!\xb2\x0c\x80Q#\x1cT\xe9\x84?4\xe4\x18Rbzq\xe1\xc7\xad\xc0\x1a\x14Xb\x03C\xac\t!W\x06P\x03\x03\x87GFj\xf3O\x97\xe0vBI\xb2,\xeb2\xb0\xc0%\x1f\xc0\xf2\xcb\xb3\x97\xcf\xd5t\xe6\xf6W\xb7o_\xba2\x14e\xa9j\xd4TY\x81\x8aW6*\x9b\xd5\xc8\x15\x83\xbbp\x96\x92$\xe1SMS\x87\xc1u\xa8\xb5\x1f\xb2\x0c\x12-G*.&gt;l+\xa9:\x06\x0e\xf7\xd4j\xb5\x85\xc9\x07G`\x95Q\x00\x00\x05\x1eIDAT\xa9\xac\xad\xd1\xeb\n\xfe5\xf4R\xf8\x84Xhg\xc3Z\r\xb2\xb8\xdf\xc9\xa6\xd3W\xf8\x0bK\x86\xe3\xc8Yp1\xdaTWu+\x95\x03\\pX;=Ew\xf1\xd0\xe8c&gt;f\xbb\xd0\xeb\xd0Q\x81\x85\xcaaqd\x8c\xe6r4\xd6 B\x1eT=\xb5\xf9\x85\x0b\xb7\xb2\xa4\x92\x14\x96\xac\x87\xa8\x99(\xd1\xc8p"q\x00l\x8f*\xdet\xe9f&lt;n2\xfc\xcd\xa8\'\x18v\x1cn"\x10\x86\xbd1)\x8ad\x17SEM\x88\xc59\xe2\xa1%1\xe8!G\xbd\x7f\xf2{Gs\x83\\b\x06\xb9(o6\x96\xc4\xb6\x01^z\xda\xf3\x83\xd1\xda\xfc\x16me\xdb\x12L\xa9\x84C!]\xdf\xa3\x92\xd9H\x1c/|@.B\x05}\xb5\x86\xa2P*\x18m\x94\xe9\xa2\x85\x81B\xb8\xd3+I\xe2H\x1a\x9aF,a\x0f\xb61\xc42\x10_G\xaeut\xf0\xbd\x9a\x03\x1d\xe94\xb16\xc5\xd5\xb0\x03\x87\x0f\x83jvvlkz\x0eZ\xd9\xc5\x88"a\x08\x112\xba\x0e{\x89\x12\xfe\x92\x19\xfa\xffl/\x8f\xab\xe9l\x14N\x07\x96\xb9\xc7\x15\rGJX\xdc\xebU\xae\x82\xa1\x90\xd0G\x92\xfc,\x14\xc7\x02\x13F2\x9f\x9d\xfa\xf2\xa7\xa7\xd2\x10\xe6\xc3\x9e\xc3\x1d\x98:,\xd4i2\xb1}\xa3\xa3\xb3\xb5\xb1\xad\x07\xa02\x9cb\xb1\x02\x8cN\x1d\xffL\xf7$R\xc4\xdd\xc3R\x84\xef\xfd\xe5\'\xe8\xe7WS\\\xddo\xa0\xa8B@`\x95\xea\xd5j\x95w\x1cM\x92\x0c\xec\xba4M\x93\xc4\xb1t\x14\xb1\x8c\xec\xd4\xf5wWO\x8c\x00\xa2gd\xa4\x87i \xaeu\x06\xd3hmv\xf6)\xccn\x18X*"\x02C(,\xc4R\x14\xc73\xbe@S\x98\xa9]~\xca7\xb8\x9aL\xe1,\xdfW\xa8h8\xacFU\xf1\x9bK\xb0Y0\x0c\x9d\')\xe4\x02\x95\x8d\xa3\xe0\xc6\x85\x08_\x94\xb5\xec\xads\x8bc\xb5Z\x8f(R\xf5\x80\xea\xc3\xd1\x87\xa0\x9a_\x98\x9cI\xd9\xdc\x85\x88\\\x10b7\xfa\xa7\xf8z1X\x15\xa5\x11\xf5\xc4jp5\xa9\xf1\xa8\x15\xf5\xf5\x82\xdd\xc1\xe5\xbaSS\xe5\xf2\xf2\xfa\xfa27}6fZG\x88\x92J\xb3E\xf6xT\xa1\x90\x8c\xd5qnz\xeb\xe9\xec,\x05\xea\xd9+hU\x9b\xbf\x07\xb3\xa7 \x94\x98=\xcf\x03\x92o*\xb2\x88P\xf5\x8b+w\xa3\x91\xc2\\P\xcb2\x19Vfc\n-\x15T`\xda\xd8\xd8\xd9\xd9\xd9X#\x98\xa1\xc8LT\x8aE\xd1to\xd1\xee\x14\xcd\xb5\xed\xb9\xe9\xaf\xe7\xff4;\n\x85\x1a\x05\xae\xda\xd8\xe2\xb9\xb9\xaca)\xd4Zwd\xf4\x92\xdf\x8d3\xf2\xb0"\x8a\xafU\xd8[\x82\xfc5{\x9f\xabI5U\xd3\x0bR&lt;`\xc7.\xa0\xd6v^\xbfA\xbd&amp;\x18\x04s\x0c\xfa\xca\xaf\x90\xc7Ugsa8\x03z\x8d\xd5F\x1f\xfaE\xac\x13c\xabK\x0f\xa6\xb2\xb6,\x01\x1e$x\xf5+J\xf7[\xb8\xcf%\xb6*a\xaf\x02\x89\xfd\xac\x0f6%L\x95\xfb\x06b\x15JN1\xe5\x96\x97_n\xbc~\xf3\xea*\xeb-\xc0\xf0\xa2"\x85De\xaa2&amp;\xe8\xdbN\xf1\xdf\xe9R\'Mg\xcc\x9d[Z=\x80\xd5s\xe2\xfd{?\x99AZ9:7\x1d\xbaB\xad\x8c\xbca4\x02k\x0f+\xe2a\xf9\\\x8d\xcd\x84\x87\xd5\x95\xf0\xb0,\x15\xd3\xe7\x14\xa7\xca\xeb\x1b;\xaf_\x81\xea\xfc\xf9\xab\xe7w\xdf\xbc\xdd\xd9x\xb9\\N1}|,\x84O\x887\x86#\xee\x8a\x91O]_\x1a#\xd2o\x1f&gt;\x9c\xad\xd5N\xbc\xff\x11\x93\xdd\x89PU~\x93\xc0\xc2\xda*\x1b\x8a"\x1f\xb4\xd4\x1eT \xd0hd\x03\xac)\x11(p\x00-\x07;\xeb\x92\x93\x02UC*\x80\xed\xee\xee\xbe}\xfb\xfa\xce\xfa2\xf7\xf0lc,T\xe5`\xc6D\xa0vJ\x9d\xf8\xb3Z\xcd\x1b3\x93c\xb3\xa3\x0f\xff\xf8\xdd\xd9\xda\xfc\xfc\xd3\xaf\x9f\xb9j\x04\xbd\xd2\xc5\x10\xd3NLtI\xf2f\xd0\xf3\x13\x0b\x18a|B\x99\x02\x8d\xc2~\xb5\x10\xc4\xad\t\xcfK"\x19J\xf5\x92z\x90\xea&lt;?vYo\xbfy"\xc04ax6\xae(\xeb~j\xe8\xc0\xaa\x1a\xa9\xfb\x17\xb6gQ\xb5\xf9\xbf\xfc}rf\x0e[n@\xc1~zUg\xef\x1c\xbfyb\xfcH\xa5\xec\xb5Nh\x05\x95H\x96hp\x05\x89\x85\xaf\x83\xcat\xf0\xc2\xe4\x06\xa8^\xbd\xf2\xc5\xda\xdd\x05\x97\xa8\xdd\xddo\x9ep&amp;5\x8d\xb1\x08\x18\xbb(\x891,b\x02\xaa\xf9\xaacdo\x9d\xbcW\x1b\x1b\x9b\xe7"\xe8Z\xc5"\xb6@\x10\xabN\x07\x02\xa8(\xfb9\xa5\xf8~\xdfg\xf26\xce\xbe\\\x05\x01SX\xf1\xb0\xc2%\xfc\xb5j\xa5\x1e/\xbf\xf4l\xb5\xbb\xebc\xed\x15\xb8\xd6(\x98\x8d\x85_\xc1\xc6"\x86\xdc\x07\x15\x16a\xaaU\xc7)!X\x17\x9e.po\x05,\x85k\x8d\x98BR)\xb2\x80\xaa(\x8d\xe2\xa6\xd9\xb7T8\xe0\x99}O2\xfe\\\x02X\x15\xf1\x8a\xa2d\x15\xf93H\x8f\xea\xea\xaeo\xad\xf3\x07\xb9\xee&lt;Y\xa7`0J\xa0\xab\xd2\xa9S\xac\x7fL\x07\xe2,`\xa0p\xb0\xa9\x16\x9cO&lt;\x948SK\xab\x00\x14V\xa0~\x120\xb4\xe0\x0e\xe1\xd4?\xae\x0f\xc4\x08gAB\n\x91\x07\x85A\xc9\x1d\xd4\x11b\x04w\xd3\x00\xdb\xac\xdd\xf8\xd6U2\x8b\x00\x00\x00\x00IEND\xaeB`\x82'</t>
        </is>
      </c>
      <c r="M500" s="3" t="n">
        <v>45492.67892361111</v>
      </c>
    </row>
    <row r="501">
      <c r="A501" t="n">
        <v>1182435</v>
      </c>
      <c r="B501" t="n">
        <v>49202</v>
      </c>
      <c r="C501" t="inlineStr">
        <is>
          <t>Luciano Giménez</t>
        </is>
      </c>
      <c r="D501" t="inlineStr">
        <is>
          <t>L. Giménez</t>
        </is>
      </c>
      <c r="E501" t="inlineStr">
        <is>
          <t>CA</t>
        </is>
      </c>
      <c r="F501" t="inlineStr">
        <is>
          <t>ATA</t>
        </is>
      </c>
      <c r="G501" t="inlineStr">
        <is>
          <t>CA</t>
        </is>
      </c>
      <c r="H501" t="n">
        <v>187</v>
      </c>
      <c r="I501" t="n">
        <v>19</v>
      </c>
      <c r="J501" s="2" t="n">
        <v>36573</v>
      </c>
      <c r="K501" t="inlineStr">
        <is>
          <t>Right</t>
        </is>
      </c>
      <c r="L50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6b40d218-024a-4657-b3b7-04c11274c1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e&gt;\xd3R\x00\x00\x03\x00PLTE\xff\xff\xff(!\x1b=4-9-%.&amp; 4,&amp;,$\x1e\xff\xfe\xfe\xfe\xecO1)"6/)\xfe\xe59\xae\x81S91+\xff\xe8E&gt;1(\x1apK\xfa\xdf0\x9btO$\x1d\x18\xee\xd2\'\xff\xeaJ\xf3\xd7+\xf4\xd83\xa4zQ\xf1\xd5(\xff\xff\xfe\xa6}T\xfe\xedVC4*\xf6\xdb-\x9fwO\xb6\x8fk\xef\xd8-\xa9\x80U6*"\xa9\x82ZL?3\xfd\xfd\xfb@70\xa0{T\xc2\x93e\xb1\x8dk\xbb\x95rG9,\xfe\xe8?\xfb\xdf+E:1\xae\x84YbN;?/"zcL\xb3\x87X\xbb\x8fpjT&gt;\xcb\xa2\x7f3%\x1dO&lt;-\xf8\xdf7\xaa\x87f\x8enM\xb0\x86`]E2tR&lt;\x1f\x1a\x16\xbc\x98xV?/\x83eI\xc0\x90_\xb5\x94s/+&amp;\xd3\xaa\x81p[G\xf0\xd31\x93rTx_CjM6L5\'fH2\xa8\x84c\xa4\x82b\x9bvS\x87iNOD;\xb1\x8bd\xa0uS:*\x1fD1#YK&lt;\xc5\x9dx\xad\x8bj}[D\xb5\x8a\\\x87nTUE6\x97rM\xa9~P\xf9\xf8\xf8\x1cyQ\x89kF\x1f\x8b]\xa2\x7fZ\x1f\x93b\xb9\x8eb\x97y\\rZ&gt;\x7fdC\xab}T\x9dzZ\xb9\x86g\x17\x15\x11\x80hP\x1b\x83V\x11V5\x9c\x7fc\xc3\x94x\xbf\x99s\'\xa4n\xfe\xe41\x8deHE?8\xf4\xf2\xf1\xec\xce"$\x9ah\xcc\xa3yeTFb&gt;-\xc1\x99~\x1ehFsK7|T=\xbc\x8eW\xcb\x9b|\xc2\x93q\x87cA\xfa\xda!Y7(\xb1\x84j\xe1\xcb:\x98lM\xf0\xdb;\xa9|_\xb4\x8et\xeb\xd5:\x14iD.\xa9t\xed\xeb\xe9\xfa\xe6M|iW\x9bk[\xe9\xe3\xde\xb0\x9b6\xcf\xa2\x86\xd9\xb2\x93\x8bt[\x85YH\xea\xe3Y\xab\x8er\xce\xbb@\xa2\x87l\xc6\x9f\x84\xf8\xec\x82\xfd\xf0a\x0fa&gt;\xc9\xb24\xfe\xfd\xef\xfb\xf6\xc3\xd2\xa8\x8f\x94eR][L\xe8\xd22\xe8\xcb+uok\x1a^=\xd8\xd8\xd5\xf4\xeaY\xb4\xa8R\xbc\xa94\xb3{`\xd9\xc08\xab\xa6\xa0\x96\x841\x9f\x9b\x96\xc0\xbe\xb9\x92\x8c\x88\xea\xdfG\xf1\xe1QTMH\xbc\xacC\xa0Z?\xe5\xdap\x91H0\xda\xc4\xb0\x82\x82{\xde\xca\xbb8\x94b\xa0\x92F\xf8\xedN\xdd\xc7H\xcf\xbfW\xe2\xbd\xa0\xa6\x8f.\xf5\xe6C\xb6\xb2\xae\xf2\xe6flcZ\xcc\x99p\xa9\x9dO\xcc\xc8\xc5u\x8ccLw;.\x84[g\x8e?\xea\xdc\xd2\xaf\xad=\x90VD\xcc\xd2I&lt;hD\xe2\xd6S\xd3\xe7X\xe1\xd2\xc5\x8byg\xabrW\xce\xc52\xb9\xbf0\xda\xceZ\xd4\xcan\xadhN\x9c\xbdU\xfc\xf8\xdc\xd9\xd0\x89\xb2\xc7?\x9f\x8d^\x87z/S\x8c`6U7`\xa7WC\xa0hwg(\xc1\xb0O\xf9\xf1\xa6\xe2\xc1\x1d\xba\xdaR\xa4\x99\x80\x98\xa4C\xc7\xbe\x82\x8b\x89]\x97\x9af\xcb\xc1\x9d\xaa\x9cg\xc7\xb7c\x8d\x80O\x90\xb7\x9af\xa3\x84\x81\xa3?\xb1\xaarS\x876\xe4\x00\x00 \x00IDATx\xda\xcc\x98_k\xdbZ\x16\xc5\xaf\x8etd\xce\x01!\xa8\xdff\x10\x13F\x95\xd5\xb9\x15\xe8Z\xa1\x1e\x89\xb8V\xc6\x0658\xb6\xf2G\xad\xed\xd6\xb7\t\xe6R\x9a\x14\xd3B)X\x814\x90@M\x860}0!\x0fs\x1f\xe6\xd9`\xf2d\xe2\x80\x9f\xfa\x1c\x02\xf9\x02\xf3]f\x1d\xb7\x03\xf3\x01\xecvN\xfe\x90\x98\x80~\xde{\xed\xb5\xd7\xc9O?\xcd\xe3d2\xe2\x0b\xdf\xc5\x0f\xff\x1fG\xe0\xe4r\x99\\gpyw9\xe8\xcc\xe8~&lt;\x1ex\x0e\x0e:\x83\xbb\xf1\xf5\xed4\x99\xde^\xdf\r:\x9d\x83\xc1A\'\xf3c\xa1\x06\x93\xab1\x90Z\t\xa1\x9cQJ\xed\xd1\xf8\xea\xea\xcbhr\x90\xcb\xfc\xb8B\rnn\x13;u\t\xb1m\x8d\xd3\x882\xa60B\x88L\xa6\x13\xd1\xd0\x1f!\xa8\xcc\xc1\xe4jd\x11S\xd6\x88f\xdb2\x03\x13\'D\xc3o\xb2\xa2\xd0\xe1\xf8\xf2\xf2\xe0{s\xe5:\x9d\x8b\xcb\xeb\xc4\xb5\t\xe1\x9c\xcb\xb2\xa6\x01\x0e5\xd3p\xb8\xcc)U\x98;\x1a\xdf]t\xbec+3\x99\xce\xe4\xeaz4t\x89\xe6\x9b\x9c\xd8\xc4uE\x95(E\x9d\xcc\x19\x9e&amp;\xc8\xb4\xe9\xe8\xfa\xe6n\xf0\x9d\xc0`\x07\x9d\xc9\xd4\xc6!\xc4\xf4e\xe2\x1a\xae\xe3\xea\xe8\xa1$1\xc6(7US\x96eSQ\x18\xea\xe8N\xaf\'\xdf\xa7\x95\x9d\x8b\x9b\xd1\x94h.\xd15Y\xd6\r+\xb1Z.\xb0\xa0s\x13\xad$\xba8\xa6\xafH\x92\n\xfdS\xdb\x9e^\r\x16\xcf\x95\xe9\xdc\xdc\xa6\xe8\x17\'\x9ai\xeaD7\x0c\xc7\xb2\x0c\x93Q\x9d\x08\x85i\xf8\x0e2\xd9dLU\x80\xa5hQ\x94\x8c\x17_\xaf\xcedH\x84\xa0MS\xd6\x89\x81\xc24 \'\xa6\xaa\x94SUU#\xf8\x03\x06@4\x11\xa4\\Q\x15\x1e\xa9\xda\xedef\xd1Nu7\xd4"\x94\xc1\x94m\xc75\x0c\xc3um\x86\xa7\xab\xaah\x1a(\x98"1\n\xd5\xbb\xa6B\x19 #\xce\xd4\xc8\xbe^\xb4\x83]\x8cx\x041kh\x94e9\x8ec\xe8h\x17\xe3T\x91\x14\n?\xa5\x14r\xd2\x98\x98NH\x8f\x8b\x17h\x14E\xb7\x97\xb9\xc5\nkL\x14\xd4Ds]\xcfH,TK\x97e\xcem\x8d\x88\xe7\xbb.\xb4E5A\'\xb0\xc4\xa8j(\x96\x12\xd1\xf4\xcb`\xa1&amp;z9T%E\xa5\xc4r!\xf4\x04\xd2\xf2\x1c\xe8[#66\x8e\x9b\xb82\x08S\xce8\x94\x9f\xbav\x9a\xda\xc2\xcd\x18vRr\xb7\xc0H\x91\xe9\\\x11@q\xd7@\x031\x82\xba\xa1\x1b\x8e\xads\xa6\xa8\xccM\x92\x96K\xd2\x94\xcc\xb0\xb8\x9d\xb4,\xbc\x94\x12\x97\x98\x8a\x1ai_\x167\x8c\xb9\xc1xH\x15J\xf5Dwu\xc7\xf2\x1a\x8d\x06F\x8epU\xca\xaa\xd4B\x86p\xd3a\x1a\x11(\x8d\xf04I\x12\xd1f\xe2\xca\x1a\xcdJJz\xb5(\xae\xcc`\x84\x0e\xa9\\\x87[\xe9\xbeiY\xa6o\x9a\x9a\xa2Hx*\xe3.\xa8\x88\x9d0\x14\x13\n\xb3m\x94\xca\xb5\x12\x0c*,\x0e\xe0Q\xb2 \x93\xc8\xe4nxds\x85s\xd4J\xf6a\xf0\xf0&amp;\x18\x02\xbcaf\xe7\x1aT\x9e\x12\n\xb7\'\xba\xad\xd1t\x8a\x06&amp;\x96e\xc9\xe8lJ%\xba \x93\xc8tF\x92\xca!`\xb1`\x90\\T\xd5\x87\x8f2\x08K\xd8\x96\xc4\x14\x0e\xe5\x13\x19s\xa8\x99\xf0\xd6djS\xacp\xc3\x95M;I\x13\xaa\x90qg!\xca\xba\xb3%)\x82\x95b\xf7\xc92\\BU\x99\x0cS\xa7\n\xb4%\xf6\x1f\x13\xf6\x80\x97\xb1\x03PD\x1b$H\x14&amp;\xb1!?\xf4\x94(\xe9\xcd"\xb8.\x86Q6\x1b\xc1\xb8M\xd9\xf4 +\xdd\x14\xed\xc3.&amp;\x88\x7f\x92\x82\xe0G#X\xbd$\xcd\xb0\xb0\xa2\x99\xc4\xa0\xf6\xac\x86\x8e\xc2\xc2R\x8d\x0f\'\xb9E`IY\x05\x96\x8d\xbdc8\xa2`2\xaa$\xd4\x0eg\xa7X\x8aP\x19\x98\xb2\xdf\xf6\xa2fcE*\\Y\xcdJ\xe83M\x11\xac\x19Lu\xee\xf2\xca\\L%\xf85\xb6\x9ef\xbb\x86\xe9CXT\xcdf\xb3x\xae:\x13\x17:)0#q\xcd\x00\x16\x0c\x8e\xe1#\x9b\x05#\x16\x00\xe2\x0f\x8d\xd2\x9byGB\xcc!\x85\xb2\xb0\x95\x19\x84\xac\x8b&amp;\xe2\xa2\xa3J\xab\xab@\x13UZ\x9d\x1d)\xe2b\xfb\xcc\xd0\x98\xd8\x93bSq\rk!\xb14U\x19^\xcc\x1bk0\x94\xd0\x9f\x881[\xc7|\x99\xcc\xb4e*z\'*\x96\x9dA\xbd}\xfbv5\x1b\xa1N\xc0\xc0|"\xdb`\x10\xd4\x19\x16\x8c,I\x88\x12M\xe7m^\xb9\x9bH\x01\x14f\xde\x12!KFFF,\xc6\x82TT\xc1\xf4v\xc6\x85\x86*\xb8\xfb\xf0\x14*g\xba!g\xc5 (\x9a\xf8{bYt\x01\xd5\xca]GH\n\xba\x08\xc9\x06\x82\x1f\x8cT\x04\xac\xd9\xc9\xce\xea$\xc8@\x05\x81S-\xb5!\'\xdd5P*\xc4E\x11Vu\xc7%\xb0\x97\xd1\xc1\xbc%\x7f\x85\xf0dc\x15:\x86\xe34|\x1f\x9e0;_K5\xeb\xdf\xea*\\\x8d\x8a\xf4ekH\xa6\xbac4L_ls\xe4\x0c\xecv\x8e\xb71\xff\r4\xc3r\x9c\xa0\\*\xd5=\xcc!\xfb&amp;\xaa\xb7\xdf\xce*\xc6P\x15\xa9\x0b\xf3\x87Y`\x1a\xca\xea\x99\xa6\x81\xa4\xa1{\x1e\xde\x8b0\x0cm2o\xackl\x15\xd9\xca\xc7\xeb\xed\xf0T`\x99\xaa\xf4_\xa1\xcfNV\x15\x170E$h.\xfa\x0b,Go\x98\x9e\xe35\x91\x16\x1dG\x87\xce"&gt;\x99o\xec\xc2B\xc4f\x91w\no\xb6v\xfb\xc7\xf5\x86o\xfa\xd2\xd7\x01\xfc\x06\x85\x04/\xc4\x0e6|\n\x0fc\x88&gt;N\xa3\xd1\x0c\xea\xcdf\xb3^\xaec]!=\x8f\xe7[\xad\xdc\xc1-\xe7L/\x87\xc5\xfb\x8f\xff\xd4\x8f!\xae\xff\xc5ZU\xb9\x8c^\x99\xa8\x92\xa2\xcb\xc2[ae\xcc\x08\x1c\xaf\xe1\x95\xd1s/\x88\x03&amp;\x8a\x15]\xcf\xd9\xb6\x0e\x86\x1aB@\xb9\xbd\xfb\xe0\xcf\xf7\xfa1\x1e\xd7\xf0\x85\xe0\xb33\xadc\xe3(`\x12\xbe\xca\x10\xc5\x94\x99\xfbK\xb2\xe3x~#(\x05\xcdz),\xe3~\x86j]\xcd\x1bk\x04+\x92\xcba\xbf\xd7?\x89OOO\xeb\xf5r\xb3\xe1\xcb\r\xdf\x13\x80\x00\xf2M\x15\x0e!\xee\xf9\xbe\xb8Q\x0bV\x13\xb1\xac\xd1\xc4_\x96\xe20\x8f\xbbm$\xb45\xef\xb0\x05,R*&gt;\xd8=\x13d\'\xc7\xf1q\x08\xbc\x12\xce\xd1i\xddox^\xb3\x018\xa0\x18\xe0RE\x7f\xe1b\xa6\xec{\xc1QM\x1cC\xc7\xed\xc8\x9e\xb3A\xe4:#\xbcW7\xbf\xf5\xfa\xe1\xd3\xc7\xbf\xdc\x7fV\xec\xf7\xaa\xbd\x93\xf0\xa4\xdd\x0eq\xe2r\xb9T.\xd7\x1b\x10\x95\x8f\xcc\xea\x7fu\xfeU\xd8\xad\xd9\xf0J\xb5vX\x8b\x0b\x81ns~;\xe7@\x9f\xc9}\xa1\xdc\xde\xd9\xbf\xf7\xeb\xa3\xa5\xa7\xbf\xdc\xff\xe3\x83\xdd\xadnu\xbb\xd2\xae\x88\xf3\xeew&lt;\xb8V+7=\xd9\x17\xd6\x0f\xd1Ah\xb3Ud@X\xe11\xb0\xf6\xcb\x86K\xb4\xf1\xbc\x83sfLl\xab\xb5\xfe\xe0\xe9\xd2\xd2\xd3\xc7\xf7\x1flmmU\xdf\xec\xd7j\x85\xb5\xb5\xb5\xe5\xedw\xa2h\xb5\xb8\x14\x04\xf5z\xd3\x87\xfe\x91\x04\x85\xdeTyg-&gt;\x8dk\xb5\xa3\xdaZ\xb9\x9c\xd8d\xfe\xc1\xe6.\xb5Z\xad\xe5\xfb\xc0z\xfd\xf4\xf1\xc6\xab\xee\xab^-\xa8\x07M\x0f\xd3\xbf\xb3S\xca\x17\xf6E\xabj\xe8f` #\x8a -2\xa2\xbeS\x08\x8f\x8e\x00\x16\x97\n;\x8b\xc0\x1aL\x93|\xfe\x1d\xb0\x1e\x8azu\xab\xdd\xbd\x97\x85R]\x18\x18\xf4n\xec\xe4\x0b\x95v\x18\xef\x17\xf2\xc0\x82\xbcf\xc1U\x12~\xe1\xd4*\xfd\xdev\x18.\xaf\xed\xd8\xe9\xdd\x02\xb0Z\x1f\xd7\x8a\xbf\xfe\xe5\xc3\x87GKK\x1bE@\xb4\xdf\xbd[\xcf\x07\x86\xa7{\xcd\x00X\xedJ;\xae\xad\xef\xc7\x81c\x88\x7f,\xf9\xb2\xaec\xeb\x04\xad\xb5\xeaf\xb7\xdb+\x16\xd7[\xee\x02\xee\x8a\x07\xb7P\xd1\xde\xebO\xcf\x9f\x7fZ\xda\xa8n\x8b\xf3\x12\x9aG\xeb\x84I\xc4\xf9\xb0R\xe9\x87Gq!\x1f\x04\x00k\x06\xa5B\xb8\xbf\xbf\xbf^\xa9l\x177W6\xfeQ\xacV\xf2\xe9\xdc\xe3\x16\xb0Fk\xcb\xcb\xaf&gt;\x1d\xfe\xf5\x10X{\xd5j\xb5XD\xc9NN\xc2cH\xea8\x0c+\xc5b\xaf_\xab\x97\xf2yA\x19\x87\'0\x8f\xca\xf6v\xb5\xba\xb7\xf7\xfe\xc5\xcf+\xddb\xe5c2\x9a\xff\r\xb6\xf3\xe5\xe3\xf2\xcb\x95\xc3\'\x87\x87\x9f\x1e\xadt\xb7\xaa\xc5^\xaf"Ju\x04\xcb?\x8a\xc3\xf6o\xbb\xbbgp\xb2Z\xa1\x10\xc3a\x8f\xe0\xb6\'\xbf\xf7Q\xaa\xea\xde\xe6\xe6\xc6\xcf\x9f_t\xb7\xd7\x92\xab\xb9_\xc82\xb9\xf1\xf9\xf9\xbf\x1f&gt;y\xf2\xe4\xf0\xc3\xd2J\xb7\n\x84\xb8\x96/\xc3\xa9\xb0_N\xe3\xe3v\xef\xec\xde\xd9Y\xaf\xdf\xde\xaf\xc5\xb0\xfdf\x1d\xc1\xacv|\xf2\xa6R\xa9\xbe\xdf\xdcx\xf1\xf9\xe7\x95\xbd\xe5\x8f\x93\xf9\xdf\xc7r\x93\xf3\xf3\xf7\x7f\x9ba\xbd\xd8\xecV\xfb\xf1i\xa9n\xf8p\x81\xafX\'\xbd\xb3g\xcf\xee=;\xeb\xc3&amp;N\x9b^\xa3!\xebA\x0c\xc4\xb0_\xecn\x00\xeb\xf3\xdf\xdf\x9f\xaf\xcd_\xf1\x7f\xc8\\\x9e\xff\xf3_\xcf\x81\xf5\xfc\xe1\x8b\x8d\xeeoa\x1c4Z\xb7\x86\xadJfP\xff\x0f\xef\xe6\xf3\xda6\x9a\xc6\xf1\x99\xedP3\xcb.\x85\xc9e\xc9P\x10t\x9a\xedH\x85\xae+$\xd7(\xb6W\xf6\x8a\x18\xc9\xb6da7\x91\xbc\xf2R\x860r\xd6Z\x83d\xf0\x06\x92\x08\x07{\xa90\xf2!\xd8\xc1?0\xf6\xcd&gt;\x0c=\x98\xd2.,\xc6!\xa7@\xd9\xd0K\xc8%\xc9\xc5\x7fB/{\xdc\xe7u\xfb\'\xc8\xf3\x88\xf8\x92\x80?\xfa&gt;\xdf\xf7\xd1\xf3&gt;z\x13\x05]*Yw\xea\xban%\x92BX/\xd6\xa0\xb7y\x99\x8f\x03\xd7OiIb\x9a\xcd\xa6\xd9\xba]\xc1,\xc9wz{;\x0c \xb5\xb0\x8c\x98\xae\x1c\x1fmG{\xb7\xcf\xbeY\xbb\xff \x8f\xd2\x95k\xb8!\n\xa3B\x8d\xe3\xa3\xa3h\xf2\xf1\x83\xaf\x7f{\xff?\xff\xdc\xd9\xf6G"{\xbc$\x8a8\xd7\x1c\x92\xefV1\xb39\x19\xde\x0e\x00+\xa0\x10?\x8bO*\xc7P\xb8\xe3\xad\x9d\x87\xcf\xa1qIFS\xd5J6DY\xf5z([A\xd6\n&gt;\xbb\xbf\xf6\xf5\xef\x7f\xf9%\xbf}\x14\x89\xf1\xbb\x08\x8b\x1b\xb6\xde\xae\x00\xcb\xb7\xff\xa97\x08\x04\x10\x16\x96\xd9\xcdN*}T\xb3\x12aX\x88\xaf\xc3 \xd6\xdf\r\xabS\xab\x19Y\x90+\x9aLB\xab\xfc\xf0\xf0\xb6\xe5O\x1d\xa5r\x80\xc5 ,\xd2\xf3G\x0f4\xcd\xfb\'\x9fL\xc0\n\x1c\x1c(J\x19\xc3\xc5b\xba\xb1\t\x9a\x1d\x1d\xbd&gt;\nW\xfb\x8d\xbbi\xbd3\xeet(\xf7\xbbJ\x15\xd5\x8c\xd7\xd1\x04\xd4\xb9xN\x8bm\xa6w\x99\x0c\xce\xb1\xc3\xd6{\xcf\xb1\xae..\xcem}\x80\xa8\x0e\xb6\x02\x01\xa5Ne~HC\x91\xa8\xa2J\x8aV\xe1\xd4\xa8u\xbb\x9d\xb1\x1dB\x8b1\x85`\x139\x99\xd7\x8b\x92\xe4\xfe\xc0d\xe0\x01\xcf\x0e{o|\x1e\x8f\x9b\xf7\xb7\x0e\xc0\xeb\xea\x00\xa8\x90\xeb\x97\x0e\xc3\xc4\'\x7f\xab\xfc\x0b\xa2\x92\xfe&gt;\xeb\x86\xea\x1d\x84\xa5\x18n\xb6Q\xa9@\x9fS=\x8e5\x00\x8aQ38\x06]\x07\xc6\rooN\xbd}\x89\xb7q5\x9bM\x7f\xacs\x1c`\x01S\xb7\xbb\xb5\xd5\t\x94\xb1\x90\x9b\x85\x12\x9au\x9d\xd0\xf7!\xc3\x1a_\x00V\x87\n\xb9\x7f\xc8\xba\xc5J\xa52I\x17E\x15\x07Sa\x04\x80\x11,#\x11\x86}\xe3%\x97\xeff&gt;\x9fMq\x8c\x1b)\x9f\xb1\x00,\x00\x0e\xcb\xb8Y(U\x0e\x1e\n\x19\xf5Q\xf7\x0c\xb0\xba\xb6\x11\x9aN\x9d\xa6\xd8n@]\x00&amp;\x96\xe5\x08.\x04\xed\x10\x8b\x8b\x8615N\xbdT\x0b\xb0\x16S\x0c\xc7l\x05\xe5\xb0\x0b\xd7\xd2`\x98\x13\n\x85\x1c\x8c2\x1c\xaa\xd6\xe9\x9e\x8d;\xe3\xf1\x88\n\x19\x06e\xdbM\xb7\xf8\x05\x8b \x88\xbf\x12\x18\xc1A\x97v7\x9f\xdf\xac{\xa8\xd69\x88u7\xcd`\xac\xf2\xd9Z(\x89\x01\xc5\x82\xd6\xcb\xc01\x8a2\xa08\x8c\xc1Z\x81\xcexd\x19\x06f\xd9\xc0\xc5H\xa2\x83\x01\x13Q\x86 \x08\x0e\x0f\xb9\xd7\xf3\xd9\x95\x97\xe6:\x9f-\x8c\xc5\xdd\x9fT\xd6\x1e}\xe6:\x08\xd4j\x8abYuj\x19V\r\x84\xea\xc0\xa7mY\x16eX#\xdbf\x9b\x0c`Q\x80\xc5\x02U\x99\xe3\xd4\xcc\xdd\xf5\xfc\xce\xcb\xe7\x8f\xefj1\xbd\xfc\xcbb\xee\xb0\xac\x1d@\xbd\rX\xbf\x06\x11\xa8)u\x08\xa0\xaa\xd7k5\xcb\x00\xdd\xa6\x06e\x19\x96\r\\M\x1c\x9cNQK\xbd\xe0\xe2D\xc7h\xcf\x1dO\xb1N\x0c\xe3G0\xc6\x98\xe3\x14\x05\x95\xae\x03(`\x01\xc8c\xa0f!\xc5,\xca5,\xcb\x01\xf3\xbbE\xd7\xa1\x1c\na\xd9HF\x0c\xe3\xb8\xa5b,\'\xb2\x96q=\xf5\x14k\xbfsi\xcc\xe6\xd3\x0b\xb5\t\xee\x82*\xaf\x00\x1d\nP\x0c\x92\x869\x8d\xa3\x88\xe3f\xb3\xae(\xa7\xf6\xb2\x0e\xe6\x00\x94mQM\x84\x85\x82\x02\xac\xa6\x04\xb6\x9by\x9a\xc4\xf5\xfd\xf1\xe5t67.\x06\x03\x161\x95\x11\x95\x02r!\xac:\x86g\xab/\xfe\x1cO7\x1a||\xed\x1f/\xfb\xae\xe3@\x1a\x01\x97\xa0(\xee3\x17\xc7r\x03\xf7\xce0f\x8b\x13O\xd5\x1a_.fs\xaa\xcb\rY\x05V|\x99-+\x04\xb8\x1f\xc9eA\xaa\xb2\xd5\xd7/\x93}(\xee\xd1\xe7k/\xaa\x13\xe0\xa2X\xdb\x02*ji0\x1ca\r\xb9\xd9\x9d\xc7j\xf9^]\xd4\x16P\xe8\xc7\xac&gt;`Y\xf8\x9a\xa5[\x10W\xadV\x07a\x9c~\xbf\n\xfb1\x88H8U\x9d8M\x07\x87\xdf\xa3\x0c\xe2\xb8\x8as\xa8\xd4\x0fL\xb6\xd1\x98.F\x9ev\xf3\xbe\xf3\x9a\xb1X\x18\xb5%\x16\x0eO^T\x8d\x08ei\xf9\xd1\xc8n\xf6\xe9\xa7;\x88J#S\x11y\x00\xad\xa8\x03v"0\\UU\xf4\xa3\x0e\xb8\xa1n7\xae\x17\xc6\xb9\xb73\xca\xab\xce\xb8V\xefn\xe1\xda\x90\xe3\x00\x0bn\x1f2\xa9,=\xdf\x19q&amp;\xfd\xf0\xd1\xcb\xa0\x9f\xf6G\xf3\xf9`k\x08\\8\x18k\x89%\xaa*\xc30\xea`8\xa4f\xf3Y\xdd\xdb\x8d\xa2\xefd\xbcuqq\xd1\xc55]\x05,\x94\x17\x90K\x81:Q\x1b\xb1\x8c\x16\xcf\xa3s\x07\xf7\x9e=x\xf4\xf8p\xfbqKo\xa2\'\x0eA@\x06\x19\xa0\x92\x18\x06\x97\xf4A}:\x9f\x8d=\x9e\xcb\xbf\xba\xb8\xbc\x842\x8a\xc9=\xb3\t\xb7\x0fn\x81\xe2\x8d\x96#a\xf2\x02\xfd\xf4\x8fhp\x8af\xf2O\xe3\xc1\xe7yR\x1b\xb2\xf0,\xa40\x95\x11\x19U\x14\xe1\xef\xcd\xdepj\xcc\xa6\xff\xf3\xb6m\xf6m\\\xa1\xaea\xab\x1c#KC\xb4\x1d\x85\x85\xcf\x01\xd5\xa8i\n~\x7f\x14\x1d\xd3x\xfa\xe8\xfe\xb7/\xee%!\x91\xd10\xdd\x1a6Y\xe4-\x06\x85\x08\x1b2^\x13-\xdb\xa8\x9f\xbd\xf2z\x1ax\x86\x92\xd8\xd5\xe2\x85\x9e$I*\x87z\x83@@\xd5\xe3\xe1\xb0\x1f6\xf8t\x04\xaaC2\x05\x9dj\x8e\x8eF\xa3\xfe\x92\xc9\xa1$B\x1aA1I25M\xa2X\xc2\xb8\xf1|b\xb3\x7f\x0eX[1\x92$\xf5\xdd]\x90\x0b\xd2\xa4\xb0|!\x1f\x8c\xe6br{2i\xb4\xdb\xf09\xd1\xf9\\8\x88\xb8\x18\x0e\x1c\x8f\xdc%\xee\x16{=\xad\x87S#{\xe4\xf9h\xc4\xe7;\x01\xaa\xdf\xe5\xc8\xb8\xa0\xf3i\t-EVQ\x85`2\x99\xd0uhE\'m\xb8\xae\xaf\xaf\'\x00\x17\xf1\x07\x83aM\x85\x1c"\xc3Ki^\xd6\xb4\x1eQ\xb7Gg\xde\xbf\xac^\xf7\x9d\x8e\x7f6\xde\xb6\x84\x92\x1c\x8b\x99\xcb6\x985S\xc1d8\xd7?\x8e\xf4\xfb\x95\xebc\x88&gt;\x8av\x1b\xf2\x99\xa4u\x1c\x17\x91\xe7\xcd\xb4\xbc\x07\x12\x13\x945^\xc5\xf1\xb2u\xdf\xfe\xd5\xc9I\x8b\x94eyOg8\x15/\xe3&lt;z\x15p\xb4\x8c\xea\x97\x88\xa0I\x8d\x9cHn\xe75TI\xa1d\xe9?\xc1}\x90&lt;ey\x9f\xc2/\\\xe0\xb0[\x9a\xe4\xe5\x18_\x94\x06\x1c\xc1\xc4\xc2\xdbh0R=\xee\x1fW\xd1\x1e\x0c\xae\xd7\xcb\x19R"\x1a\x0c\xc6\xcd\xe5*d\xe4\xbd\x98L\xb6\xf4;\xea|eg\x17}\xbe\xb7\xf1\x92\xc6o\xc6\x84Ms\xc0e\xf6\xc2\xc9\xe8qn\xd2\x86g\xb3\xd3\xee\xa3\x1cN\xfa\xb0yM&amp;\x9foG\x93\xf98,\xd9\xdd\xa2\x1e\x13\xf64\xf2\xdd\xe9\xd9\xcd\xea\x8e\x96\xf9|\x1fIR\xd6\xe4\x82 \xf4LU\x8dE\xc32\x83\x01\x93\xe3\xbam\xb4\x12\xd1G\xbb\x9fz\xbd\x8d\xe6[\x85\xa2)\rym/\'\xf7Z\x1f66|\xeb_\xad.NnK%-\x16+\t\xa4fJ{a\x81!\xca\x18fL\xef\xd0*\\\xae\xc3%^\xce\x9f\x0c\xe6\x05]\xd7%\xd0J\xe6\xb5\xd6\x9b\xd5\x9e\x08\xf7\xbdz[*\x14\x84\x12)\xd0%^\'i\x9e*\x13\x19\xa8L\x9b}\xd8F\x1f\xf7\x11\x17hd\xf2\x85d\xd0\xdf\xe35\xb8\x03pV\xa9\xf4i\xa5g\xf0P\xb9\xff\xd8\xa2\xe9\x82\x86\xb0\xb4\x1e)\x88\x84B\x85\x9el\x16\xc2A4\xee\xce\xd3\xfd\xc9\x04\xb0\xdc\xb4\x10\x8d\xc6{2Y*\t\xb0ne\xe1\xfd\xaa\x8f\xcf\xfbN[qA\x00\xaa\x04\xa9\x91\x85\x12S/\x9711]\x88\xde[\x9e-\xfbM4\xd2G\x93\x87\xb4\x9cJ\x08`A\xb2D\xc6\xa0&lt;\xb4NW}\xee\xd4\xf7\xea\xd6O\xc7\xd1\xa5\x91\xb4\x9f\x94\xca\xb0%\xa32\xe9B\xfe\xdb\xb5\xb5o\x1e=\x08\xf7\x1b\xd9]\x91\xd9\x8d%"{2\x99(\xc0\r\x90%\xe1\xd3\xca\x8f\xc3\xae\xfb&gt;\xf8\x0f\xfd4\t\xf9)\xd14\xc9@\xd7\x15P\xcaD\xb1\xb0\x13|\xf8\xf0i4\xf7]qWb\xc4b,\xb2\xb7\xc9\x93\t\xba@\x16\xe8x\xfc\xfd\xea\x0f\x0fo\x9c\xb4v\x0eip\x96&amp;\xc4\x0b\xd0(\xd8\x9dqgd\x0f\x86\xa6.\x93\xf1\x92\xc98\xa8\x88\x167\x85\x02X/N\'\xe2\xb4?\xff\xdf\xd3_\xe3L\xf3;\xbf\x7f\xe7\x10\xc4\x02\xc54\x13g;\xd0u5M\xd3\xd4M]\x1f\x9a\xa8aV%\xbeD\xfb\xe3@E\x87w\x0ew\xf2\xff\xde\xf8j\xf5X\xbe\x8f\xf0M~0sI+\xf5\x86\x03\x0eZA\x13\xb4\xe2\x97\xefQ4s0\x18\x0c{\xc8w4\x18\x10\xa4\xday\xfc\xf8\xc3\xaf\xf2o,o\xe2\x87;;\xa0E\x8b\xec\x81F\xff\xe7\xdd|c\x9a\xda\xef0\xee@\x04\xbdUj\x03\xb4\xb4\xc5\x8e\xe39pzS\xc3)t\x84b\xcb"\xb0\\\xa0\xfeC\x8a\xd4\xa4\x14l-\xa5\x85\xe5\x82\x91{\xaf`\x132&amp;/z\xbb\x00J`!\xea\xae\xfc[&amp;\xc3\\\xe2\x88\xd3\xf0\xc2+\xfe\t\xc6\x99)J\xa6a\xb9\xfa\xc2D\xe4\x82\xfa\xe6nKt\xd9\xf3=\x07\xf1\xcel\x8bwW\xfa\xed\x9f4\x80\xe1\x93\xe7y~\xdf\xdf\xf9\xc9\xf7\x9c&lt;Y\xd9Wy\xb0\xaf\xa0\x928+\xb3\xba\xfb\xba\xfbj\xb3\xf0\x13\xf9FcQ\x91\x11P\x19e\xe7#A\x15\xdb\xd3\xe7r8\\\x8e`0\x0b@}\x07\xff\x9aUD~\x15\xe1\x99Ud,\n\x06\x83\xddx\x83\xa0\x84\xe5\xe2\xa2&gt;\x0b\xfe9"c\xfc=\'\x8de\x9c\x81\xcbp\x04\xb3\xba\xbb\xbb\xb3\xba\x83A\xa31\xe8r\xe0-ht\x05]\\\x19\xa0\x82A`egg\xbb2\xd2\xb9\x8fg#\x81\xa5\xee\xd9f1\x03\xc0\xc0\xd1ow\x94\x95\x95\xb9\xca\xb82\x03\x07\t\x1d\x9c\x8b\xe3\xe2\xd3\xf1\xc1\xe1\xe2\\\x00sq\xe9\x19E\x07gWt\x97^V\xeb\x90\x17\xca\x189\x17X\xb8\xa8\xa8\xf5\xe9x\xae[\x9f\x91a\x80\x84\x86\x94\xf8\x98t\x1a\xcf-\xe3\xcc\x1c032\x1c\xb5[/G\x00K\xad\xee9\xc4Vb\xe1s\x1c\x97\xb2~\xdd\xbauk\xd7\xc5\xe0\xb9.*\x9eF\xa2\xa2\xa3bb\xa2&gt;\xa3[Y\xf0m\x17\x97\x91\xe2\xe8\xdbj\x8f\x04\x16L\xdc\xe7\xac\xb2\xb9\x82\x0e\xce`\x88\x8f\x12\xa7\xbfi&gt;1&amp;:~stt\xcc\xfa\xb54\x96\x0e&lt;\x1a?3p\xc6=[?\x8c\x0c\xd6\xaa{\xfb|\xba\xf6"c^\xbe\xf8\xc7\xf2\xd5\xab\xe96\x9a\x1f\xad\xc1\x87\xd5t?\r\r\x9d\xc6\xe0r\x02Z\x1a8GV\xfd\xcf"\x85\xd5sD\xcfV\xd9v\xe6\x99\r\x15\xf1\x99\x9bi\x1aO\x1c\x8c\xa2\xf9\xd3\xb5Qt7\xc1\xda\x98\x14C\n\xe72\x98\x8dY%\xbb?$\x13#\xb1\x12\xef\xed\xd3[\x15\x05\xfe\xec&lt;\xda\x9cS6K\x03S4\x8d\xb1fiTw\xcd\xdahq\x860\xcf_\xb2\x1b\xfb\xb65"j\xc5\x02\xeb\xe78\xfd\x04\xb6\x9b+*\x0c)\x15\x999994x\r\x13sh\xc0\x06\x8f\xe8\x14C\xe6^C\x9e\xcd\x82\x03\xf8V\xab=BX\x87\xf4&gt;\xafeO \xe0\xcf\xcf\xdc\x9bI\xf7\x18\xa023+*2i\xda\x8c\xc6\xd5\xe3\xf1\xd9\x9cm\xf3\xd4\xd6{\xd9]\xd6H\xa9uT\xaf\xb7\x96\x14x\nl\xdbi\xb4,\'\x87\xa0v\xe4\xe7W\x00\xa6\x02d\xf1)`4\x1bm\x9e\x92\xd2\x83^\x96\xb5Z/E\x02+M\xc4\xdam\xb1x&lt;\xed\x81\xed;r\xd6\xac\xce\xd9\xbc7\x13\x07\xb0\x1d8\x1ff\xd2,\xd0\xde\n./\xdb\xb6\xc7R_\xef\xdd\xc5\nLD\xb0\xd4\xb1\xb3G\xf5\x85\xd6]\xb5%\xe0\n\x90`\xd1\x84e\xc8\xcf7\xef\x10\xb5\xca4\x98\xf3\x8d\xd9\xb88-A\xb2\xbc^V\x00V\x04\x16b\xda\xac\x9e\xd4\xaa\x87\\\x00\xf3\x04\xfcF\x1a\x972\xe4\x89X\x15)fc^^\xb6?PPY\x8bdy5\x1a!RX\x97\x81\xe5\xa3\xc9\x11\xc9G\x9b\xdfo\xc4\xa1?\xcfl6\xef\xa0\xc9\xa4l\xbf\xbf\xc0b\xb1\x94\xe0\x00\x04\xb1\x18\x86\x89\x08Vl\xda%\xbd\xc8\xc5\x96Vy\xda!X{\xa0\x80\xd0\xb2w\xee\xcc\xde\x99\xed\xb7\xd9\x02\xb6\x80\xa5\xb6\xa4\x04G\r\xd6\xabR1\xd52\xe1\xd2\xaa\xc8`\x15\xea\x8f\xfa\xec\xac\x97\xaf\xf2\x88&gt;\x16\x14\xd8pJ\xb5\x81\r/\xa2*-\x05\x94w7\xaf\xd2h\x18F\x10~\xbb_\x1d\t\xacB\x92\xcbng\xf9R\x0b\xc9\x15@\x15\x94\x94x\xd0am\x81\xc0\xc7{@U\n\xfbv\xb1,\xc3`!\xb2\xd6\x9f\xcc\xae\xfc\xed\xaf\xb1\xfbE\x13\x0b}v;\xcf+\xa4\xd8\x83\xcc\x83\xa0\xe1\\\x0f.O\x15\xb4\xf2\xf2,+\x00K&amp;\xab\xab\x13\xec\xdb\xee\xad\xf8a?\xf6\xf0\x17\x85$W\xa1\xdd.@\xaf*\x94\xa7\xbd=\x10h\'\xbc\x82vp\x96\xf2&lt;\xcb\x80J\x10d\xa8:\x99`\xff\xf1\xb6\x9e\xb4\x95\xbd\x8b\xff\xf0\xb1\xcbG\x0b\xc1uK\xef\xf3\xf9L\x8cN\xa7P\x00\x0cfz\xda-\x9f\xd2[\x95\x82G\xb3\x82P\x8c\x04%\x93Y\xedv\xfb\xb6\xbf\x7fu~\xff\nR}\xf5\xc7_\xeb\x0bE\xb9\x10{\xa7\xa0R\xa9\xc0\xa5\xa8\xb2|\xfa\x8b\xf6*\xb4\x05H\x05&amp;Pi$,\x14\x1a\x17\r\xf6\xda\xe6\xff\xb0b\\\xc7^\xfd\xe9\xa3_\x12\x96\xc8\xa5\x87\\*\x95N\x07\xb9&gt;\xc7\x13/\x05\x0c\x84\x7f\x1aM\x1d\xd5\x1b.\xab 8+\xe7_\x1e^\x11#c\xf7\xbf\xbc\xff\xc5\x91[`\xa2\x07\xc5\xde)0\x1a\x15/\x19\xf9\xb9B\xa1\xe0y\x8dH\x85\xaf\xd6-YHX\x82`\xc2\xe3\xa7\xf3/\x8f\xa5\xc5\xbew\xb2\xd8\xb4\xf3\x0b\x7f\xfb\xe8\xc8-Q-Q.\x1fq1*\n\x98B\xa1+/\xe75\xec\xaf\xb0\x00\x11x\x92K\x90\xbd\xa1\xa2j\x9f\x9f~uv\xff\xfe4\xb5\xfa\xbd.\xc1Ug\x17&amp;O\x1e\xb9uk\x99\n\\NA\xc6hx\x9d\xae\\\xa7(\x07\x16+\x06\x8b\x95&lt;\xac\x93UWKd\x04\xe5\x04VC\xc3\xe4\xab\x97\x97\x1e\xa7\xa9\xdf#U\xda\xd9W\r\x93\xbf!\xac\xb6\xc2\xb6\xb6%\xb5|&amp;AFX|\xb9BAji\xbc\xac\x86E\xdc\x99\xba\xea\xba%\x0fe&amp;\x91\xcbi\xb2\x8d\xba\xdd\xd3\xd3\xd3w\x1f&lt;\x7f\xfc\x9e\x14S\xab\x87f_v\xd54\x1c\xb8\xbdO\xf2\xb0m\xc9E\xa7@S\xeaP\x0b\xa5#,\x11\x0c\x9b\x8e\xe6u\xe0\x01U\x07(\xa7\x93q\xb4\xca\xdd\xd3n\xf7\x9dP\xf8\xe2i\x02\xfb\xa1d\xeaUi\xc3\x8f\xbeij\xa9ihX\xf8\x07\xb0\xda$\xac\xc2Bd\x0bK_\x83p\xe9H,\x94J\x07$\x95F\xa5\xaa\xae~\xdd \x08\rTN\xcb\xbc\\\xeev\xcb;\xef\x9cQ*\x95\x17O\x0f\x0f\xfd@0u\xda\xe3\xe7\xfd\x0f\'[j\x0e4\xb8[n\xebE&amp;1]\xf0\xd0i\x12\x04d^!V\xb9\xa2\\\xa7\xe2\xf1P\xbd\x8d\x05\xaej\x88%\x07U\xe3\\\xb1R\x99\xaa\x0c\x87O&lt;\xff\x01\x92\xe1\x1f\x0e=\xef\xd7j\xff2Y\x03,y\xc3\xe4\x13\x04K,\x909\x9d&amp;\xb4$\x86\xa7\x86Z%\x92\xe9x\x9e\x87f\xd0\xab\x1a\xfd\x94\x12O\xb1\xa7dyH,ykc\xe3\x0c\xc4R&amp;\xa5\xa2$/\xff?\xac\xa1\xe1\xd3\xda\xc4\xc4\xb8\x8bw[Z\x80%?\xf0\xd4\xda\xf6\xba\xa0\x95\xc9i\xb5\xb2\xfc\x92Z\nE)\xda)\xc8H.J=\xa0\x80U\xcd@,~\xbe\xb5S.\x1fml\xbc\x13J\x02\x952U\xac\x0b\xf02\xf6\xfb\x92\xa9%(m\\"\xb8\x1e6t\xb5\x1cpw\xc2F\x13!\x99\xda(0&amp;\'\xf6k\x06X\xa5\x12T)_\x0f\xb9x\x1d\xb0\xd0 \x18\x92\nX\xe8\xf2\xcc\xef`a+\xa8\x1a\xaf$\'%%\xa5.\x17\xc0\xbe\x9f\x95ju\x1a\xa0\xfa\xb5q\xc0\xda\xb0A\x1b\xbe\xdb\xd2\xd5\xd2 \xeftO~+J\x05*Z\xf6\xd8V\x18\x8dNGX\xe5\xa5\xbcT\x80\xc2Rd\x00T-\xc3;\xae\x045DEX\xa3w^$\'\'%\'\xa7\xfe\x1b\xd8\xd0\xbb\x92\x91P\x08z\x9cX\xa0\xda\x12\x177\xd3\xd0\x84\x16\xd1\xd9\xd9\xb0\xf0\x04\x8dK\xec\xdbd!a\xf1\xa4\x94(\x16I\xa5SQ\xb8\xb0\x011\x94+\xb0\xb1o\xa8\xee\x8f%$\xbf\xcd\x95\x1a\xbeI\xe9\x7f\x87S\x9b$\x14tz\x8d\xb5!N\xdbq\xb7\xa6\xab\xab\xc6\r\xae\xa7O|&gt;\x91\x8bl\xa4\x95(a\xd1\x9e\xa8\xa3f\x81"\xb94\x1a\xd2KU\xcd\xd6KT\x03\x8d\xa3\xad\xe3#\t\xe0\x12M,N\xa2\x84I)\x0b_\x14%{\x87H\xc5-\x17\x92\x05.\xad\xf6\xeb\xc9\xa6\xae\xa6\x03\xf2\x81N7q\xf9$\xb9@\x05\x13\x97\x13OD"\xd5k\x1f\xe9\xbbo\xa8\xee\xbeH@%+\x95gB\xe7\xc4\n\x85:\x94\xca0\x91u\xdc\xfc\xdf\rCTJ\xfb\x86\xeaxb\xdcU\x90i\xfb\xaf\xce4I\\\x03\xf2\xc9o\xedN\x93\xb8\xee\x05\xd1D\xf1\x1a\x82\xb8tKbI\x8b\x11P\x0c\xb3D\x85\xb4\xb7\xde\x19$\xaa\xd4\xd0Doo\xef\xc4\xe0\xe0\xe0X\xef\xd4\xd4\xf8T\xef\xa9P\x984\xeb8q\xfa\xf1\x7fI\x99Z\x1d;4\xdc\xff]\xa1\x12o&lt;8513\xf1 N\xab\r\xff\xb3\xa9\x0b\xb1\xef\x1c\x18\x18\x98\xbe\xfd\xc4*H&amp;\xe2"FWNZ\x01\xac\\\xf1\x1a\x8b\xa7~\xff\x86\xaa\x13T\xa3w\xc6\xc8\xc2\x91\xde\xf1\xdek\xe1\xd4\xa9\x10\x12\x96\\\\|n\x10lS\x83\x10-5\x1c\xbep\xf3\xf9\xf0\x7f\xd0\x0cJ=_RJtn\xc3\xd5\x07\xcf\xae\\\xb9\xf2\xe5\xc4\x15\xff3\xadV{\xe6\x9b\xae\xae&amp;,Gp\xb9\x9f\xde\xb6\x9bL\xd4\xe5qeS^*R\x81K\xa7\x10m\xc4\x06D\xf1b\x04\xb6\xe4\xbe\x9c\xa8\xd0\x1aF\xef\xf7\x8e4\x17+\x07\x17\xc7:6%\x17O\xfc\xfe\x992!adq\x0c\xdd\xa2#485~mS.\nd\'\xde\x8a\x99\xa8\xd4\xb2}\x89\x1b\xd0C\xafM|\xf9,\x14\xbeq#|c,pB\xabM\xfcz\x01\\5h\x130\x12\x82\xd9\xe9\x82K&amp;\x93\xda\xa9\x88U\x8e\xdd\x91\xba\x96\x98-\\\x11V\x12U\xa7\xa4\xd5\xcc\xc8\xc8H\xc2\xe0\xe2)%~}\xaf\xdf\xe5\x98\nu\xcc\xadv\x9dC\xc7G\xd6&amp;&lt;\xa1\x8d\x9br\t-\xdc\x11\xbe9&lt;\xf4\xdd&gt;5|\xfa\xaaH$\x9a\x17w\xe1\xfa\xf5G\x17n$&amp;n\xf9\xe0\x83O&gt;\t/&gt;B_\xdd\xf2p\x81\xe2E;.\x92?y\xdb\xea\xa4K\x1b\xb4y\xb1\xa1"]\xd2*\xa4\xb8\xc3BVS\xd4*\xef\xa4\xb0\x13\xd5\xe0\x993#\xcd\xcd\x8b\xe3\xca\xe6\xe6\xa4\xb1\xc5\xd0\x18\x97&gt;7&gt;&gt;g\xf0\x8fu(7)\x95\xb9\xbd\xe3\xe1M\x1bs7\xe2\x95\x9b\xab\x0c\xdf\\\xfe\x8f\x18\xb1%,G\xea\xea\xc5G\xd7\x1f\x1c\xdfp|\xe6Q?\xb5\xd3-\x17\xe6\xa0V\x1cq\xb54a\x17"\xb0N\xf74-I\xec\x8b\xb8\xb6\xe1\xa5P\xf1b\x7f\xc7\xf2\xa3`U\xde_jW\xa0\xba{nd\xe4Ess\xf1\xdc\xbf\x9a0\x9b\xd0\xc6\xed4\x8c\x87\x9e\x0c*b\xbc\xd8\xd2\x98\x18m\xbd\x04\xba\x87J\x0c\x14\xe6 \xf6&lt;T\xa7]\xd8)\xec\xb1xC\xe6\x90B\x93C\xcc\x90\\\xe6f\x10\x06\xa5\xe8 X\x84`=\xa6\x07g\x8ad\\\x87\xd8c\x0cf\xfcA\x8c\x17\x93\x99\x10\\\x87\xe2\xc4\x84x\x92\xa6\t\xf9\xfe\x82\xce&gt;\xef_v\xdb\xd7vb\x82\x83~y\x9e\xf7}\xfe\xaf\xb2%jb\xe3\x9bB\xc69\xfe\xf4\xc9\xe3\xbc~\xf0\xd1\xf3\x7f\x1bd\x9f\xf1\xbe\x11\x04TP"8U\xfd])\xf7\xb7N\x8fF\xed\xdd\xddA%\x1aM\xef\xfe\xef\xcaN\x03,\xd0\xbbw\xa1"\x92\xacw4C\x1b\xce\\\x1c\xe6\xe0\xe4\xde\xf8\xe4\xd9\xb3\xa7\x8c\xcb\xcf\xf7?\x13\x16\x90&amp;\xa7\xbe\xfc\x82\xa0\xe8\x18\x9c\x9f\xffys\xa7\xbf\xb3\xb33\x1cv;\x9e*\x1a\xb7\xb7V\xa1p\xfc\xd9\x93\'\x8f\x0f\x1e?\x7f\xfd\xba\xc3\x03\xabx\xde\x00\x15\x1e\x12}U\xc7JEy4\x13]\x17P\xee\xee\xae]9\xbf\xb6\xd3\x95\xf3\xb5W\xd7.\xfd\xa8\xdc\xa9\xf3\xb2,#V\xed=,\x13\xd8&amp;\x08\xecA|\xfa\xf0\xfd\'\x8c\x8b\xfe\x0f\xc2\xea\xab\xd9\xd9\xaf&amp;\'\xbf\xfc\x83T\xf3h\xab,\x1e\xfd\xfep\xb8wM\xaf\x86ad\xf5\xdcgO\xfe\xf9\xc1)\xbc~\xfe/\x1d\xfa\x94\xef\r\x89*\xa9H\x92\x12\x0c\xd2\xe6\xf9\xdd\x7fM\x9e7i\xf6\xc2 \x88\xf6\x9a\x95\xb4}\xbeV\xfdP\xb9\xdc_\xad\xbe\xf2\xb0\xd7\xb8\xb5]8)sj\xf1\xecl\xfb\xechz\t\xdb\x17\xac\xc4^7\xfdf\xe3\xe9\xb3\xa7\x8f&amp;\xa7\xa6\xd8\xfa\xc7&lt;\x9c|\xf87?\xach\x02\xe7\x7f\xbe\xd0C\x8bT\x11\xec\x0e\xd9\xceE\xb7;\x1c\x0e\xa1]\x7f\xe7\xe2\xe2z\x98\xbfz\xf5\xba\xa0\xaa\xb9cG\x05\x94\xa2\x00\t\xdaq\x13L)J\x830\xc4\xa0\xaer\x9an\xd4\xbe\x1b\xac\xae\xae^\xb6\xdb\x1f\xaa\xd5\xea \x9anzn\xdd\xb5\xb7\xcf\xce\x86\xddb\x9d\x04[ZX`{a|nz\xe6\xf0\x1ar\xb1[\x0b\x1c5\x10k\xf6O\x9f\xfbR\xbd|I]\xe50(:tb\x82\xa09\xb5\x13\x84g(\x84\xa5+\x16[\xe9\xef\xf4\x1b\'\x9e\x97/\x1c\xe4\x11c\x8a\x92\x0c\x12\x17j\x82\x94\xe2\xd1\xdc\xe4\x11*\xec\x94\xdd\xb0\xd9\xe9\xd5/W\x7f\xf8a\xe0\xdd\xae\xadU\x7f\xb2\xed\xdbmV\xb6K\xfd\x8f\xc4\xef\x1e\xcd`$\xa9\xf9\xe7\xc0\xf5f\xe3\xef\xd8\x9d\'\xa7\xfe\x02\xfffg\xff\xca\xa0^\xbc@\x8a\xcc\xbf\xfc\xf1\xc2\xd0\x88\x89NBD\x94 e\x9d\x8e\x95Y\xc1\x86*\x84H?aQU\xf5\\\xc124M\xc3\x11.\x04\x15\xd6]\xcaD\x98\'.\x9e,\xe28Y6\nE\x9e/_y\xb5\xab\xea\xdaju\xd0nV\xaf\xf7\xf6n\x01\xe4\xd2\xe25\x9e\x894\x04C\xe4#\xc4`&amp;Z\xed\xcd\xc6?\xa6\x1e\x82\xeb\xd1\xc7\x0f\xbfa\x01JP/\xbf\xff~\xb3\x1f\x8b\xb0\x03\'\x16\x03\x02\x14\x92D\xa3o\xd5\xacL^\xd7\x04\xf2,v\x9aY\xb72\xba\x91\xc9\xe8\x18QM\x94Td?a\xf1\xe3\xe2\x88\x8b\xb3\xb6d\xb9xu\xdd\xe9\x96\x9a\xd5\xb5\x8d\xbd\xed\xed\xb3\xed\xee\x85]/F\xc7\xfb\x04\xba\x0f\xcft\xfa\xechi\x81)6\xc3\xeap\xe3\xeb\xc9\x87\x8f\xa6\xfe\xc3\xa00\xa4\xcb\xcb\xcb$U$\x12bZ\x01\x0cjQO\x8bA=gu\xbc\x13\xc7\xc9gr\xeb\x85\x82\x95O\xa5\xb4l&amp;\xe7h\xa1\x95\xd0\x8a&amp;%\xf11R\x0b\x06\xb2\xfcd\x92\xb5\x0e\xba\\\xcb\xbaK\xf3\\i{\x0f\xedm\xbbu\xc7\xb2\xcdF\xb3\xe4\x07m\x80\x98\xa8\xd2\x10\xec\x17p\x01l\x01\x03\x00\xd1\xdem\xdc_\x1d"\xd0\xe2L\xad\x07\xcb/6\xfb\xe8\x97\x10\xab\x08\x89E\x1do \xd2\x11\x97\xbaC\xc7\xb5\x95\xcb\xeb\xb1PJ\x145M\xcf\xaf\x844*AJ\xfa&amp;\x86\xa3\xec\xa81)\xd9\xc3\xa5\xf7=\xd9X/\xaaf\xb4Xt\xeb\xc0m\x95=7`6\x1a\xbe\xd3&lt;}\x86\x1d\x98\x98Yt\xd8\x02s\x92I\x866{G3\xc0\xa8(;.\x0cA\xf0\xa9\xd0\xec\x11\xdf\xc3\x9a\x93\xcb9eCO\xa9\x188.\x11T%qE\xd4u\x06\x04\x0b\xd1ab2\x89P\x85\x89\xe10\x93!@W\n\x94j\x83t\xc9P\xf9\xa8\x19\xa0\x83\xc8\xedyM\x0c\x03\xdf2i\x1c\xc6dx\xf1\x1c\x87\x15\x0c\x82}\xcb\xb8H/\x08Fi\xc6\xb8\xe2\x0f6\xfb"A\x91\x83\x1a\xad\n\x02\xd6&gt;)\x7f_\xbbu\xbc\xb1]\t\x19\x00\x00\x02pIDAT{\xaf\x96S\xb3\xeb:\x16\x07+\xa7\x17\x1c\xcb\x82\xa1y#O\xaa\xad\x08\x18CL\xe3\x045\x14S!\xc0\xb6v\xddr\x1a\xc5\x92\xe9\x9af\xbd\xde\xae\x0c\xee\xec\x00\x1b\x07\xb9\xd5\x92\xfd\xa1\xa0\x87\xcc\xd3A)#M \xd8\x88\x8b\x92\x0cN\x12W&lt;~\xb8\x95\xa5\xaeZ\x1c\x8bE\x8d\x85\xd2\x9d\x9cW\xe8`#)p\xb9\xe3\xf2\xf1\xc1z\xa1\xe6\x1c\xe4\xcb\'\x9d\xfbZ\xad\xf9\xbe\xa1i02\x11T\x92\xc0B\x82)\t\xba\x92\x12\x94M\xf4Y\xa9\xd1\xbc\xbbk6\xef\x9a\x83A\xa5\xd2\xa6\x0e/E]\xbb\xb7\xbb\x15\x80B\\\x82c\x05\xc2\x04\x97\xa0\xdf+R\x87-\xcd\x10\x14\xf5\x17K\xff\xb7\x80\ni#*&amp;\x15+ID\xc7\xa7\x90\xefz\xce\tfr\x99\xbe\x919\xb1\n\xebY\xfd\xae\xe9\xd5\xbc\xbb\xf3\xa6\x06e5\x8e\xc4R&amp;\x94d2\t\xb0DBARp0\xca4K\xb6]\xea\xb9\xa8h\xc9\xecU\x90\xf5\x97\x97\x97\x83[\x9bg,T\x1c\x03L\xd0\xdf\xc3\xb5\xbaG#\x07g\x08l\xfa\xc1\xdb\x8b,\xb3oq4\x83tG\xe1cI\x02%9\xc58\x96\x18\nsU\x95\x04Q\x8d\x88\x86a\xe8\x8dF\x86\xba&gt;\xc2\xd2T\x80ZI\x1f\x8c\x83\x1a*\t!\x87\x1b\xb6\xd9\xde\xaf\xdc\xdcTn\xda\x83\xc1\xe5\xfe\xfe\xcd\xe5\xa0\xb2[bf\x02m\xa4\x18\xe7\x03&amp;\xe4\xd6\xf0h\x0ePKd\xe4\xdc\xf2\xa6.\xb2\xf9\x1b\x1bHw:\xc8I_+\x82\xf2\x9f@\xa2@\x87_\xc1\x08fQD&lt;,\x864\x01\r\t*iq"\xc1\xb0\x00FWJ\xa5\x0c\xc7\xe9x^\xd9\xdc\xbf\xd9\xa7\xe7\xfe~\x05V\xb6]\xca\x04\xfffC\xf6{l\xa4\x1b!\xca\xad\xe2\xaf\xef\xa6\x89j:\xfev+%\x8e\xe6oL\xc5\xa0\x04\x89\x85\x96\x82\xf5@Q\xfc\x03\x86\xbe\xd1;\x85F\x14G\xc1\n\xcd"\xd2_IH\x8b\xa7#\xb5P*\xa7\xaa\x19\xe4\x9cw\xd5\xe9\x94M\xa2q\xdb\x14\x9d~~\x06~\x03cT\x7f(\x1a\x82pw\x13\xf9\x10\x87T*Q\xd1\x83\xc2*6\x86\xc2\x95\x99V\xb4\x1c\x90V&gt;\x94O\xa5H\x91\x08\x1d\x9a\xc4D\x80R0rz:\xe1S\x05\xf1\x84\x85\xd6}\x07Z9\x99T\x8b\xddMS\x9e\xb1M\x95p\x02\xbfK\xc5\x8d\xc8\xc6vb2[\xdd_\xdfB*,\xbd\xb1,*\x96E\x9b\xd0\x89\x13\x11\xc6\xe9N\x8b\x94\xc2\x90\xc6T\xfe\x9b\xa0J\xa6G\xc4Q\xe1h\\&lt;=\xfd?\xa2\x93\xe5\x17-\x1e\x05!\x00\x00\x00\x00IEND\xaeB`\x82'</t>
        </is>
      </c>
      <c r="M501" s="3" t="n">
        <v>45492.67712962963</v>
      </c>
    </row>
    <row r="502">
      <c r="A502" t="n">
        <v>1185617</v>
      </c>
      <c r="B502" t="n">
        <v>1961</v>
      </c>
      <c r="C502" t="inlineStr">
        <is>
          <t>Alexsander</t>
        </is>
      </c>
      <c r="D502" t="inlineStr">
        <is>
          <t>Alexsander</t>
        </is>
      </c>
      <c r="E502" t="inlineStr">
        <is>
          <t>VOL</t>
        </is>
      </c>
      <c r="F502" t="inlineStr">
        <is>
          <t>VOL</t>
        </is>
      </c>
      <c r="G502" t="inlineStr">
        <is>
          <t>VOL/MC</t>
        </is>
      </c>
      <c r="H502" t="n">
        <v>178</v>
      </c>
      <c r="I502" t="n">
        <v>5</v>
      </c>
      <c r="J502" s="2" t="n">
        <v>37901</v>
      </c>
      <c r="K502" t="inlineStr">
        <is>
          <t>Left</t>
        </is>
      </c>
      <c r="L50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5e119911-ade4-437b-9e4f-14fa030ad8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*\xea#\x00\x00\x03\x00PLTE\xff\xff\xff\xa4v]\xac\x80i\xc9\xa5\x915][\xb2~h\xa7xa\xfe\xfd\xfd\xee\xef\xf7\xc4\x9e\x89\x8dgRo"1\xa7|f\xc6\xa2\x8d\xc2\x9b\x86\x9bmT\xb9\x81q\x92hQy(9\x8bdOpWJ\xec\xeb\xf3\xb0ze\xa1xb\xb6\x81lt$5\x9bu^4WT\xab|d\xbd\x88v\xc1\x98\x83\x87aL\xbe\x96\x81vZM\xc8\xa6\x96\xcc\xaa\x98\x9esb\xb1\x84k\x9fsY\xa3q[\xbc\x83u\xb5\x8f}\x95kT\x869?\x98iP\xe9\xe9\xef\x80cS\x817&gt;\xb8\x8cv\xc7\xa8\x9b\x85gT\xff\xff\xfe\xb9\x88q\xcb\xc7\xd1\xbd\x8dx\xa0mWkTJ\x86,&gt;\xee\xeb\xec\xc9\xad\xa0\xb2\x87p\xc7\x95\x86\x9apY\xc0\x8b\x7f\x82_Mz 3\x9ao`\xbb\x93\x7f\xfb\xfa\xfa.PM{_P\x8fkX\xf8\xf8\xf8t\x1d/\\E=\x90eMdJB\xbf\x87{~3;(??\xf3\xf1\xf1r*6pOD\xc0\x90}\xd0\xac\x9e\xad\x81o\x96mX\x94r]\xc1\xbb\xc4\xd0\xcd\xd6\xact_\x94f]\xc8\xc0\xc4\x86YHeOJ\xba\x90{\xb3\x8bx\xbc\xb5\xbf\x97wlL63\xba\x9b\x90\xaa{n\xc6\xc1\xcc\x80WP\xc4\x8f\x86{WImI@\x80&amp;9,FF\xbf\x9a\x8a\x1f22\xba\x95\x86-:&lt;\xf6\xf4\xf4\xc3\x91\x82\x9dhV\xcb\x9c\x91\xcb\xb1\xa5\xac\x8b\x7fP?A\xc6\x96\x8f\xb3ym\xd4\xb5\xa7\xc0\xa4\x99\xda\xd6\xd9eA;\xc0\x8bz\x93pg\xc2\xa0\x92;./1@B\xd4\xd2\xdc\xde\xdb\xdf\x8bvn\xf1\xf2\xfa\xb0\x85d\xb5\x8bo$77X:6\xde\xdf\xeb\xca\x9c\x8a\xbe\xb4\xb1vPI\xb9\xad\xa9\x9c\x80u\xb3\x91\x83\xc8\xc0\xbc\xce\xa0\x98\xc5\x8d~\x8a]U\x94aTj\x1c.\xe5\xe4\xec\xc4\xbb\xb8\xb0\x81x\x8ezvqWS\xe3\xdf\xe6\xd1\xa6\x9c\xd3\xaf\xa1\xad\x91\x87\xa4|u\xa2{k~QF\xb5\x97\x8a\xb7\xaf\xba@RP\x8fPT\x8ce[\x8djb\xa6ma\x8c;Az/6\xb0\xa6\xad\xa3\x86z/##D+\'\xae\x87v\xd9\xd7\xe4\xb7\xac\xb3\xb2\xa5\xa0\xac\x9f\xa7\xacbnxaZ\xeb\xe5\xe4\x87 6\xbf\x8f\x8c\x98\x8a\x8b\xa1sk\xce\xc7\xc4\x85l\\[FI\x9f\x8e\x94\xbbe{\xb8\x85y\x94\x82\x81\x85DP\xacsg\xa2\x8b\x83\xe8\xdf\xdd6JI\xd4\xcd\xcc\xa1\x94\x8ewN=\x83mh\x8e\\I\xaa\x9b\x96\xcf\xa4\x93\x83c[\xa7\x97\xa1\x9beb\xda\xc7\xc3\xa3X_\xcb\xb3\xb8\xb7\x89\x82\xc6\xa5\xaf\xc1\x98\xa2w:&gt;\xda\xbc\xb1\x9dep\x9fMY\xaa\x7f]\x86\x96\x9a\xd1\xbd\xc9\xb3\xbe\xc5\xc2w\x89Da_\xe1\xd2\xcf\xd9\xcb\xdau\x82\x85\xablx\xb6\x90\xa1\xb0Ui\xb6\x9e\x96t?P?&lt;ArhnUfi\x95UcPWShVV\x83U]\x9bn|\x98&gt;M\xb4\x84\x8c\xa7x\x8a\xae\x89\x95\x95\xa2\xa7\xb3u}\xadjT$\x1b\x1da1#\xa4\xac\xb2bwv\xbdzd\x88H1\xd5@\x15I\x00\x00 \x00IDATx\xda\xcc\x98\xdfO\xdai\x16\xc6[\x1a$\x12;\xc5\xd8\x021P\xb5\x83?c\r\xeb\x02N\x08J\x83\xa6\x90V\x12"\xca\x8fJ\xb5_\x1cQ\x9b4\x8d\xb6\xa95A\xd0\x08YcT\x18\xd2N\xaahR\xe9\x92\xc8&amp;\xd8:H4\xa2\xd5H\xeaD\xe3\xb8\xba\x17\xcd\xde\xec\xd5^5{\xd3L\xf6\xa6w\xfb\x9c/\xce\xce\xfe\x01`\xf7\x80(z\xc1\'\xcfy\xce\xf3\x9e\xd7\x0b\x17\xb2R\xbc\xdf\x0bo.\xfc?\x14PZ\x0c&amp;\x83\xc94hz\xa56\x0c\x1a\x0c\x86\x0c\xdd\xd7ej1\x0c^\xdb\xf0\xf9|n\xb7\xdb\xe1p/\xba}\xbeE\xb5\xc9d\xe0}]\xa8\xc1\x9b\x8b\x8b&gt;\xbb\xd2\xaeT\xba\x98\x84\xc3\xe5`\x1c\x8em\xe5\x81\xdb\xa76\xf0\xfe\xf8\xd5\x9ag\xba\t$0\xb9\xf0d\x18\x07\x93H\x00\xcbaslo\x1f\xf8\xd4-_C12\xd4+\xf7\x84]\xe9\xb0\xb9l6\xa5\xcb\xe6R\xda\xa2\x8c\xcda\x9b\x99#2\x9b\xe3\xe0\xe7\xc1\xf3\xb6\x18\xdb\xbdWgJ16\x801\xf8\x89A9\xe6\x18\x82\n\x01\xcd\xe1F\'y\xe7\xaa\xd4\xa0\x1a\x1e\x07\x95\xd2\x0e\x91\x80\xc5\xb8\x94.W4\x11u0\xf1\x04$c\xcb\x16\xdav\x9fg\'y\x06\xf5M7\xab\x14a\xb9\x88\nh\xb6h&lt;jc\x92\t@\xd9ff\xd8V:B\x07\xea\x96s\xc32\xa8\x91\x07J%9\xcan\x07\x15\x03S\xe1\x11\x8fG\xa3\xf1$\xa8\xa2\xf1\x04\x90\xb6\xf157\x13:\xd8h9\x9f\x91\xe4][t\xdb\xc9\xec.\xa8\x85\xde\xd9@sz\x8ag2\x1e?\x8d3L"\x99p\xd8\xa2\x89\x04\x14\x9b\x9b\x0b\x85\xdc\xa6si$op\x11\xd19\x81\x02\x98\x8d\x81D\xc9\xd3\xd3\xdd\xd4n:E/\xbb\xc9d*\x15\x8f\'O\xe3\x89\x99\xd0\x1c\x03,4\x92w\x0e38\xf8\xca7a\x9f\xf0\xb9\xedh`4\x11O\x81&amp;\x95J\xa7S\xfep8\x9c\x0e\x87S\xbb\xfep\ntqT"\x11\x98\x01\x97\xaf%\xf73hZ\xf4\x01\xcb&gt;\x01S1\xd1S\xe8\xe3\'\x980A\x1d\xf9\xc3\xfe\xa3#?\xbe\x1d\x1d\x01/\x19G\x17\x91\xac\xa1\xed\x8d\\\xb7\x91\xa5\xfa\x89m CB\x81\xc8\xeftz\x9d\xceX\xcc\x1b;99Z_?y\x1f\x8b9\x83N\x7f\xfa\x90\xb0B!`\xcdl\x9bx9\xee\xe0"\xd9\x8a\xfa\x97H\xee\x86\xfdA\xa7\xd7k\xd5\xc9t2\x99Lg\xd5\xd7\x9f\x9c\x9c,[E\x11\x91\xa8c\x05\x7f\x08\xa7\x8f\xd7\x02\x81\xb9\xdc\xcb\xc5R\xd9)\xb1\\\x89\xe3\xfd\xa0S\'\x92]\xcc\xbb\x98\x97\x97\'\x91H\xf2*\x9a,\x96&amp;\x9d\x88#\xef\x96O&gt;h\xae\xee\xf0z\x9d\xc1\xc3\xc3\xe3\x00\xe9\x05\xd7\xe7\x90\xabE\x8d\x14u!\x17@\xb5\x12\xd9\x92\xe5\xe5\t\x85B.=\xb8BI\x1e\xe1\t\xcb\xe5\xa5\xa5\xd7\xf3/_\xbeq\xf9\xf1j0\xe8L\xa7\xd6\xe6B\x88\x89\x7f\x0e\xe6\x10\x8b\xb7\x81\xfe!\xdcm\x89}\xa7H\x04\x8d\x84\\1\x8a\xcb\xe5\x8a\x89\x0fU^\xae\x90\xcbU\xa5\xdf\\\xbe\xf4\xed\xb7\xdfT\xafF\xbc\xfe\xfd\xe3\x002?\xb4\xd1\x92\xc3C\x87\x0eg\xa5\x92I\xee;\x8bE\x12R)CEj\x91l\xbf\xa1M\xca\x9b\xf3/]\xba\\:\xa9)\xb6:\x83\xfb\x01\x80\xe5\xd0\xf5&lt;\xf5\x04Q%N\xf7e2\x89\x04\x00#\xe23\xb1\x88\xe8\x1e\x95P\xf8\'\xe2\x02Xwii\xf3dyA\xb1\xd5\xea\xdd\'\xe7\xfbr\xe5.\x9ea\x91z\x18\xdd]\x91\xe9.\x12\x15W\xac\x10(\xa4R\x85\x02h\xc2\xff\x16W\xcc-\x17O\x02l\xb2\x9c\xc3)\x10\x15C\xb0\xfd5V.^\xae\xc4B\x86Fw\x83\xa0\x82\xb9\xf1\xf9\n\xa9J\xe5Q\x99UR\x85\x98\xec\xc5\xcd\x94\xf0\x1e5T"\xe1H\xf2D\xff\x10\xfd\xc65\xe7\xce\x8d\xeby&amp;\x1fN\x9bS\xa2\xc2\x08JH+\xd5Pc\xe3\x90\x19XRE\xc6\xf8x\x8a\xb9h%\xf5\xb3\x12\xd9Q\xd1TQ\x0c,\xabu\x1f\xa7\x90;\'\xf7\x0e\x83O\x89u*\xed\x94\xe9 V\x1eI\xe517N\x03K\xa5PH\x05d/\xd6\xfb\\\x96\xe9KC%\xea\xe2\xc5\x8a\x1aKSM\x8d\xc5\x1a\xf9\x14\xc8\xcd4\xf2Lv\x17\x13\xdfu\xea,\xacXb\x85B\xe5\xf1\x98\x87@\xa5\x92VU\t2\xde\x1f\xe1\n\xcf\xa8\x9e444\xb0X\x8555w\x0b\xad\xc5+\x98\xc6\x83\x1c\xb4\x91\xf7\nW\x88d\xdak!,\xea \x95g\x88\x9a\xe8\xf1x\xa4U\xd2=\x81@\x90\x89\x0b\x905&lt;yR[\xdb\xd0P\x01\xa9\n\x0b\xef\x16\x15Z\x83\x9f\x80\x95\xfd\x90\xe0\x99&amp;\xb0[\x9d\xa6\xbd:PI`!t\xcel\x86\xb7\xe0.\xad\xc7\x08\xc5\xa4\x02\x81f\x8f\xc8@U\xf9\x85\xe5\xaa\xbdr\xa5\xa9\xa9\xa6\x90_\xc4\xb7\x16\xbf\x0e\xcc\xcc\xfd\x9cu\xac\x96W.&amp;\x9a\xdc\rf\xa8\xb8ha\x86\x89\xa8\xb4\x1e\x8f\xd6#U\x08\xc4\x04%\x18\xc9\x18\xbe\xb2\xe1I\xed\x95\xda\xda\xa6\nKaQ\x11_\x0f\xd3\x07\x02\xdb\x83\xd9\x0fx\x17\x93d\xc7P$A.IU\x90\x8a\x9d\xc3\x17Z\xa3\xd1\xe31\x1a\xa5\x021W&lt;B\x19+d\xa9*\x1b\x1a\xae\xa0\x9a*\x9a\n\x8bJ \xd7\xca\xdaZ`n\x83\x97\xf5\x1e2\xf1drwI&amp;\xcb\xe3P4\xa0\xccf(D\x12\t\xaa\xa8\xc4\xe2\x11r\xfc\x87\x0f\xf7\xee\xfd\xe5K\x03\xd5\x19\x96\x85\x0f\xb9\xac\xc1\xe3\xb5\xb5\x99\x03C\x96\xb1n*q\xb3I\x1eb\x97\x92\xe08V\xb1Y\xa5 \x93\x8f\x88\x05U\x18E\xa9TZ\xc5\xbe\x1d\x11\x9e5\xb1\x92\xc5\xaa\xa8\xc8\x98K\x1f&lt;\xc6\xf6\xb5\x9d\xdd\xb5\x9e\xd7\xb2\xe8\xa2\xfb\xcd\xeb\x8e\xbc\x02\x0e\x96\x04`!\x17\xa8\x08\xc8h\x84\xbd\xb4Z#$\x03\xd9\x087s\x12I\x90\xa6d\xf9&amp;Ka!\x9f\x8f\xa4\x87\\Y\xee"op\xc2\xc5\xc0\xf2\xafW9\x1c\x8dF\xc1v\xd0\xecQQ2H=\x9e*\x01^\xb4f\xb3\x96\x02\x8c\xf4\xa3\xd5\x82\xcb\xc1\xe1\x93\xe1\xaa\xe1g\xb0 \x97/\xbbX7\xe9F\x91H\x1eWk\xca5g\xc6"\xb5&lt;\xc4cd%\xfb].:\xb8\x11l\x93\x93\x1aNA\xc5\x95\x1a$W\x06\xeb\x10X\xd95\x17\x8b\x85+\xf3\xa7\x07\xd0\xea\x7fZ\xe8a\xfb\x88.J\xab\x8c\xc8\x08\x01\xcbu\xb6\x81\x89\xb1Ch8\x15\xc8\xf8\xc2"&gt;_OX\xc7\xd9\xc62\xa1\x89\xd1D\xe0\xcf,\x15\x15\x96\x07\x08\x85\xccB&gt;dJ\xab\xadbGR\x9a\x11\x0ck\x97\x06U\xd0\x04\xad\x8a0\x8a^Z\xec\xd7\xb6\xb3;\x8a\x83?\xc1[\x89\xef\'\xcb5\x93r\x15\xc0\xf0\xd4\x9a\xfb7\x9f\xa36\xfb\xfb\xb5D\xa75RR\x80\xafj\x0f5\xdf\xd1\xdb\xdb\xd1\xa1\xd1t\x88,\xc0*))\xd1\x87S\x87\x87k\xdb\xd9=\x16\xc9\xf2\xd1O\x0f\xca\xb9p\x96\x9c\xc0\xba?nn&gt;\xff;\xd5\x18\x81\xf5\xf7\x0f\r\xc1ZF\x16\xd0HX\xf3\xbd\xbd\x91H/\x16A\x99\x85\xc5\xaa\xf7\x82\xeb8\x94\xd5c\x91\x9a\x18\x8d\xff\x80mX#\xa7\xc2\xc7&gt;{\xb6\x12\xfc5\xf8\xeb\xd2\xbf7\xa9H\xb6~\xa3q\x88\xf8&gt;\xce\xcf/9\xbd\xb1\x18\xae\xb31\x9d,\x12)\xd6\x17!\xe7\x8b\xeaq\xa3]\x9bSg\x17\x0bM\\[-WLj\x14\n\xcd|$\xb6\xbe\xf0\xf9s\xd70U\xd7\xbawi~\xf3\xf9\xd3\xa7O\x9f\xc3i\xfd\xda\xbd\xbd^o]\xd7p\x0f\xd5\xf0\xc2rLo\x15\x15S\xcc\x17\xd5\xc7\xc2\xa9\xe3\xecb] \xcb\xbf\xee(\xa7eF\x13Y\xfengx\xb8g\xfc\xacz\xee,8?6\x82\x8b\x0em\xad`dDWv\xa7g\xfc\xed\xdb\xb7\xe3\xe3;\xeb\xeb\x0b\xad]\xb7\xf5\x90\x0b\x19A\xee\x9a\xc9\xaeZ\xd7\xec\xb6\xc43\x0e\xc6pR\xce\x89-,|\xee\xda\x19\xde\xd9\xe9\xea\xea\xda\xa1Z\x88\xed\r5NC,\xa4\x85X\xf8\xa1\xb3\xac\x15\xd0=\xc3]\xdf-,\xb4N\xf5\xf4L\xb5\xd5\xf3\xa9\xde\xa3\x8bY\xc62\xd9m\xb6\xd7\x1c2\x96\x86\xfe\xf3\xb1\xbf\x1f\x0c\x06\x97\x96`!\\\xe9\x9d\xce%\xc2\x9an\xf4\xd0M\xe3^eg]\xd9\xd5\xae\xae\xb2\xba\xba\xbe\x93\xba\xab\xadw\xeeLM\xb5\xde\xa2S\x91\x1f\xcb:\x96\x1a{&lt;\x8b\xa5\xf1\xde\xf6\xfe066\xf6\xe8\xf1G\x9a\xb5\xad\xad\xad\x08\x82`ohzzzH*f\xf7R\xfe\xad[}\x03}u\xcb\xcb\xcb\x9d\xa8\xe5\xe5\x93\xab\xadW\xc9]\xfc\xf7\xe9\xc3@v\x17T5\xb6\xad\x95\x0e\xb9\xbc\xbaw\xd9\xf9\xfd\x1fn\xe4?\xba^\xda&lt;\xdf\xbb\xa5\xeb\xc4G\xffMV\xa01\x93Z\nHU{\xf7\x97\xfb\x03\xa8\xdb/\x81\xb5\xac\xef\xc4\x8a-\xb3\xd6\xdd\xe2\xf3K\xf8\xfc\xfat*\x90\xdd\xdc29\xe2\xa7\x84%\x8f,\x8d\xb5\xb7_\xca\xbf\xde\xfc`&gt;\xd2\xf9\xb2\xef\xcd\x9b\x81\xbe\x97?\xca:\x9a\xa7\xff:=$\x86Tw\xef\xbf\x99m{\xf8\xb0\xadm\x1650P\xc2\xd7\x83K\xa7\xd7\xeb\xb1\n\xd6\x87\xd3\x81\xec\xee\xa7\x06\xc7irE#\xef~\xd0\xf1\xb8\xbd\xfdF~u\xc7\x16\x92\xa9\xafmtjtt\xf4\xe1\xecK\x99\x1cX\x1e\xe1\x97\'\xbf\xdc\x7f\x83_NM\xddi\x9d\xed\xeb\x1b\x98\x9dmk\xbb\xc5\xb7\xe8t\x16=\xb2^_\xef\x0f\x07\x0cY\xc6\xdaM&gt;[\xad\xaen\xae\x1ek\xff6\x7fU\xe7t\xc6\x16\x86\xc7\xdf\xbd{\xd735\x05\xae\xbe\x02\xf3\xf4\xb4G\xfcA\xd8p\xff!\xcd^+\x86p\xa1ut\xb4\xad\xac\xacm\x00\x8b\xbcUo\xd1\xf3\xf5\xef\xfd\xfe@V\xaf\x8a\xbc\x96\x83\xd4\xee\xcajws\xf3\xa3\x1b\xed\x97\xbae^\xef\xfa\xe7\xe1\xf1\x7f\xbd}\xfbn\xb8\x87\xb0\xde\xfc\xc8\x1dj|a\xacz\xf1\x1f\xda\xcd\xff\'\xeds\x8b\xe3\x13"F#^\x0c\xbbb\x8c\xa0\xc5\xaa\xd84\xa4\x80\xad7E,Qc\x97j\x93\x06(\xecJ\xa8\xbdU\x07\x924F@\xabX\xb4K\xdb\xac\xa1H\xb7\x01\x9f\xac\xdaB\x11\x13\x95,\x15[\xa3\xc6:\xad\xb6\xd4(rY\xd1Zg\xcdmL\xbd\xea6o\xef\\\xdb\xa5_\x12\xbd\xe7\xf9\xe0r\xff\x81OO\x08$\xfe\xf4\xca\xfb9\xcfy\xce\xfb&lt;\x8fL\xccT\xe9\xab,+\x1b\x1f\xff\x12\x95\xae\xcace\x92O\xc5\x08\x0b\xb8\xe4\x80u\x9d\xd8~+\xe6\xfc\x83\x8e\xdb\xa7+\x8aXT6;\xa1Zi5\x9f\xba\xb7\xf9+`Un\x9e2\x9b$\x1e\x8f\x83\xc2\x14\x01\x97\xdd\x9e\xadE\nV\x8e\xff\xe7\xd7\xff\xf6\xbd\xff\xf2\xdc\xb8\xcfw\xccJ?\xaa\x90\xc3G&gt;66\xfb\x83\x80X\xacK\x0f.\x7f\x9dST\xc1\xa2Rc+\xf6\xaa\xcb\x8e\xfd\xed\xc1\xfds&gt;\x10k\xf3\x86\xd6jU\xab0/Gd\x10\xd9\xed-\xe5\x1e\xb3\xcf\xd77\xfe\xef\x7f\x9d\x03\xb5\xcemnV\xf6\xf9L5t\xb9\\\x9e\x92\xa2\x18\x1b\xba|\x89\xd0\xd4\x12\xc4\x1c\x9e\x99=\x93ST\x94@\x8dM\xcf\x8d/lm\xed\xdd\xda\xbaq\nr\x1b2^\xadVc\xfa$\xbb\xc1f\xb0\xdb\xedIAXE\xdf\xb9\xdf6A\'\x9f\xf9\xd4\xa9c\xe6cZ\xc0*\x90\x17 \xac\x8e\xc3D\x1b\xb2\x81\xa1\xd6\xd3E\xe9\t\xb1\t\x15\xb9\xd0I}\xd3\xe0nm\xfd\xd1\xaa\x85\x8d\xf8\x8bU\xedP\xfa\x8f[l6$W\x12\x86\xe4\xf2ARA}G)\xbf\xa7FLO,H)(HI\x19\x1b\xbaG\xb4!\xabk\x9b=\x83\xb0\x12X\xd2\xc9\xa6\xea\xeav\x08w\xaf\xda\xaa\x85]\x08T^\x9a\xc8`\x0b\xe1X\xfbU\x013\xc2\x82\xd2%\xb1\xd68P`\x05\x0cF\n\xc2\xbaq\x8dX\xfbZ\xfc\xe2\xdb\x81!XDVl\x02K\xd7\x02]\x82\xdf\x1b\x0eC5U\xab\xb7\x1c=\xca\xb0\x9ff\x87\xc6\xc6\x80r\x9e\xa6O\xf3\x04Lf\xd8\x9fV\x0f\x00;\x1ctL\x9f\x9d\x8aO\x05\x19cC\xd3u\'\x8a\x89\xbb\xc3\x8e\x99JO\xa5p\xcf\xe4\xc0\x1a\xc6\x02\xd6qZ\x93\x1f\xb8\x94a8\xf2\xc2a\xaf\xbf\x89\xa3\xb3\x18,\xa8@p\xec\xc7\xb3\xe9*\x8fG\x8b"\xe0\xf1\xa8U\x0eD\x05\xe6\x0c\xb0R\x8e\xce^\xafo\x9e\xfbL@\x14W\xf1\xd26\xf3\xd0\xde\xce\n\xc0\xa2&amp;@W\x85\xb8\xbc(\xfc\xfe&amp;\x88\xc9]*d\xc88\xd1z\x95\xca\xa3\x8a\x84\x03\xc3\xf4zornfj*R\xeb(\x9f\x11\x95E\x9a#L\xae\x13\x96w\x1cr\xbf\xbb(=\x96j\x11\x89t:\xdd\x11NS\x84\x8869I\xe3\x1cAT\x08\x0b\xc0h\xd1\xd9\xa5\x11 \x0c1\xe9\xbd\xfe\xe4\xdc\xdch\n\xbe\x88\x8a\xb4\xd2\xfd\xc1\x1d*Ar\t\x04\x87E\xeft\x199\xfdE\xb5T\xb2\x05\x1f\x1e\x81S\x05\x9bC\xe3L\xe2\x9eBd\xb0\xe8\xa4P\x1c\xa0\x9a\x02V9\x1c\x8c*\x15\xa6\x8f\xc8\xd9D;\x04]X*\x05-"#11Q\xb5s\x80\xa8\x91\xb3\xe0Dh[d9\xdd_{\x96L\x86\xbe\n\xc84\xbb\xfe\x10\x9aw\x8d\x06(9\xb4\xe3:\xf8\xabFc\xa7E\'QJUA\x84\xe5\xf7#\xa8t\x96\x14\x16\x11\xc7JQ$\xee\x0b\xee\xe4\x13\x84\x05jY\xb6\xed\xf6\x8a\x1c\x84E\xa6"3\x016\x07\x021iD\x1a\x94\xeaG\x0c6\x9b\xd3ik\xd4\xb4phI\xd9XP\x15\xc4\x90R\xb4I)\x8b%=\x90I\xa2@\x81P(\xe8\xaaR\xd5\xceI\xa2\xae\xa5\x04S\xccm\xbb\x85\x85c\x85\xc8\xa1\x10\x14N\x03\x0e\x06_@e\x17\x19B2\xe3\x12\x84\r\\\x86\xf4\x00\x89\x12\x85\xfd\x89\xc5\x94J\xd3\xa5\x07\xaed\xa2\x94OQ\xa4y\x82;\xdfg\x0f\x13\xa4V\xf1\x8b\xedmWFt\x7f\xed\x056;#\xc3\t\x11\x01\xc3%\xd3h\x0c\xae\xa5%#\xc2rZt-\xccdJTjt\x9e\xca\x13\xd4{aG\xd0\xd0m\xc2\x81+\xf9\x99\xf8uFZ\xa9&lt;\xf8=\xf6\x82 \xb5\x8a\x97\xde\xd9\x8d\xba&lt;\x1cK\xe6\x94\xc9d8\x98\xcd\x86\x0c+H\xe6\x04\xa0v\xe5\xe8\x05c\xc8bgB}\xa0G\x91\xa2T\x01\x15\x96\xd7\xd4\x84\x8f\xe3\xc0\x84\xe7\x9fD\x05U\x11\x08\xa4\xfce\'H\x14\x96`i;$\x93&amp;\xf5w\xb1y&lt;\x99\x0b\xa8d\x88\xcai\xd3@Ri\x1a\xd1$\xc2\xfb\x93Y\xeb\xce\x08Y\xa4\xc9zS\x9fO\x15\x95\xe7\tx\x82H-\xd8\xb0`-\xaf\xecb\x99&gt;\xa8\xb2\x88\xc3\x8a\x99c\x86BL\xda\xe9.\x9e\xac\xde\xe8\x92\xb9p\xb1\x9c\xceF\xa8\xaa\x90\xea\x86\x85\xf6\xd1\xf0\xa8\xbb\xa1\xaa\x99\xcc:DQ\xc3\x81\xa8\rz\x02\x01\x0f\x86r\x0bEn~&amp;\x89\xd4\x89\x16\xd1\xf4!P\x1a\xd4O\x11\xb5\x13\xe7\xec";\xad%\xa7\x8bWo4\x1a].\x17\xa8\xe5t\x1a\xc0AsD\x90e#\x0b\xed\xedh\x0e\xf1z\xa1}\xaf\x1aNh\xad\t\xce\x1d\xc8y?-2\xed\xca\xcc?\x19\xdf\xd9\xc9P(\x14\x81\x0f\x1fv\x82\xd5\x84\xed\xc4\x17"\xe6v\x12\x13\xb0\x80\n\xb2\x1b\x17\xcc\xa6\xe14\xd1t V#\xc2ZXh\x077\x1bvXq\xc7\x03fh\x1f\x14x\\-p\xb4\x99\xa4x\x10+\x82\x15\x08v\xd5\x11U\xe5\xa7B\xcc\xf2r\xc8-\\\xad%\xc0\xc2\xa9h4\xa8\xef\x8d#@\xe5\x1e\x1dm\xed\xedi\x1dU*\x1d5\xe0\\K\x1c\xca\xc2\xbd\xde\xec\xbc\xf2\xa6\xc8\x1dh\xe4V\x11L\x19\xc2\xda/,&amp;\xe8\xac\x16\x0c\xcb\xc0n\xbd\xdb\xfb\r\x8e\x85\xd4\x92\x85DL8\x0bE\x8d \x95\xbb\x15\x9c\xb3\x1a5^J\xc7\x96\xc4$\x81\x06\x8c\xdbS\xc8`d\xe7\xe9\xbd\xf8Eqj*\x05\x87\x1a\xe3\x07J\x13\xf7G-\x11u\xdd\tX.c\x06\xb3\xf3V\xb3p\x97\xcbiia\xb6\x1c\x91\xea\xce\xd6\xbaG{\x1c\xd0VY\x91+\x83\xfe\xcb\n\xed*\xac\xa3\xba\x07\xec4:\xa8\x93\xfch\x10\x9e\x02v,\x8e\xcf\xe7\xa7}\x95\x1fEzA\x18V\x9d1\x04,g\x11V}\xbd\x11vcH\n\xe5{\xb2}\xa1\xe1\x0c\xac\x9d2\xfcl\xf4\xd93h\x0b_B\xf7\xd5\xed\x81\x8c\xd7J\xac{\xb8G\xb188\x18\xcb\xcb)Yh\x02\x0ePc\x8a\xa8\xaf\xf2\xb3r\x86\x89\xcaxA\xcc\\\x08\xf4b\xdf\xaa\xe2\xd5\xd7\x0b\x85\x192\x99%\x97\xc9\x92V\x8f\xba\xdd\xbd\xbd\xa3\x0bo\x07\x07\'\xd6\xde\xc2\xf7\xe0&lt;\x8a\xeen\xf0\xd3\x12\t\x1aD\x88\xe9\xfa\xf2\xf2l\x80\xa2\xefb\x91\xf2\xb3\x84\x84M! \xe7\xa1*\x18\xd9\rU&lt;a\xbd\x90\x07\x07\x90.Y*\xca/\xec\x1d\xeau\x8f\x8c \x1e&lt;\xe6\xe7\x97\xbb\x97\xbb!0e\x18\xb2\r\xfa|\xadU\xec-\xcf\x8b\xa3\xd3\xf9\xfc\xa3\xf0QdEe\xf6\x13\xb6\x86\x80\xf5\xd9\x9cK\x16{\x16\xb0xB\x84E&gt;\xc4\x14\x15\x15\xee\xb9\xf1cC\xd5\xc8\xeb\xffc-/\xe3T\x10\x0eL\xd9#\x96\x98\xc0\xfa\xe8\xbdz4\xcf\xe5\xf3\xb9\\\xfe\x18\x7f_|\xfd\t\xe2zyA\xf1\\\xf3\xb5\xea\x9c\x86.\xa0\x12\xb2\xd9&lt;\xf2!\xa9e\xd2Q&amp;qW-\xac\xbd}\xb36\xf8l\r\x05p\xbd\x9c\x7f\tP\xaan\x0f\x84\xaaFRV\xa6\xc5\xbcz\xb1\x98\xcf\xe5\xa3O\x89\xa2\xe1\xf6\x1c\x91\xde\xe7\xf0\xc0\xb5k\xca\xd3\r]\xcdB\xa4\x16\x8f,\xd5\xc5\x9e\xac1\x9b\x94\xe1\xee\xf0\xda\xeb\xa7\x8b\x8bO\x9f&gt;}\xf2\xfc\xc9\xfa\xb37\xeb\x7f\xf4n\xfd\xbe\xb5\xb5\xa55UV\x82\xb9\xb5J\xb0r\xbd8\x8d\xcb\xc5\xd5\x92|\xfa\xe8\xd1\xb7D\xbe\x14\xbcy\xf7\xe2\xb5`\xa7\x1bmE!\xafY\xc8f\xb1b\xab%h\xd8\xf0\xcb\xef\x8b\xcf\xef\xac&gt;_]}~\xe9\xe6\xc5\xcf\xd7\x0f^&lt;\xf8\xf8\xf1\xdd\xfb\xf7\x1fo\x8e\xf7\xbd\x7f\xef3\xa9\x1d\xde\xa4&lt;1Jw\xc0\xe2j?t\xcc\x0c\x109\x0e\x1c\xbe;\xdd\xd6s\xeb\xebG\xbbX\x19\xb1,\xea\xa4\xdad\xf6\x997\x1f?_\xbdzu\xf5\xeaw\xe7\x0f\xff\xf5\xce\xc1/.^\xfc\xfb\xe7\xff@\xb7\xb4\xb3\xbf\xf9\xfa|Z\xb5R\x9f\x9a\x94\x88cq\x11\x96\xb9\xe3\x1e\xa1S\xca\xe2\x1f\xda\xae?\x1a\xb8|\x1b\xdf\x8a\x10T\x16\xb5B\tU\xfd\xe1\xcb7\xebO@\xab\xd5;\xab\x97\xee\xa0\xd7f\x07\xbf\xb8\xbb\xfe\xc7\xda\xfc\xcb\x87\x0fM&amp;\x8f\x03+\xccN\x8d\xa2\x8b\xd1\nB\\\xee\xd8\xf3`f\x9a\xd0\x07fu7\xa7\x07ffnu\xa1\x82\nd\xec\x04*+^\xe9\x9f\xac\x1e\xdc\x18\x9cXYY\x19Y\\_\\\\\\\x87\xafu\xd8\x99\x1bP)&lt;?y\xd2\xb0\x02J*\xa9\x00\xf6!\x82*\xe1\x8e\xcdv\x0c\x10\xfdrDP7&lt;5\xdc\x16\xa9\xf3\xb0\x90\xd4\x0b\xd4#\xa4\xe4\xf4\xb3\x0bo\'&amp;66&amp;"\x813\xc2\x0f\xd4\xd4\x87\xb0\x13\xe9rF\xfcIJ"\x94\xd2\x08\xd5L\xdb\xf4\xe1O\x08~\xff\x13\x83\x9eW\xcf\xdd\xfa\xb9\xb9\xbe\r\xe7b\xb3\xa9E\xd2\x04*\xb9qd\x05HVPD\xd866\xf0\xf2\xe5\xa0\xd3\xe3\n)\xf1\xa4,z\x1c\xc2*\x815\x9c\xfe8\xff\x11\x11\x13s\xbe\xabjW.\xa8^\x19\xe0\xceB\xec\x0chmV&amp;6\x10\xd5\x06\x8a\xe5\xe5W\xaf^A\xa1O\x8cK\xdc\x07X\x8c} V\t\xb7\x04\xe2\xeb\xa9\x8f\xf4RJ0\xdc\\\xd5\xccC\\P\xe9\xd9\x19\xb8\xd7\x00\'dk\\\xf9S\xa6Wx,cJ\xb9\x12=za0\xe4\xf4\xb441HUR\xc2\xfd\xe7\xc7z\xc0\xf5I]}\x04K\xc8&amp;\x03\x95P\xe6B\r4\x98\x0e\x00[\x81\xcc\x82\x9c\x82\x05\x9c\x0f\xe7\x15\x16\x14\xc8\x0b\xf0W\x9fqb\x08\\\xac\xb1\xb6\x8f\xf6\x98\xb2x\xee\xe7\xe6f8\x17y&lt;\xe0\x82_W\xa4)\xcc`_\xa8\xad]\xf8\x1f/g\x18\xd3\xd6u\xc5\xf1\xda\x960&amp;6\x91\xc1\x96G\x84\x8c\x1f\x18\xa2g0N@Ul\x07Q\x84\x91A\xc6\xb2\x00a2\x89`&lt;\xc0\xca\x9c\nY\xd6\x163\x15&amp;\x1c\x15C\x14i\x01Re\x02\xe2l\x86 \x013"\xa2\x8d\x06\xeaH\x98V\x14\x94\x86$$\x84B\xc6\xa2~ j\x95}\xa8\xd24\x8b\xfaq\xffs\x1f\xac\xd5\xa6\xad\xdd\x9a\xb7c[`\x8b\x0f?\xfe\xe7\xdcs\xefy&gt;\xe7\x05\x96~W\xf9\xb0\xf9\xd7\xcd\x0c\x07X\xecK\x82\x120\x11\x16\xe7\x8c\xf5\x88\x86%_\xed\x06\x17\x91E\xa3\xd1\x0e(\xf7\xdbw\x98`y\xd1\x10??\xd16\xe3\xe44\\\ta\x01\xac\xd2X]\xec,\x01Q\x05\xa4\xe28\xe7\xc7"v\xea\x86G\x81\xf5,\xdaM\xdfE%\xe6P\xa0\tG\xe8\xc6\xf7\x14!~\xbcm\xdd\xedrq\xd5Fe\x8aN\xa73\x1e2NsV\xa73\xc81*\xee\xe6E\x11\x1buK!\xd7\xb3\x0e\x18\xb4\x1a\xa6sN#Ug\xbf\xb9\x8f\xfa\xe7\x93\xc0L\xbc\xab\xddu\xaaR\xa7\x0c(\x95J\x9d\xb1r\xdd\xe7cD\x1c\xa7\xd1pC\x8b\xe2\r\xd8\xc8\xe557\x04,\xb2\xc9\xe8QXcc\xde{(\xcb~\xfe\xd3\xb1K\xee\xf3\xae\x86\xe6@ \x90\x1d\x08\x00\xab\xd9\t\xed\xe0U\x82\xd2p\xf7\xc4\xec\xb6\x96\xcb\xed\x83\x93\x93\x93\xc4\xd4\xd1\x91\xe8@\x98\xe5\xb2\xca\x9f..}\xb2t\xaa\xa1\xe1R`l\xecG\xde\x80T\xaa\xab\x9c\xe6\xba\\\x9a}s^\x0f\x8b\xdal]\xb5\x9bHL\nd\x89[\xe0\xa2k8y\xb9p\xe2/\xde\x1a\x0b&lt;\xbc\xd4\x1c\x18\xf3R\x0b\x84Rwb\x9asY\xa1\x94\xc6\x8a\x17\xe7\x1c\x0c\x8b\xdb\x9b\xbe:\x19\xb9\x15!\xb2\x8eD\xecV76!\x9cV\x8f\x1e\x05\xd7[\x7f\x1a\x0b47\x07\xbc\xde1\xc4\xd6\xc4\xa1\xea\x12\x8dK\xc3\xb0\xacpd\xf1\xafjD\xc6\xea\x98\x83\x11Xbm\xa8\x9bR\x18\x9e\xb9Q\x14\xb2\xc0\xaal^\x82VJ\xdd\x84\xeeDI\t\xd4b\x0e\x04\x96\xa6x\xb4F\xd4\xf9\x15\xf9b\x87?27\x04\xaeDbm\x8d\x0e\xf7\x94]\x8f"\x9f~8\x16@\xb5\xbf\x14\x08,\x19\x8d\xba\xca\xea\x92u\xcem%\xad\xac$W\xf1Eq\xc7j\xe4\xf6n\x7f$2\xd4F`\xb1\xb5\xa1\xe8\xf1\xe3\x8dt\xa0\xe8\x0e\xd1\xc5\x11\xc2\x9a\x00\x95\xf1\x10*\xfbb\x8dO\x13\xd7X}\xbe\xff\x17\x16?\x0c.\x80\xc5\x16\xd6\x12Q\xe8EX\xd1\xe1\xf1\xf1\xf1\xde\xf5\xe9\xde%$\xf8\xca\x19\x9c\x939\xb7\x8f\xa8\xdcn\xd2kAd\xacR{7\xcf\x0f\x0fG\xe6b\xb1\xd8\xda\xf3\xe7\xb1\x04m\xde\xc0\xea\x88\x8c\xb7\xf5.\xc4\xd7{\xd97\xe6t\xees\xbb\xacV\xa4}F\xe5\x8b\x8f\x8a\xae\x16\x0f\x03W[lm\xb9\xcb\x17\x8b\xb0\xac\x1a\r\r\xcf\xf7\xce\xc4\xad\x0b\xbd\x10\xab\x9a\x8e\x0c&gt;\x97\x0bOP\xc5\xc9\x8f\x0bbc\xd5\x1d\x85\x13\xf9\x08l(\xb6\xe0\x03\xd7\\\x02\xc95\x84=qf!\xee\x8b\xaf\xcfL\x17c\xc7\xd1\xb8\xdb\xdb\xbb@\xe5\xa2\xd0\xf2Y5\xf1Q\x91\x13D\xddq?\xef\xe0\xe7#\x11\x04\x18\xdc\xb8\xbc\x1c_\x1b\x1aB\xca\xc0N\x1d\xf7-\xfb8\xa7\x00u\xf6\xecy\xd2\xca\xcd\xb04\x84%nl\x01\x8b\xe4\x1a\x1e\x1eN\xc0\x91k\xf1\xe5\xae\xe5\xe7\xf1\x85\x85\x85\xf5\xf5\x05kWW\x97\xdb\xedv\x9do?{\xedl\xbb@\xe5\x86T\xc8\x13q\xb1W"\xa9\xc5\xf3~`\rG"ssm\xeb\xd4\xc6\xd5\xceZ\xb9X\xef\xd4\xb5k\xa8\xa7\x05*\xe2\xb2Z9\x0e\x0bR\xf4\x95\xb8\x87Er\rOFhI"\xc2\xf6\x9a\xb9\x18\x92\x00E\xaa\xe1\xd5\x00*\x0e\xa7\xc3\xe2\x8b"g\xf9\xba3~\xbf\xc3\xe1@\xd4\xf3\xa1\x10\xd3l\xa8w\xfd\xf9\xf2?\xa4\xbaF\x8dfp\x9eK\xa0\xa2}\x1a;\xa3S\xec\x90\x0f\x9f\xf1\xb7:\x1c\x06}\x08\x8e\x04\xd7\xe4\xe4pd\x1e\xe1\xaeq\xb5\xb7\x83\xec\x1a\x0bu\x1feQ`5h\x1ah\xb7F\xccsbo\xd5\xe1w\x80\xd5\xea0t\x86x\xc8\x15\xea\x04\x1a\x1f\x19\xef\x9d\x0e\x9e\xfe%b\xbd\xbd\xfd&lt;\xa4\xc2v\x83T\xea\xa6/\xf7I+\xbcu\x8a\x8c\xf5F\xf8\xcf\x10\x0b\x06.G\xa8\xb3\x93\x1a\xcc\x006\xafk\xae\x086P[\x04`\xac\xec\xe4\xd0p\x9a\xb8.p\x1cm\xd8\xf1A\x91\xd5\xaa!,\x83\xc3\x80\'\xb4\x8a\xe6R\xb5\x01\xe5\xbc\xc6\xea\xe9\x8aS\x17\x1aN7\xb0h\xe24B\x17\x17\xfdN\xd2\xc5\xaf\x87\xc5\xc6\xe2\xc1\x04\x0b\xb5:H,v\xdc\xeat\xccOTV6O_:\x15\x0c:\x85R\'\xc8\xb0\xee\xd0{\rr\xea=\x91\'\'\xab6\xf8V\x83\x9e\xb8\xc8\x91P\x0be,\xd5\xaf\xf38\xd1\x00\x8c\xae*Sm\x1f\x0c^h\xb8CT(\xaa\xe9t\xf3\xb1\x98\x13\x8at\xfb\x00\xc22\xe8\xf5z\x83&gt;]\x9f\xae@u}\x1ce\x7f\x9e\xcc0\x1f\x08L\x18\x8dM\xa8\xa4\x8bQ\xe0\x07\x83AP\x11Vq1\xd5?\xb1\xd1\xd5\xba\x9a\x9a\xaa*y\xd5k\xc7\x93W\x85\xeb\xb4\xf6M\xdeA@z}:^*\x1c\xe5\xf3\x8e\xe3\x91\xab\xf7{QZ\x18\xab\xd3J\xe8\xaa\x03q\xdd\xc1\xe3j\xb0\xa2\xa4$\x07\x9fTOL\x8e\xde\xb8\xdd\xd3\xd3\xd7\xb7\xba\xf8Z\xa3_^\xd5o~\xf7\xcd7\x07#&lt;5\x00\xa5\x93)\x14\xc0R\xe5\xe6\x81Me\xf0\x83JWIWh**\xe8\x15\xbcz5\x18li\xa9\xc8\xcc\xcc\xc4\xdb\x92\x13\x87\xa4\xf3\xd42\x7f\xfd\xfa\xe0\xeb\x1a\x00/\xa5\x8bn5\xa9W~\xfc\xe0\xc1-\xe3\x04\x0f\xdf\x81\x88\x99J\x96\x87\x8a,W\x16U\xa5\xf3\xde\t\xa5\xb1)\x93Q\xe5\x80\xae\xa5\x85\xa0\xa8\xc7\x9a&gt;\xcb\xac6\x15\xe8&amp;\xdab\x97?\xfa\xc3\x1f?\xb8b\x7f\x1d\xf7d\xa0{\x87T\x85S\xaf|p\x19\x87\xbc\xf2\t&gt;]\x05\xa0t\xf6\xa2aRr\xa1*\xaap\xcc{\xa5\xba\xa6\xb4\x9c}\xbb\x9b\xd3\x02&lt;jf&amp;\xac\x9c\xb4ZS\x81\xe4\x89\xb2w-\xf6\xd1\x83\x1e\xb3\xfd\x87\xdf\xf6C.\xaf[\xb5\x87\xfb\xfbG{\xab\xcbQ&gt;(\xfdz\x95J\xb5\xa7\x17&lt;\x98\x87\x90\xcf\x95\xa9\x14\xfaV\xbf\xb4 \x8dZ\xd0\xe1\xb5\x9c\xccZfj\xb2\xb4\x9c\x8a\x16\xfa\xa0\xa8\xe0\xc9\xc0\x80\xee\xe6\xc2\xe5\xdbv\xb3\xd9\xfeC\xb9\xaav7O\xf6\xf5\xd7\xa4\xde\xab.?\x9c\x92\x9dBX\xd4="S\xedy\xb1\xb11/O\xa6\xd0\x1b\x8e\x94I\xa8\xebG R\xd3\xa4\x16\xcd\x87\x98L\xd5$\x17\xfb\xb4H\x02\xae\'\x997o\x83\xcaN\x82\xc9\xff\xf7@\xaf\xdb|\xd5\xa3\xed\xef\xaf\xe9\xbf\xdet\x8c\x06\xa8\x95~\xa4\x05\xd9}\xa0\x08\\y\xa0\xcaU\xa5;\x8e\xe4S/R\xce\xddLHdR\x1f,/\xa7\xe9#\x1a\xb83}\x83Er\rH\xda\xe0D\xb3]k\xdf\xdd\\\xfc\xaf\xc9JK\xdf\x90\x97\xca\xc3\x8b\x9f\xbe\x9cz\x95\xda\x0f\xab\xb9\xb1t8\x9b\xc6YI-DT\xde}\x86%\xcb\x85Z*\x85\xe1H\xbeD}\x97\xb9\xcddj:\xd8T^PPp\xf0`\x91\t\x84\xcc\x8b9\xb5\x0c\x8b\xc9\x95\xe83\x13\x95\xfd\xe4\x17;\xdd\x1b\xab\xdf\xff\x16.{7\xf0\t/nl\xbfX\xb1X&gt;gX\xfd#\x89=,\x83\x82a\xc9H.\x95\x8c\xae\x8d\xc0\x87G\xa4\x12\xa8\xf3367V^.\x91\xd0H\x14\xb0\x8ah\xce\x87\xd4\x02o\x91\x80508b&amp;.\xed\xed\xa9\xc7\x8fWv\xb6\x00\xf6}\xc8J\xd9\xca\x83\xc4\x1d\x9fM\xadXf=\x8f_i\x19V\xeaI]J&gt;\xb8\xfcz\xc2"/\xca\xd8Z\xcc\xcd\x05`zkYv\x8a\x84\xe67\x0b\xca\xa1\x94\x84\x06\xa2\x98\x13M\xcc\x89X\x034\xad\xc8\xb0\xcan\x80J\xab\xb5\x03\xcbc!\xb0\xedUy\xe9w\xde)\x88\x92\xc1*\x90\xbe\x98Z),,\xf4\xd4gd\xbc\x18\xe9gz]IH\xa4R\xa9\x17jQ\xcc\xd3uy&amp;\x17~`a\xb6\xfa\xf3\xa5\xca\x94\x14p\x1d+`S\xaf\xc7\x98Z\x14\\l\xa2\xa6\xb6\x88\xa0H\xac\x0e\xf8\x90\xb8\xcc\x9b+\x85\x16\x8b\xc7cY\xd9\xd9\xb4\x87k\xbecW\x92\xd7m\xbc|8\x95,\xb4\x14\x16Z&lt;\x16O}}\xfd\x97O\x05,\xedE]\xb6\xd4\xeb\xe5C\xb4\xfed\x0c\x07&amp;c\xc1\x8f\xf4P\x06,\xa5\x12`\x12\x1a\xc7Eha1\xaaM,\xb6\xf6\xb0\x08j``s\x84a\x99G^Y\x92\xf8\xc7-\x96\xc7\x96\xa9\xf1W\xcf\xb6\xfe\xd3}oJkV\xb7\xa7\x80\x83\xbf\xc6\x7f\x92\x91\x91\x91\x95Q\xff\xd7\x9f\xa4\xa6\x12W*\x93\xab\x8c\xefD\xba\x921\x132\x04q\xa5\x1bZ\xcb\xbc^\x88\t\xae\x02\x82:L^\xa4\x81\\\xd37j\x01+\x7f\x80\xef\xd1\nb\xf5\xed\xccz&lt;\x85\xc9$I\xf6\x18\x86(\xfbw\xa7\x9f\xaa\xc5\xad\x9d\xa4E0\x8f\'#++\x0bd\x19\x9fkS\x19\x98vt)\xdb\x0b\xac\xbdxR\xd1RT\t\\\np\xf9\xfdee\xf9\xd9)`\x82`\x05\x02\x96\x9a\xa8\xd4\x88\xadZP1\xac3\x82VZ\xf3\xd3/\xe1\t\x0fy\xa5P [y\xf4\xe1\xc6\xbf\x80\xb18\xdf\xdaY\xb1\xd9\x18\x92\xc7c\xb3\x11\x17a\xfdm\x84a\xa5\xf6\xbf\x1fI\x91zy\x05\xa3b.d\\*\xfa=\xdd\x01*\xafWI\xb1%\x91\x08\xb1U\xa4V\xd7\xaa\xd3ji\x88\xacV}P20p\xee\xdc\x80\xa3G+\x98\xf9\xd3\x95\x03\x07\xeagg=\x16\x0b$#\xd1\xa6\x1e}\xf5\x97\x97\xbb\xdf\xee\x97-\xa5\xbdxq\xf3\xb3\xafld\x856\x8fm\xd6\xf6\xb6\xcd\x06\xac\x03\x00{\xf1~\xea\x9emN(\xa5\x84%\xc49\xa8\xd81\x82B\xde@\xc1\x95\xad\x94\x1c\xfe\'*u-\xed\x8aiju\xf9\x13\xc2:\xb7i\xfe\x16V=q\xcd\xce2\xacd\xf2\xe5\xee\xd6\xd7\x8f~\xbf\xbd\xba\xbf-\xb1$\xb5\xba\xb5\x07e\xb3%mo\xc3f\xc9\x87Y\x07\xc0\xb5\xf3.\xf3"\xdcxeR\xe9\xdd\xc7\xa2d\xca\x8e]\xf4\xd3\xd1z\x0eT)\xb4\x14%\x94(\x0e\x83\xaaH]D\xe9\x95\xe6\xed\xd4\xa6&amp;\xe4\x06P)\xfa\xf6\xa8\xb4WH\xad\x03\xf5\xf5\xb3\xf5\xb3\xf0a\xa1%\x99\x1c\xeb\xb1\xdb7\xb6\xbf~\xb9a\xdf\xcfSu\xbb\xdb;I\x1bhl\xc9\x95\x15\x88\x951+\x04V\x16C\xdby:\xb2/\xd7\xc5\x80\x94\xef\x04\x16\xf3\x1f\x8e\\t|\x06\x9a\xfe\xef]\x9coh\x1aw\x18\xc7U\xac8"\x86\xdd\x08\xee\xaa\x04_\xd4H\x92\xba\xbaa\x92&amp;\x04A\xe4\xda\x1d\x85\x1c\x12\x0c+\x0cL\xf7\xf7\x85\x17\x1b\x18[\xde\xb4\xd0]\xb2.\xee\x06\xfb\xf3F\xa1\x13\xb6An\x8cf\x83\xb8\x85%\x0c\x9a\xbe\x08\xec\x06{\xb5\x12\\\x19\x18q\xb1aZc\x1b\x96\xba\x17\x11\xf6}~wI\xca\x1e\x13\xcd\x8bp~\xee\xfb|\x9f?\x07z\xa9\xc5\xc5\x80\x8d\xdd\xe0\x03`\xe8\x0f\xd6\x91\xb3\x88K\xac\x0c!\xd7\xc0@\xd4\xfaa`q1|\xcf`r\xf6\x84\x8e\xb1`|#\x91ow\xda\x95k\xa1\xb5{[\xf7L\xa8{O\xf6\x06\x81\xb4\xb9\xf7\xe0\x9f\xd2\xf6\xee 9\x8bKp\xc7\xb1\xb7\xa3\xf6\x98X\xea\xdf\xb6i?3\xd3\t\x16\x02Z\x8d\x03\xcb\xc1\xc0H/\xb4\x87Kg\x9f\xbd\xc4\x92\x08\xb6\x81h\x9f\x83r\xf8b\x9e1\x91X\x84\x05\xcf\'@u\x7f\x02\xae\xbf}\xbb\xaey\xab\x9d\xf2\xe1\xe5\xc2\x1a\xcd\xe2_J\x07{\x9b\x9b{\x07OJ\xdb;\x0b\xa8\x90\x12a-\'\x80e\x18\x9eK\xef]V\x8f\xe4\xea\xf9\xb5\x7f:\xfe\x8cav\x96D\x7f&lt;\x95\xa2\xbb\x9e\x8cc\x00\xb0\xfb\x8d\xb0&lt;\x06G\xbaI-\xb6\xd7\xd0\x12\x01*\x1f\xd4\xbaz\rGp\x1ab\xe5_\xb9\xdf\xc5\xa0X3\xa2Nq_\xf3"\xaa\x9dZ\xd9\xf2\xf2Z\xe9\xc1\x9f\xfb\xbb\xa5\xedk\x05\xeap\xea|\xa5}k\x10\xfdj\x99N\xc4\xc4\xe2\xbe\x19R\x8f\xb9\xf2\x9f\xac\xa4\xe8\x1e\'\xe6z\xea\xf6\x87\xc3ax\x06TI`YM\xb0`\x90\xb0\xa0\x17\r\xee\xa9\xa9\xe8i\x8f\xcb\x16\x08L\x7f\x0e \xe3\xec\n\x85\xfc\xd6}F5A\xeda\x90\xbc5\xc8\xb0\xecv\xaf\xd7\xb2u\xf0\xe0\x8f\x9d\x90\xd3\x19R\xe7\x87*\x87\xe5Z\xd3+l\x8c\x12\na\xc1\xee\xcc_\x9b\xdb\xaaz\x9c\xc6\x9d\xcfV\xe2\xbd\x8c\xc8Mb\xa5\xc2\x11\xccI@!\x89&gt;\x9f\xd5\xea\xc3\xb3\xc3T\x8b\xa4\x9a\x1a`TV\xd7\x87\x01\xdb\xbb!\xa2"\xb9\x8a\x0b\x85|\xe9\x1cI\xc5\x02H\xd4W[\x80\xd2\x88\xcbrP*\xdct\xaaC\x00\xea45Y\xcaJ\xb2\xbc1\xc1\xf3\x04\xc5Q\x15\x12\x19\xb7\xb9\xa5\x82:d`\x85\xb6V\xc2q\xba\xc0 \xa7S\n#\xa7\xb0\x86\xd9(|\x14\x0ck\xc4H\xe2\xd9\x81n`E\xa7NC\xad\x80\xeb\x8d\x82\xd3T\xeb\xad+\xf9|\xa8t\xceL\xe0\xe0Ql\x90V\x10\xcbnYp\xf6\xcc\x1f\xd6\x9a\x9a\xa2\xcc\xcef3\x99\x8c$)\xd79#w\t\x0e\x95\x92\xcb\x01\xec\xdc\x12\xb0\xdaCN\xe3\x98\xc5/\x93)\xba\xf8a\xe1O\rGN\xa1\xf40\r)|\xbe\x00\xf3\x18S\xab{\xa0;\xdaMZ\xb1\x1c\xba\xde\xbbvT\xce\xf3\xb5\x1fB\xf9\xd0.Q\x1d\x05\xd9\xeb\\\xddk\xaf\xe2\xa1y-\xeaP\xbb\xd6\x02\x12E\x16!\xe9\x8d\xeb\\\x8c\xe3\xd0\xbd\xc8\xf2L\x95\xf4\xfd\x00\x00\x04.IDAT|\x8e\xb8\xb8\x1fT\xb5X+\xab\xec\x98\xc5r\xf3\xcet\xbc\xd7o\xea59\x1cp\xbc\xf3\xce\x88\xc1\x05\xd1\x02\x8b4\x80\xa8\x99\x9ee\xdf\xd8\x8f\xd2G\xbf\x81\xe5\xf9\xfas\xd3V=\xc5Z\xeb\xcaX&gt;\xf4\x0f\xd5\xdf \xdb\t&amp;\xa8\xa9&amp;\x96\xc9\xf3\xe4/\xc1\x02(\xdd\xa4"\xb0\x8c\xd2\x9aK\x10\x16Z\xfch\x1a\x921\xc1\xb8]\xc2\xaaV\x0c*\xbb\xa0\xdd\xe9G\xb7r\x1b\xe6\x1a&gt;\x15\x04V0\x08.l=\x81\xc5px\xdcfe9\xec\x86J@\xea\x03\xd5\xe9\xe8K\x0f\x0fUC\xedBY\xaf\x0e\x8d\x8d\xad\xfdK+\xca\x04\x11%\xe0\x94\x04\xdf%&amp;\x98\xe7\x05A\xb04\xbd\xba\x89\x85g\tX\x0f\xeb\x89t,\xc6\xf3\xc4\x050j\xf3\xb9\xc4nQUkRg\x1e}\xab\\E\xf6\xb5\xdf\xfa\x8d\xee\x8e+\x8b\xe1\xe7\x1d#\xc4e\x05\x15\xac\x1f\x1eNE\xb0\xa8\x12U_\xdf\x19\x8f\x87}P&gt;:p\xa1e\xaf\x96/\x13V\xa1\xad)\x9d\x85\xb1\xb1\xbf~\x1f]^fuE\xa7\xce\x9e\xbb4b",A\x96\x15\x10)\x14\x94F\xfd\xe7\xc7]\x18&lt;\xe0\xe2h(\xa6\xd3\xa4\x17\xff\x04XeI/\x87\xf2mP\x11\xd7\x9d~\xf7\x0c\xf3\xbd\x7f2\xe2\x0b\xb2\x1b\x8b\x10Vr&lt;\x8c6\x16\xb0\xd2\x0e\xd8\xe79\xe3q\xb9\x00\xe6\x89&gt;w\x9e\n\xcc\xde\xa9\x84n\xaaeM\xd7kkcc[\x9bF\xb13\xfb\x9a1\'\x98X\xb2\xa4\xc0\xe5F\xccfgg\xb5\xbb\xc0Z_\x8f\x89\x18\x85L/\x08&amp;\xf2\x07\xc5"\xb0\xa4\xeaa\xbbi7\xc2\xfb\xd3\n]\\\xbb\xdd~\xff\xb0-\xc8nw\xe2 .`\x01\x94V\xe6\xbe&gt;\x18\nX.\xcf\xd4\x85\x96\xd1\x90\xec\xcdr\xa5\xa6\xe9\x9a\xde\x86\xe3K\xe8\xa6\xac\xd4\xe9\xbc\xd9K.7\xa7\x9bX\x12B\x91\xf1\x90\xc8Z\x92\xd4\xbc[\xe7\t+&amp;\x8a1cn\xa7\xb9X\x8c\xb0\xdaJV\xd2\xaa\xf6\xe3x\xf4)\\?\x03\xb28\xc4\x81\xb7\xd0I]\xa4\xd6\xf0d&lt;\xec\xa3=\xc2cT\xa7\xe7\xe2yf\x19\xc2\xb2W\xab\x9a\xa2\xeb\xdaR\xbe\x90\x7fb\xb4E&gt;\x16\xeb\xea\x12yF\x95{]\x91\x91&gt;\x86%\xa3U\xc9\x80c\x96\x97j\xab\x0c\x8b\xf4\x12\xd3l\x99\x18M3\xacb[\xc9d\xb2\x92p\xc2\xd5\xfa\xe0\xb3\x19\x04\xae[}L.P$\xe9K\xbb\xa9x\xca\x17\xc4vCL6\xdb\x99\x17Z\xc7Pv\xbb\x80wR$\xed\x95\xbc\xaa\x1epl\x11\x80a\xc8Y\xbc(\x1aX\x80\x12d\x8b\xcc\x824#.E;\xfc\xb1\xce1\xac\xb4\x08\xbd\x0c\xdf\xf3]\xfb\xf3\xc5\xe2\xa1\x9e\xf9\x1f\x97\xf6\xf0{\xe2r\xc7\xc7\x1d\x06Vr\xba?\x8e\x01\xd9;\x89n\xef`9u]l\x1dIE`\xbaD=(\xabU\xf2\xa1\xc2&gt;\x9f\x8e\x891\x84H\t\x04\x95\x98\xebz\xbd\xa1\x1bj\xe9x\xd6Y&amp;\x95\xd9\x862\xdb\\Z\xadsD\x05\x8dL\xaetZ\xcc\x9d`ee\xc1{\x02\xd6$\xc1n\xb8\xc3\xbe\x91\xee\x11\x97\xeb\xcd\x95\xe9\xab3\xf1x\xef\xc7\xc3`B\x0bK&amp;O\x7f\xa1\t\'Ryej\x8d8\x8a\x0e\xac\x85}\x9e\x90\xe8W\x84\xb5D\x8a\xdcG\x0fk\x9d*\xc0\xa8\x12IXIV\x94F\xa3\xa14+\xdf\xd5c\xebL-\xe2\xe2cx\xc1+\xb0\xd4%\x03\xeb)\xae*\t\xf6\xe9\xd5\x99\x19\xbf\rj\xb9\x92+\xfd\xf4w\xca\xfdL\x84\xcd\xa2\xa4\xe7\xa7\x96 x\x05\x93\x8a\xa02\x04\x95\xc9\xc8\x95P\xcf\xce\x1ea\xd1\xc1\xf16\xa4\x15e\xb1\xbeZ\xa9T\xcaM\x9d\xb0d\x03\xab17\xd7ht\xde\xfa\xae\xcerH\x96"\x13\x8a\xe4K\xf1O4\x88\x8a\x96e\\\x92\xa2{O\x04\xf3V\tl&lt;8bu\x81\xea\xc6\x8d\x99T\xca\xdd\x1b\xc1\x04:\xe5\xfa\x16P\xc7T^A2\x94\xca0\xb5z\x9c\xdb\x8f\xb94\xe3\x02\x1dq1\xb5\xea\xaf\xaa\xf9\x90Z)[\x0c\xad\xe0\xaa\xc6\xdc\xc6\xc6\\\xa3\xb6\xb0\x9a\x18%\xc3\xe3\xdf\x89\x8af\x0f\xce\x06X\xf9\x8a\xc6\x0e\t.I\x7f:\x91\xdej\xf3\xd6W\x8e \xd4\x9a\x8e\xc3\xff\xa9Iwo8\x12\t\xbc\xf6Hc\xb5\xcerh@e3\xef\x1bX\xf0\x96s{\x93\x8f\xad\x9bY$\xcd\x88Q\xac_\x01\x15~\xfe\x03\x92\x97\x98\xd0&gt;\x06\xd5-\x00\x00\x00\x00IEND\xaeB`\x82'</t>
        </is>
      </c>
      <c r="M502" s="3" t="n">
        <v>45492.67877314815</v>
      </c>
    </row>
    <row r="503">
      <c r="A503" t="n">
        <v>1186631</v>
      </c>
      <c r="B503" t="n">
        <v>1980</v>
      </c>
      <c r="C503" t="inlineStr">
        <is>
          <t>Werik Popó</t>
        </is>
      </c>
      <c r="D503" t="inlineStr">
        <is>
          <t>Werik Popó</t>
        </is>
      </c>
      <c r="E503" t="inlineStr">
        <is>
          <t>CA</t>
        </is>
      </c>
      <c r="F503" t="inlineStr">
        <is>
          <t>ATA</t>
        </is>
      </c>
      <c r="G503" t="inlineStr">
        <is>
          <t>CA</t>
        </is>
      </c>
      <c r="H503" t="n">
        <v>190</v>
      </c>
      <c r="I503" t="n">
        <v>45</v>
      </c>
      <c r="J503" s="2" t="n">
        <v>37180</v>
      </c>
      <c r="K503" t="inlineStr">
        <is>
          <t>Right</t>
        </is>
      </c>
      <c r="L50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cbb4b30-b89b-4924-a772-b2b63c1ce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\x18P\xed\x00\x00\x03\x00PLTE\xff\xff\xff\x16\x05\x01\xfd\xfd\xfd\x0b\x0b\n\x05\x00\x00\x0b\x01\x00\x07\x07\x07\x00\x00\x00\x03\x04\x03\xfe\xff\xfe\x1c\t\x02\x10\x02\x00\x1d\x0f\x07\x01\x10\x07#\x12\n\x10\x0f\x0e\xcf\x9b\x7f\x11\x08\x04\x18\x0c\x07\x07\x19\x0f\xf9\xfa\xf9$\x0c\x03\xb6oOR.\x1eZ6$W\xab\x86\xc9\x95z\xbe\x8br(\x16\x0eR\xa5\x813\x1d\x13\xcf\x96{G*\x1cdE8\xc5\x81c\xa8u\\\xd6\xa1\x86\xd8\xa4\x8a\x14\x14\x13\xbdtR\xde\x9a|\x06\x90w\xdc\xa8\x8e\xd2\x9f\x83\x9bdI\x17\xc5\xa4\xd9\x96u0\x13\x08\xadiK\xd5\x90oP5(\xc9~\\\xbc\x86k&gt;#\x17\x0c\xc6\xa6\xbfyYoD/\xcb\x83b\x14\xc0\x9f\x05\xa1\x86\xf5\xf6\xf5Q\x99wL$\x12\xbe~a\xc5\x90tc=+\x8e[B\x9dkQ\x08iR\x93T9\xc8\x85i\xc2\x92y\xb4\x7fe\x08\xa9\x8d\x85V?\n~eT\xa0}\xca\x98\x81|Q;\xce\x8cpzI2\xdb\xa0\x84\x9a]A\xafy_\xb3rV:\x18\x0b\xc2}]\xd6\x98}\xbavX\xd5\x9b\x81/"\x1dC2+\xa3fJ\x08\xb1\x94\n\xc0\xa0/\xc1\xa3\x91aJ\x05uZ\x05\x88o\xe3\xa0\x82\xea\xee\xed\xa5nS\x94iT^\xb7\x8f\xcd\x8aj\\\xb0\x8b=) \xa5`B\xcf\x9f\x89\x86P8C\x1c\r\xcf\x86e% \x1e\xd6\x89i\xe1\xae\x9f\xd4\xe3\xeb\x84]KyXG\x02E0\xc6yV\xcd\x91tX)\x13\xdf\xa5\x8a\xe7\xb7\xa7\x1b\x15\x12\x07]G\x85G,\x06\x99~yA\'\xef\xf2\xf2c.\x17\x05+\x1e6+&amp;\xd7\xa9\x9a\xc6\x89n\xe0\x91p\x14\xb7\x98\xe0\xa5\x94&lt;:8c7$\x1a\x1c\x1a\x9dpZk=)\x04Q;\xd7\xa2\x93p8\x1fH\x92r#\x1a\x17\xbaz_\xd5\x90yT&gt;5\x13x`{mc\xde\x9c\x8a\xe8\xb1\x9cpK9\xd5\xaf\xa7mPB\x8aeT((&amp;O\x9f|]\xa5\x82\xe5\xe5\xe4\xab|g\xde\xe9\xef\xacnQ\x14\x87o?\x8bk\xb6\x83n\xe8\xa9\x8e\xe0\x87j%\xba\x9c\x07;&amp;\xe6m\x7fDFD\x90L0A\x81e210\xd8~d\x8byo\xe1\xac\x97\x1a\xa5\x8bTSR\xdf\x90|\xc9\xdc\xe7\xd6\xd3\xd0\xdb\xdd\xdb$\xad\x92\xca\xcc\xc9^MA\xb6\x89u\x9ewfp^V\xb4\xb3\xb1z\x7fz\xce\x89\x8bfge\xc0\xc0\xbed\xbc\x937s[\xab\xc8\xd9\xa6\xa7\xa3\xb8dJ\x8c\x8d\x89\xcd\xa5\x94\x9d\x82u\xb2eeR\xb2\x92\x11\x9e\x84\xd8\x92\x87\xb5\x91\x82\xa0T7\xd3\x82]orl\xc3sg\x19\x94z\x8ePK\x95\xce\xc5\xd5\xbc\xb5\x1f\xcb\xab\xd0vX\x8ep`\xae_A\x98\x9b\x96\xa5\x9b\x8d\xc7z{\xe1\x93\x9cXfZf#+\x7fEBX\x82i\xb9\xa3\x9a\xc5mN\xc0\x9d\x8b\xa0OS\x8c5?j\xc1\xb0\xba\xd1\xe4\xac\x84s$H6\xe8\x98}\xb5\xda\xd51aJ\xde\x82\x8c,\x97\x82H\x99\x89\xea\xc0\xb2T\x18\x1e\xb6L\\{\x9b\x82{,6\xd0[jc\x91v\x84\xbc\xad\xdb\xf0\xeaL\xbe\xa7\xf9\x1c&amp;\x88\x00\x00 \x00IDATx\xda\xc4\x98\xddO\x1a\xf9\x1a\xc7\xdb\x19\x1d\xa05\x1dj\x905m"e\x94\xa1\xa9Dy\xd1\xcc!!\xc5jd\x8dIe\xab8"x\xd1\x0bj\x08\xd0\x82\'\x100!\x8d\x18\xb0\t\x8b\x8dF$M\xc0\x92\xd0\x984{\x81!&amp;l4\x9a\xa3D/\xaa\xdd\x1b\xab{a\x1a{6^\xd8\xde\xec\xdf\xb0\xcfo\xf0\xad\xe7\xf6\x0c\xf6\x07\xe1EL\xf8\xe4\xfb|\x9f\xef\xf3\x0c\xd7\xae\xfd\x7fG$\xc20\x89\xc4`08"\xb9\\Db@/1\xec\xda\x8f=\x00%\x898\x0c\xb9\xcd/\xa5\xad\xadbqw\xf7\xe0\xcb*\xc7%\x12\xfd0&amp;\x0c)#1\xacm\x1e\xe4\x13$\x8e\x938\x01\x87\xccn\xed\xae9$\x00vM\xf4c\x84\x92H\x1c+\xab\x9b[\xf1\x04M\x90B\xee\x08\x04\x02\xa1\x90 \xb2\xc7\xdb\xb9\x88A\xf2\x03j\t\xc53HV\xbf\xe4\xb3$($\x14\x08\x892\x13A\x08\xe0\x8dP@\xc7KPM\xc9\x15\x97R\x04\x9er\xe46\x8f\xf3$\tL\x02\x0e\x89;\xf0\xea\xf45\x81\xe7\xb7#\x12\xc9\x95ra\x98a\xe5 \x9e\xc5Q\xc5\x04\xdf\x1faY.\x01\x88\x98\xd8]\x8b\\\xa1`\xe0\xaa\xd5R\x82\xc0\td$\xc1\x99&lt;g\xaa\t\x05g\xa4B\xb0\xff\x9a\xc3\x80\x89\xae\xc8U\x92/y\x923\xb8\xf0\xdcV\xe5\xb7\xe7\x80\xe5\x07\xf8\xd0WZ\x95\\\t\x17\x04\xd5\x87,g)\xf4\xb5\xf8Y\x0b\n/\x0cv^Lt\xf0\xfc\xeaU\x18L$\xc9\x1d\xd0@\xc3UL\x88\x97\x1dO\xc0\x8d\xc4\x85\xff\x8bV\xf6~1\'\xc1*O\xe58\xa6Q&amp;\x08\x05\xa7\x12\x95=Np\x7f\xc3\xf1r\x0b|GG\x96r\x956&gt;f\x88\x94hdvP\xa9\xec)x\xc2\xd1A6#\x11V\x19\x89\x10\x9e\x17S\x80oE*\xab\x97\x083|\xc8\x12\xf0\xe5\x9c\xa1pN\x1f\x1a\xde"*\x1aGb%\xf02\xd3\xa9\x8c\xa7u\xfc`\xa8\xa8\xbfD\x92\xb5&lt;\xd2\x85\x10\x80\xe7!\xdfI\x9c,3r\xaf\xc0^\x02\xe40\x02\x00\x05\xdf5\x81o\xbb\x82rA^A\t\x91\xb3\xd1\xf7\xa2\xda%H\x92F*!\xc3C\xe0\x93\x80K\xa2v P\x95\x89\x0b\x8b\t\xe3+\x95\xe3\x12a\xb9\x83,\t\xee\xc6!\xb5\x04\x04\x99\xf0E\x0b\xd1h\x02\xc8haU\xd8G\xe3a@\x03&lt;\xae\xc2\xa8\x07.\xc5E\xc9P9,\xc9f\x96\xa0\x91\x9f\xc0MD8AFm\xf6u\x9bm\xce\xe6\xf3\xe1x6\x9c\x08\xcf\xd1a\x02-8\x88\n\xfe\xebrO&amp;\xb6\xb1\x8a\xe5\xe8Z!\x8b\x06\x0e\xd2kn\x8e\xf4\xd9\xd7\xed\r\xa9h\xd4\xe6\x8a\xce\x85Iz.\n\xcf\xb60A\x82f4\x87v\xb9#\x85y\x07V\xa1\x12:\x0eh\x1a\xacC\x90d4\xeb\x8a\x87\xe7Rrm\xdan\x8f\xb6\xa7\xb4Z{\xcafs\xd9].[\x96p\xd9jkNS\xf6r7\xd2\xdb\x15iF\x11\x16\xd9.\xd0\xc8\xdc\xf4\x9c\xd6\x1fH\xa5Ri\xffB\xdf\xf4S\xbf\xff]\xef\xfb\xff\x04\x02\xf2\xd4B:\x90n\xd0\xde\x93\xa7\xef\xb5\xdb\xa0\x94\xd5\xa7\x8dx\xb6\xe8\x94\x1c\x95\x98\x8d"l5N\xd28\xb4\x9bk\xa1\xf1}\xc7\xdb\xb7\x1dm]\x8dm\xa6\xa4IO\x19\xa7\xa6\xa7GG\x1b{\x1aU\xaa_\xfa\x9f\xa9F\x9e?O\xd7\xd4\xb6\xdf\x82\x9d\xb5\xea\x92\xbb\xe8\xcd\n\xc8\x05\xd77\xbb(\x0bH\\\xeeoL\x1a\xf5\x0c\xe5\xd5\xeb)/&lt;\xe8t:=\x9342,\xc5H\xa5R\xb5T\xed\xee\xee\xee\x9e\x98|=\xde^w\xab\xe6v\xf5\x85\xbb\x8a\x15p\x17\x86\xe5@,\xb2\xd6g\x9b\x1eH2\xba2\x8d.\x18D\xf7\xfd\xfd\xa0\x8ee\x98`P\xa9\x94\xee\x1c\x1d\xb9\xdd\x9f\xba_\xceN\x8e\xbfx\xd1ZWs\xbb\xea\x9c\x0b\xdf\xe4\x7f\xc5\x11\x81X$Y[_\xffh\x91\r\xeat\xfb\xba\xa0\xees0\xf8\x19\xb0\xe0\x86\x1e\x00Oy\xc4q\xb9?\xa9\xfb_NL&gt;|8\xd8Zw\xe3z\xf5Ex\x1d;\x0c"\xde\xa7N\x01\xa7\xc3\xf7\x9e\x8dX\xacA%`\xed\x8f\xed\xef\xec|\x05&lt;\xa7W\x0fw\xafW\xc7\xb2:\xa5T\n`\xeeOK\x9cZ\x0f_\x00W\xdd\xf5\xaa3\xaa\xaa\xc4\x1a\xdf\xee\xc2\x0c\xbb4&gt;W\xdf\xa9\x86\xefU*u\x00\xb5\xff\xf9\xaf?\x83\xfa1\xa7\xd9\xacq:\xcd^\xb3\x955\xb1\x0c|\xc6*w\x8e&gt;--\xbd\x9c\x1d\x7f\xf8\xf0E+\xe8U}\xceE\x94"\xfcV\x11\x924N\xe2\xb6&gt;\x8bT\xca(\xa1b\x9f\xc7\xc6~\xfb\xed\xf7\xa1y\xf3\x90\xcc\x1c\n\x85\xccf\x99\xd9i\x9a\xa2X#E\xe9X\xd0\xcc\xbd\xc4U\x11\xca\xd8zI.\xd8$\xf8\xc5\x12IJ\xb084tB\xabY\xc0J_\xbf\x8e\xb5\xbcjQ\xc4fb\x8aX\x87L\x16\x9a\n\x85\x10\x97\xd3DQ\x94^\xc7H\x19\xe9\xa7\xa5\x89\xd9\xf1\xf1\xf1\xc1\xc1\xef\xe4\x12\x1cG0^\xa9"E\x92\x0c\xd7/\x02\x16\x03\x9d\x17\xdco\xb9\xff\xaa\xa5\xe9\x89\xc2\xd3\xd4\xdc&lt;$\x0e\x99C2\x99\xd9l\x82\xc3R&amp;\xc0R\xabA\xae\xd9_\xc7\xb9f\xbcq\xb3\xaa\xea\x0c\xac\xc0\xeb^\x8f\x19 \xe0\xa3\xf6\xa7\x16\xa9U\xc9\x06?\xefk4-\x1a\xcd\xd8&lt;\xa8\xe5ij\x1a\x1a\n\x85\xa6\xccN\xb3\x89\xb2P\x14\xabw\xeaX\xb5\xd4\xed\x06\xd3\xcfNr\xa6\xbf^}\x81%,\xf2yy&amp;\x92\x1c\xd3\xa4\xcf\xf5L\xaa\x94\x82\xb3\xf4z\x8dF\xf3Js?\x96\x99\x99\xf9\x182w\x84\x9c\x14\xc3\x1a\x19#\xc5\xb2\x0c\xab\xd43J\x10\x0b\x15\x11E\x17\xb8\xeb\xfa%\xb5\x84\x89\x15\x1e\xb1\xb0\xd5\x04\xed\xb3iGP\x1b\x82\xb5L\xde\xb11\x8dfX,\x9bi\x12\xa3\xe2Q\x94\xd1\xc2X\x01-i\xb1\x80\xa0\xea\xee~\x94\x10\xb3\xb3\xa8\x88\x83u\xd7oV\x9fc\t\xe85\x1e\xa3\x0b\xdb\xa6\x136[z\xa4\x9c\x0e(\xa5LS\xa1y\xb1\xe7\xb1Xv\xf7\xe7\xa96\xa3\xc5\x92d\x18\xab\xd5bY\x1c\xe9\xef\x1f\xe9\x866\x04\xa9&amp;\xc1\xf2\xa8\x15\xbf\xc3\xc2w\xf9\x9b@\x90\xf08\x1du\xf5-\x02\xd6W\xbdW\xa7\xd4\xc38\x9c\xa2\xee6\xbe\x7f\xff\xbe\'i4&amp;\x8dVK\xd2\xca\x18-\xea\xfe\xfen\x04\x05X\x93\xe3\x93h\xfc o]\xc6"\xbf8$\xbcaE\x8e\xf1\xb9T\xca\xbfhA5\xd4\xa3aHQ\xc9d\xb2g\x00\xc6#T0\x99\xb4ZA,\x10\x0c\x8d\xc3\xa5\xa5\x89\t\x845\x8eb\x9e\xb3|\xf5\xcd\x0bs\x95\xf8\xdb\xe9\xb1H\x91\x8e\xa6\xb4*\xa4\x16XKG\xb1J`0\xb2V#kd)#\x05\xdb\x03\x03\x01\x0f\x8fJ\xe9\x91\x1b\xc9\x85\xb0 \xe4\x01k\xf0\x16\xe4V\xf5\xc5`\xcc\xe6\x0c\xfc\xe5C\x91\xb6\xc9\xe5*\xb5\x12m\t\xac\x9e\xb5*\x19\xa8\xa3\xd3\xd9\x019E%\xa1\x0f)Xj\xac\x0c\x05SqG\x8d\x04{\xc9Y\x0b\xe5C+\x0ck\xc0:\x97\x8b\xd8\xe6Q\xad|\xc2.\x0f\xa8,\xca \xc2b\x95\x90\x11\xde1\x8dy~~^\xe34\xc1\xc4a)Xt\x00N\xa7\x0f*\x19Xl\x96\x90\xe9\'\'\x91\xe19o\xc19\xc3"\xb7yK\x08Q.\xee\xd3\xca\xfb\xa0\x11\xa1TR\xe9\x8e\xd4\x0bP--CCO\x86\x87\x87\xc424r`\x1d\xd4\xa3-\xcc\xa9\xd7\xb1R\xce\xf9\xdc\x0e\xc1\xad6\x1c\xd69\x17\x7f;\xaa(W\x98K\xa5{a\xf4(\xadR\xf5\xce\x9fz\x88\xad\xfb-\xf7\x9f&lt;\x98\x89\xc52\xb1a\xd9\x14e\xd6x\xbd^\xa7S\x03\x1b\xb4\x93\xb2,\xaa!\'\x9e\xff2\x01\xad\x08\xb1u\x8au\xc6\xb5\xcb\xdf\xf8Y-\xd8\xe5\xe9NX\x88\x17\xddn\xf5W\xafW\xd32\xf4D\xf1 \xf6\xefL&amp;s\x98\x89)\xc4!\xb1l\xde\xec\x94\xc9\x86\x87Bf\xb1)iY|\xa6z\xda\xd9\xdb\xf7\xfa\xd7\xfa\x17\xad7\x80\n\xccu\xf3\x14Kx\xc0\xdbu,\xa8\x05X*\xb5\xfa\xc8\xdd\xef\x96R\xa6)\x99\xd8\xf31\x969&lt;\xe4\xee\x99\xd8\x03E\xd3\xf0\xb0\xcc3\xd4\xe4i\x12?\xbe\xd3\xd6\xd8\xd5\xd55=\xea\x0f\x04\xd2\x8f\x1e\xfd4x\x03\xc5\x16\xc7UV\x8b\xc7\x84X\xf1\xd9\xe5PC\xf0\x8c[mi\xeby\xf7\xf7\xb7o{\'\'\'\x99\x93\x93\xcd\xcc\xc7\xc3L&amp;\x16\x9b\xf1\x0c\xc7\x14M\x1e\xcf\x9dw\xa3o\x17\xd2\xa9\xf5\x85\x05\xb9\xddf\x8f\xba\x1a\x1aj\xd0H\xbc\x84\xb5\xc5\xdb\xb0\x16\xad\x80Z\xbdjp\x8c\xea\xe9\x82?\xb0\xbe\xf1\xe6\xcd\xf2\x9b\x8d\xe2\xc6\xf2\xf2\xc6\xf2\x7f\x97O\x0e\x0f\xc1b\x19O\xcc#n\x16\xff\x1c\x80k\xd8\x94\x0f\x87\xbd\x1f\x87ko\xba\xb6\x06]d\x08\x10\xd6\xcdr\x15\x0f\xf8\xb3\xfc*4b\'\xcc\xbbN\xb9}}\xbdX,\x14\xe2\x85l!^|\xb3\x9c/n\xbc\xdd\x03\xb9\xe0(\x86g\xee\xdc\xb9\xf3n!j\x0b\x93\t\x1f\xfa\x01\x85\x10\xd0&gt;\xad+\xcc\xfd@r\xee.\x88y\xde\xb0V\x12)y\xe7\x88\xea\xa9+\x1b/\xc4\xf3\xf9b&lt;^\xf0\xf9\n\xf1\xf5\r{\xca\x1e\xd8\x83\x1a\xc6b\x0f\x9ae\xcd\x1dmw\xa7\xe5\xb60N\x92p\x9d+$|\x85\x02 rWc\\\x19\xcb\xa6/\xf1\x17\xa7\xab\xbe\xe8B\xe7H\xaf\xcb\x17/\x16\xa1\x84\xcb\x1b\xf6|\xbe\x10\x8f\xdb\xd7S\xeb)\xff\xdf\x1fg\x9a\x14\n\xc5p\x87\xd8\xd83\xd0\xf5\xa8\xa1\xb6\xba\xea\xf6\xed\x1a\x97V.\x0f,\xa4\\6\xbc\x8c%@\x93\x11\xa9\xb5\xcb\xdf\x06\x91+D\xe5\x9d]\xff\x8a\xaeo\xfc\xf1\xc7\xde\xde70\xfc\xde\xbb\xd1^\xbf?\xf06\xe0\x1f\xbd\xebQ\xc0\xea\xdc\xfc\xb8\xa3m\xa0\xb1\xab\xb3\xbe\xfdV]\xfbO\xaf;\xbb\x1a\x07z\x06\x9e\xa9\xfa\xd2\xda\x86\xda\x7fX5\xbb\x984\xb34\x8e/\nU_\x08+\xc6\x17H1T\xd1\xa9\xc4\x12&gt;\xfc\x08\x904\xb0`\xa0\xc4D\xf9\xf0\xe5\xc3\x96\x0b\x12\xa4!E\xb4\x906*L\x08c\xa6\x10\xc4\x1aI\xb5\x19h\xa7\x93\xd8\x98\x00\x17\x9a\x12"q\xd2\xd15\xab\x17\xb5\xda\x04uL\xd3\xb8\xb6{\xa5\xbdiL6\xf1z\x9f\x03\xee\xee=\xf5x\xe1\x85$\xfc\xf2\x7f\xfe\xe79\xff\xe7\x1ck/\xe5*\xa9\xf5\xf9\xea\xd4\x1a^\xbe\xd7\xe2p\xb0[6\xd69w\xae\xd7\xdf\x9a{\xb2;21\xa1U\xce\xeb\xba\xd3\xeb\xeb\xfdV\xeb\xd0P\xfdD\x843\xd8\xeb\xe8\x93\xb1\xccf\x85Lc\xd7uwC\xb2 \x04\x1a\x83\xaa\xb3\x87\x86Z\x04p\x91\xcb]\xfe\xca\xd4\x1a^\xfe\xb9\xa5\xcf1\x90\xbeS\x1fqC`\xae\xef\xbf\xd3\xadku\x99\xec\x1e\x8f\x9dPF\xf4\x12\xe1\xd0\xad\xeb\x11\xf1\xa0c &gt;\x8a\xe3\xa3\x06\xb5@\xd0:88\xa8s\xd95^\x99\x8a\xd5C#Q\xa9`\xf8\xb2\xe5\xaf\xf2L|\xf3`\xa0\xcf1\x18\x89L\xb8\xddn%!x\xba\xf1B\x06\x11a*\x11ZY1-)\xf5Bc\xc7\x93\xa1\xf9A\xa8 N\xc2\x130\xf3&lt;\xde\xdb\xdb\xbb\xdf\x17\x97\xb1\xd8*v3\x17#\xa1\x13\xa8\x8cu\xed\xed\x15zk\x1a\x02D\xaf\x92\xa7\xd5\xf2l\x1a\x8d\xf7\xf1\xf3\x9f\x9f\xd1h"\x05\xe2\xd2\x00\x96\x84\xef\xcc$\xf5\x84)\x01\xe3\x17\xc9\x1c\x9e\xfa\xf5\xcb\xe6\xe9/\xd3w\x9f\xd1\xb8tz\x13\xd7L\xa7"\xac\xcb\x8cz\xf3\xf7\xab\x9b\x14\x11V\x9fK\xa9\xe5I=q\xaf\xe1\xee\xear\xf5L-\xf9\xe1\xd6\xbd\xc9\xa9\xb0Il\x93\x0b\x9dN\xa7\xb5\xcb\x13\x9aDW\x0e\xe6\xf0\xc6\xe9\xb7\x17\xab[\xbf\xa1\xb7\xb3\x9b\x14\x06\x03\xc3\x91Z\xe8\xc0\x06\xac\xda\xdf\x86\xaf\xa2\x86uu\x7f\xa9\xaa+\xa9\xe5\x00,\x0b3\x910s\x7f\xd9\\\xbd\xb9\\}m\xe6\xf3\x97W\x86\x90gw\xf7\x06\xdf\x19\xf5\xe9\xc7\x0f\xc2\xa38\xa8\x85\xff\xf3\xabA\xf6e\xfb\xfd\xeaLm\xf5\xcc\xf2C\xb0:\x95F+W\x11\xa95\xb3X\xfeg\x80\xefym\xa9k\\;\xfd\xb29\\\xb58\xdd\xac\xea]"\xe4\x16\xb1fr\xf4\xe3\xe9\xf6\x9f\x94\xdak\x8c{\xa7\xfb\xff\xf8\xd7\xd1\xd2\x88U"\x8c\x1e\xe6\xc6\xce\x0e\x12\xe0w\x10F\xa5\xfau\xff\xd3\xdb\xcf\x7f\xad\x85\x86\xbau\x17\xa33(T\xac\x81\x84]\xaa5=\\U\xd7\xb8\xb8\xbd\xf6\x1d\x97$u\xb7O\xd5\x07\x1e\xcd\xa3\xcd\xed\xe5\x07*\x01\x13"\xb1g%\x91\xb0\xef~\xda\\\xa6P\x9e\xbd\xff\xfa\xfa\xc3\xeb\x0f\x9e\t\xa1$\xea\xcbes\xc7;!\x05\x0eE$\xe1\xac\x8f\x1f^\xbe}\xbb\n\xea\xbc\xf9\xa3\xb9\x07\xfc\x85a\x18\xb5\xe1\x12k\xf5\xa7\xe1\xed\xad\x99k\xd5\xd3\x15\xc7\xc1\xba\xaaS\x97xG\xaf%\x04\x8e\x96\x07\x03\x82\xf6\xaeq\xa9R\xe9Y\xd1\x08\x06\xd7\xf7\xfe\xde\xf2\xd8\xa1Y1\xb9\xba\xfb\'\xdc\x12\xa0BX+S\xe0-\x1c\xc3d\xbdO{a\'&gt;\xbf\xfb\xfc\xd1\x0b\x14l\x9a :\xd3\x1a.\xabX=\xfd\xe6f-\x14\x96\xf1l\xbbR\xac\xe1\xb4\xc7\xd3\xae\x9fX\x88(\x1d\x9d\xea%\x8b\xbcK\xae\xd7\x8eCfn\xdd\xd8\xfb\xb2\xd7\x0b\xc1X\xd0\xca\xb9\x1e\x81\xac\x1a\xcd\xfa|\xc7g\x80\x855\xd1q\\t\x7f\x7f\x7f\xff\xa9\xb7t\x93\xa4\xe0b\x98\x08&amp; ni0+g\x08\x80"Q\xc9\xd4\xd5\n\xe5\xaaZS\x86uL\xa5\xdb\xd8a\xd5\xc9\x04L\xb9\xfcP"\x94\x8cu\x8d\xb7\xb7\x13\xe9\xf5\xf4k\x97]\xd0\x9a\xee\xe6\xb9\xbb|Y\xdf\x7f\xd5\xc2\xe8MM"\x9c\xfdm\x7f\x9dC\x98B(\xcc\x9b\xb9f\x16\xccf\x8aQ.\xca\x835\xa5\x90C\x02\xa7\xd5\x90\x1f\xaeU\xd8*^\xee\xb4\x063\xfc\x88\xd6:\x94\x1epI\xe5(,\x0b%\x00\xc6\xe3E8\x9c\xb4.\xcd\xe1h\xb5\x12\xdfX4\x9a\xfd\x1f\x16F\xc3p\xdc\xfcj\x9d3\x0f\xa9\xdf\x14\n\xc7\xd9\xec\xf8$\x9b\xcdb)\xfe\x1fSIX\x13N#\xd74lV\xa6V\xe3\xee\t\'x~\x1e\xdc\x95[u}KR\xb7\xdb\'\x14\xf2\xf9|\x18y\xda\xd0\xa9\xd8\x1f\x89D\xdczI\x14\xa8|9Xg\x07S`,X\xb8\x88\xb5\xa1SJmL\xa6\xc7\xe4\xf5\x1ad\xf1\xd9\xd9Y\x98\x19\xcbS?@at.N\xa7\xd4P&gt;W\xb6\x19\x1b\xfd\x07\xd7S\xd1\xf3\x8b\xb5\x11\xb7NMXJb\xa1\x05\xe3\xc5\x0f#\xd7oL\xdc\xd0k%\x88\n6b\xc9\xf3\'H-\xb4D\xa3\x86V\x9d\x12&amp;m\x1b\x04Zo8l\x08\x03\x16\xba\xba\x01.\x12\rCj\xe1\x8c\x1a\xca\xfb\xca\xb0\xaa\x82\x07\x7f\xcbd\x9d\x17\x17)\x8bK`\xb3\xc0\xc4*Dr\r\xc1p\xb8`\x9d\xb8U?!\x918\x9d\x85\x12\x16T1{\xbc\x930c\xf0\x9d$\x0cW\xc4\xbd\xbaA\xa5\xd2bC\x13c\xc8\x1b\n\x85\x01\x8bV\xc2b\xc0/\xf8\x04\xc6\xa8T\xad\xba\xdb#\x07w\x9c\xb9L0\x95q\x0b\xec6\xf9\x98\x04\xd42\x1a\x8dVk[\xa0m\xa8~H\xaf\xe7\xf3\x8d|~\xb9\x86\xd9\\\xa9q\x95\xc4"a\x8a\xd9\x90f\xb0[i\x03\x7fyL\x1ao\xc8k\x98\x1a\x15\xd1Q\x8e(aQI\xb0-k\xae\xbd\xabL\xac\xdb\xfd\'i\xe1a&amp;\x989\x17\xf6\xda\xa5cH,\xbe3`\x84\x12\xb6\xa1\x81\xd0\xad\x0f\xc4\x92I\xc0\xf2\x8d\xa1"B\x15\x0f&amp;\xcb\xe6"\x89\xa6\xd4p\x84\x136)zi1\xadh\xbc\xe1\xb8B\x84!\xb5(\x0c\x0c\xe0@RrM\xf5\xbb\n\x1b\xc4\xee\x8e\xdd\xe7\x0b^\xa4\x9c\x12\xb5\x00\xd4\x1aCT\x81@\x07\x0c\x85B\x89~\xcch\x0c\x04\x92Ig4:\xd6\x95\xcb\x16\xce\x0b\xb9\xdcI\x02\xbe\x9b\x84\xe4\x9a4\xd8\xc5\xb0l6\xa5\xd8\x03z\xa1\xdbp\xf4\'\xe0\xa2b%w\x01\x16\xa3R\xacOZ\xcf\x98\xf5"\x98\x89\x1e\x1b\x04R^\x17L\xf8\xce@G,\xd0\x110\xc2\xa8o5\x1ac\x81\xb9\xbc3\x9a;:\xce\x9egb\xc5\x82o\'dFa\x01\x1a\xba(ab\x9e\xc0\x14\x8e.\x07\xd0\xf5.`\x81\xb7\x00\x0b5\x88\x12:\xb9\xe6f\x85m\xbenm\xe2D\xee\x0ff \x1f8\x04R\xe4x\xbe\xb3#\x93\x89\x05\x9c|\xbe3\x19\xf8!\x96\xf7\x07\xfd\x01\xdf\xd18P\xad\xad%\x8b\x853\r\x0b/e\x18*\x89\xa5!\x98\xb0\xda\xd1\x9b\x99G\xa31\xcc*\xb8t$\x17\x9c?d\x18\x191\xe8[\x95\xb6\xd3\xaa\xe1\xaf\'\xbc\xa0\xf3\xdc\xc9\x8f\n\xd4R\x8b\xdc\'\x84\x1a\xa6R)?X*\x16K&gt;\xc9\xfb\xfd\xfe&lt;\x9fw\x96\x03,\xffE\xb2\xe0\xb3}\xec\xe4\xa2\x0c\x01\x8a\x88\xc2vi\xfb\x0e\xb3]\x0cXv\x93&amp;,c]bQ\xd1\xe1C\xa1B\xbc\x9f\xfe\xa9B\xb5\x1aw\x8f\xa4\xa9h\x14\xb0\x88\x01\x1b\xc8\x15\x85\x14\x9a\xca\xe7\xfdO\xf2\xf9X,\x06R!@m\x0e|\x05?\xe7\x05\xbdgJdf\x99\xd1\xb3\x05\x85\xa4\xd0\xccC\x11\x99PD\xd4\xbb\x0c\x08\x0b\xaa\x08}\xabt.\x92\xe13[\x95&amp;\x9b\xbaO\x11[&gt;\x1b\x8d\x9e\xf3m*\x02\xba&lt;\xb4\xa9\x0c\xa8\x95\n\x82b\xfe`0\xe8\x8f\x05\x92\xc5\\\xa1\x10\xf5-\x14\x92\x85\x05"l\xc6\xcdq\x16\xe4\xf9\x1a2U\xe4%\xa4PC\x1bP\xc1\xa0\xd1\'\xeb,a\x91\x81\xa7t\\c\x0c\xca\xbbJ\xd3s\xddb7\xd1qx\x98\x8d\xf2\xb5l\x97\xc5\r;1\x93\xc9\xa4\x80\xe7"\x08h~$V\xbeX\xe0K\\\x03\x83\x0b\xc5\x85\xa3\x8f,\x9c\xc2\xe06\xc3\x9e\x03\x03\x91\xe2K\xb0\x11\x99\x84X\xec\x11\xa8\xbd\x86Y\xc0\x82\xd4UC\x01f\xb4H\x94\x1f\xd7*U\xab\xaaq\x9fh;&lt;;\xce:%\xaaG\x16\x9e\\\x88\x8a\x98\x02\xa8\x0b@\x03gu$\x93\xfe\xe2\x82&lt;\xcc\xa0\xb2t\x91n\x81\x8a[\xba\x05\xe9Q\xe0\x80E\x1d\xb5[\xda\x11\x95\xdd\xa4V\xf7\xc9T=\x0fh\xe8\xc9\x93\xdaD+a5P\xa6\x17+.b\xd5\'\xdb\r\xdf\xd9\xd9\xa1\x93\xdf\xd2\xa9\xb4\xb8\xd1\x84\x93I\xa1\xf2\xa1\xe5\xcf\x07\x92\xb1`Q\xbb2\xda\xf2m.\xd9\xedE\xaeBnW\xc5\xa1Vd\x92\x82\xe0I\t\xa6\xdd.0\xa9\xbd\x032v\x0f\x17\xd5\xb0\x86D\xa7^bmU~ER\xf5{7\xcfx|r\x16\xcd&lt;\xba\x0b\x13\xc6\xd8\x823\x00X\xfe\x0b($\x94p\x0e\x8c\xef\x8f\x1dy&gt;\x14\x8b\xfeXq\xde\x8b\x8ec\x8c\x84\x8f\xe2\xd0\xc7\xb1I\x97\x96\xd7\xce\x14/\t\x04\x1a\xef\x80\xe1rZ\x04O]Z\xbe\xa1\xd2fZ~\'\xb8\xc3\xd4\n\xc7\x0f\xce\xa2\xaf\x9f9\xe6\xe5G\xff\x06\xb9\x02\xf9|\xaa\x8c\x15C+\x99&lt;\x12\x1f-\xcc=\x89%\x8b\x9ct/\x9a\xf5\xcd\xe6Q\xc5\xac\x97\xd0\xf2\xb4R&amp;aG\xc62\xc8\xd8\x9d\xcd=p\xf8@m\xcbT$\xc6\xc3\xc5\xef\xc0\xaaz\xc9;\x90\xca\x99\'\xed\xae\x1f[\x08\xadV\x8b:\x97\x11\xf9\x0b\x1c\x1f\x9bCP\x85B\xb1\xb8\xc0\xd9\xdf_\xef\x1fIo\xa8!\xee\xb1g\x13a\xafF\xccT*yJ\xe8Y\x1ah\x0e*6\xab\xb9\xa7\x07\xd5\x90L)\xddua4\xea\x9f\xdf3\xf3\xc3^&lt;\xd1\xf0,RB\xd0t\xcf\xa5t\xf3 \xca\xc0fDr\xa5b\xb198\x11\x0b\xb0"\x9cW\x8f^\xdd\xff\xd6\xbf\xfe\x98\xcd\x15\xd1E\xac8\xcc\xda\x07\xe2\xff\xd0r\xbd\xa1ieY|\xa2\xf1%&amp;\xe2\x9b\xf7\xb6Y\xa5\x8a\xbe\x97\x97\xb8\x92\t\xa6\xbeUp!\x1bk$Q\x04\xa3\xc6\xa4&amp;\x9a\x0fB\x1b\tN\x92\xb5E!\x14\t\xedb\x85\xd6*\x0e\xfe\xa1%\xd5@%\x90/\xd3\xa1L\xe9\xd2\x90\xc4v\xda\x19\xe84\x13\xc8\xc2\x94\xec@\xe86\xe8.\x93@a\xc9\x87\x84\x94\x85=\xf7\xd9\xce\xec\xb7\x85M\xbc\x1a\xc8\xc7\x1f\xbf{\xee\xb9\xe7w\xee\xef8\x925f\xa1\xb0\xe9w:SP\x9c\xeaQ\'\xbc\x115\x94\x801\x08\xc1\xcc\x894\xbf\xb0\xf7\xe7\xa5\xf9e\x8dF\xb9\xe4\x8d\xd9\xdc\xf1\x11\xadV\rI\x82\xcb\xf4\xe9\x9b5T9\x1d\xb3^d\xe9H\xa4T.\x04\x83\nqk\xdbl\xe2\xdaW\x03\x00lldl\xa9\xdf\xe6LA*\xa3\x14rT\xcb4!\x91\xd1\n\xff\x08N\xd8\xaa\xe4\xfd40oqi\x8c\xd9`\x88\xee\x8e\x0fj\xa1\x0c\x84$\xd1\xf5\xe8\xd1]\xe0J\r\xa0\x1c\xd6\x80\xad\x18\xf1\x05%\xf4\xbb\x1f\x9e\xfa\x14A/\xd9\xda0\xfa\xe7\xf9\x81\x81\x81\xcf\xcf\x8d,M\xc0)4\xc1\x0e\x06\xd1\xd5\x03\x90\x04\xad\x02N^d\x9e\x9cL\xf2\x0b\x9f|\xfe\xd5\xf0\xc8\xf7\x7fP\xb2Q_\xd8:e\x04T\xb0\xa0\xba\x81\xb8\xba\xa8\xfe\x8b\xc3\xba\x9c\x0c\xd0\xb6\xa1\xea\xcc5\xffz\xb9d\x9bUdH\x92l\xd0#\xba\x06\x86\x87\x87\x81,\x03\x82\x85Pqa\xd5\xda \x1674\n^\x9c\xf0\xb1Sx\x7f\xe4\xb7\xbf\xbf\xec\xba\xa2\x94F\xbd\x0b\xcc`\xbbFs\xf1\xa2\xfa"TZ\xea\xbb.\x97:gM\xfa\x03\xc9\xed\xc9\xb7w\xb7^\x7f\xff\xbb\xd7\xaf_\x0f|\xa1\x17\x8b\x81\xaf&gt;\x83s~~f\xa6?5\x942\x98(J\x01\xb0\xb83\x08lA\xfd  _\x9e\xb4m\xc3\xdb\xb8\xa0\xb9\xeaR2\xf9\xa8\x97\xb6e\x07!\xb6`]\x84j\xd95\xee\xd11\x8c\xd9\xdf}~k+\xfd\x1c\xd6\xdb\xb7\x9b{\xdb\xdb\xd5D\x9f\x88hm\x91HS\xd7\x9ch\x99LR\xbd\xbeG^\xeb\x83Cf@\xa2\xac5s\xe2n\x92\xb0\xf7\xa7\xbf\xae\xbf\xfb\xe7\x93\x97Q\x9f\xa9\xc8\xc4\xe7&lt;\x1c*\xb5\xda\xe3\x99.\x95m%\xb7l\xfaF\r\xd4\xf3\xd7\x00\n\xad*(\xd5\x96\xa0\x84\x92&amp;\x0c\xa0\xc4L\x12V\xa1\x90\xc35\xcdIj\x01*\xc7\x1aZ\x1e\x9f\xbc#(\xe4&amp;\x1bx\xab\xa1\x18\xedwgAW\xc0&gt;\xaa5\x1e\xcfz9P\x0cX\xecW8P@\x15\xe2joo\xbbZ\x1d\xaaJ{z\x14A\x85\\/I$\xa4&amp;\x8aC\xc5I\xea&amp;&lt;D\xb6\x88\xc4b\xdf\xea)\xf4\xb8\x84B\xe4\xdaG\xcd\xe6p\xb7\xd5\xe8@\xc2Z\xa3U.\x17w\x8a%YG\x1a\x00ALmn\x1e\x1d\xed\xed\xefo\x1f\x1f\x1b\x12\xf4BJ\x02\t!$\x96+(\x89\x84C\x05\xc7\x80@\x11\xbf\xb8\xfa\xe6q\xcc\xf7b\xf5\xd4\xda\xa7\xbcK\xb7by\xc6\xcc\x18us\x1a\xc7\x94V\xab\xdb\x89\x14\xdf\xd9\xd3\xe3\x00h\x13\xf0\xec\xed\x1d\x1d\xed\xefW*\xb3\x87\xb0$T\x1f$P_&amp;#W(\xf4\x80J.\x8a\x92\r(\xb4\xb0\x87\x97x\xbc\xeb\xd7\x85\xa7gp\x16^\x7f\xbc\xe8\x0b\x04Jn\xb7U\x19w\\\x8e\'\xc3\x91\x9du\xbbls\xbb\xba\xbf\x7f8:J\xd3\x95\xc3\xd9YH\xe5m\xa3\x87\xb3=\xa3z\x89d\xc1$\x17\xcb\xd1W\x9e\x115\x10\x04\x81\x0eb\xf3\x8f\xbdB\xa1\xf04]\xd7\xc2\xdeoB\xb1p\x7f \xc9\x04J\xb29\xad5\x12.&amp;\xadLw\xaaR\x05\x8e\xf6\x8f\xd0\x16\x1e\x1f\xef\x1fW\x0e{\xda\xe0\x8f28\x87\x0c\x14\x8a)\x91\x08=F\xd5P\x9d\xe6{\xcf/\xb8\xbe]\\\xa4\xfd\xfd6\xa6\x18(\x9d\x1fd\x8a\xe1\x80U\xc7\xf8\xab\x9b\x9b\xef\xbf\xfcu\xbd\x7f\x7f\xb4_9&gt;\xae\x84\xcb\xcc\xb0m\x88\xf5\x02*\x82\x14\x11\x02\xa2\xd6\xda\xc2\xde\x9c\xbe\x97r\xe5A\x88\x8e\x0c\x05\xfcC\xc5rid\xd2\x9c,-\x9f\xb7&lt;\x7f\x8b`\x1d\xc0\xe7\xbf`U\x0e+\xd5m[\x7f\xff\x10+o\x11\x91\xad|\xa2U@p\xe7\xb0\x19\x7fy\xfa\xde\xc03\x8fC\x85&lt;\xc0\xa2\xe9H\xc0:9)\xb3\xdb\xed[[(3&lt;?\xd8\xbdw\xef\x030\x0eVe!\x91\xb8\xe6\x9c\x01Xr\x92\xac\xb9\r8X\xd8\xc3\x95:8&lt;_\x84X\x9aN&amp;\x17X:l\x9e\x1c\x89\xa3\x97\xe9qO\x0er\xd6\xc1\xc1\xee\xee\xee\xc1\x97\xcf\x01\xda\xfb\xbd\xe3J\xb5j\xa0$\xa9\x84\xd3)\xed\x11\x13\x04\xf7\xdc# \xea\x14Z\x90\xba\x9e\xdd\xce\xb0&amp;8\x81,\xbb`\x9e\xd4\xcdyr[j\x8f:\xf7\xa7\xdc\xd6.\xb7\x10_\x07o\xf7\xaa\xd5\xaa\xa9\x0f2|*eH\xe9!\xd8\xf9\x1c,\xee\x1c.&gt;\xa9\x87K\xb7\xf7\x85\xca\xcb\xd2\x0b\x0by\x9a\xf6\xfb\x8d\x8e\x9c\xc7\x93\xcb\xe5\xd4\xda\xcb\x1fq\xed\x1e\x1c@\xacm\x1b\x12}\x90E\x81\xae\x94I/&amp;\t\xbc\xb9\x89{\x1e\x83=|\xd5[\x0fS3\xefU(\x14di\x13+\xa5\x87\xccc\x83\x0e\xa0*\xa7\xd5\xe4\x1cZ\xc7 \xdc&lt;h\xed\xed\xedU!\x91R\xa8t6I\xa5 \xa4I4xSC\xd5\xa4Z\xa9\xcb\xdc\x83\xf0\xd9C~\xc6\xbbF#\xdf\xb7yI\xe7phs9\xce{\x97\xb52aS&gt;/\xd5S\xc0%\xaa\xdb\xa5}\x12\t*\x94\xe5"\xb2\xf6\xa2\xc25\xe4_\x9d\xf9\xa4.\xb0Vn\xf1\x9b3\xc1\xbc&gt;O\x15\x02~\xb3\xdb\xeapL\x81\xeah7f\x87\xfbM !\xe0\xa6a%&amp;\xaaO\x0f9\x1e\x18\x83\xda\x0f\x0e\xe2\xaf\x16\xa9\xff\xb7\x13\xf2?W\xef\x1d/\x8eg\x82\xc1&lt;[\x08\x84\x93nk6\xdb\xden\x1c3\x1a\x8dK\xc3N\xd81=%IHfGgg%}\x12\x8aB\x15)\xd9\xfa\xd1e\xc0=\xf6\xd4\x07\x96\xb0\xf7k\xda\x17\r\xe1^\xca\x07e\xb2-\xc0\xb8\xdd#c\xb0\xdaa\x1b\x97\xcc\xb6!}\xdf\x17\xf33\xa8y+\xed\xa3\xfa\x00WP\xfe\xf1\xd2\xe1\xa4\xe1\x8f\xf5\xd9CH\xa8\x7f\xef7\xd3A\x8c\xf4Rl\x81\x96\xda\xccnY{\xf6B{&lt;\xa7\xcc)?\xb3\xdb\xd7\x933\x13\xe7\x96&amp;\x86\xe7\x13\xe8u \x01l\xc11D\xf9\xaa\xe68\x10|#\xac\x1b\xac\xc9A\xf3B(\x1a\xf2\x05i\x1a$XR\xa6\x9bS\xe6&lt;\xe3\x9d\xe9\x9b\x8f\xd2\x1b\xd3\x16Y\xbc\xfd\x02\xe8\xd5k(g\xd5`\t&gt;\xc2\x12\x10\ro\xea5"\x02\xb0\xa6t\xa5\x08\x9e\xf1\x06Y\x16r=#\x93y\xeev\xde\xbcy\xe5\xca\xa3G\xe9i\xfb\xb8]\x19\x1fD\x0f\x17N\x83\xc1 \x91\x04\xbd\xb8J\xf5a\xa4F\xd0\xd2\xd2\xf2\x92W7\xb6\xc2\xed:\x9d\x95\xcd\xe0\xa1\x90\x8f\x95\x16\x93%\xd9\xf9\xf1t\xfa\nr\x8d\xa4\xd3\xd3\xe3v\xc7\xe0\xe0H7\xe8h\x03\x90\xc5z\xa3|\xfe\x07\xff&gt;z\x18\x16=\xab\xd7\xb4\xd6\x997\x85AG\\\x19`I&lt;\x1a\xcb\xe7\x8b\x91pi\xd9\x9e\xbe\x91F6\xae\x1b\xf7\x80\xaf\xb8qlixf&amp;\x85\xa2+\x18%0U\r\x96\x80\x14\xb7\xb5\x89V\xeb\x15[\xbc\x97k\xba\xa9\xa99\xa6\xe8\x8b-\xe2^_\x9e\n3\x8ce:\x9dFN\xae\x8d\x1b\x08V\xf6\xdc\xb9a\xd4s\x90Bd\xf1?\xce:\x00*q[K\xf4I\xdd`=[sOi5\xb2R\x99^\xc4\xf9\x8b\xb1\xb5p \xb0l\x01\xbe\x80\xad\x9f\xa7\xed\xe7\xe3\xc6\xec\xc4D\xbf\xb3&amp;XE8\xff\x17\xae\xd0\xdb\xa7w\xa5~l\x15\xcc\xedZ\x8fGi)\xb3\xfc&amp;&lt;s\xab@E\x92\x8cL9\xbd\xb1\xb1aY\x96Ye\xc6%@eH\xb0 \xc6H\x82_\x1b\xf3!\x00\x95\xbc\xad\xad-V/X&lt;\xd8\xc4\xe4\x85)\xb5\xab\xc3.{\xe7\xc3T\xa1\x8c\xcf\x07Y\xa2\xa4\x8b\xcbd\xb2u\xf72\xe3\x9e\x9c\xe8v\x1a\xa4\xa8\x86\'\xb0\xda\x04\x99\x80\x10!\x95!n\x13\xf9\xee\xd7\x8f\xadHy\xca\xe1q\xb9\xce\x9e\xb5\x14\xbd*\xd5m\xc0U(\x06\xcaV\x06)"\xc6\xda\xed\x1f\xb0\x99\xd8`,\x16ml\xbc\xcdma#\x84\x15\x82\x05\x11\x7f\xeb~\xfd\xd2idgN\xa3\x19\xef\xec\xe8\xf8l\xbd\x1c\xc3\xf1h(\x96\xa7\x0b\x85p\xd8\xe6\x9ft\'\xbbg\xfag\x0cT0\xaa\x8a\xf2\x1b?\xa4v\xa4z\x90,\x13\x8b\x88\xba\xc2*\x964\xc0\xd6\xd5\xce.\xbbe\'\x865c\xa1E\xaf7H\x17h\xa8\xf1A|,H}\x8a\x0c\x8e\xe6\xack\xa8\x08@\x85!\xc2\xdaHA\xbd\x06\xee&gt;\xe1\x9dyU(\x02]\xae\xab\x00\xab\xd3\xb2^\x8ca*\x15\x1f\xc7\x17c^/T\xaca\xe4\x9d$\xa2\x0fQ\xa8#\xe7]3\xf2\xbc\x91\xcd\xcd"\x91XL\n\x04\xc8-R\x9f2\xb0\xf7\xeb\xb5\xa7O\xdfi&lt;W\xbb\\\xae\xae\x8eO\xed\xe554\xea\x86c\xb8*\x1a\xf3\xfa|1o\x14kF3\xa6\xb5\xe1R\x8c\xc4\x9aI\x82\xc0D|R\x0c\x97#\xfe\xe0\xd5\xb7\xf5(m\x84\x97\xfeV(&lt;}\xba\xa3\xf4\xb8\xaevuuvv(-I\xb8\x87\xd0\x8c0r(b\xb7U8\xc6o\xba\xcdoR\xf1k7\x0e\x89\xf8"\xf9"\x8cO\xd6\\\xa7\xf8\x83\xd5S\xd6\x89B!o\xe5\xdf\x7f\xa4#\x91;w,\x9eq\xd8\xc6.\x88\xfb\xf1\xb3\xeb\xc9\xb5\x0c\x86F\x98\xd1\x8fBp\x8b\xfby\x01H\x0c\x88)\x80%\x12\x13b\x11\x8e\x91\x04g\x86=]\xed\x03\x98z/\xfd\xeb\xbb\xef\xfeAG\x8aw^\xfc\x00t\xc1&amp;vu\xc1y\xfc\xd4\xb2\\*D\x91\xaai\xc6\xf8\xc8\xd4Y\xab\xf8\x04\x04\x19\xc5\xd0\x06\x12\xa2\x16\xc8\xa6"\x02\xf4&gt;\xf70\xf6\x9b\x07+\xffa\xe5|C\xdaJ\xb30n\xadZ\xb5\xda\xb9&amp;\x85\xe6\x8f\x99tH\xb2\x10c(\x88J\x88\xcd\x10\xcd\x85hn\x12\x14w)\x19\xc6\xc4\x84FI\xb1\xfba\xa3\xa1,\r"\x81%\xec\xda\x06\xdc\x0f\t\x94\xb6q\xea\xc6BBq\xd0\x0c\xce\xa6Ugh\xab\x85\x11C\xa1\x04\x11\xd9\x0f\x82\xb0`\xa7\xb4\xe8\x87\x81i\xbb\xcfy\xaf\xcevw\x99\xdd\x9d\x99\x9e+\x89\x08\x96_\x9f\xf3\x9c\xe7\xbe\xf7\xe6\xbd\xbe\xc7\'1N\xbfy\xfd\x185wsle{%\xa5\x86\\\xa2\xed=\x06\xb5]i\x1f\xbb\xf4I\xe5\x89\xea\xe3\'\xc4\xe7\xcf+*\xaa1\x80W\xeb\xaa\x1a$\x92\x8a\x06\\\xed7\xe2\xaa\xac\xf6p\xd3\xa9T\xba\xf3\x9e6Z\xd7\x94_\xdc|\x1d\x92?\x1e\x1e~\xbc{\xf3\xd6\xd8J*\xc5]\xa0&amp;\xfe\xbe\xafi\xa1\xe9\x02\xa7\xb6*\x94K\xcb\xb2\xc6\xc3\xc5q\xd5q\xd8\t\xa3w\xaa\xee8\xc6\x10M\x9444^\x954HN\x9e&lt;\xc4\x92~\xfd^\xb64\x97O\xbc\xdcP\x85\xe4\xa1a\x865:\xb4\x92\xda\xe6\xe0-]\x9f\x87\xd3\xea\x16\xb4\x1c\xc7)\xec\n\xb4\xf2\x96\xec7u\xb4\x9d@\xa4B\x82\x1e\x97\xd4J*\x11\xa7\x92\xab\x12\\[\x1f\xee\x92\x02\xd6\xe4Cz\xf0\xfb\x17\xde\xfe.\x7f\xf9\xb6\x00*`\xa1\x89;7\xc7nm\xa7\xd6\r}\xba&amp;D\x84\xc7\xe3\xd1\xf6\xe9\x00\xa6P\xb8\x14\xae\x11\xa5\xcd\xfd\xf1\xb9Z\x89D\xa4\xfa3\xfcT{\xac\x12T\x12\xc4i\x1d\xfb\xfc\x1azI\xa9n\x7f\xfd\xe5/\xf9\xdb(55\xa7\x17\xf7|\xf1|H%W\x01k\xf8\xf1\xce\x83\x9b+\xdb\xa9o!\x13\xb8\xa0\x97\xd6s\x813h9\x85\xda\xa5\xe0F\\\xdd\xcd\x8eN:K\xb3\x93 l.9FXu\x1f\xbc\x83U-\x15k\xf2\xf3\x87\x8f~\xe6\xf3\xa6\xe5h\xdf\x9e/\x1b7\xef\x0f\xcb\xe5*\xea!\xd4\xba\xb5\xb2\x92\xfaVmh\xa2\xea\xd3j\xb5j\x94\xce\xa0P\x00K\xa7\x0c\x0e\xba?j\xa1\x8bVZ2H\x1a\x8e\xd5\x1ek\xa0\x9b\x81d\xb4Z\xf6@FE\x15\x90\xeaqH\xa5U\x93O~N\xea\xd7 &lt;\xdff\xb3fc|\x0bX*\x15\xf3\xd6\xce\xcd\xa1\xa1\xed\x95\xf5\x0b\x1e-\xa8t\xd0\xacO}E\xa1Vk\xb1\x02t\x8d\x8cX5C\xee\x1b-\xb8&gt;&lt;\xd3\xc6\xee\xc3\x03\x05\x83\xc8\xec_\xc7\xb6\xe0UV\x10\x90\xb4\x1eEh\x7f\xfc\xdbO\x04\xab)+\x7f\xb3\xe9\x03\x94\x99\xb0J!\x95J\xc5&amp;q\xe7\x01\xb0\xb6\xe7\xb5:-\x86\x90r\xbe\x8fS(\xe1,\xce\xa0\xb0\xbb\x805x\xa3\xe5\x8c\xac\xb3\x93\xee&gt;\xb4\x9d;E\xbb\x04\t\x8a\xd6\x0fu\xa2ZRQ\xadz\x91\xad\xfe\xf6\xb3\xfb?\xa1\x955\xe7\xc3\x9b\xbe\xb89n\x04\x95\x88\xe5t\xca\xd9$&gt;\xb8\xa5\xd9^\xde\xb6\xf7\xb1&amp;6\xb1\xe0RXi\x12\xadV\xbbK\xd1\x8f\xc5V\x8b\x8c\x0e\x99\x8c\xd8&gt;\xfem\xdb9v\xaf\x19\\\x12\xe2\xaa\x16\xc5"\xa6*\xc6U?\xf9\xf0\xfe\xf9\xffK1\xf8\xfc\xe5\x1e\x1cEH\xf82\x9a\xb7\xf2r\x95&lt;-\'o\x01\xab\x7fyy~\x1dM\\\xf8\xdd\x02)\xe6\xf1p\n\xab\x15\x8b\xd3\xbbKv\xa5\xcd\x84\x0e\x02L\xd6i\xeaut9.\xbbM\x7f:\xc3\x9cFX\xb4\x1d\x96\xf5P\xe4\xaa\xae?\xac_\xd1g\x075\xff\xb3}\xe7_\xbeeP\xc0"2\xa85\xa0\x82\xe5\xc9\xf3\xc3\xce\x07+w\x96S\xa9y\x17\x06qa\xa1\x89\x06Rg@&gt;(\xed\xf6n\xcd\xb5\xa1\x1bg\xdb`,\xb4\xd1drt5\xa3\x1c\x0e\x13]\x025\x8a\xa3x\xb2\xe2\xc8Y\xa8\x13\xff$\x9b|\xf8\xe8\xfc\x7f\'+?\x1d\xde;\x82"\xb1\xcc^\xef\xc0V\x1c\xcer2\xcf\xcbwR\x84\x95r\x11\x0f\x0e\x9c\x15u\xe0\xe2\xa0W\xf7\xb5\xc1\x1b\xb2\xb6\xb6\xb30\x17\xb0\x1c\x83\xcd6\xb6\xd3\x80m4`\\\xc0\xaa\x8e\xfd\x80U]-\xad&gt;\xc2\xaa\xae\x9f\xfc\xe2\xab\x89\x1f\x07+/\x7f\xb3\x975{q\x98\xbd\xed\xc6-\xa3\xb9\xddh\xf4v\xc4\x0bS\x10KN\xe6\n\xed\xa6\x96\xd7\xd7\x81e\xd0\xd2,\x92\\\x08\t-\x02\xc2zW3\xe8\xe8\x84\xa7\x88\xaa\xd7\rB\x83\x97\x95\x00\x00\x07\xa0IDAT\xad\x18\x95\xa3\xb7\xf3L\x0b\xcb2t\xb1R\xfa/X\'D\xaeC\xb8{O&amp;~\x84\x0bP0:\xa0\xa0\x13\x11\x99\x8d\xed\xed[\xbeB\xa1\x90\x0c\xa5\xc1EX\xf2g\xdb\xf3\xeb\xf3\xf3v\x03g\x00\x91NK\xafj\xce#\xee\xea\x1fr\xb8\xdd\xa6\xce\xeb\xa6^\xb7\xa39\xa8\xa1\xc7\\\x1c\xbd\xd7\xe9\xde\xe0\x87\x1f2\xac\xaaw\xa8\xd0\xc3\x13Gr\xb17\xa9\xf4\xde\x93\xcf\xfeS\xb1\x1a\x8a\x848c\xf2R\xff\xd0@\xe3\xd6V&gt;\x93\xe1\xf9\xfc\xc6\x86\xcaI\xc9\x853\xe3\xf7\xa9yp)8t\xce\x00*\xce\xa3\xd5\xb2\xe708\xab\x92=\x88\x012GWW\xf3\xa7\xc1\xbf\x04i\xff\x83\xc9\xd4)\xa3\xdb\x84\xf4!K\xa5t\xf20L\tKZU]\x7f\x98b\xd2\xd8a\xdd{\xf2o\x7f0\x82V\t\xbe8\x9aG\xdd\x13\xb5bP\xbc_\xd0\'\xf7_n\xc8UL.\x9c\x85\x9e\x81k\xde\xceA!Zm\xa99j\xa2\x8e=\x1f\xa2\xec\xee\xef\xb7\xd9\x06\x07\x07m\xcd\xc1\xe0\xa7\xd0\xea\xb2\xa3\x17\x97\xb2\xb2\xb3\xcc\xf4u\x92\xfa\x185q2&amp;\xa2\x81"\x17\x89Drx\x8f$\xa2\xd1D"\x12\xc1\xd7\x17_\xbd\xb3\xbc\x10\x95\x02\x95\xb1\x1d@\xc4\x85o}\xf9L@\x08\xe8\xf5\xf9\xfc\xfe\xcc\xeba\x95jZ\xbe\x01\xb9\xe4\x16\xc2r\xa9\xb1p\xf0\x00\x87S\xab\xa1\x9cAkp\xb9\xac\xd6\xd6\xee\xee~\xcd5\x9b\xady\x08~\xb7\xd9\xc4O\xcfe2v:\xaa\xab;\x1e\x8b\xdd\xce\xbd`\x95\xbb\x9dK\xe4\xa2Q\x9e\xf7\xfb\xf9D.\x97\xe0\x85L&amp;\xc9\xd3\x0f\xf8\xe8\xee\xfd\x1fN\xe2\x13\x0c\xaa\xdd\xdb\xde\xee\xc5\xab\x91U^\x0f\xa4\x8e\x1e\xbc\x16\x0ff WZ.\x97o\x84\xa0\xda.\x02\xc2\x8e\xb33\xecE\x85\xf5\x83\x0b/:\x05\xa8\xc0\xa5\xb1\xd9\xba\xbal\x1a\x8d&amp;h\xa3\xfd&gt;\xd7)\xf2!W\xe3\xa9\x0f\x80\xf4j\x15\xf5\x8aj5\xc3\x97\xf4\x81R\xa9\xa8\x17\xa2\xb1\x88\xbf\x94/\xe4KI&gt;\x89\xe2W\xbf\xfb\xecp\x9d\xf8\xd6,R\x81\xc6kn\x87\xa7\x8cy\x81A\xf5\x04\x02Q&gt;\xb0\x17\x9e\xd8\xc0\xf9G\x1e\n\x01+\xed|6?\xbfD"\xc1_\xe0\x81n\x06\x8a.\xab\x02\xa1\xda\xda\xdd\x1f\xb4\xd9lA\rl6\xc8n\xbe\x91\\gZ.5\xd6\xbd\x00\xcb\x1c\x8e\xd5\xb9\xd9\xd9\xd9\xb9\xfd\xcc\xfe\xfe&gt;\x86)_\xcc$#1\xbe\x94\xcdf\x0b\x8cK\x00\xd8\xdc#Q0@A)H\x85\xd1\xf3\x1a\xcd\xd9\xa2&gt;\x10 \xa8\xa2^/@\xe9\xcd\xf0\xc4&amp;\xe4\x82\xed\x11\xab\xe9\xf4Tj~\t\xe7gN\x8d\xdeq\xb4\n\xa4rQ\xd2#\xeb\xc1\x83\x18\r\xf6\x07\x83\x83h\xe1u`\xb1Q&lt;\xf5b\xf5\x15\x11\xcd\xcd\xcdY\x9cN\xcb~I\x08\xf8y^(\xed\x17\x8a\x19&gt;\x96\x13\xf2&gt;\x9f/\x9b\x17\xa2|R\x00X\xf2\xbb\xbf\x92\xc3\xbcFFe\x04\x15\xba7\xae\x07\xd5xGO\xc7\xb8~\\\x1f\xf0G\xf9\xb5\x99\x99\x99\xc7\xa1\xb4E\xc5\xd2&gt;\x9d\xdeM=e4\x84\xa6\x16\xa9\xac81*[\x11\x12\xb6k8\x9a5\x80\xa39\xecu\xf7\xde\xe8\x94\xb5\\\xfa\xf0\xc5\xdc\x11\x95sZe9(A\x13\x1eV\n\x08\x99d\xa9\x846\xea\x0b\xe0\xf2\x152\xe0\xca\x90b\xab\xb0~Y;\x95\xb7}k\xcb\x18/\x06H\xa9\xf1\x9e\x8e\x0ez\xd7\x8f\xe7\x8b%\xe1yxqbmC&gt;\x95\x16\xe5\xb2\xa8v\xff\xaeC\xf3\x08K\x81\xa5\xfc\x15\xea_k\xab\xb2\xf5.\x1c\xaf\xb9\x03_i\xba5A\xe4\x83\x9b\xea\x86\xa9\xf3l\xdb\xed\xd9W\x04557\xe5\x94\xa7-\x07k\x19\x86\x15\x85\xd5\x8bB"\x91I\xc4"\xc5,\xe3*E\xa3\xfe\x8c\x90\xf1\'\xf9\xef\xbf,\x13\xa1\x8cq\x12H\xcf&lt;\x05\x99\x02\xd4\xc8x&lt;[,-\x86\xc33\x17\xf7\x86US\xa2^\xce\xb4s~\x84\x99\xddp$\xd5\x1fZQ\x08\x08@]\xd3h\xfa\xbbQ\xc1\xe6\xcbn\x07\xe3\xeal\xf9\x04*M\xb1\x02\xd5\xd4\xec\xe6\xe2\x81 \xf8\x13\x89(\xef\x0f\x14\xf5\xfe\x04\xa5DB\xe4\xca\xe6\xf9\xa8_\xc8\x08\xd0l\x95\xa9e\xcew\x0c\x0c\x0c\xa0o\x80\xeaaP\x82\xbe\'&gt;\x90\x1f\x0f\xec\x87Q\x17\x177B\xe9)\x8b\x13\xf3\x08\x97Y\xd6G(\xb58\x17\xa7\xb8\xa2\xb8bEA\xae%\x12\x0bP\xfd\xddP\xae\x9f\x92\xd5\x81\x1a\xc3\x82u\xd5\x02"\x0bj:\xa4\x9a\x9d\xdd[\\\xdb\x14\x04&gt;\x11!\xb9\xe0^\x7f4\x82\xf0\xe2\x0b\x87\\\xc9\x84?\x93\xa1N\x96\x11S\x8f\x17\xb6\xef\x19\x07[O\x075\x12\xc1\xd03\xd0C\xe2\x1d\x84!W\xf8\xfc\xe6F\x08\xff\xb6s\x98\xa6Q\xb5\xfb\xf4\x1b\xa6\x17\'BY\xedv\x8ca\xeb\x9d\xfe\xfe;w[[\t\x92\xb0\x06\xbbF\x1d\xa3\xa3\xee\x8f\xeeM\x83\xc8\xe9\x9c\xc6\xff\xc92;{\xb0\xb8\xf6|q_\xe0\x11\x9f\x84\x15\x80p`\xcc\xc5\x84\x01@e}\xd9B\x92\xe5\x18\xb0\x8a"\x14V\x0b=\x03\x030\x15\x8e\xf1"D\xeb\xd0SS7\x00\x05\xd3\xcf\xec\x81kvN\x85\x94\xc0\xa2p\xe7\xe9\x88\x01\xde\xe2\xd4\xc4\xa5\x04\x16\x03[j\xc54\xda\xb1\xd0!\xacAV\xa3c\x0f\x9c\xc4\x84\n9\xf1\xfbSk\xcf\xd7\x9e?\xdf\x13\xf8\x18\xe3BSPH\xd5X.P@L\x90\xc1\x84(\xe3*\x1b\x10\xa3\x14MD\xff\x18\xcax\xb1\xa3c\x9c::\xae/\xee\xcd\x90\xb7\xc2\xb8\\\x1c\x96[Vg\x11_h\xa4s\xe5\x1b\xb2\xbd\xc8\xa5lU\xda\x89GItX\xa5\xba\xac\xdd\xbf\x0e6\xdblC\xa8Q\xd3\xee\xb4\x13\xa7\x88\xd0\xb4\nP\xb30\xd6\xdabx\xf15l\x9e#.?\x89\xe5G\xda\xe7\xa4\x91@\xbe\x10\xcf\x8a\x03\x19\x05W\x99\x97Mb\x9c\xacEH\xc8\x06\x82BA\xc6\xf8\xc0&amp;\xc3\x9a\t_\xdc\xfcG\xcfe\xcc\xd20\x14Ea\x7fB\xd7\x162:Hq\x13\x07k\xb0C@\x1fM~B\xd0\x96X\td\x8bt\x0b\xa5\x88\xd0E\n]\xec$\t\x04\x15\xec H\xa0 8\xb84\xa0R\x11\x9c\x1c\x0c\x08\x95\x82U*t(\xa4\xe8\xb9\xf7\x89\x974\x99B\xbf\x9c{\xeey\xef\r\xf6||.\xce\x8c8\x9f\xf5\x9f\x93\xf7\x11\xcea\x08V2\xd6\n\xa9DP\xb9\\\xde\xc9\x147\x10\xabUd\xc5Qu\xff- \xadl;`\xaa9\xb5\xd0\r\xe3\x12\x16\x9d\x1a\xc0&lt;\x86B\xc1`\xad\x8a\xc0\x88]H\xae\xf2),\xffBb\t\xd6\xa9\xc0\x05\xa6\x02\xcco6\x9b\x02Xah5\xf0\xfb`.\x9f\xb8\xb2\xfa\x97\x12\x04\xb3\xd9]\xf2ysNjm\xe6\x0ccd8\x86\xe1,:\xf9\xe2\xd6\xee\xce\xfeI\xa7\xf3|\x9b\x0e\x03ER\xa9\x88\x873\x1bT\xe3\xb1\xebN\x8e1\x7f\xb8j-Mra2\xbb\x07Z]D&amp;\t\xc6A\xb1\xf0\xb2\xcaT\x04#\x99\n\xf4\x14\xdcT\xf1\x18\xb3\xb5\x1aV\xcfr\x07\x03\x98\x96\xb8\x02%\xfb\xddW`\x1a_\xd5\xd54\x9d\xdd=&lt;\x81\xc9q2\xce\xe1\xe1\xfd(\xb9\xba\x1d\x0eS8J\xc7\xf0\x91Xx\x01\xc1@v\x1f\x93\xb5\xd0\xc5\xbe\xc7X]\xc8\x85\xbc/\xe3V\xaeaq\xacGB4\xa9\x8fK\x9e\xc7\xb9\x05\x06\x8a\x06!\xc5\x12\xc4DP\xa6\x19M$V#${\r\xe0\x906bU\t\xd4/\xec\r\x81\x85\xc9\xf7\x89\x</t>
        </is>
      </c>
      <c r="M503" s="3" t="n">
        <v>45492.67729166667</v>
      </c>
    </row>
    <row r="504">
      <c r="A504" t="n">
        <v>1188028</v>
      </c>
      <c r="B504" t="n">
        <v>1967</v>
      </c>
      <c r="C504" t="inlineStr">
        <is>
          <t>Zé Vitor</t>
        </is>
      </c>
      <c r="D504" t="inlineStr">
        <is>
          <t>Z. Vitor</t>
        </is>
      </c>
      <c r="E504" t="inlineStr">
        <is>
          <t>MEI</t>
        </is>
      </c>
      <c r="F504" t="inlineStr">
        <is>
          <t>MC</t>
        </is>
      </c>
      <c r="G504" t="inlineStr">
        <is>
          <t>MEI</t>
        </is>
      </c>
      <c r="H504" t="n">
        <v>194</v>
      </c>
      <c r="I504" t="n">
        <v>30</v>
      </c>
      <c r="J504" s="2" t="n">
        <v>36647</v>
      </c>
      <c r="K504" t="inlineStr">
        <is>
          <t>Right</t>
        </is>
      </c>
      <c r="L50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302bebaf-63fb-4c5c-bbeb-4075ad2f4a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b\xc1H\x00\x00\x03\x00PLTE\xff\xff\xff\x02\x01\x03\xfd\x007\xc4xd\xc6zf\x0b\n\x0f\xfe\x01?\xff\xfe\xfe\x08\x06\x0b\x05\x04\x07\x0f\r\x13\xfe\x00;\x12\x10\x18\xa7]N\xf5\x002\x16\x13\x1c\x1a\x17 \xb4fW\xfd\x003\xfa\x007\xa4ZL\xfb\xfb\xfb\xc8{i\xfc\x01;\xfe\x01C\xf0\x000\x9cTG\xb9m]\xea\x01+\xbfta\x99QD\xfd\x03G\xe6\x00(\x95NB\xed\x00*\xf9\x002\xa0WI\xc3vb\xb8jY\xfd\rO\xbdp^\x93K&gt;]*(\xadeW\x1e\x1c&amp;\x8dE9\xacaS\x14\x19.\xe4\x00$\xf7\x006\xfd\x12R\xd4\x00\x1e\xb1cQ\xc7\x00\x15c%\x1e\xd0\x00\x19\xfe\x17V\xac^O\xfd\tK\x88A6\xb5]PI\x1e\x1dU$#\xd9\x00"\xcb\x00\x1a\xe0\x00%\x88E&gt;\xba\x00\x0f\x80A:\x84=2\xb1YKd-)u82\xc0\x00\x13\xa6aU};2\xb9dRs.%\xea\x00$\x9fXN;\x0b\r\xf4\x00-\xb2\x00\x0e\xb1j\\\xf7\xf5\xf6\xbfgY\xf9\x05&gt;\xc2zj\xfc\x00/@\'.\xa6TG\x92UT\x13\x15\'\xabWJ\xbdug\xf2\x00*\xa3\\UT\x1d\x1a\x95PI\xc3kbq2-\xdd\x00 \x8dPN\\"\x1c\x8dI?\xa0\\R\x92G:k( &lt;\x14\x15x2*\xc2q_\xc0lj\x9fRD\xf8\x00,j2-?\x1a\x1d\xca|m\xa4L?\xc4qn}3*D\x13\x124\x1b\x1d\xcd\x82t@!\'\x828,\x82FD\x9cI;\xbfmZM\x16\x16O,/\x8eKF\x86KK\x99YR\xd9\x00\x1a\x9a][\xb0RD\xd1\x86z\xfd\x1e[% +l,%\x98C8\xc2aR\xc6\x7fo\xd6\x8c\x83\x8fZ]\xbad^\xdc\x92\x8bj86\xb7UH\xab\x02\r\xcd{|\xba`V\xd1qgL$(\xd0vo\xbd\\L\xb8id\x9cM@\xc2\x01\x1a\xc9ohv&lt;:\xccjayA@\xd4~\x82\xb8rb\xeb\xea\xebKFP]21\xaaPB+\x19"\xe2\x00\x1e\xf2\x058\xcarw\x15\t\x0b\xbfvu3\x06\x08\xc8tc\xb1mo\x8b&lt;0,)3\xf5\xee\xef(\x14\x17\xa9`^\x1d#&lt;$\x0c\r\x90`hxHJ\xcc\xc2\xc9\x92?2\x1b\x11\x17\xb0je\xd7{x3\x11\x12\xc8gX\xb1b^\x9bRN\xa7ef\xe0\xdf\xe2e?C\xd0}p\xa8\xa4\xa9\xe7\xd5\xd7\x9c\x9a\x9fJ2&gt;\xc2\xba\xc2\xe9\'I\xbb\xb3\xbaZXa\x8e\x8a\x91\xe9\xc9\xce\xd8\x91\x94\xd7\xd4\xd9\xa8NX\x90&gt;D&lt;;C\xba\x08\x1f\xd0\xc8\xd3\xef\xe3\xe4~\x10%\xe5m~\xbcy\x88\xc3\xa7\xab\xcf\x84\x89\x90muh\x0e\x1c\xf6\x1aH\xda\x0e2\xb0\xad\xb2\xa3\x12(\xb6&gt;Q\xcf:M\xd9\xa6\xab\xa3BL\x84UY\xb4yx\x90%1\xd8\'A\xa2\x93\x98wv}\xad\x8b\x8a\xa34&gt;\xe3Yh\xef:X\xbd\x96\x9e\xc6\r,\xba2&gt;\xea\x17=\xceRY\x9a\x02\x05\xa0z\x7f\xc0Ql\xe6\xb8\xbfiem\xb1\n.\xd5\x80\x9b\xff\x007\xaa\x13=]\x00\x00 \x00IDATx\xda\xbc\x98_H\x1b\xf9\x16\xc7\xeb\xc30\x93a\xcaL\xa1y\xd9\xe5\x16\x84\xa5\xac\xd3\xb1O\x12\x10M\x1eB\xfeQ\x95&gt;4&gt;hH\x89&amp;\xa4\xd1\xd5UL\xb5w\x88\xc9\x92D"\xa4\x16\xb6\xa4D\xd2[1M1QH\x026M\xc9F#n\xab\xb9\xd6-*\x08\xa1\x17n\xbb\x0f&gt;m\x1f\xec\xc3&gt;]\xf0\xe1\x9e\xf3\x1b\xef\xee\xbe\xdf\x8c\x87$\x86\x99\x96\xdf\x87\xef9\xe7{\xce\xe4\xd2\xa5\xff#hZ\xab\xd5\xda!^\xad\xac\xec\xae\x90\x80?\xbb\x1f\x0e\xf6\x0ev_ii\x9a\xbet\xf1\x01\xa7jw\xdf\xef\x1d\x9d\x9e\x9e\x9e\x1df\xff\x12\x8d\x92$\x95\x1a\xa7\'\xc7+\xda\x8b\x07C\xa8\x93\xc3\x12\xcfq\x1c\xcf\xb2,\xc7\x0b\x1c\t\x9eeX^\x10x^j\x9c\x1e\xec\xda/X2\x9a^\xd9C(\xe0\xc1\x0fA\x90\xe2\x92\xc0\xf1\x92\x04@\xbc\x14\x17\x04\x01PK\x87\xfb\x1b\xf6\x8b\xe4\xa2\xed\xc7\xa7%\x1eT\x91Jq\x1e\xc8\x04\xf2]\x00*!\x1e\x97\x10\x0e Y\x96\x8fg\x8fv\xb5\x17\'\xd5\xab\x93C\x81b\xc9\xc1\xc8\x00`\x88\x85(D0\xcc&amp;\x08&amp;\xa1r\x87\x07\xf6\x0b\xc2\xd2\xee\x1e\x95XF\xa3\xd10\x14TQ\\b!\x8f&lt;\xa4\x91\x94\x17\xc5P,\x10\x03\x16&amp;\x18\x88\x1b\'\xf6\x8b\xc8#\xad=8\x94(MKK\x8b\x86BU$\x10\x87a(\x0e\xb4\x92$\xa0B\\\x86\x01)\xc9\'\xa05\xdek\xe9\x0b\xa0z\x9f\xe5\xe0lF\xd3\xa2\x9c\xcfr\x04\x86\xc1~\x14x\x90\n.\xe3-\nt\x83\xe0\xa4\xf8\xe1\xae\xeauOk7\xb2\xa0\x03P\xc0\x1b\xf3EA9\x01\rPAJ%\x1eIX\xc8"\x83\\,\xde\x86\xec\x1e\xad\xa8^W\x1f\x0ey\x86"\xe9Q\xea\x9a\x14;\xd2@\xf2 \xa9\xc0\xc8Rh]\x1cuN\x08U\xd7\xd8_\xa1U\xce \xd4\x15\xa3\x9cK\xfaO"\xd6)\x80\x80XU\xa8\x1e\x11\x8bG8\x85\x1eR\x0b\\\xbbjr\xd1\xbb\x87&lt;\xea\x02\xc7a\xda\x10\x82\xe3A3\x1e\tX\xac0\xf2\x06\xe3\xe0)\r)-lGp7Um\x82\xb6\x1fI\x8c"\nV\x16~\x85\x16D\x07\x05c\xa0\x14T\xa5\xa8$\x1e\xfe\x92o\xd8\xab\x92\xd48P\xcf%h\xed\t\xcc\x1b,w\n\xdb\x10\xea\x1a&lt;\x02-\x13=\x82\xa4\x11/\xc1\x1d\xb8w\xde\xab "R\x0b\xa5}\x15\xcd\xeb8\x0b\xd6\x04\xd9a\xd0\xb5Z\x94\xb39\x16%#Yex\x89m\xf9#\x00\x8bx\x08G\xbc\xffL\xb5\xe2\xa2_\x1dI,\xda8\x83\x920\xca\xd9Xi-\x80\x89\xfe\t^\x80\xfd\xa89\xe7b4\x8a\xe7\x12\x978&lt;V\xc9\xbbh\xed\x87\x86\xc03\xa4|Z\xd0\xb1\xc8\xa1\x84\x0e&gt;\x18b\x0e&lt;)\xb0?\xc0\xf0\x1f\xa0\xcfB\xfde?\xa8\x86u\x04F\x00\xdeD\x11\x1c0\xf1\x16\xa5\x8e\xb0\x88\xe0\x822\xa5\xb1+)\xea\xaf\\\xa8#`m\xa8\x83E\x839H\x9cR\xe8-\x1a\xf2R\xc4(\x14\n8\x075,\x0ef\xb0t\xa8$\x8e9/?"%\x99\x9c\x8d\r\x95\x06\xa3v\xbf\xc4\x01\x11\xb1\xf3?\xa5(\x94e\xb9\\)\x90\xe1H\x063Yh\xa0\x9c\xc8\xcc$2\x92\xf46\x0e\xd4\xc1\xa2w\xcf\x04\x8a\xb4\xdf\xb9R(TE\x0e\'\x129\xd1\xbf]\xa9\x80h\x05b\xaf`\x08\xb8\xe1(\x9b\x0f1\t\xd0Q(\x1d\xa9\xe2\x10\xe0Y\r\x1e\xb1X\xe6\\&amp;\xd4I?\x15\x8cF"\x11\xd3\x94^?\xb6])W0\xca\xe52\xbck\x05TP\x99H8:\xe3g\xaa\x8ckz\xe5T\xc0J\xd6\xb0$1\x85JY\xf6\xa7\xc4\xf4\xf0\xed\x11\xd7m\x97k.\x93N\xe7\x0c\x10C\xf0\xd2C\x04\xb61\xb1\xb8\xda`+BfU\xdan\xe8\xe3\xac\xd2\xf9\xf8*T\xb6\xc7\xf4z\xd1\xe6\xbb|\xf3\xe6\x9d;7\xde\xbc\xde\xd9\x89\xc5\xe6\xbc\xd1\xa0\xd7\xebu\x0c\xfbL==\x1e\xabA\xbf]\xa8\x91\x1a\xc3I \xc4\x1bj\xb4"\xe40\xce(%\x0cT\xdb\xfa\xa1{\x0fm\xed\x93\x9d\x1d\x1dW\xbe\xfe\xf6\xee\xc4\xb3u%\xb6\xd6\x8b\xc5\xe2\xdd+\x1d\x97\x07\'\xaf\xb5\x9b=c\xe5\x1aE2\t\x8f RiO\r\xacWG\x1c\xb1\'\x1c\xc0e\xbd\xaeo|vt\xd2b\xe9\xee\xed\x7f&lt;13\xf1l\xa2\xf8\xf9s\xf1s\xb18\x93O&amp;\xef\x7f\xdf\xdb\xd1\xd1\xd1yu\xf0+\x9b\xbf\\8\xc7\x12\xa0\xe6UhEz\xe5\x8cWZ\x9ebk~]\xdf\xec\xcb\xcd\xd0\xf4\xea&lt;`\xf5\xbbgf&amp;&amp;\x8a\xc5|\xb181\x83\xf1m\x7f/\xc4\xf5\xde\x8e\xceVQ\xae\xa1\xed\x92V\x94\xce\x9a\xbf\n\xd2PZ\xe7\xcb\x01\xc5\xc9\x86\xbe\xd9\xcd\xd0\x02bY\x08\x97\x1bx\x14\xa8\xbf\xb9\x97\x97\x7f@*\xb8\xdc\xdb=\xd8\xa3\x07\xb9p\xe9\xc2\x07\xc9l\xf3k\x9e\xa67\x1a\xe73\x90\x83\x14&gt;x\xb9\x80X\x84k\xb1\x7fq\x11\x13I\xc2\xdd\xdf\xdf\x7f\xbd\xb7\xb7\xbb\x9b\xa09G\xad\xdb\xd8\x8fh\xb3\x1c\x97m\xfe\xb0\x86e\xb9\xa4L&gt;\x86\x97\r\xba\xf1?\xb1,\xdd\xdd\xdd\x8b\x8b\xee\t\x04s\xbb\x11\x0bd\xb2X\xc8u\xe7\xe8\xf8P\xa5\x80O\x8d\xf8\x80\xabB+B#J\xcaVG\xd5\x02\xa2n|\x13\xb0\x94,Z\x90\xaa\xdfM\xca*?3\xb3\xbc\xbc\xfc\xfd\x0f\xc0\xe5t:-\x16\xe7\x92\xb9\xef\xef\x04\x0br\xc8\x95\xde\xab\x80\xb5/\x90e\x01\n&gt;%\xea\x1eln\xb6on.\x9c\xd7&lt;\xa9z@\xca\'\x9f&amp;\x93\xc9\xa7\xf7\x97\xdd\xfd\xbd\x96\xc1\xe9\xc1\xc1\xc1\xa5\xf6\x1eH#\x8bv\nO\xdf\'\xcd/y-\xfa\x03\xae\t\\M/~7\xfb\x12b3\xb4j\xf9\xc7\xa3~\xf7\xf3\xe7\xcf\x97\xf3\xf9\xfcL&gt;\x9f|\x01\x91\xfc\'bu;\xa7C\xa1\xa5\x85.\xb3M,c\x12\x11kO\xdb|\xb5N9e\xea\xb2e\x83\xf5!`\xcdn.\xacB\x1f&gt;r?_~\xbe\x8c*A\xbc\xf8\xf4\t\xb9\xee#\x96ep)4\xda\xdee6\xf7\x18\xca\\\x8d\xa8\xb5\xdf|\xe3\xd2\x9e\xb2\xe41\x87eeQ|8k&amp;b\x91\xaaZ\x06,\x90\t^\x9f\xc8\xebE29s\xf7\xeb\xebW:\xbf\x99lm\x1b5\x99\xbal\xfe\x1a\xf95G\x15,\x92D\x10\xab\xa67\x88\x1e3`\x85&amp;\x9dW\x1e?~&lt;\x91\x9fY\x9e!X U2\x89\xef\xe2\xfaN\xecG\x87\x17Fd\xba\xc7\x04\\Se\xfc\xe9K\r,\xfa\x7fX\xdc\xb6&gt;%\xda\xcc\xe6\xf6\xb6\xd6\x88\xd7\xe1\x98s\xb8\xd6\'p\xe2$\xf3\xf9\x17\x04\xeb\xdf\x9fw~\xab\xff\x021\xf0K\xbd\x9e\xcbM\xa53&amp;\x93am\r\xe4R\x05k\x1f\x7f\x17\xa2\xb8\x9a_\x9f\xb2\xda&lt;S\x89\\x\x00"\x1cNDc;\x00\x96\xcf?\x05\xb8\xe2\xe7\xf5\x1f\xab\xb9\xc0\xdaZ\x1co\xe5pC\x14\x13\x19c\x0f^\x81Y\xad\x02\xd6\x81\x84\x0f\x83\xb5\xb2_\x1f\xce\x19R\x81@\n\x8eZ\x83}Y\xce\xd5\xa3\xb1\xd7o\xc0\xe1a\x00\xad\x83Ra\xb8\x96JT\x1d\xb1\xb9\x91\x91\xb9\x88\xc9\x94K\x04M@\x1a\x8f\xc3\n\xd1\xfc\x99\xb8Q\xc2)R\x93\xfd\x81p\n\x14\xcbe2\x89\\.\xec\xf7\xcb\x81p.\xe3p\xbdy\x06\xb1\xbe\xbeS\xad\xe7`9\xf4\xba\xb6\x9em\xdd\xb9\xd1y\xf3\xa6\xcb\x95\xc9eL\xe9\xd4Z|M\r\xb5\xe8\xe3\x06\xee\xe9\xb0\x92\x06\xfc~\x83\xc7w\xed\x9b\xcb7^\xbf\x8eE\x13\xa2\x01\xd2\x14u\xdc\x02\xbd\xb6^\xc7b\x8eh\xdaf\n\x06\xbds\xb1\xb9\xb7oo\xc3\x9682\x9c\xa8\x073a\xc8\xa2\nX\xb0\xd8\x1c\xe2\x10)\xcb\x81\x80_\xb4\x8dN^\xed\xbc\xf1fkk\'\xe6\xf0\xa6\xad\xa2\xc7\xe4\xbb\n\xe3\xfa\xd9\rH[0\r\xa4\xd6L\xd4\x1b5\x9aL\x91\xab7o\x8dx\xab\xd5j\x0e2^\xdaW\x03\xeb\x14\x1eK\xb959 \x1b\xa6\xba\xda\x96&amp;[#\x11\xb0\x80L"\x91N\x00\x97y\xc9i\xe9\xee\x80\xb54b\xb3\xa2|\xd5j\xbd^\x85\xfd\xde4\xec\xba\xe5\x02\xae\xba,\x13\xacfOE\xd8N\x05\x8a\xe1\xd7\x02\xb2,\xda\xda\xdb\x8c\xe3S\xb6 \xa8P\xcd$D\xd1zO\xd7\xd7\x15\x82\x19h\xe9\xb8j\x9c\xca\xa53\xd6TY\xc8J\xb5r.\x93\xb6E\xe6\\\xb1h\xb5\x0e\xff/~\xb4b\xb77Y0\xda\xbe/\xb0\x14\xbf6 \xeb\xad\xe6\xf6\x1e\x9d(\x86\xe5Rv-\x90K\x07\x83\x1e\x1dp\xbd\x9c\x1e\x9c\x9e\x1e|k\xf4D3\x86p]\xae\x95j\x05hT0\t\xdf\xed\x91h\xb5:\x00Xg\xff\xf9\xf2\xe5C3\xb9hZk\xdf\x93\x00\xab4\x10\x10\xa7L\xb6{\x06\x7f\xb9\xa6\xe1J\xb5\x81z8e\xed\x19\xd7\xdd\xeb\xdb\x9cv\xae.\xb5\xb5\x1a\x8di\xb0\xaat"Q\xaf\'\x12\xa2~lL\xcc\x0c\x7f\xe5\x8dV\xc3\xb2\x9c\xea\x9a^x\xf0\xd3;\xba\x89R\xbd\xd2j\x0fJ\x1cU\x1b\x18H%\xa6&lt;\xa2\xbfR\x91S\xfap\x1d\xb3\x98N\x1b=:\xdd\x83\xd0\xfc\xfc\xea\xf4\xa8\xcf7\xec\x8dF3\xd0\x9a\xd0\x94\xc3\xad\x11\x93-\x916\xb6F\x10K\xdf7\xff\xc8\xf9\xb2\xeb\xf7f=\\\xd3\xf4\xbf&gt;~\xf9\xf8n#[+\x00Vx\xcaj\xd5W*\x06\x9b\xc9\x1b\xdb\xf9\xe9\xb7`02g\xd4\xe9t\xb3\xd3\xf3O\xe6WC\xedF\xe3\x9c#\x08\xa8A\x87c\xc45\xf2\xd6\x1b\x0c\xfa|\xad\xad\xd1h\xce\xaf\x0b\xfd\xbc\xd8\xdd9}\xe7]s\xca\x9e\xa6W~\xb5\x0e\x8d\xcf\xfd\xaa`\xa5\xac\xa2\xc1?f\xb0\x19\xa1\x11\xbdA\xe8\xb5\x08\x8a\xd57\x1b\x9a\x7f\xf2dui\xb4}\xb4\xf5\xedp\x04\xbc\xc1h\xf4\xf9|\x91Hd\xb8\xf5\xda5\xc0\xaa\xeb\xcd\xddn\xe7\xea\xe2\xfc\x93\x8f\xcd\xa9.\xda\xfe\xbb\xed\xbb\xa1\xa1\xb6I\xcfvA\x18\x18\xd0\xeb\xacV\x83A\xb4zl\xb64\x9c\x1d\x19\xfe/\xadf\xf7\x9aV\xba\x85\xf1^\x0cx\xb5/6\x98^(#\x08\xbb\x92(z%\x01q\xc7\x8b\x8d_h\x82\x85V\x0e\xd9\xc1\xb0\xa3\xd2\xaa\x89\x89\xd8Z[\x92\x98\xe6\x03\xbdP9\xdaJ5~\x90\xdaL2\x0ed2&amp;\x14\xa95\xc4\xaai3\x99\x84tfb \x1d\x9a\xc9@\t\'I\xc9\xb4\x90\xab\xf4\x0c\x87\xb3^\xfb/\xe8\x0e1\x06\x04\x7f\xac\xb5\xde\xb5\x9eg\xf1\xda\xc6zz\x06{\xbc!\xc0\n\xf8@\xe1\xbb\\\x06\x03\xd8\x7f\xb6\x81mbC;e\xbb\x00k|\xfa\xa5\x90/\x10\x901\xf8\xcc\xf2\xf3\xa6\x84\x8b\xb5\xe5\xf7\xad9\x07\xac\xb2L\xd7\x8f?\xf4\xf6*\x82V\xbd\x1ex(\x07\x9f\xc3\xa9\xd58\x99\xd0\xaa\xb7gp\x10\xb0R\xa9\x98\xcf\x01\x02\x1fd\xbc\x89a\x18\x99\x8c$\xc1\xc6J1\x82\x03\xc55\xfd\x98#\xc0+\xe1X*\x86\xff\xd6\x0c,\xf0&lt;X\xc0\xb3:8 &amp;\xb4/~\x98\x9c\x15\x02\x95\xbc\x83\xc00\x13M\x9b\xd8\xd0\x14\x02!\xa0\x02\xd3\x91\x03,\xcf\x9a\xc3\xe7\x89\x85\xc3\xa4I&amp;\x93\x81\xc9h\x80al\x8e\x19\xb2\xc8\xc1\xc9J%\x95\n\xa7\xfe\xc3jN\x0eM\x01\xcf\xda\xd8`\'\xa5\x1fz09\t\xd9\x93w\xb8h\x14\x12\x13\x9d\x0b\xc4R\x81\xb5\xc1N\x84\xe5\x81\x0c\xe5B`\x89\x02aP\xf7\xc68\x89V\x01q\xa3@*\xc3\x083\x9cE3\xae\x9e\xa8\x84S\xd9Js\xb0\xde\xbd\'\xd1\xb7\xadv\x06\x83C\xa3\x93\x93n\xb7\xd2\xc6\x07,\xe4\x04\xc3\xe8\t\xac\x0e\xc2I\xf4\x86r\x80\x15\xf38\xc4!\x8f:\x9cM\xcce\xb3\x96|&gt;?\x97\x9f\xc0\xa52\x82c\xbe\xf5\xf2\x16[z\xedj\xa2\x02XM\xa8yV\xdb\xd6r8\xb7\xba\x96\xa3\xc7n\xdf\x1e\xea\x85\xae\xad\xa5l|Z\x16\xb5\x18+\x95l\x16\xd2\xe2\x19\x83\x1c\x06WQ\xeeRp\x16\xc5b8\x93\xe1J6\x91H&amp;777\xef\x0e\x0bp\t\xdb0\xd3w:\xbd\xba&amp;\xbd\xb6\x997Z\xfe\xdb\x94\xd2\xfa-\x9d\xf5x\xd7\x02\x01qg\x17\xc2\xd2\xc2\xd9\xe7\x03\xd5\\"\x0b_\x9d\r\xc7B\xce\x9e`\xd0\x1b\x8aU\x12\x89J*@;\xc4&gt;\xb0i\x90\xc7D\xb2\\\x9e\xdfL\xe6\xdb\x05\x12\x8cm\xe8;\xbdE\xab\xbb\'\xf2y\xe3\xbdf4.\x16kk9\xe1\x81sf\xe2Y\xbb\x1e\xa0h\x81i\xe0K\x00k.\x01T\x80\xb5\xe6\xf4\xf6\xf4\xa8&lt;\xf1\xe4\xef\xbf\x97+q\xb5\'\xe4\xcb\xa5P\xb4\x10\xd5\xbf\xe7\xcbw\xafqq\t\x06\xd1\xea\x8b&amp;\xf3\xf9\xc4ft\xf9]SN\xe2\xbb?-!\xaf\x8f\x94\x88o\xdf\xbf\x03Xn\xad^\xc9\xab\xa2h%\x93\xc0\x95\xca\xa9\x9c*/\xb4-\xb5\xe5\xc9|9i\x89\xaa=\x1eO,\x15N4\xb0\xe6\xcb\xe5\xcdo\xda\x05"\xfbL_df\xe2\xd1\xa3\xf2\xe6U\xf2l\xa1)X\xcf/,k^\x9a+\x12[\x15\r,\xab\x96"p\x8b%\x99L\x96\x93\x89J\xcc\xe3u\xee\x8b\xe5z9\x1d\xb7X\xe6F\xd2\xd1h\x9c4\xa9S\xa9J\x83\xab\xbc\x99\x84,rE\x8c}&amp;\xe2GX\x89\x84\xf4\xac)\xed\x94u\xf3pd\xd5+\xe5b\xbc\xa9\xc7\xa3\x08\xcb\xad\xa5\xd8x\x14\xb0\xca\xe5D6\x1e\xf0\xf5X\xf7\xf7\xb5B\r\xd4[4\xca(\xb5T\xbd*S\x87I\xb22\x07\xe0\x9b\xc9D~\xb8\xfd;\xc0\xf2G\n\xc3\xf3\x8f\x12\x95\x8a\xf4SSf5\x98\x8b\x15\x87\xaa\xfd[Qa\xe3\xd9l\xef\xa4P\xe3F\xd1\x82$&amp;\x93KsP\xe3\xbe\xc1\xdb\x9a\x87/~|\xa11\x1b\xea\xb5\xc7]\xf7\xef\x0f8\xc5\xea\xee\xee\x14i\x84O@\x8b\x18\xfe\xb6\xfd\x86H\xa7\xf3G6\xae\x96\x13\xa9XJ\xd2\xac\x99\xb8u\xc6\x97\xff\xeb^\xff\x93\xb3\xf1\xc9\xdeY\xc0z\xac\xe4A\xc9C\xcd\xcfY\xa0%x\x82\xd7\xaf\xfft}\xe8\xd5+\xa1rj\xfc\x195\xa5\x1f\x0c\x8a\xd5\xd0\xceR\xf1\xb8e.?&lt;\xdc\x0e9\xd4\xe9\x18\x88\x96\xc5\x98\n\x18\x87\x0bM\xdar\xb1\x16&gt;\x19\x1c\xdf\xcc\xdd\xfdse\xfc{\x14-\x8d[\xcf\xc7dP]\x16\x8b1\x1c\'s\xaa\xdb\x03\xd0N\x07\xee_\xefr\x83rgj5\x1e\x8d\xfal\x8a$\xe3\xc6\x89\x89\t8\x87:\xc6\x0eId\xe8\\\x8a\xe4\xe2g\xef\x9a\x84\xd5v\xe8\xefh7Z\x9e\xac\x80\x0bm\x84Ko#h\x19\x1e\x8f\xc7a\n\xc6\x02\x19\xb9~l\xcc\xe9\xb4j4O\xcd\x8c\xddP#\x08\x13\x19\x87$6\xf6\x81\xdd\xd0\x1c\xd8\x04\x18\xa2H\xe4\xd6Z*\xcb\x95H\x0e\x9b$\x03Y\xac\x03\xbf\x18S\xd3\x18\xa3U\x8c\xf6\x8e\x82\xa6\xd1"\xe7C\xe7\xd0&amp;RM{2\x1d\x94J\xae\xa4lSfs\r\xc2b0\xb01\x98L\xa4\x1a\x8d\'\xb5L\x86a\x04\xa1CXfO\xa2\x9c6\xado5M\x9c.\\\x8a\xe5&lt;q\x87\xa3\xb3\x0b\xb0f\x85B\xb7^\xee\xf0e&lt;\xb9@\xc0\xe4\xcad:l6\x90|S\x86Ba\xa3\xb0\xce *6\xdbD\xb3\xd9.:\x90\xa3i\xf8\x87\x8d}\xc5\xea\xde\xbc\xfb\x9d\xee\xe2y\xb3\xb4&lt;\x8bu8#w\xea\tB\xff\xf0N\x03K\xa3\xd5\xab\xe4 \xachW\xa6C,\x96\x8by&lt;\x0e\x9f_]^^\x1eIWAd\xe1\x12\x89\x8cv\x81\xca\xca\xf8|\xb4\x0c\xb0$"\x84U\xeb\xce\xf7\xf7\x9f5\xcfa\x80\x96\xbft\xa9\x82f\x91Y\xf8\xa0\x81%t;\x9dh\xd7\x9c\xe1uPJ\xb9#\x83T\x0e9\xb7\xb4\xb4\xbc\xb4\x14\x8d\xa3Ujc:s\xcc\x1c_\x87\x0bk`\xc1A\x8c\xc8\xa4\x02\xee\xc6a\x13\xfd\x18\xab\xad\xe4\xd7k\xc7\xcd|\xcd\xd0(\xc2Rhz\x82=cbG\x87MN)\xc5\x19:\x97\x0b\xe4\x02q\xb4M\x1a!Q\x9dG\xb9\xdc\x1b"\x86\xc3!8\x19\x17\x1b\xc3@9C\xdb\x8aT\x87\x05\xa2O\x0b\xcd\xb4\xd5\xd0\xe9_\x82M\xd5\x07\x15\x8d\xa3\xa8\x10\x06\x01KE!#\xa1\x94\x8b\x1d\xa1P\xe8s\xe8\xa4^/\x14\xaa\x85\xfaI\xad\x06\xef\x18Fg\'\x0c\x84\xcbE`l\x0c\x17\xe9\xfc\xc5\xa3\xcb\x95\x95O[M6\xd57\xcf\xdfh\xb5V\xbd\x1b\xb04V\xa8.\x8dU\x0fX\xe3O\xad\x00\xe8\xf4zU\xab\xfb\xe8\xb9U;i\xfc\x9d\xda\x7f\xf6l|\x8a\x03\x87\x10\x82e\xf8\x8a\xb5\xfb\xbaTZh\xfa\nb\xe1\xfc\r\x0c\xe97\x8b\x80\xa5\xb7\n5\x9dV\xa5\x9cz\xaaQ\xc0\xb0y\xa8\xb1\xf6&lt;\x1bWM\x9f\xf6\xf5\x15\x8f\xfc\xf5\x8dz}c\xda:p}HH\x19 \x7f\x98\xdd \x11\xdc\xd0\xf9\x8f\x0e\xd0^\xa4\x05\x1b\x9b\x9fO_^\xee\xfc\xb28\xa9Q*5P\xf5`\x03\xb5`c\x7f\xba\xaf(~Z\xb9\xb8x\x7fX\xda\xbd(\xed\x1d^\x94\x0e\x0fw/#\x8aW\xaf\xdc6\x02\x93\x88tv;.\xb8\xc1\x14\x8fZt;\x83u\xf3\xf5\xde\xf3\xb6\xbd\xb7\x93B=e\xd5(4\x14\x9f\xcf\xd7\xbezq\xe7M\xf1rgw\xe7`\xa7\xf4z\xaf\xb4\xf7\xfa\xe0`\xaft\xb0sq~jU\xd5\x08L&amp;\x15\xe9\x18\x1d`\x15\x8a\x97\xad\xba\xcb\xc2BYX\xf8{\xfb{\xadM\xe9V\x08\x95f\x0eA(\x85o\x8e~\xfd\xf5\xc3\xee.`\xed\x1d\xec\x1c\x1c\x94J\xa5\xdd\xc3\x8b\xcb\xe2\xfe\xbeL"\x93\xe0PU\x8cH \xa8\xfa\x8b\xe7\xcf[v\xc5\x86\x85\xd6\xf3\xdb\x93n\x8a\xd2\n\x15\xd6)\x0e\x87c\xd6[\x9f\x8eO\xfb7V\xde\xa3\xe7\x0c~WV\xea\xf5\xcf\x1f?~4\xe1R)\x8e\xb0 X\x82B\xa4\xd8\xca\x0bI@\xf6\x01\x8aKOA\xb84J&gt;\xdfa\xa6\x9c\x7f\xfd\xf5\xc7\xc7\xcf\xc7\xc7\xc7_\xbe&gt;\xf0\xee\xe4\xf3\xc7\x90\t\xc7\xbfR1\x102\x08\xd6\xd1\xcf\xad\xc5\xday\xbb-\xd4R\x94[\xa1\xd0\xa2\xea\xb2)\x9d\x83\xc0ur\xfce\xfe\x7f\xe8Y\xfar\\\xaf\x9f\x9c\x90QD%\x02I\xa3\x13\t\xf0\x02\xc2j\xe5\x1dO\xd6\x95\x83\xb7\x90E=\xca\xa2\xf0\xa9\x8d\xc7\x9b\xa2(\n\x0c\x06\xc4\xeb\xcb\xd2\xfb\xf7K@u\\\xaf\xa6A\xd2\xe3\xdd\x8dX1\xa2\x1b\xb8\xc8\x1fAXWZ\x19\xad\xbd\x7f\x16{\x15V%d\x11^m|3\x124|\xc7~\xe8\xe4\xa4\x0e?\xf0ZM\xdf\xbb7\x12\x85\x04\xe2RI\x03\x0b\r\xc4\xa3\x16c]y\xfd\xcf\xe2\xf6\xacP\xab\x84pi\xb4\xc0e\xa3lf\x83\xc1\xce\x80,5\xd7\x0c\xf6Bz\xa4\xbf\xbf\xbf]\xd0\xa0\xc2\xecv\x9dH\xc4\xcc@\x9b-\xb6\x14\x0b\xba\xd7\xdf\x8b\xdbh\x00Y\x85\n\x85[\x0b\xea\xcf65\x05&lt;\xba\xc2\xfa\x06&lt;\xeb\xeb\xe94\x97\x1b\xe5"*\xa9L\x87\xb0t`\x11\x01\xeb\xbc\xc5X\xbfl/n\x8f*4n\x18&lt;B\xb7Uo\xe3\xf3y\x1c\x03\xc1\xd6U\x81\xab\xb0\xbe^\xe5\n\x8c8\xba\x9e!\x95a\xcc\x0c\xa3C\x0e1R,\x9e\x9e\xb7\xf4\xba5\xab\xedC\xef6\x84K\x01\xf2\xa6K\x81\xac,\xcfE\xcb$\x12Q\xb5\n\xeat=]M[&amp;&amp;\xe2\xa4\xb4[\x82a\xec\x99\x19\x86A~\xbaX\x8c\xb4\x18\xab\xad\x8159:\xabP(\xba\xba4n\xb7\xdcE\xab\xc9x\xb4\x1aMW\x0b\xebP\xec\xff\xe7\xe5\xfcc\x9a\xce\xcf8\x9e\xb4\x8d\xfeAJR\xa8TZ\xfa\r\xd4\xd2\xb4\x926%\xa5m\x9a\x0e\xda^m\x8eRh\xb1\xb8]i\x83\\{@\xf9\xd1b+\xde\xc1\xc5zt\xfc\xf2\x8fn\x8b\xc6\x91\xcb%\xd2]\xdc\xf9\x0f\x98\xe3b\x88\xd1\xb8\x18\xa2\xd9"sg\x06\xdb\xc2P\xb7\x11\x83\xb2E\x12\xb9L\xd4\xc5,\xd9\xfb\xf9\xb4\xe7]\x96\xddv\xf1\xec\x1ek\x02\x08\xe9\xcb\xf7\xf3&lt;\xef\xe7\xf3\xf9~?_\xe8\xc8Asss\x1d\x96\x7f\x13!\xbaG\x16"\xacP\xc1\xd5\xba\xd9~\xfc\xd6\xad\xe3\xf5\xf5\xf5\xe1\xfa\xfa\x06\xda\x9cu\xd0\xd5\xb5\x0f?&lt;}\xfa\xec\xd9#G~\x06\xaa\x1f\x83\xcb"\x16\xfa"\xc0"\xaaSWN\xf5\x84\n\xad\xd6\xcd\xf6\xa1\xe3\xb7\xda\x87\x86\xe8\x90\x16\xaa\xabQ\x1bdg1\x80u\xfa:a\x81k\xf4\xfb\xc0\xf2\x85zB\x13\xa0\x02V(\x14\xe9)\xbcZC\xefc\x03D\\CC\x90\xcb:\xc3.\x0c\x8a\xe0\xa1\x08:\xcd\xf2\xce\xa0Jd\x11\xde\xe8\xe9\t\x85\xe8/\xe2\x86\xb4\xc0j\xa1\x13\xdb\x87bt\xf7nh(\x06\xb4\xfdoz\xb4\tq\x87\x05T?9\xfc\xde\x91\xc3 {gpP&amp;\xaa\xe9\xeb\xf9*n\xf8\x94\xa1\xff\x83Z\xb1\xd8\xfbC\x84\xc5\xb8\x8eZ\xab8\xb1\xee\xfa\xe1OY\xd0\xd1\xb2k\x9f\x9cm{\x1b4\xe3\xe3\xe3cc\xe3\xe3=7\x94be\xe4\xf1B\xa1;\xb1&gt;=\x12[\x8c\xe5\xa3\xbe\xa1\xf1\xc0\xd8\xc4\xc4\xa5k\xec\xac\x1b\xfe\xc0\xbd.5M\x81\xe9\xc4\x89\x13\xb4\xd7\x1e\x8b(\xc5\x96Bc\xed\xdes\xbb\xbd&gt;\x9c\x1eY\\\\lm\x05\xd5bl\xa4\xe1\xe8\xb9\xf1\x13=\xa1\xa9\xa9)T\xd1\xd4T\xcf\xc4\xc4\xc4\xf89 }\xdc\xe89\xf0\xc6X$\xe2\x13Z,\xc1\xc8?\xce\x17\x16\xeb7\xc0\x8a\xa6GZ_F,\xbc\xff\xcc\x993\x00A\x9c;A[\x9e\x03\x8d\x1f{&lt;\x8d\x8d\x8d\x1e\xccKP\xe9\xea,\x1d\xdc_~Yh\xacp\xd4\xc4\xb8\xe6\x11\x8ck\xa4\xbe\xa1a\xff\xd13\xd8x\xd0N\xad\xb1+\xd3\xd5\xd5\xd5\x12\x8f\x83J\xc3\xf9t5\x98C\x1d\xd2+\xbf+8\x96i` \xafW\x1e\xacud\x84\xd9+\x8c\xecM\x93\t\xff&lt;\x80\xdd\xa3\xc7\xda[%\xf5a\xbd%j\xb6t(O\xfd\xb1\x90\xcf\xd4\x00\xeb\x87aSK\xcb@4\xfc%\xd7|\x8e+\x9dN\x87\xc3\xe1(\x82\xc02\xa0\xd2\x82J\xa7\x92\xa9\x08+q\xea\xea\x9eBc\r\xb4\xc4[\x06L\xe1\x91\x91&lt;\xd7\xfcWX\x8c\xcc\x84o\xa0C8R\x9f\xb0M\xa6\x96\xd1\x99\xcaD\xa8\xc0X\xb7\xdb\xc3\x03\xf1\xd4p&lt;\x13EC\xbe\x04\x9bG\x85\xe5\x02\x95\xd7\x05\xa5zi\xbd\xd3\xd4&amp;\x93\xcbGU\x18\x91\xca\xd0\xed\xc2b\xddl\x8f\x0e\x0c\xa7R\xa9\xe1\x0c\x15&gt;\x81\xc5Z[\x99[\xa0\xc0\xd2tx\xd7\xa3\x05\x92T\xaa\x14\xebjdj\xb5\x1a\x13\xb2\xce"\x8e\xfc\xa9\xa0[\x9f=\xbf&gt;\x0e,\xd7E\x97\xcbC\x05\x96N\xb3\xec\xa1\xa2\xd0\x84\xe8\xc0F\xab\x86\xa3\xeb!}t\xfdH\xa4\x02\x96|p\x94\x16\x14\x91\xc7\xe7\xd9\xe1\x8c\x02=ap\x08X\x99\xe1\x8bZ\xad\xd5\xea\xe9\x02W\x98\xa0L]\xb4|\xd6`\x83\xc6\xf9\x84l\x7fX\xa3\xab\xa9i\x03\x95\\\x0e,U\xb3%\xc8\xfd\xed\xf1\xd5\xa5\xb5\x82&lt;sJ\x97\\\xce\xff\xf6\xa3\xe8@\xca\xda\xdf\xdf\xaf\xcd\xe9\x85\x1a7\xc5]t\x14\xa8I\x87Uj\x9bJEU\x0e4\xa2R\x0f\xcaYq\xd5\x05\xb9\x13\xe9\x86?\\\xbawu\xad\x00\xa7\x92\x0e-\xfd\xfd\xca\xaf\x1a\x90\xc4\x8b\xc0\xd2\x10\x97\x89\x0c!\x13\xb7j\x94(o\x14\x92Z^\r\x10\xb5J%\xaaQ\xa9\xe83\x04\xb8\xea:\x12c\xfb\x17\xe7\xd3\xeb-\xa1\xe5\xd7}\x9ce\xf7\xda\xbd\xed;\xeb\xe9zJb\xbf\x06)\xd3\xba\xa8\xeeM&amp;\xd8\x81F\xa9\x93\xc9\xf9ee\x02~5\xc11\xb5\x90\xc2j&gt;\xbf\xbazpPUg\t\xf666\xc4.\xcf\xb7\xae\xffu\xf9\xb5\x1e\x00\xda\xbd{\xe1\xc2\x9dt\xeb|\xac\xde\xd42l\x05\x15\xc7A/\xf8\x17\\j\xd8\xa5\x95\x8ak\xd4e\xc7\x80\x85\xd6S\x0fR\x16sT|P\xa1\xe8\xeb\x82\xfd\x9e\xa3\xa6p\xec\xf2\xe5\xf5g\xcb\x0b\xaf\x8b\x8b\xaa\xea\xd0\xca#x\xd4b,\x1dmI\xc1+\xb9D\x82\xab\xd2z2y\xac*\xa9Pt\xb8\xac\x8c/\x97!wT\\*P\t\x10\x9fA.d1\xa8q5f2\x03\xd1\xc5\xf4\x93\xad\x0b\x9bK\xafE1z\x08~asg}\x9eV2i\x13\xc3\x02\x15\xc7UY\xe3\x99\x01\xb8+&lt;\x9d\xa34V#\x85T\xe92\x14&gt;\xb4\x12\xf0\xf9,\x8b\xa3\xa3"a\x15,\x05\x93r`\xdd^\xec\xb8\xffp\xe5\xbb?;\x0f\xa8\xa5\xcd{\xbf\xdfX]\x0f\x87Gb\x84\x85$r\t%,\x93\xd3\xb8\xe2--\xf1\x94\x95F\r\xd28(W\xcbd*\x19\x85Z\x0e\xa9\xf8xQq\x8d6[8\xab\xcb\xea\x89\x0f\x0f\xdf1\x94$\xbd\x8a\xa7_l.-|\'\xbb\x00\xd5\x8b\x9d\xe9\xe7\xcf\xa7\xb3wL\xe1\xfa\x11\xa6\x96\xb5\x7f&amp;\xa1DH\xb9^p\xc5]\x84\x05.\x11\x98\xd0\x80\xcc\xae\x90\xc22\nV]\xc8b\xa2_\xab\xd5z\x86S\x8f*\x03\x81\xce\xced\xc5\x93\x9d#\x9b\xcb\xafld\xf81\xa4\xcf\xe9\x07\x96\xe1\x11\xd9\xd4\x08Kb\x7fUB)\x16\x83\x0b\xed\x18\x87Z\x18\x81\x11NiA\x032_\xe0\xf3)\x85hL\xbc\x04\xac\xb8D\xc1\x19\x98\x8a5\x95\xda\x98\x0b\x04\x92\xc9\xe4\xbeI\xb7{u\xe7\xd9\xca\xda\xab$\x93*}\xf9\xc2\x13\x9b\xd9\xed\xcfaE\xa3\x0c\x0b\x9d\x88\x19\x83\xf0I5VW\xca\x05\xac\xaaHD\n\x87\xcf\x15\x15\xbf\x9a\xea\x9d\x98\xca\x90\xc4\xcf \x97\xa8cF\xf3\xc1\x07\xfd\x17\xad\xff\xac\r\x10\xd7\xben\xa31\x9b\xcd&gt;y\xf0\n`d\xa0\x7f\xde^\xb5)f\'\x9d\xd3\xcf\xcd\x1b(oS:W\xf2\x1aNJX}JN\xebb9\x8cD8\x86\xc5|\x01`\xa8,\xd8\x05\xb0\xa8\xe8\xab\xd5*Kb\x06\xd1\xff\x8b\'\xfb\x02,f\xcd\x06\xbb\x1dh\xab\x0fV\x96\x16\xbe\xfdoh`\x9e\xb0\xb4\xb2\xfd|\xda\xeeHz\xc1\xf5\xdc\xb8:\xdc\x92\xc9\x84sI\x04\x16\x8dd\xa1X\xaa\xd1\xd22F\xea\xf3a\xd5^\xc3\x863u \x93\nH\xf4!\x9fz\xb1.\x98H\xbc\x9b\x98\xf9\xd1\xfd@\x1ek\xd2f0\xdb\xed\xd9\xac\xd3\xbf\xf3\x1e\xaa\xec[\x911\xa8\x17\x9f\xee\xac\xba\x9dN\xbb&gt;\t.\xb3\xdfix\xe4\x89wE\xc3\xd4\x89\xda\x1c\x96N\'T\xc2U\xf1\x99\xcf\xd7\xd7\xd4TC\xce.\'\x89\xa0\x14E^6f\x11\x96`0\xd8\x91\xd8\xae\x08\x04J\x10\x81\xd9\xd9n\xb3\xd9N\x89\\u\xfa7\xb6O/\xff\xefT\xd2\t\xc5\xb5\xcd\xeb\x1b\xd3\xce\xac\xcda\xb0\xeb;\x93\x9d\xb3\x93n\xa7m\xdb\xeaj4aq\nC \xb9\xc4t\xf3\x84\xb8\xd8B\xb4\xa9\xa9\xa9-\x8f%\xc8\xd5:\xabyA\xde\xe9U\xba\x8e\x0e\x8b0\xb83GX\x81\x92\x83z\xfd\xac\xc1l4\xda!\xd8\xea\xaa\x7fz\xfa\xd9\x8b\x85\xff:-\xe9\x97u\xac\xbd\xb8\xb7\xbd1==\xed\xf7gm\x95\xdd\x95\xc9@\xd2\xab\x9f4N&gt;\xd1\xf4\xba2Q\x86\xc5\x8cJ\x08\xb0&amp;t#[\x89\xd6\xd0R\xe6\x13\xca 9\x83\x80\xd5\x96\x80\xd5\x16\x1fr\xa9e"\x8b\xa5\xae.\xb8S\x1b(\xe1\x95\x94\xf0\x0ez;+\xbbm\x8e\x8a\n\x9b\x99\x04\xf3\xaf:&gt;\xbf\xfb\xe2\x9b\xa7\x12\x19\xc2\xf2\xe6i0\xf9\x9d~zM;\x8d\x8e}%\xc9\x83\n\xbdy\xf2\xfe\xbb\\o\x9c\r\x1bk?\xc6\x0f\xc9\xc5\xd4\x82X}\xc8 r\xc8\xc6`\x0e\x8a\xd9\x16\x9f}$\xc0\xb2B&amp;\xa2K\x84\'\xb7\x80D\xa1\xf0z\x1d\x15ss\x0e\x14\x17\xc2\xbdj/\xe6\x15\x7f~w\xf9\x1b|\x0c_]&gt;\xb2\xb3\x01\x99\xa0\x95\xd3\x9du\xbb\xddN\xa3\xad\x98\x97&lt;\xd8\xa9\x985+\xb6\x12\x1a\x9a \xc3\x986\xfd\xc0R\n-:\xa1\x98#\xb7\x00\x15R\x88\x1c\xf2\xdf\x12`d\xe7\xd4\xfa2\x97\x02Z\xdf\xd0\xaaB\xf7`\x0eXEE\xbcR\x85WQ;g\xcb:\xf1\x1ev\xb4\xa4\xbd\xbb\xb6\xa8\xa8t\x0e\x8a\xfd\'0\xa4o\xf3\x01\x98 \xaa\x9f\xb0\x8cf\x84\xa1\xbb\x9c\x97\xecD\xd9Oz\x9f\x9e\xe4\xac\x18 \xc0\xc2v\x8b#\xb9P\xf4\xe8E\r\xf76\xb0\xaea\xe6`u\x93\x93\xe9-\x81\xe0\xd8\xb126\x7fr\xa3\x91\xe6\xb7eKR\xc2\xdbU\x04\x82\xce\xce\xe2\n\xbb\xd3Ioa\xa0\xa8,\x95P\xcc\xe5\x14\xfb\xf7\xfc\xbd\xf8\xe2~\x16X\xf8v\'\xe5\xd0n\xb0\xd9l\x95\xb3\xfa}%\x9d\xa8/\xfdl\xf9V\xe2\r\x8f\xcb\x95Jy\xc8\xaaH.aS\xbe\xe6I.\x99\x0c\xb5\xc5\xba\x8f\x9f/\xac\\\x0e\xa9\x1d\xab\xb18\x14\xfd\xf4\xa9\x84\xc7\xdb\x85\x00\x96\xc3\xe8F6\xecf\xbc\x85\xc1`\xb6\x95\xf2JKK\x8b$\xa4\xd8\xf2\xd7.\xa30\xa8\xbb\xf7\xcb\xf7\xd9\x80\xe5v\xe3g\x9cTW\x06\x87\xc3\xd1\xdd]\xcc\x0b$K\x02\x9d\xb3\x8a\xa7\'\xab\xb0\x8awy&lt;\xb9^\x94\xe6\xad\x8b\xb6_}t\x1fE\xc6\x96\xa8d]L"~\xde)\xf8\xb4\xc0Q\xcbj\x1e\xfe\xa0HR\x04\xaa\xbd\xc5\xden\x98i\x96\xb4\xc2\x7f\x1c\x82\xe5\xb0$E\x12Ii9\xc0\xbe\xe6\t\xcbw\xb7*\x8aKK\x1d~\xc8d\xb4\xe7\xb8\xfcn\x9b\xbe[\xaf//BO\x97$\xf5\xde\xe2\xad\xa0\xa6\x97\x9e\xde\x81Z\x90\x88\xe4\x12\x8a\x95\x1c\xebEp\xd5\xd1m1\xcc\x9f\xea\\\xe6\xf2l\xb9\xae\xac\x96\xb7}ok\x97\x04L\xbb\xf6J:\x15\xden\x83\x1du\x05(\xd8\xaa\xc1\xe0(-\xe2\xf1Jx\x12\t\x8f\xa5\xf2\xe5\x94Y\xfe\xf9VEy1z\xa4\x92\xb0\xecd)F\xe4\xd1\xef6;\x14\x95\x95\xb5\xe0\n\x04\xbc\xde\x83s;Xea\xde@,M\xceR1\xb1\xa5\x1cm\x0c}}d\x18\x98?\xeaj\x96G&gt;\xcb\'s1f_\x10k\x8ei\xb5ko\xadW\xe1\xd5\xdb\x8cn\xbbM\xef\xa0\x14\xb2$\x92\xcb\xf2\x00\'\x91\xec\x95\xe4\xe7\xf1\xd2\xca\xc3\xfb\x8a\xe2\xdaR|\xb9\x82`\xc0\x84r7\xfe\x8bI3\x08m#;\xe3\xb8\x18\x9b\xb9\xa8yM4\xc1\xa3\x17?E\xaf3\xf1j\x17\x15gF\x13!E\xbb\xac4\xe8\xa4\x1cf\x19\x9b\x8c|P\xad\xb20\x87\x94b*"zp\x0f\xd9\xcb\x80\xbd\xb0255\xa4\xdb6\x10\xd0%\xd2\xc5\x97\xe2\xd3&amp;,=\xf8\xe4CsYp`\x89B\xc8\xa1\xe4b\x13\xecS\xda\xfe\xbf7\xde\xb4/\x8a\xe4!\x92\xe67\xff\xef\xfb\xfe\xdf\xf7&amp;\xee(\xc4\xa6\x80\\Y|h`\xf5\xed\xb7\xbf\x82Q}\xfa\xe9\x07\xac\xab\x00\xbb\xc0\xa2nt\xfb\x16\x8d\xa5\x05\x02S\xcdp)\xad\xc8\xf9\xf9\xee\xb8\xfc\xd9\x99\xaeGD\x85\x18\x062nu\xaa\xb1tb@%I\xcbs\xb3k\xb6\r\xf3\xc8\x19\xa6\xa1\xe7\xd3!\xe1G@qf(Ga\x8f`W\xa8\x90\x16\x8a\xb0\xd5\xa1bi\xc5\xb1\xc4\xbf\x11W\x7f0}s\x1b\xc9D~\xfa\x89J\xfa\x1b)\x16~\xfa\xe2\x0b .\xd3\xb4L\\sKj\x7f\xa1\xe6\x9b\xd1B\x17T\xabo"\xfdB,\xcb\x12&gt;\xa8\x92@\xa4Xq\xad\xe9fY8\xb0m\x03\x0f\xc3\xcc\xd3op\xfe\xfb\xcd+\xc9\x99k\xabSk\x8c\x8a0-\xdc&amp;\x9aV\xb5\x03\xaef\x10\xd2\x85\xe40\x91\x18g\x7fZ\xbez\x1d\xdb\xc4\xdf\xa4Xj\xbc\xb9~\xfdK\xe4Y\x8a\x95\x0e\x81\x055G\xa8 \xc2.\xba\xeb\xf0\xda\xbbG\xa0\xca#\xb3t\x1e(*/\xb0`\xf2\xb5V-\xf1\x9b\xf0\xc6\xb0\xcf\x88\t\xea\x18\xf9\xcc?\x01%8\xa4\x02g\x8aE\xc9\xde\xae"\xb7\x90\x8cM\x8f\xc0:\xb5\xd8R\x02C/;z\xfb\xd9%\xf4\x1b@}\xf27\x85EN\x7f\x8dn;`\\\xbdJ\xbf\xb2B\xa5\xa8Z\xe3\xfc\x92\xcaz@\xad\xae\x8e\xd7Q\x86YP)\xb1\x9cZ\xa7\xd3\xf2\xfb\\b\x88\x00\x96\xe3y!:\x89m\xaf\xe5\xe0 \xa6\xadgR(\xd70r81\xd0r\x0c\x12A\xa0*\xc9\xe5;T(\x8a\xab\xaf\xd2\x11\x89\xafE\x08\xe3\x97\x18\xaf\xae\xffB\xc5\x0e\n!\xac8\xa01\xfa*\xb8P\x8a\x98\x05\xd3\xd1a\xae\xdb\xed\xae\x8f\xcb\xe5\xc5\xf5\xee\xe3Y\x16b\xe1\x11\x89\xc0A\xda&gt;\xf2\x04\xe3q\x8b\x92%\t\x1cO`\x0e\xc3\xd9q\xf1\xb6\xc1\xa3\x0c\xa0\xa6\x80\xa2B@\x14\x07\xfd\xb5\xd0\xf1=L3x\xbf\x17\xc7\x8e\x80\xbe^\xebQ\xd5sB4\x8d,\xb8r\xd9\xb3\xbf\x94\xaf^\xfb\x07\x82v\x8dn\xcc`t\x00\xd7\x8dk\xbf\xc3\x18MI\xbf|\xeb\xca-\xc2Rn\x05\xa6\xf1"|v}4:\x8d\xc8\x1b\x80\xc5\xe3\x18ZUk~\x18J$V3\x8e\'\xce\xbb\xe3\x1fl{\x80.\xaee\x8d\x90q7\x03\xa1\x18\x83\xf3\x832t5\x1b\x1e\xc0\x19ou \x19\x95\xad\xa4E\xb1\xf4\x12aP3\xa30\x9bG\x7f\xbc\x83\xf9\xea\xde\xbd_\x7fq\xe3\xda\x8d;\xcb\xcb\xe5\xf22\xf9\x97\x9a(n\xdf^\xa6\x19\x95jq~\xbe0^]\x1cc\xadw7Of\x14@\x08\xe6\xca&amp;B\x01\x9f\xee\xdbV\xdcl\xfa\x12!m\x1e\x7f\xf7\xda\x0e\x99\x8d\x80\x98\x86\xb48\xcf0\xe6\xba\xae\xad\x01+\xc7-\xd7p\x12\xcb\n\xa7\xb2Z\x8bc\xd8\x9c\xefK!\xa4C\xe6\x928\xa1\xad\xf4\xd2rf\xf4\xa6\xbc\x8c\xf1\xaa|\xe7\xce=\x92\xa7|eu\xb5\\\xbeU^^\x06\xd22\xddAZTA\\\x98[DJ\xd1\xea\x0e\x1f\x1eE\xc5&lt;uC\x13\x10\x9e\x17\xfb\xc2Z\xb3\x85#\xa5\xb0\xfaa\xf0\xfe\xc9\xcf\x8e\x19\xb3\xd5p\xe1\xfa\x18w2.cT\x84T\x85\\r\x93O\x02\x8bq\x9e$\x01\xe9\xe4\xe0\x1d\x16\x17\xbe#c/v\xfa9\xaao\\\x90\x1e\x9d\x83c\xf5)\x93\xba\xd1\xe4\x00\x00\x06\x97IDATh\xee\\\xbaT\xbe\x92\xee\x0cWW\xe9\x7f\xa8\xcbt\xdf\xe6#5\x0b\x12Uw4\x1a\xad\x8f\xbb\x0b\xa7Q1\xc5b\x01\xbe\xd5\xb1\x00\xb3\xc6\x84\x0c,Z\xceq\xaf\xf7\xd27rj\x12cI"\xad\x8c\x01.\n#9\x96/\r\x17\xf9\x182\xe1W\'}\x86a\x86\xc3\xf99\xe7\x90L\x82m@m\x16_n\xea\xb3\xf3\xf1\xd3\xa7\x88\x0e\xc0\xc8\xa9\x94U-\xaa]"\xb6\xf9W\xa0\x11\\\xa10\x1e\x17\x88j\xd4-,\x9d\xa7T\xa82\x06\xcf\x92N \xc25\x1bX\xc2\x12B\x04\xad\xfb\xbd\xdeo[\xdc\x18\xc0\x0b\xb4\xbeW\x03\x96MU(\xb8J6\xdf\xe3\xfa4p\xacPX\xc9\x04\xd7\xc3\x08\x89\xa9g\x8e/\xf3\x03;K\x1e\r6\xf3\xec|L\xf1\xa1\x84^T\xc3\xdf\xfc\\\x81n&gt;,\xfe\x95v\xd4\xeb\xdd\xd1\xc2R\x01\xc1Sk\xa9p~\xa6\xa7Ze\xdd~h\xb3\x101\xe8\xa3\xe6\x11\xc4 \xb0\x1c\xff\xf8\xe7\xbd\xde\xdf\xdfI6\x08\r3\x17\xb4\xaa1a\xd9\x9a\xeb\xa8|6e\xb5\xe9F\x12\x01\x142\xae%\x82!\xfb\x19\xd8R0t\xd7I\xa0\x11\x16yO4;_O\x17i\xd2]\xa0\xd3cw\x08\x14\xd0\x81j\xd4M\xa1H\xc6\x8f\xbf9\xfb)\xb1\xf4p\x80L08\xae9\x97\x0b\x11\x03`\xc9\xd7Oz\xbd\xdew\xef\xa5\xef\x82\xc5p\xaa\xd5Dd\x18\xfa3\xb2\x8c\xa1F\xb2\xac\xd5\xf6#1\x99\x04\x08[\x12C\xe1\x10T6J\x82\x12\x10_\x85\xf8j\x84EV\x1d\x1d}\x0f\x86\x7fu\xe9\xf4\xc3\x11&amp;&gt;&lt;\xf0w\xf8\xfb\xf5\x8d\x8f\x0b\xc3\xcdQ7\x85\xda\xd8(\x14\xbey\x0b*\x92\n*33\x9b/\xea\xd4g\x80eQ\xfe\x06\xaf&gt;\xef\xd1:\xe6-a"\xc9c4%+#\x90\xe7\xa8?n\xa2\xb9g\xfd\x95\xb6\xe0\xd8\x93\xf4\xa7\x82\xe4BbRA\x98.\xda\xa7K\\\xa1\xc5\xcc\xfc\xc5\xd2\x8f\xbeO\x05\x19\x8d6\xb1\x14\x14^\x0f\xe77\x1e\x00k8\xea\xce\xcdA9\x18\xeac\x14aQ\xf5\x9db^\xd3\x8b:^\x0c6\x18(,*\xf2\xe3\xcb\x80\xba\xd9{\xc9=\x0f\xad\'L\xda\x9d\x98eDS\xba\x86\xacI\x93\xe4\xe2\xd5\x15\x8fK\xbas1\x85h\x8e#\x18\xcc\xccM\xe7Y\x93\x85\x10/4\x14\x13\x12\x18\\\x8f\xbb#\xcai\xa2:L\xb1\xb6\xb6\x0e\xf7\x1f&lt;\xd8\xc04?w1\x06\xa6T\x90\xb7Xl4\xcc\x1c*F\x07\xa4\x81m\xd9\x1a\xc4\xc2\x90\xa9B\x08\xac\xaf^95\xa1\xb9A\xb5]u\x8c\x8c\xacy\xdc\x14\xb5Xaa\x06\xecX\x8c\xb0"\x11\'M8\x1d\'[3"\x08\x06\xbdl#\xc7\x0c|+-\x82\x9b\x9d\x10\x94\xc2\xda\xdc\xa4\x19^a}tw\x836?\x0b\x90k~4z\xa8\xa8\x88\xa9T\x8a\xec\x1c9*\xe4\xa2\xb1\xd2\xb6\x04\xc4z\x7f\xff&amp;A\xdd\xbc\xf9\xe4\x07\x99\xf8\xb6\x11\xa0\xc3\x083\xc3kU\xdf\xe45\xcc;\xe4\x95ag\xc5\xc7\x9cmsw\x8a\xcf8RP!\x92\\`B{G$L\xb3Xj\x14/\xd6\xecds\x0bD[X\x9b\xb4\x9f\x18B\xb5\x8d\xbb\xa4\x16\xb2K\xe9\x08\xaa\x06\xde\xde\xa8`\x15\xed\x81\xa6R,\xafS\xd7\xb79\x9c\xe2\xddW=\xc2\xc2\xfa\xfa\xb5\x15\xc7\x03[\xb4\xdb54\x1f\xd3oW\xb9\x9b\xd4,\x92K\x1b4W\x9a\x11\xda\xcb\x94G\xd6$\xf1|2ar\x10\x8c\xd84u\xe4\x1b\xa5\x86\x8e\xa7\xcaOd\xb3\x93\xad\x1f\xf1gg\x87\xb8\xe6)\xe5\xf7\x1f\xdc}\xb0?LQ\xb7\xb6\x1e\x1eA\xa6"&gt;P\xa9\xd4\x1b\x1a\xfa&lt;\xce\x92\xaa\x85\xc5\xa5\xf0_^&amp;&amp;\x05v\xcc\'\x0e30\x85z.\xcf\xe8\xd3G+MW\xd6b\xd7\xb4M3\x94m\x8f\xc6\x88\x88G\xd8\x05$\xb1#\xc9\xbeB"s\xed\x9c\t\xa2R#_,\xd5+%\xfc@h\x8d\xd3g;;\xbb\xcf\t\xebpa\xe1\xdb\xe1\x02\xb06\xf6\x87\ntg\xeb\x9c\xa8\xf0\x99J\xbd^/\x99\x9a\x8a\xe1\x7f\xb2\xe4a$\x17R\xfe\xf8\x89R\n\xeb\xe0\xe6\xe72p\\\xd3",\x91\xd1\xf3\xfe^\x87s\xaf&amp;\x8c\xd0E\xfc\xaaM(\xa3\xe9&lt;\x8a\xb8\xc4\x04A\xdd\x81)Ke\x1a\xd4\xa7s\x80\xa6R\xc7\xe5+\xc5\x1a\xe0\xda}\xbe\xbb\x0b\x8c\xcd\x11m\x10\x91\xf1\x10k\x87\xd6\xd6\xc9\xacQI\x99@\x85\xd14\x97UNO\x8eL=\x9f\x0bJwb\xc2\xd3\xc1\xc1\x1f^Y\x92e\x11\xc4\xd8u2\xd9\xfc\xb4\xb3\xe7\xbb~-\x19X\x1c\x1e\x9c8\xbaN\x93\x98\x11ES\xea^\x015tx=7 &gt;\xa0p\x9aR^\xc7\xa9\x08\xacTD\xa2m\xbfx\x9er\x8dF\xc3\xf9\xfd\xfd\x8d%\x14$\x04|\xfe\xect\x86\xe0\xd5+\xf5\xed\xed\xfav\x05\x89\x8f\xeb\x82Qh\xd4)\x08k-|\x7f\xbf\xd7\xfb\xa0\xd6\xc1\xd7\xef\x99\x15\x9ar\xa5\xed\xbb\x93\x0c\xfans\xaf5\x85\\(;{\xd0\x9f\x88\x08\xd3\x84f\xdbp\xcc4\xed\xd1\xc4\xa8\x1e5]\xa5H\x89bR\xd4K\x8a\x0bGtx\xa2\xf4B\xf2\x0f\x0f\xbf]X8D\x04wvw_\x9cR\x9eC\xa7m\xac\n.\xa9HY\x05\xb1\xd4&lt;OAD\xba\x7f\xa0\x02\xd6\xc1\xf1\xd4e\x86\xbf\xd7\x96\xf6$c\xe8\xa6\xd8k\x0b7\xae\xc6\xfd\xfe\x9a\xdd\x0fx\xa4\\*\xa7\x17\xa1\x97\xa5\xca\xd1\xa2\xf95[T\xd1\xa8(\x90F\xbe\xa1\x0e \x18\x1d\x9e\xbeP\\T\x90\x87D\xb5\xbb\xf3\xe2tF\x8a*\xa6\xed\xed\x12J\xb1\x01G-\xfe\x0fK3\xc4\xcb\xcb\xbd\xffW\xeb\xe0\xcf\xaf0\x1e{{\x1dGai\xd3\x95\xbdf$\xab\t\x8c\xc1f\x81EX\xbaiPaG\xae@\x1c%\x8d\xd5\xf0\x05%O\x89\xea\xb0B\\)%E\xb5\xd2\xd8&gt;\xd9\xa58R\xa2#\x80\xbb\xcfNf\xa5\xfa\x85P\xa4U\xb1Q\xaf@,RL3\xc8 \xf12}\xfd\xcb\x94\xea\xe0\x82\nQ\xd4\xcd~\xf5\xbf\x9b:\x0f\x14Z\x86lB\x86\x9e?LWK\x9a\x9b\xfb\x05*\x0b)\xfb)\x84\xb1\x85\x01\xfb\xbe\xc2\xc2\xc0\xc2\xc0J\xc2\x10X\xb8((H\n\x87\x81\xb2\x1f$=A\x80\x15\xb7&lt;\xd8f\x90\xc3\x80\xf8\xe1\xa7\xdb\x93\x80Q\xd9\x0f\x8e?PRG8\xaa\xb3\xd3\n\xa8\xc2J\x02T\xb2H\x00\xfb\x81\xa0\xe0\xe2f2\xfc\xbb\x12\x11\x83\x10gm\x7f\x1d&amp;\xae\xe49\xd5S\x06\xe2,a\x87\x1fA\na\xa9\xa6\x06\x85 g)\tK\x84\x01\x9b\xdd\xe2@\x87\x00-\x0f3\xe4\x036\x89\xf8\xc2\xc0q\x06\t\x1cP\xa9\x05\xcc\x84\xc0~\xbb:4"A\xae\x95\x07;\x0c\x04\x80\x89\n\xe2`\xa8\xa3,@\x99\x11\xa8\x00X\xb0\xa8\x03s#\xd8Y\xe2\xe2_f\xea\xc3\x9c\xb5\x1d\xe6\xac\x07\xab\x81\xd5\x1f0E)\xaf\x02\x00\xa0.\x06)\xa6*\xbf\xf4\x00\x00\x00\x00IEND\xaeB`\x82'</t>
        </is>
      </c>
      <c r="M504" s="3" t="n">
        <v>45492.67619212963</v>
      </c>
    </row>
    <row r="505">
      <c r="A505" t="n">
        <v>1191278</v>
      </c>
      <c r="B505" t="n">
        <v>1966</v>
      </c>
      <c r="C505" t="inlineStr">
        <is>
          <t>Robert Renan</t>
        </is>
      </c>
      <c r="D505" t="inlineStr">
        <is>
          <t>Robert Renan</t>
        </is>
      </c>
      <c r="E505" t="inlineStr">
        <is>
          <t>ZAG</t>
        </is>
      </c>
      <c r="F505" t="inlineStr">
        <is>
          <t>ZAG</t>
        </is>
      </c>
      <c r="G505" t="inlineStr">
        <is>
          <t>ZAG</t>
        </is>
      </c>
      <c r="H505" t="n">
        <v>186</v>
      </c>
      <c r="I505" t="n">
        <v>4</v>
      </c>
      <c r="J505" s="2" t="n">
        <v>37904</v>
      </c>
      <c r="K505" t="inlineStr">
        <is>
          <t>Left</t>
        </is>
      </c>
      <c r="L50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8dfe476f-1ab1-4612-9d97-b077b7c2721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ce\xe5\x90\x00\x00\x00\tpHYs\x00\x00\x0e\xc4\x00\x00\x0e\xc4\x01\x95+\x0e\x1b\x00\x00\x03\x00PLTE\xff\xff\xff~M9)&amp;#~N&lt;\xe3\xe6\xf4\xfe\xfe\xfd\'$!\xff\xfe\xff\xde1$\xe11%\x88T?\x85R=qD5\x81P:tF5,(%h?1b;.\x8cXE\x85S@\xe2\xe5\xf2\x81P=\x84O:wJ8yL;\xe3\xe2\xe8\xe56*\x8aVAuG7~O?|L:rF8~J6\x82R@sI9/*\'tH7zJ9|M=xH7xVM\xe4\xe7\xf6\x88S&lt;\x81M8rD3\x88WEd&lt;/k@2e&gt;2kI&gt;\xe2\xe2\xecnA1jE6kB4pI9\x8dW?\xda, fD7\x8e[EnB4\xdc0#{I7oG7vJ:\xdd\xdc\xe4\xe2\xe0\xe8sM&gt;-&amp;"vM?\xe34(\x8aU=dB5lF:\xe5\xe4\xebxF3{O&gt;\xdc-!\xe4\xe3\xef\x90`L\xde2\'nD6\xde\xde\xe9\x8eY@\x86UBb7+sK;hF9oL=\xe7\xe9\xf6^9-hA4_&gt;2\x8d[H\x91^F}RBvQC\x97eOmMB\xfa\xf8\xf8a@6z\\P\xe6\xe6\xf1\x8f\\I\xe04)4.(\xe0\xe3\xf1D2,\x94cL\xe7\xe6\xee\x94`H\xdf\xde\xe7N;6\\A9\xe6\xe4\xe7#!\x1f|_U:0*P8.\x83P=\x9aiR^4)\xe9;0Z4)\x82S&lt;\xfc\xfc\xfcu[Q\x91[BrOBqA1h&lt;.\x9flT\xe0\xe0\xedC97|UGvTHW&gt;5qWMT:1wB/\xedA20,,pQJT4+&gt;6350/eC;\xf7\xf5\xf5[91\xe0\xc2\xc8fH=5*%F?=\x83VDn&lt;-\x84g]\xf3\xf2\xf1K5/:30_D&gt;VB=\x99dJ\xc3\xbd\xbf\x9cgM\x88[I\xdd\xbb\xc0\xdbliySE\xdd]X\xe1VOyQ@\x91qf\xaf\xa9\xa9\xda\x8e\x92jPI\xde\xcb\xd2\xb9\xb5\xb6LFD\xe5OF\xef\xed\xed\xe3\xd9\xe1\xeb\xe5\xe4\xdbLE\x84Z?\xdd\xab\xb0F73L.\'\x92yq\xe0\xd2\xda\xe8E:\xdats\xa5\xa0\xa0\xe2&lt;1\xdc\xb2\xb7uQ9\xd4\xce\xcc\xe0E&lt;xsq\xd6\x97\x9a@,\'\xe1\xdc\xdcdKE\xd8\xa4\xa8\xd9b_\xea\xea\xed\xe1\x9e\xa0\xdb|}XMI\x85ohg6&amp;\xdb?7\xe4\x94\x92\xc7\xc4\xcb\xdb\xd7\xd6\xd8\xd3\xd2\xe5up\xe1\x87\x87oif\xa0\x98\x98\x7f\\O\xe6ib\x90iZ\xa4\x90\x8a\xd7\xd6\xe1\x92\x8d\x8b\xd7\x85\x86\xedK=\x9e\x88\x81\xf6\xdf\xde\xd95-\x9b\x81y\xc3\xb7\xb3\xf4\xd1\xd0\x96`E\x96\\A\xe4\xcd\xd4\xd5UP\xea^S\xe6\xab\xab\xcf\xce\xd8\x87\x81\x80\xb9\xaa\xa5\xfa\xed\xed\xe5}y\xb0\x9e\x9a\xa9\x97\x90e_\\\xf0\xa2\x9d^WT\xe8\xb8\xb9\x95\x83}\x86aU\xd2\xc3\xc2\xf0\xc2\xc1\xcd-&amp;\x99]B\xa7\x88{\x02]\xfb\xd9\x00\x00 \x00IDATx\xda\xc4\xd9oH\xda\xfb\x1e\x07\xf0\x99\xe4@\x8fY\x8a\xf37&lt;\xb9\xab?[\x97n\x9d\x1d\x99S\xdc\xb8\x06))\x13\xc6PT\xce,\xcb\x8c!Fh\x9b.\xb8Z]\x86\xe7\xfc\x12,]\xa0\x06i\xf6\x07\x06#"\xe9\xc1\xa1\xfbD(\xa4\x82\x81OnA\xedI\xcf.{\xb6G\xb1\xa7\xf7\xf3\xf9\xfe\xdc9\xf7\xf1\xe5g\xfb,\x7fi\x94\xbez\x7f?\xdf?\xb6[\xb7\xfe\xefjoVrbbem\xffdfmeb\xa2\xfd\x8f\xba\xf5\x9d\xaaI\x9a9\xda\xab\xd5jWW\xf5\xfaUmg\xf3|fm"\xf9\xfd\\\xec+\xaf|&lt;\xaa\xd5\xbfVS\xd9T6[\xce\xa6\x8a\xd5\xc6u\xfdr\xefl\xed\xfb\xb8\x9a\xc3\xb4v\xb6\xf3\xe5:\x15\x8b\xc5\xca\xb1r9\x14\x0b\xc1g\xf8\xc8V\xeb;\'\xfblb\xb7o\xdf8j\xe5\xacvQ\xcd\x02*\x04\xa2P\x88\xa6\x0bp\x85G4\x9d+^\\\x1d\xad\xddp\x8b5Q\';\xf5j9\xf4?\x15k^i:\x14\x02X\xed|\xe5&amp;{\x8c\xbc\xd2\xc4\xcc^\x13\x95\xa1I\x11\x12\xb9\'\xc1Gt\x86\xc0\xd6\x927\xc5b\x9bj\xf3K5\xd44H\xda\xda$\x02\xb8\xd1\x12\t\xfbP\x82w\xe0q\xa8x\xbdsw\x85\xb8\xdaoB\x95\x9c\xa95bh\x82j\xb3\xd0\x12\x8b\x84\xbd/i\x13\x90k\x1b\xde\xc0\x95\xc9U\xeb{72)\xc9\x00\x1e}\x8b\x8a\xc4\xd2\x06\x1f\x16\x81\x00!p%\xaa6\x01~\x11X\x99\\\xa3\xf61\xd9r\x17\xab\xaagCl8\xcd\x88@$ .\x96\x83\x8fX/\xba\xaaW\xff&amp;\x8bE\x8bY\xc9\xa3z\x99n\x0e\x94\x00\xab\rE\xf8Y\xc2&gt;f\x1f\x11%\xa03\x99\xec\xc5\xdeLK;\x9f\xf4\xd5\x19d\x85\xddMcN\xaf\xa0\x88\x8b\x0c_3;B}Ex\xd8a4\x0c\xe4~+\xc7\x11\x9fz\xe6K6\x94!M\xf5\xaa\xad\xed\xd57\x16J,\xdf\xaa\x19\x198\xc9\x98B\xebW\x9b\r\xd6\x1a\xd5\xed\xf6\xf6\xfdZ1\x83C\xd8\x0cJ\xc0\xb2\x08\xa9\x00u|\x8cW"#QA\xc1\xe4\x04\xd7\xd5I\xab\xfa\x8b\xacW;\r\x9a\xed\xf1W\xcd\xa4`\xc2\x15\n\xb10T\t*\x0eU*\x85\xc3\xc7h\xb3\xb0\x13\x13\xaet\xa6x\xf9\xb1E.\xdcp\xf6\xbe\x86\x9a\x9dNP\x12:\x16\x0b\xc7\xd3\xe94\xe3\xf3\xf9\x82&gt;\x9f\xcdf\xd3\xeb\xf5\xb6\xa0\xcd\x97\x8e\x03\r`\x16\x89\xc4BRk\xd4\xd6Z2\x8c\xd8\xee\xe7\x17\xb9\x0ca\xe1\x18Z\n\xc7@\x8a\x9aLz\xbd\xc9d6\xb8\x0f\r\x87\x7f\x96\xde\xe4\x8b\x13\x19m\xb1\x90e\x96\xfe\xba\xd9\n\x17&gt;\xe5\xfeU6C\xb3\x8b\x93@P\x08\xa7\x836\x93\xde\xac\xd5h\xcdZ\x85\x82\'\x16\'\xc4\x89D\xe2w\xb6&gt;\x1cz=\xa6 \x13\x0f\x87c\x05\x0b\t,w\xbd9\xd1\x12Vr\xb3\xd1lwX\xd6\x0b\xa5\xa0\xc7\xa0\x19T(\x14\x87\xf0\x0fQ\t\xbc5]\xdb\x08\x03Y\x90I\x97\xc2\x05\x0b\xd9\x94r\xf5\x16\xb4=&lt;\xe1\xc9E\x0e\x17+2\xe9\x8e\xd36\xbb\xc1=HQ\nJ\xc5S\xf1\x80E\nT\x08\xdb&amp;\x81Ab\xba|\x90)\xc5\xd0\x05yek+\\\xb3p\x16^f3d\x19"=\x85\xdd\xe4\xa6\x0eU\x87\xc0\xc2\x12\xc3\xc7\xdf\x9a4\x92X"\xe1\xff0\xe4\xf5z=\xd18\xbap\xe8/NZ\xc0:\xbf\xa6\xa1\xb1$\x96B8\xce\x04M\x90\x95f\x10\xd2bQ\xdf\xd2\xba#F\x9e8!\x82\x11u@\xe7\xa3Kg\x02\x17\xd9\xc1\x8b{\x13\x9c\xb3\x92;Eh,\xba\x10+16\x8f\xdd\xeeuccQ=*\xb1\\\x9e\x90\xcb\xe5o\xde\xc8\xc5\x10\xd7\x1d1\x9f%\xf2\xf9\xaaA\x8d{\x08]\xde|:\\(\xc0\xc6\x9e\xbb\\\xe38.\x9c\x86\xb8C\xd30\xff&lt;:x)\xb7F\x03\xed\xaeR\xc9\xd52\x99\xcb%\x83R\xab\x13b\xf9\x1b\x00ax|&gt;\x9f\xd2\xc08\x0f\r\x1d\x8e\x8d-\xe4#\xb1\x18\xb4e\xe8\xe2&lt;\xc9)\x0b~\xc9\xbb\x17x\xbe\x8a\xa5\xf3\x88B\x95f\x90\xba\xef\xb8\xaf\x96\xb9\x94J\xa5\xcb%\x94\xc9\x84\xb27"\x19\x0e\x1f\xb8\xf8\xdd\xdd\x94\xc6`fa\x0b\x81&lt;\x13\x86\x93k\xa8\xb1\xc99\xeb\xfc+ln\xa1H\x1eQ\x06\x03\xaa\x06\xa9n(\xb5R*\x95\x82\x0bx\xc2;"\xa1P$\x92\xf3U\xa0r\x00\x0b\xca\r\xae!\xaf.\x1a\x89\xc1\x8f\x179\x9e\x8b\xf0d{E\x18\x85\x83\xa8.\xe0\xc5W3`X\x0eT\xb9\x94\xd2\x91\x97R\xe5\x80k@\xa9\x14b\x89\x12r&gt;zIZf\xf8V\xd2^\x18W\xa8\xfc\xe5#\xc7iM\xd4\xb2\xb4$\x16Y\x0f\x00\x0b_\x0c\xc3\xfa\xd0\xad^\x1d\x00\xcf\xc8\x08\xe45 \x95\x1a\tL\x04\x13\x80\xcf\xef\xf6;\xac\xee?X\xba|\xf4 $\xa1s\xd7gIn\xd3Z\xbb\xcaI2\x07\x95|\xc0\xeb\xb5\xdb\xedfL\xcb\xea\xf0\xaf\x02k\x00X#\x8f\xb1\x8c\xa0\x92\x89\xd4r\x15_u\xdf\xe1\xb0ZI\\f3|?\xb0p\x14\xa1\xb9&amp;\xb8e\xcd\xd43t\x8e\xb0t\x1e\x8f^o\xbew\xcfm\xb5\xfa\xfd\xeaU\xd7\x00\xe4$%,\'\xc6%\x92\x8by|\x15EQV\xb7\x01Xv8Rx&lt;\x1ed\xc1\x9b\x92\xea\x1e\xc7\xac\xbb\x17\x99L.\x12\xcd\x07tvd\xe9\x9f\xc3zjut\xab\xd5.\x9c\x89Fp\xcdC9\x9d\xc2&gt;\x11\xae\x11\xc0r\x93\xb0\xecD\xe5y\x07\xac\x0c\x1c\x07\xb9f\xcd4Y:\x08\x0b\x8e2\xe02k4T7\xac\x0fB\xa5\xd1ht:\xe7\t\xcb8\xdc\'\x82\xa5\x1e\xe3\x02\x15\x0c\x9f\x1dN=&amp;\x13\xb2\xca\xa1L\xa6\xb8\xc7\xfd 6Yv\x8f\t\xcfXv\xb2p\xf1eJT)\x9b.\xa7r\xb8\xafO$\x82\xb8`\x8d7\x9bA\xff\x02\x8e\x86&amp;\xf8\x89h$\x9b\x03\xd6\xce\n\xd7\xac\\\xae\x1c\x89\xae\xe7u\xa82\x99\xec\xf6{\xe0\xba\xcf\x17)\x9dN#)\x84AXP\x90\x17\x8fOi\xcdx&gt;\xb4\xb1\xac \xd3*V\x06X\x95\xe87\x96\x1e\xa6\xa3YK\xc9\xd5,K\xea\x04\x95\xd3IX\xc3\xc3\xc3w -\xc2\xb2\xe1i\xda\xe6\x81\x83W\xe4\xa0\x9ckAoAZ\xd9\x14\x83\xa3\x88\t\x98P\xa5\xa1\xf8j\x17NB\x18\xbd\xf9\xf9Q\xb6\xb9\x8c\xc8\x14\xf1{\xb4Z\x83Yo\n\xc2\t\xdf\x07q\xbd\x03\x16\xc4\xc5yo\xed\x7f\x81ALE\xa2\xef\x80\x85\x87e\xbb\xf9\xde \xc5\x17\t\xa5/\xa7\xb1F\xc9e\x94\xbd\xffX\xea\x92\xf3\xefS\x83\xb0\xfb\x00\x8c\xb0\xa0\xb7HZ\x9b-aU\xd6a\x85xg\xc3\x967\x0f\xaa\xe4\t\x97\xf4\xe5\xd48\xd4,\xdc66\xa6\xa6\xa6\xc6ggg\xc7\x9f\x8d\x0c\xb8\xd4j\xb5\xc3J\xb9\xddf\x0f\x84\x8b\x0bD\x85eq\xbc\xca\x7f\xfc\x93\x85\x0b\x04\xf6\x15\xec\x87##\xc0\x9a}\x0b\x05\x9c\xd9-\xf6\xee\xf8\xd4\xc8\xc0\xaazuU\xed\xff\xf0\xc1\xea\x86e\xce\xe4\xc9\xe7\xf3\x95H\xb6\x9ck\xc1 \x96\xa1\xb7*\xb0\'\xc2\x12\x81;\xb5\xc2\xe1\xffu\xfb\xd9\xb3g\x90\xcf[R\xe3\xe8\xc2;[\x90\xd6*\x94\xdf?66\xe6\xf5\xe8a\xeb\xc9\xeb\x02\x95H\nX\x1c\xcf\xc4[k\x97)d\x9d\xc2V\r\x07.\xb3\xden\xf5\xbf\xff\xf4\x89u\x8do\x81\xe5\xed\x06\x0c\xe3\xc6\xd6\xdb\xad\xad\xa9\x97#\xdb\xab\xfe\x05o\x1e8\xf9&lt;\xe3\xf3\xe8\x02\x81\xc0\xee:a\xd58^ Vj\xc52\x0c\xe2\xe9R\x00aA&amp;\x1a\x08@r\x81\x851\x88ljc\x0b\n.\x1b\x9f\xa776\xa6\xb7W\x7f}\x1fXO\xc3\xdb\xffH\x84\x892qF\x17\xd8\xdd\xdd=\x05V9\xc55\x0b\x8e\xf2eHkwi\xe9\xb7\x05]\xb4T\x8aT"\x07\x91\x83\x83\x12\x93\xf7\xfa\xb7G?o`R[\x1b\xd3\xb0L\xb8\x1cC&amp;\xf2\xbe5\x14\x8a!-\x1e\x8f\x06\x96\x96\x96N+\xa9l6\x85\xa7yNY{\xd5l\xaaX\xd9]\\\x9c\x0b0\xa5p\x89\x89\x84\xc3\x07\xf18\x03o\x82\xdc\t\xe5\xfc\xe7\xcf\x9f\x915\xea\xec\x13\x8b\x15\x06[\x1a\xffF\x92\x86\x8a\x97J\xf1R&lt;\xba\xb4\xb8\xb8\x8b\xac\xe2%\xc7i\xb5o6\x80\xd5\x00\xd5"d\x15\x8fF\x99h\x90\xfc\xe5\xc1\xed&gt;\x14\'\x8c\xcey\x1c\xbf\x8dQc\x82\xc7\xeb\xd1&gt;\xff\xb9\xab\xeb\xa7\xceG\xcfa\x95\xc7\xf54\xcd\x04\xe6\x80U\x84\'\xe0z\x10\xdb\x8f\xbe\xa6R\x91\xc6\xe2\xdc\xe4n:\xce\x98\xe0\xacb\x18\xd4j;\xb4Z\x85\x8a\'N\xf4\r\x1b\x1fOOMO?\x16&amp;x\x7f\xef\xe8\x7f\xf2\xf0\xc9\x93\'?\xf4k5n\x83\xfe\xc5\xa3\x17&gt;_`nn\xb1QL\x15\xab\xdc\xce\xc4[\xed\xb7\xcf\xaeS\xc5bc\xee\xf5\xeb@\xd0fp8(+E\xa1\xab\xe3\xc7^`\x89D\xc3\xf3\xb8\xbc+Eb^o\x7f\xff\xc3\x07]&gt;\x92\xd7=\x8d\xf9Q\xe7\x03\xbda\xe1\xaf\x93s\r\x18D\xb2\'r\x08\xc3M1U\x8c k\xc1\xa0\xe8\xe9\x81S1\xe56&lt;\xea\xec\xfc\xf9A\x7f/\x8f\'\x12\x0e;\x1fK\x8525\x0caG\xff\xc3\x9f\x96\xd3\xd1u&amp;\x9d\x0e\xfa\xc0\xd6\xd9iv\x8f5Y\xe4\x1d\x19W\xb0v\xf2\'\x88\xabT\xaax:\xf9\xfa\xd3{\x87\xe2ioo\xc7#\xd3;\x06\x1bz\xf9\x97\x07\x1d\n\xb1\xb0\xaf\xef\x8d\\\xa5\xa2z\x9f\xfe\xf8\xe4AW:]\xa9\xa4b\x85\xc2A$\xbe\xfc\x8f\xae\xce\xe7\x9a\xa1\xdf&amp;\xe7N\x81u}\xde\x9eLr\xf4\xbf\x1a\xec\xef7qYdY~\x87\xa2\xa3\xbf\xeb\x17_&lt;L\xb7\t2\x8dJ|\xb9\xf3\x87\x1e\xf5\x9d\xbf\xf4\xf4&lt;\x85\xa0\xfe\t\x03\xb8\\\x8a_\xd7\xab9ANR&gt;&gt;\xfe\xd7r\xd7\x8b\xe7\x9a\xb1\xc9\xc9\xddT6U\x9f9\xfb\xcf\x7fi5\xdf\x976\xf2&lt;\x8e_v\x90\x83d\x9a\xc6\x84I\x06\x92\x99dr\x99$\xe4w\xf0\x175$\x017\xa8d H\xa3-\x99dM\xd7\x04\x1fXJ\x02A+iS\xcd\xd1D#m\xba1\xb8\xd5T\xb4[!\xa0\x8b\xb0\x88\x0f\xaa\x0f\xee\x81\x1c\xd6G\xdb&lt;haOZ\x16\x84\xca\xf9\xe8\x04]\xcaU\xd8\xbb\xcf7\xee\xc1\xfd\x01\xe3\x17\x12A\x86\xcc\x8b\xf7\xe7\xf7\xf7\xfb\xbd\xd8\x16h?\t\x98FF C&lt;~\xbe\x99\xc9\x14\xd6I\\\x96-\x97\xc7\x9e]\x7f\xfc\xec\xc9\xe7\x7f\xfczP\xce\x0e\xf8Y]0\xe8\xf5\x06\xdb\xf2\xf9&lt;\x1f-W3\x1f\x7f}\xfe\xe4\xab\'O&gt;\x7f\x1e\xdb\xdf\xc9:::\x03\xc5\x1c`\xa5\xfe\xfe\xb7\xda\xe1\xe1\xd1\x9b\x87-\x82\x88\xf5\xe2\x87\xb3\xd37\xef\x7f{\x86\xb0\xea\xa4\xa1#[\xde\xd9\xf9\xf9\x97\xe7\xdf=\xb9\xfe\xf8_\xe7\x99\x85D\xbf^\x1a\x9c\xf3N\\\xd3\xd9\xf2\x83\x91D\xb5\xec\xae\x1d\xfd\xfb\xa7\xaf\xbf\xba\xfe\xd3\xdb\\\xb5\\\x8d\xb8:\x90wm\xbe\x1e\x9b9Xpujo\x9f\nQ\xafA\xab\xe3\x8c{\xe1\xed\x8f\xbf\xbc~\xbe\x99K\xc6\xfdZ\xbe\xd5\x91\xad\x9aw\x7f\xfb\xee/_?\xdf}[ID+\xda\xe9\xe9 \x06Q\xa8\x91E"\xd5\x99j5\xb1\x99\xd9\x1c\xfb\xfeun\xf6F\xd4\xd5\xc7\xb7C~\x8b\x9bgS%\x88\x90v\xbd\xb4q\xf4B\x10\xac\xadO\x1dZwt%=\x9e:\xc8\x99{\xf4\xbe\x81\x01\xdf@\x87\xaf\x98\xfbyy,\xed\x06\x93\xb9\xda=\xd3\xb6 FXu&amp;O&gt;\x02`\xb0\xa2\xd1j9\xe1\xfe\xb6\x9f\xe7\xa1\xbd\x86\x19&lt;n\xce\xadF\xb5\x01\xbf\xdf\x14l\xecn\x0b\x82\xb5]kx\xd7o\xbbZ\xa3\xa9\xcd\\\xb1G\xaf\x85\xb6\xa6S\x1f\xa8\x9b\x9f\xba]\x88!\xcak\xa7mR\x13`YY\xdc\x99w8\xa0O\x8eFZ\x1d.\xbe\xdf\rc"t\xd7&gt;\x03\xc2Z\xe9#\x87)"(\x1c\xd6\x97%+A\x19\xfd\xfc\xeal\xae\x18\x80^X\x0f+P\xaf\x07\xb4\x1d\xbc+\xeapiY\x93\xc9\xeb%\x14\x12%-\xc5\xdb\x9cmN\x99\x8c\xe7;:`\x92\x1cBK\xaf7\x18\xf4\x01s\xee\xe0\x06\xc5\xd8\xd5\xde\xe0\xa0@F\xdc\xae-Y%j\x86\xd0\xaf\x00\xd6:$w\x15GQ\xc3\xc3h\xf3\xa3s\x80w\xe2\xb4\x08\xa8D\x13\xe2^\x8bH\xaa\xc5\xdbp\x8da\xc03\xa0\x85^\xdf\x88\x9e\x1a\xe6HR\xe5\x0f\x98\x93\x9b\x15l\xf1\xc3\x1a\x9b\x9f&lt;\x9b\x17\x06k\xa3\xe1\x95\xdc\r=\xb8\xc4\xe2X\xf2\x81",_[[[d(R\x8bk\xb0\x89k4-\x12\x11\xe2\xae^\xab\r\xc7\xa7q\xd6H\x1a\xb4P,\t\xb4\xa1\x03\xcd3\xc5\x01V\x11\xb08f\xcd\xceN&amp;\x8eG\x04r\xf9\x86Tq\xe7\x8e\xc4p0;[\\\xc70\x18\xa5\xe5\xa3\xd0\x97Bo\xcc\xf9I\xc6\x1e&amp;D\xd8%\x96\xd2\x84\xe3\xb8ME1h\xdaG\xd3\xdaZ\x93\x8b#Q\x9e\x9f]\xf0y\xadJ6\xfbt\xef\xa1 X\xf3g\x83\xd3\n\xb9Z\xa9_@X\x1c\xc1\x84\xed\xa3\x08+dg\x8cTX.\xb7\x03\x16-R\xf6vuYtR\xdc\xe61\x18\x19\x85\x82!\xd0s\xb1\x18p\x01\xd6\x10\x14\xeb\xd9\x95\xc9\xa5\xa0\x95u\xbc\x15\xc2\xe3Q\x0bx1\x95WX\x94V\'R+\xce1jy,\x04\xc3W(\xa4f\xe0\xcdry\x18\xa0\xbc:\xc0z\xd4\xa5\x84\xfe\xc1\x83\x1b\xd1\xbf\xeda\xf8\x8a\xc5\xd0\x14Dq\x81)\xa8\x8a\xee\xc1\xc6\x9c\x0e\x9b:\x7f!P\xed\xd9\xde\xb0\xa9{u\x8d\xc6\xb7\xb39s\x9d\x03\x81b!\x18\x0c\xef\xde\x8b\xc9\xe5\xf0b\xbb\x02\xb9\x96\xd5\xd2\xf5\xe8\xe4\xa6Eg\x92\xe2Rr\xf8r\xd7K\x1e\x1bE\xe3\x06C\x19\x03\xd0C\xccNI\x01\x8b:\x14hV\x844\xff\x91\xea\xee\xd2-\xa9\xa6r\x80\x150\x8a\xd5\x97Ck\x08^:\nX\x0c:]QZn\x9e\x9c\x9ct)\xbdR\x8f\x14FH{S\xa9\xd8h\xa8\xa9\x16\x86\xb0rqzii\x8e\xad\xed\tU\xa9[\x8e\xbf\x8c\xf6Z\x83\xe1z\x13\x0b&lt;\x1ea\xdd\xbf\xdb\xc4\x1a\x05\xb5D^z\xc2\xd2\xdb\xc4\xea\xb5J\xc1\xb7(*|\xc9\x05q\xb18LQF\x12Z\x88\\\x81\x99n4\xdaj\xef\x05\xc3\xba\xf8\x10\xb6\xeat\xf2E\xc0\x82P$\xc2\xe0[w\x10\x15\xac\x188\x91((\x12#\xaa\xdf\xff\xf9M\x97\x84\xc5\xa54\x06Q\x88\xfc\x1dE\x86\x9d\xe2H?YO&amp;3k\x8b\xd2\xc6\xa4\x03a\t\xd4\x9a\xbe\xfb\xe0\x9d\x0b\xea\xbeY\x03,\xf30\x851\x97\t\xa2\xa9UL\x1eS\x8b\xe8\x07\xe2\xae{\xf7_\xbd\xfc\xeb\xfdn\x89Q\xa51\xd1"B\xa1@\x9b\xbd\xa3\xa1Q;\x83\xf9\xf5d\x01a1\xb6Fv\xf0\x8bpX\xdb\x1b\xd3Ks\xba\xeeP\xf2\x12\x0b\x0b\xa3\xf75\x17\xf2k5\xa4\x03I\xd7=\x18\xad_\xddQc\xd0Q\xb3^\x1111\x01v\xb4\x83\x11\xc3\x0cA\xfa\xd7\x0b\xc9L\x06\xc4\xca\n\x8a\xb5\xb5\x91o,\x05\xe5\xa1d\x06\xb08#\xcd W\x0f\x81b\xf7\x10\x97Z\x0e\tU\xf2\xe8\xe5\xab\x97\xe0\xf2R\x9bW\x04\xc5HD\x10\x80\xb5\xb8\x16\x8b)\x08\n3\x0e\x03V\xd2\x95\x9d\xcc\x0e\x0e\xd4\xde\t\x86\xf5\xe2\x933;\xb9D\xac\x1d\x02V\x81\xc3\x8c\x18$Q\xd0\x0b\x14\xebV\xc3\xb2H[\xb3\xbc\xf8\xe4\xf7\x93\x9bJ\xd9\xce\xce\xe4\x1cmB\\\xc8\x8a\xb0\x18\x023r\xeb\xe6d\xe6iv\xd0\xd7\xdf\x7fC\x98lz\x99\xe7\xcf\x03\xce\xc1|\xde\x19\xcf$\xcd\x050"F\x80w\xc5\x9a6D{\xf1\xba\xc9\x9d\xfd\x1d\xdc\xd2kQJ\xb3;;;\x83R\x93\xc9\xc4\xd2\x04\xca]a\x06C\x85h\xbd\x08XNU\xdc\x1dM|\x9c\x17\x0ck\xe48\xe0\x1f^\xa4\xdbn\xe5\x10\x16\x85\x11\n\xb1Z\x0e\x0e\x8dNU\xc4j\x89w\xa9\r\xd7\x0e\x0c\xd8l\xceV\x87#\x92\xcd\xdb@-\x16\x1e\x824\x0fZ\xa1\xb3\x83\xf5\xa293\xe5\xf3\xf7\xdcHd\xf6\x04\x1b\x14[Z\xdel\xc8:\x0f\xedL\xe7,`\x81\xcf+\x14\xc0\xd5\x1dCj\x89\xc5b\xa5w\x1aq\xe9al\x949\xb2\xd9V\xe7\xb4\xd4\xc4\xb2\x04:J\x087\x8b\xf6\x1fXZ\x7f|\xca|*\xd8\xf9&gt;\xba\x98q\x1a\xe7\xeb\x8b\x0cYlb\x11\x8c\x82\x81\xde\x06\x1dA\x89-\x92\t\xab\xd7\xe4qz4FR\xeb\xc7]\xd9Hk\xbe\ra\xd1P\x18\xff\x0f+\x99\xec\xd1\xeb{\xcc\xe7[\xc2M\xd5\xf0K\xdbG\x85\xc2"\x83\xd53\x08\xcbH\x10\x84Da\xef\x8e\x81_Y$J\x9d\t\xf7\xc0`\xaf\xd1h\xb5\x1eP+\xe2p\xda\x82^\xd6d\x84\x96\'\x8cl\x08\xddV\x00\xb2\xbc\x16\xfe\xee\ny\xe9\xa0yc\xe4\x93}Q\xa1( ,\x8e\x04\xaf\xbf\xa6\x00+\xda\x15\x12$\x96\xc7\xe5r\xb8dN\x8fv\xc0\xe9\xc8\x96A/\xd9\xb4\xc6\xcbB\xdb\x85\xc4bU*2\xd0\x83\xb0L\xc3\x1b\x17#\xc2nA\xb4\x8c\\l\xd8\xc3\n*s\x08X\x1c\x05\xad\xcc\x84\x18\xe2\x8c\x90H\x08\x13\xee\x8aTa\xe0\x99\x8c8\x1c\xad\x830B\x02\x98\x0c7\x01\x0e\xa5`\x8c*\x95\xc1\xe0\xef\xe9\x89g&gt;\x9e\x9d\x9d\xbe\x9f\x17\xf8\x04\xbd\xe5O\xf3\x17\xff\xd9\xf8\xf0a\xb7V\xa8\xafs\x14G\xd3\xd8\x84\x02\x82\x9f X\xa0*\x97\xab\tW+\xa4p\x19\x0f\x83Xy\xa7\x0c\\*V\xa3\xa2\x08\x1a\xa8\xf4C=\xb7\x8b\xb5\x1f\xe6\xe7G\xd08-\xf0a5\xe4\xfaw{o\xf66\nu\x8e\xe3\x8c\xa4\x08\xa3\x8cF\xa8\xc9,.\x8bd\xa3\x95\x85\x83\x85\xfe\x0e\x19_YYY\xa9T\xaa\x00\xe6\xd2\xb0\x06\x03\x89\xae\x1d\x18\x0cCC=\xc5\x8d\xbd\xab\xb8\xb5\xfb\xbf+\xe8\xdb\x9f\x92\xa0\x16\xc7a"\x1a\xa8h\x82 e\xd5\xd6v\xf7\xc2J\x93\'\x91N\xaf\xae\xa6+\x15\xbeZ\x8e\xf8\xfc\x06\x8d\x8a$\x01\x0b"0n\xfe\xb4}5\x17P\xff\xb8]}\x96\xa9\x07\x10\x16Z\x80EuF\xa2\xfd\xb7\xd2i\xa0J\xafT\xd2\xb0VgR30SGy\xde\x07^\xe5\xf7\xc3L9\x14\xa8\'\xcf_\\\xe5\xa5\xc5\x91\xe3Z\x01aq\x97X\x14\xd7\x1e\xbd\x95\xa8\x96ff\xd23\xd5D%Q\xad\x96J\xa5\x14\xda\xcf\xad&amp;\xa2}&gt;\xa9A\xe5\xf7\x83\t\x03\xf5\xcc\xe9\xc8\x95\xde\xa5|\xb7{\x08V$9\x88|\x11M\xc3\xa8\xdd\x97(\x8d\x8f/\x8f\x97\xc6\xcbU\x178U\xf3:\x1e|\xc6g\xaaQ\x90\x8b\x84\xe40\x14\x08\x14k\xc7\x0f\xaf\x12\xeb\xcf[\xe7\x87\x85\xa6s\x81V4\xa9oO\xcc\x94\x00e\x7f\x1fJt\x19\xc5`y\x19\xa8\xf6\xf7\xf7_\x97\x127|\x06\rd\xd2\x00\xa4\x87d\xed\xf8j\xd5j\x01+\xa2X\xa40\xb4\xd5\xdd\xd9WJ\x8d}\xbf\xbf\xbc\\J\'*\xfd\xfd\x95~\xb7\xbb\xb2\x92N\xbd\x06\xb9f\x12\xfc\x80\x16R\x16p\xc5\x01\xeb*\x8d\x88\xc0\xde\x83\x15!qq\xc8\x8c\x06\x10+5\xb6?\x96J\x1fl&gt;5\x9b\xcd\xcd\xcf\x01:\xe0(\xcd\x80\xcfw\xf8 g!\xacz\xa6v\x95.\xdfl\xa0\x8f2(\xd1s\xeb\x1c\xcdj\xfb\x12\xc0\x95ZN\xad\x1e "\x84\xf5tse5\x05\xb1\xd8\xc7w\xa0M\x1b\xdf\x10h\x157g2G[W\x8b\xb5\xf5\xb1v\x08Xh\'F\xa5\xe5y\xfe\xbf\xb4\x9bmL\xd3Y\x16\xc6\x97 1\xa1\x7f\x9bvQ\xda\xc5J\xa1\xa1\xb4\xcb[\xdf5n\x07Z\x1aV\xba5\xcd\x16G0\xe2FR\xc5\xec\xb7f&amp;$\xc6\xb2\x92B\x08]\x82\xe9&amp;\x98\x9a\x0c\x988!\x02-\x885\xb8\x10\x13^\xa6DB\x10\x16\xd2\x00\x0e\xac\x12YfAIDtp7\xae\xae\x9a\xecsn\xcb\x97\xcdL2\x8e\xf6X\x1a\xc3\x07\xf3\xf39\xe7\x9e{\xee\xbd\xe7\x9c\xc5*\xfc\xfa\xebk7\x89\xca\xe7\xbb\t\xaa?\x7fq\xeaT\xa9\xc1\xe1p\x80\xeb\xa0\x05T\xdd\xd55uC\x93\xf1\xc7\x82\\\xc02\x99\xa4F\x83\xb1R}J\x8d&lt;z\xed\xa6\xcfw\xef^\xeb\xb5\xd6kgK+\x0b\xd4\x95F\x07\xc7q\x0e\x87\x0c\x1eD\xadU\xd7L\xa7\xd68c\xb5+\x91#\x90%dEFT\xa5\xf4h\xa0V\x9fm\x85\x01\xf1\x14\xaa\t\xa1P`\xa0\xe7\x15`\x1d\x04VSu]\xb3\xaf\xe6I\x9c\xb1\xfeY\xd3\x8e\xe8\x82\xf5H\x1d\x9cD\xc2\xe7\x8c*\x81Z\x80\xea\x015\r\x8a\x07\x98P\xad2\x92q\x8e"\xc2RV7\xfb|\xca\xb8.E\xc2\xaano\xaf\x06Ww\x89\x94\xe3K\x88\x8b\xc0\x84\'k\xffB\x06\xae\x06\x95\xc3\x01(\x95\xca\x08,KUSu\xb3\xd3\xe9\xf3=\xba\x1d_\xac\xc7\xd5\x90K\xd9\xd4\xdd]"cXR`\x19\x8d\x82\x02\xe1I!\xfd4\xa88&gt;\xce\x1b\xa0R\x19\x8c\x0e\x07vi\xa5O\xe3tz\x1e\x0f\xc4\x15k\xe0\xb1\x12\x87\xbe\xea\xa6\xee\xaa\x92r\x19\xc7\xf1\xf9|\x8e\xc5\x11$S\x19\x0c@A\xbc\xe17*\x9c7\x04\xb4\x12\xbdJ\x9fSsE\xe3\x8cL\xc6\x19\xcb\xeb\xf5*\xab\xc1\xd5\x03\xb9\x8c\xf5\\\x1e\x85\x91D$\x92H\xb04\xa52T\xf4R)G\xe1&amp;\x10T\x16A,\xafSS\x01\xac\x9a\xbb\xf1\xc5\x1a\xf2z&lt;U\xc4\xd5SRN\xba\xe8t\xd0\xc7D5a6\xce8\xe9\xd9b\xd0q\x06\x95\x1a\\\x06+\x89u\xa5\xa2\xb4\xf5\x8a\xa6\xba#\xae\xbb\xe2\xc0P\x95\x07\x9b\xafW\xa9\xec.)1\x91\xeb\x8c\x9c\x84\xf5/\xe2T\x9f\x8d\xc3Gv6Ds\x18\x917Tz\xab\xc7\xe7\xd3\xb4\x96\x96\x96\xb6j\x9a\xbf\xbf\x1cO\xacI\x86e\xf1x\xbd\x88\xae\x12\tGZe\x99X\x87YJ&amp;\x195Q\x12\x96\xa1\xd2`uz&lt;\x9a\x8aR\x86\xe5\xfbW\\\x0b\xc1\xc9^`\x95\x83\x0b\xbb\n\xe4\xcaB\xd0K$\xa2\xec\x03\xac{\xf1\xf3\x94\x94}\xf4\xe0\x01,#m=\x1e\xa7\x13Tg\xa9\x87\xcb\xf9\xe8v&lt;\xa7W&amp;{A\x05\xb3\x9c8\x01\xd1JLH\x11\x12\x85&lt;=1\x93:\x88S\xce\xe7f\xe0\xd8!A\xee\xa7\xace!*l\x01\x90\xabB34\x10O\xac\xfb\xbdU\x16z\xf5)\x97QK\xa9\xa5D$b\xf73t\xd1\x96\x9a\x9a\x9a\x9bQXXh\xab7\xea\x90)\xa4\'\xe0\xc1\xc3\xd82\x89\xabB\x13\x99\x8c\'\xd6\xb7\x11\x0fu4\xcb\xa4R\xea\xdf&lt;\x08.\x1b\xbdD\x15f\xe4\x82\tf\xb3\xd9Z\xeau\xb4&lt;e\x16ME\xa5Z-,\x00We\x85\xa6\xfa\xee\xc5\xf8bY@\x95E\xe9\xc9A}\x9eYp\xa2\x8dok!\xa6\x16\x1b&gt;-\xc0j\xd3\xe9\xb8r\x8d\x9e\xa8\x08\xab\x14X\xbe8f\x88\xa4\xddw\xdbK\xe8-N&amp;\xe5\x1c\x1c\xc5\xb5\x15\x9b\x0f?\xaf\xbe\xbe\x85xl\xf4\xd5\xd2\xd2\x06S9\xac\x87\tJ(T\x93Z\x88\xf98n\xd6IIQ,\x19\xe5\x00\xb6\x1f\xab\x0c\x0e\x95N\xd7F\\;\xd6\xd6FO\xe9\x95\x95\xa8*X=\x81\xccZ\t\xb9\x1e]\x8d/\x96\x899\x91\x8bba\x8bQ\x0b\x80\xd1\x00\x85\xea\xdb\x9854\x14\xc0q\x05\x05\x0c\xab\x80\x9c\xc8\xb0\x86\xfe\x16\xb7\x98OJz\xcb\xb0\xa4YYET9p:A\x03\xd5}\xc2\xe3\xb0\x82\xe3;FD\xb0hU!T\x0b\xd4\xf4fMw\xcc\xf1\xc2\xfa\xc5\xdbv\x8b\x89\xa8`R#\xb5c\x08\x1a\x80s\xf2\xe4\x85\xda\xda\xda\x0b\xb5\x17\xf09~\\\xc8\xa0\x98\x91fjz%\xd6[\x9b\x9f\xc4i\x1e\x90\xfe\xd5\x8e\x1a\x8b\x89\xaea`T\x00"\x15\xa8\x1a\x84;Xd1\xc1N\xc6\xb0(\xb2\xd8\xdb\xb5\xd5\xf9\xef\xcb\xf1\x19\x84e\xc7\xd7\x87\x16Y\x96I\x92%\x11Q\xa9\xc5\xe9\xea9\x9d\x0e\xe20\xac\xda\x1d*V:G\xb1\x04\xe4AU%\x05W{\xc7\xd5x\x0c\xc2\xb2^\x9b\xef\x95\x16\x99\xc9dB\x81\xc5\xb08&gt;\xa7\xe3\x8c\x02\x95\xa0\xe0\xf8\x85\x0b;j\xd1\x02$\xb0\x1d\x07\x1aT*\xf2\xa2/\xf2\xe6Vt\xb0s\xf7\'\xc6\xba\xfad\xc8\x0b\'\x8a\xf0\x11I\xf8Y\xd1R\x1ey\xcb\x98\x87\xd8\x8f.=\x8a\'\xc8\x14\xfdK\x83\x80\x84\x12\xa8PN\xe8+\x9c\xcd\xf7\xfe\xd3q\xf9SO\xf3\xb3\x81\xdcH\x8d\xb7\x1cb\x99Dr\x11\x8d\x1f\xc9\xe9\xd1\xdc\x01\xae&lt;&gt;*\xd2\x82\x86\x02\xc6\xc2\x16"\xbe\xa8nF\x81C\x07l\x98^\xe3s^{\xf0\xe5\xed3\x9f\xf6^\x90\xc4\xfa\xa6\xb9\xba\nXb\x93\x18Hbyz:\xe3\xe2\xa4ph^\x9eN\xc7*x*\x97)[\xc1\x81\x06#\xed\x04Q,\xbd\x1e\'\x8d/\xfe\xe12\x7f9\xb0}\xe6\xd35\x97\xb19\xe1\x88\xb3\x0eXb9\xa8\xd2\x13\x13\x13\x13\x12\xd2\xe5t\xf4\xc9\xe2\xc7\xb8`\x82\x02\x81J\x15\xbd\x12\xd7\xd1\xd1\x83\xce\xfc0\xbd^ou:\xcf\xbe0\x9b\xcd\x9dK3k\x9f\xa4\x1b/vsz\xb5\xa3\xd9\xa3\xac\xb2\x98\xe4\xe2l1\xdd\xe7\xee\xa3\xb9\x0b\x05\xa2\x8b/\xc1\x9f&lt;\x18\xd5\x0e\xd8\x8f \x19\xe0\xea\xf3\xa2\xab\x02P\xf4\xa5\xb7j\x9c\xa5\x91\x15\xb3\xf9\xfe\xecx\xd7\xeb\xed\x8f\xef\xc7\x8b\xf6\xbb]\xbd\xfd\xbb[7=^\xd4\xa4bqvv6\xdd~\x9f\xdf\xb3gO\xbaB\xc2g\xc7\xd8&lt;f:\xe6J\xfa\xe8\xf2\xd81\x92\x0eBRi\x11GX\x9a\xc3\x91\xfb\x90kj|\xbck~\xe3\xcc\xc7-\xca\xddL\xa9\xed\xad\xcebm\x87\xcf\t,\x06\x85#\xc5&gt;^2\x8f\x07.\xb9\x84\xc8H+\x18\xc4\x82\x81MG}J\n\xe0\xb2\x1a\x88\x8bb\x95\x0eA-\xf3\xd8`x|\xee\xd9\xab\xb5\x8f\x89\xfd\xa8T\x1bK\xa3\xa1F\xfbB\x1d\xb0H+\x92*\xf3&lt;/y\x7f\x0eoOn\x06\xeaS\t\xd6\xe2\x8e\x0fU,\xc6\xf0\x0bT\xd3"*\xaa\xb1WA/\x87\xd5j-}\xe3\xa2\xe0\x1a\x0c\x87\xdf\xcf\x8d/\xeex\xf2\xe7\x86\xfa\xe5\x8d\xd5\xc1\x89\xbd\x8d\xf6\xe7\x11\x8d\xb7\xea(\xc4\xa2W2\x18{\x8b\xda\x93\x9b\x90\x91Q\xa8\xe0\xf3m6\xe8\xa5\xd3\xd53\xcb\xe3\xa3jU`\xa5F\xd1\x80E\x03RW\xbe\xd1\x9a\xcd+\xc0Z\x9f^\xdd\x0coN&lt;\xbd\xfa\xb3\xb8\xa2\xa1\xbe6\xd35\x1d\x1c\xdb\xd5h_y\x11\xc3J\xcc\xccLINN\xfe%=\tS\t\x9f\xcb\x8a\xf8B\x9b\x8d2\x18\xe9\xc6gT\xf2t\xfc(D\n\x91\x89\x1cYtP_\xb7\xa05\xaf\x98\xc7\xc6\xc3\xe1&gt;\xf3X\xd7\xe0\xe6\xea\xd8\xda\x87\x87X\xac\xb7\xf3\xdd\xe2\xfa\xfbp\xff\xd8.\xad\xb6\xec\x813\x1aZ\x07\x08+%\x99^\xaa\xe9\xed.\x97\xc82\x98\x15*\x146\x10\xd9\x14\x85\x19\x19r9\x89%\x97\x9bL\n\tE\x98\xec\xf0\x0bs\x19\x85\xfc\\Zx\xd4?\xf9\xed\xc4\xe6\xe0\xe8\x84\x7f\xe0\xe2\x87\xc5X\x14j\xedU`s\xf3\xbd{\xfc\xce\xaf\xb5v-\x96b\x8f\x18\x91EX4\xc4\x99\x8c\xf0:r\x84\x04c\x8a\xe5\xee\xc0ed\xd0Hl!AQ\xe0I$\xa6,\xa9\xcc$\xf3\xdd\xd2\x12V_8\xed\xf7\xeb\xc1\x97c\xa1\xa9\xae\xc1\xc0\xec\xc4\xeb\xb5\x0fH\xaf\xb1\x05\xf8\xee\xe5\xe6\xe8\xd8\xc4\xa0;\xdc\xb7Kk\xb7?\xff\xbb\xa7\xe7h6\xadB\x9a.%,\xe2\xda\x9f\xccKedL\xb6( SN\x9eN\x82\xd1\xeb\x8f\xc8$3\x89\xcb#\xcf\x1bA5\xbc\x98\x16\xfe\xec3\xb7;8\xef\xf7OL\xf7\x07\xbbf\xb7~2Xl\x01\xce\x07\xa6\'B\x93S\x83\xee\xb4Q\x97\xddn/{\xe0=}\x80|\xb8o\x1f\x85&lt;Mo"\xc4\x8e\x1ca\xe3P\xa9\xa94\x12\xc5\xf8\x12\x98^\x886`\xd1\xbeN/\xc3\xe2\xa3\xca\x1b\x8d\x10\xab\xcc\x1fLK[\x9f\x1bq\xbbG\x96\xb7Bo\xfb\x02\xfd\xfd\x81\xa5\x1d\xc5\x92~\xc2\x83\xd8\xf6\xeb\xe5\xc1\xd5\xb7\xc3\x9d\xab\x9b\xebi\xee\xcd\x90]k\xdf\xbb\x10i:\r\xb1\xe8\xb2\x81q\x01+\'\x99F\xa1r\x92\x81v\xe8P\xcc\xa1\t\xe4O\xb6@\xe5d\xe9\x08\xc7\xec\xa3=\x91\xe7\xda2\x97\xab\xec\xcex\xf8\xb7\x9bS}\x81\xb0\xfbR\xff\xe2\x9da\xffD\xd7\xe0H`\xde?\x10\xdd\x90~\x94,\xb6\xd5l\xbf[\n\x06\xa6B\x9dK\xc1\xf0\xfa\xfb?\xba\xc7\xa7\xb4Z\x92\xeb\xe1\xe9\x18\x12\x8f&gt;L-^N\xd4\x0e\xb112v\xb8N\xc8M\x00Wz\xa1B\x84\xfd&lt;\xfd\x00\xfe\'\x07N?\xbc\xd1\xd8XVVf^J\x0b\xcfM\x14\xbb:W\x83\xeeK\x97\xfa_\x8e\r\x87\xa6F\xfb\xfb\x97\x97\xb66\xa2U\xcf\xee\x1f\x0b\xa9\xa4\x8bg\xd6\xde-\x05\xa6W\xc7\xfc\xf3\x81\x11w\x1aa\xb9G\xff\n/\x9e[\x88|\xb53\xb4L\xc3\x9b&lt;\xe4T\x8azD\x17\x0fX\xc7\x8e\x01\x8b\xad\xcb\\\x8ay\xca\x0f\x89,\xf5f\xa6|\xd5\xf4f\xc5\x0e\xacF\x7f -m:\xf4+\x97kel\xb6\x7f\x04`\x8b[OCwf\x03\xc1\xfeg\xf3\x1b?\\W\'E\xa9.ol-\x06\xa7\xfb:;g\x96\x11\x02\xe3\x81\xd9\xe90"\xd4\x0f\xb9\xce\x95=h\xca\xcfO\xf9&lt;\x7f\x7fr\x0c\xeb&lt;\x13,\x87\xc7\x03\xd61\xc2\x8a%2\x86\x05\xa9\x12\xd9pe~\xfeW\xbd\x0b{I\xac\xc6\x99\x11\xf7\xdc\x94\xab\xd8ev\x15\x0f\xdf\x19%\xb0\xef\x96\xe7;C\xf0e\xff\x08v\xa4\x1f\x08\xfeX\xa2\xdax\xb5\x1c\xec\x9a\xe8\xec\x9c_\xfe\xee\x92{|z\xc2o\xee\x0c @g\x8a\xe1\xc5]\x0b\xbdtg\xc4\xfaE\x80\xc6\xb0\xc8r\x08\xeb\x10\x05\x17\xe4"&amp;\x96"\xa8\xf33\x93\xdaG\xae_\xef\xed@\xde+k\xd4\x0e/\xba\xc3\x81P\xb1\x0b\xbb\x90\xab\xb8l\x182\x11\xd8\xb3\x973~H\x16\x84tk\xff\xf7\xfc\xcf\xa4\xba\xb8\xbd1\xbf&lt;\xbd:\xd59FP\x97\x06\xbb\xa6B.m\xa3\xb9\x0f\xaau=\x05\xd6\xb9\xc6\x1b\xff\xbdN\x1dc\xbf\xa1f$\xd2\x8b\x8cnk\xe0E\n\xfdXb\x8d\x0e\xf3\'$\xfe)y\x7f~\xfe\xf5?\x80\xea\x7fe\x9c\xc1K\x1by\x14\xc7S\x98C\xa6\xe2E\xa7BRX\xf6\x9a.{\x99\x8b\x12Fp\x0e\x11\x02I\x86\xb8\x97\x1c\x0cx\x99\x0eCB\xc0K%\x14\xf6\x92\xa3\xb72\xff\x80kBB\x0c)2\x84\x801k@&lt;\xa8\xc9A\x05\xa5k\x14\xb5q[\xd2*\xd4.\xa5-{\xd8\xef\xfb\xfd&amp;\x93\xd0}c\xa2hf\xe6\xe3\xf7}\xdf\xfbM`^rr.\x97\x93\xe5\xd6fv\xe7\xcaVim\x04\x97\xec\xb3\xf3\x95\x03\x80A\xb2\xb3;\xab\xb5\xd7,\x9e\x92b?\xac3\x9f\xfe=.\x90P\xed\xd3\xd2\xf6\xeav\xa9\xb9\xdf\xa0\xa3\xc53\xf9R6\xbbY\x97)\x8d\x977\x8b\xb1\x18\x1f\xad\x03\x17\xa3\xa2\x81}8j\x8a\xba\x04A\xcd\xce\xfeD\x83\xfb\xd8@51\x81\xd7o\xad\x99f.\x9e\x8bF\xd5\xb3\xedl-\xefcTs(K9\x1cUa\xf9\x12I\xb6y~\xfc\xd5j]\x1d\x9c\x7fy7\xe2s\xa6T\xa7\xb2\x9f\xbf{\xf8\xb8\xba\xba\xbd\t\xc7\xcfI\x10\x1e\x91\xb1;\xd9\xd5\xeci#\n\xae\xc4\xc9V\x8an\xa4L\x06\x83A\x9aY~&lt;\xf6\xe2\xc9\xf8\xa3G\xbf\x8cC/\x12kv\xd6\xf9\xd0\x83\'/q\xe93\x11|\x9e|\x1e\xbb=\t\x98\xd0\xca4%\xab\x94\xf5\x17\xf3\xb6/\xce\xe5\xcadT_8\xadg\xf2\x95\x02\xb9\x0c\xfeo[\xf8\xf9t\x84\xea\xd3\xbb\xf6\xd5\xde\xfe\xf1\xc3\xc7k\xc6T\xaff\xa22\xdb\x1bE\x9d\xa9ob\x9f\xbaNr\xe9\'\xb7K+\xc4\x95\x0c.\x10\xd7\xe4K`\xfdLr\xb1$\xb2\x04\x8e\x8fOA\xc5\xc9\xdf\x9eN$c\xb1\xd8\xc5\xbd$\x999\xb4=I&gt;\xde\xce\x1a\xbdZ\xb3n\xcb,\x8f\x19\x06\x06\xb2p\xa3U)\x94\x1c\x9b\xb5\xea\xae\xa7^\xbd\xcd\xefU\xceN\x19S\x01Ls\xf0\x01*\x87aa\xdfj\x01M\xe6A\xd5\xd1Su\xe1\xe4\xb6Kw\x9e\x82\x8b\xee+{&lt;\xc9&gt;@\x00\\\xf3\xd3\x0b\xf3SSH\xe88\xcd\xef\xa3&amp;&amp;\x82\xc1X\xac\xfc\xf9R\x90L\x04\xb0\x1a\xe7Y\xbfW\xf4j\x04\xa6\xaa\x19\x1e*)\x96N\xab\x8d\xfc\xde\x80\xcc\xf1\xd4\xab\xb7V\xfd\x18L\xd7\xd7\xa5f\xa5\xd5Pe\xfc3\x19\x96&gt;\xa6\x96]\xcd\x17\xfc\xd4#\x12:5/\xfd\xfe\x9f\xee@0\x18\xec\xe9\xe4\xe4\x0b`A\xac\xe9\x85i\xd6 h\xa9\\\xc0\x1f~]\\\x8cm\xbd\xce\x05\x04\xa8%I\x92.}\xdd\xcc\x86D\xd1\xebe`\r\x02S\x07`D\x16n \x83\xa5\xeb\xd5k\xfe^\xf9\xed\x1d1mo\x16\x9b{\xf99\t\xe7\x963Lbf\xac\\\xdc\xaa\x1c\xd4z\x1az\xc4q"\xa1\xeb\xf8\xa7\x13\xf1\x8d2\xbbS\x97\xc0(\x95c\xe4\xf9g4\xfaJm~\xec\xd9S\x9aK\x9f\x00\xd5\xf7\x9b\x13\x81B\x92\xf0\x14\x15\xda\xd9\xac\x08,E\xd1\xbc\xcaQ\xb3\xd5\xf0\xc9\xeaP1"K\xe86\x91y\xd8\xb5\x0b\xe9T*T\xeaUU\xd2\xe1\x1f\xb6H\xd0\x8b\xc1d\xaaV\xe5Cof&amp;\x12\x81\\\xe7v"!\x08\xba $\x84\x93\x9b\xd8R*\xc5\xc1&amp;p\xf1\xfcb|\x8c\xd4Z\x98\x9e\x87T\x0b\xc1`2\xb9\xb8\x88\xbe\xb0q\xe9P\x81K\x92\xa2g\xfe\x10\xa3R\x14/\x81\x15\xda}\x80\xa9\x90\xcc\x07.\x04\x91\xe9i;\xef\xa1\xe6\x89\x8b\x8b\xab}\xcb\x96\xde\xf2\xe5\xe4\x00\x00\x03jIDAT\xd3\xd1pXU\xd5x\\\xe5\xf5\x17\x97\xa3*-\xd43D\x15\x11\x91\xc5~\x82"\x10\x08$\x02\x97o\xbat\x131\xa1QIb\xad\x86X4.&lt;?\xbf\x90D,\xae\xaf\x7f\xbf8\xc9I.\x16B}\x10C\x9cJA\x1e5\xafvT&lt;\xcb\xdb\xe1\xb0\x8f\x07\x99\x9fi\xa6{\xbe\x9c\x16:{\xf9F&amp;\n\xd7\xa0/\xa9\xcc\x88\x94:9\'\xab\x8dV\xa7\xd6S\x94\x19\xce\x15\xca\x16\x1bD\xc4C\x98\xdb\xd8J\xb1\xa1W\x80%i\x14=\x99\xfc=\xf9\xfe=\x9e\x92\xd0pq\xfd\xafo\xaf/\xc9QC\xac\xa8] \xadf8\x16\x0b\re\xb9_\x05\x99\x83\xb6\xec\x0b\xe3+\xed\xe9\xb4-\x1b&amp;N\xcb&lt;T\xce\x05\xcfGe\xb4\xb9\x9aF\x87\x98a\x11\xf1\xeet2\xa6 8\\\x81\x80\xb9v\xdb]\xa1q\xdc\xa5%\x08\x16\x04\x0c\xcd)\xd2\xc8p*\x95\\/\xffyoJC\xad\xe0\xc8\xa8z\xb7\xeb\xa4p\x88\xc5%\xab[6\x9a\x04\xd8\x96\x97\x97\xf1\xf0yl\xf8?,\xab\xd8\x9c@\x96\xb1\xf8\xe96|~\xa4D\\(\xd2\xebh\x0f\x85.\t\x01\x96D\xe2\xbaG"\t\x8c\x9a\x054b\xe3\xa6\x7f\x803\x15+\xbfA\xfe8\x14\xc7\xa2C\xb6k\x86\xe6\xa4\x906\x17L\x04Y\x13\xf2\xa4\x0f\xd3\xe1\xe50\xa8|\x1e \xa9L#\x97\x0b\xda\x85\xfb\xedf\xad\xe7\xa5\x9d\x95H\xc4\xc5\xd2\nU\xc1\x1c\x80Q\x08\xf1\xd7\xdf\xbe\xa7V\x968V\xca\x99\x1a^Iu/N\xe2\x12\xcf\x9f\xc4\xa9LS\xefw\x8e\\\xad\xe8\xc0\x0c\x8a\x9e5C\x14\rc\xa7V\xa8X\xea\xe1!\xb0\xc2\xcb\x1e\xee5V\x06@"\xbfa\x8d\xea|8\xd2\xf8^#X\xe0\xea\x1d\xb42&amp;\xad!8\x1f\xe72\xef7\xb6\xba1\xea`C\xac\xf2\xcd\xda\x1c\xcb\x1f\xab&gt;\xee*\xc9\xae\x1f\x18\xa2\xa1)\x8a\xcb\xe5\xea\xe5%\xaa\x106\x90\xb5Y6\x1d\xacA\x19\x80\xa9\xdf\xba*:L\x84\x15\x01\x16\xb8"\x0e\x97R\xabT\xf9\xe2&amp;\x11\x18\xa9\x91\xbb\xdf\xb8)\xc7\xe0,6\xfa\xbd\xb2R\xbe\xe0N\x1f2!2Vg\x17\xe7%\xaa\x81\xe1](\xc2\x12\x8dP(\xe4G\xec\x94\x9a\xed\xfer\xda\xc3\x81x/[\xee\xb7*\x07\xbb\x9a\xc8b\xb0\x0fa\x8d$\xb2wP\x9fc`\\2\xca\x92y\xb9\xf6\xf9\xb6\x1bcC\x07\xe5\x8b\xbf/GyH(A\xb6*%\x9c\xd7\xd0\x08KSz\x9a\xa6\xf1\x04:h\xda\x10\x0b\xdfv\x0f\x8e\xad\x81Z\xe1\xc34]\x92\xed\x1a\x86\x17\x8a\x8a\x1a\x07\x13\xb9b\x91a"!\xdfQ\xc7\xca\r\xc1(L3~\xbf\xf6y\xab\xbb\xde\xbdX\xe3=\xc1\x852M!j\xe1\xed\x00\xcei\x00\xcb\t4y\x8d\xec\xe5`\x89^\x97\xca\xcf%#,\xf2\x18Z~\xf1\x08&lt;b\xc8\x10\x7f\x88\x81d\\-\xaf\x16\xe9\xf1L\x12\x18\xc8x_\x02\xd9\xe5\xda\x06\x8c.\x0c|\xee\xb4\xf6\x1cA\xd1\xb9\x0c\nMs\xe0\xb8q\x1d(\x11\xaec&lt;\x1c+\xeb\xf7{\xa8\xad\xd2\x15"R\x1f\xa2\x1c\xe3\xa1\x89\xe2\xff\xd1\xe0}\x85\xccE\x8aGz\xc5v\x95Q\x11\x98\xc9\x9b\x00J!\x90\x10\xdc`t2\xf5cv"\x06e\xf4\x8c\x81d\xca\x08\x96\xa8\x85`y\xbf\x7f\x84\xcc\xe3\xeb\xe7\xd1\x0c\xc0\xe4gX \xe0 \xa1\x01\x11\xe4\r\xb9\xb2)^\xf6\x0bC\xec\x15+-\xab\x11\x07\x96`:\x1d\xc0-OV\nQ\xbbo\xdd\x9d\x15w\xc14\x80\x1a\xc4(\x96\xe2:\xdeM!\xc5\x7f9\xee\x84\x80KB.\xad\x00\x00\x00\x00IEND\xaeB`\x82'</t>
        </is>
      </c>
      <c r="M505" s="3" t="n">
        <v>45492.67805555555</v>
      </c>
    </row>
    <row r="506">
      <c r="A506" t="n">
        <v>1197041</v>
      </c>
      <c r="B506" t="n">
        <v>1957</v>
      </c>
      <c r="C506" t="inlineStr">
        <is>
          <t>Ángel Romero</t>
        </is>
      </c>
      <c r="D506" t="inlineStr">
        <is>
          <t>Ángel Romero</t>
        </is>
      </c>
      <c r="E506" t="inlineStr">
        <is>
          <t>PE</t>
        </is>
      </c>
      <c r="F506" t="inlineStr">
        <is>
          <t>ATA</t>
        </is>
      </c>
      <c r="G506" t="inlineStr">
        <is>
          <t>PE/PD</t>
        </is>
      </c>
      <c r="H506" t="n">
        <v>177</v>
      </c>
      <c r="I506" t="n">
        <v>11</v>
      </c>
      <c r="J506" s="2" t="n">
        <v>33788</v>
      </c>
      <c r="K506" t="inlineStr">
        <is>
          <t>Right</t>
        </is>
      </c>
      <c r="L50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f28828ee-c0a7-42d0-9006-5c5ba6ee9d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^\x121(\x00\x00\x00\tpHYs\x00\x00\x0e\xc4\x00\x00\x0e\xc4\x01\x95+\x0e\x1b\x00\x00\x03\x00PLTE\xff\xff\xff\xf6\xf5\xf2\xf9\xf7\xf5\xec\xeb\xea\xf8\xf6\xf4\xf2\xf2\xf2\xed\xed\xed\xff\xff\xfe\xfa\xf9\xf8\xf9\xf8\xf7\xf4\xf3\xf0\xf7\xf7\xf7\xef\xef\xef\xf0\xf0\xf0\xf4\xf3\xf2\xfe\xfe\xfd\xf5\xf4\xf5\x19\x14\x10\xb8\x80Y\xd3\x9cw\x1d\x17\x12$\x1f\x1a\xf2\xf0\xed\xd6\x9fw-\'\x1f!\x1b\x15\xacsO\xea\xe8\xe7\x13\x10\r)"\x1a\xb2zT\xc6\x8cd\xb5|V\xfa\xfa\xfa\xafvQ1*!\xa9oI\xd1\x9ar\xd6\xa1z\xba\x84aA8-\xd7\x95k\xb4yR\x88aK\xaf~`\xd8\xa2z\xce\x95v\xca\x92j\xce\x9ay\xa4lH\xdf\x9aj\xbf\x85\\\xa5mO=4(\xe0\xa6\x80\'%"\xc7\x8cj\xc0\x8bk\xbf{Q\xd8\xab\x8f\xcf\x97n\xadxY(\x1d\x14\xb4pJ\x98mV\x90gO\xc2\x89e\xe9\xad\x81\xb0\x84l\x1c\x1b\x19\xdf\x97yH=1\xe7\xe5\xe3\xeb\xb0\x85\xc1\x8ep\xe6\xe2\xde\xca\x88_\x9dfF\x97hJ\xbc\x82Z\xdf\xa1y\xafpK1#\x18\xcd\x91o7-#\xfc\xfc\xfc\xb9}U\x85[B\x9ekK\xe5\xaa\x81\xc9\x95u\xe3\xae\x8d\xdc\xae\x92\xd6\x93s\xd4\xa8\x8d70&amp;\xab\x7fg\xd1\x8el\xdd\x9dv\xdd\x96c\x86T7\xe3\xaa\x86:(\x1c\xb1|[\xb0\x80e\xd9\xa4\x7f\xc1\x89`\xbavN}P8\xcf\x8bf\x8f\\&gt;\xe8\xa9|\xc6\x91q\xbe}Z\xc6\x80R\xe1\xde\xdb\xe8\xb4\x92\xd8\x8dk\xe4\xa1m\xd7\x91`oD.\xb7}^\x0b\t\x07\x96cD\x8fbI\xd9\x9aq\x96\\C\xa3gED.\x1f\x9e`BtM7\xd4\xa1~\xc2\x84`\xf0\xb7\x91uT&gt;\xbafa\xb3uV\xc6\x84[~[G\xf0\xec\xe9\xe3\xa6{\xbc\x88g\xa8{`\xba\x8bqmL9\xabhH\xf7\xf2\xee\x8aU=\xed\xae\x92\xd0\x92g\xb4\x80_yWC\xc2~X\xde\x94r\xd3\x8bVX?/\xcc\x85U\xdc\xa9\x87\xdd\xa1}\xa6tTT8&amp;\xb6\x81f\xd8\xa5\x86\xdf\x9dq\xa4v\\\x9frW\xbaxU\xb7\x87leF3\xe7\xa6uI5%\xd2\xa4\x87]=)\xe4\xa0\x80\x8fkW\xd2\x8c_\x80V&gt;f=\'\x80h\\\xc3\x99\x82\xe2\xa2r\xa9nW.,*\x9emS\xcd\x80^\xf7\xbf\x9c\xab\x8axXPJ^I;\xed\xe7\xe3\xc8\x8cp`YT\xe4\xd0\xc5\xea\xa8\x8a\xd9\xd6\xd4zH0\xadcY\xd2\xcd\xca\x9dwb\xa3\x81o\xc0\x82h\xd6\xba\xa7\x889\x1f\xb6\x90|\xee\xb2\x89\xcc\x9d\x82\x9c]M\x80`M\xbbve\xe2\xb2\x96\xe8\xb7\x9blRA776\xf0\xb8\x99\xc2\x93zQG=\xf4\xc7\xae\xa7^R\xd7\xb1\x9a\xcd\xa2\x8c\xb6w[\xb7\xb2\xafoje\x98\x94\x91\xcc\xad\x9bPB4\xed\xbe\xa7\xa8a?\x93H+\xe6\xd8\xd1\xe0\xc9\xbb}yts[N\xf2\xe0\xd7\x9dS4EA&gt;\xd9\xc0\xb2\xb4lT\xc4qi\xb1oa\xc9\xc5\xc2\x94wi\xbc\xab\xa1\xa8\xa2\x9f\xc8\x82g\x9d\x87{z1\x12\xc8\x81s\xc1\xbc\xb9\xbc\x9d\x8b\xa9\x96\x8b\xa7X9\x8c\x88\x84\x85\x83\x80\xcdpS\xc4_H\xb3&amp;l\x0e\x00\x00 \x00IDATx\xda\xdc\x97\xe1o\x13\xe7\x1d\xc7\x91\x18\xd0)\xc0\xe5\xba;\xf5y\xca=l\xe1\xa1\xe2\x92\x14u\x8dz\xbe\xaePC\x17\xac\x0b\n\x84`]\x00/\x19\'\x19b\xd4\x91\x92\x8ah\t3du\x99\x14\x89(\xaa\xb2\x17\x14\x94\x04\xea*tMLD\x80Y\x9e4G\xb2\x14)\xf0"LU\x86UK \xdb\xcb+#\xf9MX4)\x95@\xda\xf7\xb9\x04\xd4?\xc0\x0e\xd3~\xb1\xad\xf3\xe3\x17\xcf\'\xdf\xdf\xf7\xf7}\xee\xd6\xac\xf9\x7f/I\xd4\xff\x14\x8c[\x15[\xa6\xa7\x1b\xd7\xb5H\xd2\x86W\x0f\x05\xac\xca\xf5\x9b6o\xae\xdc\xb8\xa9q\xe1y2\xb5\xd8P\xd1\xf2\xcaE\x93\xaa6lZ\xc8\x17\x9e\xe5\xf3y\xbc\x9f\xa5L\xb3XX\x9cY\xff\x9a\xe0\x92^\x8dL\xa8\xaa\xe9\xc5\xc5\xe7\xc9\xb4\x99H\x98&gt;\xd54\x13i\xd5G\x1c=U\xc8/\xadmY\xf3*4\x93Z\x1a\x16\xb2\xf9B\xb2XL\x0b\x18\x9fi\xca&gt;\x9f\x8f\x13\x99\x18\x86n8\x99Taq\xfa\xa7\xab\xce%\xb5L\x17\x8a\xd0HU!\x92I\xc0\xc5U\xc5T\xa8JUC\xb7tB8\xe3\x99|C\x95\xb4\xcaT]\xb9\x84\xaa\xf9LU\xf1\xa9h\x1c\xc15\xa7\x84Q\xe6S\rc\xde\xb2\x19\xe7\x94\x92\xc2\xf4*r\xc13\xaf\xcd\xe4L\xf4L\x16\\\xaaI\x18\xb3U\x8d;LgLSt`\x11\xd51\x08\x96sK[V\xcda\x92T5\x93\xd4\xc2\xd0\xca\xd4dN\x14\xd3q\x88\xed(D\xe7\xba\xae\x845\xdd\xb0\xe6\x19s\x0c\x1b\xcb&lt;SXX\x1d\xc16\xb44.e\x0bi\x13\\j\xda\x94MC\x85\x9b\x0c\xc3\xe2\xc4\x82\xd3)\xb0\xb8\xe1b\x19\x10\x8c\x1bF\xf2\xdf\xebV\x81K\xaa\\\xcaa\xfa\xd2\xc5\xb4\xaa\xc9\x89\xa2\xa9\xea\x8e\xcc\xe7\xe7-4N\xb7H\xc6\x08\x87u\xce-\x06\x87\xe9\x8e\xc3\xb8n\x1b\xc9le\xf9\xb9\xaa\x96R\xe94RJD\x95&amp;[\x86\xeaXT\xb12\x00#F\x86X\xf3B-\x0eoY\xdc\xd6m\xca\xa1\xa3\x9eCR\x94\xdbV\x8d\x05\xa4&amp;\x90\x98\xa2\xc0Z\xaa\xae\x12\x8b\xc8Nf\xca\xb2\x18\xb1\xb8\x93\x91\xa1\x161\x98b\x11\xfc@m\x18\xcd\xb0\xf2]\x95e\xa5\xaaX\xbf1\x8f(@x&amp;\x1cS\xd6LUs\xb8\xaa\xeb\x1a\xd33\x168t\xcc"\r\xeb\x18C&amp;\xeb\xaa*\xb0\x1c\x8c\x81\x9e\xccvU\x95\x13k\xfd\xcc\xb3\x84\xcf\'\xb8\xb0\x1b\xd1\xb4\x84\xc6\xb8\xca-\x05\xee\xd2m\x9b\x18\x8e\xc2i\xd8!*\x07/\xa5:\xa3B9\xc3\xb2\nK\r\xe5\x8b\ti]6\x97\xd0\xc2\xb2\x8f\x12\x13\xfe\x860\x88wBU\x9d\xc9L\xb7\x98\xcd\t\x97Uo\x983\xc6\xa8\x86K\x83\xaa"\xc0\x1c\xdd\xca\xe4\x17*\xcb\xc5%\xb5\xcc$M\x88%\x9b\x9c\x99b3\x12\x96\xb9J\x14\x8a\x83\x10&amp;r3^\xa6L\xe3\x8cRY\xc3\x1aW\x90\xaf\x94\xd8\xdc\xd0S\xcf\xa6[\xca\x85U\x91Mk\x9aL\xc4\xfc+\x0eO\x18\x8e\x1c\xc6\x01\xa3(*\x91\x15\xe6(\x80QdY\xd5\x08U\xa8\xa2\xb1\x15,\xc5v\x18\xe3V!\xbb\xbe&lt;1!I[\x9e#\x184te\x8ak\x84q\xd3\xf4\x85\xc1Ce\x15SI\x81F5Y\xd3|\x00\x13\x84TS\x98\xc2u\x95\x1ah*q2\xb9\xc5ley\xb0\xa6\x93\x89t\x9a1C`\xa9\x14\xa7\xa1\x02\xf1\xb0?U\x19NFY\x06\x94\xa6)\xb2\xa2A50*^\xea*\x05*\xb8N\xcf\xe4\xd6\x96\xc7Z\x0bE\x04\x03\x06\xcb\xd1\xb9\xa6(PE\x16X\x8aL)\x83\xf1\x05\x0fV\x14\xd1I\xc0\x02K\xc5m\x84\x97\x11\x17\xcbt\xd2\xa9\xb2\xd8KZ\x97\xa7\xb8\x8b\xb1u\xcb\xe1\\0P\xa1\x0f$\x832\x14\xb3\x87F\x8a\x05\x10)\x82\x19X\xa0\xf53\x82\xe2\\U\x13\xe9T\xbe\xa1\x1cX\x8d)\xdc\x7f\x12\xc7\xd0m\x023)\x9a\xd0G\x11W\xc0\xf2\xfa\xf1E\x85PP\x8b\xba\xd6rE\xf4{\x99\xdf\xe6\xdc!\xb86\xd3\xc9l\xe9CB\x92f\x8aHw$9"\x12V\xa2\x1a\x9cN\x99\xed\xf5z)\xf3\xb2\x10\xbe\x08\xe5d\x81\xe9\xf5\x82L\x01\x12\xca\xb6\xfd\xb6\xe1\x85\x86&gt;3\xfd|\x93T\x06k\xa5U\x95\x12\x9c\xbd\x0e\xd4\xa2^\xd9\xeb\x87\x9fc~?\x04\xf1{C!\xe0Q\x11\r\xd4+H\xbd^\x7fH\x94a\x84\xfc\xb67\x8c\xd2|\xe9\\W\xe9\xb1\xaa\xb2\t3\xa1(\xdc\xc1)C\x18\xa4\xc2\xc6\x91X,\x14\xf2\x87\xc4\xa7\r&gt;\xf0\xf8\xbd\xfe\x95\nE"1\xfc\x1e\x8b\x84\xbc\x9a\x8b%\x9b\xb9\xe92\x1c\xd3\xf9\x84i"!m\x98\x85\x10?\xf6\x8f\xc4\x86\x87c\x91\x88\x81\xcd\xf1\xb6C.\x0b\x14\x8a\xb8\x15\x8bF\'\xa2\x13\x13\xd1\x18\xb0\xdc\n\xcb\xc9\xe9\x92\x9bkCW\xcaL\xa8\x98vn\xdbF\xc4\xc6\xf6\x91\xe8X\xdfXt\x18h\xd1\xe1X,\x1a\x11K\xb1\t\x80L\xdcY\xaesnMD\xfc^y\x99+\xbdPb,I\xfaI\x1e7\x7fx\xdc"\xb6\x01\x8ch4\x1a\x8b\x8e\xdd\xbe\xd07\xd8\xd7\xd77688&lt;&lt;\x06\xe1\xa2\x13c\xb7O\x9e\xec8\xf9\xe3\xea8\x17\r\x81K\x0c\xa9f.J\xa5\x9e\xc3\xae\xa4\xecSEB\x19\xc3c\x83}\x17\x07\x07\x07/\xden\xfa\xeaX\xd3\xdf\xbe\xf9fom\xed\x95\xbe+}cc\x1dG\x9b\xde\xdc\xba\xed\xf0\xe1\xc3\xdb\xb7\x7f\x86:\xf8\xf9\xe7\xe7\xcf\x9f9\xe9ra\x1e\x10)\x85u\xa5Vk\xba(\x8b\xbcd\xf6\xf0\x95\xda\xda\x8f\x9aP\x07\x8fm=\xf4\xfa\xef\xde\xff\xf4\xd3_\x9d\xfa\xf0FS\xd3GGk\xdf\xfb\xc5\xeb\x97\x0e\x1c\x189{\xf6\x83\xd3\xa7\xf7\x00\xee\xcf@;\xf8\xc7\x8e;b.\x98H\xb2R\x8f\xa2P\x8b\x98TQ\xed\xf9+{\xbf\xf8\xf6\xebS_\xfe\xe1\xc8\x91C\x07&amp;/\xf7\x06\x9b\x9b\x83\xbbw\xbf\xb3\xe3\xeb\x1d_\xee\xf8\xf5\xe5\xc9\xc9\xa1\xc9\xa1\x91\x97`\x82\xec\xe0\x99\x8b\x131\x8c\x03\xfe\'_r\xa6\xe4j\xa5\x88\xaa\x12\x07T\xdf~\xff\xcb\xdf\xbc\xf3\xfe\xcf?\x99\xec9Q=\xda&lt;\x10\x08\x0c47\xef|k\xf7\x1b\xbd\xbd\xd5\xd5=\xa8\xc9\xa1!\xc1%\xc0\xf6\x1c\xde\xfe\xae\xe0\x8aF\x04\x97\xa2\x14\x17J\x8c\xd5\x92-\x8a)\xb4\xa6n\xed\xfb\xfe\xe6\xcd\x9f\xbd\xf1\xdb\xea\xea\xea\xba\xba\xeexgg}}}g\xa0\x13h\xa3\xa3uu\'zN\x9c\xe8\xe9q\xb9\xce\x9e\x05\x16\xb8\xb6\xbf{\xbe\xe3\x0e\xb8`0E_\x92J+VE^\xb7\xf1\x885\xd5\x7f\xef\xaf7\x8f\x1f\xffS\xb0\xb7\x17P\xdd\xf1\xf1\xfa\xfd\xa2@\xd69\x10\x8f\x8f\xd6\x9dpkhhY0W\xaf\xc3\xdb\x0f\xde&gt;\x87\xf8B\xacR\'[\xd2GlIZ\xff\xdc@^\xcd?\xbc\xb5\xef\xf1\xae\xb6\xb6\x8f\x83\xc1xww\xf7\xf8x\'\xb0\x1e&lt;x\xb0\x7f\x7f\xa0\xb3s&lt;\xde\r\xb9N\x08\xb4\x9e\x17\\\xae\xbf&gt;;sqL\xc4\xaa\x9f\x92\xc5\x8a\xd2bu\xe5\x1c!\xd6\xdd{\xb37\xdb\xdav]o\x8e\x0b\xacn\x81U\xbf\xff\xc1\x8a\\\x82\x0b\x7f/\xb0F\x04\xd6\x1e\x17\xabcp\x0c\xa9\x0b\xb9\x9eo,%\xd6\x06\xa9\x11XF\xe6\xc9\xad}\xff\xd8\xd56\xd7\xe6\t\x8cw\xbfTk\xb9\x8b\xe0\x8aw\x8fvC\xb0\x97\\\xc0\xaaq\xb9\xce\x1f\xed\x03W4\xe2\xa7\xb9\x86\xd2\xaa\xb5\xb6\x80\xdb\xd2\x87w\xef\xed{\xdc\xd6:\xd7\xd6\xfa\x02k\x85* \xb0\xc6\xe3q\xd1\xc6\xba\x15w\x8d,\xcbU\x83F\x1e;s\x1bgA4f\xb3TW)\x8f\x1f&lt;^\x14t\x1db\xdd\x9b}&lt;\xd7\x8aj\x7f\xd1C\xe1-\xa1U}@4\x11\xb3X\xb7\x0c\xd6\xf3\xc2\xf4\xa7k\xfeR\xf3f\xd3\xd1+W\x1eN\r\xc7Hq\xa6\xa5\xa4X\r9\xdd\x9a\xba\xfb\xf4\xfe\xec\xf1\xb9\xd6\xf6\xd6\xd6k\x03?\xe2\xaa\x0f\xa0:\x07\x06\x06\x96\xb1\xdcaDJ\x8c\x9c\xbd*\xb0\x8e\x1c\xa9\xd9\xf6\xde\x85\xa3\xfd}\x0f\x87-\xdb\xceV\x94\x14\xab\x11X\xc9\xbbO\xff\xfe\xc3\xa3\xb9VO\xfb5\x8f\x8b\x15w\xbd\xe5R!S\xe3"\xbazW\xb8\\\xb5\x80\x05\xb0#5\x90\xab\xb6\xbf\xbfoj*\xe6\x7f\xb6I*m\xc8\x1b\xc5\x94\x8b\xf5\xcf\xd6\xf6\xf6k\xed\x03\x10f4&gt;\x1e\xa8oo\x0f\xb4\x07&lt;\x90\n\x81\xda\x1cD\xd0\xd7\xf5.k\xb5\x9c\xf4x\xd5\xd4\xd4l;v\xa1\xbf\x1fm\xb4H\x89\xcd5\x9d\x82\xb5\xee\xde\x17Xs\xed\x1e\x8f\xa7\xb9W`\r\x04\xda\xf1\xc5\x15\xcb\x03\xac\xe0(\xb0P8\x7fD\xcc\x7f \xea\x88\xc0\xda\xfa\xd5\xde\xda\xef\xfa\x1fN\xcd\x1b\xfaBI\xcd5\x93\xb2\x92O\x9e\xfeg\xf6\xb1\x8b\xd5\xbc\x13\xba\xf4\xe2\x98\x06\x97\xc7\xe3bz\xc0\x15t\xa9&amp;\'\'\xc5\x14\xa2\x85\xa2\x0e\xa1\x87[\xb7\x9e\xba\x01\xae\'\x0f\xa7tg\xb1\x849/m\x98I\x15\x85\xb5f\xff\xf5hn\xee\x9a\xc7\x05\xe8\x01B\xb0\xf9\xfau@y\xae\x03K,\xfe~\x19\xeb\xc0\x88{(B+\xbc\x84Z\x1f\xbe}c\xef\xad\xef\x9eLYv\xbe\x94\x9e\x07V\xc6\xb5\x16\xb0\xda\xae}\xbc3X]}\x19U\xdd\x1b\xbc\xeer\xe1\xf3z\x10X\x9f@\xc3jq\x13\x01\xbdF.\x8d\\\xbd\xeaR\xd5l=\xf5\xf6\x17\xd0K`\x156\x97\xf2\xb0v\xb1\xee\xcf\xfe\xf0\xe8Q\x9b\xc0\x12{_\x862\xbd\xcbj\x896\x02+\x08\xb5\xdca\x84\xe7\xddV^\xfa/k\xe6\xff\x93v~\xc7\xf1\xdb\xa5\x19\xdd/3\xd1-.$\xa7\x9ek\x8f\xb5R\xbf~\xe2\xfc\xc6\xe1\x17\xc2R\x0f\xfcr\x9c_Z\xc5\x00\x85\xc2\xa9\xa04\xd0bP(\xb64\xd0\xabZ\xc4o\xc4\xfa\x15\x8b\x1a\x8a\xdf\x90\x89W\xcf\xab#\xf1,E\x9d4\xb4nu\xb7\x1c\xd0N\xc9z\xcb2\xe7-q\xd1\xbd\xde\xd8\xdb?\x00/&gt;\x92\xf8\xd3\xfb\x91\xe7\xeb\xf5~\xbe^\xaf\x0f}\xe5&amp;\x84\x15G$\x12YcS\xbbP\\\xdf\xfe4\x8cb\x01\xd6\xe3\xdd\xb9/\x9f\xa1&gt;\rX\xd1\xc1"j1rJ\x10\x13\x8f\x07\x97\x93\x87\xb2\x88\xc2hD\xa3D*\x1a\xbc\xa6O\xb0\xe2\xe2\xf8|\xa2@\xc0Z\xdd}\xfe\xddo\xbe\xfe\x04\x87\x0b_ODX\xff\xfc\xc6\xfa\xaa&amp;\xbb:{\xf4#\x18\xf9Z\xd0E\xbc\x07\xb6U%\x91TI\x90\xf1\xa7\x83C\x94\x04\x9dbrr\xfeD1\x9a\xb6\x18\xdc4.\xae)\x88\xc5\xda\x04\x8b\x80\x015\x8c5\xff\x87oQ\xc5\xbf\xca\xceFX\xd1\x10\x9c\xf9y\x80r\xa9%jx$\x10U&lt;\x94\xce\xa0\xe1\x83\xe3\xcf\xa7"\x9f\x00\xae4(.\xa4\x16Q@aM\x81Z/\xff\x13&gt;,4\xd8&lt;\x9e\xfb\xc6Z\x03TH\xad\x0b\x83`\xa0\r\x88*\x18\x08J"\t\xf6JpW\xe4b\xf7\xe6\xd1\x9d\xa0\xd1hZ\xadV\x1c\x17\xc3\x87 \xb2(S\xa0\xd6\xcb\xbf|\xf2\xd5\xe9\x88pb}\x89RX\x9d\x9d=z\xa2\n\xb4C\x97K\xed\xf1\xa8\xdd\xee \xd7\x96d\x0b\xa5r\xf0\xc2G\x89\x19\xf9\x84\x1e&gt;\x9f\x14\x8f\xc70|\\Z1@\x91\x88\xed,V.\x18\xea\xd2f\xbbu\xaf\x0c\x17\xaeV\xfd\xb7\x13,\x14\xa0\n\x12\xe4\x1exi\x95\xc4\x8d\x84B\x11\xa4\x1a\x88\xcea\x10\xf8E\xcd\x15\xb0I\xb6\xb6\xde\x99\x99\x99\xa9h\x1e\xe2\xf7\xf0I$\xb8\x8a\xacU\x98"\xfagU;\xaf\xbe\n\xcf\x8f\xec04\xff7\x88\x85\xe4\xaa\x96HxpzRRFcbr\xf2\xad\xcf?\x1f\x80\xab\x88\x12\x08\xd5\x15\xc5\x88\xad%UV\xc04\xfa\x08\x16\xed\xfb\xad\xbd3w{+\x8aHDP\x0b\xb8Vw\x01K\xa6\xd3\x05\xac_D\x84\x07\xeb\xe7\x7f\x05,s\x10kK2\xda\xc8\x1fZ\xc8kNHH\xa8h~\xd8&gt;R\x98\x18\x9d&gt;\x80,\xf5BtNl-\x81?\xd4\\13S\x0f:U.\x0c=\xccmn\xce[\x18#\x91\xc0PY\xab\x9bK\xfd\x13\\\x9d\xcf\x1f\xf8\xf3\xe9p\xc8\x15Q\xf6\x93\x7f}=\xf7\xec\x04\xab\xda\xdc\xb1\xd0\x1c\x1c\x83\xfb\'\xfa\x1f\xdd\xafX \x12\x92\xceF\x03SKNwRlmZd\x0cVY$\x97\x17Ubx\x8dF\x03\x19\xe4\x13{\x88|"\x89HAX\xbd\x95o\x03~\xe7\xdb\xbd\xd0\xdd\x0b\x87{\x7f\xdb\xfbo\xc0:\xf1\x07s\xc7\x18(\x00\x9f\x84\x8a\n\x10%a\x81O\xa8\x8d\rn\xaf\xef\xa8\xf0)rn\xbd^\x8e\xc5kP4\x11\xda\xda\xda\x08=\x08\xab}si\xa9hG\xa3\xf2;\xfd\xafN\x85.W\xe7\x9eg&gt;w7\x88USc\xb6\x8e\x13I\xb0\xec\xf3IC\x18]\x0e\xaa`\xf1q\xe5i\xb199\xa8I\xd2\xd2\xcaK\x95r\xbdcvVV\xaf\x17\xc9\xe9\xa0X&lt;\t\xc0\x08p3\x89\x14V\xde\xc4\xc4\xd0\xf9R\x9d\xdf\xe9|\xfb:\xd4\xaa\x8f\xc0\xbd\xd9\xb7\\\'\xbd\xc32\xaf\xbf(lk\xda\x81\x000\xacR.\x82\xc3S\xf0\xc0\x95\x14\x9b\xd4\xdd\x1d\x9bUJ\x17q\x81\xaa\x15\xa6\xd1V\x99\xccQ\xaf\xa7\xdb\xe2\xf9=\x04\x02\x01\xf9\xfc\xd4\xf3;$\xa5\x8f\x1cp:}oB\xbe\x8ce\xa3\x87v\xe3\xed\xcd\xa0A\xd4\xac_n\xccl\xd2h\x10\xd4\xd8\xc3"\x91\x9e\xcb\x15\x89Dt|y-\x1a(\xba\xb5\xa5J\xa0\x92\xcd\xca\xee\xf4\x7f\xf7\xd9\xc7\x9f\xde\x1c\x9e\x959\xe4\xf8\x18~$\x810\x02F?\xf5\xfc.)\xe0#\xfb\x9c\xce\xc3\xbf\xe3B\xed\x87\x9d\xd2\xe3\xef\x99\xec\xa9\x13\xac\xe4\xcb\x99\x04\x8d\xc6V)\xafh\x9dX\xea\x7f\x04\xc7\xd6\x8bD\n:\xbe6\x07\x8aK(&gt;\xa3\xe0:\x1c\x0e\xd9\xc4\xee\xcb\xc7\xbf\xff\xe5\xaf_\xf6\xdf\x1c\x96\xe9\xb1\x98\xb8\xb8b\xa8.\xa2 \xf7\xce&amp;\xe6#\x93\xc9~\xc0\nQ-\x1cn\xef\xe8\xf8\x87\x9a\xa8Ud\x10\xd55\xc9\x8d\xf9M\x1a:\xd7\xf1h\xf8\xe6\x07\x8f\x7f\xf5\xf1M\x00\xe3\xeaEt\xac\xb8\xbb\x85\xd32\x9d\x05\x1b4W\xe1\x98\x9dz6w\xf5\xd3\xcf~\xb7{wvx\xb6^~&amp;\xfe|dd\xcf\x88@\xb0z\xb7\xd7\x7f\x08X\x81p$q\xfb\xf8x}k\x90\xf2\x7f\xac\xf3\xf4z\xd9\xf0\xf0\xdc\xd2/~\xfb\xc1\xd5\xa5\xcdY8\xb7\x92\x1e_,l)1\xde\xa8\x83\x1c*T\xb2\xfa\\\xd6\xea\xfd\xfe\xfe\xfb\x15z\xbd\x9e+B\xb5\x07X0B\x8cm:\x0e\xfc\x87(\x8b\xba\x90\xb1p\xde\xe3\xef\xb3y\xe9/\xa6\x10\xd6hrR-^\xae\xef\xed\x9d\xc9\x05=\xae\xde\xdc\xcdu\xc8\xb8J&lt;\x16#\x16\x96\x144\xa4&gt;\xf0\xa9D*:\xb6\xb1\xa1\x80\x06\xa4W\xa8\x94\x18\x9d\xaeL9\x83\x07\xb9\x08\x02\x81\xa0=Av\xe0\x0c\x04|\xbe0\xdc\xc4\xf7\xbc\xc7\xfb[\x16^\xd4*`e\x8fF%\xd5\x16\xf3\x89#\x82"E\xee\xdd\xde\xfb\xad\xa0\x86\x9e\x0e\ry\xe7\xb6\xf1\xa2\xda5y\xa5N\xa5R\xd0m6\xdb\x02]\xa1\xa0\xebJ5\xf8\x14:x\x84\x06\x1f\x1f\xd3#\xa0\x80C8\x9c\x10\x81C\xe7\x1fCm\x8b\xb8\x0f\xbdG?T\x95p\xa2X\xcf\xcc\xd9\xd5\x03\xb7\xce&amp;\xc5f,\xc3m\xb4\xd9\xc6\x1e.l(\xe0t"\t\xd3\x88s\n\xd4\x8b\xea\x82\xd4kJ\xa5\x12\xe4\xc2\xfe\x84\xe9t:\xf4\xb6&amp;\x05\xaf\x89\xd9\x89\x8c\x03\xbb\x0fb\xd5\x83g\x1d\x04\x0e\xfd\x85\x9d\xa1\xe6\xf0\x94\xf7\x88i1p\x84c\xd0|``N\xce\xc8GXkMMM\xff\xb0a\x1b\x8a\r\x9b\x80d\x12\xd3.\xa8\x17\xb7\x17\x0b\xae\\#\x03L\nf\xb3aJ\x15\x84\xf2\xccyS\xb98-\xad\xb88\xf2D-\xbd\xdfy\x80\xb0^\xfd,T\x8f/\xdb\xb6K\xa9R)y\xa3\xc3l\xae\x1e\x18L\xec\xc9\xcf\xc8\xc8Xk\xd2\xe0u\x90\xb0\r\xcc\xd6\xd4$\xd6\xd2rx\x08\xab\xe1\x8a6\x8bL6\x89M\x1a\x93\x18\x0c\x17\xbeQ\x98L\xe7M\xe2\xe2\x11\n\xc2\xa2\x07\x00\xcb\x17\x08&lt;\r}\x84xb\x90\x1a\xa4\xc2:[\xc7\xba\xd9|+=\xaa-\x83\xc1\x00,\x18\xf10\x1b4\x16\xc2m\xadVx.\xbd\naM^\xb1\xf7e\x91\xeb\xfa\xb4\xda&gt;\x88\x93/4\xa2\xf6\x01Z\xdb8\x85\xd2\x9e\x87\xf9\x0f\x0e\xfc:\xbf\xeeI\xe8\xf3\xc3\x9e\x85j\xb0\xdb\xfb\xd6^X\xcd\xe6\xd1\xf4\x92\xb3gs\x18l\x10,cy\x19}\x0b!\xce\x95\\\xba\xe8Bj\xa5\xa2\xd5\xb0.\x0b\xb1\xd8\xed\xf6}\xfb\xfe\xbe\x90\xcdf\x0b\x85\xb1i\xc5m\x1d\x14\xcaj^\xa5\xf3\xc0\xe9;\xf4\xef\x84&lt;A\xe0p\x9d+\x06\xc0\xb2/[\xad\xeb\xd9U\xb0v\x95\xc0\xe6\xd5\xc2d\xa0\x80C\xd1j\xc6\xb9T\xe0\n\xd6\xd6\xf5\xe9k4Z_]\x96\x9d&amp;\x94\xc2\x07\x85\x94\t\\\xb1\x19\xf9\x99\x08+\xc1\xe1\x0c(}\xfe\xc3\x17\x9d\xa1c\x9d\xea\x92R\xedG\xc2\xd1u\x84\xc5\xbb\xd7\x806\x1b\xe0\x02\x19\x80\x89\xd9\xc2l\xe1\xf0`\xffY\x84PO\xde@9\xbbv\xed\x01`\x9d\x04\x1b\x1e\xc0\xca\x07\xacq\xcaj\xfd\x81\xbf\xb4T\x15x\xfb\xb4,t\xac\x0f\xbdR\xea\xf4\x11{\xc0l]\xaf\xd9\x92\\\x84\xd5\x02\xc0\x82o\x1c\x98\x1c\x8e\x01\xb4\xe2I\xbc\xdb\xdbA\xac\x86+\xa0\x159\x8b6-\x95\x1a\x0cT\x03\x95\xcad\x02\x18\x9b\x1d\xbb\xd6\x96\xd9\xd1A\xc9\xadw\xa8\xca5\xba\xb7\x85\xafC\xdf\xcap\x11O\xe0\x88#\xfbh\x8d\xd5j\x86A&gt;\xf8b\xb9\xc0b\xb1P\xe1\xcfb&lt;\x97Z\x92^\xe5\x06,\x8fZ\xedj0N#\xae:\xad\xd4`\x04(\x08\x03\x13\x82\x9d\x91\x99\x89\xd4\xca\x15\x05JM\xa6\xba\xb5\xa7\xa7B\xbf\x88\xd0\xab-R\x8b\xd4N\xbd\xf5\xc2\xba^\xed\x06,\x97\xab\xcb\xb5rq\x05\xe2\x92\xa5\xc4h4pV\xdc^\xc0\xf2t\xadL\x1a\xcfu\xdf\x98~@&amp;\xdb\xa5\'TT$\x18\x9b\xc1h,,\xec\x18gM\x89|d\x93\xc9\x94\xb8\x17\x86\x156"\xe2\x8b.\x83t\xc5u]\x88j\x1e\x96BP\xa5+\x18\xc0e\xb9g\x94J/A\xb9{=\x1e\xef\n\x82\x10JSo\xf4\xe9\xc8}l\x03\xd5BE\x0f\x95\xbd\xccXnl\x04\xb5\xc0M\x01\xabN\\\xdd\x19\x86\x05\x03Fy\xaf\x85\xea\xdevq\xa0\xe6\xcdUn/d\xab\xeb]\xacX\xe0\x8eZ&lt;\x8b\x8b^7\xfc\x07FBe\x0b\xd9\x06\x03\x8d\xac\xd2\x99\xd8\xccwb1\xa1+46B\x0eYyA\xb5\xf6\xdf\x84e\xef\xc1\x95\xed\xb9\xd5\x90%\xf5-(\xae\x81-/puuy~\xa4\xca\xdaG\xa0U&lt;TlL&amp;\x95\xb1\xb6\x0f\xce\x00X\xef\xb8Pi!\xb1\n\xc7\xc7A-\x85Og\xba]\x13\x9e-\xf1\xbd\x88\xf7\xf7&lt;\x1e\xc0\x8a\x86\xe22W\xbb\xbdn\xc9\x8f)4\xd8\xebL\xcbn\xcf\x8a\xa5%1\x8a\x1a\x85\x184\x0e\x87\xc2\xd4\xa7\x03\xacR1p\x05\xa9\x18\x8c\xcb\x08\x0b\xd4\x92\xeb\xc8\xe2\xf5\xd7e\xe1z5\xd2\xb9\rX.\x0e`\xad\x8fnAy\xad (\xa0\x9a\xce\x12\xef\xef\x0f\x0e\n\x95\x0e\xd9\xc623\x91\xc1X\xa3sa\x19S\xc0\xa4\x05\\\xb7\xd9`n\xf00@\xac\xcc\x11\x18\x03\xa7*5\xe2\xe4\'\xa7\xc3\xf5\x82\x0b\xd2\xb8\xfd?Z\xce\xff\xa5\x8d&lt;\x8d\xe3\xae\x94\xd3"4\xbd\x04\\\x18!\xc6\x10;\x9c\xc9M\x13\x12\x8ed\xb7\xe9Nra\xe9M\xf3\xe5\\\xd1\x19\xd2V\xe2\xe2\x9e)\xc4\x90 \x0b\x91\x84\xf6\x9a\xccekJ\xbe\xf4\xa4\x89\xb0\xd8l$Q\x7f\xf0\x82\xdd"9\xbck\xb0[k\x12\xa4\x9aE\x08Wk99\xa8\xd0\xa3]kW\xb1\xebO\xf7|&amp;\xbd\xbf\xa0\xceC\x10\xfc%\xbcx?\xcf\xe7\xfdy&gt;\x93\xe73\xff\xfa\xcb\x1f\xbe\x8c\xdf\x7f\xa2\x0c]\xfe\xf1\xc7K_=\xfc\xea!$\xed\xeb\x89\x89\xe1\x81\xfd}\xef\x7f\x1f\xdd\xf3\x8d/\xe8\xb4\xe5\xf2\xcd\x1b\xe3\xaeG\x8f\x06\xdd\x88\xeb:p\x01\xd5\x1d\xedY\xf0\x87(z\x08\xb1W\xaa\xf5\x03\xd5\xf1M\xf97\xbeDX3\x80\xf5\xa4\xff\xf2\xa5\xc9\xdfA%\xdd\xfd\xfc7\x7f\xff\xc4&lt;\xd0\xb3_}:&gt;\xbe\xb6P\xdd\x1d\x1d\xddZ\xf0\xc3\xb9\xc7\x17DrA\\\xd3\xb0\xc3\xdc\xce\xa3\x05\xaa\xa1\x98\xc9t\xf0\xe6bk\xef1R\xc1\xf1\xe7?\x0f\x7f\xff\xc7\xf8\xea}\xa5rjjr\x12=\xc2\xbd\xf2\xb5\xf9\x93\t\xf3\xc0\xf0~uw\xa1P\xd8\xcd\x943[7-\xe3p\x1a\x9b\xbb\x17\x1cw\xbb\xe1\xe0\xe1\x1egX3\xec\xd3\xed\xbah2\xad\x8f9JG\xe8\xc7\x82\xe3\xbc\x11\xd1\xd4\xbbt\xe9owM\x8b5\xbbR\x19\x9a\xba*\xfa\xf2\xf3\xbbW\xcc\xd0+xY\xd6\xbb\xb5PX\x0b\x18Hh\x955n\xc8\xa0\x0f\x0eCA\x97\xcb\xe7s\xcd\xbb\\\x1a\xd6\xdc\xden\x8c\xe2zM\x1aa\xb5\x1d\xf3|\x06l\xd8/w6\x17K5%\xe2\n\x89`\x81\rO|\xf6\xd9\xed\xdb7oj\x98\x00=\x1f\x0c\xd34\x1d\xf0\x8f\xbb@\xa4q\xf8\x0c\xba\\A\x88\xd9 \x06M\x0e\x8b\'\xd3L:f*\xfd\xfc+\x1eF\x92:&gt;zw\xb0Z\xb3\xdb\xed\xca\x90\xa8\xf3\xca\x9d\x89\xee\xdb7\xdc~f\xc1\xca=7\xa2\x03\x81\xf9\x80\xd5o\xd1tw\xdf\x04T\x8b\xdf=\x8f\xc8f]\xde\xb11\x16\xd73~&amp;k*\xf11u\xdd\xd4\xd4\xf4\x03`)\x01K$\xbarn\xb8\xfb\xba\xca\x15\xa4\xe5\x81\x80\xd5Z(\xe42\\w\xbf\xe5\x9d~\r\x01\xfd\xf2\x82\xc6\x1a\x08\xd0\xb4\xeb\x1ef\x1ecG\xd1x\x89\x03\xb0\x9a\xf9\x98\xa6\x14\\8\x02\xb5(\xc0\xea\xec\xbc\xe3\xbda\t\x04\x13\xe1H \xa0\x19-\x97\xcb\x87\x10\xfb\xd5\xd7\xaf\x97Q&lt;}\n\'\xc5knH+\xedCXz\xc6\xcaa=\xe7\x07\xeb\xf4\xdb\xc5\x1aEy\x08\xe2\xdc\xb9\xe1\xdb\x96@8\x11\x0c\x1b\xd2\xd0\xd0W\xab\xd5\xf2a\xb9\xfa\r\xf0p\xb1vm\xdc\xf7\xe7?}\x17\xf43n\x97\xc4lVk@Q\xc8\xe1\xde;^FO\x9b\x04o\x16\xe3\x14p\xc1vb\xbe\xad\xf1C\x0e\rYX\x80H\xa0\xdd\xdd\xdd\xe5:\xd5\xeeBR\x97.\xf8\xce\xffz\xae \x91Z,,\xe4\xd0\x1a(\xa0\x8a?x\xcc\x13\xd6\xe3\x83x&lt;\x1e\xa5P\x17\xdf\x8di\xdcA\xf0\x80\xe0\xfc\xb55\x94\xb4\xa7\xcb\xc0\x95\xa9\xc5\xe3\xfd\xf7\xfb7g\x1c\x89/\xbe+\x8c\xda\xbad\x90C[\xdaoM\xeb\x1d\xa6\x95\xa3V^\x06\x9b\x05P\\ \x97\x0e\xc950\xdd\x8d\xf9\x07\x07\xef\x9d?\xff\xcf\xfc\xca\xaa\xc9a\xda\xbd\xbf\xf9\xacV\xd9\xa9Tv\xb6+\x15\x13\xe9\xbb\xb7Vf\xd5]X\x9f\xd9&amp;a\xac\x9at\xd6a\xda{~\x92\',\xc1\xbbE\xcaS\xe7j\xef\x9a\xee\x96\t\x99\xef\xbe\xf8\xc7\xc1/\x95\xcav\xa5\x7fgi\xa7\xb2\xf4b\xe9\xd5\xce\xea/\xcf\xe8\xf1\xb5\xa7e#\xeb\x95v\x8f\x99\xfb\xc4\x1a\x15\xa6w:J\x07#&lt;M\x81\x0b\x04#\xa8\xb8`\xe7\xd5\xf6\x0cx\xe1\xcc\xdc\xae\xd5\xbb\x12{{o\xb7K\xdb\x95\x1d\x84\xb4\xf4j\xb1tmm\x19RZ5j\xd9&gt;Lf6\xf7Ie\xd8\x90\xc2\x14\xfb\xfe\xdf\xfc\r\xa7\x9fz[\x8a{&lt;Q&lt;z\xf6\x9cyz\x8c\xd5\xf6\x14\xb7\xd6\xd6\xd6v\x17\xe4%\x00\xdb^\\]u\xa2*CK\x007\x1am\x8056\xd6\x87a\xe2\xa4\xc2\xb1\xf2\xfd\x1b\xbef\xd3\xd1\x1d\xad\x03\x13E\x01\x96\xf1\xec\x9d1\xb5MK\xf4hw9\xa3Z^\xaeV\x97\x97\xbfy\x1f\x88\xaa\xdd\xe8\x95\xc8d\x13P_\xe2dR\x11\xcb\x1f\xb4\xf1x\xc3\xe0\xd4\xf3R\x1c\xba\'\xa3\xd1xgx\xcc\xdbN\x10E]u\x17\x91\x1c\x12\x87?q\x81\xfe\xa9\x96\x81J\xdd\x07\x0b\xd1&amp;\x94J\xd1o\xc2\xf9\xf5\xc5[\xfc]\xa7\x14\x08\xda\x8eJ3\x80\x155\xb6\x03\x16\xdb#"&lt;\xc5*"\xf9\xe9\x90#\xe2\xa8\xcae\xad\xd1\xc8b\x1a\x0c\x93J\xc4\x98X\x9f\xcd\xe5\xd7\xf3\xab\x0fx\xbc\xb6%h~|\xe0\xd0!\xbd\xda\x87\xcd\xd36#A\xd8\t\xe2\xb0\xfa&gt;w\x1c\xdf\xfe~\x11Q\xa9\xc5\x98J#\x15K\xd1\xcf=\xe4z\xdeY{\xc1\'\x96\xe0\xc4\xdb=\xd3L\xd4\x08\xc5c\xee\x13\xb2E\x82 \x9e(\x89"\xca`\x15E\xb9\\\xd4\xea\xca,\xab\xb6\xa9%*F\xa3\x97J\xf5\x8a\x98\xc1\xa0\x88R|b5\x08\x1a\x96\x16WL\x14W^B!\xacE\xe0\xb2{\xec\x9eb\xb1X\xced2N\x85"\x93\xc1q\xa0\xb2\xa9m\x18\xc3\x14\xd2\xe9tNnP\xe0x|\xa7\x97G,8\xfb\xf7;V\xc0\xeb\xa1\xbc\x846\xa3V\x0bz\xd9)\x1d\x1c\x03c9\x92$\rd.;4\x8a\xdb\xfa\xfa\x84B\xa1\xc6j\xb5\xe6\xb2\xb9u\xb9\x1e\xc7\xf1\x99W\xfcb=\xb8\x1c\x02.0\xfb(tX\xac\x11\xe9e\xd7e\x14\x05\x83&lt;\x12\x89\xc8I\xfd\xd0(k\xeb\x9b\xee\x93\x88\xa5\xa8\xe7"\xc9H$=$\x14\xe2\xd1Jo\x13\x9fX\xad\x9b!{\x8cDyL&amp;\x93\xa3Fc;\x80yt\x19\xc0J\xa5"4\xa9\xb7\xa9Y\xaf\xd7k\x13\xea\xd3\x05k\x00\r\x16\x17\x86\xc4\x12\xc0\xda\xe6\xf5.l\xd3G\x9b\xa1\x90\'F\xc6\x9c\xceL4\x8a\x1b\xcfB\x1e{\xa0\xbc2\xb1\x9c\xc1` \xf5\xa3,\xcbN\xa8\xcd\xd0\x92\xe6r\xa4\xc1\x90J\xc8\xd3`]\x08\xeb\xaf\xbc^\xecl\xacL\x85D\x1e\x85&lt;\x9f\x85\xeaN\xeazz\xea\xf5\xe5\xa1\xe2\x00\x9a\xc9\xb0H+\xaf\x9a\xd5\x17\x80\x12\xa8\xe8\x82\xb4\x8eu\xff\x01\xafj5\xbf\x9a\n\x85\x94:\xa8\xe4\xac\xc2\xe9\xd4i\t\xa2g\xa0H(\x95v\xe8\\\xa9\xcc\xe8\xd6\xa8D\x8ai\xf4Ci\xabA.\x8fl\xd0\x0c&amp;E\xb6\x8aGy5\xae\x86\x86\xde\x1d\xc0\x12Q\x99\xac\xdc\x90\xcd:\xa2\xc6\x9e\x1e\xd8\x19\xb5\x1e{\x8d\xa8Q\xf1LR\x0f\xa1ar(\x83\xf2Tb\xde\xca`\x10Rq\x12\x8f/\xf1y\x99\xbfI\xb0\x84\xb0&lt;\x19EN\x1e\x91#\xc7\xb7\xa3U\xa9\xa3j\xb5Z\x1c|"\xa3/\xa4sh\x8c&gt;oX\xdf\x08[\xad\x16\x99\x0c\xb8 \x8b\xfc:DC\xc3\xd2\x14\x14\x17\x11U\xc4r\x91\xd4\x8ai\x86\xa2f\xa0\xa4\xe2q\x93\xd3\x14wff21\xd2J\x1ar$\xd8\xc5F\x98f\xac\x16\x15\x87\x95\xc4\xa3\xcf.\xf2zk\xf8E?`\x89&lt;qg\x8c\x8c\xa4\xf2Nj&amp;\x16\x83l:\xb3\xb9\\\x96\xcc\xc6r9\xa8)\x94\xc0\x8d\x8d0\x9cx\x18\x8e\n\x15\x17nZ|\xdc\xcc[\'(\x10\xbc\xe4\xb0\x94\xf6h\x0c\x1c&lt;E\xce\x98bY\xf0w\xf0\xf8\x02\x18\x82AN\xca\xd7\xd7\x91T\xb3a\xda\xea\xf73\x1a\x0ceQ*\xc4\xf1\xa4\xbc\xf4\xf8\x14o\x8d\xb3\xe0\xe5\xa7S\xa13gD\x04\xe5\x04\x99\xe4\xa9|\xcc\xb1\x92\x07\x1a\x12} \x90\xdb\xa7R\x1b\x89\x14\xed\xb7\xb8-\x0c#S\xa9d2\x0e\xcb0\x9f\x7f\xdb\xc6\xc3+6\xeao\xc9\x00\xac\xabgDJ\xc2C\xcd8\x9d\n\xf9F~%\x9fGN\nH\xeb\x91u\xf8\x93\n\'\xc2\xa9\x00\xc3X\xfd\x16\x8bE\x85\xa8\xba\x91q\xe1\x85y\x17}tAp\xcc/\xff@_&amp;\x10tt\xbc\xe8\x9f\xbcz\xe6\x8c\x92\xe0\xf6\xc2\xa8"\x0f,y4pC\xc3\xee\x93J\x85\xc3\xe1D"A3\xe9\xb4\n\xa4BT\x80\x85V"\x8e\xa7i\xd7&lt;}\xd4\xd6\xd8!8\xce\x17\x7f\xc0\x97u4\xb7\xb4\x9c\xde\xe9\x9f\x9cBI$\x08\xa5]\x07\xcd\xc3\n\xc8\x13N \x89\x00h\xf6\xdbo\xe7f\x91\xb3c\x98FU\x0f\x19`u\x01\x960\x1d\x18\x1c\x1c\xa4\x9f\x8f\xb4\x9d\xea86,\x80\xea\xed8\xd9\xd2\xd2\xd2Z\x01,\xc8"\xd1\xa9T\xc2\x9e\xe3\x01\x83\x88\xc9\x13\xb3\x1c\xcf\xdc\xdc\xdcl\x10\x8c]\x0c\xfd\x03\x80\x01R\x9dJ*\x81&gt;\'\xa9g\xe0\xc4K\x1f\xfd0r\xb1\xedVk\xa3\xe0\xb8\xa8\x9a\x11U\xcb\x83\xedO9\xac\xceN\x91\x88@\x8f\xbb\x94v;\x153\xcc\x07}&gt;_\xd05\xe8W\x81\xa7C\x00\x98\xac\x0e\x05\xa5\xd5\x05T\xb8P\xcfX\xddn\x8452rq\xe4\xc2\x89\x0f\xaf\xb0\xbaT@u\x1a\xb06\xfb\xa1\xe6\x7f\xfbq\xe7{.%\x84\x9d\xc2\xd3\x16\xb7{\x90\x9b\xb8\x91\x02\x92D\x02;#\xc8u\x1d\xd0`\x1dv!\xb5\x84\xdcP\x0e\xfd3\xc2\x02\xae\xb6\xd6S\xcd\x1f\xe6\xfbPT\x80t\xa2\x85\x8b\x0b\x9cZW?\xe6\xe4By\xe4\xb8t\xb8\x1eM(\xa1\xa1\x07N+\x10\x0bQ\xa9\x10\x16\xd6U\xc7\x82c\xbf\xc5\x1fx^\xa7\xba\x08\xf1\xe0\xd6\x89\x0f\x00\x03\xa8\xc6\x13\x8d\'\x1b\xebX\xb7\x00k\xf2\xea\xff\xb9\xc0(\x08%x\xabG\x87\x0fa\x1a\x19\xc7$\x96",\xb1Te\xb9\x8e\xe4\x02\xb1\x10\x96dH\xfc\xbfN\xce\x1f\xb4\x8d;\x8e\xe2\xb9?\xba\xea.\xa7\x8b\xb0\xe0\x0c\x16D\xae\xb0\x140q\xe5`(\t\xf1P2\x89\x8a`\xb2d\x08\xc1\xbb=\x05&lt;\x97\x0e\x1eEZ\x10$[(\x94B\x07\x8f\x1d\n\x05\x83\x08\x98"J\x86\xae\x9e\xbc\xd8\x93\x87\x90\xa9\xd9\xfa\xde\xfb\xfe~g\xc5I\xda\xb4?\x9d\xfe\xd8X\xd6G\xef\xbd\xef\xbb_\x12\x91\xa5\x95[\xf7\xbfz\xed\x98\xc4uX\xfeO0*E\xaa0m\x1aV&gt;{,\xae\xb5\xc5E\x90\x11l}\x1df&gt;\xb9\xf3ta\x99\xaf.0E\xeb\xdb\xfb\x92\x0bb=\xc4\xde~Yi\xbb\xff\xdbK\xe0\x88k\x88ux8&amp;\xd8g\xff\x1d\xaa\x9e\xc6Xa\x9a\xc6\xc6\xd5&lt;{\xfc\xf8\xc5\x8b/\x89\xf5\r\xb0 \x95\x8d\xe4\xe0vgwcc\x03\\\xb8\xe0\x16\xd2\xdc"\xd6\x83.\xb1\xc8\xdb\xed&gt;X\xf9\xf5\x8d\x93j8\x1a\x1e\x02k|8\x06\xd8\x7f;\x87\xab\xa8\xc28\x08b\x9a\xe8\xb0\xae\xee\x1d\xff\xf9\x02r\xad\xf5\xf9q]\x05\x1fb}\xf1\x08\xbb\xe7\x0e\xc0\xb6 \x17\xa8VW\x97p2\\!UWT\x94\xb1\xbb\xb4\xf2\xfb\xd1\xa8R\x8a\x971W\x99\xa5\x9fn\xa5\x94\x82\x81\xa0\x02\x19\xb2\xd5lr\x12\xaf\x8eg\xfc\xf7\x15\xaa\xd5\xf3&gt;\xb6z8\x17\r:\x9d\xce=p1\xdd\xc4ZY\xb2\xb3\xf4\xea\xf2\xc3\x87[\x86\xd5\xfd\xe1\xcd\xc8c\xb5\x0fA\xd5\x16\xd5\xb8\xfct\xc1\x98\xa9\x14\x0e\x82*\x15Vj\xa3\xd8lN\x81\x05\xb5\x18.\\[\xb6z\x8f\x06\xd0k\x00\xb0\x1b7H\xb6\xda]\xea\xf2\x90XRkyyu\xe5\x8f\x97\x00\x92V@j\xb7\x85U\x96\xe5x2\t&gt;\xe9\xbf\xfe`y\xa6N\xab\x10&gt;\xe2\x06wR\xab\x19\xcdd\xa2\xb8\x16[\xe0\xa2\x91\xbd\xcd\xc1\xe6`@\xc5v\xa1\xd8\xd6\xd6\xea\xeau2-\xf1\xf3\xf2Rk\xe1\xfa\xf2\xd2w\xaf\r\tZ\xb5\xa3\x08\\mRMx\x99d\xe1\xbf\nv\xcd\xa4\xaa\x83*\x8bS)F\xb8X}\xdal\x9e\x1e\xff8\x87\xc5\xa6\x00X\xaf\xb7\xd9s`\x1d\xb3\x92\xfa\x80iYbq\x12\x7fz\xb3WQ\xb5E\x15I,@M\xca,\x0b\xc2\xcf\xff)b\x82\xaa;\x07\x19*a!\xf6\xc8\x96Vm\xba\x8d\x9e\xb7\xcc\x0b\xad\xa7\xb5\xc9\xf5\xcc\x14\xa3`bY\xd8Z\xe0#\x86\xeb\xa6\xa7j;\xaa\xc8yX\x82\t\\A\x96\x15\x1f\xdf\xbf\xea&lt;SQ\xc5.\xf4\x1cF\xafV\xb31\xdd\xdeGs\xf5\xd7\x9cd\xbd9.~X\xd7\xb866\x88\xa4\xbf%!\xe4\xcd\xb7/\x1d\x12\x89l)\xee\x19\x8eb\x92\x81\r+\xf8\x08\x98\xea3\xac\xa7t\x90Tu\'\x16\xc0\x14x\xaaU#\xd7Z_Xfe\xab\x85\xb9tpr\x12\tc\xc86\xb4@\xb6\xf0\\T\xc3\x8a\x8a\x0eF\xa5\xb0\n#\xc2*\xa0\xd8\x87\x86\x92Q\'\x01s\xa5\xc2"\xdd\x84\xc5E6\x8f\x05\xb0\xd3\xe3\xf5\xbe\xb8x]\xc4\xa3~\x9f9\xa3r\x9b\x83g\xc0\xc2qo\x17\xcb\xc0\x16\x9c\x83\x95T\xbaMrs\xd0\x90$V\x00\xb0\xcbCiU\xc5\xee\x14\x9cj\x01@\xd9%,P\xd5j\xa3\xf3\x83V\xab\x0f+\xd7vv\xfa;F\xd8\x87t}xI\xb9\xdcT\x12kw\xe3\xf9\xcf\x7f\xed\r\xdb\xc3\xca\xbe\x04\\\xb0\x10XyI\xf7\n\x8f5\x11W\xfc~\xaa\x14\xab:\xac\x8b-Xq\x8c\x1fSG\xbc\x8b\xd5\x88\xa6\'\xaf\x00&amp;\xb9\x90\xb3\xbe\xcf\x9a\xb0\xb4n\xf3\xc3\xd7T\xec\xc6\xdb\xa3\xe1|\xa6\x92\xc4\xdd\xe7y&gt;\xaf\x16&lt;D\xf2\xa1\xc3%*XF\xa6z\xdd\x95\x82\xac\xcc\x8a\x98\x90:\xae\xcaC\xa6\x0bkt\xbe\xdd\xeas\xed`(\xfb;\xfb}\xfc\x89\x08\xfbCb1\xfb\xd0\x8bL\xbbO\xbf?\xd9\x8b*\xa8\xc4C%\xe3$\xc9\xc7\xc9E\xae\xb2\xa2\x08\x02Nd\x10\\\x82\xaa\x9bTi\xac!\x0c\xd3\xd4cQ\xad\xa0\x08bK\xbd\xd4j\xe4\x8d|\xef\xfc.Q\xd0\x15-\x03dY\x10\x89\xd9\x1f\x0c\xeet\xeet\x00udu@\x95lE\xfe\x8b2/\xabt\x15\x8a\x16z\x15wsP\x9c@s\xd0r\x15\xa4vJ\xcc&amp;V\xf4\x81\xb0\xd0]5\x1b\xc6\x06\x1ch$\xa3\xb3\xe3}\x10\xb5tY\xec\xab\xc2\xd6u&lt;\xa2\x8f\xf7\xbe&gt;9\x1aFQ4\x0f\xe5\xb1r\xc3\xaa9*\xcb\xd7\x84\xf5\x95\xcd\x87*\xb5f\xaf[%\xb0\x1b\xc0\x153\x86\xa1aay\xb5\n\xba\x983\x1b\xc9h:\xdb\x0e\x9a\xbd\xdd\x00\x00\x02\'IDAT&gt;\xd8\xe7\x02\x1d\xcfD\x8b\xba\x83\x89O\x9e\xfcrr4\x8a|\x90\xe6\xa8\xda\xfc\xaaL\xcaF\xc9\xa3\xf4X\xc8\x16_YX\xd7d\x9fu\x15\xa9RW\xeb\x94.D;L&amp;\xaaR\x95W\x10\xb8\xd8\xcbFB!\x1fy\x1bdw\xb7\xc9\xa5S$t\xd3&amp;\xec\xd5\xc9\xf9i\xdb\x07I+\xd7!\xf1\xf4\xc4\x1c\xef\x8d`\x15V\xa1\x8a(2\xeb\x04\xd2`\xff\xa9\xb4s\xf6\xd4X\xc2\x8a5\x1a\xa1e\x8bG\xd04\xc1\x8aB6\xea\xd5\xf0\xcb\xa3\xd1\xf4\xfcx\xfb\xe0\xd5\xfe&gt;w\xab\xeb\xfb\x07\xdb32\x19\x84\xa0\xf8&amp;r\xbd\x11Y*H\xa43\xaf\xd4b\xa6\x1cVq\xa5\xee\xdd3\x0b+\xac\xd06\x101\x9e\xc3}|jXEP\x00\x89\\E\xd3b/0\xbe\xebZ\xd2\x1e\x9dN\xcff\'\xb3\xd9\xf9\xd9\xf4t\xd4n4\xcc1\'LE\xa5dq\x1e\xa9\x16\xb1j\x1e\xab(8\x8b\xa0\n\xae\xa4u9\xe8r\x15\x86\xa2R\xcf\xa7:\xef\x94\xa5:U\xc6\x92\xac(\x0c\xab\xc9\xdf\xe1\x9c$\x95_\t\xce)\xf6\r\x832U\xfcO\xe4IdQK\x14y`AjP\x95\xbe\xb60\xf5\x90,\xb8"\x81\xeau\xa7\x98\xc3\xc2\xd5\x8f!\xc5\xd2Ck\xae\x804\xdc\xa6\x12\x8bN*\xfa\xf9\x85h\x90\xcd^\xdf\xafyh\x1f\xac\xc8\xe1\xf2\xa9\xc4*\x1d\x16Uc\x0f\x11K&lt;\x0e,e\x8ab\xe5\x8a\xcd\x8adQ,sV2\xf29\xe4\xe2\xe2]!\xbd\x12\x07e&gt;\xb9QH*{\xad\xe6\x1c+\xdbTTT\xabT\xb6.\nu\xc2|\xe1\xedS-\x97)\xe2\x85\xda\x84\x86\xc6\t,\x9c\xe0c\xc1\x92\xd7\x87\xde\x04\xf3&gt;Z\x7f\x99\x18N\xb4\xcbB\x19T\xad!\xa0(\xf1\\\xe5\x18X4\xb1\xbc\xd8&gt;0\xf1x\x91+V\n\xa2\x92\x83\x1e\xcb\xda\xa1\x1cg\xe9\x07\xb02\x88\xa4a\xc4\x0b\xd6*1P\xfbU\t\x90\xd0YZs\xc6:Z\xe3\xb2\xc6@\x99R\xe3\xacVU\xc4{XbB}\xba\x11\xd4\xdea2.\x03\xcd\x03Yu\xf26*,\xe0(]\xb5\xc2\xaa\xb5\xc2J\xbc\x91\xef0i\x02"7\x05\xbeY\xb1\x83\xc8Y\xa7Y\xad\xe1\xb1XZ\xc0\xfa\x1b-3u`\xef\xb8o\x86\x00\x00\x00\x00IEND\xaeB`\x82'</t>
        </is>
      </c>
      <c r="M506" s="3" t="n">
        <v>45492.67753472222</v>
      </c>
    </row>
    <row r="507">
      <c r="A507" t="n">
        <v>1199261</v>
      </c>
      <c r="B507" t="n">
        <v>1957</v>
      </c>
      <c r="C507" t="inlineStr">
        <is>
          <t>Breno Bidon</t>
        </is>
      </c>
      <c r="D507" t="inlineStr">
        <is>
          <t>B. Bidon</t>
        </is>
      </c>
      <c r="E507" t="inlineStr">
        <is>
          <t>MC</t>
        </is>
      </c>
      <c r="F507" t="inlineStr">
        <is>
          <t>MC</t>
        </is>
      </c>
      <c r="G507" t="inlineStr">
        <is>
          <t>MC</t>
        </is>
      </c>
      <c r="H507" t="n">
        <v>174</v>
      </c>
      <c r="I507" t="n">
        <v>27</v>
      </c>
      <c r="J507" s="2" t="n">
        <v>38402</v>
      </c>
      <c r="K507" t="inlineStr">
        <is>
          <t>Left</t>
        </is>
      </c>
      <c r="L50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06173f7-28e0-4434-83bf-ee2c6c5c6c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4\xb5\r\xe4\x00\x00\x00&gt;tEXtComment\x00xr:d:DAEewil2SDw:3664,j:6824501819979111889,t:24032215\x0e~\x85"\x00\x00\x00\tpHYs\x00\x00\x0e\xc4\x00\x00\x0e\xc4\x01\x95+\x0e\x1b\x00\x00\x03\x00PLTE\xff\xff\xff\xfe\xfe\xfe\xfd\xf9\xff\xfb\xf9\xff\xfd\xfa\xff\xfe\xfb\xff\xfd\xfb\xff\xfe\xfe\xff\xff\xfe\xff\xfe\xfc\xff\xfd\xfd\xff\xf3\xae\x8f\xf5\xb2\x91\xef\xaf\x8e\xfb\xf8\xfe\xfe\xfd\xfd\xef\xaa\x8b\xfa\xf6\xfd\xeb\xa5\x88\xd2\x99\x84\xea\xa8\x90\xea\xa5\x8f\xe0\x99~\xe6\xaa\x8a\xf7\xf3\xfb\xf0\xb2\x91\xff\xd7\xcf\xff\xcb\xbf\xe6\xa6\x8f\xe3\x9d\x81\xff\xd4\xc9\xff\xd5\xc5\xe4\xa4\x8c\xff\xcc\xb5\xea\xad\x95\xec\xab\x8b\xff\xbc\xae\xff\xc5\xb3\xff\xe5\xde\xff\xc7\xb8\xfe\xc0\xa76#\x1f\xff\xcf\xbb\xf2\xb7\x96?-)I5/\xff\xd0\xc3\xea\xae\x8e\xe6\x9c\x89.\x1f\x1dnSG\xff\xd9\xcaQ&lt;5L93\xff\xb6\xa1\xff\xe2\xdaU?9gPH\xff\xc1\xad\xd7\x9b\x85\xfe\xc0\xa0\xfe\xba\xa7\xff\xdc\xcf\xef\xa7\x94\xdb\x9d\x87\xfe\xc0\xb3\xf9\xb7\xa3\xe8\xa0\x8c\xcb\x8fy\xe7\xa9\x92\xff\xd2\xc0XD=C2.9)&amp;%\x18\x16\xff\xca\xba\x86iY\xff\xd0\xc8^H@\x7ffX\xf3\xbc\x9a\xff\xda\xd3\xf5\xf1\xf9\xfd\xf5\xf3\xfb\xbd\x9c\xf3\xee\xf6\xc5\x8bu\xdf\xa0\x8b\xff\xde\xd5\xff\xc5\xa8\xff\xd3\xcc\xe1\xa3\x8d\xff\xc6\xae\xfd\xb2\xa6\xeb\xb4\x94cLD\xcc\x98\x83\xcf\x94~\xdc\x97|\xf9\xb0\x9ev]O}aT\xfe\xfa\xfa\x8cn]\xe7\xa0\x84\xe0\x9f\x87\xf8\xb8\x99S5,\xff\xc6\xbdqYL\xff\xca\xaf\xd9\x98\x82\xf3\xb0\x9c\xfb\xae\x98\xfe\xa9\x9d\xc3\x84o\x19\x10\x10^C8\x92rd\xe1\x9a\x85\xee\xe7\xf0\xf0\xea\xf3\xea\xe3\xedH/&amp;\x9e~m\xc8\x93}\xff\xb1\x9d\xfb\xf9\xf8mVN\xa4\x83r\xad\x86s\xd9\xa2\x8d\xf2\xad\x97\xa7uc\xe1\xa5\x84\xd5\x94\x7f\xef\xea\xe7\xb6\x81m\xe6\xde\xe9\xb2o^\xdf\xa6\x8f\xea\xb9\x9c\xf0\x9e\x8f\xbayf\xff\xcd\xc3\xfd\xea\xe5\xd5\x91x\xc2{i\xb5\x8f{\xb0zg\xad\x8cykNBfB7\xe6\xa6\x84\xfa\x92\x86\xaan[\xff\xc3\xb8gI&gt;\xfa\xb4\x94\x9feS}[O\xf3\xc2\xa9w`V\x9aye\xe0\xd8\xe3\x97]M\xd4\xa0\x8a\xd1\x8bx\xcf\x82r\x8a\\M\xe7\x97\x80\xf9\xaf\x8e\xbd\x86p\xf3\xc0\x9fq[R\xfe\xb6\xaewUK\xfb\x9d\x8f\xfd\xf0\xec?(!\xc1\x90\x82\xd9\xa9\x99\xfd\xa7\x92\x94m]\xf6\xa6\x96\x85_S]=3\xc5\x95\x88\xce\x9d\x8e\xf5\xf2\xf0\xe3\xb8\xa2\x7fSE\xf8\xcf\xba\xe0\xb0\x9e\xa0n\\\xdc\xd2\xdb\xdd\xa1\x80\xeb\xdc\xd7\xf3\xb7\xa1\xda\x8bz\x83ka\xeb\xb2\x9b\xf5\xa7\x8c\xde\xcf\xca\xcf\xa5\x96\xe9\xe3\xdfuM@\xb6\x97\x86\xbb\x94z\xa6zk\xa6\x92\x89\xe3{x\xd4\xc6\xbe\xc1\x9c\x82pG:\x95eU\xef\x87{\xb8\x85y\xf6\xca\xb0\xcc\x8ao\x9e\x89~\xdd\x93\x7f\xc9\xa4\x89\x92zj\xe2\xab\x96\xad\x9e\x97\xca\xbd\xb7\xbb\xad\xa5\xe8\xbc\xaa\xd5\xa9\x8f\xa9fY\xf0\x9d\x84\xf7\xe2\xd9\xe1\xd8\xd2\x8bRF\xe2\x90\x84\xcckg\xf1\x96\x8e\xd3\x9bz\xbb\xa5\x97\x8dbW\xee\xc4\xb8\xd5\xb5\xa8\xc8\xb4\xa6\x86tm\xbbW[\xdf\xc2\xba\xec\xd3\xca\xd2\xc9\xcf\xfe\x9b\x9a\xabMR\xf5\xda\xd0\xa1IN\x9crh\xdcph~&gt;&gt;\xb7\xf1$\x93\x00\x00 \x00IDATx\xda\xcc\x97\xddk\x1bW\x1a\xc6\x93\xab\x86\x96\xa2%\xdd&amp;4l\xe38%Y\x8f\xacI\xd0xf3\x93\xb6\xde\x90u5\x92w\x98i\x88q\xeb\xaea\xe2t&amp;\xd3D\x8c[p$X4\xa0\x0f\xe2F\xc6\x17f\xf3!\xbb\x18a!\x11\xa8\xa1+\x0c\xba\x10\x16\x08\x81I\x82\x16W\xb6#d\xf9\xc2\xc6\xc26\xbdp/\xea\xa56\xa57\x0b\xfb\x1c\xa9\x17\xfb\x07\x8c\x93}=:\x1a\xc6\x06\xfd\xfc\xbc\xcf\xfb\x9c\xa3#Gl\xafcG\x8f\xfc\xff\xd4QR\x0e\x87\x03K\xf8\x16\xd6WOt\x8c\xe0\x84Q\xc5x%\x1e/^\xc7Z\x0c;\x8e\xbdb\x99n]/V*\xcfv\x17\x17\x17\x7f\xf9\x19\xf5\xcbbmg\xbb\xb6\x18\xbfu\xf4U\xb6\xeeVq\xb7V\xdb\xdf\xff~suuu\x13E\x96hbok\xa7\x12~UL\x0e\xb4m\xb7\xf6=\x81A-\'b\x89\xe5\xd5\x95G\x8fb\x19)\x9aH\xec&lt;\x0b\xbf\x12\x99\xc2\xf1g\x8b\xdb{\x1b\xd1\xd8\xa3\xe5G\xb1\xe6bY\tr\x1b\xb5\xf2F\xc6J\xecU\x1c/\x19\xca\x01\xa6\xdd\xda\xfe\xde\xb2eH\xc1\xa0\x15\x8bf\x82\x16\x04\x8aE\xa3\x8f\xa0\x16\xf4j\xbe\xed\xc71\x92\xc7^\xa2\xc9\xe3\xbb\xdb{\xcbQ\xebE\xc60\x8c`\x06@Q+\x1a\x8d\xc5\xf0\xfehuue\x05\xd7\xe6\x0f?ln\xfe\xbcX):\x8e\xbc\xf6\xdaK\xa1\x82\xc9\xf76\x1a\x86$I@\xcad\x88L(0% S\x0c\xcb\xca\xea*^\x04ly\xaf\x16/\x16\xc3/a&amp;\x1d\xc5\xdd\x9d\rCQ\x14\tJI\x92\xa2K\xc1F\x03l\xa8D,f\xe1.F\n\xeb\xca\xe6\xe6J\xa2Z\xadn\xfd\xfa\xf7C7\x99#\xbe]\x8dZAIQt\xcd$\xc50\x91\x88\xa6+zJ\x97\xf2\x99LP\x92\xe02+??/\x19\x16T[MX\x8dry\'~\xc8\\G\xe3\xfb\xb0\xb7\xa4\x99\x11FPE\x9e\xe7EU\x10\x84\x08\xc3L2sss\xf3\xf9\x8c\xa1\x9b\xa6bHsI&lt;\x90^\xac\xdc\xb8\x910\xcc\xc8\xc1\xf6\xe1r9\x8a\xb5hP1UYeP\x11AUUY\x94ey\x12\\Iu\x92I\x05\xadL*\x99\x9cL\xe9x\x10\x08\xcc\xc76\xdfZ\xb54!\xdb8T\xbd\x1c\xc5\xc5e+\xa30\xaa\xcahZ\xc4L\xa7\xd3\xe8\x9eR\x0e\x12\xfb+\x9a9\x99\x94\x05=\x18\xd4\x93\x81\xa4.i\x93\x01:\x90_\xd9\\\x8d\x1a\xe9\xacr\xb0\x1d&gt;\xc4\\\xa8!\x15\x82\xba\xca\x8b\x82\xa9ii\xf8\xbe\\6\x1aM\xc7[AE\xd75AV\xe7$\xc3\x0c\xb0\xc9yiNf\xfd\x8c\xb5\xb2\x921 W\xba\x1a?\xa4qt\x84+\xfb\t|\xba\xc0\xd2\x1c\'\xaa\xa6\xa6(\xe9\xac \xcbB\xc4\xd4\xa4`\xa6a(\x92\x84\xde1)\x08\xc7\xd3\x01M1\x93\x81\x80&gt;\x8a\x9d\xc8\x14E\xe1\xa0v81\x11.\xfe\xba\x15\x94\xd2\x82\xc8r\xa2\x10\x81\xad\x04\x81\xc9fM(\x87\x8eb,u]W\xa4\xa0\x94J)\x92\xae\x0b\xac\x97cR\xc4\x7f\xb3\x99\x8c\xc1\xd0&gt;.\xb2\xb1\x1b&gt;\x9c`\xd8@\xfbd\xda\xc5\n\xd0I\xcf\xca,\xc7\xaa\xd9tZ\xd34\x13\x01Q6\x0cE\x87l$\xf6\xd15\xc0s\x01\x98&gt;\xc9\xa4\xf2\x86\xc9Q\xb4\x10\xa9\x1e\xc2\x16\xf9z|g\xc3jdY\x97\xcf+2\xa6) \x1d8\x9a\xe6\x88T\xba\xa2h\x82\x8a&gt;\x06%]\x83p\xc8~\x9d!\xd04\xc7\x86B\x81\xc9T&gt;\xc8\x88\xa2\xc8\xa5\x0fa\x1a\xc3\xdb\x1bQ\xab,\xfa|\xbc \x88\xf0\x16\r&amp;\x96\xe7\xbc./\xc7\xcb\x02\xe14\xd3$a\xe1y\r\x16K\xf2&lt;\xc7\x02*\x97\x0b\x15&amp;\xa5\x17yM\xf4z#\xd6\x8e\xdd\xb6?Z\xd9\x8aZ\x06\xb1n6\xc2\xfb(\x9f\xd7\xe5\xf3\xb9@\xe7m\xde4\xcd\x16A\xa6"\xf3UYf\xf4T\x12R\x81\x9b\x0e\xe5(\xca\x9f4\xa2\x12\xef\xa2\x85\xf2\x86\xdd)\xe1\xa8aoF2EL\x81w\xb9)\x17\xca\xe7\x03\x93\xcb\xeb\xf5Q\x14!dY\x9eE\x01\x86\x98\n\x99\x85\xbfp\xa1\x8b\x94\x9b\xa2\x19+#cx\xd3\x07\xd5]{\xc5*\xeeX\n\xa2\xd3\x94e\x96\xea\xedu\xfb\x00\x05\xcd \x94\x17\xe5s\xf7\xa2\xee\xf6\xba]9\x1f\xe5v\xbb)*\x04@/ns\x81d!D\xe5X#c\xf24\'\xa4\x1b6\xcbU\xd9k -M\x91\x15Y(D.\xf2\xf9&gt;\\\xde\xdf\xc0\xee\xde\xbd\xdb\xeb"j\xe5\x087E\xe5r\x94\xbb\x97\n\x05\x96&amp;\xfd\x14\x15\xc8\xeb"\xc7\xa9\xd9\x83\xbd\xb8\xbd\xd6Z64F\xe6h1].+Y\xec\x83\x1ct\xe2\x88".\x9a\xc7\xa6(\xe2\t\xda\xc6\xcaH\xb3@\x88\x02\x95\xdb\xdd\xd4-\xe7O&amp;C\xbd\xd4\xa4.\xc8\x9c\x98-o\xd4n\xd9k-E\xe0a\x8fH\xf9\xa0\x9c\x8e\x08\x82\x8c\xa3\x03\xce\x0e2\x8f\x91d\x91\xf3Y\xe4\xbd\xca\xd3!\x9al\xda\x01?F\x10\x9e\xc2\x18\x86r\xd0+\x90\xeb\xa5\x19S X\xd1\xfd\xa2\x8dX\xc5\x9d\xa0\x06\xad89\x12QA\xc2\xf2\xcd\x12\xa1\r~d\x91\xe5U\x12\xfb2O\xe7B\xfe@r\xaa\xe0G2\xc0a\xfe)\xd4\xd2\xe4\x94\xdfM\x05\xf0\x1f\x88\x11\xa5\xb1U\xb11#v\xab\xd8\t]&gt;\x9agi\x97\xbbe(\x04\x17\x0b0\x04\x06\xa3\xb2\x1c/0L2\xc0C&amp;\xb0\x14\n\x05\xbf\xdf\x8f\x9b\xd2,\xa9\xd2T!\x94\xf3\xf34\x828\x1d\xdcX\xb4/R_\xdfn0&lt;L\x8e\x99\'C\xe7&amp;S\xe8\xf2"\nX\xe4X6\x82^\xb2\x01\x82U\xf0\x17\nSK\xa5\xd2R}\xaa^\xaf\x97f\x1e?\x1e\x9d\x1e]X+\xd5\xa7\x00\x89\\aq\xc0\xa9\xd97\x8b\xc5-E\xa01zTk\xe0\xc0\x84Y\x84\\^\xe4(\xce\\8g%I\xbb\n\x85\xfa\x8f?&gt;\x99\x9e\x1e\x9f\x9ey\x82\x9a\x1ey\xf0\xa0g\xa8gl|f\xb6^\x08\x85|\xbdn.\x92.\xef\xd8g\xae\xf8\x96"\xbb\x80D\xa0\xee\xba[\xd1D\xd0B\x1cT\xd2\xa5\xf9\xd4\\in\xa9\xbeT\x9a\x9d\x99\x99\x9e\x98\x98\x18y8&gt;=&gt;1&gt;\xf2\xf4\x9b3\'\xdf{\xef\xe6\xfa\xc4\xe3\xb5\xba?\x874\xf1\n\xe9r\xf5\x99\xc3&gt;\xb5\xd2l+\x9a\xa0\x95\xdbM\xa2\xb3\x95Mp\x92\x7fjn~~~\x166z23&gt;12\xf2\xf0\xe1\xc8\xfa\xfa:y}\xd3\xf9\xe6\x9b\x9dw\xee\xbcq\xfc\xe6\xd8B)D\xc2\xd7++\x88\x88\xeb\xb6e\xfcV\x84s\xb9\xef\xfeV$\xd1[\\9?\x99\xb5zimazt\xe2\xe1\xc3o\xd7\x1f\xdc|\xb0\xbe~\xf3\xc4\xd3wO\xac\xaf\x7f\xdd\xd7\xd7y\xa7c\xa0\xe3O}w\x1e\xcc,!S}^NM\x97\xad}\xdb\xf6\xebJU\xf5z\xa9\x96V\xa4\x85nH\x86P"\xa3\xb60&gt;&gt;\xfe\xb0\xe7\xca\xed\xdb_\x90:\xfe\xe7\xaf\xee\xfd\xee\xf8\xbb\'\xde=\xf1\xe0\x8b;\x1d\x1d\x1d\x03\x83\xed\x83\x1d\x83\xc3\x1f\xf7?\xa9\xfb\x11j8\x9f)\xc1e\xdb\xbaX\xd9\x101\x84D\xa3\x9c\x9f&amp;\x89\xe4\x9f\xaa/-\x95\xd6\xa6\xc7\xfa\xef\xdf\xfe\xcb\xdb\xf7\xaevt|\xf8\xf9\xe7X/\x9f\xf38\xcf]=\xfb\xf6\xf1\xe3o\xf4\r\x0c\x0c\x0e\x0f\x0f:\xdb\xdb\x9d\xce\xf6\x7f\xde\x1eY[J\xca8\xf4(Rb\xd7&gt;,\x19\x06\x07\x16\xc5N\x06\x10I\xc9\xf9\x85\xff\x8c\x8e\x8e\x8d\xf4\xdc\x7f\xffog\xbf\xbaz\xb5\xe3\xf2\xe5\xcb\x1d\xe7&lt;m\xa7\xdb\xda\xda.x&lt;\xce\xf6\xc1\x0f\xa0\xd1p{\xfbp\xbb\xc7\xd3\xd6\x86\'\xc3\x1f\x0f-\xcck\x0c\xc1\xaa&gt;\xb3\xa9\x89\xaf\xc7\xab*\xed\xf2a\x0b\xceM\x95\xe6K\xa5\xd9\xd1\xb1\xb1\xef\xfa\xfb\x87\xbe\xfc\xe4\x0fg\x9f\x7fxy\xf0\xdc\xb9vT[W\xf7\xb5S]\x80\xc0\xd5&gt;88\xdc\xee\x04\x8e\xa7\x0b\x857\xe7\xc0\xc9\xef\xf2\x92)\x9bR\xc3\xbe\xdd\x1a\x96\xe7\xbd\xc8P*T_\x03Q\xcf\xd0\xd0\x8d\xb7\xae\x9c\xf9\xe8\xde\xf3\x8eA\xd2#\x8f\xc7s\x01P\x9f\xa2\xba\xbb\t\x98\x93`6\xb1\xf0\xb8\xab\xab\xcd\xe9t\x0e\xbf\xd3\xbf\x80c$#E\xed\xcbS\xc7NZ\xc6A\xd4\xe7*\xcc&gt;\x1ez\xff\xe9\x99\x8f&gt;:\xfb\xaf\xe7h\xdd9B\xe4i\xeb\xea\xfa\x0cP\x97\xf0\x83\x8b`@\x1e\x0f\x16\x00\xe3w\xe0\x04\xe6\xc0;\xfd\xa3y\x93g\x8c\xea\xaem\x9b\xe2\xb1\xed\x03\x82E\xf3\xa9\xb1\xa1ON^\xec\x04\x12\x9a\xf4\xc7\xbf\xe2c\xdbH\xef \xd3\xa5K\xe7\xcf_j\x15\xc8\x08\rp\xdaZ\xefD\xbd\x81\xce\x9f\xc62\x9a\xac\x05\x97+\xf6m\xd5\xbfn\xa8\x1cNSs\xa3CW\xce\\\xec\xec\xc3\x8c9\x9d-1N\x93\xe6\x11\x98\xf3\xe7\x9b\\\xcd\xf5\xd3\xeeS\xa7\xbaI\xfbZp\xc0\x1a\x1e\xe8\xfb\xba?\xa33Z\xc6\xce\x83`\xa5\x8a\xef\xa3.\xf6\xdf#\xf7\xaf\x9c|\xf3N\xd3Q\xe8\x9e\xf3\xc2i|\xfe5\xa2T\x93\xea\x1f\xe7[E\xb8\xba\xbb\x89\xcf~\xc3\x02\xd5\x07}\x17{\xf2\xf8\x8ek\xd9y\xe0\x8aoeq\xfaL\x8e\x0e\xdd\x7fz\xf2\x1e\xc1"\xfd;}\xe1\xf4\xa9k\xdd\x9f\xb5\xb8\xfe\x07\x8b\xf4\xf1T7\xb1\x7f7\x99\x00OS\xac\x0f\xfa:\x7f\xca\xcfi\x92\x9d\x07\x9b#\xe1-|\x89\x0e\xe4{\xbe\xbcr\xfb\xf7_]\xed\xf8/k\xe6\xff\x94t\x9e\xc7\xf1\xfa\xa9\xbd\xdbm\xf6F\xd2F&gt;\x85\xd2@\xb0V\x84\xb9G\xbb\xe4G\xfc\xe0\x97\x9d\x96\xd8\xe4d\xfc\x82\xa0\xab\xec\x9a\xb9\x9c\x08L\xf9K1\x15\x18\xe7h\x02"[\x07\x14Qc jJ\x93\xa4\xe5\x95:\x9d\x169u\xeaM*\xbbLd\x05{\x9a\x93\xb3Ws3\xb7\x93{\xaf7us\xf7\x07|\xde\xe3\xa8\xa3\xef\x99\xf7c^\xaf\xe7\xfb\xf5~=_0EH\xd3Y4ZN\x0eU&amp;\x93H\xfe\x97\xc6wT\x12\x19\x02\xfe/\x16\\\xc3\xf2\xecl\xa9ts\xf3\xd9o\x9e\xbc"QZ\x1b\x12X\x17{\x81j\x0b\x94O\x9c\xcfb\x89X"\x0e\x87C\x83%Cy|\xcf\x95P|Y\x19\x95F\xa3R\xb3\xde/\xe0BX\xd9}\x95-\x03\x07\x9f&lt;#\xd3c \xac#7\xaass\x0f\x17l3\x02\x96g\xe2\xfe\xfd\xfb\xcf\x9f?\x9f\xf0\xb80\x8b\x18\x81\xa1\xdbXV\x06?$T\x9aL\x06\xc4\x16l\x94\xc5b\x8d&amp;4H/\x97J\xa5}g\xfe6|\xe0\t\xa9\xbd\xfco\x17\x0fV\x9d\x9d\xa6\x94\xe6V\x14@\xb4&amp;\xa2#\xd7\x17\x16\x16\xa6\x8f\x1d;\xb9pk\xccC\xa8,b\x88\x19$\x94\n\x802\x0b\x86\xb1\x08\xcf\xc4\xd8\xe0\xd4\xc8\xc8`\x14\n\x9c\x87\x9e!\xcf\x96\x16I\x8b\xbe&gt;t\xe8\xe4\xdfI\x1dC&lt;x\xfd\xf9\x1f;\r\x86\xd2\xf4-\x05Q\xc3\xf5\xe9\x1b\xab\x17O\x80\x13\xfa\xf4\x8b\xaa\x8bo\xaf\xb7M\x10,\x0c\xc3,(\xa5i\x1c\x8c\xd1\xdf\x7f\x1f\xb6\x1c\xbdw\xe9\xea\xb7G\xa7\xed-\xbd\x94m\x1eyvQQ_\xdf\x8b\xcb\x87\xc8\xacZ\x89\xc7\xfa\xc47\x9d\x86\xb6\x8a\x8a\xd2\xe3\xa7n\x0c\x0f&lt;&lt;\x7f\x04\xdc\xfd.\xa8\xb0\xbf?2\xd0||K#\x83\xc9\x14\x89D\x18\x96A\'\x94\x82\x82\xfc\xf1=\xe0\xdev\x82\x85\xac\xda3\xb0:\xde\xbb\xaf\xa0\x08\xb0&lt;c\xc7\x8e&gt;#\xd7U\xffe\xe6\xc4\xd5\xce\xb66\xa0j\x1e\x1e^\x9d[\xed\x86\xef\xab\x17\x1f"\x93s\xee\xe1\x9c\x9d\xd2\xc8f\xb2\x98h\xc9qAi\xf58\xf4\xc8\xd0"\xde&lt;w\xfe\xfc\xf9\x87\xdd\xe3\xcd\xf6\x16J\xe5\x8e"\xcf\xed\x93\x97\xffI\xa6{]\xb7\xfe\x0fO\xaf^\xba&gt;\xd8f\xf8\xba\xa5\xb9\xd9\xae+)\x81\xaf\xfc\xfc\x12s\xb3\xbb\xab\xfb\x0e\xf4\xf0\xf6\xd2Fhn\x98L&gt;\x9b-,\xcd\xb7\xdfA\xf6\xb0\xdb\xed\xb4\xdb\x9dN\xe8\xa3uf{\x8b\xa1\x12\xb0N]^$w\xc2U\xfb\xec\xd2\xb7\x8f\x06\xdb\xae\x94\xd8\xa1\x7fP\xab#\x11\x93\xc9\xb4O]\x9d\xaf3\xb7\x82\xcb\x99\x1b/)\x10\xf2\xe9t\x11\x93-m\xcc\xd59\xc1\xff\xb8[m?t\x98j:j\xa0SMQ\xe7\x97\\\x89\x9e\x01\xac\x93\x0f\xc8\x1d$mX\xbc\x07X\x86+\xc7{K\xaaM\x1d^/\x84+\x9fB\xa9\x8688\x9d\xce\xd8\xb8\xb3\xb7tB\x9eQ\xc8\xc9\x90Kw\xef\xd3\xb5\xc6\x9c\xad\xe06\xf2M\xea\x1aX[a\xdd\xbd\xbb\x19E\xeb\xfb\x19R\x15\xbf~\xfd\xba\x7f\xbc~\x87U\x02Kgv"\xbd,,\x9c\x02o\xda\xe5\x86\x153\xab\x1bY\x9c\xac\x1c\x1aS\xba9\x1fHcn\xf7\xb8\xbd\x05L"dP\x07\xc6\xe3\xee\xe9\xddg\xfa&lt;\xb7;_\x91X\xb5j\x8b\xad\xd6\xe2?\xfdx\xf0\xd1\x0b\x03\x05\xce\xb1\x99\x9d]K\xdd\xab\xab{\xaa\xaa&gt;\xaf\x1a\xe8^BN\xd5\xed\xf4\x1a\x99i\xf0:\x8b\xa4\x87\xcdnH\xeb\x12\xec\x18\x1e&gt;\xb0:\x87\xe4e\x03\xae\xcd\x95\x80\xf5hq\xfd\xc7\xb5$}\x84\xfd\xc151\xd1o\xb1\xce\xdc\xeb\x04\xac\x92^3\xa8i\xe9\xf1\xcd#_\xedG\x96\xf1\x8b\xa3s]\xb1X\x97;\xa6Kf\xd2\xe0\xe1\xc9\x10\xd6\x80\xd8\x90\xdc\x06v\xee\xdf\x9f\xb9\xf3\xab\x819\xb7\xdb\x0c\xf1:\x9d\nX\xaf\x1e\xd4Z%{\x8bI\xf9\xe0\xf3\xe3_\x92W\xb4Z\xa2\xf3@\xe7`\xdb\xbe|\x14\xac\xa5\xc7\xdf}w\xe2\xf5gh\xfew\xe9\xd9\xa9\xb9\x98\r))\x89O\xdb\xbb\xbd\xacPXc\x06c\x1d\x9b~t\xef\x93/3\xbf\xdc\xf5\xfa\xe0\xb9\xc7\xdd\xe0\xfakNo\x04\xac\xa9\xbf\x96\x11\x0c\x17\x95\x14\xffZ\xfb/\xdfK\xe0\xd2\xdd\xe8\x1c\x8c\x1e6y\x7f\xb0\xb5.=|&lt;p\xec\xe9\xeb]\x99\x99\x9f\xce,\x8e4\xc7l&gt;\x9f\xb7\x03a\xed-K\x13\x82q\xed\xb0\xd9o-&gt;\xfd,3\xf3\x93\xab\xcff\x86\x1f\xdfq\x9b;\xb6&amp;}\xd4\x17\xbe\xfd\x82 p|Hi%\x05\xeb\x17\xdf\xbf\x81k\xb9\xf9\xd1`4}k\xca\xe4\xa4\xcf\xd6:\xb7\xfavf\xe6\xde\xd9\x81\xb7S\x83&amp;`\x9a\xac\xf1\xfbC|Z\xd9^I\x1a^W\x93\x92\xe2\xcb\x1f\xf9\xf9\xe7\xa3\xe7n\x0e\xfc\xf8\xeaz\xb3\xdbi\x9b\xf4\xc7?\xacg\x87\x9fo\xe2\xe1xpv\xf9\'R\xb4\xf5\xd3\xf2\x9b7\xb3\x81\xf6\xde[c\xd1\xf4\xa48,\xff\xa4\xd9\xe9\x9c^\x80\xe7\x9a\x92\x1b\x894qS"\xfexH\xc3\xb0@\xfb\x90\xc6\x0e\xc5\xb7\xd6\xe5\xe555U\x8c,\xd8\x17n-\xb4\x98u\x91P0\x18\xbc e\x87=;\xd8|\xcd\xfc\xda\xcav2\xb0~\xb3]\xf0\xf2\xcdZ&lt;`\x9a\x1a\x8bn\t\ri4\xc1\xa1$\x7f\xc4k\xf3\x99\xbc\xde\xc9\xc9\x0879\xb9\xae.\x14\xd4\xe8\xfbU\xd42\t\x8d\xdd\xd3\x13J\xda$\xc8[^^n\x8atx}\xde\x94x\x0f\x0f\xe7\xf1\xb2\xb3\xcb\xc3a)\xae\xf7\xaf\xad\r\x91\x92\xc4uV\xe5\xdaK\x9f?\xde4x\xfb\xfe6\xa3\x1e\x873\x94\x1aMR\x9d\xdf\xef\xe7r\xf3\x04\x8dF\xe3\x87\x00\xa5\xd7*T\xd0\xa7\xd2\xd8\x1a\xfd\x85\x1e\xa3\xd1(\xc8\xe3raG&lt;\xd4\x03q\x92\xcb\xe5\xe5l\x84\xa5\t\xcd\xae\xcd\xf6\x933\xb2\xb1*\xe6\xe7\xfd)\xfeH\x02\x8b\xc7 \xe0\xe9c\xe0&lt;\xbdR\xa3T*\x85@\xa9O\xac\xf7X|=\x8f\xc7\xd3\xf3\x84h\x01\xbd\x9e\x87\x83\x9d\x04/\xdbP^N\x0f\xd7\x87\xe2\xf3k\xf3\x96Z\xd2\xb0@O^\xc3\xed1\x84\xe5\x12a\xa2w\xdd\x02\xe0\xf1\xf9\tD\xa0\xd2\xf6\xab\xa0\t\x14\x13\t\x10v\xe2\xe1v\xa1=,\x91\x08y\xb7\x86\x86\x86pxc\x12p\x05\xca\xc8\xc2r8\x1c\x936\x1be,\x81\x05\x07\xb1XL\xd4\\\x01\x1d\xfc\xc6\xe4\xf3\xf4\x1a\xadV\xff\x7fXr\xf4g\x16\xda\x82a\xd0?C\xdb\x0c\xe6\xa7a\xd4\xf3\xe7\xba\x9e\xa0Ca\xfd\x80$\xac@\xc01\xdb\xdaz|l,jT\xe2|`\x01,8\x115~"\x96\x0b\xd7k\x86\xb4\x1a\x88\x96\x18\xb0\\\n(\x02|V\xe2\x9f\t.\x84\x95\xa0j\x18=\xd3\xe1\x0f\x04\x83\xaek\xe4\xbc\x89Va0\xe8\x98}\x89\xa2\x15\x15\x00\x17\x88\x05b\xc1J\x9cj\xc1T\x04\xae\x19\x82\xa5` ,\x19\xc6\x00.6\x13C\x1eC\xa4B\x9b20\x11\x9d.//\x07\xac\xc9\xf9@@/&amp;iHi\xc55A\xc7\xfc,7\nX\x05\x82\x1e\r\x0f\x07E\x11.8\xd1"\x86\xc3\t\x9eF\xd0&gt;\xa4\xed\'0\x90\xbc\xcc\xe2\xea\xe7\xf1p\x02\x13C\x948\x18+\xb1\x98\x89\x8b\xd80\xda\x17w\x04\x82&lt;*9\xd2\xda`e\xe8\x83\x0eG@\x08f\xa6\xad"9\xa4\xb9\x00\xf2a W\x01\xa6B\xcc\xc1\x08}\xb0=oHA\xb8,\x08\x0bs1\xe0"\xf2\xb1\x84\x85\xb4$\xf4\xc7\xe4\xc3\x15\xc8\xcen\x18\x95\x07\xe7\x1dZ\x86\x84\xa4\xbe\xd9\xca\xd0\x06\x1c\x01=\x9f?6h\xc8\xad\xf8\x1d\x14T=N\xb0D\x90\xa741\ra\x85\xb8\\\xc0Rab\x89D\xacJ`1T\x80\x95EK\xd8\xc5\xf7T\xd9\xe1Q:\xcf\xe1\xd0\x12$]\xc4\xf5\xd7\x18\xda \xc2\x92\x8fM]\xa1\xe4&amp;\x0b4J\x1e\x8enb" \x1c\x8b\x8b7\xc4m\x0f@\xb4\x90\xb6,.\x02\xb0\xf4\x0c\x95\x85\x96\xb0g\x1c\x08\x17`\x81\xd7\xef\x03,&lt;\x00X{Ij\xe7\xaf\xa9\x82\xda`P\x8b\x03\xd6H\xb5\xfa0\xa8\x9e\xc7c3\xe9\x19\x9c4t4\xe6R\xb4\xaf\xb4\x07\xb4\n\x86\xcbB\xa5\xaa\x18\x0c\x86\x02\xb001-\x8b\x8a\xb8D\xcc\x069`I\x11V\x03DK\xe1"\x0b\xabX\xac\r*\xa0ffG\xa7F(\xa6\xdct\x81QS/e\xd33\n\xd1\xf8\x01\xc4\xa4X\xe1\xae\xac\xb4\x0b\x94\xb8\xcb\x821\xa0\xf2k4\xf0l\xc3\xbf\xa844Cb\x82\xdc\xd9\xd2\xfa\x1d}\xe10[\xaf\xd53\x88\xed$M\x03\x8b\xa9&lt;\xad\x82\xc0\x1b7\x1a\xa6\xa6(\xa6}\xa5\xc9\x02c}v9\xbd0-\x0b\xa8db\x95r9\xb2\xec3\x974A\xed\xc0\x95\xc9jo$\x1e\xc29@\x95\x95\xc6A\xe3I9\xc4\xaa&gt;\xb5\xb2/\xec\x11\xf2Y\x84\xc2e%\t\xabV\x02\x99\x116\xe6\xd5T\x8f@\xb8r\x0f\xa7o\x02,9\xbd\x10\xd2DE\xe1\xeao\xf2\xf9Z\x97\xee\xc4Ly\x02\x01W\xd7\xd5e\x9e\x8c\xe3\x16j"Z\xefG[\xf5\xa9\x1b\xa1\x95\x9f\xa8\xa7\x17\xb2\xfaU\xe4\xf4\x0f\xa0\xf9\xed.&amp;1\x91\xec\x8f\x98\x10\x96\xda\xa4\xdeb\xacg7\xd0\xe9\x85hTC\x85J%\xf0\xb5\xb6v\xfd\xfak\xcc\xabV\xeb\xba\x96\xa0Y\xe5\x12bj\x8e\x84J+\xa4\xa3`A\x06Sw\x03V\xeaG\xe5\x19\x1c\x16\x8d\xa4"\xbfnC\xb1\x8c \x18\xc2\xa1!\x81\x01\x89\xcbkJ\xdfV\x0f\xd5\x91.B\xd3@\xaaLl\xe9\xe7\x9a\xc1ft\xb9\xcd&gt;\x9f-\xd6j{\xe9k\x84K\x99\x93CE)L\xcc\x01Sw\xef\xae&lt;\xe3\x99\xe0\xfd\x87\x97\xf3\x8fi\xf2\xce\xe3\xb8\xcd]@i;\x18\x85v\x1dU\xbb\x16\x84\\#m\x96\x9b\xa2\xb5kK[5\xf1G8\x8a\xf4\xceZ\x0e\xecYm\x8f]\x11\xa3\x05\x13\x8e\x0c\x8a\x88k\x19\xa2\xc4u\xc3\x8a\xb9K\xc1\x03\x8f\xd1@\x00\xc1\x1f\xc3\x1fd\xca\xeeF\\\xa2\x98\x98\x98\x05.l\xc8\xa2^\x14\x01\xd9\xdd\xfb\xf3\xb4\xde\xed\xcf\xdb\x8e\xc7w\xca\x8f\xf0\xd7\x8b\xf7\xe7\xf3|~&lt;}\xbe\xdd\xb5qe\xe6\xdaE[\xf79\xd8}R;m6;%\x97\xa0\xd6\r,Lu\xbb\xd2\x81\x05\xaam\r\xc5\xb6)l\x19\xf4\xe6\x0f\xa6\xfa\xb6\x13m\xf5\xb8\x10wRn\xbd\xbc=\t\xb3\x80\x85\x96\xb4"\xf3\xcd\xf0\xe2\xbd)\x1c\x1b\xde\xd9i\xb3\xdbJzFFB!\x9dE"S\xe4m\xc8`\xb8V44\x00KoS\xd1\x88\x0f\xb5\rO\xa9\xfa:\x9bQ\x1f(\xb5\xa8C\x13V\x01\xb9u\x1e\x19\xbfe\xe3\xaa\xc5\xbc7\xc21O\xce\xbf\xf9\xab\xc9\x99\'\xc0\xb2X%&amp;/\x83\x95F\xad:%\xb3\xa1\xb8\xb9\xd3^_?=5\xdc:\xfc\x97\xfa&gt;{jsJ\xe66\xa6\xd4\x02k\xd7o6\xb8\x14\x05"\x11]\x89\x98,\xde5/YTa\x1bv\xc4_|\xd6\x13bn\xbd\xc9\\\xe0Z\xafOo.\x06U\n\x1a\x8e\xcd^\xdaW\x8f\xea\xd5Wj\xd3\xd0\x1f\x81\x85\xc6\xf3\x16z\xf4\x86\xbc\x1c`!\xe5\xe7\x8fO\xfez\x95\x99\x8dgv\xcd\xc0\nY$&amp;\x93L\xe1\xca\xd3hRS\xf5\xfa\xe6t\xb4\x1b\x8d\r\xb2\xf7\xf5\x95\xa2\xd6w\xa66\xa7\xa7\xa3\x8bg\xa2M\xa71T99\x05J\xb1\xe2\xec$\xfdcK\xd8\x90\xf9VOu\xb5\xcf\x04\xc9J\xd0\x81\xd6\xac\xb1\xa5\xa6j0\xb3c\xa4O\xd5w\x02\nY\xd5\xac\xc7e\xab\xa7\t6=\x8d\x9a\xa1K\x91\x93\xa3\x10+\x08k\tK\xaa\x9c\xe9\x99 ,\x9f\xcf\x84\x0e\xb4\xdf\xbe\xbf\x8fv\x9c\x12P\xd9l\x9d\xa9dT1\x04\xfbR1\xe4\xa7\xd2\x94\x9f\x97\'\x16\xc3.\x85Bq\xefx&lt;\x8bX\xd5\xb0\xcbW]-M\xd6b\xf6\xeb3\xa8,R-&amp;\x9d\xbe.\x0cd\xb3\xa5$\xb4\xec\xb4\xf5\x1af\xf5Y\x93\xb7\x06\x05\x1en\x11\x18\x8bX\x8e\xeb\x14D\x9fO\xa7\xd6I\x93\r*,\xcf\xeeZ\x8fJ55|\xfb6\xf6\xbf\xdbwI\x1fO\xf7\xd95k\xd0\xb1Kx\xc1`\xd0\xe5R\x00\xeb&lt;\xec\xba\x17f\xedyk\xc7\x17HyrK\xadv\x02\xca\xa9\xab=\xf0\xc9\'\x1f\xfc\xe3\xc5\x8b\xb9\xb9\xb9\xa7\xa4\x87\x8c\xda\xa6\xb4Z\xadL\xcc\xe3qy\x80R(\xce\x03\xcb\x7f/\xcc\xda\x83\xf3\xf1G\xa3X(\xf5n\xa7\xc1S{\xe2\xcc\xbf\xa0\x17\x0c\xd3\xdc\x0bh\x0e\x84\xf8\xf1\xc1\x87\x07\x1a\x03b1\x9f/F\xb23f)\xae\x98\xd9\xc3\xba\xf8d\x90\xb8t\x82"\xe2\xf24\x9e\x80UsO\x1f\xde\xbe;\r\xdd\x8e\xe8\xfb\x87O_|\xfb\xed\x99\x13\xbb\xe5|\xb9\x9c\xb8\x80\x05\xb7fX&lt;\x98q\xf1\xd9\xe0`\xa8\xba:\x82%\x14\xee\xde-\x9c\x1a\x9e\xba\x8b\xedv\xb6\xb4\x93\x91mv\x16K\xd2\xf7\x08d\xa30\x90\x18\xc5\x02U\x81\x7f\xde\xc1\x1e\x96\xf9\xd6\x08a\xa9\x05EEj\xa7s\xf9\xbe\x04n=\xba\xcet\xd7,\xa9\xd4V\x8a\xef`\xfcx\xba\xfe\xe6\xcd\xc4}\x81\x80\x1cQD\xfc\x14\xfe\x1c\xff\xd9U,&gt;\x01\xee\xb8&gt;\x02\xbbB\x02`\t\x9c\x81@\xa2\xd7\xeeE\xa10\xd4G\xe1\xa6g\xbb\xba\xbaf\xbbn\xde\xc4\xdc\xccK\x90\xcb\xc9-P\x15\xa0\xce\x9f\r\xb3x\xf0!\xfe\xe8\x93\xc2\xc2A\x01\xb0\x8cE:\x91(\xc1\xab\xc9\xf6&amp;\'\x1b\x0c\x16\x9d\xe7\xfe\xf0\xf0\xfd\xfbS*L\xa8\\\xae\x97\xeb\r\xba\xb8D\x05\xac\x02\x99\xcc\xef\xf7\xb3\x98\xf1K\x96,Er\x15\x92*\x8cE\x82#\xa2$o\x86\xc6\xaeM6$[u\xee\xda\xd6\xb6\xd6\xd6F\xb7S*I\xe2s\xb9\xfb\x83&lt;\xbe\x1cQ\x14\x8b\xc52\xdf\x03`M\xb2\x98ZH\xaeoF\x06*\x08\xab\xa2\x02v\xc9\xbcvD\x11\x05_+\xb1\xb8\x87\x87\x87kk\x19,9\x97\x17\xe4q\x13"XJ\x93\xe9s\xbf\xffq\x98\xddC\x0fG\xff\xd9\xdd\xfd\x12\xcb\x9a\xa4%\xd5\xa3/\x9aLR\x83\xc1\xa0RYM\xb2$\xc2\xe2r\xb9|*\x10J\xbeH\x06*\xff&lt;\xbb\xe7\xb6b\xcd\xcf\x06\xba\x07\x18\xaeB\xb5\xce\x8dR\xaf\xb5{\xed\xd9\xd9%%%7\xd0\x05Kn\xdc\xc0o^.\t\xf1\xe3+\x954\x97\x16\xc0,\x96O\xfaT~3\xd8M\\\x84\xa5nm\x9bRi\xb3i\xaa\xd1\xeb\xd3\xe8\x1dXL\x0f\x9a\x0cM6\x0f}GLm\xa7\x00\xf2_\xf2\x8f\xb3\x9bY\x91\x121\xd0]1@X\x02uk\xab\xc7\x80\xb9F\xa3/nhX\x81M\x16\xaf\x94-\xf4\xee\x1dVC\x85\x0bm\x9a\x81\xba4&gt;c^\xca:\xd6\xe0\xc0\x00\xfcb\xb0\xd4:\x8bA\xeb\xb5\xd3\xed\x07\xac:\x84\xb5s\xe7\x8a\xcc-\xeb3he\x85[\xe4\x15\xa8\xd87\x0bX\xc8-\xe2\x1a\xa0\xe4\xb2X\x93\xe1\xd6\x1f5\xfa-\xd8\x80\xb61o\xf0\xafHIgfe\x17\xf602\x8b\xc4&gt;V\xfc\xf5\x8a\xba\xb1\x01\x12\xaeH\x81E\x92D7p4\xa9i\xe9\xc5\xc8\xacb\xb0\xa5\xa43X\x94XJ\x99\x7f|\xfc\xd2\xc4\xb5\x07\xaf\x02\xab\xb0\xa3\xa9\xaa\x9b\xb0N\x9e\xec\x16X%Z/\xc6z\xcdz}q1f\xe5\xe6\x94-zz \x8fv\xc3\x07&gt;\xdfg\xe3\xe3\x13\x82\xef\xae\x15\xbc\x12\xac\xfc\x8e\xa6\x9a\xaa\x81\x81\xbf/\x1cz\xffd\xa1\xdaj2ii\xc7\xc0b\xa1\xc9\xc6\x08\xaf\xc9\xd6h\xb2o|\xee\x0b\x85&amp;z.}\x16\xaa\xf8\xeeZ\xe0\x95`\t\x8c\xc6\x03MC\xa3c\'\xf7\xb6\x1cz\xbfj\xac\x1bd\xa8\xa9%%\xf48\tM\xf0(\\2_\xa8\xf0\xcb\xee\xc1\x89\x89B#\xa8\x02\xcaW\x91\xf2\x02c+q\r\x8d\x8e\xf6\xf6.\x1c:\xb40:&amp;\xd0Yt\xba\x90\xc0"#\x99\xa4R\xab\xa0\xbb\xaaj\xb4\xea\xcb\x8a\nP\x1d\t\x04\n\xe6\xd9wkF\xd0J\\u555\xbd\xfd{\xfe\xfa\xf6{{\x16\xea\xc6\xc6\xc6\xf0E\xbd\x12\xc3EEEw\xd5\xc2\xd6\xbd[\xff\xd4\x81\x00\x12U@\xcc&gt;\x96\x83\xb0\x1a\x8d\xc6\xfc\x8e\xba\x9a\xde\x96uY\xefd\xad\xeb\xef}\xd4K\xafQ\xa8\n6-\xec\xdd\xf3\xbbu\x9f\xf6\x8f\xe6\x13\xd5\x11\x1a\x06W\x9a\xd9\xc6\xaa\x9c)jml\xac-2\xe6\xe7\xd7\xd5&lt;j\xd9\xbezu\xd6:\xe6\xc8d\xcb{\xf8j\xe9\xdf\xba\xb5\xe5\xd4\xa6M\x9b~\xcbP\x11\x14Fg\xfe\x95W\x80%\x00U-\xb8\x8c\xe0\xea\xed\x7f\xfb`V\x16\x1d\xf0\xd9\xb4\t\xaf\xac\xac\xed\xeb\xb6gm^\x9du\xeaQ\rCu$\x11J\xe0\xdfc\x1d\xcb&lt;S\xcb`\x11\x18\xb8\x86\xee\xf4\x7fz\xfa\x97\xcc\t\x9b\xcdt\xf2\xe8B\xd6\xea\xcd\xef\x1cl\x19\xaa\x8bFP.OH\x00V\x98e*N\xf8\x99\xbb\xb1\xd1M\x02WG]SM\xef\x9d\xfe\xbf}t\x81\x9e\xef\xfe\xfd\x85\x0b\x07?:}\xfa\xd4\xe5;5\xff\xc9v\x0c\xce\t\\\xfe\xd90\xbb\xad\x9aS9y\xc9}\xff\xbe\xdb\xa3\xd3\xa9\xdd\xb5\xc6\x8e\x8e:\x80\r\xddyt\xee2\x1d.\xb8|\xf9\xdc\xb9;g\x86j:\xc8*P\x89\x02\x08 ?\x81\xcb=\xbf\xd6\xc1&amp;W|\xe5\xe4c\xab\xfb\xbe\xc7\xe3\x84t\xea\xa2|\xe2"5\x01\xae\xa6\xa9\xa9\xae\xa9#\xdfh,b\xe2\x07\xafD\x89Hw\x0c\x84&lt;\xd7\xc60{%\x82\xe3\x08\xcf\x8fK&lt;$\xe7\x0f\xb8::\xf2+\x98\x92\x15\n\xd1\xa4s\xe4\xa5D\xc0Bb\x11V0ce\xd8\xc1\xd2\xe1\xfd\xca\xa3\xd7\x1f?p\n\x85\x0c\x95T*\x05\x96\x00\xe5\x0bT\xf9\x98\xbdB\xcc\xad\x1c\x9f("\xa2\x12\x05(\xdd\xa1v^\xd0\x95wem\xf8"\x0b[\x06\'\xf7\x8b\'=Vl\xf7\x84\xa5",)c\x17\x89\xcc\x8a`IL&amp;\xa5R\x048P\x89(\xdb\xe9:\xe4b\x86\x16\xbb2\xae\xcc/\xfe\x1d.G\xf9\xd5\xaf\x06\xdd\xc2\xdd\xe0\xa2 \xaa\xa4V\x06\x0cv!\x99\x08\x0bvY\x89J&amp;SF\x1dcj\x03\xb8\x88\x8a\xc7\xe7\x06\xf3\xee\x1d_\xe4\xc4\xe7T\x1e\xbd\xfa\xfc\xebAzv\x8dq\x8b\xb8$\x12\x89\xd4\xaa+\xca\x07\x14\x963\x81@]m\xb5J"T\x14\xc0\x08\x16\x97R\x8b\xb8\xb8\xed\xed\xc1?\x84\x17\xf1\xf3Z\x96rb*/\x1e\xbb\xfa\xfc\xf9\xd7#\x1e!\xa8"Q\xf4\xa8\x0c\xc9I\x12\xa9\xae\xd6\x08\xb3\x8ah\xfb\xa7\t\x1aX\xca\x1f\x9a\xc5,f\x08b;\xaf\x9d\xb0\xcc1\x9c\xb8\xb8E!\xe3p\x1c\xb9e\xc7\xfe|\x15X\xcf\x9f8\x99 \x12\x97J\xa5\x92&amp;%\x99$N7\x9aP\x11a\t\x04!\x0b&amp;\xc2H\x08\x95\x0cVb\x14\x8b\x82\x08\xaa\xe0[\xe68\xce\xb2e\xf4I7\xff\xa7Oq\xf1\x95\xb9;@\x05,p=\xb3\n\xa3aT\xa9&lt;\xd8\xe9\x81%\xb5\xd0=%DP@k\x90\x141$(\xc61j\x86\xdch\x08)\x8aA\xd7/\xcc\x9c\xf8\xb88\xfa\xfc\x1d\xceO\xb7\x8c\x13\xf3\xf3\xd7sw\x94\x97\x95\x1d&gt;\x06.\xf2\xeb\xab\x1e\xa10\x92\xf4*\x03\x99\x15\xc9.5\x83D\xdft\xf47\xc2*\x00W Z\xb3\xa2TH.\xd7F\x07\'&gt;~Y\x14\xeb\'\x81\xc5r\xe2\xe0S\xf9\xe1\xc3e\xd0\xe1\xc3\x8c_\x88\xa2t9\xe3\xd6r\xec\xf8\xc9\xc9I\x04&amp;\xd5\xe9\x08\x0c\\j\xb7\xda\x82\x8b\x13X\x05\x84\x95\xc8\xa4\x16/\x8a%\xe6r\xdb\xf3\xdeu\x00\xe9%\x16|\xfb\xb1\x1fA\xc2\xe1\xc4\xbcFN\x81\xab\xac\xbc\xbc\x9c\xb8\x18\xb0[\x0f\xf6E\x92~\xf9\xbe\xc4\xc4\xe4\xa4d\n#\xc6er\x0b^\xe9\x90\xf4\x84\xa5\x14\x8b\x95J9\xd3uH\xc1H}ho\xdf\xb0\x96&gt;9i\xe9R\x82\x8a\x8d\x8d#\xfd\x08\xb0XN\x0c\xa0\xdex#7w\xc7\x0e\xc4\xb0\x9c\xe1:v\x8c\xd2\xfe\xea\xb8T\xc8\xe4\xbc\x10X\xc4%1I\xac\x16\x9d\x9a\x11l\xb3X\xa5\x01d\x96\x98\xaf\x94+\xe5\xfc\xfff\x96\x82\xc7\xc7\x95\xb8\xeb8\xf9\x14\xc5\x8a\x8b\x8a\xf3?\x82\xc5\xc6\xfc\xec\xb5\xd7!\xe2\x02YY\x19\x03\x17\xf5\xebV\x0f\xa8\xe8q\xe0\xe54\xde%Q \xa5\xe0\xa2\r\xe3\xdf\x8d\x9c\xb1o\x1ag\x18\xc6\xc1\xdc}\xe4\x0e\xee\x03SH8\t\x14\nR\x86"\xb5\x96&lt;x\x89\xe4J\x88n\x1d\xea\xab\x95HH\x1e:\x9cH\xa6\xact\xf1^\xb5\x03\xff\x80\xa5H\x99lu\xb1\xd45r\x14\x05\xc9\xce\x7f\x90)C\x87J\x9d\xbc\xa4C\x97&gt;\xef\xfb~\xf7\xdd\x1d\x1cN_c\x83\xc1\x82\x9f\x9f\xf7\xf9\x9e\xef\x853&amp;\xa8\xd9l@~G\x05A`\xe4\xa2\xd7\xe6\xcf\xea\xb5\x9b\x8b\xb3\xaf\xa2\x14\xab\xec\xdb\xaa~\xded\xd0V9LE`\xc2\xb5\xc8r}\xfa\xe2\xa7\xbe\xedb\xa73\xe9\xc0\xf6\xe0zB\x05\xa8\xc1lJPa\x00\xbd\x82P\xac\xcez\xdd\xdc\\&lt;~\x1a\xfb\x9bj\x89b\xd5;\x88\xaaUO\x01JW\xb4\xde\x05\x1a\x1ay\xd4\xedv\x01\x05\x97-\xc4\xf7\xaf\xde\xffq\xbfOo\xf3\xeb\x1b\xae\x0e\x87\x04!\xcdfr\xe4\xec$\xe4\xfafT\xab3\x17\xa8\x02\x8a\xad\x8b//\xd5\x16\xacm&amp;\xbbW\xf5\x88\x08H\xa8J\x05\\\x84\xa5\x01\xd5\x85\xf3\x8f\x8f\x98\x8b\x83\xe2\xed\xa7_\xfb\\\xa4\xd7\xc4,\xc6\x19ca?\xfc8\x1c^_\x8f\xc3\xf0$\x0cF\xa3\xb0\x9e\xd6\x05\x1b\x9e\xb1\xca\x84\xe5\xafc\x15\xf4\xf2\x9e\xe7\xb9\xca\xa9\x08NeG\'\x175\x19\x0c\x92\x1ds3\x8d^o\xff|&amp;\\\xc0"*\x8bE\xdb!\xa8^\\\x9f\xf0\xab\x80tX%\xac\xf3a\x9f\xfa\x19\xb0~\xdc\x8f&lt;?\xc5\xb2\\J\xd9V\xae\x91)\x12\n$;Z\xef\xec8\x06\x8b\xc9\xac\xc5\xe0\xff\x84\xeb\xfdk\xcb\x85\xf4\x1ca5r\x17\xb1\xf10\x16e\x16Y\x1eh|\xc8\x87\xaduV\x7f\xfe0R\r\xc1b\xc3{^B\xa5\xb2l\xe4\xa4\x14\xcb\xe1\x02\x87\xe3\xf0e\x83U\xa1\x9c\xe8\xd2\'\xc7\x05\xe5\x04\xad\xc67\xcf\xe6\xdc\xc5\xbd\t"\xb33`\xb9\xbee\xae\x8fD\xd6nSt\x05\x06K\xb8\x9ec8U*\x81"gy\x8a\xc1&lt;\xe6\xf3\x12Jp\xd9\xf4O\xb0P\xca\\\xae$\x82QN\x180^\x8f\xbf\xb0^\x03~\x9f\xeb\xde|\xdej"S\x87\xdcF\x9e\x1f\xa6\xed\x1eN=`\xb1^T54\xf2\xf1\xfee\x1c\xa7ZQ:x"\x10\x03\xa9\x14\xcb7?e\xb1@\xe4*\xa5,\xa3m$\x84\xea\x8a\xc9\x16\xa2\x17\xfc\x05.\xb1\x17\x96\xe3p8\x9drL\xcc\x9eL\x06\x98\xa6\x1f&lt;h\xd3\xeb\xde\x94\\\x88\xd4f\x10\x8e?\x1cD\xb1j\xd8\xbd\xb0,&lt;\x86j\x03\xcb\xc8f\xb0\xc0\xe4\n\x97\xcasa\x1b\x12\xb0#\xab\x17f\xfay?\xe1b\xdbO\tmo\x82y\x15S\x04e|R\xcd\xf0\xe5\xfe2\x8e\x1b\xca\xcfc\x01\xe9N,\xbf\xe4\x10\x08\xe1\xb8nN\xaf\x94\x8c\x1c\x862\\\xaf@\xf6\xcf\xeb\x01g\x04jN`\xa0\x1a\xf4:\x14\xae=v\xfc\x88\x0e\x15\x10\xd5\xeaj\x19\xc5n\x03V*\xe7\xa9|\xff3X*-\xe6\x12$\x9d\xb1\x98\xacH\x16\x8c\xe3\x1e\xf5\xee\xf6\xcd\x0cX\xb0Wk4B\xac\xf6h\xa6\xe0\xa9\x02\xa6\xa7CP\xc1\xa89\nVW\x8f\xa2SHEZYo\xf9y.e\x1c\xe6q)%\xe7\xde\x06\xd6&amp;\x986Y\xb1\xcb\x9b\xe4\xcf\\\x04\xd6k\xd1\x11\xc5Z\xb35\xa7\xe3*\xc2\x85\xf1\xb0\x87\'\xada\xad\x19\n\x94+\xcb\xbf\\\xa4Vv%\n\x95o\xb0\xca)V\xc6^y\x83\x192\xf6?\r\x86\x86\xec\xdd\xedom\x9a@\x9b\xfd\xfb\xf3\xf9\xf9\xf9\xde\xe4\x10X\x9dV\x8b^:\n\xc7\xbf\x7f\xb7\x8c4\xbb#Ke;\xb7QkW\x96\x92h\x10\xac\xa4\n\xc8,\x17\x0f;T\x7f\xfd{\xbbZ\x8d\x9b\xf47\xea\xe7\x7f\x93^\x93\xce\x88VA0~\xf9p\x19\x9d:\x96\xca\xcf-\xc2",o\xc3[I`\xd9N\x12\x95\xbb\x11\x16\xcc\xa5\xcd\x1c&amp;d\xf8\xb2&lt;\xf8\xfa\xc3\xea\xc5\x98e\xe6\xfc\x00\x00\x01/IDAT\xe1a\x87\xfev\x1er\x1d\xd2;\xff\xf0\x14\xfaT\xd3R\x12\xa8\xfc\x1aL\x1c\xee\xe5Kn[S+[\x0cT\xd8L\xde)\x05\x8ck\xb18\xc6\xc6\x14].\x0f~\xf8\xfe\x16u\x85\xda\x7f\xfa\x08\xe1\x19\xe3\x0e*\x05R\x99\r\x87\xeey\r+\xa1\x95[\xfd\x12f\x06yX\x03\xa078\xb3\x16\xc3\xa7\xd9\x8dx\xb6\xe0L\xa3qC\xefFQ|\n\x1e\x1d\xc7.v\x1a\xc4g#\xef\xf5l\x8b\xd6\x99,X\xb2\x1a\xfdR\xa5\xb8x\xc41\xacy0\xade;\xa2\x8d\xe9\x88#-\xe6]\xdeQ\r\xddPH\xa9\x86\x125\xd6\xa0\x8c\xfe[\xb1r-\xdd\x8a\xe5\x14\xc3\x9a\x89\x8c\x93L\x8a\xae\xa3\xde;\xcaM\x1f\x99r*5U9EQ\x05\xbe*\xa8\x92\xbeS--\x95q\x17\x07\x9a\\[\x11&amp;m\x96\x8bg\xb3f\xad{e\n$e:\x94\xb7\x95\x8b\x93\x9b\\\xfa\x1fXV4\xfe\xc8]\'i\xab\xd3oy\xf9\x1a!2\xa3\x80}F\x98\xe1Pk\r4X\xc9\x99!t\xbd-M4vr\xb6\xdc(K\x94\x95\xe2L\xb1\xed\xc9\x0e(\xbe\xfcw]\xdc\x8e\x87M\xd4\xda\xf4\x15\xfdJ|\xe2\xb8\xa4\xbb\xc2\xd9\x7f\x15OBqED\x82\x06\x00\x00\x00\x00IEND\xaeB`\x82'</t>
        </is>
      </c>
      <c r="M507" s="3" t="n">
        <v>45492.67777777778</v>
      </c>
    </row>
    <row r="508">
      <c r="A508" t="n">
        <v>1199435</v>
      </c>
      <c r="B508" t="n">
        <v>1966</v>
      </c>
      <c r="C508" t="inlineStr">
        <is>
          <t>Lucca</t>
        </is>
      </c>
      <c r="D508" t="inlineStr">
        <is>
          <t>L. Holanda</t>
        </is>
      </c>
      <c r="E508" t="inlineStr">
        <is>
          <t>CA</t>
        </is>
      </c>
      <c r="F508" t="inlineStr">
        <is>
          <t>ATA</t>
        </is>
      </c>
      <c r="G508" t="inlineStr">
        <is>
          <t>CA</t>
        </is>
      </c>
      <c r="H508" t="n">
        <v>180</v>
      </c>
      <c r="I508" t="n">
        <v>45</v>
      </c>
      <c r="J508" s="2" t="n">
        <v>37712</v>
      </c>
      <c r="K508" t="inlineStr">
        <is>
          <t>Right</t>
        </is>
      </c>
      <c r="L50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dd7eeb7-7f88-4578-ac4f-ca7099fa37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89\x9c\xc6\x00\x00\x00\tpHYs\x00\x00\x0e\xc4\x00\x00\x0e\xc4\x01\x95+\x0e\x1b\x00\x00\x03\x00PLTE\xfa\xfa\xfa\xe52\'\xf8\xf8\xf8\xcb\xa2\x8b\xfb\xfb\xfb\xff\xff\xff\xf9\xf9\xf9\xfd\xfd\xfd\xfc\xfc\xfc\xfe\xfe\xfe\xe7\xe9\xf5\xde-#\xe4\xe5\xf2\xe6\xe8\xf4\xcc\xa4\x8c\xe9\xeb\xf6\xe5\xe3\xea\xc9\x9e\x87\xb8\x8bs\xe30&amp;\xb6\x88p7+%\xca\xa0\x89\xe63)\xba\x8fx\xe0.$-$ \xc8\x9d\x85\xc1\x98\x81\xb8\x8ew\xbf\x95\x7f4*%\xcf\x9f\x8f\xc5\x9d\x88\xbb\x90z3\'!=1*\xb6\x83n\xcc\x9d\x8b\xb3\x85m\xc8\x9f\x88\xe3\xe3\xed\xbf\x94|\xbd\x92y\xbd\x93~\xba\x88v\xcd\xa7\x8f;.&amp;\xc8\x97\x87\xe2\xe0\xeb\xc4\x9b\x84\xe0\xde\xe7\xc7\x94\x83\xc7\xa2\x8a\xf6\xf6\xf6\xe6\xe5\xee\xc5\x9c\x85\xc6\x93\x80\xb3~m\xbf\x8ev\xb0\x7fj\xc4\x99\x82\xca\x9a\x87\xc0\x8e|\xb2\x86r\xcf\xad\x96\xcc\x99\x8a8.)\xb2\x84i\xe4\xe1\xe8\xad\x82n\xb5\x8cu\xb7\x90~\xe8\xe5\xeb\xc1\x91y\xe85,\xe8\xe7\xeeTC9\xd0\xa4\x94\xc9\xa7\x91\xb1\x89w\xa2ta\xc7\xa3\x8eH:2\xc7\x9b\x82\xba\x8du\xc1\x99\x84\xc0\x8ay\xec&lt;1\xab}k@5/( \x1c\xc9\x97\x82\xba\x87q\xcc\xaa\x93\xc3\x91\x7f\xa7|i\xbd\x8bu0($\xe7\xe6\xf1\xad~d\xee\xee\xee\xf2\xf2\xf2tPEA0)F4,L?6\x9fo^\x84`R^@7\xac\x86u\xcd\xa3\x8f\xc3\x95|\xb7\x84t\x8a^P\xc4\x90|\xa7xe\xcf\x9f\x96\xb1zg\xa6\x83s\xc4\x98}\xa9uc\xc7\x8bz\xcb\xac\x99\xc2\x92\x82\xc1\x86s\xe8\xe3\xeefD9mK@\x8beX\xc6\xa7\x96\xe1\xd1\xd8\x99rcP&lt;2\xa2vg\x92dT\xc4\x95\x85\xdf\xba\xc0\xe9\xe8\xe8\xdd\xd9\xda\x80ZM\xbc\x8c{\x94hY\xdd\xda\xe3K7-\xac\x81i\xbc\x95\x86X:1_RK\xb2\x8c{\x9akY\x9d\x80s\xe2]Z\x9ao^yUI\xc8\x9a\x8f\xc4\xab\xa2\xecE:\xd9\xd3\xd6\xa5\x9a\x95\xc9\xc5\xc4\xc9\xb2\xaa\xd2\xb1\x9d\xd0\xbf\xbc\xe1\xdf\xdf\xc1\x99\x8b\x91l^\xeb\xe9\xf1\xe5\xe2\xe2\xb9wh\xe3\xb0\xb5\xcc\xb9\xb3\xdefe\xe4\xda\xe2 \x1b\x18\xdfUR\xe4D&gt;\xe5\xc2\xc9\xa3}n\x80e[\x9fXW\xd7\xa7\xab\xbc\x80q\xe4\xca\xd2\xacjd\xe8XP\xd9vv\xe4;4jSH\xe4NI\xe6\xd5\xdd\xb5qb\xd4\x82\x82\xe3\xa6\xaa\x8dui\xd2\xce\xce\xa4\x8a|\xe5xx\xe2\x80\x80\x95}q\xd8\x89\x8b\xe2nm\xd9\x9d\xa1\xeaLC\xd3\xa7\x98v]R\xdd\xc3\xc9aI@\xda\xcf\xcf\xabcS\xe8\xde\xe7\xe4\x9d\xa1\xe3\x93\x96h]W\xb1\x90\x81\xd4\xc7\xc5\x98wkVHA\xb5\x94\x85\x81SC\xa9vZ\x95ME\xd8\xb1\xb4\xe1\x88\x8b\xe7d`\xd5\x93\x96\x87ma\xbe\xb9\xb8\xcd\x93\x84\xba\x9f\x92\xab\xa5\xa3sga\x8f[L\xbdvv\x97\x8b\x86\xb6\xa6\xa1\xda5.\xd2ooyK=\xa5UG\xb6\xb1\xb0\xdd?:\x84|y\xb1h[\xc1{~|tp\x99\x93\x90\xa7\x8f\x84\x8f\x83}\xe14+\x9aeQ\xd6da\xb8ln\xd4PK\xd3ZX\xd9ID\x14\xd1\xef\x06\x00\x00 \x00IDATx\xda\x9c\x98OH\xe3\xea\x1a\xc6C\xefw\x9a\xb8\x1dN6\xd9t.\x8d\x9e\x95\xb4\x0b)\xf8\x87:\x18\x98\xc5@\x0eH\xb8\x0cF\x07\xc7rm\x9bh9WG\x06\x06&lt;\xb4\x82qD;Rh\x10\xc6\x0b\xda\x85\x0c\xaefqg\xdb\x9dk\xe9\xaa\x8brv#\xd8\xc3,."(\xc3Y\xdd\xe7\xfd\x924\x89z\xee\x85\xfbZ\x936M\xdb_\x9e\xf7\xf9\xde\xef\xfd"\x88\x08i\x10\xd1\xa7\xa284D\xff\x12\x13\xf9\xf3\xa1\x1f\xfc\x18\xa2\x08\xcee,I! \xbc\xd7\x02\xa3\x07\xc3\x1b\xd8H\x82@\xdb\xfb!\x0e\x82\x7fD\xe2\xe70\x9f\x80\xf6\xc2\x00K\x8c2I\x9c\x89S\x89\xf4\x19\xa2\n\xb0\x86\xc0\xf5\xc3\x90(\xf1\x0f2A\x00T"\x91\xc8\xe5\x8a\xc5b.\x97H\x10\x1f\x938\x15c&gt;\xe4\x9fby\x1c\xf8\x12~\x19\xfc-6\xc0\n\xce\xe1gq8\x10\x11\x16\xedY@\xc9\xb9\x88\x88\x87\xe8\xc9\xc5X\xa2\xb8\xbcwz\xdc\xba\xbc:99\xb9\xba\xbel\xb5\xce\x8f\xf7O\xcf\xf6\x8aI\x82"\x19\t\xccO\x848xD\xd5"My\x0c\xf0E!\xae\xa7\xffc\x92\xf7\xcbbxmCa\x80\xcd\xcb\x9e(%\x97\xcf\xf6\xcf\xafO\xbe\xdf\xf6\xbbn\xbb\xd3v]\xb7\xdb\xbd\xe8\xf7ooo\xbf]\x9e.\xe7\x12\x90\x91sE\xe4\x12YT/\xff\xd2&lt;\xaa$\x17\xcd\xc3\xf2\xce\x08e\xf2\xb1\xb8\x83D\xcf\x1ftL$\x99&lt;[AAR\\H\x14\xf7ZW7\x00\xea\xd9\xb6\xae;\x8e\xae\xd3\xd6p\x1c\xc7*\x1b\xba{s}\xbc\xe7\xe5\x15\xa2\xfd)\x96w\x81B\xd2\xe3J2\xeePQ\x14\xee\xe7\xdb{\xee\xc9B?\xcfs/y\xa8C\xa2gv|S\xf1\x0ci\xfb\xde\xb5\xcdr\xc3\x03\xb2i\xd3\xd1\r\xd3p\x0c\xd34t\xdbto\xae\xae[\xe7\xe7\xfbE!\x91c\x94u\xe6isO-\xe6\x0f\x14J\xb8o~`\xf9\xc0qY\xb9\xb1\x08+\x12\xcc\x1f\x98"4,\x1e_\xdf@$3\x93\xd1T\xab\xac\x1aN\xc30l\xdd\xb6m\xc30,\xaba\xa9\xaa\xd10U\xbb\xe7\xf6\x91\xcd\xe5\\.\xc7b\xe3\xfd^\x12\xfd\xef\x0f\xbd\x15U\xeb\xbe\r\xc5\x18\x16\xbfV~\xc9L(\x9e]\xdf\xf6\xcc\x8c\x9cR\x94\xb4\xa6j\x195\x83\x87i\xaa\x9a&amp;\xa7R\x05%\xad\x1a\xa6\x86\xc8\x98\x16`\xfb\xd7\xa7\xcb\xc5\x9c$\xc6\x0bQ,7\x8f\xd4\x0f\xc1\x1b\xc7\xbe\xad\xe2X\xa2\xe8\x1d\x0c\xbf\x88.*\xb1\xd7\xfa\xe6B\xa8\xb4\xa2\x14R\x08\xcd\xccp:\r\x94\xf3\xf3\x9f\xe7S\x9af5\xc0\x95V\xd2\x19\xd5\xe8\xb9\'\xe7\xa7\xcb\tI\x14#E\xf1\xc1\xe0\x8f\xf0y\xc7\x83\xa1\xc9"g\xc7\x8bk \xb4\x9f\xed\xe2\xfeU\xdf\x864rZ)p\x85R\xca\xbc\x92\xa2]AS\xd5\x8c\\((\x8a"g2\x04+\xab$\xd7I\xeb,A\xc3d\xf0e\xe2\xff\x0ea\x10,\xa2Vh\xcd\xa8\xb2\xb4]n\xdd\xf4T\x8d0\x00a\x9arA\x99\xff\xac c\xa9\x02\x0ed\xd4\xb2\xa9\x15HD\x10Y\x9a\x9c\x01\xa7jw\xef\xces\x01\xd6=\xb1\xfe;\x16\xb9-\xc4\xf2?\x1a\xc1\xe2\xe3\x91\xb3\x16[}\x13\x0e\xd2\xb4BJ5\xe5\x14!@\x9c\x82\x96\x02\x86e\x92\x88\x10+e"\x83H&amp;\xdeI\xcb\x19\xc3\xed\xde\x9d\t\xe2\xff\x89\xc5$\x7f:\x91\x1e\x17\x8bG\xee\xfc\xc6\x94eh\x93\x02\x15\x01\x912\x05 "\xe0{\x8d\xb4C\xcc\xcb\x18\x0fi\xb90??\xafh\xb6\xdb\xed\x9f\xec\xf3\xb1\x18\xfaa\xe0\xac\x88\x97cX,\xa8\xb1L\x94\xa4\xf0\x9a\xd8\x83\xa9[\x12Xr\xef\xce\x9052\x14\xb9\x8a\x80\xc0E\x91\x82\xb5R\xa0\xf8\xccC\xf1#\x9d\xc2\xb0H\xab\xba\xdb\xee\x7fk\xed%\xf9\xb7\xb1(\xc3\xc3\x92\x11ps,\x16x+\x9c\xba\x82\x8b\xe2\xa8\xfe\x0c\x91X\xbe\xecj|\xf4\x9b\x86\xa9\xaa$\x13=\xe0pU-\xa4LY\xf1\xb9h\x07\xa1&gt;+2a\xa5-\xbd\xe7vo\xafN\x93\x91\x0b\rGb\x04O\x0c-\xcc\x0bD8M\xf2\x9e\x80IQ\xa9\x03\xad\x84d\xee\xf8\x16\x05\x1cT\xf0:&lt;\x8e\xf1Gi\xa3"!s\xffghT\x12\x16)\x06w\x81\tTr\x06\xb3\x80\xdd\xeb^\xed\tl\xa0\xfe\xa0{\x90\x86\xc2\xc1 \x0e\xfa\x9a\x10K`\x83\x86\xe9\xa1\xa7\xe8\x8cd\xf1\xf4N7l\xd2\xc9,\xf0\xf4\xd1\xf8Sx]\x90\xb5L\n)C\x81\x9d\xf7\x03&lt;\x00K\xcb\xd8\xc9\x96\xee\xd8=\xbb\xdb\xca\xb1X\xc6\x06\xcfbV\xe1\xc3O\x08\xbd\xe5\xb9\xeba;\xc8\xcfMB\xab\xd3\x13\x17e\xc8\xb0m3\x85\x9f\x85\x9fdN\xa5\x14`vC\xe5\x00\xc8Z\x9a\xea\xbc\x8c\xc8\xf0\x14f\xb0+7\x1a\r\xcb\xb0\xef\x96Y\xdcG\xbe\x89\xd9}\x01\x84\x18V\xf4m1\x06G\x13|q\xff\xa4k[4\xe9\x99\x9a\xe7g*\xa8\xdc\xda\x85\xb4\x92\xc2\xafS\x99\xa2-!\xd1\xd0LSy\xf0\xa3\\\xb6\x9c\xeee1&amp;\x97\xf4XS,D\xb1\xd0\xf8\xb2\xf0\xec\xc1\x84\xe37\x0f\xd4w\xe4\x8e\xbf\xf1\x06\x069\xc4\xa0\xe3\xf5\x14\xbf\x9aF2\xc9?\x05\xb9\x8c\xb0\xf0\x0fudMV\xf1\x04\xf2\xe1\xc4BA\xe6\xc4\xb2e\xd9\xfdV\x91=\xc4\x8aNKb\x1c+\xd0*\xda\x13\xfa=\r\xe3T\x89\xd3\xbb\x9e\xde\xd3uC\xcdhT\xcfQ\xd7I\x0bY\xa5\x1fM\xcb&lt;M\x8d\x86C\xbb2\xa4B\xc1\'\xeaTA\xa3qJ\\\x18\xacf\xeff?\xc9\xbf0\x1cq\xd1\xd6S\xf4\x1b\x9c\x01\x16\xf7X|\xb6\n\xab\x17q%\x96\xaf]\x1bX4\x10U\x8d~\x03\xff\xa4\x8e\xd5p\xac\x8c\xe58\xcdf\xc5\x8b\xa6\xe3\xc0Gj\x8a\x8b\t\xf7)$\x99F\xe8\xaaj\xebW94UAO\x15_\xd9\x88\x11g%\xc3$\n\xecAo#2\xaf\xbf\x10\x04*\r\xb6\xdd\xd3-*\r\xa8\x06\xc8\x15\x80:\x95f\xa5Z\xad\x18\x9dZ\xa5Z+\x95J\xb5Z\xadZ\xad\xe2\xa8\xd3(\xabe\xd9\xf3{\x9a&amp;\x02\xec1=\x99\xea\xedYrP\x8aD)\xda\x9fD\r\xcf;m\xbf8D\xe7\xea\xc8\xb9\xbc\x9dMB,\xd3\xd4{6%\x88f\x19\x18\xb8Y\xa9\x1d\x95J\xeb\xeb\xeb\xb5N\xfd\xa8\xf4\xdbo\xf5\xfa\xfa\xfa\xea*\x1exU\xabU\xf4r\xa6L.\xa3\xc2\x81\\\xca\xc8%\n\x89\xdbJ\x84\xbd\xde\x03g\x91\xe1\x89\xe8q\xachO\xe3-^r\xc77\xb6iwt\xdb@\xde`\xa7r\xb9Q\xa9\x95\xea\xf5\xfa\xc1\xca\xec\ng\xfb\xe3pe\xf6\xdd\xc6\xce\xce\xce\xec\xec\xca\xc1\xd6\xc1V\xa9TAz\xcb*z\tT\x8c\x82f*\x8a\x86i\xd4\xb8J\xb0\x87\x83]\x8cVG\no]\xc2\xb9\x92^\xd9\nm\xc5\xf8\x9a\x8dc-_\xb9\xba\x01\xbf;\xbaa\x81\xcaj4+\xa5\xfa\xd6\xc1\xc1\xe1\xca\xbb\x89\x9d\xa3\xf5\xdf\x7f_y\xf7\xf6\xed\xc4\xf0\xda\xb3\xb5\xb5\xe1\x89\x89\xb9\x8d\x8d\x9d\xad\xd5\xa3j\xb5\xd9\xb0x5\x83Z\xb6FX\x86y\x92\x8b$0\\\xad\x8a\xdc1\xfe2\xc3[.\xf9\xab\x0e\xc1_\xccy-\xa8\xb7\x9a\xc4\x1f-\xf4\x92\xfb7=,!\xec\x86a[\x96Zn4\xab\xb5\xfa\xfb\x8f\x1bso\xa7\xa6\x86Gw\xea\x7f\x1c\xbe\x1b\x1e~\xb54:\x8a\xc7\xaf\xbf\xbe\xfc\xf0atmn\xe5\xe3\xc1\xfaQ\xad\x020\x0bcCI\x9b&amp;\x1c\xa6\x19\xe6]1&gt;\xfb\x05\x0e\xf3\xd6\xc1^\xda|,a\xd0C\xb0\xe0#\xde1&gt;D\xa9\x92^vi\xc9E\xab\x07\x8c\xbdf\xb3z\xb4z8;\xb76:\x8dx9\xb72\xb1\xf6rqq|||qq\x11\xaf\xa7\xb1\xfd05\xf1ln\xe7\xe3V\xbdT\xad8\x96c\xc8\x8al\x82J3\xf5\xab"\xbbW\x1c\x82\xd7\xbe:,X\xf4\nA\xa9\xc0\x1b\xf7f\x00\xefhb\xef\xc4\xd5\xdd^\x8f\xb4"WU\x8f\xd6\x0f7&amp;F\xa7\x17\xc7\xb2\xd9\xdd\xdd\xcd\xcd\xdd\xb1\xb1l~\x01166Fp\x80\xfd0==\xfa|g\x1b\xa9\xac\xe9N\xc5Q)\x93\xd4\xc3\xba\x97\xb9\xc7\xa67\x8e\x15*1\xc0J\x06\xac\xfe,\x15\xc3\xca\x9d\xdda\xb9\x0c\xc3;e\xcb\xb2@\x85\x04\x82j|af\xc4\x8f\x99\x99\x19pe\xb3cc\x0b\x00\x1b\xdf\xdc\xdd\\\xfc0Jz\x1d\xac\x1eu\xb0\xa6-\xd34N\r\x07\xb0\x98\xdfsEk;\xc7\n\xeag`+oQ\xcb\x82\xbb,\x91\xacz\x12\xe6N\xef\xdc\xb6\xdbq\x8c\x06\xaag\xa5\xf4\xef\xf7\x1b\x13\xc3\xaf&amp;\x17\xc7\xf2D\xf4\xf4/O)FF\xf2\x88\xec\x02\xfe\xb2\xf9\xec?\xf3\x9b\xd3\xa3\xc3\xf0\xfe\xca\xfbz\xa9\xe24\x1b\xa8\xf2e\xf4\x8df\xf72\xf1\xf8\xfd\x9b C,2\xf9\xb0\xc0V,L\xf0\x00\x8a\xb1\xdc\xfe]\xd7u{\x06\x16\xa9\xa0\xaa\x1fN\xfd8\xba4\xfd\xe2\xcdx6?\x02\xa0_\x9e&gt;\r\xc1\x00\x95\xcd\xce\xe4G\xfe\xba\xbb\t\xe3OLm\x00\xac\xd4D\xa9\xc0\x9a\xd60SF\xbf%&lt;\xbc{\xe3\xf56^\x06\x07X\xfc \x8b\xd7\xfed\x80\xcd\x81s\xe7\xdf\xfamWw\xf4v\xbb\xbd\xba\xfd\xfa\xa7\'K\x93\x93\x93/\xc6a\xa8\x91_\x00\xf5\xf3\xcf\x01\xd7H&gt;KZa\x0b\xc7aX\xfe\xf8\xd3\xd4\xd4\xd4\xc6\xa7z\xa7S\xa1\xbb\x13(}\xfds!V\xb7\xa2S\xb0\x87\xe5\xdf~\x12b\xd8Ac\xc1\x13\xec\xdd\x00\x02V\xeb{\xff\xa2\xadw\xdaG\xab\x9fv\x9e?\xf9\xdb$Q\xbd\x19\x1f_\xc8G\xc4z\xfatf$?C\x89\xa4\xd8\xc5h\x04\x16\x8a\xd8\xd4\xd4\xeb\xed\xad\x8bv\xa7C\xb7(z\xb7\xe7R\xbc\xc8Kq,!\x00\x13\xe2TQ\xb7\xf3\x1b{\xf8\x07\xd6\xd7\x8bv\xfb\xe2buk{\xee\xd9\x93%\x88\xf5b\xfa\xc5\x8b\xc5\x85\x85\xfcL`y\xbe%\xa6|v\x0c\x96\x07\xd6\x12\xa8\x86\x87\xa1\xd7\xdc\xec\xa7\xd5\xa36\xc0:z\xe7\xe6Xd\xb1egd!\x1f,)&lt;,\xf1\xde\r\x81p9\xcb\xf8m=\xc6\x8a\xad\xef_...\xbe|\xf9\xb4\xfd\xfa\xf93/\x85\x93K\x10\xec\x1f\xe3\xe3\x18z\x0bd\xa9\x19\n\xc8\xb4\x80\xd1\xb8H\x05li\xf4\xd50\xc5\xd4\xdb\xbfo|\xdcZ\xc5e\x81\xac\xfd}\x9f=\xbeX\xf4\xfa\xf7\x08V\xec\xde\x03cb|4\xf8I\xfc\xd2\xff\xf2\xf5\xeb\xa7\xed\x7f\x81\xea\x15a\xf1x\x83D\xfe\x87N\xf3\x8bI3\xcd\xc2\xb8a\xa8\xe8\xdd\xaeq\x1a\xd2\xaa\xabd\x94D 1\x86\x90\x8a"\xc4\xed~\x10\x93\x1a\xe8\x14\x08\x13\r\x90 n\x07\xa5\x8a\x08\xd5H\n\r\xa2\xa9J\x16Z$\xd6\xa6\xb6;j$s\'\xb3d/\x9a\x900&amp;\xde\xd88^\x8cCp\xba\xc9Z\xa6ml265[\x9b\xb9\xdas\xbe?\xf0!\xedk\x02\x89\x92\xf0\xf3\xbc\xe7=\xefy\x9e\xf3u@\xa9\x02\xb46\x9a\n+\x17UU\xad\x14\x15f\x97\xc9\x1d\xdc\x000$\xfb8_\xaa\xc8J\xb8h\xa9CU\x89\xd2\xbc\xe3\xf2\x8ag\x90\xf9\x10\xa4|\xe6\xe8(\x93\t\x86\xb6 Vz\xc0\xb2\x0e\xc0N\xf6v\xe0\xc2j\x054$T\x0fbI\xa7\xa7\xa7\xcd\xcaN\xc4\x927Cj!W\x08++\x04\xfc\xf9\x87\xcdR\xd7\xad\x04\x8b],+\xaa\xd8\xe6\t\x1a\x8f\xdc\x82\xfcg\x00\xd7^\xbd\xcfd\x8e2Y\xaf\xb6\x9e\x8fa\xb2\x0e\xd0g\x11\x16\xbd}=\xcc.\x02\xd9\x1c\x82-J\x06\xf0\xde\xee\xea\xb2!\x97%\xb4\x91\x84Dx\xfdj\xb0\xb4.\x94F\xab\xf8\xb5\xe7\xa2E%&gt;\xf3g\xe6\xaa\x1c|\xf71\x93\xc9d\xe3Z\x8d\xa0\xb7\x17\xb1\x80J\xa9\x9c\x96b\x80\xb0tQL=P#zZ(6 \x83\x93(\x19k&amp;\xb1\x84*\xc2\x9bM&amp;\x93\xaf3\x8c\xc8\xe0\x95[\x12\x85\x16\xa2&lt;Z\xb4\x1b\xc9\x8a\x14Y(\xecO\x8e3\x99\x9d\xacW#n\x1dG.\xab\x11\xa0\xe6\xda\xdaVVV&amp;p\xf5\xe4I\xba\xc6\xc6\x89\x96\x89F\xf8\xe5\xca:\xdc\x95\xd1El%\xf0$\x02\x96\xd6\x19?:J&amp;\xdf\xb3\xa5b\xd59\xd1\xf8y,\xbaQfnL\xba\xfd\xa9\xc4\xe4\xca\xec\xc4c\x9a\xba\x06\xb3\xb2W\xd0\xb9(\x8eF\xd7W\x18(X\xffm\x9c\xe8\xeb\x9b\x00,X\x8d\x13\xc8\xb5\xbe\x1e\x85\xa5\xd1\xaa\x08\xa2\x8b \x00\xcb\x9b\x05\xae\xe3\xc7\x95\xe7\xfd\x7f\xa6\xc7!\xa3\xf2\xd9hQ7#\xeb"\xc7\xe6G6\xbf\xba\xb3\x13\xdf&gt;\x88\x1a\xeaZ\x95\x02\xb1Xsp\x90C\xae\xbb\x13\x85\xd5\xb7\xbb\xdb\x07\xaf\xf0\xd3\xc8P\xe5r\x07N\xefV\xc8B\x10\x84P\xab\xf5f\xe1\xd8\xacnrI\x93\xb1\xd0\x06r\xab\xd8\xd2\xfa\xd3XT-\xe5\x167\xb1\x12G\x12\x1c\x19\xa7r\xf3\xd5\xce\xce6b5\x90T[\x90\xbfGYo,\xb7\xbeNF\xac\xaf\xafowb\x17^\x11\x0c\xa0\x00\xe9\xc0\x9b\x81d\x1aN\x0e\x07\xe0b \x08m\xcc\x1b\x87\xf4|\x0b\xba\x9a\xf4\xfb\x8b\x9e\x08\x8f\x19\x1f\x94\x94r.\x1b\x8bW\xb8\x91\x18,\xd2\xf0\xe7p\xee\xbd\xfb\x08T9\xc0j\x15h\x9c\xc1\xe1!\xff\xde\x9e\xff9\xa095\x18\xb5F\xdc\xc3]`\x82\xf4\x02\xa8\xd8\x16^7\xd7f\xee\xef\xf9\x1f\xc2\nX\x10\xcb\x19\xdf\xc9@\xc6W\xb1\xe7\x0e\xa4\x9d\xcd+\xb6\xea%\xd1:\x97\\UL\xd3SA\x12\xc9d\x806\xf8\xf2x\xfb\xec\x00\xa2\x05\xa1\xf2n\x04\x02Gp\xd8\x9f\xf9\xfdC\xc3\x1b\xd9-\xadx\xee\n$\xfc\x04\xa6\xfcJ[\xdb4`/\xf8GffF\xf6\x9e\r\'\x03\x81\xe1\x85\xe1 A8\x01+\xbe\xb3\x03\x19O\x0fi\n\x03\x91\x0b\xd5\x05\x19\xcf\xe3R#-\xb2\xa0\xb2\x8e\x02\xd5\xc32\xdd\r\x12Q\x8bc\x7f\xf2a\xfb,\x97\x8bF\xc5\r\xda\x8d@p\xcb\xeb\xf5n\x05\xc3.\x90&gt;\xc3\x1b\x16\xb5\xa0U\x017\xe2J\xcbJ\x9btZ\xbc\xa8\xda\xdaXx\xe8\xf7/\x04\x96C[^\xa73\xb4\xbc\xb1aQA\xb4\xbc\xf1\x9d\x8f\xbfp\xaa\xaa\xcb\x16\x15\x0f\xaa\x83!S\x9b\xd4[,\xaf\x8bG\x0f\xd1\xa80B\xaa3\xcb\xfexu;Gb\x89\x9d[N\r\xac\x98\x930YtK\xb3\xb3K:bL\xdf\xaa\xe8\xee\x86\xaeFjVJT\x96`8\xe0r\x85\x1d\x98\xebN\xc0q\x12@Ga\x1d\xffT\xc1\x9e\xb4Q\xf3\x1b\xf4\xb7X\x9d*S\xa3&gt;\xe1\x1bQ\xd2\x82\xdeA\x92k\xed\xd5\xd9\xd9An=*\x8ei5Q\xb1F\xad\xaeU\x11&amp;\x1b4yK\xcb\x0e\xb7\xa9Y?\x8a\xf7u\x07P\xc9\xdd\xba\xa5p8\xbc\xacs[L\x04a"T*-,\x88\x96\x16\xb0\xce\xe6+\xab\xcec1\xa3\xb6s.WEQ\xb3\xb1\xfd\t.\xaa5j\x07\xf1\xedO\xef\xce\xce\xb6s\xeb\x06\xb1F\xdc\xd0\xc0W\xc12Y,:\x07F\x0bt\xab\xa9\xb6Sq\xa3\xbf[a\x16\t\x01\x14\xa8f\xc3\x80\xab\x0b\x85,\xc8\x86`\xce\x98\x16rkuMF\x86\xebB\xc9\xc0\x94w\xde\x88#\xdb&gt;.\xaf\xc4\x08 \x15\x12\x9a\x12\x1c\x0e+\xb9\x06\x9f\x9cm\x03\x16\xd6\xc8\x06A\x8d\xd0\x04\xbdJ \tZ\x7fh\xe8\xd0\x15\xd6\x99\x84\xfa\xdb\xb0\x89\xfdf}\x97n9&lt;\xebZ\x18\x1az\x08i7\xec\n\x84AM\x02\x97J\x15;\x00\xac\xb7\x9bv\x9cI\x15\xa9pd\xca\xab:\'8X\x9b\xc8\xd2\xdc\xd8\x92\x92b\x88\x95[2\xfb\x8f\xabP!\xd6\r\x86\x06\xa0\x8a\xe8@8\xf8\xf7\xae\xdd\xfc\xfb\xcc\xde\x1d\xff\xa1\xcbaR\xe9G/w\xf7\x8fw\x0et\xb9\xe1$\x1c\xfa\xfdh\x8f\x8c&lt;{\x08t\xb3\x0ewD\xa5r\xc6b\x885\xbf\xb66\xc8\xe1\x91\xd3\xdbB\xb8xl\xd3\x86\x8e\x10=\x8a*\xf1\xfe\xb8\x8cm\xc2\x84\xcb&gt;xo\xf3\t\x85%\x16\x0bjl\xcb.\xff\xc8\xc8\x83o\xbe\xfe\xeb\xa5\xaf\x1f&lt;\xf7\x1f\x86\xdd\x84\xa4\xb3s\xb4cj\xca\xd7\xdce\t-\xbb~\xf7\xbf~\xf0\xcd\xa5K_}\xfb\xe0\x8e\xdf\x0f\x9aR\x07\xf5\x94\xc4Z}\xf9\xf6\xb7w\xf3\xb2\x92\x0135\x07,\xb3\x05+\xd8}5[\xbc2\xbbh\x1f\x9c\xff\xfe\xee\xdd\xb7\xabg\xdb\x07\x86\x06\x81@ms\xb8~\x1f\x19I\x1e\xff|\xed\xab/g^g\x86A\xcavI\xacV#P\r\xc8m\x96\x90\xc35\xf4\xfc\xc3\xff\xbe\xfd\xcb\x97\xff\xf8\xf9\xfd\xb3\xfb#\xfe\xc37K\xee\x08\xa1\x8e\xc5\xb3\xd9xH7\xd9\xf5\xdb&lt;\x87W]\x00#\x0bDu\xd9\xa0\x8c=\xe6,:\xe0\xb8\x89L\xb4\xec\xf3\x8f\x94\x03\x1e\x93\xd7\xeb&lt;0\x88\x05\xf5\x84\xee\x0f\xd7\xc3\xa1\x85\x9dW\x1f\xf7f\xee\xdf9\x82Z\xb04\xe9i\x1e\x18\xf0\xe1\x92{&amp;u\x0e\xd7\xe1p\xfc\xfd\xc8\xcd\x9b\xd7\xde\x1f\x1f\r\xf9\x87\x0e\xdf\x84u\x96\x88\nJ\xff\xf2\xd2\xaf\x1eO\xda\xf3\xe8\x1e\xabL\xd0\xb5\xab\xac\xa3\xa8(\xbf\xd2K\xa2e\xbf\xf7\x9d1\xe1\xf3\r4w9s\x06\xb1\xa8&gt;\xa2s,\xc3a\x0b\xc6\xb3\xc9\x85\x87\x0b.\x17|\xa9\xdb&amp;oN\x91X)\xc4Z\x9au\xb9\x02\x90\xf5\xc9xv#\xe0\x9a\x85\xc3\xea\xb0D\x84\xda-\xdd\xaf\xb6\xab\xcd\xe9\x93\xfd\xd8\xe3Jr\xf6\xcd&lt;$@\x17\xfdR5[Qf\t\xd0m`\x05\xfd\x10\xc1\xe6\xd3\xc4~zj|\xb4S\x9b\x13\x8bD|\xc2bq\xbb-\x96Ph\xd9\xe1\x08\xbfq\xb9f\x1d&amp;\x8fGNS\xa5\xe4\x1e\x1d\xfcz\xd6\xf5\xe6\xcdl8\x18\x0c\x05\x83\xf0)\x87\x0e\xa2Eh\xbd\xa6\xe6\x01\xab1}r\x92\xfeNVE\x8d\xbe\xc9ZA\xbe\xd3S\xf9b\xa9(+\xa7\xbc\x82\x11@Ek\xedQz?!\xbd\xdc\xaf\xd0D\x1bD"\x91\x90\x88@52\x01\x9b;\x04e+\xec0\xc9\xe5\xa0\xfd}S\xf0\x93\x82&amp;y\x12}7\x08Qx\t\x80B:\\n[\x04\xb0\x9c\xaaz\xeb\xb49uzr\xfa\xbd\x9d\x19\x86\xd3\xb5\xa2\x9a\x15-\x1e\xf57Z\x90\xb1\xc1h\xc3\xa4\x80\x95HO\xb5\xf4]\xec\x16G\xebZ[E\xc2H\x84drc9u\xe8,\xc4\xd8@\xaa\xd9g\x84\x8c\x87\x9cO\xc9!\xbb&amp;\'uPc\xa1\x9a"\x12\x84\n&gt;\x1a\x11B\xc7\xa5\x95\xf0\xe7\xa6\x01k\xff\xe9`\x01\x8by\xa8\x82\xc1\xe2\x16\xb0h\x96\xea"\x19-1\xa8\x9c\xb7\xaf\xbdM$\xa4-\x8d\x17/\x1a\xa0j\x89\xf4W\xe1_\x8f\x98\x08\xbcY\xe0~QI\xacF\xa3\xcfgT\x8e#\xd6\x14`\xc9=\x1e\x8f\xc9\x84\xd8&amp;\xf2\xcd\x8d\xd7PD\x88\xd7\x8f\x1e&gt;[\x82U\xd2\xe4T1\x8f\x850)\xcf\xb6V\x19\xbdFb\x91\xf5\x14\xb1\xa6\xf2\x1d\x97/^A\xac\x9a\xda\xab\xc2\xda\xda\xdaz\xb5Z\r\xb5[\xbd\x88\xc6\x9b\x11\xa9\x8cSy\x12K%\xef\x82\x17\xa8T\x04^Q\x84\xcdf\xb2\xd9"x5j\xb45V\x89\x0f7\xf1\xa9\xbd\x1c\xab0\xb1\xbb@U\x8b\x8as\xf3C\xda\x88@G\x0e\x83\xc5\x01\xac\xf4\xe9TG\x7f\xbf\xa2\xa9\xc9\xd0*\xd2\xd7\xd4\xe8\xf9|Q\xabH$\xa8\xd7\x0b\x04J\xb3\x12\x83e\xc4M\xcc\xe7;\x8c\x18.\xb9|\x0c\x96Z]\xa3\xae\xd7\xd7\\\x05\x8d\x11\x89\\\x15\xaa\xd5\x1au\x97G\xa9\xf4\xa5\x0b\xb9\xc5c\xfa\x1a\xc8\xaf2{\xb7\xa2h\xb1\x16\xb2\x8c\xe9l\xb05\x95mbn\xf5t\'&lt;u\x88\x85\xabw\xf4\xf6\xedQ\x10@\xbd\xbdJ\xa5\xd9&lt;\x8e\xd1"\xa9\xf2\xf9q\xe3\x18\x1e\x801\xc9\x98Db]\x04M\xa9\xe7\xd7\x08\xc9\xa5\xae\xd7\xa8\xfe8\xf1\x18\x8d\t8\x89\xf6\xc2\xc6\x90\xedg5k\xa7\n\xc7\xae\xf8X\r+\xf9\x8b\x9e\xaf\xecoOS\xa9|\xde\xb7\xbf/n\x07\x851ZW7:\xaa\xb8q{t\xb4\xb7\x174\xfdx\x87\xb4\x03w\xd1,\xcd\xe7{z\xf2R3r5\x8f\x01\x15pY\xd1@\x11\xf1kjk\xd4\xb5j\x8d\x868y\xb1\x9fH\xa5N=\xbf\xc8\xb8\xa5^`U\xc9\x13Q\x94\xc2f\x9aR\xd6\xec\xb3 `\x11\xeb\xde\xcbEH\x9a\xf4~ZlP\xd4\xd5\xd5\xb5\xb7+n\\n\xb9\xacP\x90fC\x07b\xa5\xc6\x94@\x85*\xb6m\x8e\x0c\x17\xc6K"1\xf6\x9a\xeb\x14\nE\x9d\x88_\x0f\xa9\xa8\xd1h\xf7_\x9c\x9c\xa6S\xe9\xb1\x9fd\\\xee\xa7\x9e\xcb\xe0\x95w\x10Lv\xf1J\xec$\x0c\xd7\xe0\x93\xe9)_\xfa\xf4\xd4\xd7d@\xae\xf6+\x7fn\xf9\x82\xf4\xfe\xd0%\x95\x02\x98\xd1g\x94\xf6\xb4\x80"\x03\xb0\xb6i\xc9\x18\xa4\x96\x1c\xb1\x16\xcdsM+\xd7\x9b\x0c\rb&gt;\xbf\x9e\xaf\xd1\x08\xe4?\x9c\x9c\xec\'\x12\x9ay\xce\xe7\x9f4\xfb,\x16\xfd\x00ZA\xfb\xd8\x7f\\\x9fJ\x9c\xee\xa7\xa5\xb7\x9a\x0c\xed\xed@\xf5\xc5\xad[\xb7\xfana\x8f\xdcA:\xcbJ\x80ji\xfc\xe7\x7f\xfe\xb5\xbb\xbb;\xd1\x06\xdb\x08\xa9\x05X\x8b\x8b\xd3sM\xd7\xaf\xaf\x00\x96@P\x0f}v\xc3\xe2\xbf_\xbc8I\'\xa2\x9b\x9c\xff\xf3m&gt;!m\xedY\x1c\x0fz\xcdM7\x03\xb9\x04\t$Wz\x031\x12\x13\x10q$\xc6\xa4\xb9&lt;$\t]\xf8\xb4\x18%\x90\x8c\x11L\\\x18\xad\x1a\x89\xa6\xb5\xd8H&amp;\x8a5B[\xf4\xa1uc\xd5\xa0\xb8sD\\\x0c\xb8x\xb3|P\xdd&lt;\xcb{\xed,\x86\x11,\x852\xd0\xae\xca[\xcc9\xbf\xdf\xcd\xfd\x133\xf3{\x95\xd2n\xde\xa7\xe7\x9e\xdf\xefw\xce\xf7|\x7f\x86\x9aB\xa5f\x84^c\xba\xae\xba\xb0\x81\xeb\xc5\xd2\x93\xa3\xab\xab\x8b\x07\x7fy$\x08\xed\x1e\x0b\xc5\xea\xc5O\xd6\xd1\x06h\xc3\x1d\xa8\x9a6\xf7\xbe}\x0b\x1d\xec\x0f+\x90pn\x19\xeb\xcd#\x12-\x8a5\x18@\xac\xa3\xec\xcd\xaa\xde\xc0\xfeoCD-,\xb9\x07\x92Ep}\xdd\xe1\x0e\xc1\xea\xf8\xe5GA\xf0\x08\x88\x05\x8dj\xef}\xaa\xfeA\xb8\x1e4\xc72\x99L\xd7\x0f@\xda\x81\x82\xfcp`\x9a`\x05\x16\x847\xc2\x9b\x03\x05\xabD\xb1v\x92:Z\xf0i#Te\xcf0\xb0\x8a-C\x1d-\xda\x1fA\xc4Vw2\xcf\xbe^}\x1d\xea\xed=\xc0`\xb5`\xacP1mFm\xa6+\xd3\x15{\xf8\xe1\xf6\xb6\xdf\xdd\xf5\xa0m\xd8\x9d[^\x86C`\x1aR\xbe\x04\xd1\x02,\xa1\xdd\x8aT\xfcoa\xd7\xe0\xf4\xd5G\xd8\x8b\xd9\xdd\x94\xae\n\xa4J\xdeeY\xb6\xaa\xdeR\x1b\x92*\xb5j\xf28\xd3\xd5\xed\xbd\xb8\xe8\xe8\x15\x06\x01\x8b|DH&amp;\xc8.\x08\xd6\xd0\xb3\xe1\xa1\xec\xc7/_\x96\xc5Rw\xf7t\xee\xcb\xeb\xc5\xef\xf6\xb8\x9d`-@n\t\x07X:\x9aIj\xb9\xcf\xaf\xae&gt;x\x8f\xbc\xd7j\xd5\x86\xad\xaa^ja\xb1wMU\x10\xb0\xd4\xf5\xc2\x93\x07\x8dC\xd9\x91\xc7\x82 X,-\x88\xf5\xb8\x1e\x1aV\xcc,8J\xdd\xb9\xab\xac7\xda\xc7\xdb\xb3\xd1\xe2\xf2\xed\xc7\xef\xb9\xac\xd7n\x8f\x97\x02\xae\xa6\x85\xa6A\xfc\x84\xb0\x11\x81\xcbe\xff\x90-E\x8e\xbe\xe2F\xacNx\xe6\x8e\xa2\xaa\xd3\xa89j\xeb\xa2\xbcW\xf7\x97\x9eu\xfd\xf28\x163\x0e\x1e\x10\xac\xfaf\xc0jD\x15\xbe\x03\x92\xea\t\xde8\x85r\xb1\xaf$B\x15V\x1c\xdf\xccy\xa7\xedvH\xad&amp;\xe8\xdd\xacM.\xf2\r\xf90\x1f\x19\x89;\x85\xd2\xc5\xc5\xd2\xaa\xfe\x8e\xcb\x82Q\x9cnj,\xad\x9e\xa9\xe9\x8f\xe0\xcf\xa9\xbd\xae\x18\xe4\xb81\xd64(\x08F\xc8\xf9\xfa\xe6z\xf81B\xc3\x9a\xc15]\xcc\x8fm\xe7\x13%\xb1\x90N\x97\xc7s\xf6\xb8;nw\x07\x16\xac\x10-h\x94l\x10\xaeR\xf8\xd7P&lt;\xdem\xf5\xd8\xbc\xf6\xbd\x94N\xad\x7f\xd3\xcd%\xfbVT\xd1bT\xf6#\xb6\xca\xdb\x86\x86S\xdd\xfe\xd3\xe6\xde\xde?\x19c\xceA\xc1\xe31\x02\x18|\xc1F\xa3e\xc0?\x95\x99\xca\x04\xdc\xc5\xf4\xdf\'\x9eo\xaf\x17\xb7\xd2\xcf\xdf\x8d\xe5\x0b\xde\xf8\x08,\xc0\x02.\x17\x06\xcbf\xb6\x85\xc3"\xd0\x06\x16\x16J\x07\xea\xc3\x94N\x99\x94\xf1oU\xb4T\xb5M\xc5\xec)\xf7\xe1\xf0\xe7\xd45\xee\xbd\xe6\xd8\xc8\xa0\xd0\xden1\x0e\x0c4?@*r3F\xc4b~\xed\xdd_\'\xb6\xd7\xb7f\xc6&amp;^/\xae\xad\x17\x1d\\7`\x05\x9c\xd6\xa6&amp;\x97\xd3e\xe6\xe1\x9a\xe67\xfa\xb3n\xc4Z8N*c\xcb\x8al%\x8b\xb45\xb1\xd4YvO6.\xc3N\xd0\x1d\xfe\x13\xce\xa9\xfb1/`Y=\x16\x8b\xa5\xd1\x081\x8b\xcdO\xb5\x9a\x82\x89\xad\x99\xb5\xf4\xd8\xc4\xe2r\xff\xf8\xf2\xf6\xe2\xc4\xe2\xf6Z\xb9?*r\x91\x91\xeeV\xa0\x82`\x99E\x11\xc066?@\x11\x18XXz\xd1\xc9\xa8\xa6Q4P\x8cj\x9aYc\'*\x9fR\xa9\xce\xc8\x06\xed\xbc|{\xff~\xef\x13\xfb\x810\x88\x97".\xfc\x84\\\xa2\xbfP^^\x9b\x19/n\xf6\xbb\xe3\xd9\xac\xaf\x1fz\xb5\xed\x99\xf5\xf2V\xc2\x14\xe9n\x85\x12\x1b\xb0BA\x82U\x1c?\x83\x92q\xe92\xa5\xd3U\xdc\xa5\xca\x84@\x96\xda\x0c\x9a\xe3\xb4\xda\xe9\xc3\xaa\xaaF\x03J\xf5\xc9\xeb\xa7\xf7\xff\x1d\xb8Y\xf2\xb4{&lt;\x9e\x16\x0c\x96\x7f\xea\xa1X\xc8\xafomA\xb1\xee\x1e:;{\x06{\xf2\xc9\xd0\xf4\xec\xfa\xccr9\x9f\xce\x17E\xb3\xcd\xe6t\x02\x16/\x9a\xa0\x8c\xe5\xff\xf1S\xce\x1d\xde\xb9L\xd6\x91!!\xc3(\xda\x02m\x1c\xd4R\x1bb\xb1w\x8d\xa9\xea.\x8e\x1eh\xfa\xe4\x8b\xbd\xe3\xeb\x9fw\x04\x8b\xc7\xef\x97\xb0\xc4\xad\xb5\xb5\xad\xc4K\x1ej\x86\xec\xd1Q\xf6\xe8\xec\xe8\xe2\xe8\xe8\xc8\x1eL\x14\xca\xe9\xb5t\xd1\x14\x010\xcc\xf7\x908\xeb\x0b\xf1\x9f\xff\xf3\xf9\xf3\xde~\xaa\x93:\xd8\x15,\x83N\x19\x16\xaa\xa3u\xc7?E\x9b\xb8J\xcbK\xcd\xe0\xacA\x9fJ\xa6V\x8f\x1f5\x1a\xdbi\xb4,\xd6\x93t\xba0\x19\x0e\xbb\xb3\xe7\xea\x95\xf3z\x83\x892*\xa6\xc0e\xa6X&gt;\x13\xc7\x1f\xef\xef\x1f&amp;\xebP\x85\x94\xa6\x85\x15\x9d\x88Q\xe68\xd5\xd1\xaaT\xd1\xd2\'g\xd5\n\x81A\x92]\xe1\xdf\x93\xdc\xfb\xb1\xbe\xd1\xe2iiA,W!]\xd8p\xf1\xc1\xf1\xd3\xd3\xd3\x8f\xa7t\xe1\xefW9_\xf0$\xbf\x9d.8"&lt;b\xc1G\xe48\x8e\xbf\xee\xec\xd4+^\x10\xdazI\x831=\xf53\x1b\x0c\x8c\x16K\xad\xba\xb1*\xdd\xa2\xe2\x8c\xbfG+C}\xeaz\t\xb0,-$\xe5\xf9\xf1\xfe\x90-\xb8y{{*\xaf\x8f\xb0n\xa1\xa1\x1e\x8f\x16\xf3\xe9r\x90\x03,\xb3\x8d4%\xbc\xebR\x92kil\xe8tI\x0e\x17C\x9dG\xd5X\xf2B\x86\x86\x8a\x04L\xb1\x1a\x08\xf7=\xe2e\xbe|Z\x0f\x87)\xfe2\xfa9\x87\xd9\xc9\xcf\x8e\x7f?=?\xff\xe3\x13\xfc\x87\xeb\xfc\xfc\xf4\xf4\xf6\xf7/\xbfo\xbe,\xa4\x97\xa3|\x84\xe7m\xe6\x08\xa1\xbb9$\xbe\x14\xbd\xb2\xe7\xe4\xa3\x9eQ\x9f\xe7l-,\xc5\xa8/k)\xac\xfc\x8e@\xa7\xef|\xb1\x83X\x16\xa8n\x8c\x03\xb0\xcd\x9cf.b\xcf\x9e\xff\xf1\xed\xdb\xb7Ot}\xfb\x04`(\xf3\xbe\xdcZ\x07,\xc8z\xb8\x0f#|k\xf88\xa5d\x90N3\xbb`\x98\xaa\x1aB\xf5\xba@\xfd*\xa4A\xfe\x82\xb4\x95T\x8c9\x9d\xfb\xbb\x7f\xb6\x0c \x16\x1c\xf2\xf3N\xa7\x15\xbb\x7f\xa8\xf9\xbeI\x0b\xa8 `\xb9Q_\x8f\xc9\xf4\xf2\xa5\x08\x9f\x0f\x92\xde\x1c\x89Dl\xbf]v\xd6\xc9&gt;\x0b\x9d\xf6\xaac\xee\x8e\xd3\xd9\xca[\x0c\x19\x9eU\xc9\x02\xf7\xd4\xff\x06\xe8\xdd\xa0P\x15&lt;\x03\x96\x16\xfc\x88\x88\xe5\xf7OM9[m\xa5\xa1ggR\xb4\xb0\xd7G(\x8e3\xc1I\xcf\xe1\xf7C.\xfe\xe6Eg\x9d\xbe2\xcfU\xfb\xe2+\xc2$[eUWc5\xdcQ+\xe4w.$\t\xf4\x87\xbb\x82\x15\xb0Z ^\x96)\xa7\x13\xbb\xd8\x87\x10\xb0\x11\xbb7\x97\xbb\xc8\x9dg\xa1\x15\xb3\xa3\x16\x00Y\xce\xe1\xfe\x03\xacV\x9b\x19~\xdb9\xec\x94&lt;Y\x15\x07i\xc5\xab\xcc\xd6*A\x195\x96A+\xa2\xb0w\xcb\xa2\xd5]a\xd0\x0f\xe7\x16\\\x8bxOc\x0f\x0b\xab\x9b\xb3;|\xa3\xd1\xd9\\\x16&gt;\x9f\xc3\x0eXq\x13G"f\xe20Z\\$\xbc\xb3*}DF.\x1c\x0cl\xcd\x11l\r,\x8d\x82\xc2VK\xaa\x14\x0b\xb9\x90\xca?/A\x110,e\xa0\xca\xf2\xf5\xd8\x1d\xf6\xb8\xc9\x84h&amp;\x125\xc0\x82\xad\x18\xdeM\x92hI\xde"F\xf6-V\x91\x19\x14\xad[\xfb\xa0\x80\x1e\x9f\xca[\x1ae\xb0A\xcbz(\xb8\xa0[\xf4\x0c\xf8\xfd\xceV\xe7Cb\xd4x\x08x\xdd\xa8C\x00\xd8\xc8H\xdc\x84#}\x94\x1d\x08\x17\x9c[\xa6\x10\x1f\xdaMJ\x9e\xac\xca\xfdl00\xaa\xc7\x06\xdaw,\x80/??\x92\xec\xd9T\xabh\xa8T\xd7\xf2\xe6\xc5\xa0\x13,\x8b\xc5\x03X\x90\xecf,^$\xffH&amp;\x03}\x7f\x06\xcd[\xdd\xf18\xc5\xf2Q\xacH\xc4D\xb0RR\xc6\xab\xa6\x96\xb5\x86\xe9D\x15!\xfc\x9aJY\xe9\xb9\x19\x83:\xdb\xa5\x90\x11,\xe0Be\x81\x87\xff)\xc1\x9a\x8a\xc5\xb0\x89%\x0e\x88\xc0H&lt;n\xb2\xf78zzP\x06\x13\xc9\x8eDI\x89b1\xca\xe5,%=#[\xec\xd4\xc1RaI\txO\xb1\x9b2\xac\xc6\x97\x86\x83 \x82el\xf1\xf8\xa1u\x80\xaa3\x14\x89 \x154f\xd0|\xad\xac\xb4u\x0c\x970\xb1z\xbc==\xbe\xa0\t\xb1LH\x05\xeb8I\xa3%\x19\x07\xe8\xed#\xbf\xa1\xd1\xb6Z\xe4\xbd\x8f\xae\xaa\xcb\xd6Jp\x8c\xba7\xd11\xa9=\x01\xcf\x07\x0f\x96\xc3\xa8\xc3\xf0\xa2y\xb8\xab\rZ3\xa8\x86W\xd0f\x10psq\x13\xe4U0\x1a$\xd1\xc2R\x0b\x82\x85\xb9\xa5\x97\x1eV\x10\xdb\xb6\x8e\xc6I\xe3&lt;\xd2:\xedj\xecO\x83\xd6\xdc+w\xfe\x80ENS\x8f\xbf\xc9i\x0bMN\xf6\x8566\\\xfe\xb6\xb67\x88\xb5\x10\x18\x82\x9fR\x89s\x04\x1d\x0e1\x1au\x88\x98\xf8"\x17\x82\xe3K\xc2\xa2\xb1a*\xd6:\xea\xba\xabRo\xd8\xff\x87\xc5\x12mU\xb2\xd5\xcbN\x0e\xbd\x84\x05\xa7\x83\x93\x0f\xce\x01W\xdf$?(\xac@\x98\\\xe1\xf0\xf4\x19\xb4\xd2.\xb3\x18\xc5Y~4(:\xbc&gt;\xc8{\xc8w\x08\xd7\xcej\x9d^6g)v\x94\xaa\xdc\xd7b\xd5r.\xd5\x1a\xb7\xeb\x11\xcb\x8fw"\xd4\xf1\xe6I\x1c\xf9N\xf6\x85\xad+\x07+\x07\xaf\xc2\x1b\x93}%\xc0\n\x8b\xc1\xb9\x93(\x92\xa1\xe9\xc7\'\x868\x9e#Xz\x9d\x14v)\xf4\x06\xad\xabT%+\xd3(\xb0\xac\xea\xc9\x85\xfc\x18\x03\xffN\xba\xdbi\xa8\x89\x94\x9a\xdak\x9f\x9f\xa7\xfd\x85S\xc4a\xef\xe4F\xb8\xe9\xd5\xabW\x07\xaf~\x85\xc0\xf5mll\xf4E\x83\'\'\x89D":\xeb\xcbB\xb0B&lt;`\xc1v\xdcY\xad\xd8!1fr=\xc8P\xe7Z\x05J\xae\x0c\x18)Z\x9a\xfdPm\xea\xa0z\xa5\xae\xaeS\x9f&lt;n\x1f\x18 \x17\xf5\x80\xb5\xd5\x84\x93\xf4\xc9&gt; \x0b\x877\xe6~\x9aC\xca\xb9\xb9\x93\x93B\xa1\xbf\x98\x98\xcd\x8df}\x0e\x0e\xca\x1a\x1e/\xa1\x9bCz\xf1\xc8}\xa1^\xe5\x10S.&gt;V\xd9`*,\x8d\xfa\xc0\xc8\xcfh\xe8\x00\x08\x9d\xc6\xc9c\xff\x00p5\x1a\xe1V\xf4G\x12\xe5\xbf\xfd\xeb\xfd\xfb\xe2\xdc\xe4\xc9\xc9\xfbB\xb9\\x\xff\xbe\x80+\x9f\x87n(\x07\xe5\x8d\xc3\x04e\xb3\xd9\x0cT\x0e\xc4\x92oC\xfa\xeeTj\xc4\x0c\xea\xc7\xa2\xf2\xe9\xc9\xe8\xb4\xcfY\xee\xbc\x1c\x93\xbcq\xf8\x16\x03\xa2\xb5k\x9d\x07\xac\x96\xc6F(\x9e\xe7\x83\xe9\xe7ck\xe9|\xa1\x9c\xcf\xa3\xef;\x9dO\xaf\xe18x;\xbd\x99#\xb1\x82\xab\x07\x16\x1c\xbb\x04\xab\xf2*\x80\xda +\xeedFi\x01\x1b\xe8\xe5R\x8dU{\xc9\x1b\x07\xbe\xa1nu\xa7i\x8a\x84\xab\xbe\xbe\xbe\xc5\xd2T~\x87&gt;\xf9\xed\xb1\xb1\xe7c\xcf\x17\xf1gq\xe2\xf5\xc4\xc4\xd8r\xff(\xa1\x82\xda\xb4\xb5\x95\xe7\xe0\x1c\xeb\xb9\xd9\xd7S\xfb\xa3A\xc6b\xb5c\nZ\xb9\xb0\xf2v\xac\x12\x8f\xee\x18\xeb\xa5Q\x0b\x8e\x17\xf5\x87\x9f[\xa7\xe6i\xb4\xea\xeb\x1b=\xa12Z\xe3\t\x0c\xbe.x\r\x0b8g6s\xa3X\xa0r\x11\xdb\x7f\xf98\xff\x90\xb6\xb2,\x8e\x87&amp;\x9a:u\xb3\xb6\x94 \xeb\xabl\xba0\xcd\x0f7K\xf2\xc8\x0fXR\xb6\xd0\x8c\xd3q\xb7v\x82\x95,;\xc8@4\x9da\x8a\x91a\x8a.\x0b\xce\x8eo\xa1&lt;]6c\x97\xd6\x941I\x07\xed"\x9a\x90\xb4C\x10\xe3F\x92\xfa+&amp;\x92\x91*m\x19%\x9a\xed:\x946)\xe3_]G\xb4{\xce}/\x9aX\x9d\x8b$1\x7f}\xfc\x9es\xcf\x8f{\xcf\xf3\xb4\n25f\xa2\xefz\xf4\xfa\xfc\x08\xf0\xd1\xe2H%\xce?Y\x9b\x1f?\xe0fv\xf7?\xfb\'.\xba\x8a\x15\xf3\xfd8\x9e\xd0\x97\n\x86\xbe\xbfy\xaa\x8d\xc3\x92H\x84P\xcf\x7fx\xfb\x8b+\x88\xc5-|\xd8\xe0\xe5\xb3[+Xv\x9d\xc4\x1a\x10Kf\x82\xf5\xe8\xce`\xb7]\xbf{V\xb3W\xf5\xc17\xd8\xd5\x94\xecM\xb8\xf0\x83\x93\x87\xd9P\\\x90\xa58,P\xcb\xdb\xd7\xaa\xeah\x90\x83V\x80\x85\xa76\xca\xde\xdbW\x01\xec\xaf\x9f\x03\xd0K\xe8y\x96\xaf\x7f\xf2\xf8\xbf\r\x8b\x00\x00\x0e&gt;IDATY3\xa6\xe9Z\xf4v\xac\x01\x11\xebL\xab\xf7\xc5\xd3\xc7\x93\x83\xf6RQ\xd1lH\xd1S\xc8\xc5X?\xe5X\xbb\xfd8\xde\xb3\xe8\xf5G\x06\xbd\xb3\xed*\xe5\xcdF"\x96\x04{\xc6\x86\x8e\xea\xda\xdb\x9f^\xbf\xfe\xe9\xdf\xa1A|\xf6\xe3\'+\xcd\xcd\xa4\xa4\xe1\xa8jT\xa7O\x9d\x04\xb1\xce\xbf\xf3\xa4\xef\x95\xd7\xfbb\xb2\xa5\x94\x9b\xd8/\xe8h\n\xba\xad],q\xd10\xcb\xfe\xd8P\x90\xd3\xc9\xf5\x0f`=\xb8_y\xa9\xef\xa6\\\xa6sH\x08\x16\x949\xa6S\x97\xa0\x9f\xffc\xf3\x9fW\x80\xe9&lt;\xd6\x7f\'\xb07D\xaa\x1a4"\x169\xbd\x0ff\xa7\xa6\x9e\xff\xcf;i\'QS\xc4\xc5\xef\xbd\x9b\xbb\xa2\x87\xeey\xb5\xf6\xfa\x10Q\xfe\xad\xf0\x14\x07{N\x8e\x0b\xb1\xda+[\xdb\xa7\x1a\x1f=\xb2\xa8%B,r\xa4r\xb9\xdcb\x91Q\xd5J\xbct\xc2\xc2\x0f\x9d\n\xdd\x9d\x1cn\x9d \x1b\xf1|\xef\xbf\xfe\xf3\xa0\xef\xf9\xd4\xf3\xa7\xddz\xbe\xb5*~~\xbcp\x16h\xf7&gt;qo\xb0K\x9c\x07.(\xe3\xf3\x0fn\x80\\\x9e\xf5\xf6\xdaK}\xb3S7^\xbd\xba[/\x84V\x16\xaa\x1c!\xb9&gt;\x10\xca\x8fWA\x15\xa6$\xfe\x04\x1aU\x12\xac\x1al\xf5\xd1\xb9&gt;\xbcz\xe5\xdb\x7f\x7f3;\xf5b\xb0ET\xdc]\x95\xec[e\xbb\xd7\x9c\xe4\x03\xbf7\xf9\x014\xeee\xf7\x92\xa5\xf4\x08q.\xbbg\xbd\xf5r\xeb\x93\xd9\xa9G\xaf\xa6\xee\xaa\x1d\x12)\xca%\x948.\xce\x9f\xbb\xe8p\x08\xe5Z\x13w\xe1\x88d\x80U]S\x8d}7\xc1\xfa\xe2\xca??\xfe\xf2\xdbo\xbc\xce\n\xbb\xa8\xc0\xc9\xdf\x84\xe2\xbdK\xc0\'\xee\xfcMha\xff*\xce?\xb8\xce=\xe5\xa2o\xf1x\xdbU\xaa\xda\xf6\xbe\xd9\xd9\xa9\xbb\x0e\xb5Z\n\xa1\x027\xa5c~~\xfe\xe2E\x87T\x0b\xe5a\xb5\x92\xe3R\xd5\xd4TS\xd5\xaa\xca\xcbD\xad\xde\xcf~|\xf9\xd1/~\xf5\x07\xaf\xd39\xf4P/\x12\x1d=\x04\x8b\xeb\xe5y\xb5\x0e]\xbb#y\x88egR\x0b\xdevht\xa8\x9a\xf6\xbe\xbeG\x16\x87Dn\xc2P\x01\\8G\tr\x01\x16E\xf1\\x(O)\x11\x8bp5\xaf\x00\xd7\x9f~\x03X=!\xb6\xfb\x88\x88\xeb\x95K\x0e\xd6\x0b\xc3\xe9\xdeyH\xa1\x13\xf2~)\xc6\xf2\x86D-\xfbP:\x9a\xf6|\xd7^\xfb\xdb\xf7:\x1a\xb4\xc6\x1bw1\x9e\xaa~m\x04\xb9\xa4\xe0]\x80\x05a_\xdb\x08TD0\xa0j\xa4(\xd5\xe5\xcb\x80u\xe2\xcc\xf9\xde\xe6\x95\x95\x95\xe5/?\xfe\xde\xe9t\x86r\xd7z\xf8\x19\xc1\xc3\xec\x88g\xa7e\x85\x838%E\xc3/\xf9\x01{\xb4_:\x9e\xf1{\xeeB\xf9\xf2\xbb\xb6\x06\xb0\x1d^dH\xa9\x13Z\xc0\xc2\xeb\x96\xf9y\xc7\xdbU@Eq7\x17D+\x8a3"\xecOT\x0b\xb9&gt;\x07,\xba\'\xba\x1d]\xd0\x1f\x15\xff\x84\x1dq\x0e\xe2p\xdf#\xbe\x06U\x9b\xbd{"\x94\x89\xcf\xa4\x0c\x8f\x1bO\xb7?\xb9_\xd9\x80~\x8eX\xe4\x90D\x8a\x0e\x06\xae\xf5\xb6QK\xa1\x15\x89`\x84\xca\x04V\xbc\xccY\xb1\x17\x83\xda\xad\xe5\x17\xa0\x16\x9d\xde~\x1d\x1d\xd5\x17\xf4\xf0\x07a\x89\xc4\x07\xdb\xb8\x84\x9fH\x00\xa8\x85Px{;\xb2J+FT\x1d\xaa\xd6\xfb7MUR\t\xe6jH?\xc7a/B\x8a\x04\xf5~y\x16\xbaG\x14\x0b\xfd\x1e\xdeL\x94\xc9\xc4E3\x82\xd5\x0c\xa1\xb6\xf9\x1f?8i\x9a\xf6\xe4\xb2\x1b\xb9{v\x11\x7fF{P\x90(\x13\x88\xf7\xe3\x16N^\x8a\x04\xfa\xee\x85\xaf\xc3\x81\x8d\xecf2dP|]\xd9\xd6\xa1\xbc\xd4JU\x11\x8fB\xb2\xe3x\xd6%\x97\x1e?{\xf6\x83\xb66\x8a[\x1c\x16\xa5\x85\xf6\x1b\xe4\xc2\xd1\x89\x93\x88\x05\xd1\xfev\xbf\x13W4\x9b\xdd\xce\xc5\x86\xb8\'\xc0\xc5o\xea\x85Xe\x87`\x91\xda\xbe\xb4\xa5g\xe4\xab\xad\xa0+\xf7\xda:\x96\x02\xac\xd38\x02\xa14U\t%\xdc\x16\xc43g)\xae\xaa\x0f\xda\xdeSR\x8d\xb0\x10\xab\xa6\xba\xb1\xd1(\x97\x19My\xac3\x04\xab\xf9Y\x9f\x07\xb12\xd9\x8dL(\x17\x1d\x9eh9\xb2\xfb\x1f1\xca\xde\xc4z\x83\x95\xfc\t\x90/\xed\x83\x03\xfdQ_ \xca\xb2.\xabk\xd4\xa0\x18\xa9A,\xa8\xb8 U\xe3\x02\xb9pa1\xd1\x00\xdf\x9b\xb4Z\x82U\xa3\xac6\x19\xe5:9\x87\xa5"\xa1\x0b\xb1V\x96g=`D:\x91\xcd\xc6{\x06\xa2[\xb9D\xaa\x1b\xafb\x0fHA\x82\x03\xc4\xe2J1\xbc"\xe8\x8f\xcf\xb9|\t\xc6\xccF\xack\x8c\xa1|\xa0\xa6\r\xb8:\x1a\x8eK\xd4\xb8\x1c&lt;\x18\xbc\xc9I\xd6\xd6jM\x8d\x18Q\xdb\x80\n\x0f\xe7\x8cx\x8a\x89^\x7f\x12\xb1\x9a\xaf/{i\x8d\x86`m\xcf\x0c\xa7B\xb9\x9d\xadx\x9ai9\xb2\xaf\x90@\x06\xc1\x01b\xe1\xff&gt;\xd1\xb70\x03\xd7\xa2\xbe1W\x94e\xee-\xce\x05\x11\xcb6y\xa3\r\xb98,\t`\ty\xbd\xc8\xab\\N\x02\x17lD\n\xb4\xd2\x81ZZ\x0e\x0b\xda\x8c3\x80\xf5\xfe\xf2\xdf\xee(4\xb4\xc6\x19\xcf\x1e\xcb\x8e\x07V\xd9T"\xb7\xb3\x13N\xa4\x86Z\xb8\xa1\xe2\x92\xbdRB\xb0\xcf\xa8D-\x81\xbd\xdb3\x02P\x91H8\xc4\xdc[Z\x0bf\xeb\x00\xab\xd3\xd6\xd3\xa5D\x1b6TI\x1cjH&gt;hF)\xe7\xfa\xa4\x8a\x06o\xd2\xa2\xcbS&amp;\xa0\xb2\xe8\xf0\xb7j\x92$\x81\xeb|o\xef\xad\xab?\xd0\n\x8dF\xc3\xccmf7\xc6\xc7\x83\xbe\xd8\xc2B(\xba\xb3\xbd\x15\r-t\xebEE\xa7~\x82\x82\x90\x90O9\xb0\xfbF\xbeB\xa8\\\xc83\xba\xb8\xe6\xb6\x8e\x1f\xabC\xdf\x02\xe7\xa2\xd0\x86\r\xbc\x15\xeb\xd5\x0e\x0c\xf1\x08\x88\xe5*\xc8%\xd3bH\xa5(\x99\xceb!.\x8f\x11\x1f\x15\xab\x85\x18q\xdd\xebT\x80Z\n6\xb0\xb9\x93\tG\xc6\xeb"3\xac\xbfg \xbe\xb5\xbd\xbd\x95a\x07[J\xc5\x07b\xe5\xbf\x81\x90p-\xba\x96\x04\xa5&lt;Ll.iu\x07\xc2\xb9\xa0u\x8c5\x18l\x9e\xf5\x0e\xd2)V\t\x1d\xc4\x8c\xc0\x83\x95*\x11N"%rAT\xa0\x1ae(\x16~R*\x95\x18\xf7U\xa7j\xcf\xbc\xdf7Y\x0eX\x1a\xc5\xd2\xc6F\x86\xee\t\xe5\x82u\xe3\xae\xa5\x14M\x83d[\xdb;`\x97\x16\xc1nq!(\x8eUe\xa5-L:\x13&amp;P\x0c3&lt;\x9dt\xbb\xc1\xbb\xfc\xa9\x805\x193t\xda\x14#\x8dxr\nQ\x01X\xf2\xbb\x11^\xd0\xfb%hE-\xcae2\xca\xc0\xb5\x8cFT\x0b\xa4C\x7fS\x9dz\xe7\xfeS\x05b)F}\x9b\x1b1\x8d\xc6\x99Jl\x8d\xd7\x05]\xab\xac\x9fv\xa6\xc0\x98\x81\\\x82\xb1\xf3\xb9R,()&lt;\xc5\x05\xf3\xa5\x13\xe1\xb1d \x1c\x1ae\x86g\xc6\x00*\xce\xfa\r6\x7f\xd8\xed^\xaa\xe8\x04\xef\xea\x97A\xc6\xc1\xcdG4"\xb1\x1e?;\xc8\x9e4jM\x00\x01\x81\x14\x1d\x1ew\x00\x85\x98\xa8Z\xf5\xbb\xad/\x9c\xe5\xe5\xe5\xa0\xd6bp3\xbb\xb6\x94\x82Z\x82\x8d\x07\xc6\xadn\</t>
        </is>
      </c>
      <c r="M508" s="3" t="n">
        <v>45492.67799768518</v>
      </c>
    </row>
    <row r="509">
      <c r="A509" t="n">
        <v>1199473</v>
      </c>
      <c r="B509" t="n">
        <v>1977</v>
      </c>
      <c r="C509" t="inlineStr">
        <is>
          <t>Cadu</t>
        </is>
      </c>
      <c r="D509" t="inlineStr">
        <is>
          <t>Cadu</t>
        </is>
      </c>
      <c r="E509" t="inlineStr">
        <is>
          <t>CA</t>
        </is>
      </c>
      <c r="F509" t="inlineStr">
        <is>
          <t>ATA</t>
        </is>
      </c>
      <c r="G509" t="inlineStr">
        <is>
          <t>CA</t>
        </is>
      </c>
      <c r="H509" t="n">
        <v>180</v>
      </c>
      <c r="I509" t="n">
        <v>42</v>
      </c>
      <c r="J509" s="2" t="n">
        <v>38130</v>
      </c>
      <c r="K509" t="inlineStr">
        <is>
          <t>Right</t>
        </is>
      </c>
      <c r="L50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c47d0c6-3355-4115-a8dd-0de94bc92b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c\xd4;\x00\x00\x00&gt;tEXtComment\x00xr:d:DAEewil2SDw:3759,j:3325205453230688475,t:24032721W\xbf\x04\xf4\x00\x00\x00\tpHYs\x00\x00\x0e\xc4\x00\x00\x0e\xc4\x01\x95+\x0e\x1b\x00\x00\x03\x00PLTE\xff\xff\xff\x03\x02\x04\xfe\xff\xff\xfd\xfd\xff\xfe\xfd\xfd\xfe\xfe\xff\xfd\xff\xfd\xff\xfe\xfe\xff\xff\xff\xfd\xfd\xfd\xfb\xfe\xfc\x08\x06\x08\xff\xfe\xfd\xfd\xfe\xfe\xfb\xfc\xfd\x10\r\x0f\x0f\x15\x1f\xfc\xfc\xfb\xdf\xb5\xa5\x12\x10\x13\r\t\x0b\x10\x17"\x12\x1b\'\r\x12\x1b\xf9\xfa\xfa\xdd\xb3\xa2\x16\x13\x16\xe5\xbe\xad\x1a\x17\x1a\xed\xc5\xaf\xe1\xb9\xa8\x11\x19#\xed\xc6\xb2\x0b\x0f\x17\xe3\xb7\xaa\xe9\xb9\xa8\xe4\xbb\xa7\xd9\xb0\xa0\x15\x1f+\xea\xc2\xae\xed\xbe\xaa\xed\xc3\xa9\xf1\xc9\xb3\t\x0c\x14\xdc\x9c\x8b\xef\xc4\xac\xde\x9d\x90\xf2\xf7\xfc\xea\xbe\xa5\xe4\xb6\xa5\xf7\xf7\xf7\xf3\xc4\xb4\xe8\xaf\x9b\xe7\xe9\xec\xcd\x8cx\xe8\xc1\xaa\xf1\xc1\xb0\x07\t\x0f\xe5\xb1\xa2\xe7\xb8\xa0\xe2\xa3\x91\xee\xbe\xa5\xdc\xae\x9b\xe5\xaa\x95\xf8\xfb\xfd\xf6\xc8\xb9\xee\xc9\xb6\xd2\xa3\x93\xd0\x90}\xca\x87t\xe9\xb8\xae)/9\xe4\xbe\xb3\xe2\xa8\x93\xf2\xf3\xf5\xd3\x9c\x91"(1\xd6\xa7\x93\xea\xba\xa2\xe0\xb1\x9e\xe9\xb3\xa7\x1f\x1d!\xe0\xe4\xe8\xf2\xc8\xae\xca\x9a\x8d\xc8\xa1\x92\xd4\xaa\x9f\xeb\xbe\xaf\xed\xee\xf0\x1a$0\xe7\xad\x97\xf8\xca\xc0\xc5\x83q\xad}q\xbc\x8b~\xe0\xa2\x8d\xe6\xb5\x9c\xe2\xab\x9e\xca\x96\x80\xda\xa3\x93\xed\xbe\xb7\x16\x10\x10\xda\xac\x95\xb9|l\xd8\x99\x8b\xd6\xa3\x8a\xe9\xc1\xb3\xd7\xa2\x99\xb4\x84w("$\xdf\xa7\x98\xcf\x90\x84\xc5\x97\x88\xcf\xa8\x9b\xd2\x96\x7f\xda\xb2\xa6\xd9\xdd\xe2\xee\xc3\xba\xf4\xbf\xb4\xf0\xbb\xae\xd9\xa8\x9a\xaeo^\xd3\x95\x8b\xb5vc\xdb\xb6\xad\xdb\xac\xa3\xbb\xc0\xc6\xf9\xce\xc6\xcf\xa3\x98\xc4\xc8\xce\xcf\x9c\x86\xbfvflpy\xe1\xac\xa4\xd7\x9a\x83\xe6\xa8\x9a\xab\xb1\xb8\xde\x98\x86\xec\xb4\x9f\xa6sh\xd7\x93\x87\xbe\x92\x83\xd4\xd9\xdd\xcc\xd1\xd7\xe1\xb2\x97\xbd\x84u\x8bf]\xd5\xac\x9a\xd2\xaf\xa6\xc2}l\xed\xe5\xe4\x94ZL\xef\xb5\xa7\xe2\xae\x98\xbd\x99\x90+(,\xa0jY7./\xe2\xb1\xa8D8:\xca\x89~:@I\xc5\xac\xa7{ZS\xe9\xba\xb5wz\x82|LC\xcf\xa1\x8clZZ\x9d\x7f{\xdc\xa1\x88\xabfU\xdb\xa8\x9eT?&lt;7#\x1f\xdc\xa8\x8ebfo\x99qg26?\xb8\x92\x88\xc6\x90\x81\xc5\xa2\x9a_QS\xa5\xa9\xb0\x97dY(\x19\x17\xb9n`\xc3\x8dx\x89VJ\xe2\xb8\xb1\xea\xaa\xa2X^g\xe4\xa0\x99\x96\x9a\xa2DFO\xd5\xbe\xb7\xdc\xd3\xd2aE@\x8d\x91\x99\x9d\xa1\xa9\xae\x93\x91\x94xw\xc8\x9b\x94\xb2\x8c\x82HNYjNIudc\xacxh\xa2`N\xd5\x8c\x97\xd1\xb6\xae\xbb\xa0\x9c\xe1\xb7\x9d\xd9\x90\x7fC.)SJN\xa2{r\xf1\xca\xbf\x86\x89\x90\xb3\xb8\xbe\x14\x1c\'\xe5\xdf\xdf\xe0\x92\x98\xa9\x85|\x8asr\xa1\x89\x88}\x82\x8b`9/\xc8\xbb\xbd\xd2\xc8\xc7\xed\x99\xae\xd6\x81z\xda\xc4\xc0Q4-\xf7\xed\xec\x1e\x11\x0e\xea\xf0\xf5\xdd\x9c\xa2\xaf\x9e\x9f\xe4\x81\x97\xf0\xd4\xd1\xe7\xc4\xc0\x7fmnj@6\xbc^s\xcfGfTT\\\xe9\xa6\xb1\xbf[V\xcdh|\xe1h\x81\xc3\x8c\x8f\xaaK^\xcde_\xc5x\x81\xa3G;q\xcd\xffp\x00\x00 \x00IDATx\xda\xbc\x98oL\x1b\xf7\x19\xc7\x818C\x17\xf7\xeed\xdd\xbd\xf0N\'UK\xdfD\xaa\xe7j\xc4\xb6Bv\x9bIg\x96\x9c\x13m9T-\x8c8u3d\xd9\xdar01\x92\x08\x9c\x92Y0\xf3\'\x0c\x04*"\xa9\xa1\x84 \x10%\xb2\x034\xe1\x7f\xc7\xa03iZ\x08\xd1\xa4AB\xde$\xe1\xc5\x84\x98"UH\xbc\xd9\x9b}\x9f3\xcd\xba\x97\x93\xceydl\xfe$\xdc\x87\xef\xf3\xfd}\x9f\xc7\x97\x93\xf3\xff\x17\x9b\xc3\xb2\xf9\xdfcP\xfb\x18\x8e\xe3,\xb6\xbd:@O\x16\x9b\x85e\x18\x8b\xf1`Q\xfbs^O\xb1o\xd0\xd5\xde\xc0u\x89\xc2^`\xe7\xec\x8c\xbf\xa4\xbd\xba\xa4\xc4]\xea\xe7\x18\x06\xdf\xe4\xd8}\x1c^Y\xa3^\x13V\xce~\xa8e\xb1X\xf6\x11\x80\xdd\xee\xaf\x8e5=\xbd?\xdf\xbf\xb8&lt;?\xda\xb0\xd1\x14k+)\xb5\xdb\xf1\x13\xc6P3\x87\xb8^\x0b\x1b]\xc6\x90\xc4n/\xf0\x97\xc6\x9a^,\x8f\x9f\xd2\x05&gt;$H\x92 \xe9\xe3\xcb\xa3\x1bO\xab\xfd\x00\xb3\xdb\xc0\x9e\xd1+\xabX\xc6\x9f\x8d\xca\'\x1d\xa8}m\x93K/\x16Oi&lt;/\x8a\x82\x04,9$I\xbc\xc8\xcb\xc7\xe7\xef\xb7\x97\x16\xd8\x0c\xcd\xf6\xd4\xc2SN\x96\\\xc6~[`\xe2\xb8\xd2\xd8\xc2\xfc)\x19\x18V\xd1\x8a\xe2y\x81\xe7C\xe0\x92dY~\xf3\xd7\x8b\x83\x0bu%\x05\x19\xae\xff\xfe\xc7\xeca1\xb0\x15Q\x95,\xf5k?(\x14\xa9\xac\x85`\xb3\xa2\x8b&lt;\xd8$\x99\xc8\xf0\xd0\xc6G\xa1\x19w\x80\xb1\xe4\xa3\x97t:\xb3\x86e4\x0f\xed+\xf2\xd7\x8d&amp;xh\x94\x9b\x9b\x0b,+}X\rD^\x10\xd0F!\x84\x12\xe4\xe3\xcb\x831\x7f\x11\x87\xcc\xc0\xa9el\xd9\xc3"(\x86\xf3WO\xf6\x0b\x85\xd6\\\x03\x0be\x15\x0b\x8d6\x1aT"\xbdJ\xbca8Y_\\j/5&lt;\x86@\xcb\x0e\x16\x9bc!\xb5\xecE\xee\xc9\xf9D!\x11Y\xf7\xb8DA(\xcc-\x94\x04\x1e\xdd\x13D\xe2\x82\xd1H\xbb\x90,\xeb\xcb\x93n\xce\x08\xdb,a\xed\xcf\xa1\xf4\xe6\x8a\xdc\x0b\xfd2\xff\xadP\xb9{\\\x90N\x04\x17\x85\x04\x88\x04\x14\xf4\xe2C\x92&amp;K\xfd\x1bmEv\x1cK&amp;[j\xb1\xf4g\xfb\x9f\x12\xd5w\x98^\xb5R\xd2H/\x98\x9e7&lt;/\x85\xc0%\xe3\xb3DC\xdb;\x1czoa\xf3\xb3\x80\x95\xc7\xee\x87C\nb\xa3\xff\xab\x15\xf9\x1dh"X \r0\x04\xa4\x06^4]\x83t!\xb0\t\x89\x86v{\xb6,\xcf\xe6\xb3\xac\xcdVT=\xa8\xf1\x82\xf5;R\x19%\xc8\xb2\xa6iH,\xa3{\xd4CAN\xe8\x1a\xc0\xd0Y^\xd3\x07\xddEd\xae\xfc\xec\x84\x16w\xc0\xbd\x90\xe0\xa5\x0c\x96\xf1DR\xe5\xe6\x92:\xa4\xd3\x9e\xa5\xf0/p\n5\x1dz\xc9\xa4\x99\xa6%&amp;1\x8e,lv\xb2\x94\xe1\xfe\xb5p\xfcm\xe1\x15\x16\x85\x95q"\xd16Ax\xbb\x90ZI\xb6\xe7C\x14\xaf\xbcF\xddL$\x0c\x11\x17\xeb8.\x0b1O\xbf\x92a\x8ab\xcb&lt;\xfa%\x88\xc4b\x8c\x9d\xcc\xe0A\xa7D\x99\xa7\xf0\xa2C(I!\x91,G\xd9\x05\x8b%d\xb8M\x9ao{\x87\xe6c^\x9e\xe93\x9aa\xdc/t\x9a.\xbc\x98\x91\xc8\xb0\x15E\xbb$\x81\x87\xbe+\x92\xefq\x06C\xe2^\xf1t*i^\xca\xa3m\x9c\xf1[\xf2L#\xcb\xccY\x0bS\xd04\x8eM\x81\\L"I\xb2a,\x1a\xd2\xb2\x9c\x89VQ\xd6\xf5\x84\xae\xeb\xd3\xa8\xed\xcc\xbc\x14C\xc6\x10\x17\xf97\x17\xfc6\x8b\xa9\x03\x9b\xf2\x9d\xb6\xe1\x92\x06\x99\xce\x19\x1d.$\xa5\xac\x19\xaf\x19q\x8c\x96\x86\xe4Doo_2\x99N\xa7w6\xd7\xa6\xb7\xb7\xb7\xc5\x8c\x9e\xc6\\Zn+\xc8,:\xacyja\xde2\x05u\x08RQ4\xc4\x125\x1d\x99@\x89)it\xfdm\xf8Z\xd6\xc1\x94\x1e\xe8\x9c\x9a\xea\xe9\xe9\x9e\x03X*5\xbd\x1d\ne\xce\x87h\xd5\xea\n\xec6l\x14\xe6a\xe5\xb1$\x97\xfb\x85&amp;\x0b\xe4o\xf4\x8e\xd7{u=E\xd7\xddNmmnn\xaeQ\xf5\xf6\xa5\x07\xa6\xaeE\xa35\xb7\x1f=\xea\x9e\x1b\x1a\xda\xd9JQ73\\V~\xb4\xbd\x80\xb3\x998\x83\xf2\xf3,4\xa3c\xfd\x02\x0e!\x1d;\xb4.\xb5\xb6\x95\xdc\xdc\x01\xd0\xe6P\xf7T\xcf\xd4\xc0\xd0\xc0\xc0Jze`,\x1c\xee\xaa\xaf\x9f\xb9\r0"\xdb\xdc\x82d\xa1\xbd\xe4\x15\x1a\xdc\xb4H\xb3\xa6Y\x1e\xd9\xc0\xd8K\x97p\x0cio\xe1C\xd3\x80\xda\x19\x1a\x9a\xebF=\xea\xa9\xa9\xa9\x89\xae\xae\xae^\x1b\xeb\xec\x1c\xbb0[\\\\\x1c\xe8\xaa\xaf\xb9Md\xdd \xdb\xd9\x9a\x163g\xc3\xba[]d\xa6\xb9\xc8\xf2\x1c\x17[\xa7\x18\x87\xb9B\xa9=&amp;(\x82\xabG\xa3\xf5\xe1\xfa@\xb1g\xb6\xe3\xc2jx\xf6n\xa5\xcf\xe7\xf1\x10\xd9\x0c\xa1\xdd\x86f[\xdb\x99Y\x90;^\x07,\x8biXh"\x16\xe5\xfb\tc\xb8\x80j\xf3\x15\x13t\nw\x05\xc0\xe4\xf1\xc5\xe3U \xaa\xaa\x8d8\xe2\xff@\xfd\xb38\x80f\xce\x80\xadg(\xb5m\xac\x1c\xe8b\tg3\x0f\x8b\xcd\xcb\xc7\xa6\xbc\xa1e\x92a\x1an\xda\x83\x8a\x86\xc3\x84DL\xf1\xb8\x03\x15q8\x15\xc5\xd1\xdcL`\xbe\xe2\xae\xae\xfaht\xa6fjg:\xc4\x1b]\x84\\x\xb3m\xa2Z6\xbb\x7fP\xa3\xd4\x92\xa6\xb7\x88\x8a\x84\x9a\xa9\x87P`\xaa\xf2\xc5G\x82##A*E\xf5z\x95fT\x1ch\xd4K\x90\xd5\xcc\xadm\x87\x8c\xedG\xbe\xef\xb71&amp;ba\xd3r\x8fj\xb4#hk\xe99P\xd5\xcc\x10\x14\x94\xaa\xaa\x8a\x8f\x8c\x80%\x18\xf4\x96y\xf1Z\xe6ry\x15\xc5\xa0ln\xf6y\xe0\xff\xfah\xcf\xe6\xf46O\xefH\x84A\xb7\x89\t\x91\x9f\x877\x17\xd5\xf3\x1a\xed\x9c\xfa\x16\x8c\x85\xf6\x19T&gt;0\x05\x83\xaa\xd7\xe5r\xa9j\x99\xab\x0cT\x84\x05\xb62|\x0e\xb8\xb8\xa1X\xcd\xd0\xda\xb4D\xbb#\xce\xa2=\xf3\x8e\xd6\x1co!\xb7b\x8b\xb4\xa1h\xbd\xe9!\x88\x95\x91\xcaW\x15)W\xbd7\xbc\xc0\xfa\xc0\xe5U\t\x85\xd8\xd4FWKK\x8b\xabL\x85j\xcdU\xe0\x8avo\xe9H&lt;\xc8\xb5\xd8n7\xcf\xf3\xe4\xad\xa2\xa6q\xc2\xd2\xfbVH,`\x15\x17{\xaa\xe2\xe5\xaaZ\xe1E\x81\xa3\xcc\x90\xab\x0cx\nq\xb9\\\x8d\x8a\x1a\x0c:\xaa\xd0\xc8\xae\x9e\x9d\x94&amp;c0Z\xd7\xdbl\xa6\xaa\x05\xac~\xac\xc5Z"947E-\x0c\x14\xa3\x85\x11\x07\xb8T\xaf\xaa\xba&gt;\x80\\^hv\xc3U\xa6(J\xa3\xaa*N%\xa8\x04\x1d\x8e8R,\x80.\xea4N\xad\x8bm6\x8bi\x9e\'\xac\xd2\x8d\x04a\xf5&amp;\x07\xa6z\x0c,jbk\xc4\xa9V\x00A!\x95\x82w\x0c\xbd\xd4 2\x02@\xf18\x0e&amp;"\x03\\\x81\xe8\\2\x05,\xde:\x1e3\xd7[6w\x03\xbde\xd0{\xd3s=\x986\xd1\xae\xae.\xf2Vk\xad\xc3I\x17w\xaa*\x0e\x9f\x02\xe9\xe8+\x14E\x17\xe5\x98\xd3\x19\xaf\xf2\x04\xc2=\xe9\x14\xb2\x8b\x17\xfb\xdb37\xe3L\xb9\xe5\x95\x9f\xc7\xd8J\x07i\xbf\x03V\'Qe\xb0nz&lt;7}\xad\x06F\xb0|\xa49\x1eT\x14\x95\x1aG\xb9\x858m\x8d\xc7#\x0e\xb8\x0b\xa6\xbf6\x84e\x02k\xd9nu\xc6\xf1\xa6\xdc\xf2"\xcb\xfb7\x12z"\x91Bj\x01\xaa\xbe\x0b\x071S7+[)\xda\xcb\xef \r\x82*\xc9\xe5hv4\xb7\x12Wkk+aE|\x9e\xd9\xd5\x81\xf4ZjZ\n5\x94\x183\xd1,\xb5X[\xc1\xd2\xf1\x04\xed\x9e\xe9N,T\xf5\x01\x8f\x8f\xa2r\x0f\x0b\\w(A\x91\xa6\xaaj\xc4Bs3\xe6\x10\xcd"G$R\t\xd3\xcf\x8e\r$\xe1zy\xd0\xcd\x9a\x89e\xb1\x1dh\x1a76\xe2\x95\xa9\xd5(\xc6\xb3\xc7WI\xe5\xf3\xf9Z\x9b\x1d\x0e\xa5BU\xee\xdc\x01\x15%*\xe5(\xda\xa98\x9d\xce\x08\x88#&gt;D\x89\xa7\xe3\xdaP25-\x0f\x962\xaf\xee\xc3\x99by[l\xbd\xb7w\xad/9p-LM\x0c\xdc\xac\xac\xac\xad\xad\xa569\x9dJ#\xb2\xd3Hx|\x94\x19d\xde\xc6F\x05T\xf8\xb93\xee\x01Vq\xc7XzM\xd7\x96\xfc\xafn\x0f\x9aq\xfb!\x9f\xb1\xb5\xed\xf6\xf6\x81j\x0cZ\xe1\x11\xb89\x0b0b\xfa\xab\xa2T`\xf8\xb8Z@\x85h\xa7r\xfd\xc5\x85\xc7\x8d\xf2H\xa4\x16\xd8\xb5h"\xdaxn \xd9\xab\xdf/`L}\xe7c\xb3U\x8fR\x0b;W\xb1\x15\x87\xeb\xc3\x81@\x07\x04\xc3\xf9\xaf\xa8\xa8\xb8\xe1j\xb9~\xfd\xfaOZh\xe4\x94\xdd\xc0\xd3\xf5\xeb\xa7O\x9f&gt;z\xf4|\xf9\xc9Z\xaa\xdf\xa0\xd5&gt;\xcf\xfb\x9d\xe9\xb5\xc4\xa4\x1d\xd62mi\xa6&amp;\x96\x0e\xf6%\'hW\x0fC\xad(\xbdtT\x9e,\xaf8\xff\xcb\x9f\x1e}\xeb\xd0\xe5\xcbG\x8e\xfc\x82\xe0~|\xfa\xd0\xa1\x1f\x1e9r\xe6\xcc\x99\xb7\x0e~\xf2\xe1\xaf~\xf7\xb3\x93\xb5\xb0&lt;v\x9f\xe2\xbbc+}\xbd\x93v\xc6b\xe2;\x1f`\xd9\x97\xfa\xd6\':\xcfu\xa0\xc8\xf3\xa0\xba\xfb\xde\x1f?\xfc\xd3\xc1O\xbe\x7f\xf0\xc8\xe1\xc3\xc7\x8e\x1d\xbb|\x1dl\x87\x8f\x1d\xa6/\xde}\xf7\xc9\x93oN\\\xf9\xe8\xdeW_\x9d\xac\x85\xe7ql\xef&gt;\x1e\xee\xeb{Zd"\xd6\xfe\x1c\xd6b\xe3\x16\x16\'\x86;/\xbc\xdf\xd1A\xde\xc2\xf3\x85\x8f\xef}t\xe5\xf3\x13\'N\xfc\xf6\xc9\xd9\xb3g\xaf^=s\x9a\xf0\xce^\xfc\xfc\x0fW&gt;\xbau\xeb\xd6\xcb[/_&gt;\x7f\xf0\xec\xc1\xd7\xff\xae\xad\xa4m\xf1\xf7\x8f\x87\x93\xeb1\xce\x92o\xde\xed$\x92\x8b\x9b\xdc\x9d\x18~\xf65\xb0\xa2X\x96\xcf\x9d;\xf7\xf8\xc1\xa7_~\xf9\xf2\xd6\xdf\xbf\xf8\xe2\xc47\x17\x9f\x9c\xbd\xfa\xa3\xf3\x97.\xfd\xfc\xd2\xc5+\xf7&gt;\xfb\xf8\xf9\xc3\x89\xc5\xc5\xdd\xdd\xf5\xe5\xf5\xf5u\xbcI\xbb0\xdbQ|\xf7\xbdO\x87\x93\xc3\x7fc\xcc\xbc\x85\xcaB-\xe6\xe9\xfc\xc4\xf0\x83\xcf\xfe\xdc\x11\xae\xa9\x99\x1aH\xaf&lt;{\xfe\x10\x17]\x9fx\xf8\xec?\xac\x9a\xefOZY\x1a\xc77\xaen\x03YH\xf0\x15\x8e\x9b\xbe\x80\x98\xf4\x85!\x11g\x1aC\xbb\xa6\xce\xb5w\xbb\x12+\xbb\xb9`\x93\n\xbb\x14\xb2*\x97A\xd0\xf0C\n\xf5\xae\x96\xb2\x16\xd8\x8d\x14\x15-\x83L\xa5\x02[\xea\x8cUYF\x85\xd0\xa6\xcd(\xae\xb2Sc\x876\xa9?vfB\xeb\x8b\x8d\xdad\xe3\xa6k\xbb\xcf\xb1\xdd\xbf\xe0\xf6\xbc0\xc6\x84\xcb\xc7\xefy\xce\xf7&lt;\xdfsnlqm\xd6f\xac\x8b;M\xa6*Ij6\xb6\xb4\xbd?\xf6\xd9G\x1f\xfd\x06v\xab\xcf\x8f\xc2\xff\x8aK1?Cl\x8e\xdf\xdd\x7f\xce\xe2\x1c\xfb\x00XE%E%\xc7XG\x93\xc8\xf8\xe3W\x89U\xc0R\xc8\x03\x0b/\'\'o\x8e\xed?\x8b\xde\xbb\xf9\x0b\xf8\xf6\x07\xabK\xdbk\xb6rLd\xaa\xe6Wu-o\xed\xef\'P\xe4\x06\xa0D4\xba\xba\xbf\x14\xf3z\xf3\nPk\xfc\xd1\xb3O\xd8\x8cc\xe8\xd4\x86\xe6\xb9M\xd1\xfbK\x11\xc0b\xfe\xe5jb5\x06X\xda\xe4\xca\xa3\xe8\xeaj"\xb1\xb5\xbd\x95\xb8\t\xad\xe1\xcd\xb1\xc4\xd6\xe2\xec\x8dF\xc0:\xc1\xafX^\xf2\xa2|\xed\xcdo\x8e\x1a|&gt;\x9f\xcdfK\xd9f=\x9e\x19"\x1fM\xdc\x17\xb2\x18\xc5\xef\x9fI\x07\xab\x84\xc5\xfa)&lt;\t\xea\x81\xc3x~\xfb\x1d\x96|\nf\xed\xd6\xad\xb5E\xf8\xb9\x06\x12\xbc|\xf2\xe4\xe5\xca\xd6\xf2\x8d&amp;\x7fMu\xcd\x892\xa96\x97\x83\xca\xd3*&lt;\x84\x942\x94\x96k4\xe74\x1a\x1bFd\xa7V\x12\x7f\xe2\xb2a%\xfe\x1ce\xb2\xa2\x12ZE\xc5ds\xb8\xc5\xe8\xce\x92\xfd\xc9\xb3(L\xa2\xde\xa3]\xf6=~\xec{l\xb3=\xf6\x19\xa4\xd3\x9bS\xdeq\xef\xb07\xa9\xf8C\xed\xf9\x1355\'J1}od\xa6;\x00h\x9b\xf9M\xad\x82\xa8\xe5k`\xb5V\x88\x89\xa9\x95\xe8\x15.\x87\xcbf\xa1{Zz\xbb\x0f|\x9a\xc3\xe5\xb2\xcf\xb0\xb9Bn\xc3\xfd\xe8\xea\xd6\xb2TO\xf8l\xc0\xe4\x93NO/\xc6b\xb1\xcd|r!\t\xfa(T\xba\x91\xdf\x9f\xff\xe5\xa9&amp;\xac7\xe2\xc9\x05\xe4\xdbK\xab\xd1Dt?\xa6\xd5\x12A\x8dFS\xaa"\xbc\x8f\xf6\xff|\xe6\xc2\xc3\x87\r\xe8\x16\xb4\x98&amp;V1\x83\xc9f\x0b\x9f\xff\xf8[\xa1\xf0o\xd1\xa8wY*\x95\xa5l\xb6\xae\xecr\xde\x9bH\x8c\x8d=H\xacz\x87\'\x92.\xb9\xb6\x17\xda\x18h\xb8T\x91\x081\x90\x93\xc7n\x8f\x8d}\r\xcb\x10\xf6\x05-Q\xfe\xa9\xa6\xb4\x91\xf0\xae,]\xf8d\xcd5\xf0\xa2\x81\xc3f3\xe8cq8/\x14\xdd\x9b\x0f\x1b\xae\xacFW\x97\xa5T\xd7\xb9T\x85g*\xbf\xf2\xe0\xde\xbd\x7f\xff\xea\x8b\xbf\xdf\xbe\xbd21,\x97\xe7\xe6\xeb!5^ko\xef%\xb2r\xd7\xd4\xbf\xae&lt;\xb8z\xf3\xeaW\xff\xfc&amp;\xfa\xfd\xf0L\xd99\xcdq\x84\xb5\xfd|-\xd0W\x88\x0fq\xcep9%4\'\x91\xc5\xe6\xec8\n\x859\xf9\x0f?zW\xc67\xa5\x98/u\\*\xf7\xbeL|s{\xec\xbb\xcf&gt;\xff\xee\xfe\xfd\xf1\x89d\xce\x15\x18\x989\xd9q\xad\xb3\xb7s^\xa1p-x\x17\x7f\x88N~=yw\xf1\xd6\xd2\xab\x85\x81\x1b\xc7\xcb\xab`\x12\'\xf2\xf9;g\xfb\xd7\x05\xcf\xd1\x95\x19M\xb5\xd0]\xdd\xd0\xb7\xeb\xce\xfe&gt;W&gt;0&gt;\xbeIa\x15\xb6.B\x9b|\xe5]\xdc\xbe;9\xf9dek\xfc\xd5\xab\x89@ 0\x10\n\xb9\xdd\x9d\xf5\x9dg\x07[\x87\'\x16\xbc\xb1\xa5\xe4\x82wsqqY+\x9f\xc1\x9a\xaa\x9aT\x91d\xe0\xec\xe0\xfai\xbf\xbb\xb0\xcbas\x18\xb4\xd4*a\xfd\x0cJ~wn0\xed\xec?\xdb7\xe0\x1a\x8fa\xd8\r\x19\xa5\xd7\xba\xf2\xf9|,\xb6\xe4\x9d\x9aJ.,\x0c\'\xbb\x03\x01\xe8\xbf\xa0\xebsw\x9e\x1c\x1c\xecv\xe5\xb4\xafG_\xbf\xa6|]A\x19\x16i\x846\xa3\xe9\xcb^\xd7\xe5\xcek\xbf\xf6\xfb7\n=\xb0\x1a\xc1Q\xe9\xa9U\xcc\x11\xaa\x0f\n\x19\x91\x12\xa2\xd5\xc0B&gt;\xd2\xd8\x88\x11z\xbdG/\xcd\x8e\x8e\x8e\x82\x16\xc9\xe1\x85\x80&lt;\x17h\xad\xefpC\xd4\x10Tv\xb6\xce\xeb\x15\xf2\x9c\x96\xc8R\xf6\xae\xae\xa0\xddb\xa9U6)G\xda{[\xe7\xff:\xd2\xfc\xd4\xbc\xf1\x1f#\x97C\xb3\x8f(A%\xdf\x90&gt;p\xabpc0\xde~)y\x84%&amp;`P\x14\xa1\x1f\xf5h]It\xb0|\xa7\xfb$\xa2\xca\xa0Ny~@\xab\x95\xcb\x15\x04i)+\xe5\xf1xA\x87R\xa9\x1c\x19Q\xb5\xcf_\xfa\xd8_\xddc\xde8L\t\x11V\t\xcd\x95xfg\xe3@ \xc0\x8d)\xc7H\xafK\x1b\xc1\x00+BD0\x8a\x12c\xd2\xd1\xe9e\xb9\x0b\n\xab\xbb\xa5\xdem\x85\x9e\xde)\xa8Tu\xb6\xb4\xe6\xc0FI\xbb\x9dW\xaei\xc6\x83"%t\xb0:U\xfb\xa5\xde\xeb\xd7%&amp;\xff\xc6\xa1C\xc8a2hb\xb1\x18\xec\x1d\xf7AF\'r\xaa\x94AL\xae\x00,q\xbbX\x8c\x91\x94A&amp;3P\xd9i\x84u\xb9\xa5\x1e\x02\x07`e\x04m\x82\xca\xfa\x96\xd6\xcb\x8a\xac\xac\xab\x8b\x97\xc2q\xd4&lt;#\xae/\xc19N\x9d\xe2\x9b\xcc\xef\xb0\xe8\xba&lt;\x83\xc1\xd8\x11\x1cf,\x1f\x8f\x8cX,\x98v\x06\xc3TmV\xa0"-2\x83\x8c\xcaz\xb49\x08\xd9-\';\x01\xcb-\x00\xb5 u \xae\x01=e\x87\x11\xac\x02,\x00\xd3\xa9T \xb18]w\xb1n\xe3\xc0!d2\xe9\xba&lt;\x93\xc3\x10J\x0e3J\xbc\xbc\xb6\xb5\x95P\x10\x08K\x8cY\xe2\x16\x0b\x99\xa5\xb2z\x05\xf4\xaa\x83-\'\xddn\x08\x8d\xeeL\x1aa\xa9Tm\x90\xefg\xc4q\xbb\xdd\x11\xac\xe2\xf3Q\xdcP\xaaT\x8d\x91\x8e&gt;\xb7D}1s\x18\xe629\x1f\x00\x8b\xbd[X\x97\xe0&lt;\xeb\x9d\xb9\x19\x85\xb4\x11\xc3\xc4b\x8b\xdd\x1e\x8f[(\x19E\xcc\x84\xd0\xd1\x8d\xb5\x12%\x9c\xb6L:\x9d\x81\xd0\n\xcb\xd1\xbd\xde)\x8e\x07\x83&lt;\t\xdf\x8c\x86D\xa4\xd35b\x1d}\x85L\xda\xef\\\xdfEw\x19\xb4\x0c\xa2\x88\xc5d\xb0\x99\xc2LA\xe2\x88w\xcc\xb5\xcc(\xb0\x1b$\xa9"\x01\xcb\xe1\x004\x12\xb0`@\x02\x12\xb7\t\xacm\xce\xeb~\xc4\x05\xc9\xb5\xad\xdf]\xa9sHp\x1c7\x9b\xd4&amp;\x93Y\xa2\xd3Y\x1a\xf5o\nnPT\xb2\xc3f0\xe8\xee\x89`\xf3L\xd6\xae[\xd9f\r\xb5\x86.)\xa4\xb2x\x9c\xb4\xc4\x1dA\x1c\x0f:H1L]\xa8\xc3*&amp;\xe17P\xcb\xe9\x978\x11VZ\'\xa8\xec\xaf\x14 .\xb3\t\xca\xa9\xda\x8c\x8b\x94\xb5\x8d\xd3k\xdf\xb6\xbc\xd9H\xef\t\x8b\x8b\x99t\xed\x14j\x9e\xc9\xdcqd\xd6CoBq\x95^*\x93AY9\xf0\xb0Z\x8d\x07\xe3\x08\xcb\nTqR\x01{\x8f\xd5\tb\x81\xd3\x0b\x9cJ\x9d@\x80\\Lb6A$\xea\x01.\x89\xa3\x16\x1b\xbd\xf5\xfa\x00\x8cyW\x08^\xc8\xa4\xbd\x12\x8b\x19\x0c\xe1^\xa6\xd07\x17R\x8a\x0cH\xadx&lt;\x18V\x1b\x8dj\x1c\xe4\x02(\xa0rt\xb4\x0e\xb6\x84\xc4\x12\xbf?-\xa8\x0f\x85\x04"\'\x94\x98\x00\n\t\xb4\x02\xac\x8bu&amp;\\\x14\xc7(\xfd\xdc\xdb\x83\xc3\xcc\x10\xb8\x16\x83E\x7f\x12!\xbb\x0e9\n\x07\xff\x05.\xd9\xacL\x06u\xc5\x03\xb1\x8c\xeap0\x0e\\0\x83\x0e\x07*0\x1dn\x82*J\x0b`Q\x8e \x0b\xcd\xe8\x00\x0bQ\xf5\xd4\xd5Au)1\xa0z{P\xc0w8L6\xcd\xd3\xe6\x12\xe4\xf3\xf0\x8c\x9d=A\xdf\x9d\x83\xb9Vb\xd6\x00f\xc4\xc3\x91Z{\xea\x94\x9d\x14\x1f\x89EZI\x92\x0c\xf7@\x8a\xbdhL+3n\x15\x1f&lt;A\xe7\xfc?\x16TW\r^Fu\xffc\xae\xa5?\xbd\xd7P\xcc\xa0}\x90\xf4\xfe}0\xcen0MZ\xfb\xde&amp;G\r\x15"\xa0\xd2\xa8\xd1,\x82\\\x16\x12\x19\x01I\xe2\xe1sO\xe1\xfb\x81Bm\xf6+\x95|PG\x99~_Z\x80UW\xc3/\xc3\xba\x07\x9d0\xcb\xbb\xe8MK\xdag\xf3G\x87Q\x0c\xe6\x85\x17\xb0\xb2\x95\xa1\x9c\xc7\x00b5#(\xa3\xfa\xa8\xea\xe3\xa4#\xe8\x80b\xf3\x19\xc2F\xe3\xd3\xa7={)\xb5\xc9,\x92\x98A/\xbf\x19\xb0\x10\xe9SP\x8b_K\x10f\x8d\xb2\x92\xb7\xc3\xe0|0,\xf6\x99!\xb2\xa0\xd2\xd4TQ\x94\xbd\x14\xb0\xdeQ\x85\xc3\xd0\x1f\x80\x83\x91\x96\xb0=\xf9\xfdf\n\xfe\xa2\x9e\x9ep\xe1\xd5\x12\xb0Q&gt;\xdf\x8f\xdc\x01\xa8.\x02\xd6\t~\xad^VW\xa3R\xedr\xd1;\x96\xc5\xb4#?\xfa8\xd4\xbdp\xd7\xda&amp;i\xe6SYY\x19d?#\x1af\xc0\xc0y\x12\x89\xc3"\x96\x89\xbb\x93\xd3&gt;\x1b/\x95\xcaN\xb9H\x1c\xd4\xaa\xa96\x99\x8f\xb0\xd0\xa8\x83\xb8m\xd1\x1bj\xcc\xa2\xbd\x1d6\xe3C\xbc(\xf8\xee\xf4\x95\xc1a7\xec\xe9\x9c\xca\x11Lj\xa8\xad\xe2\x01\x96\xe6H\xaff\xf0q\x1c\xb0\xc4\xfa\x19B\xe6\xf3u\xd9R)\x87X\x1c\x17\x99\xcd\xd5PO\xa6\xbawXu\x9fV\xf3E\x8d\x1e\xec\xfc\xf5\xf0\x10j\xb5~R\xc4\xa4\x8du\xf4\x8f1ak\xdcI\x9d&gt;\xfd\xbb\x88\x94\xaa@I\x19!57\xab%\xe0\xf6\x12\xd8\x87\xc5\x84\xde\x93\xf5\xd9\xbal\xe1\x94\x81\x8a+\xff\xc7\xcb\xf9\xc56u_q\x1cyN\xad\x1b\xd5\x91|\x9fl]\xf9\xca\xba\xd7W6V\xa3\xf9\xc6eX\xf6\xb8\rX\xf5B\x90}\xa3\x12\xdbyX2\x08\x95\x19&amp;\xcb|\xb12Y]\xb2\xa5\x91@k3\xaf\x10{\x11xk\x90B\xd4\x10T\xc6\xb2\xc4\xac\x08\x85UJ*\xe5\xcf\x00\x91 \x91&lt;\x84\x804*\x84\x96\xb5 \xa6\xad\x05\xa1}\xcfu\xa4v\xcf\xb59X\xc9\x03/\x9f|\x7f\xe7w~\xe7\x9c\xdf\xf9\x19n\x05,\xeat\x11\xd4nr-`EN\x9f\xfe\xb2\x81r\x07s\rS\x19,\xa6\xceXk\x1dN\xb5\\S\xfb\xfb\xe3,\xc7a\x19\t\x0b\xab\x15\x16\x81\x05\xb5\xd2]SZo!&gt;#\xc0\xfb\x8e\x07Z\xdc~\xe2\xc2\x0f\x9d\xca\xf7v8\x10I\x8f\xf8\xd6\x1e5\xea\xd7\x05\xa6m\xa6\xef\xdc\xaa\xc4\x1fG)=\xd3h}\xf4\xe5\xe3\xd9\xd1R\x9c\x15\xb80\x97z;1\x96@\x92\'\x8a\x07\xb3\xfbZ\xa7;\x96:\x8a\x85L&lt;\x96\x11\xb4~-/\xc9"u\x06\xa99HT\xbb}\xf8\x03B\x8b\x8f\xbf|\xa4\xf7 \x0c5\x86\x8a\x8c\x00\x19L\xd4\x1ea\x18K\xf3\xf0\xf0\x83\xd1x\x86\x07\x17\xb0\xc2\xa2\x18P\x91\xb3\x1c\x02UW\xae#\xad\x15p6I\xb1X\x0cE\x9b,B/\x9f.\x19\xe8\xfca1\x10*\xad7X\x99\xef\xd5\xd5Vp\x98\xc5X\x0b\xaeW\x19$J\xc3\x85\xb8\x04.!\x0co\x97\x03\xaa\xdeONw\xa0\xa8@\xbd\xbf\x94k\xefJ/\xad\xb6\xe7\x90\x9a\n\t`\xfd\xc2O\x9a%DN\x90\xd5\xd0h[#\x9d\xfb\x15\xec4\xd7\x18-t6"\xa9\xac\x1b^\xd6\x90\xa4s(i\x04\x91\xb0\xd4\xec\xbe\\G\xfb\xe0\xe0\x1fovL_=\xfc\xcbS\xdd\xfb\xbanR\xddC\xf5\x85\xcf\xe7\xde\xe5\x06\x95\x93s\x06\xce\x84\x96\x11\x1bjkQ\xb7V\xae\xd3l\xc2\x99\xafO\x9a3m\xff\xd0l,\xcfS\xa9%\x00K\xd2\xfas\xab\x93\x93\x83\x1d\xd3\xef|z\xed\xd3\xdf\xbeGg\xc1\xd1\xd6\xae\xf6\x9b\x1d\xb1LS\x8f\xcf\xefv\xd7\xeft:EQ&gt;3&gt;\xdb\x00\xad\x18cMM\xc5z\xa7&amp;TO&amp;|\xb0\x9a\r\x0f\x80\x05#0\x99\xb5\xc5KK\x93C\xab\xb9\xd6\x8f7o\xdd\xbaK\xb6\xb9y\xed\xda\xf1\xe3\xda\xd4\xd2F\tX\xf0+\xb7\x13b\xc9\x81\x93G\x1eZi8\xd0`\xa8X\xa3\xd9d(oG\x1c\xfd\x16\xeb\x1ca\t\x02\xb0dY`\xb5\xa9\xd5\xd5b\xfc\xe8\xe6\xe6\xd1[wo\x91\x81ks\xf3\xf8\xccLo\xa9\xd8\xd4Cr\x89N\x19j\x9d&gt;\x13\x9a\xb3\xe8]\xd3\x8a\xcf\xa7\xd7\x98\x99W\x8c\xd6\xf5\xd1&gt;T\xcb\x19A\x80dB\xa6T,\x152}}\xd0\n4:\xd6]\xc2\xdb\x1c\x1bk\x9ay\xbc\xb6\x868\xeat\xd2"\xbe\x7fF\x1bf\xaa3\x9a^c\xae5\x1b-\xeb\xa3\xf1\x11\x81\x95X\xc1\x06\xba\xde\xc2\xecl\xa1\xb4\xf8\xec\xd9\x8b\xa7_\xc1\x9e&gt;\xfd\xea\xeb\xa7\xb0\x17/\x9e-Me\xd6~\xbd\xd6\xe3w\xca,\xd4\x92_\xef^n\xab\x1a\x16\xf5\xe7\x87G5 \xe5\xb36\xc2\x9aiz\\\xd8\x18\xfa\xe49\xec\xdf\xdf\xd8\x7f\x9f?\xff\xe4\xa3\xc9\xf1\x14\xd4J\xc8,\xb0\x82\xf2\xc9\xc8\x03k\x95\xb0\xca\x8f0\xdaF\xfb\x11\xb7l}\xc0\xe2\x85\xa6\xa6\x99|\xfbG\x1f=\'\x99\xca\xf6\x05\xeck\xc86\xd8\x91u\xf5\xf4\xecq8eD\xd6\xa0zF\x9b\xab\xe0,\xd2\xffQ\x99\x90?#\xd2//\xf6\xf1\xd4\x89\xc1n\xe4\x9af\xf8\xe4tW\xfb\xd3\x17_\xe8&lt;\xb0\xcfa_\xdc\xba\xf5\xce\xcf\xf7\x05\x12{\xd6\xd6\xf6pN\xd1\xed\x8e\xaa\xc9B\x9b\xe5US\x95\x86\x9a)\xddmXN\xc7\x815\x022\x0eb\xb1J\xe4\xe8\xe238\xf9\xe7[\xf6\x1f\xd85\xd4\x90\x07[t\xac\x04\xa8\xc4\xa0\xda?\xdb\xc8T\xe75\x06NF\xa3\x01X\xb3\xb9P/\xc9ET\xc0R\x15M\xa3n\x03ht\xaa\xb1\xb1px,!\xa0t\xf5\xd3\xf5\x9d\x1dTb@\x19]73\xe6\xea\x0c\xa6\xeb\x8f\x8e\x18\xeb\xc3\xab\xad\x19\x9e\x17x\xa2j\x12X\x1b\xf9&gt;+\xf0\x99\xde\xbeR\xa9\x7f\xb1?\xc3\xe2\xbcL\x88\xa2\x98\x00\xd6\x9e=\xc0r\x8br~\xb9\r\x7fSU\xc6\xf8\xa1Vm\x19+\x1d\xcf\xe8\x8e\x05\xe3\x01\xc8\x12\x97\xa4i\xc5\x89{\x13\x1bS1\x89\x07\x93\xd8\x12N\xf8\x1d=\xbe\x1e\x87\x9f\xb0B\xb3\r\x96*=\x11\x81Z\xaf@.`M#C\x85@\xc4\xc5A6\x9b\x92\xb7\xf1R^[\x1a:wn\xb2+f\xe3\xc0\x11\xa0\xcc\xc6\xe1p\xa4\x12\x88\xf3\xb2\x14#,c\xb5\x1e=\x18itq.wu@#\xb9\x90#\xc0\xb9\x04V\xcdfmP-\x9f\x1b\x1c\x1a\x9a\xec\x888]\xe4\xe3A\xac\xa2\xe3m\x9f\x0b\xdbP\xb6\xe5[\x81U\xa5\xb7\x185tR#\xb9\x99\xcbu\x0e\xc4\n\x19\x1b-#\x04\xe3\xb0\x17\x15\xd5&amp;\xcb\xcaxnp\xf0\xd4\x80J[OV\x0f\x04\xc5\x84\xdd\xe1H\x88\xd1\x80\xaa\x84\xd2\xd5\xc32\x98\xcaW-si`\xc53\x12\xe4\xe2\x85T\x13\'+\xc9\xa4\xa2\xaa\xea\xc1C\x03W;O\xfc0@\x9e\x15\x0c\x06\xa3\xa2\x0bTn1\x80\x94l|\xba\x8aX\xdb\xcaj\xad\x13\x96&amp;IHRy&gt;\x95\xe2\x04\x15XJw\xf7!\xd8O\xde{\xad\xfb \xfcJ\xc4\xc7[\xef\xb1\xbb\x10\x1b\x94l6\xd29\xdbP\xcbT%&gt;\x10\x16\xedD\xcbz\xacs`\x9c\xb0\x90\xd4\xf3\x1c\x17\x16d\x9bB-\xdbC\xd4\xe7~\xed\xa7\xdd\xe0\x12\xdd\xa2;\x91\xb0\xdb\xe1\xeej6\x12I^\x1ax\xd8Pk\xa9\x1a\x96\x19\xf9\xbceX\xc7\x8ag2\x92\xa4\xdf\x07\xc8\xb2\xacv\xa3&amp;\xcb\x1e&lt;\x188\x0e\xa6\x96\x96\x16\xc4\xaa\x84\xcf\xa7/\xa1\x92\x8d$\t\xcbZ5,\x83\xfe6\xb1\x8c\x15B\xe8\xcaHy\n\x14,;\xc2*Jh\x1fr\n!||d,,&amp;\x12.\xd4\x17\x941\x83JQ\x94\xe4\xa5\xce\x87V\xa6J\x8b\xb8\xf5ND\xc7:\x12!")\x9f\x8dK\x94\xdfd\xa4x\xff\xe2bfff\xa4o$%\xb0a\xa7\xd3\xbf\x9b\xf2\xe5 Q\xa9j\xf2H\x19\xabjT\xdf\xc6\x02\x90\x94\xed\xef\xd7\xe2lF\x8b-\x16\x97J\xbd\x99\x0c&gt;3&lt;\xcb\xdb$\xb1\xa7\'!\xca\xa0R\xd5\xe0\x01\x1d\xcb\xf22\xb0B\xc0\x82)\xb1\xa9\xa5b\xa1T\x9c\x82i\xa5\x95\xd1R\xa9\xd0\x0b\xb4\xb8\xc66\xa5\x045\x12B\xe4\x08\x06\x0f\xec\xbd\x80\x9dX\xad\x17wz\x7f\xd7\xfc-\xb5\xa4H(\x14Z\x9c*\xae\xcc\xdf\xdf\xd8\x98\x98\x87\xad\xcc\xaf\x8c\x16\n\xa3+\xc5\x95R\xa1\x80\xff\x8e$\x95\xdb\xc1\xe0I\x1d\xcb\xf8\xd2\xb0\xf2t\xb3X\\ZXX\x98Xx\xb2p\x9fl\xbe\xb8\xb22?11\x7f\x7f\xaa\x18\x02\x95z;\x1a=pf\xef\x85c\xcbU\x0b\xa7\xdf\xc2:v$\t\xac\xbc\x94\x1fO\xe7:V\xcf\x9d\xbf\xf1\xe4\xc6\xf9\x1b\xf7\x16\xee\xdd{\xf2da\xe2&gt;\xfd\xbc7Q\x0c\x01J\x8ez\xa3A\xc2*43\xcc6s\xd5}\x8b\xb0\xe2R&gt;\x1f\x19OwM\x9e\xbbx\xf1\xce\x9d\xcb\xe7\xffv\xfe\xf2\x9d\xcb\x97i\xcc\xe5\xf2\xe5\xf3\x931%\x88\xe3Z\xf4\x96\xd5*4\xeb\xd3\xa6\xd5\xdf\x89\xfa*JJ&gt;\xaf\x95V\xaf\x9f\x85}\xf8\xa3?|H3\xa0\x7f9{\xf6\xe2gC9%\x18\x8d"\xac\x12\xd6\xa5\x0b\xc7\xe2\xcdf\xc6\xf0\x12\xb0\x14E\xb2I\x14$ll\xa64q\xe3\xc6\x9d\x0f\x7fv\xe5\n=\xfa+\x8f\xf2\xe6n{\xa3Q/r\x89]\xde(aim\xc6ja\xd1|\x12a\x95t,=@\xe0\xf8aq`k\x1b\xf7\xce_\xbc\xf8\xd9\xf5\xb3W\xae\xfc\xe9\xe2\xf5\xeb\xe7&amp;[\x83\xd1]D\x85t\xcb\xfb\xfe\xeb{/\x9c\xe8o\xdb\xba$0\x9b\x0c\x15\x97\x8b\xda\x82[XI\x92\x0b\x01\x95\xb0X&gt;?\xb5\xb41U,N\x9e\x1b\x9a\xc4\xefX\xd2\xeb\x8dz\xbd\xeez\x97k\xbb\xdb\x1b$\xac\xd80\xa9e\xc2\tf0W\x98\xab\xc6`\xa4i\x8d\xb2\xcb\'U\x9bM.\xa7\xf1\xba`\xdc\x0c\x97r\xe6\x91X\xd8\xf8\x9d\x80\n\x06AUo\xd7\xb1\x0e\xbcq\xe9Dz\x9d\xb1\x98\xb6\xbeY\xa0\x92G\xa3\xde\x087\xd2\xeb\xd7\xf5\xd6\xce#\x97\x08\x8b\xd5\xdb#\xe5\xae\x12R\xd5T\xcan\xf7\xd8\x13)\xbbk\'P\x82\xde\xed\xf5~\xc2\xdaE&gt;\x7f"=Wg\xa9\xa3t\xdeX\xd1jq\xeb\x89"\xdd\x1b&lt;\xc8\x11\x96\xa2\x00\x0b&lt;P\x8b&gt;\x10\x89K9|\x1e\x87\xcb\xee\xb0\x03+\x18\x85X~\xbf}\x0b\xebB\xe7(\xbd\x92\xb7\xd0\x05g\xc5\xb9\xe8;\x04\xac;\xe6\xbb:\x8fP\x9aLMA\xf8\x95^(f\xf0\x8fK\xf9v{\x1c\x0e\x8f\x07X\xd1\xa0\x17K\xb8\xdf\xe7\xab\xd7\xb1\x10\xb8\xa6\x1e|\xdfZ\x8b|\xad\xd6\\\x89\x0e\xc9\xd6\x1c\xdf\xd6#S\x8b\xa5\xd6\xfa\xbb\x89S\xc0R$Uee\xde\xe9\x84^z\x98\xb0\xd9\xf8D\xcf\xee\xdd\x1eP\xb9\xbd\xf0.\xb7\xdd\xb3\xdf\xe3\xf3\xebX\xf0\xf9c\xa7\x96\x1e&lt;\xb26Z\xb6\xbe\xe9\xa3\xa6\xa6\xe6\xbbS\xd1\x0e$\xaa:+\xec\x83\x89\x0e\xc2B\x1e%\x03\x8b\xe3x\xdd\xed)~9\x13\x0e\xa8e\xdfIP\xa0\xf2\xf8\xf6\xfb\xea\xeb\xf5U|\xe3\xc2\xb17on\xcc\xae7\xa3Z\xacc*r\x9dH\xe7\xa0\x81\x01\x13\xd3\xb8\xe3\xdd\xb7\x1a\xacs\xa4\x16|+\xf9\r\x96\xa4\xfb\x18\xb88\xce\xe5r\xc1\xe5w\xba]XL\x8fg?\xb0\x10O\xb1\x15\x07\xde&lt;|\xb3}\xfe7;h.\x901\x7f\xf7Ka\xa3N\xc4X\xeb\x98\xe6\x1d\x1f\xfc\xea-k\xdd\xfa\xfd\xaeir\xae\xfc\xc9\xdb288&gt;\x83\xe8E\xb1\x0b\xbb\xd1\t,\x87\x03X;\xb7;\xf6x\xec\xf5\xa0\xda\xee\xd5\x8f\x9f\x13?\xf8\xf1\xef\x0f\xb7/\xcc\xcf5\xd7\xd5\xe9_+Q\x81\xb12\x9a\xa3lx\xf7\xcf\x7f\xff\xeb?\xad\xd6\xc6\xb6\x7f\xb5_\xed\x1cG\xdd\x00\xb9\x9c:\x17/\xfd\x8f\x94\xb3\tm#=\xe3\xb8\xb1\x95,#\xa2a\x14:\x1f\xc5\xc8#\x11E\xael\x84\xdc\xe9NT#\x1c\x067ET(Y\x187T*\x891&gt;\x18lB\xc9\xc7\x1c\xcbP\x05\xb1\x88\x85\x95\x04Y\x02\xc9M\x06a\xb6\x17k\x9d\x16\x1dr\x10r\\)\xbb\x11{p\x04-\x96L\xa9\xb0!\x07\xe3c\xce\xfd?\xef\x8c\xecl\xa1dK_\xdb\x92\x9cH\xd6o\x9e\xe7\xff|\xcch\xe6yp\x15D\xe1)\x86E\xc6J$\x023\x0c\x0bI~n\x0e^\xfc\xcd\xfa\x8d_\xdf\xb9s\xe7\xe5\xdd\xef\x87}\xd3\xa0Q3\xff\xf7\x99\x94D\xa5\xe8\x9d\xfa\xfbn1n\x18F\xfc\xe8\xee\xcb\x1b\x8f\xb7\xb0\x9b\xf5Y\x18X\xd3\xf0\xe2\xd5\x07O\x18\x1f\xfd\xcaVb:@\xda\x87\xad\x80\xb5@X\x7f\xa6\x0b2^&gt;\\\xbf\xf7\xb7\xbf\xf7\x15/\xe7&amp;\xd6\xff\xb1\xa9\xa0I5n\xf8\xf9x\x9a\x98\xa3w\x86\xf9\x93\xb2\x19\xc72\x0e_/_[\xddZ__\xeb\x01+\x01\x1a$\xad\xcb\x1b\x93l\x91\x0b7\x88-\x08k\x05\xc1\x85\x82\x8dF\xb0\xb2\xfd\xf9\x8dk7\xae=\xc4\x8b\xee~\x9f\x87\xbcFX,\x9c(*?~\xd1\x88\x13w\xa3\xe5\xe1x\xc30\xed\xa2\xa9\xe7\xf3\xc02\x00v\xfc\xe6%\xdc\x08\xac\xa4k\xae\x9f&gt;\x9a"\xa4\r\xa4R,\xf2#S&lt;\xa8\xd0\xd7\xdcJ\xae\x90\xb6n\xac&gt;\xfc|}\xbb\xd2[\xfe\x17\xca\x90\x9f.\x9e\xe4\xcel\x86t\xf1\xf1\xe0t\xa2\x8f\xb2\x1e}\xa8\xecW\xd2\'\xf9b\xc9\xb4k\xd5n\xf1\x84\xcc\x15?9\xba\xf7r\xf5\xfe\xd6Z\xa5\x17N$(\x16\xa7X\xe9!\xa4E\xf6\x15\x0c@\xf03\x81\x00\xe4\x9e\xc4\x1e\xc6J\x05X\xab(\xa4\xdb\x95\x95[_n\xa6)\xff\xd1\xc5\xb4\x1c\xcf\xde\x86\xfbq\xf3d\x9c\x99"\x14~l\xda\x90f\x16;\xa5\xd2A5\'J\x05\xe6\xc5x\\\xdf\\\xfe\x0bT\x7f\x9d\xb0H\xe9\xac"\x06\x83\x1b\x8b\x8b\x8b\xf4\xb3\xc8\x08\x01\x17\xa3\x92\r\xaaJ\x05\xbbd\xc8*\xcfz\xb7&gt;{q\xcc\xd3\xce9\xb0,\x8b\xa7\xe1\x15x\x9b\x0b?\xe6\xca\x1f6$\x83\x9eM\xa7\x8b(\xe9R\xa7]\xca\xd7s\xea@\x15\xbb\xe5\xb8\xcbu\xf4\x1c\xa2_\xeb]&amp;\xaeI\xaaA\x93\x1b\xd3\x8b\xee\x02_\x90jPp)\x86\x92\xcd\xa8\xb6+\xebd\xab^rn\xeb\xed\xa1\x8f\xa3\x03e\x1c_*\xb3\xb7\xf1\xbb\xbe\x1c\xfb\xa8\x13iT\x14\x9e\xec\xe7\xf8l\xb9\xd1n\x94\xed\xf7\xaa8P%5\xd5w\xb1\x8c\xec\xd1\xed\xad5\xf2b81\x9dp\xbc8\x1dt\xa1\xc8\x97\x8b\x8bLZ\xcc\x87\x15Z\xdbP\xfbJ8Qys\xa4]\xf2\xf8&amp;\xf0\x1e|&lt;\xadx4\xc51\xc1\x7fq\xe2\xf8\xa8\xc2\xd0\xe8\x0ehJa\xaa\xcc\xda\xed\xc2\x81]\xea\xecJ\xe2@R\xd5A\xae}\xc24\x0f\xae\x93\xe3\xcd\x9bk\xcf\x98\xba\x1c?^e\\\xc1\r\xa6\xfaE\xc4\xe1R\x8c2)\x04_\xa1\xaf\xb5\xed\xedJ2\x11\xbe\xff\xfa\x90\x87q.\xfa8O:_R\x14\xdd&lt;\xa1\xc6\x82;\xd7\x97\xef\x83\x03\x0b\xbe\x1f\xac\x0b&gt;^\xe1y\xcd\xec\x0f\xeb\x85F\xc9\xae\xa5\x06\x03UU%i\x10\x81\xb8\x0cZ\x9a\xa1\xa4\xf7\xf6\x9f\\\xaf\xf4\xa6F\\O\xa6\xa6\x03\x8b\xc1\xe9\xdfQr\xa00$e\xd1"7\xf6\xe0\xc95\xa2\xba\xfd\xcf#\x08\xde\xc3\x92t\xb9[\xef\xeb\xd9R\xbe\x94VF\x05\xfc?lF)\xea\xa2\xe3a\xf8\x1df\xe2\x95l\xa9Qk\x16\x1a\xe5r\xab\x9b\x93`*Q\x04\x96\nq\x19\x06\xef5\x0cE\xe1\xb5\xc3\xfd\xd0\x8f\xfa\x9e\x00\x00\x06\xfbIDAT\'\x94\xe7\xe1\xc6\xe9I\xe4xJ\xed\xc8\x0c\x81@\x80\x95C\xca\xa5\xd19\x16\x8a K\xae\xf4z\xe1\xc9\x07wOu\x9e\x8eE\xd0\xb9j\xf6n\xaazP\xd6\xcb}\xdbJ\xf3d\xafO~\x90_\x1dky\xd8\x19&amp;\x1e6m\xc8\xafd\xcb\x9dBaX,\x95\x1a\xcd\x8c8\x880,U\x14B\x99\x16\x95\x1f\xbf\x97\xe7\xa8\xd5&lt;|\xf5\xd5\xcf\xaf\x84\x93\x04\x94`7\x94\xe0]\xaai\xa2",\xf2#\x1d\xb2\x84\x0c\xaf\xde\xfbz\xcfp\x07\x86\xa1o\xb3\x11\xdd\xcd\x86e\xf5;}K\xe3i\xc6\xc0\x875\x9c\xe5\x8d\x0b\xd07a\xa1\xcd\xe35\x1d\x92*t\xca\xba\xd5\xa8\xa7D8O\x1a\x80K\x90g\xe7\xe7\xe7wmCaZ\xe0|^\xbf\xf2\xf4\xdd\xfeT2\x89\xcc\x958_\x00Cw\x13]\x9bs\xb1X\xee\xbaE\xbb\x1cO\xde|{\xa4\x8dJ\xac\xa1\xebZ\xb6_O\xed\x14l\xb3\xdci\xf5uR\xb3\x9f\x95p\xdf\x87-\x15\xfb7JS\xd8\x8aZ\xdb6O\xacN35\x80\xff$I\x05\x97\x10\x9a\xa7%\x17\xacQ+\xe7\xc5\xdf\xce\xee\xfd\x91&gt;\xc5$\x9a\x04\xb9\x8f~\xb0bK\xd1^\x14\xe6\xa2\xb6\x86\xe0\xc2`\x9c\xeb-\x7fs\x9a\xe59/)\xc9\xeb5\x87u$g\xb3\xd8\xccU\x0f\xf2f\xbe\xd5)\xa3\xb5pNe\xf4\x8d\xbcH\x1f\xf9r\xb4\x11\x9cf\xda\xadv\xb1\xa4\x9b\xf6A7\x83\xd8c\\*L5\xef\xae\xcc\x01\xb6\xcb\xe7\xd8\xd7k\xf0\xe9\xbdWSs\x0bQ42\t(\x9da\x11\xce\x12C\x8a.!\x1ac\x14\x90s\x0bs\xbd/\xbf9\xd5\r\x9eg\x99\xca\x9f\xeed\xa4\x9d\xb6\xa5iV\xbb\x9a\xd9m\x97\xad|\xa7\x8f\xa6I9\xbfF\xdd\xad\xc8lV\x9b\x9eo\xb5\xf3\x96e\xb7\x9b\xa9\x88DvB\x00\x0e$!4;\x7f\xb6R\r\xcd\xcf\xb6\x83]v\xe0\xd7\xf6^MF\xa3\xa4\xf6@\xe0\x97L\xf1\xd1@,\x00 Z\xac\x0fd\xe5:ys\xf9\xdb\xd3\xa7~\x9e7\xfc\xcc\'\xf9\xae\x1a\x89d\xeavVI\x97\xdb\xbb\x99\xddV\xd9\xb2\x19\x17wv\t\x8f\xd3\x10s\x10\xbae\x17aP0\tB$\x17\x89\x10\x95\xaa\x8a\xf2\x19\x14=\x10\x86\'\x8e\xb9\x9ca\\\x8a\xf2\xf4\xd5#8*\x86|5\x13\x8c\x11V4\x10\x80\x99\x1c*\x98+\xbap+\xf9\xec\xf1\xdd\xaf\x8f\xd2tf-\xcf\xa8\xf4\xa1\x1a\xc9\xe5r\x11\x84bZ\xd1\xf2\xc3j\xae\xdb\xb2\xcc\x92\xae\xb1\xec\xe1\xd4"\x16\x18&lt;\x9f5\xadR)\xdf\xaa\xefH"\xb6d\x10\x01\x96\x14\x19\x08rh~\xd6\xe1bw?\x11\x87H\xa9\xce\t\x83\x14:\x1e\xbf\xf1\xf4\xdd\xa3\xf0B\x14X\xbf\xa0\xc6\x8f\x0c\x16\x8b-\xcd0\xb2\x99\xd8\x02&lt;\xb8rs\xf9\x1f\xaf\xf7\x9c\xa9}~\xee"\x92u\x7fG\xcae\xc0%I46\x8c\x8f\x97\xdb\xdd\x14\xc0\xb24\xb1\x88\x05*\x9b\xd7\x81\'*i]/\x15\x0b\xd5\x1c\xf1\xa0\xd0H0\xd7@\x12\xe5\xd0,[\xa1\xd9\x90\xfbH \xac\t\xce\xe7\xf6$\xc02\xd2{\x9b\xd7\xa3K\xd1X\x10X\xa4{hk\xc6\xc1ZZ\x80\xff\xd6V\xef\xbd&gt;\xa2H\xa3\x08\xf6P\xef`\xd6\xd5\x1c\x19K\x8aDr\x99\xea\xd0\xd6\'\xe2V\xe7\xfdN\xb7\xa1c\x17\xc6\xef\xa5\x023\x06C!\xfe4\x9d\x9c\x07\xcf\x11\x15\xf2\xb9$J\x03\x91HB\xb4p+\xcb\xecQH\x1cf\xe3\x06O\r\t\xb9\xff\x12\xbd\x192\xeb\xab\xafz\x0bQ\xeae\x82\xae\xe6g\x10\x84hK\x93\x95\xf5\xd5\xe5\xb7G\xd831\x9c\x81e\xac\xd3=\xc8\xc9\x03\xc2"G"Y\xb3\xd9tY\x0bFA\xde\xd7X\x02\xf1\x8f\x91n\x91\xd3a(i\x04\x85\xef\\uWef\n1\x1cY\x16\x04\x99-\xb5\x96U\x0c\xb6\x9b\x00\x01\x8c\xd3E\\\x1c\xcb\x14\xfb\x8f\xc2\x89\x9f\xc5\xd0\x04\x02\x87\x14\x1f\xbd\xf5\xc5\x17+\x95\x9b\xf7_\xbc=65\x94\x05\x9a\x9eG\xcd\x12$\xdcJ\xc9!\x99\xd9\x8b\xd8\x90\xa9\x07\xa9n\xadof\xcdF}\xb7`\xeb\x1a\xec\x04,\x8de\x03Qp\xa8\xe0A5W-t\xf2\xad\x9cc"\xfa\xa6%\nl\xa9\x85,\n\xa6\x97\xb9\x1e\x8d5M\xca\xa4VC\xd3\x01v9|\xe5\xca\xc2h\xad\xfc~{\xeb\xfe\xf3\xcdc\xddp\x07i\x12\x13D\xacwvd\xd2\x86H\xea\x8a\xa8\x82 Fr\x92 \xa6\x9a\xad\xb2n6\x9a\xdd\x9a\rW\xfa\xc7J\x9d\xfaN\x0e&gt;\xa3R&lt;P\x07\x99j\xb3\xd0\xca\x9bi\xad\x98\x91\xcf\x97@\xe6r\xb1t\x9e\xbf\xe8\xf3zY[\xf9\t)\x94\'K\x18\xda\xe1\xbb\xcd?\xfd\xea\x0f\x9f~\xcaFAl\xaf?\xfe\xee\xed\xe6Q)\xab\xf9Y\xf0q^\xdes\x89\xa6\xe8\x99\xad\x1dgcg)\xdaEA\x95\xc8A\xa2 \x8b\x99\xdd\xa1m\xc2m\xcdZ?\xcb\x8f\xbd\xcf@I\x94\x0bp\x17\x81\x99lK\xa7\xde8]L\x11\x0c\xd1\xc8gL\x82*\xaau]\xe1}\xe7\xc9\x05!\t\xe3Q\x9aT\xd2\x87\xfb/\xee-\xdf\xff\xedw\xb7o?\xff\xeb\xe6\xfe\xb1\x95E;E%\r\xe111\xe1\xa1\xc3=\x9cy\x90r\xb7\x14\\(i"\xf9G\xc4\xdf\x17I\xff\xd5\x9amBc\xcd\x9a=&amp;\xc8\x94\nD\xb4\x08\x11\x04\x85\x99F\x8f\x80v=\x1e/\xa6\x88\xc3\x01\x92\x9d\x07\xa8\xd7*\xb0\xa0x\xb7\xdes\xac\xc0\xb3\xee\x9a\x03\x9d\xa2\x1f\x9f\x9en\x1e\x1d\xef\xed\xedY&amp;crN2pS\xe4\x04\xac\x96\xdf=\xf3\x00E\x92\xac\xc2T\xe4\n\xa2\x82\xb3"\xd5\x1a\x1a\x84b\xad9&amp;\xcbd-Q\x10s\xcd"\x0bP\xbf\x87\'0\x07\x8b1AVLY`\x1f\xa8u\x93\x1f\x1dF`\xde\xe1\xa9\x8f\xa5{:B\xa1\xe9f6\xadi\xe8{x\x8ew\xcf0\xa5\r\xb80\xeeT\x12\xa5\x0fc\xb9\x01\xc4RN\xc8q\x86\xd3\xa6\xa0I\x11\x06;\x85\xa2e5\x80E\xd6R\x85H\xa1\x1c\xf7\xd2,P\xea\xb3\xe1\xc5FF&amp;"\x95D)\xe0\x15\xc4F\x0f\x9a.\xd6\x98s\x08\x07a\xc8\xb3&lt;\xe9e\xd7\x1dz\xfd\xae\x96\xd8.\xca\x87\xa7\xb6\xd1V(F#\xe3(\xd51\x97\x93\x0eC!A\xa5F\x936\x9d\xbaMt\x15\xfa\x98,\xe4\x08K\xce\x14\x9d\xe3b\xdc\x04\xcf\xccEX\xe4\xb6\x81\x080\xbcF\x15\x9d\xdb\x0f\xb0\x18W\xda2\xe3\x94\xfb(W\xfa 2/\x8d\xedp\xf6\x1d\xdc~`\x9c\xcd(c\xbd\xb8\xd6\xce\tg\xc9f\x84E6\xcb\xe4\xe0/\xfc\x0f\x8a\x12I|\xc8\xb0\xa8\x1cg\x1a\x9a\x93\x88\xe93V\xf4\xff\xc0"\x10u \xa8LS"\xeb\x04\xcf\xb1\xdc~\x88\xa7\x16\xa5\x94\x85\xdbhG\t\x9bE\x13u\xbdN\x02ab\x1fw\xa55&gt;\x0e/d\x87\x03Q8\xa7\x82\xeeC,ag\xda\xff\xde\xc1\xfd\xee\xc0\x0c /\x06\xae\x8cE#\x19|\xdc7mr\xf7\xf1\xf1\xd9t\x1c\xe4,\x16\xe8:h\x07\xa3\xed\x9b|\xdc\xa1\x00\xce\x00\x81\x16\xa0\xb3x\xf9`u&lt;\x0b</t>
        </is>
      </c>
      <c r="M509" s="3" t="n">
        <v>45492.67806712963</v>
      </c>
    </row>
    <row r="510">
      <c r="A510" t="n">
        <v>1199479</v>
      </c>
      <c r="B510" t="n">
        <v>2021</v>
      </c>
      <c r="C510" t="inlineStr">
        <is>
          <t>Everton</t>
        </is>
      </c>
      <c r="D510" t="inlineStr">
        <is>
          <t>Everton</t>
        </is>
      </c>
      <c r="E510" t="inlineStr">
        <is>
          <t>UNK</t>
        </is>
      </c>
      <c r="F510" t="inlineStr">
        <is>
          <t>UNK</t>
        </is>
      </c>
      <c r="G510" t="inlineStr">
        <is>
          <t>UNK</t>
        </is>
      </c>
      <c r="H510" t="n">
        <v>175</v>
      </c>
      <c r="I510" t="n">
        <v>21</v>
      </c>
      <c r="J510" s="2" t="n">
        <v>37310</v>
      </c>
      <c r="K510" t="inlineStr"/>
      <c r="L510" t="inlineStr"/>
      <c r="M510" s="3" t="n">
        <v>45492.67806712963</v>
      </c>
    </row>
    <row r="511">
      <c r="A511" t="n">
        <v>1200730</v>
      </c>
      <c r="B511" t="n">
        <v>1981</v>
      </c>
      <c r="C511" t="inlineStr">
        <is>
          <t>Rodriguinho</t>
        </is>
      </c>
      <c r="D511" t="inlineStr">
        <is>
          <t>Rodriguinho</t>
        </is>
      </c>
      <c r="E511" t="inlineStr">
        <is>
          <t>UNK</t>
        </is>
      </c>
      <c r="F511" t="inlineStr">
        <is>
          <t>UNK</t>
        </is>
      </c>
      <c r="G511" t="inlineStr">
        <is>
          <t>UNK</t>
        </is>
      </c>
      <c r="H511" t="n">
        <v>185</v>
      </c>
      <c r="I511" t="n">
        <v>18</v>
      </c>
      <c r="J511" s="2" t="n">
        <v>38061</v>
      </c>
      <c r="K511" t="inlineStr">
        <is>
          <t>Right</t>
        </is>
      </c>
      <c r="L5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b746b9e-a200-4274-ad1d-1805408f6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1d\x04\xab\x00\x00\x00&gt;tEXtComment\x00xr:d:DAEewil2SDw:3461,j:7954900097623563676,t:24013121\x82D\x15v\x00\x00\x00\tpHYs\x00\x00\x0e\xc4\x00\x00\x0e\xc4\x01\x95+\x0e\x1b\x00\x00\x03\x00PLTE\xff\xff\xff\x05\x03\x0c\xf1\xf1\xfb\xec\xec\xf7\xf5\xf5\xfb\xf8\xf8\xfd\x02\x01\x08\xff\xfe\xff\xf0\xf0\xf9\xee\xee\xfa\xef\xef\xf8\xe7\xe7\xf3\xfa\xfa\xfe\xf9\xf9\xfe\xf1\xf1\xf8\xea\xea\xf5\x0b\x08\x0f\xe1\xbd\xaf\xe4\xe4\xf1\x07\x05\x11\xf6\xf7\xfc\xf3\xf4\xf9\xed\xed\xf8\xfe\xfe\xfe\xe1\xe2\xef\x0c\n\x16\xda\xdc\xea\xfc\xfc\xfd\x10\x0c\x13\xdf\xba\xaa\xdc\xb1\x9f\x1d\x17\x1c\xd3\xaf\x9c\xd4\xd6\xe5\xde\xde\xec\xda\xb5\xa4\xdd\xb4\xa1\xf3\xf3\xfc\xd7\xd9\xe7\xe7\xcc\xc1\xde\xb7\xa5\xd6\xa4\x8e$\x1c"\xd1\xac\x99\xe2\xb8\xa7\xd6\xaa\x98*!$\xd9\xb3\xa1\xd5\xb1\x9f\xca\x97\x82\xe3\xba\xac.&amp;*\x12\x0f\x1b\xc9\xcc\xde\xe8\xc7\xbb\x16\x11\x17\x17\x14!\xcf\xa3\x90\xcf\x9e\x8a\xc9\x9b\x88\xd4\xa6\x93\xe2\xc1\xb3\xcc\xcf\xe1\xcd\x9b\x84\xd0\xa8\x97\xd0\xd3\xe2\xd8\xac\x9b:16\xd9\xaf\x9c\xc6\x92\x7f\xe4\xb2\x9d\xc4\x98\x84nMF\xc4\x88p\xd9\xa9\x92\xde\xb6\xab\xba\x88t\xb5\x84n\xd2\x9b\x84\xbf\x8dt\xc5\x8dw\xe6\xc3\xb6\xa6r]\xb0\x7fi\x8f_N\xcb\x97z\x99iY\xc4\x93z\xe5\xd0\xc7\xca\x8fuX95\xdd\xb0\x99\xd3\xa1\x89\xa2kXbFB\xe7\xb6\xa3\xabzd\xe3\xc6\xb9\xc9\x9f\x8e\xbf\x94\x80\xdc\xab\x97\xc4\xc7\xda\x1e\x11\x14\xbd\x85l\x9acQ8*,\xb7\x7fg\xe7\xbf\xb2Y@&gt;uG;\xc7\xa8\x98\xdd\xb5\xa7\xcc\xad\x9cC35\xe1\xb4\xa3\xbf\x9b\x8e\xbe\x8fz\xa7\x7fm\x9azmXNUTIL\xc1\xa1\x93\x89XJB6&gt;R1+\xe7\xbc\xac\xaakU\xcb\x91}\xd1\x95~\xa3cP\xb3\xb6\xc9.*4\xd9\xba\xac\x1c\x18\'bV\\\x90dV\x9b^IxUK\xb6xb\xeb\xe9\xeeN99\xae\x84rwNB)\x18\x19\xe1\xc9\xc0\x9dp]\x90pc\xae\x8e\x81ICN\xadu`=#"\xed\xce\xc33\x1e\x1f\xb8\x97\x88J\'#cLK\xc0\xc2\xd4.1C\xee\xde\xd8\xea\xd4\xcc\xd4\xb6\xa7\xf9\xf8\xfa\x82RE\xec\xd9\xd2\xf0\xee\xf2\x7fL@l@6L?A\xb4\x8av\xd7\x9c\x89\xb7\x8e~\x91UB\xaep[\xca\xa3\x94\xba\xbd\xd1jF&gt;G.-\xbc~m\xcf\xb2\xa4b@9\xe7\xe3\xe8\xc1\xbe\xc7\xa6\x86z\xce\xc9\xd2\x88h\\\xab\xae\xc2\x8c||\xdd\xc2\xb7\x9e\x97\xa3$!/\x9f\xa1\xb4\x82YJ\xa5xf89K\xad\xab\xb8\xaf\xa0\xa2wgg\x9fse\'(;n8/\xde\xce\xce\xf7 0\x8d\x88\x97\xf2\xe3\xdf\xdd\xd5\xda}w\x87\xdb\xbe\xb1\xc2\x82j\xe3\xaa\x9b_1)jSQa92\x82`T\x80rrsiu\xdd\x9d\x96\x86\x81\x8d\x87L&gt;\xf7\xf2\xf3\xb7\xb3\xbd\xbdofUSe\x95WM\xef\xc0\xb7oZa\xc9\x87w\x92\x92\xa4\xa0\x92\x90\xe8\x10#\xcf\x87\x85}E6\xf5\xe8\xe6\xd3\xc1\xc3zr~g`m\xae]Z\xf3P]\xe0\xdd\xe4\xca\x16"\xf0\x99\x97\xc2\xaa\xaa\x9a\x83\x80\xc3\xb2\xb6\xed\xab\xa7\xe1\x8e\x87\xf1\xb5\xb3\xc7|y\xecs~\xf95B\xcc\xbb\xba\xf3\xcc\xd2W\x1a\x1b\xd0jp\xd6{z\xe97E\xc5KY\xd3T\x92\xfa\x00\x00 \x00IDATx\xda\xcc\x98\xffO\x13y\x1a\xc7\x9d\xe4R\x7f3\xe35\xa6i:2\xbb\x91\xdc\xd21L\xb6\x99I\xa6\x14L\xd1\xd1 =\xa4,Zk\xd7B\xbc\xc5\x14\x87\x94\x8b=\x81\x8eW\xe2\xe2\xd6V\x91j\x15*)\xb0\xeeZ\x97\xdd!\x8a\xb7&amp;\x0bBX\xba{|Y\xdd\x10X#\x07\x86\x95\x90\x983\xd9D\x13\x92\xcd\xfd\xb6\xbf\xdd\xfb3\xe5O\xb8q\xefI\x0bC\xfa\x03\xaf\xbc\xdf\xef\xcf\xf3&lt;\x9fn\xdb\xf6?*\x8b\xc5\xb2\xed\xff\xa9,\xb6\x9c\rL\xb9\xe1\x9c%\x97\xc3\x83\xc5f\xb3\xfd\xbe\x8c\x80\xb1\xed\x1a\x1b\xdb\x9c\x18\x1f_\x8bf\xa2\xaf\xd6\xd7\xe7\xe6\xa6\xe7~\xfbq\xf3E.\x97\xb3\xd9r\xbf\x0b\xdcv\xdb\xc4\xc2\xd2\xda\xc2\xf4\xc2F4\x13\x138.\x91\xc7\x9bK$\x84\xb8\xac&amp;\xdf\xbc\x9e\xdb\xec\xe9\x19\xcb\xd9\xde6\x95mxn\xe6v&lt;\xce9\x13N3)+\xc3\xc5E\xabU\xe4\xe2q9.\x08B&lt;\xa6&amp;_OO\xbc\xb0\xbdE\xb2\xed\xdbwLg\x12"\xcal\xa6P\xf8a63"M\x9b\xad\xa4\x186.p\xac\xe8L\x08\xea\xd4\x8f\xc3\xb9\xb7\x16\xaa];&gt;\xd9\xd8H@\x1c3e"EQx\xa2\x9d\xa2\xceH\xd1"\xc3\xcb\x02\x8f\x8f\xad\xac\xfc\xf2?=8\x13o\'\xea\x7f\xda\x1c\x9f^rZ\x89w\xd0\x0bl\x94\xae\x1a#2\xb4H\x9bL4\xcd\x08&lt;+8%\x06\xbaE\xd7\xc7z\xde\x82`\x96\xe1\x89\xd9\xa5\x8dX\x9ehe\xa6EX\xe5\xb4B3\xcal\x05\x9b\x13\xe9\xb2\x8a\x94\x88\x88I\x9c\x00,\x89\x8bG\xe7\xc6\x87\x8d\x96\xcb\x92\xdb\xff|&amp;\x9e \t\xd2-3\x9b%\xa7\xd3)Zu/Mf\xd6L\xb3\xf9\x84\xd5\xcc\xcbq\xc8%Zi\x96\x13duu1gx\xac\x16\x12D&amp;`\x99\t\x07\xc8D\xceI"FRF\xd1\x8c\x95\x13\x04\xd1\xc4\xb0,\xcf\xf1\x1cC\xd3,\x1f\x8biS\x8b\x06\xc7\xcb\xb6\x1e\'\xae\x01K\x0f;e\xa6\x19\x91\x15X\xfcA3\x142%\xc5\x05\x89\xa5)\x86\x968^V\x9c\x0c%q\x119\xa2\xad\xf5\x18\xda\',\x1333\x8fa\x929\xb1u\x04\xd1\xafh3\xc3\x90\x03\xc8\xd0\x10\x0bq\xa2\x18\x1c\x01ZbyE\xcbK\x0c\xcd\xca\xc0J\x8e\x1b\xd9\xc0,;\x1666\xf2\xa0B\xc3*\xa4\x89\x11\x9dp\n\xd2\xd1&amp;J\x02\x04q\x13g\xd1DK!^\xd0\xe2,KK\xb2\xa2h\xea\xab\xb1\xc5\x1e\xc3|\xb4\xed_\x9a!T\x14\x89\x97\x8e\x85f\xe5\x14\x91(\xf2\xc8@)\x1dU\xff\x00\x87P\xc8\xb3\xa8HD\x19Z^\x9b[[|a\x14\xd5\xd8\xd2La\xd4\xe8m\x8a\x08\x83L3\x94\xb9\x90wx\x08\xe5\xe0 SH?\xcbbL\n|$\x16\x19z9\xaf\xae\xaeo\x1accnl\xed6\xe9\xa1\xd6\xc2\xc4\xd1\xb1\xf0\x0b\xd61\xcc\x96\xa54\xc12\xd1z\xec$\x96\x939\x8eW"\x9a\x16\x9eW\xd5\xe7k\xb3\xc3\x86`\xfdq\r\r\xcbl\xc5\x9b\xdaj\x08&amp;I\xa4\x18\x12)\x12*\x92zV*(\xa5\xa7\x8b\xe51\x1a99\xa2j\xa9\xf9h&amp;\x99|\xb5h\x84\\\xb6w\x97\xf2\x185N}&lt;\x9bt\xb9(\x06\xad\x89g9\th$\xf2,\xcb\xb1\x84\x8b&amp;hx\x16d\x01\xed4\x95\x1aZ\xd6b1um\xd3\x88\xd0\xdb&gt;]xLZ\xc3\xd6@\xd6\x8b\x91h\x13\xcdq\x00@\xb3"\xfa\x08\x02\xc7`&amp;\x92\x81\xcdb"\xc2D^Q"\xcbC\xb1Xfm\xdd\x90\xe6e\xdb\xfc\x0e\xa7\xd0\xfa\x18#\x90\xfcW\xbdSIP\x87\x96x\x81S\x00\x81\x1e%\x08|(\xc4J\x88\x18|\xa5\xb1\x82\xc5yt\xfd\x94:\xa4\x11,C2o\xeb\x99MX)+\x06 \x85\xa1\xc3\x90\xa0K\x0c\x0f\xff\xa4\x90"\xf0\xbc\xc42RZQ\xfa\xd3\xcaC9\x14b\xc8\x94\x16\x14\x81\x95@\x9a\xd2\xd4!uabs\x97!\xbd\xb4g\x83\x1cC\x92x\x13\xb1\x0f\x18\x1c\xabpx`\x99t\x08"\xb1\xe9\xfe\xf0\xd7\xe1\xc3\xdd\xcbC\xa9\x87J6\xcd\xa3\xb0\xa6b6*\x9a6\xa4\xa9S\x13\x86,\x12\x96\xd9\x04iX[Xh\xe3\xa1\xb4\x90Ng\xd3\xa1t:\xc4\xe0\x0f^\t\x1f\xbe|\xec\xfbc7\xdb;::&amp;\xbb\x1b#\nD\x148\xa0\xc9|jY\xd3\xa2o&amp;\x0c1qC\xd4\x17?\xd2\x1f\xd0,C\xe9l\xff\xc3\xfel\x16\\!\x82\x96\x8d\x84Wz\xdb\xdb\x1b\xea\x8f\x1e=2rm\xa4\xbdc\xf2p8\xc2c\x93\xe0\x91\xfb\x88*\xab\xd1\xe4\xb4\x01}\xde\xf2\x87\x8ch-\xacX\xa0"P\x83\x9d\x1fv\x0ev\x0e\xf6\x93\x1a\x1c|\xf8\xe1\xe5S5m\xde\xa3\xa7\x8e\x1e\xf1\xb6\xb5\xb55\x8d\\k\x9flTx\xddJtz\x18\xb9\xb16l\x0c\x96\xb9\x80e\xa6C`\xfa\xd7W\xad\xad\xd7\xaf\x7fy\xb7\xf5\xab\xd6\xbb\xd7\xbf\xf9\xe6\xfa\xf1\x11\xaf\xdf\xe1\xf7{\x9b\x9b\x9b\xbd^\xbf\xbf\xadi\xa0\xafc(\x02\x13!\x97"\xc7T\xf9\xf9\xfa.CL,\xdc!\xb0b\x85\xfa\x01\xf5\xe5\xdf\x8f\x9di\xa8\xafoh8S_\x7f\xe6\xcc\xf1S#\x87\xfc~\xb7\xdb\xe1\x0bT{\xbdx\xf9\xab\xaa\x9a\xfaz\xc3X\xeaqHq\x1acrf\xd6\x80lY\x86g\x12V]*\xc4j\x10T\xf7\x8f5\xd4\xdfji9r\xb4\xc6\xdb|\xab\xc6[S\xe5r\xb8\xcb\xec\x15\xae\xa0\xdb\xe7\xab\x0b\xf8|\xfe\xaa\xa6\xaaG\xcb\x11\x8e\x0c\x01N\x88\xc5\xe4\xd8\x92\x11jm&gt;\xd6w\x1a\x8a\x84\xbd\xf3\xc9/\xf7\xaf\\\xbcx\xe1VK\xb3\xf7\x90\xc3q\xc8\xebp\x94W\x95\xb9]A\x8f\'\xe8\x02\x96\xdf\x87\xb7\xdf\xdf\xf4\xa8[C\x83\x00\x96,\xcbBl\xda\x80\x95\xde2\x91\xc7\xfa@a\x15\r\xa5\xfb\x9f\xb5\xfe|\xff\xca\x05\x9d\xca\xefp\xbb]~\xb7\xcbU^\x1e,\xf3\xd8\xedvw\xb0\xd6\xe7\xd3\xb1\xbcM}+)\x85\x17Xl\xa815\x93\xfc\xce\x08\x13\xc7\xc9\x95f\xcbC],8\xe8\xf5\xfb\xdc\xae\xb2\n\xbb\xcb\xe1\xfa\xa8\xb2\xac\xb2\xe4`\xc9\xc1\xd2RO\xd0\xed\xd6\xb9\x1cM\xf7zS\x02\x1bg\xb98\x16\x88\xcc\xeb\xfdF`\xfd;\x8f\xc8[1\xe9B\xd9\xc1\'?_\xb9x\xe1*\xb4\xaa\x0b\x00\xcb\x1e\xb4;\\\x15\x95\xa5\xa5\xa5\x15e\xa5\xc5%\'=\xc1Z]\xb0\xf2\xa6k\x93\x8d\xe0\xe2x-\x9aQ3\x0bcFt\xf9Y\xa2\x96\xd5LK\xe9\xfe\xce-\xb1\x9au\xb5\\eA\xe8Sq\xe0\xc0\x81\xa2\x03\xc5{J\x8aN{\xec\xb5\xb5]&gt;\x9f\xc3\xd1v\xad7\x1c\x91\x91\xf77IUS\xa7\r\xb9-\x8e\xc7\xc9M\x9a\x91\xe0\xe13`A\xac\x16/\xfa\x00\xf9\xf7$^\xf6R\xcf\xe9\x93\'\x8b\x8a\x8a\xffV|\xd2\xa3\xab\xe5.o#j\xc9\x9a\x1c}\x93\x8c\xc6\xb4iC\x96\xe6On\xe7E\xd1\x8a}\xa1_?\x87\x17F\x11\xf8f\xbc\xaa\xbdu\xd0,h\xf7\xd8+N{\x08\xdaI"W\x17\tW\xdbH/&amp;\x90 k\xc9LTU\xc7\r\x99\xd4\xef\xc6\x13\xb8\xe5H\x12\xc4*`\x8d\x8e^\xbd\x8a\x17!\x0b8\x828\x83\xc1\xda \xf9\xe5\xf1x\xf0\xe8\x0b\x04\xfc5#\x18@\x11\x9c\xc2d&amp;\x13}n\xc8rj\xd9\xff\x18XVr\x0e\x0bX\xa8Q\x9d\xad\xb9\xb9\xce\xe7\xb6\xebX\xee\xaeZ\xc4\x9d\x14\xc4\n\xf8\x9b\x9a\x1e\xf5v\x875M\x8dF\xa3\xea\xd2\xf0v#L\x9c\xb8]\xc0\xc2\xe0y\x82\xae\x85n\x8a~\n\xb4\xabO!\x96\x0b\x1e\x02\xab\xcb\xd7U\xdb\xd5E\x0c\x0c\x04\xaa\x9b\xfdUm\xed\xbd\xdd\x8d\x9a\xaac\x19\x13-\xdb\xfa\xed\x84\xd3)\xb2\xd9\xc1\xceg\xc0\x02\xd7\x15\x9dK\xa7B\xb4\x82A\xe8\xe4&amp;B\x01+@\xaa\x1aj\r\xf4\xf5.\x0fE\x93\xe0JN\x18s\xd1\x9f\x86\x89\xa0\xea\'X\xbf\xdc\x07\x17\x98.^\x18m\xae\xfb\xf8\xe3B\xa6\x82\xa4\xc8O\x82U\x8dW\xdb\xa1\xca\xb3\xe7\xfa\xa6\xe6\xe7\x93I\xdc\x13{\x8c\xc1Z \xd9\xe2\x80\xf5\x0cXD.8\xd80\xdaR\xe7\xaa@\x1f-*\xf2\x90:p\x1a\xc7\x10^\x06\xaa\x9f&gt;}Z]^\xb9\xf7\xec_\x07\xa6\xa6\xa6\xe6!\xd7T\xce\x90hY\xd6\xf2\t\'\xcbc\xe1\xeb\xec|\x06\xac+\xd8\x1f\xea\x1bn\xd5\xf8\xcbK/\xfdy\xdf_\xf6\xed\xde\xb7\x13\xb5\xbb\xa4\xf8`EE\xd0M\xb8\x02\x8e\xca\xf7\xef\\\xba\xf3\xeb\xabW\xab/\x93Ic\xa2\xb5\xcd\xf6:\x9f\xd0=D=im\xfd\xfa\xee\xe5\xe37\x8f\xdf\xfc\xe7\x91\x9a\xa6\x07\xef\xef\x01\xd5\x07\x1f\xec\xdc}\xe9\xd2\x9d={**\xca\xca&gt;\xf2{[\x9eV\xfb\xcb\xde\xff\xe9\xdb\x1b\'~\x9b\x83\\\xc9\xf5\xed\xdb\x0cS\x8b\xc3\x8d\xab?;8\x98\re#\xa9p\xb8\xb1{\xe5\xe6\xcd\x1f\xda\xab\x00V\xb4ow\xc9\xd9\x07\xe7\xcf\x0f\x0c\x0c\xdc\x1b\xe9\xebko\xff\xe1T\x8d\xb7\xfc\xceO7N|~cnju&gt;9a1([\xc0\xc2\x15\xb9?\xcb\x92o@\xc8\xfd\x14w1&gt;\x12\x0e\xaf\xb4\xdf;\xb7\xf7\xe0\xce\xe2\xbd\xd8\x92\'\x1b\x1b\x87\x86\xd4\x94\x16\x91S\xe1\xef\xaf\x95_\xfa\xf6\xbd\xcf?;\xf1\xeb\xd4\xea\xea\xfc\xa2A_\xb9M\xc7\x9d\xc0\x92q3\xc4\x05\x91\xe3q\x8dv\x92\xaf\xaf\xd2J\xe3d\xdf\xc0\x83\xca\xdd\xef\x9c\xef\xebX\x8e(&lt;K\xbe=\x8a+\xb2\xc0uv\xdcy\xef\xc4\x17\x9f}\x01\xac\xf9\xd51\x83\xd4\xfa\x07\xb089"pYb\xdf\xe1\x95\xe5\x94\x92\x0eI\xa1\xec\xc3\xc6\x95\xbes\xc8\xfd;\x0f\x06:\x96\xc3\nGn\xb2\xfc\x7fy\xb7\xb7\x9f\xb4\xd34\x0e\xe0\xbd\xf3f/\xc6\x8b\x89\xd9\x18\x99&amp;5\xeb\xb0\x83Sq&amp;LE\x88\x8d-GA\x11X\xc4\x03\x82J\xaa\x05i\xa7\x88\xd5\xa2\x14\xc8\xcc\x8a\xd0JA\xa5XM\xa0\x03B\x8bb\x94\xda\xdaF\xbb\xd1]u5\xa5\x1e\xf08\xb6\x0e\x94\x18\xad\xd6lZ\xeb!\xe9\xb8M\xf6\xf99\xfb\'\x00o\x88&amp;^}\xf2}\x9f\xf7\xf0\xfc\xf8y\xe1AW\xfd\x85\xef\xae\xb5\x8e\xd8m6\xdbGHk9:\xbdkB\xc2_\xfe\x8d\xb0\xe0\xf2\xdbh\x84jg\x9by\xba%jQ\'\xd2\x01\x8d\xd6VP\xbe9s\xfa&lt;\xa5V7j\xa4\xf6\x1b\x9f]\x1fj\x1b\x1a\xba\xfe\xec\xd9\xc4\xf2\x06\x1fX\xe3{\x13\xcb/\xa2\xf1\xac9\xe1qw\xc2\x97\xffDX\r\x17\x06d\\\x9eY)\x1b\x1c,\xeaZ\x98\xd8k\x95\xc9\\J3\xb3\xe0b\x12\x9dP^\x91\'\x114s\xb9\xbc\xb1\x16\x86\x82TQ\xd1\xd3v\xe3\xc3\xb6\xcd\xe6\x84\x92\x1f~\x1e\r\xd5\xcb.\xe364d\xe7\xfe\xda\xd0p\x19\xc22;\x1a\x07\xea\xbf\xfa\xe2\xdc\xa5\x9d\x89\x9e\x1a\xa5\xdb\xc8e\x17\xa0\x92\xe8\xe8\xac&lt;\x89E\xdb\xac4\x96&gt;\xdb\xbb\xce\xd3JH\xd8\xf2G\xdb&amp;\'\xc2\x1a\x1e\x8e\xca\xad\xe6I\xff\x94{\xe2\xa7\xef\x11\xd6@\x91\x83W\xd5xmb\xf9\xd2\x9f\x7f\xfb\xf6\xd7\'\xad\x9c\x9a5\xb7K\xc0\x12c\xd0\xf8\x02\x89\xcf\xa05N4|q\xee\x87\xbbzs\xd0\x80\xcd\xb8\xcf\x87\x92\x9f\x1e\xdfX\xde{\x9c\x90\xf8K\xa4eqO\x87]k\xee\x8e\xef\xbf\x87I\x1c\x18Tr\xb7\xdc\xcf&amp;\x86\xef\xc0\xf6\xf0zzzW\xdb\xec6V\xd1\xd0r\x0f6\xaf\x12\xeb\x13\x8d\x7fz\xf0C\xfb\xb7\x97w\xaa\xcd\x96\xbc\xacl\xbb\x13X\x1b\xe3\xc3{\xdd\xdd5&gt;g\xa4\'\xf1\xe3\x94\xc3\xe1\xea\xbct\xee\x1f\x17\xae5\xba\xb9U\xbd2\xb7no\xe2\xda\xed_?\xd4\xdc\xf3\xf6\xf6\xcad\xcds\xb9tMA%\x8dE\n\xd7|Z\xb9\xf3\xd5\x9d\xba\x8f\xc3\xfd^VVj\x8a\xdf\xe94mll\x0c=\xf2\xad\xaf:#|\xfe$LO\x1d\x1b\x8d\x8dw\xce}\x07,W\x95V\xd0\xbc\xe5R\xeat\x93m===\x8c*\x17\xc2\x82{\x16\xab\x92FSH\xbc\xcc\xb6\x85\xfa\xae\x8d\x1bmc7iYh"\xb0\xb67\xf6&gt;(\xc2\xe1\x83\x90=\xd2\xc7\xe2cG\xa0\x93\xba\xd8\xf1\xf7\x0b\r\xd7\x16]\xcdZ\x81\xb6\xb9\xb77\xa8\xf5J|\x0c\xdfM\x08\xcbusN\x83\xd7\x14VV\x92\xfa\x18\x06\x03\xa7\xa5m\xa8\xe5a\x85\x82\xc6\xd2\x94\xc4\xc3B\xdc\xde\xd8\x98\xcd]]%\x1f\xecG\x9a\xf5\xaa\xb5\x7fq\xb1\xa8\xe3\'\xa8\xf8EW\x10\xb9\x94\xc20\x18\xe6H\nC\xb3\xcb![3\x845X\x8d\x9a5GcaY4\x9f\xcf\xc7`\xd0h,\xb5&amp;\x17\x1d\xefDX\xe3\xf1b\xb2\xea\xf0 \x14\xf1\x9a\xdf\xd3;\x02\xc7\x1d\xed\xed\r\x8d\xc0\x12x-\xd0Y\xf8X,\x12\x85\xc1\xeeumM\x01K\xad\xd6h\xf0,56\x13O \x10\xf0Y\xd0\xa3!\x17Ut\x92\xd3\x0f%\xff(\x89,\xdc?|\xff{\\\xc4k^\x17\x9c:\xee\xa8\xab{\xd0\xe8v\x05\xd9\x16@1\x18,Rf\x05G\x10\\\x93!\xacB\xb5G\x9c\x83\x87\x06(\x15\x95\x93\x9e\x83\xca&amp;\xe0=\x1eO\t\xa4\xe5\xb7\xd9\xc7gQ\xf3\xaaP\xe8\xfd\xdbH\xb3\x12_\xf2\x80u\xa7\xee\xb7\x07\x03\xee\xb5*64a\x0c\x85\x82D!\xf9\x0c\xec\xa0\xc3\xe5^3\xd0\xd4\x1a\x0fY\x9a\x8d\xf7\xd0\xc5W\xd3\xaf\xe6\xe4\xe4\xa0\xc4h\xb4\xc7\x83&amp;\xda\xfc\x10WY\xaa\xda\x13\xb2\xbe\x8f\xfc3\xca[\x93:`\xb5\xbf\xab\x1fp;\xaa\xd8\x12d+ a\xd5,\x9f\x04X\xc6\xa9\xb5\x9bsa\xb5G\x9e\x7f\x06\xef\x11\xcf\xcfc\xe4\xc0\xba\x8aBn\xcft\xa2\xed\xad\xdf?]&amp;\x15\x92\x85\xa1\xc3\x887\xfbq\x7f\x1aR\x1e/\xdemX\xa9+\x02\x96\x17a\x15\xaa\xd5j\x16\xcd\xe0\r:d\x8b[\xda\xf5p\xb8PS\x9c\\\xe2Y\x9d\x97\xa7\xa7\xa7c\xe0\x83\xe4U\x8c\x03\x96m:?\xb4\xbf\xbf\x7f\xf8{\xe4\xcf\x9f\x84q\xd7\xf1\xe2\xc0\xe5\x95wE2`A\x13\x16FXa\x9a\xcfR\xe5\x08\x04\xd6\xbcs\x85\x9a\xc2\xb0\x86\x80\x06\xd6\xbcP\x85\xb0T\xc2b:=\xc9\xea\x7f\xeb\xe7\xf3\xa5\xd6\xc3\xfd\xc3C\x7f\xe4\xaf\xcd\x89\x1fd\x9d\xc7\x9dw\xebf\xaae\xca*\x8b\x01\xda\x9ap8\x8c\xec\x08\x12\x9e;\xb0u\x93\xa6\x81\x02\xd7hr\t\x08\x8b,T\xa9\xa4\xd2t\x0cY\\,u\xbe}k\xdb\x06Vh~?\x14\x8d\xc7\xdf\x1f\xa9\xa5\x8d\x1d\x03\r3]\x08KR9w\x92\x17+Lcr\x03S\xbd&gt;\x8d\x07-\x16\x83\x0c/\x16#,\xa1J\xaa\x12\x92\xc9\xc5\xf2|\'\x84eJ\x81Ux\xf0\xde\x1a\x8d\xd6\xe7i\xf5\x9b\xfe\xa2\xa2\x81\x957\xfdJd%\xfa\xa0\x97.T\x03L\xe4\x0e\xac\th\xb9t\x14\x113/\x16\xa3\xc5\xe4\x13\x96P%\x14\x92\xe7\xc9\x18\x9c\xd3\xef4\xf1q\xaa\xd5\x83\x83y\x7f\x14Tq\xddo\x16J\x07\x1b\x07\x9av\xfa\x1d\\\xb6\xe5\x0f\x16\xec\x9ey\xca\x80,\xc8\xa6\xe5f\x97\xd9qdr\xbe5\x1e\xd6\x1c\x19\x96\x1d\xfc\x04\x96\n\xe7t\xf2M\xa6\xf4#\x8d\\\x18\x8a\xcaW\xd5\x89\xe3\xd4\xa2\xa2\xce\xbb\xed3\x0b\x0e\xae\x00\xd9\xb8`-\x16b\xb3\x18[S\\\xa5\xceR\x90\x1d\x8f\xc3\xc9\xe5*)\x0e\xa7"#i\x81\x89L\x96\xab\xacv;\xdfD\x94\x8bUV).:-F\xf7\xf0\xe0b\'l\x11Mz.O b\x02\x0b\xc2\xc2S\x1c\x81*\xd7\xdd\x8093\r%?\xab\xb0\xa8\xe5\xf9!\x04u\x12\x97\\\x95o\xb5\xf2\xf9\xa6xi\x08g\x97\xfa\xa3\xa2:\x15\xf7\x9fe\xeab\xe7\xedwMT%\xcf,\xe2TV\x02+\x0b]\xfeP9\xb55\x15\x08\xb4d\x9e\xff\xa6\xbc\x9c\x14FA\xb1CN\',\xa1\x14g\xb5BZR\xf8\x9b\xd5\x1e\xb5\xb73nA\xab\xb0\xf2\xae\x8e:\x8a\xc4%aV\xe6\x15d\xc1\x99\xac\xe0p\x17\xddnW\x0b\x85\x84W\x87\xd1dy\xfa\t\x0b\x81\xa9\xf2q)|\xfb\xf4\x88J\x8eI\xc6E\xeb%\x08\xa4)\x8b\x8b\xbb5SW\xaaWryl\x11GR\x99G\xc1\x92H\x05\x8a\x96\xa5\xa5\xeb\xb5\x8c\xcc+\xf72SQrT2\x86\\\x8c\xa8`\nq\xb8\x14\xbb\x93\x9f\x1fR\xa5GQu2\x93_\xbe\xa8+\xa5\x8e*uf\xb6E\xc4\x84\xe3:\x8f\xc1`\x8e\xb5\xd6\xde\xab\xa1\xd4\xfcx\x83\x92\x91*\x16g\'\xcb\xc1%\xc4``\nS\x805\xcd\xcf\xc7\xd9\xa2\xfd\xa2T\xe2\xf3\xbaj\xaa\x1e\\&lt;\x01\x9b\xd3R[[+\xe2\x98\'\'\x1f\xf6]\xa9\xb9w\xa3\xaf\xa7\'\x93\x82\xcf\xc8\xceF\x9d\xec\xf38`\xd9\xedN[b\x0c\xdeZLx\r,\xa3^?\nM\xea\xa4\xb9u\xb2vl\x8c\xcd\x16\xd1\xf0\xe5\x14\x1f6\x83BQ\xf4\xf4T\xf4\xf5\x9dOV\xe5Kq)\xc8p:\x1fC\xc6\xd1g=m\xaa\xa6R\xa9zd"u\x93\xb5-\x1c\xb6\xc5b\xf0\x855\xb9j\xb8\xad{r\xb1\x99\x99}W\xae\xdcH\x83]\x0cLV\xa8x{\xf7\xa9X\x8c\xc7+\x08\xab\xb4\xdf\xe8\x18\xd5!*/\xc7\xeb\xf5\xae\xaf\xafo\x86\x91\xb3\x1bO\xc8 \xa4\xa5\xfdxz\x16v\x06p\x99\xf8v\xe7\xab\x98\xb0\xbag\xea\x11\xd6`\xbfq\xd4\xfc\xf0a\x0b[\xb0\xab\rjwww}\xeb\xc8\xf0\x912R\xcf\x9eIK#Z\xf9)\x7f\xb0^\xc6\xe6u\xd8\xc4\xe7\xf5]T}i\xf5 ui\xb2\x87\xc9V\xba\xd6\x82\xbb\'\x03Q\xc1//\x83\x94z\xf64\x11\xb6\xd1\x14\x90\xf1\xf9\xb6S\xb1\x19O\x9aJ\xf5\xc0*\xa2.\xd5\xf60\x05\xdc \xa8\xd6\xff\xfb\xf93|&gt;\x7f&gt;:Z\xd7j%\xd8\x8bg\x88)v\x04\x05q\xdd\x8a\x8d*\xee\xd6\n\xa4E-\xbaM\xd5\xd5*8\x02\x01\xcc\xe0\xfa\xd1\xe6*\x8c\xfd\xd5\x83\xcd#\x9f\x0f\x9b\x85N=\x1b\x0f9!,\xfe\xf4\xab\x18\xa5\x95\xf0\xa2\xabK\xdf_\r\xac1\x0e\xc7"\x12\xfc\x9fu\xb0:\xbf\xba\xb9\x19V\x13\xe8tz\xf1E"\xc22\x8d\x98L\xb1c\xfd\xeb])\x15Ik\xc9,\x1219"\x91\xc5\xb2~\x84\x8c\xcdM56\x17M\x17\x8b\xc5\xc5_\x13\x91\xc22\x99L#\xd3\xbf\xc4\x8c\xb5\xb3\xd0E\xad\xae\xa6\x8e\xc2\xc1\xc8dJ\x98@c\xb3y&lt;\x01\x87\x99\x97Yr\xf2}bqR|\x19b\x82aO\x8c\x19ke\xa2\xab\xb4\xb4zA\xaf\xe3\x898LF\x1e6\x0b\x9fQ^SS\x93A\xb8\x88\x90\xc0u1\x89XVf*\x1b\x99\x1d\xd9\xb6\xc5\xea?\x0c\x12^\xb7\xef\xbc\x01W\x17\xdc\xbbD\xe0*\xf8[\t=\xb5\x04O\xc8F%a0\xc9\x88\xaa89\x89\x08\xa4\xd9\x9f\xef\x7f2\xf9c\xa4:\x15\xf7\xa4\xa1~\xa7\t\\\x0b\xa3\xba1\xe4=\x9f\x02,\x96\xa5\xc6g\xe4z\xe8\x98t9\x92\xd7\xd9\xaf\xe3\x89\xb3\xf7\x7f~t\xff\xd1,?\x96\xac\xcbM3\xe0\xea\xa2r\xa1\xe8\x91\xfb`%\xeb\x7f\xbc\x9cmL\x9a\xeb\x19\xc7O&amp;\xc4F\xde\x02\x01!\x98\x87\x00\x0fSN\x80\x80&amp;4\xe1E\n\x1e\x08\xed\xaa\xd1)\xa1\x0b\xe7h\n\x1cR\xdbT\xc0\nvX\xd7\xa4\x84\x1c\xca\nf\xe8\xfabJ\xce\xb0C\x8f\xa1E=\xe0K\x99F\x88\x1dI\xd3t|h;\xb3\x93&amp;\x8di\xb2M\x97ti\xf7\xad\x9f\xb6\xeb~\xe8\xce\xa7-\xdb9G\xb9|H\x00\xbf\xfc\xf2\xff_\xf7\xff\xbe\x1ex\x1e\xda\xb5Z\xa3\xe6\xe3\x9f|Z\xc3\xc2\x9c\x9d\xd5H\xde\xef\xcfo\xfe\xec\xaf\xf5\xc3\xfa\xe4\xce\xf9\xbf\x1d\xec=\xbb;4eK\xda\xfba\x80\xe8\xb5j\x8c\xca\xcd\x88L\xafW|\xfa\xb9@\xc2t:\x11\x95\xf7m\xc4Y?\xac\x8f\xd6F\xef\xdc9\xbf\xb7\xfb\xfb\xbd\xbb\xcbS6\xbb\xdd\x9e,gu\xc6\\\xba\xba\x99\xcb\x01\x97Y"u:\x9d\x91\xbc7\xe4\xcdo\xfe\xaa~X\xdc\xb5\xd1[\xb7\xee\x9c\xff\xf9\x1e\xe2\x8a\xd9\x93\xf6J";\xeb\n\x8dy\xfd^c.\xe7\x92E\x9c\xceM\xd0*\x14\xcao:\x9d\xf5\xc4\x8a\xaf\xac\xdc\xba\xb5r\xf1\xd9\x1e\x8c^Q\xfb\xf4xpv\x16\xf2!\xe4\xf7zsc\xae\\\xb5\x9aN\x83\x83!\x7f\x15R\xa2\xad\xaeX\x93\x93+\xe7W\xe2C\xd0^\xb1\xe9\xe9\xe0\xfal\x08q\x19C\xdeP(\xe7O\xa7\xfd\x00\xe8\xf5\xa6\xab\x90]\xf5\xc3jY\x8b;\x1c\x8e\xc9\x95\x95\xd1\xf8\xc5\xa1\xbb\xcf^\x8c\x8f\xaf\xcf\xce\xce\xcc\xcc\xcc\x86`,\x1d\xcb\x81\x97\x80\xe7\xf5\xe7#\x91j]\xd5z\x19w\x14\n\x8e\x95\x95\xc9\xb8\x03qM\x8f\xafC\xbd{73;\x16\x02+C\xa11\xe0\xf3\xe7\xd3\x91\x08\xb3\xd3\xd9V\xb7\xdc\xfah\'\xfe\xbc\xb0\\\x00\xbd&amp;\x1d\xc05\x14{X\x19\x1f\x9f\x86\xbf\xf5\x19\xa4\x19\xa8\x162\xfaU\xe94\x8e\xc3\x16t\xbcnX\xdc\x9dxa\xf9\xe4\xd4\xb2c\x12\xe4r\x14\x86\x86N\xc6b/\x1e&gt;\x84cz\x1a\x19\nb\xf9e\xe9\xb4R\x89KA\xad/\x1b\xeb\x85\xb5\xedX\x9e\x9a\xba\x87\xb8\x1cH\xae\x93\x08\xeb\x05P=\x04\xd9\xd6\xc1J\xb0P\x98\x16\xaaT*e\xb5\xb3\xed\xcb\xba\xa9\xb5\xe5X\x98*M\x94\xa6\xc0H(P.F(\x05V"\x1fQ\xe7\xfbUy!\x14\xb8\xd8\xf6\xdb:b\x8d\xdc\xb3\xd9l/b\'\x0bP\x17\x97\x97\x91\x89\xc8@\xc0ZGX\xfe\xbcJ&amp;\x13\nU\xb8\x0f\xb0\xea6\xd8&lt;q\x8cL\xa0M\'Z\x9a\x1aY\x86\x02\x13c\xb5\xc6\x1a\xafQ\xa9\x94B\x99P\x05\\hH\xad\xd3t\xcam\xf9Cadb8Y\xa9T\x92\xb6\x184Y\xac\x14\x05\xa8\x1a\x13\x82\x82U\xa8\x02,\xa1L\xd6\x05X\xbf\x99\xabO\xcfs\xe7v\x0b\xb0C\xf7\x0f\x04\x83\x89\xa4\xad\x14+\xd9\xa2\xc9\xf1\x04\x10AdAW\xc9d~&lt;-\x93\x19\x85\x84\x8bp\x02T\x87S\x0c\xe2\x8e\xe07{\x0b\xf3\x08\xab\'\x91\x08\xdaK\xa5\x17Q{9\x91\r\xe5\xbc\xde\xbc?\x9f\x07,\x15\x0e\xfe\x19\x91ZB%\xf3\xf8\xd1c\xcd\xd1\xc5\x1b;O\x0e\x0e..\xdc\xb3\r\x96\x07z\xe0T?9Q*E\x93\x80\x95\xf3\xfb!\xd6a\x8b\x16\n\x95`!\xeax8\x00\xabm\x953\xd7r\x84&gt;R)\xbcV\xf5\xda\xd6\xc1\x1fw\t\xac~\x84\x15L\xda&amp;J\xe8\xaa\x07\xb7\x0b\xf6\xc0*\x0c\xef\x84HB\xa2\xe3\xcd\x08\xcby\xfb)\x8f\xc7c\xdd\xc8\xcc\x1d\xd1\xa5,\xad\xac&amp;\xc6\x9b\xd4\xd6\xee\x17\x97Q&gt;$\xcf\xf6,f\xb3\xc1Jt\xc2\x16\x8d\x96\x83Y\x1d\x88\xd5\xd9\x89\xb0\x8cF\x00CJu)\xcc\xa0\xd6\xed\xc77(\x14\x16oUL:\x12\xae\x8c\x87A\xe1\x99v\x0e~}\xe5+\xc8\x87\xe1A\xc0\nt\x83\\Q\x88\x8arp\xd1jTE\xaa\x11\x1f\xf8W\xc3\x82\x8c\x00\xdd\x94\x1d\xc7oo&gt;\xe5\xb1(,\xc6\x06\x9d|\x14Xj5\x85\xbf\xf1\xf2\xc9\xe5OF\xbf*|\xc0r\xbb\x17\x13\x15{\x14\x86\xe6`"\x00S)\x13S\xd6\xa8\x00\nW*U2\xb3\x04\x03\xac\xb7&amp;\xd1\x9b7\x1bk\x19\xce\x11|m\x97\xd9Q3Zw\xb6v\xaf\\\x19\x8d/\xcc\x13X\xdd\x01\xab;\x1b,\xdb\xed\x95rb\x11\xa6y\x1f\x13\x17\x02\x13\x12K\xa5\x842\x9b\xcd\x02\xa9\xf3\xf6\xe6\xd8\xa3\x8d\x8d\xb5\xad\xf7\x19:\xf5\xd0\xa98\xe1m5E\xbc\xf3\xa7\xcb\x17\xe3\xa3\xf1\xe5{\xe8f\x87\x01\xc0\xd2Y\x17\x83\x95\n\x88\x95X\x0c\x18\xf1\x88\n\xb4\x02\xb5P`Iq\xa5Yh\x16`?m\xdb\x1c\xab&lt;z\xb9\xb5\xbb\x9f\xa1\x93\xb9\x87MU|\xbdm`P\xb6\xf6\x86\n\x8eQ\xd4\xf1\xc3\x837\x07\x16\xdd\x80\x95M\x94\xcb \xd6b\xa2\xbb\xbdKe$\xfaJ\x05T\x18`uu\x11XU\xf7\xa0\xfd\xc9\xc1\xde\xe3&amp;:\xfbp\xb1\xb8\xf4\xe2\x13\x84\xd5\xfc\xbb\x93#\x0b\x8exa\n&lt;\xec?;\xd0\xed\xb6\xba\xacnwb \x91\xc8f\x17\xbb\x03:\x97F\xa3\xf9@\x85\xfb@-\x05\x98\xd8y&lt;\x12\xb8z-\xfa\xc5\xdeS:\x87\xc6m&lt;\\\xaa\xd7\xaf\x11\xd6\x8f\xde\xdd\x9b\x1fy&gt;Y Zk\x80\xc0\xd2Y\xadn\x94\x14n78\xaa\x01\xffT*a\x17\xce\xc40\x9fT)\x80\xe6\x920;U\xdd\x0f\xae^\x9b\xda[\xa5s\xa8\x87\xfaC\x0c\x9c\xe26`\x15\r\x0c\xfa\xa3W\xf7\xe7\x17\x1cDk\x11\x9f=\xe8\\P:ww\xd6=\xe6r\xe54\xb0\x00\xd1\xa7\xb98F`\xe1\x12\xb3\xa2\xcbl\xc6]=7\x1f\\\x9d\x7f\x97\xe1\x90Z\xb8\x87(W&amp;\xbc\x8d\xaah\xa0\x1c\xdb\x18~\xf5\xcd\xc2\xf3)t{\xcf\xd9\x9e\x9e^7\x81\xe5rY\xadVW\x0e)\x85\xe3\x90\x0b8F\x94\x14\x17\x98\x15P\x9a\xc0\x85\x0b\xbf|\xf0\x97}\x0e\x89\x8d~T\xe3\xb0\xf4\xa2\x84\x8b\xc0\xb4\xbd\x1d6\xb0\x8e\xb1*\xd7\'F`\x9f&amp;Z\xab\xa77`\x81f\xd2\xe4\x00,g\xacQ\xf9|x\xc4\x871\x99\xcc\x0e\xcc\x87\xb0\xf4\x1a\xad\xa5\xe7\xc2\xb9s\x0f&amp;n\x90Hdn#\x97{8\x17\x08ro\x84\xc3\xc5"\x1c\xc5%\x03\xaf\x89&gt;3\xfcj\x84X\x87\xa8\xe3\x03g\xda]\x1a\xa3Q\x83\xa8\x88\xc9\x1dGD\xd8ifg\'\x13\x93\xc2RT\xe8\xf5ZK\xef\xd7\xe7\xce\x9d\x1a^\xcf\xb0IT\x02\xeb\x10\xb8\xb8\\Vq)\x15^BdK\x06q\x03\xfd\xfd\xb5\xeb\xf3\xd0\xf0\xc3H,\x14[\x80%3\x82bF\xa1\x12\x8f\x9c\xf6a\x18\xb3\xca\xc4\xfe\x8d%\xe8Rht\xe8\x8e\xb2\xbe\xbe\x89}\x0e\x99M%~\x1f\x85J\xfba\\\x8d\xdc9qq\xbb\x98\xf2\x00X8\xbc\x94R\xb72\xe8\xab\xe5\xe1o&gt;\x88\x05X\x16\xb4\xf8\xd0v\x93C\xbb\x8d\xcfw\x1a\x89\xc5D\x1e2\x99R)P)4\',}\xe7N\x9d\xe9\xae\xac\x92\xd8d\xe8+\xc0"\xb3i\x8d?\x04\x8a\xc4\xf7\x84_\x87\x97&lt;\x9e\xd4\x12T\xca\xa3\x16\xb1\x8e\xd1\xc7\xae\xdd\xbf\xff\x81\xaa;\x00q\xaaQ(\x88m\x10\xd4\x82\xce\xc2\xb0\xd3\xd0\xec\xb5\xeb\xc0\xcd\x02s\x17\x98\xd8\xdew\xaa\xcf\x92\xfc\x07\x9d\x8c\xb0\xa0\xa8\xf0\x84\xca\xfd\xfeY\xc57\x98\xf8\xfc\xed\xa5%\x8f\xda\x93\xf2\xa4R\x1e\x8f\xda$n\xe0&lt;\xed\xbf\x8e\xaeGGT\xbd\x813\x80\xa5W\x08\x85(CU\x88\x0b\xf7I1\xac\xa3vu:\xda\x14\xf5\x9a\xcf\xb4\x96\xbe\xbe\x9e\xf1U6\x99L\xada\xb1I$\xf6\xf7\xe3j\xe4\xb2)|\x1eKl\xf0l\x83Z&amp;5\x02S\xab\xd5&amp;&gt;\x83\x9e\x99\x1d\xbc6\x88\xa8z\x03\x017\xa8\xa5\xd5\xc3P\xd5%D\x13\x03\xca\x06\\\x8a\xb2\x81\xf9\x0b\xc0\x02.X\x89\x1fk\xdb\xcf\xf4\xda\xdf\xd3id2\x11\x0f-d\x12\x89\x03\xc7w\x9eW\xb9-\xecc\x0c\x9e\xb8\xd5\xa4\xf6x&lt;\xe1pJm2\xc03\xa0R\x1bZY\xcd\x9c\xfd\xfe\xab7k\x0e\xba!\xae\xacZ\x8d\xc2\x8c\x0b\x94J\x89\x04e\x16\xa8\x85\xb8 M\x01K\x021\xaf\xd7Cw\x9d]\xbfA\xa6\x91\xa9\xe8\xc7\x80Zh \x16\x89\xccnn\xa0\x7f\x17\xb0\x16\x12\x83\xc7\x17\x19\x0c\x88\x02P\x0c\x9e\xb0\xc7 \xaa\xbd6\x18\x0c"1\x83\x93\xc9\xde\x1c\xb8\xd0\xdd\x0bL:\xd8x\xac\'\xb4z\xb3\x12\x97B\xf9`\x1b\xc4q\xa0!\xb0$\x08K"A\xc9\x15\xb0?&amp;QkXT\xe8,\xc0b7540\x18\xff\xe7@\xd1Bj\x16\xab\xa1\x87\x08e\x08\x0c\x83\xc9\x84\xb0ZM \x18zm\xe2S\xe8\xec\xc7=\x90\xef\xb0\x06u:\x14\xef\xedZ}\x97R\x82\xb0\xa4\xd8i%\xa1\x18\xe8%Gb\xa1\xf7\xd0\xa5x\xe5G\x19*\x95F\xa3\xa2\xa2\xb1\x11\xd6\x8f)0F\xb3X\xcdl*\xf5\x7fh\xd6\xd2 \xf2\xc0zCL5\x9eZ\x89\xa0\xb5D\xad\xad\x80e0\xc1\xbb\xad\xbcfvf\x0c\x0clw\xa1iA\xa3\xb3Z\xb4\n\x81\x80\x80\x02\x1a\x10K \x90H1\xa6\x1c\xde\x80\x87\\.1\xeb\x03\xc1U2P!.h06\x89\xcdf7\xb3\xe0\xa4\x03\x1e\x0cRSS\xf3\x7fo\xb3F\x9a8E$\x93\xc1$\x12\x89\xbeEB\xa5N\x81Z|\x110\xfdy\x1f\xfe\xcb\xa7\x90\xd8\xfb\x16K\xbb\xce\x85\xe6=\x8d\xcer\xe6\x84^ \xf1\xf90\xf9%0N\nT\x02%`u\xc8\xe5X\xc7\xa5\xcf\xe5r\xa9\xd9U\xd9\xe7\x80w4\x1a:\x90\x85\xb07\xc2\x19\x87\x18\x8a\xcf\x17\x8b\x81\x8f\xd2\xc0\xf9O_\x0b5\x92Da\x08qXl\x06\xa4\x8c\xe8\xdbjE\x95\x02\x8d\xf8\xf0\xe6\xdb\xbf\xff\x134\x14\xb1\xe8\xe4U\x97\x0eMV2\x99B\xff\x01\xeb\x92\xbc\xa3\x03f\x86Kr\x01\xeas\x01\xd6\xc9\x94CJt \'\x15\xffj\xdb\xfcB\xdb\xaa\xa38^\xee\x1fH\xeeM\xef%\xe1\xdekHh \xe9\x9fYl\x99\x06\x1al\xd7\xacKh\x11\x17\x99\r\xa2{\xd0\x97\x08C!` \xa2\xe0\x83\x14\xb6\xee\xa9/\x03\x0b{it\xc5&gt;\x89\xdb\xc3\xd8\x1f\xe6\\1U\xca\xb2\xb5c/\xce\xb2Q\x06\xb5c[\xc9\xd2\xd1MS\xcb\x98~\xcf\xf9\xdd\xa4\x99z\xb2\xb6\x17z\xef\xee\xe7~\xcf\xf7\x9c\xdf\xf9\xc1\xed;_\xcc\xb1Lh\xa7H \xb0\xba\x15\xc9\xa4\x1c\x06\x05\x1an\x11\x0b\x98\xb6\xfa\xef5II]b(jL)\x97\xa5%\xc8[\xc0\x9a\x9f\xa9\xd5N\x03;\xe8\xa8\xc6\xa9\xa1\x91\xc1\x03\xc3\xb4\xea\x0c\xbd162\xdc\x05\xa8|6\xe9\xf7C\x1c\xd2\xab+\x9e\xc5!\xa8"\xc3\x07{\xd1\xdfgAe)O6\x15\xa6\x82Zz\x80\x9c\x05\xae K\x06%\x90\x86\x80\xa6\xbe\x90M\xac/G\xd1\xc4\xa93\xa5H\xad\x10\x85\xf8N\x07\xfb\x07\x80\x15Z&gt;\xbe\xf6i\xad6\x80\xcbM\xc5\xba\xba\x8f^y\x1d\x1c\x1c\x1a\x19\xd9\xf7\xda\xd0ALz\xf9,"\x97\xf5\xc7\xbb:\xe1\x7f\x7f&gt;\xdfW\xec\x8a\xf4\xf7\x8eL|\xf4\xf1\x96A\xe5g\xedlW\xa7\x14\x92\xcbR&lt;\x0c\xe5\x82\xb9\xd9\xa4|\x84\xf0\xc8\xbb\xf3\x18\xa8\\\xacT\x94i8\xe7!&gt;\x9d.\x98!\xc6\xf9\xe3\xe5\x99\xbfk\xf7R\xa9\x1e]R\xa7&gt;\x1c\x1b\x1bC%\xee\x1b\xa1?\x97\xec\xed\xc3\xca\x9cO$\xf6$rI?M3\x91x2^\x1cM\xf7~\xf0\xee\xf8\x9b\xdf\xff4\x05\xbf[\xca\\u\xfb\xc9\x91\xb5)\xe6rL\x13Yt#\xd0\xd4\x8dR\x13\xd3\x9b\x05 \xa88W17\x82\xe21\xf0\x85\xef38;\x94Z=\xbe\xf2\xb8V\xbb\x98\xc2\xd6ZU\xfe\x1a\x1f\x1f\x07\xd9\xe11P\r\rG\xe0#z!j\xcf\x89dG\xe7(\xb6\x15H\xe5h\x7f\xef\xa1\x89w\'\x0e\xbf\x07\xbf\xb7\xab\x8a]\xaf\xd4\xf5\xd5\xd2\x1dT\xa1\xda\xed\x95E\x98\r&lt;\x80\xb9\xc9$\x9f\xb9\xfegc\xed\x8f\x86b\xa8Y:\x83J\x97\n8(D\x0eFg\x82\xb8f\xe1J\tr=\xeb\x81\xd2\x96\xf5\x08\xeb\xdc\xf8\xf8\xdb\xe3c\x87\x81\xd5\x8b\x82+\xc6\xb3\'\xbf9\x99\xf0\x170\x8f\xa6\xbb\xbah\x91\xa6?\xa0\x1cz\xeb\xc2\x9c\x0f#\x83\xf5G\xe5\xf9\xf5\xb5\xc5\x8d9\xf4wK\xf2:\xb2\xe38\xbbdt\xcf\x98\x80\xe2\xda4y\x83\x84Uo\x80\xa1^\xd0U\x04\x1f/\x04\xf0$$\xd7V\xadv5\x18\x90\xbbU\xe3\xec\xa1\x91\xd7&amp;\xc0662\x84vZ\x8c\xa3\x14\xb3\x89D\xc2\xdf\xd9\x7f\xa0?\x1dy?\x82.z\xf0`\xff\xe8\xe0gKj\xd8\xa7*\xd7\x9fW\x9e\x0c\x94\xca\x17\xa9\x1a\x15\x8f\x17\xe18.\x19\tF\xed\x82*2\xdaC\xde\t\xa2.!\x18\x1af\x0fC\x99"\xf4\x7f\xc7\x9d\x14\xb9\xeb\x92\x90+\xa0;JX]J\xd3\xe0\t\xc7c\x82HG\x8a\xfex\xfc\xcb|6\x97\xcc\xec\xed\x7f\xa5?\x9d\x8e\x14 W\xe4\xe5\x8e\xce\xef\xb6\x14Z\x9c\xed\xfa\xfa\xb3\xa9\xd5ck6\xb5R\xdb\xa3y\x1d\xfa42\xa9\xbb]\x8c-M},\xa0\x9bZ\xb8\r\x83A,@L-)7u\xf1\xe1H-\xc4\xa8\xa3\xae\xbe\xbe\xf2\xa0\xb6~\xd5\xf4X\xe1\xb0q\xa2\x10!\xb2\xc1a\xa2\xeaC\x87\x80\xbb\xb2\xfe\xc2^Rk\xdfD\xa1\xf0r\xa1\xaf#s\xfa\xab)\xb4\xa3\xb0o\xa7\xf2\xfc\xdbk\xc76\xcc\x06\x96\xc3z\xb5b\x05\x9b\x85\x19\x10\xfahm(L\xa2\x92\x9b\xba\xbad\xcd\x08\xae\x85\xd09\xe0\xaec\xa9g\xebum\xe9\xde\xb3?\x97\xceu\x80\x0b\xbb-t\xf5bG&gt;\x0e\xb9\xe2\xf1L\x81V\xe6t$=Z\xe0\xf9\xf4\xec\x85\x8b\x86\x85\x05z\xb6^\xd9L\x95\x8e-i\x1e\x1b]U\xf2\x80\xcb\xbd\x17\xdd\xced*]\xe4)\xe0R\xc9N[(\xd8\x84\xda\x05\xdb\xc5\x93e}\xfehj \xa6\x076\xae\xac\x9c\xcb,=\xa8\xd5\xd6\xd7kWO\x14\xb0.\x172\x18\x93\xf3I\xf4\xacd\xbc\xaf@V\xa7\x9d\xe1^\xdah$\x93\x97?}\xac\xcf\x97J\xd3+[\xf5\xfa\xfd\x95\xd25\x9fjk\xe8\xa7\x84%\xac\x85D:\xb2)\xa0\xe4]\xed\x18Fk\x03\x15Ai\x14\xff\x83\x86s\xcf\xac\xa5zLM{\xb4\x10\x8d\xe9\x86\xb2\xf3|}}\xbd\xfa\xa4@\xaf\xc4\x83*\x97H\xe4\xf3X\x04\x8bE\xac;i\x8c\xefC\x05\xc6\xca\x9d\xfd\xfc\xccr\xa9TZ\\\xdc8z\xa4\xe7\xc7\xe5\xb9\xf0K&gt;v\xc1\x88&gt;\x00\x00\x02\xefIDAT\xc9Pl\tT^F\xa2\x1bA*\xac\x89N\x8b( \x04\x8c\xd1\x06&lt;\x822\x0c\x0f\x9e\xe3\x7f\xc0\x1c9u\xed\xbc\xee\xd1c\xb1\x80l+\xaaOe\xaeJ\xf5&amp;a%sh\xa3pU_\x11\xe9\x1c\x1dE^1\xd9d2\xafv\\\xbe\xf1\xfbt\xb9\xbc\x08\xb5\x16f\xb5Xt` :\x85R\xb1\x15\tX\x1a\x97\xa2&amp;\xa4\x82\xbfqc\xd2\x85\xef\xcf\xb8\x1e\x83\xb0\xf0\x13\x07/r1\x19\x7f9r\xe8\xce\x022\xed`\xd6\xa5\xc9R\xb5v\xaa\xc4\xb5\xfd4\x83\x1da\x16jeI-l\\\xc9i\xa4\xe1d\xa6s\xf2\x8b_\xca\x10\xaaT\xdaX\n\xd3\xfcn\x04\xa2Gf\xa2B,\xcd+\x12\x03\xa9\x90&gt;\xc7\xb0\rr\x1bt1l\x1b\x10|h\xb7!\x85\xa4\x15Qi\xadX-\xca\x06\x83\x0eW\x11/\xb4\x98\x01\xee?\xad\x80\xabR\xfd\x8d\xb8\xf0A\xc0\xe2\x19\xda\x91u\xf8\x0b\x93\x93\x93\x9f\x00\x8a\xa8\xcaks4)\xd3\\ji\x81\x80\xadt\x13\x96x|\xea\xa3\x04\xa5\xd8\x86F\x02\xd96\xcd\xf8 \xf3\xd0q\x1b;\x8c\x998Z,\xd6\x0c\xcd#\xd15t\x91mHv\xb7\xa2\xb8\x82\xd5o\x92\xb9\xe1\xf9\xbc?\x87\x15\x917\xae\x80\xfa\x95\xa1\x16K\x0f\x97hN\x16ci;\xcfZ\xc8\xa1\x87kQ\xa6\xee#kDb\xb0VLE3\x06n\x81#\x81\xa5i-T\xe0\xa2O+\x96G\x92l7\xf0\x1f`\r\xb9\xfdG\xb5\x82\xd8~\x1a\xcfR\x1e\x11\xb9\x04\x00s\x97o\x9c\xfda\x9a\xa1\xca\xcb\x17g\xc3\x84\x83\xf9\x8f\x06@\x9e\x96%\x89\xcd\x85\x04\xea\x94?\x02a*a\x10Z2-\x02SH-\x99\xd2\xe8b\xb9h\xff\x95\x8b\x82\xa4".\xc3\xc2\xf2;\xc7`\xdb\xd5Mzc2A\x13\x04\xbd\xeds\x8a\xa0J\x8b\xa5\xe9\xb5G\xb3\xbc\xa3P9\x84\x01\x18\x8a\xfa\x03\xb42e\x0f\x19C\x91\x04\x15\x0f\xd3\xe2d&gt;\xb5\r}\xc2\xe4[3\x98\xd1\xc2\xe6\xd2i\xee\xaf\xb8,\x0c!\x19U\xa4z\xfb.+V\xdd&lt;\xb9\x07\x05I/k=F\xfa\xca\xf8w\xeb&lt;&lt;\xe5#\x1a\x11\xac\x85\xdd\xdd\xcdZQ\xb72e\xcd`\xb7\xb2\xaf\xd8\xb8"\\a\t\xcb\xd4].\xadI\xa55\x92\xe9\x06\x03KR\x83\x8b\x06r\x02S\xbf\xde\xdcf\xc5\xb2\xf4\xd2\xe4\xcf\x1b`*\x977\xe6\xcf\xf1\xe6K\xc0(.\x13BjP!=\x86M\t\x03\x95\x17T\x9c;\xce\xa0\xca&amp;l\xb7\x18\x0b\xeb\xaf#7\xf4r\xb9\x1a.s\xc9&lt;^\xf7\x17\x86\xd1\x10\x8d\x15\xf3\xcd\xee\xd4\xab\xdb\x00\xdbB\xf6\xca\xd3\xab\x0f\x17\xce\x89\xfd \xee)\x0c\xe32\t,\xb7\xc5\xb3&gt;\xaaEn\xd7\x08\x90\xb1(\x7f\xb4Cj\xb7|\xed\x8c\x15\x0cR\x8brZ\x1df\x10XC\xb4V\xcd\x9aa\x93b\xa4\xb9O\xbd\x7fwss\xf9\xd6\xb5\xf9\xf3\xf0\x13\x95\x1e\xdbC\xe1\xda\xa2\x1f\xbbZI\xd4/\xbd \xe1\x04\x82\xca+\xa8,\xd7X\x00\xf2a\xe3\x1d\xf6\xd9\xff\x00\xdb\xed\xe1h@\x87\xbe\xc9\x00\x00\x00\x00IEND\xaeB`\x82'</t>
        </is>
      </c>
      <c r="M511" s="3" t="n">
        <v>45492.67694444444</v>
      </c>
    </row>
    <row r="512">
      <c r="A512" t="n">
        <v>1211632</v>
      </c>
      <c r="B512" t="n">
        <v>1957</v>
      </c>
      <c r="C512" t="inlineStr">
        <is>
          <t>Wesley</t>
        </is>
      </c>
      <c r="D512" t="inlineStr">
        <is>
          <t>Wesley</t>
        </is>
      </c>
      <c r="E512" t="inlineStr">
        <is>
          <t>PE</t>
        </is>
      </c>
      <c r="F512" t="inlineStr">
        <is>
          <t>ATA</t>
        </is>
      </c>
      <c r="G512" t="inlineStr">
        <is>
          <t>PE</t>
        </is>
      </c>
      <c r="H512" t="n">
        <v>180</v>
      </c>
      <c r="I512" t="n">
        <v>36</v>
      </c>
      <c r="J512" s="2" t="n">
        <v>38415</v>
      </c>
      <c r="K512" t="inlineStr">
        <is>
          <t>Right</t>
        </is>
      </c>
      <c r="L5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1609b88-a4c0-46da-98b6-3563af6808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 }B\x00\x00\x03\x00PLTE\xff\xff\xff\xf9\xf8\xf6\xea\xe7\xe5\xe4\xe2\xe1\xf8\xf5\xf2\t\t\x07\xf8\xf6\xf3\xf7\xf5\xf2\xff\xfe\xfe\xf8\xf7\xf4\r\x0c\n\x10\x0e\x0b\xaemF\xef\xeb\xe8\xec\xea\xe8\x14\x11\x0e\xed\xec\xeb\xa7gE\xb0nH\xe6\xe4\xe3\x17\x15\x12\xa7jH\xabkG\xa0b=\xa3iH\xf6\xf5\xf5\xe3\xde\xdb\xa9gA\xec\xe8\xe5\x9c_&lt;\xfe\xfd\xfd\xf4\xf4\xf3\xa1fC\xf2\xee\xea\xf2\xf0\xf0\xa4d?\xa9iE\x96bC\xf5\xf3\xf0\x97\\:\x05\x05\x04\x93Y;\x9adE\xfa\xfa\xf8\xaanJ\xb9xP\x8aS4\xca\x89_\x9dhI\x8eZ=\x82S;\xc7\x87^\x94[?\xacjC\xdf\xda\xd7\xcf\x8b]\x80ZE\xa6lL\xa0cE\xa5fBuO:\xa6pQ\x8c`H\xa0kL\xcb\x8cd\x96_A\xfc\xfc\xfc\xb3pH\x83^IwL5\x9deD\x8cdM\x83P4\xcf\x8e`\xb1qK}R&lt;\x86aL\x93fL\x98hL\xf8\xf7\xf6\xa3fG\xa0fH\xe9\xe4\xe1\xb8tN\x91^@\xadpL\x7fP8\xc7\x85[\x9cjO\xc3|RyT?\x8fW8\x8c]B\x1d\x16\x10\x9ba@\x98]&gt;\x87_H\xb9|WpF/\xbeyN\xc7\x81O\x8aV&lt;\xe7\xe5\xe4\x96fG\xc3\x83Z\x8eS6\xb4tL\x86T7\xef\xee\xed\xa6e?vH1\x1f\x1b\x18\xf0\xee\xef\xd0\x90d\xb3wR\x94iQ}N3\x80V@\xb3yW2\'\x1e\x96X3\xaetS\xbd\x81ZsB)\x7f]I&amp;!\x1d\xafjC\xd5\x93c\x86N/\xc8\x81V\x91bFxG,\xa1mP\xe6\xe1\xde\xbf\x81b\xce\x86U*\x1e\x14zO:i?(\x86X?\xafsN\xabb6\xb8pE\xca\x84R\xe5\x9dg\x7fJ.`&gt;(\xb2lD\xdc\x8fV{XD\xcc\x89Y\xb7|]\xbdzU\xd0\x8bW\x92S/\xd2\x90]\xb3j&lt;\xc1~V\xa4_5\xd7\x89T\xd5\x85O]7!aF5\xbfvC\xdd\x93ZH2#\x9c_E1 \x15\x87\\D\xf9\xf6\xf3pK6\x8fhR\xaarR\xd6\x97j\xd7\x8dW\xbctH\xafg9\xc5}L\xadwW\xbdr@\xe2\x97]D+\x1a\x9c[6&lt;%\x17P5#U&lt;+\x97lV\xc2yH\xdd\x98e\xb8n=\xdc\x9eo\xdb\xd4\xd1\xa6\xa2\x9f\xd0\x81JqUD%\x19\x10\xd3\xcd\xca\x9eY1\xc5\x87d\xd5\xb9\xa9?.#\xb4\xb1\xaf\xff\xff\xfe0-*\xe9\xa3l\xd1\x8fi\xc8yCgM?\xb7\x83iQ)\x18\xc8\xa2\x8cJ9.\x7fG&amp;\xdd\xca\xbd&lt;:6\xba\x9b\x8c\x8cJ&amp;\xf9\xf8\xf8\xc8\xb6\xaf\x9epW\xe1\xd1\xc7\xa5u\\\xb4\x8by\xbe\xae\xa7\xccrY\xa1zg\x80=\x1a\xa5]A\x9b\x96\x92\x82\x7f|\xd2\xc4\xbe\xc8\xc5\xc2\xbd\xa5\x9bKC&gt;g2\x14\xbf\x93y\xcf\xae\x9b\xaa\x89y\x91qa\xe8\xda\xd2\xda\xc3\xb4\x94|osoke`[\xc0jR\x96\x8b\x85x_QPMI~h]s5\x14YVS\xae\x95\x8a\xf0\xb1\x87\xd5}d\xdc\x93}\xb4aM\x11\x87\x03m\x00\x00 \x00IDATx\xda\xc4\x98\xffO\x13i\x1e\xc7\x8d\xa6\xc9d\xc68~\x19\x0e\\b! \x91\xc0Bk\t\x16\x02\\Y@\xa5\x0b+\x12]\n\xc8\x98\xb5pG\xd7\xea\xcd\xc2\x89E\xce\xf2\xed\x8cT\xd06\x96l\x15\n$\xd4k \xe48\x04\x82\xb4A\x90P\x96\xb4i\x0c\xb9\x904\xf1.\xe6~\xa1G\xf8\x15\xe2\x92\xf0\xd3\xbd\x9f)\xde\xfd\x017\xe0\x93v\x98\xf0K_\xf3~\xbf\x9f\xcf\xe7\xf3\xcc\xa1C\xff\xff\xa2\xa8\xc8\x95\x12o"\xd7/\xbd(\xb9\x9cp\xa4\x9e:\x96p\'!\xa1\x8c\x12\xf1\n\xe4_\x16\r\x04eqG\x02\xeb\x9f\xc2;\xbb\xdb\xbb\xdb\xdb[\xeb\x8b\x8b\x81\x0b\t\xa7\xcb\n\xbe\x18\x17\x84\x91\xc7\x1d^^\x0c\xef\x9a8\x96ch\x9af\x18\x96\xe3\x04\xf3N\xf8\xd3\xfa\xc6q\xf9\x17rS^pgy}+$\xb0,\xcb\xc8X\x96\xa6e2\x19\xbe\x04\x8ff\x83\xe1wq\x05_\x02\x8cJ\xd8\x08o\x12&amp;\x9ace\xc9\x8cH\xf5\xbf\x95\xccm\x86\x97\x13\xe4\x07\xcdEQ\xa7\xc2\x9b0\x8feh\x06X\x10)9\x19d\xc9\x00\xc2\x97fp\xc7\x85\xb6\x02\xc7\xa9\x83\x85J=\x126\x0bf\x8ee\xb0`Z\x84\x83!P\x04\x8b\x01\xa4\x8cf\x85\xd0\xd6r\xc1\x01b\x95\x1d\tl\x99\x11o\x82\xc5\xd2\x918\xd1\x0c\x94\x13\xb5"\x11\x03\x154\xe3\x84\xedS\x07\xa7\xd7\x9d\xc0v\x90\x03\x10\xd9\x7f\x0c\x8b\x9f\x87L\xc8\x18\xb8d{\\b\xf8\x89\xa5\xc1@\xd9A\xe5\xeb\xf4b\xc8,\xec\t\x05\xc9\x18\x9a\xe7d2\x1e\x01c9z\x8f&amp;B\x05Dns\xf1\xa7\x03\xd9\x90T\x02\xa8\x88\x83\xac\xc0\x01\x04\x121\xb8\x07\x16\x89\x19\xc7\xd1\xa2`$\xfd\x84\x8a\xe1\x18\x94\x8a\x03\xa8\xadT\xd9b\x90\x13\x04\x88\xc4\x99Y\x9a\xdd\x83\xe1Y\x81\x07 \t\x9b(\x17M\'\x8bX\x88\x1b-\xec,\xde\x91\xef{\x0b|\xb7\x83\xa8\xd3\xa8\x9e\x1cK\xea:\x12\x86\x0f\xb0\xa0\x9b\x08)\xfa\xc8p"\x17\xfe\x90\xed\x10\\?\xbe\xdf\\ea\x81\x85g\xb4\x0c\xc9\x12\xb7\x1f\xcf\xf1&lt;+~}&gt;\xc1b\x16\x108\x19\xc3\xf3\xa2\x89\xac@\xb6\xa9\x0c\\\xc7\xf67_\x05\xcb!\x86\x11\x93M6!\xb4\xe2-X&lt;O&gt;\x16\x8b\x8f\x07\x1e)\xb0\x9c\x88\x03\xb5d\x84\x92\xe6\x82\xeb\x1f\xf6\x91\x0b\xbd9\x0c\x03I\x01%\xf6A#\xdf\xec\xec\xc8\xde\x9a5YF\x00&amp;6\xed\xc8F\x04\xba\x8cg\xc8#p\xa1\xc0&gt;\xe6\x9e*\xd8\x08\xa1z3b\x9cx\x9fodv\xc6=3\xe3\xf1x\xecv\xbb\xd7\x83\xbb\x99\xd9\x11"\x97\x0c\x95\x8c\xecGY2y\x00\xb4%\x86\xdb\xbd\xb0oX\x14ul\x8b\'\xc9fy\x9f\x05\xf2\xcc\xfc\xddn\xd7\xeb\xf5cc=\xf5\xf55%z\xfb\xb0}\x18`\xf0\x13&gt;3\xff\xed\x8f" k^\xff\xb0oT\x87Nm\xf3\x96\x11\xa2\x12d\xf2\x0c\xdb\xbb/\xaaj\xce\xd7\')\xef\xb7\xb4&lt;H\xb9n\xbcwQ\xdf\xdd=\x0c0\x1f$\x93}.\xf7\xa4\x89\xe3Yv\xbe\xa2\xf6\x89*u\xe3\xd3\xb6idfV\xb4M\x7fQu]\xa9y\xd0\xd8\x98\x91?\xbe\xb0\xd0\xa0\x18\x1cL\xbbv\xf2n\xe2P\xff\xf3?\x81\xccG*\x16i\x962\xb1R\xe0\xce\x1c\xf8\xb0/\\\xf2\xd3\x81\x9d\xa0\xcb\xe5q\xcf\xcc\xba\x87\xbb+\xaeg?M\x1b4(\x14\r\x80ZX\x18oPw\xd5\xd5MN\xcf\x0f\xbc~6\xd4\xdc\x0e\xb2\x11\x90\x91\xf4\x8bN&amp;\xa3\xcam\x1d\x96\xefO\xd3\xd94\x99\xbc\xd5\xa3\xaa\xee\x99\xe1?\x9f\xcb9y\xad\xb6\xca\xe1PG\xa8\x16\xc6\xdb\x9c6`\xbd\x9a\x1f\x98\x8f\x90=\'n\xfaH\xbd Fb&amp;c\x82\x1b\x05\xd2sQ\x1f\x02!\xb3\xc9\xe4\xef\xbe\x1es\xd3x#\xb1\xb5\xd7:Qks\xa8\x9d\xda\xb6\xf1\xf1qP\xb5\xa9mu\x93ss\xd3\xf3\xd6y\xeb\xc0\xeb\xa1_\xfa\xdb\x9f\xeb\xbb=\xd0\x8c\'\\(\x154\xbb~Zr\x17\xa9\xd4\xe5\x1dN\xb0\x98\xdc\xf6\xe2s\x89\xb1\xb1\xb1\xadV\xeb\xc4\xa4\xcd\xe1tj\xb5Ng\x1b\x96S\xddG\xb8^\xbd\x9a\x9e\x9f\x9f\x87\\\xbf4\xa7\x17\xdf\xfb\x83~\x18\x1b\x93\x8d\x18I\xef\x1e9DI\x1d\xf7\xc3[\x02:\xb4\xc9\xadO?\x13\x9d\x18}\x97\xa85gSC--."\x96\xban\x12r\xcd\x81k\xe0\xd9\xb3gCo\x9a\t\xd8\xc5n\x0fB&amp;\x9e&gt;\x10zJ\xf2:\x1a0\xb3\x82\xe0\xb3\xd8{nFG\'&amp;\xc6\x12*`i\xb5\x9f\xb1\xfa\xfa\xfa&amp;\xeb\x88\\\xd3\xd3\xd3\x03C\xcf\x86\x86\x86\x08Vq\xc5E\xbd\xddm!\x01CW\xd8\xfe\xbd\xd4\x1d\xa8 \xccB,\x8b\xa7\xe7\x9b\x9b\xd10\x11b\xbd\x9a\xacs\x00K\xadU(\xb4Z\xa8\xe5$;Q\x14k~\x1a&amp;\xc2\xc5\x1b\x04\xeb\xde\xc5\xb11\xafE&lt;\x840\xa1\x0b\xd2bQT\xdc\x16g6\x9b\xfd\x15I\xc0\xba\x9b\xd9\xda\xdbk\x9dC\xb4\x1cjEd9\x9d{Xb\xb6\xb0\x15\x11\xae7\xcd?\xa6\x1b\x8b+\x9e&lt;\xc9\xcd\xf5Z \x17\xcd\x86\x96\xa5\xc6:\xb5\x03,\x8b\xb7\')\xe5fNlkk\xab\x88\xa5s\xa8\xd5\x19\x86\x8c\x0c\x85B\xedt:\xbalu\xaf\xc4\x05,"\xd7\x9b77\xd2\x8d\xe0*\xa9\xae&amp;\\\xd8\x8a\xe6O\xa9\x12cm\x84\x04\xb3`\xb2\xd7(/]:\x01\xadH\xe2\'\xeb:\xe0\xa2"\x03X\x19\n]\x87\xcdV7\'RM#\xf3\x03d+B-p\x89Xc~\x9cGXn\xf7\x88\xb4\xefL\n\x16\x83\x02o\xf6w\'iR\xe2\xcf\x1e\x05W\xaf\xd5Z[\xd5\xe1\x80\x7f\xf9\xf9\n\x85A\xa7\x1b\xac\xea\xa8\x9d\x98\x88x8\x00\x17E*\xb8h4\xaaJ\x9a\xaa\xc7\xdc&lt;fZ.\xb4!\xad\x8b?m\x99\x81\xe5\xd6\xd7+/\x01\xab\xb7\x10r\x15^{98\xa8\xd3\xc1A\x05.\x19\xba\xaa\xaa\t\xb2\xac`z\xfd\x1a\x166\xf7\xff\x08\xb5\xd2\x7fgT\xa9J\x88\x8b\x04+\x18\x90\x14\x8bZ\xde4\x0b\xc2\x88{L\xa9,\xbfz\xf6d!\xb0Z\x0b\t\x97A\x07\x0fu\x88\x97.C\xd7Q[;a\xb5N\xf7\x8a\x81onF\xe2o\x10\xb5\x8a\tV\xb5]\xc4\x12\x16\xa5\x1c\x06Q\xb5p24\x9b\x80U^\x1es\xe2(\xa1\xea\x85\\i\xd0\xcb\x00*x\x88\xd5QU[\x08o\t\x14\x82\xd5\xdf\x0f\xb5H\xb8\x8a+\x88\x8b\xf6\x11\x8eG\xb8\xc2q\x12\x86\x8b*[\x0f\x8aX\xb9\xca\xf2\x98\x98\x13\xa8\x0fd/\x02+-\xed%\x94\x12\xb5\x1a$X\xad\xb1\xbd\xbdd\x13\xa2\x96\x02\xab\x1f\x1e\xa6\x1b+**\x80\xe5\x9a\xe5\x91.\x16\x99\x97p\xa49\x1e6\x99\xcd&amp;\xbf\xbbD\xa9\x89\xb9z53\x13T\xc4Dp\xbd$."Z\x06\x9d\xa2\xa3\xa3j\xc2\x8al\x110\x14\xad\xfe\xf4\xfe\xf6\xf4\xf6t\xa3*\x82\xe5\xb7\x08\xe0\xda|\'\xa1\x89\x05_m\x9bL\x18\x1f&lt;%)11\xe59\xb1\x99\xad\x99{X/\x073P\xe3\xb5\xf9:\x9dZ\xadv\xd8\x08\x98\xd5:\x10\xc1\x02Wz\xbb\x91`\xa9\x9aJ\\3"VhC\xba78\xe4\xc8j\xc2\x1aq\xd5(cb\xae\x9e\x88\xcd\x84^\xbd\x85V\x0c\\\x1d:\xf4\x9d\x86\x06\xadB\xadn\xd3:\xba:NZI\x89x-6\xea~\xa2V1\x12\x0f\xacj\x97{\x04\\\xac\x94#*%\xdf\xd8\x0c\x02\xcb\xfdC\xa5F\x13\x13\x13\x15\x1b\x9bI\xa6\xad\xc9:\xcc[d\xa6iC\xb7\x06\x16F\x9b*\xfc\x13\r\xc8:pw\x8f\xab\xbd\x1dX*U\xd3\xcf\x04\xcb"p\xe6\xc52\xc9\xb0\xe4\xa9\x81\x90\xdf\xef_\xab\x06\x95F\x13\x95\x93\x93Y\x88\x9f\xef\xfa\xdb_\xda\xde\xbe}\xbb\xf0v\xbc\xad\x81\xcc\x11\xda6uWGW__W\x97m\x12\t\x13\xdb\x0ff\x08X\xa8jj\xcaZ\xf2\xe2\xb9,|PB\xb5\xe4e\x8b\xa1\xb5\xb5\xb5\xa5\xef*\x89Z\xe5\xf1g\x0bk\xebl}N\x11\n\xe3\xf2\xf88\x91K\xdb\xd6\xa0F\xeb\xeesb\xc2\xe9\xb3M\xceML\xf4\xb6\xde=s.\xbd\xe2\x1e&lt;lzX\xb4\xea\'\\\x92b\xc5\xad\x83\xca\xf5\xdbJ\x82U^\x1eUX\xfb\xed\xd7O\x1b\x1f&lt;\x98\xba\xff\xe2\xf1\xca\xca\x8aa\x05\x85^\xdd\xd0\xf0\x9e\xc0i\x9dZ\x87\xceVWUUU{\xad\xf0hN\xf49#I|SQ\xe9C\x97\xdb\xed7Ijb\xdc"\xa8\xaa;\xafT*ab\xf6\xd3\xdbIz\x1c\xa2\xbd^\xb7\xd75V\x9du\xf9\xca\xa3\x17\xf9X\xef\x1b\x1a\xf2\x15ZE\xcb\xd4\xa3\xfa\x9a\xd1\x92\x9e\xfa\xa4\x9a\xf3\xc6{\xc6\xf3\xdf\\\'&amp;&gt;,-]\xf2\xae\x11\xac\xd3Rbm\xba\\Y\x9dW\xae\x00+;/F\xe5\xc5s\xa3\x90\t\x16\xcc\xf6^W\xf5\xe5)\x11\xeb}&gt;*\xd8\x8b\xca\'v\x8f\xc7\x8d\xfd\x81\xb3$Nn\xf6\xf3\x97j\x10\xad\xa2R\xc8\x05\xae\xa0\xb4X\xae\xd5\xd5\xac\xce\xfa+\x1aM^^\x8d\xde\xe3\xf1\xbaV]k~\x02\xe7\x87bYS+\x84\xea\xbd\xc2`0L\xf5\xd8\xdd\xb3&amp;\x9cw|\xe4u\xc0\x08\xb8T5\xa3Y\x04\xabt\xd5\x85\xc7\x91\x12\xab\xec_\xab\xab\xab=\x9d\xa0\xd2\x80*\xb7\xa7\xbe\xfe\x9f\x1f?~\xfc\xe3\xe5\xa2\xea\xb1\xb1\xdc\xdc\xa6\xd1\x07-\x19D/\xdd\xe0\xad[y=\xb9.\xafgm\xcd\x8d\xe5u\x01\xc4\xe3\xcd\xfd\xa1\xe83\xd6\x9a\xa4X\x1f\xfe\xf1\xeb\xea\x12L\xac\xd4\xe4U\x8ej^\xb4\xb4\xb4&lt;^y\xfc\xf8\xc5\xfd\xef\xa3\xe2S\x94)\xf5\x9a\xbf\xdej1`\xec2\x0c\xa65f+\x95\xf5\x9d\x9d\x10V\x89\x95\xadI\xaa@\x0csK\x8b\x08\xd6\x12\xb0\xd6$\xc4\xa2R\xff\xfd\xeb\xd2\xd2h\xe7w\x95yy\x8f\xa6\x0c--\x83h9\xf9+-\x8d\xdf\xfe&amp;\xfe\xcc\x99\xe8\xf8\xec\xef\x1b_\xb6(\xf23\x0ci\xd7\x9eFE\x9d\xc8\x89\x8f\x8f\xfa\xfa\xdb\xdb\xb7\xd3n\xff\x875\xf3\xffI;\xbf\xe3\xf8.\xbbd\xa4\xb5\xbbh*\x90c8:\xf4\x08\x1e\xa0V&lt;N)\xb5T\x8aJ\xd5\xd4"\x02\xa5\'R0\x15\x8c\xba*\xf5\x10\xacJ\xe5\xc6JU\xc4S\xea\x17(X9\xdbT\xc5\xef\xf4V\xd1\x0e\x1b\xed\xc5ztv4g\xee\xae]\xa6\xcb\xb6\xda\xdb9sYS\xb7\xfe\xb0\xd7\x9b\xfe\t\xfd\xbc\x02\t\xf0\x0b\x8f&lt;_\xaf\xf7\xeb\xf3|\xbd\xde:\x91$\x9ex\xf9\xe4\x8d3Q\xae\xa5G7n&lt;\xc7\xb4\xcb\xdf{\xb5\xb4$\x80$\xf2x\xd3Fc\x1fS-\xaf\x04SZ\xa9\xd2\xc5p\xc9\x01\x03\x8d\xcc\xc5\xeb\xdc)\xc7\xa4j]\\"\x81\x1c\x08\x90\xa9x\x91\x0e\xdc\x05S\'\xd6\xc5H2So\x1d\x11\x08\x9a\n\x9az\x97\x1e=Z\xfa\x07v\x86k\x15\xf7\xd1\x8f\xbdg\x04H\xac\xb1k*\x15S\xccT\xbb\xd3\xd3+Uu\x0c\xa0\x82N\xce2\x102\xd4)\xc7\xcc\x13\xcdT2&lt;q\x0c\x01B,&gt;N\xa7\x8b\x92\x89\x18\x0c\x86\xa5\xbc\xbc@\xd0\xd4\xd4\x04X\xaf\xee%`\x88\xf5\xfenS\xaf\xa0\xc8\xc2\x1b\x9bn\xa8\x83\xff\x03\x95\x88\xa9Eg\xf5&amp;\x93)\x02~\xbdU\x1b\x98\x9cw\xe6\x9b\'\\\x01x\nn\x80u\x80\'tEZ\x1a\x9f\x02\xb9lgd\xf2\xb2\x0b\x0b\x80\n\xc9\xb5\xfbs\xecr\x88K@X\xe5E\xbc\xc6\x86\x86:\t&gt;\x91jh\xad:\x0c\x07\xee\x8b\xb9\xf5\xf5m\x93\xa3\xd5\xd1\x1ap\r[\x83\xfd\xc3\xae\xe5\x8d\x08\x84\xc9v\x0e\x9d\xd0\x13\xfa\xbc\xbc4\xa2\x04\xb0x\xb2\\\xa4\x16\x14\xe8\x7f~\x99\x80\x15\x14\x0e\xb7\nXM\x05\x96\xb1:\x95\xaa\x9dX\xa6u\xe8Km_\xdc\xaf\xbd\xb4\x7f\xff\xfd9\xc4\xe5\x88\x18\\\xc3\xfdA?`E\xf6\xb6m\xa6\x9as\xb6/\xc1/\xdc\x9c\xeb\x060613\x93g)\x8c&amp;\x11\xb0~\x8bQ\x12W\x13&gt;8}\xe03\xc0\xca\xe55\xaa\x8c\xaax\x1a\xab\xcd\xd4}\xe7\xd3\x87\xfbk\x1f\x1e|\xef\xd2\x7fo\x0c\x99\xf2"\x91\xe5\x85pO\x97?\x0cjmo\x9b\x0e\x9f\xeb~\xf4\xbc\xf6\xf9\xc1}\xfb\xee\xcf\xd9\x0e\xeb+\x84D\x1e\xaf\xa8&lt;\x9a\xc4\xa5?\xfe\x1a\xa3\xdb\xf5\xe3;\x8f_\xbc\xf8\xe6\xc7\x8f\x05\xa3\xbc:\xa3\xb1\x8e\xa2p\x98\x86\xee|\xf5\xe8\xa7K\xfb\x0e~\xf2\xde\xc3WMWj\x1c\x91\x81\xc9\x99\xb0\xaf\xcb\x1fZX\xde\x00\xb5lC\xaf\xfe\xf6S\xed\xc3\xda\xda\xda\xe7\x7f\xbe\xf9\xe5\xb9\x9a4a6/\xfb(\xc8\xf5\xb2\xf7\xe5_\x0e\x1c\xfa\x05\x16\\\xb8\xd3\x7f\xa2\xaa\xe5\xba\x92^A\xfd\x98J*eR\x14,\xc7\xd0z\xf7\xed\xde\x1b\x9f~u\xe7\xce\x1fn_\xb9\x9a\xe70L.\xcc\x84|AOx\xe6\xfa@d\xcf\xb6m+\xd8}u\xf3\x13\x98v_.\xcd\xfd~\xdd\x06\\\x16Ka\xb9\xa0\xa9\xb7\xf7\xe5\xee\xee\xee??{\xfb\x1e\x81\xfb\xf0\xc1\xc0F\xb5Z\xce\xb8(\x905\x1a\x9dN\x8d\x0e\x8f\'*\xe9\x8a&lt;\xfd\x89#\x17\x8f\x9c\xa8\xa9)\xadP\x10\\3\xe1\x907\x8a5\xb9&lt;\xb0\x11i\xd3#\xef\x8e\xb6\xf4\xb7\xbb\x87\xd6\xd7\x87L\x8e4a\xeay\x90\xabw\xe9\xc8\xd0Pi\xd2\xb3_\xbd=\xd6\x07\x8f7\x96\xb7H\xea\xbe\xc2r\x84\x05\x06Oc\xd70sb(I%g\xaf^A\xbe\x85\xdb\x19\x0e\x03\x95\xc7\x17\xf4\x85f`\xc6_^\x1e@F\xb9\xb4\xc6dj\xab\xa9\xd1\xeb\xf55mmyI\x80U\x0ej\xdd\xb69\xf8\x1b\x8a\xbf\'`\x80\xb5\xbc\xb5\x85g2y\x85\x96\xbaJg\xbfU\xa3\xb1\xdb\xa1\x9b\xc7\n\x81+-\x19\x9f3\x11\xf6\x86B^\x88\x9eY\x9fw\x1eY\xe5\x0eW\x87A\x9b\xd7\xd6\xd6\xe6\xc8\x83\xf6\x95WUQQUU\x92|\xfer\xb9\xa0\xf7\x8c\xbeUI\xdb\xdcx\xf0\xd6\xd3\x0f\xee\xdd\x1f\x00K$\x16e\x16\xf1T\x95\x90D\x98+\xec\x1a\xb5Z\'j\x97H$L\xcd\x1b$o\x08\xa8\xba\xbazB3h\xd0w\xcd,t,k[\x1d\x88L\xaf\x07\xae\xb4\xb4\xb4\x92\xcb\x85\x05\x05\x1f_U()\x06L\xb0\xdey\x10\x08\x00V\x0cQ6m\xactB\n\xed\xfd~4Eh \xec\xde\x1e\x08\x8f\xd7\xe3\xf5zf\xd7\xd6\xd6f{P\x1a;\xe0X\x86\xc33\xae\xeb4-\x0b\xd4b)\x14iI%%%\x97s\x0bn\x95\x94Q\xb8\x03X`\xad\x1e\xff\x9e\xb4\xbc%b\xea\x8ae\r\xc6J)0\xf9{|=~\x8f\xc7\xd3\xd3\xe3\x9bE\xe1\xf3D3\xb8\xf6\xfa\xf5\x1a|\x0e/\xbc\xc1\nyC\xe1\xe1\x85\x8cj*\x81@\xa1\x08)\xc9%g\x01\xebh\x12|\x03\xac\'o\xdf!Vw\x1a\x07\xb6\xc4}:E\xd1\xb4Q\n%\xef\xf7\xcd\xfaz\xde u\xa1\x98\xf5C\n\xfd\x88\n\xb0z&lt;\xa1\xf9\xc9\xeb\x933Sor\x1b\n\x85\xe7\x87\'\xe6\xd5:\x061\t\xa9\x95\x9bt\x8aK\xd9\xd8c\xef`\x80u\xe8\xc5@\xa2Z\xdc\xcc\x02,\xb4!\xf5\xf9\xa2L\x00\xb4\xb6\x06P \x9b\xd7\xef\x9f\x8d~\x03^\x8fw\xaa\xd3\xe5r\xcd{\x91\x9a(\xbf\xa1\xd0\xd4&lt;pe\x827\xcc\xcd\xcdUl\xc4J6\xf6\x9e\x1ex{,(\xae-\x92|\x82D\x83\xda\xca\x1f\x1c\x84\x1c\xf6@u\xaf\xa1\x00\xa5`^EL\xc1\xa0o\xf1\xf5b\xd0\xef\xb7j\xa6\xd4\xea\xa9\xceNM\x14\x0bazC\xf0\x13\xb3\x1da\x8d\xde\xda\xdc\x0c\xb4\xd36\xbfy\x07\x8b6\xbfs-N\x0eN\nl)`\xf5\xfb\xa3T\xd1\xfc\x05=Srs\x7f\x10\xf8\x82\x1c+gq\xbc\x85\xe34\xc3|h\xb7\xca\xe3r4VT|&gt;T\x84^\x8d\x1c\xbctQa\xe1\xe8\xc9\xbd\xcd\x01.\xa1\xe4\t\x06\x1bA\x1ct.\xa6\xfc\xf3\x8eD\xc0J\xe18!\x89\xbe\xd9h\xfe\x82-\xfd\xf2\t\xb7\x9b\xd3\xd5\xd5"\xedc2\xdd)\x1c\x8eT\xea\x86\x0fN\x8e9\x87\xaa\x93\xdb\xfdp4\xfc\xc0\x05\xad\x8e\xd9\xce\xb3\x14\xd5\x8f^\xdc\xdc\xdc0P\x9e\xfd\x06\x8bE%\xee\xf8\xbf\x8drW\x87\x88\xf7\xd4\x98\x92\x92\x1fDT\x10\x8b \x90|B\xbd\xe2\x16\x9b\'\x06lCC6\xbe[j\x96Jj\xba\x87l\xe4\xbeJ\x11\x8d.\x82\xf4r\x90X\x08\xab\xafq\xec\xbb\xfa\xd1QA\x04\xb8\x84\xdfb\xb2&gt;\xc5\xe1vV\xec3\x1d\xccih\xa7\xe9\xf9-\xa0V\xb0kq1x\x01\xad\xb2\xfaV~\x87\x07OXQQz\xaeT\xd2\xd7\xc7t\xac\xdf\x99[7)u\xd4V\x16^\x1e]\x93x\xac\x1e;\xd4\x16`\xdd\x1d\x1d-o\xdd\xdb\xdb,z\x82\x11\xd6\xa1\x17\x83\xc3\x1d\xe2\x06K\x83\xaa2\xbf\x05\x8a\x1e-i\xf2\x9d@%\x86)\xac/k\x80&gt;R\xcc\xcb,.\x8e\x8f\x17\x82Yfi\xe94z\xab\x96\x9c!\x96\x9b!\xacv\xbb].\xd6\xd5MG\xb1X{\xdb\x9b\xdf\xdd\xc3\x08\xeb\xc3\xc7\x83\xe1\x8e\xceF\xd9\xb4\xca\x08r\r\xf6\xb7\x8c\x8f\x7f\x8d\xa8&gt;\x17\xc3\xfc#\x15g\xd1\xe9\xec\x11^c\xb1\x92Fg+\xd9t\xadV\xab\xa0\x11\xa8\xa4\xe6N\xb5&lt;\x1a\x1a\xb5N\x87\xd4\xca\xcd=\xaa\xd8\xde\xde|\xfa&gt;6;p\\\xc2\x0f\x95\xd0\xb2\x192\x1e\xc8u,\xdfi\x96\xa6\xa4\xa4\x98\xd59\xcd\xcdb\xb7\xd9,\x17\xc7fe\x8d\x8cX\xa6\x1b3!\x8a\xf9l\xba\xb2\x8c\xcb\xad\xaeFW\x8eb\xb5\\\x8d^\xba\xf6\xf6\xb1\xa7\xa0Vnd};\xf2\xd7\xd3Xa=\xa8\xb3\xfb\x87)2\xf0\xf2\xc6t\xa9\\-w\xbb\xdd\xeaN\x125&amp;\x9a\'\xc0\x1a\x19\x19\x81Ymzz\xec\r\x96\x12F\xdajx\xec\x04\xb6\xe2\xc4b\xb1\x1a\xde\xa2\xb1(V98j\xfa\xbf\x0ea\x85\xf5\xa4\xb2\xdfge\xc8\xb23\x19u0\xbb\xa2\xfd\xb28\x8e\xaa$\xe0\xc5r\xab\xd5j\x16\x9d*\x96\xc9d#\xc9\xa9\xc5\xc2\x11%\x9bM\xa7\xd3\x95\x04j5\xa9\x9a`\x18\x08$\x8a\xc4\xba\x1c\x91H2\xc6\x83\xda\xba{r;\xc2\xaf\xf8\x1fF\xd3&gt;\xeeg;\xe3A\x9f\xb5\x1d\xad\xb6$L]N\\sNN\x06A\xab\x00,8l\x83\x1cw#\x0c\\EI|~rr2\x82\xa2\xd3i\xe8"\x94@6\xc0\x00I\x8d\xcb\x89\x8b\xc13x&lt;h\x10w/F\x0c\n\xfd\xb7\x18]\x92\xe1p\xa7\xc7}~\r\x93\x97\x9aM$2D1$RF\x06\xb9\xd5\xa1\xc8b05\xd6~h\xa2\xc6k\xd7\xa6y\xd9\xc2\xe4\xe4\xd4T&gt;\xa2b\xb3!\x8f\x04B\xc0\x00\xb6_K\xcd\xc8H\xe4\xc6g[\xa2X\x15d\xc5\xe8G\t\xab\x18a}\x7f\x01\x1c\x96\xd9R\x04i\xa2$&amp;VWW\x93\x1dm,%E\xc2Tk\xacNNz\xfa\xca\xb1\x95\x86\xccb\x10+Y\tDJ&gt;\x9f\x8d\xb0\xc84\x1a\x1dq\x91H\\a\xaa\x0c\xb0\xea/V\x95\xf1\x9f\x1d\xc0\x86\n\xd5\x16\x07\x0c\x8d&lt;\xfb\xfc\xf9\xe4\xb22\n\t\x8a\xb9\xd5TU\x92Da0\xd1\xd5\x1d\'\xff\xc2\xd7\xe3\xe3\xe9\xc6\xba\xf8\xacS\xb1YTn\xec)J\x19\n\x8a\xb0\x8c\xcf\xe7\xb7\xb6\xd1\xb8\\JYrQ=\xc4U\x96"\xed\xd9!\xcc\xf65;\xc7\xa0_\xb7\xcb\xa2X\x04.\x97@kkKJJ\x12\x12Ej\xb3\xd3\xc9\xe1\xa4\xa4\xaf\x18\xfbTb|ll\xec\xd6\x167\x16\xcf\x88?E\xa4\x08\x8b\x89B&gt;[H7\xb1@7\x84UX_\xff\x7f\xda\xcd\xef\'\xad4\x8d\xe3\xed^(&amp;\xf5\xc2&amp;G\x8f\xdbJ\xe9\xea\xd1\xf4x\xac\x80\xd4\x01D\x10\x86\x1f\xae\x02\x85-X\xd6\x12\x047\x04\x7f\xec\x90\x08H\x161\xd9.\xb5MPnh\xe2\xea\x8d\x17\xdd\x0b\xc6\xa8\xbdi\xb2\xd3,7^\xac\xa9\x89I\xb3\x8eYcj\xad\xadi\xd2\xba\xf1G\xcd\xc6\x994\xe9\xd4\xee\xf7=8\xff\xc0\xac\xe7\x8b\xa8\x10/&gt;~\x9f\xe7}\xce\xfbp\x9eW_u\xed\x0e\xea\xc3Yq\xd5.\xb75\x8dll\xd8\x19\x06&amp;\x94UW\xfc)9\xc80,K\x0f\xf4\xfd\xe5\xf7\x7f\xb8u\xb1\xec-\xa9\\\x8a~"\xb2\x0es9\'*\x98N\xc5\x02\x9d\xcd\xf2XR\xb85o\xd3\x97S\xea\xed\xd2\xb3\xfbx\xabvky\xbdt+\xefbX\x9f\xa3\xac\xba\xba\xee\xdf\xe8\x1a\x18\xc6\xc9q\x8e*R\xd5\xf5\x8a\xa0B\x11\xccf\x83\xc1v\x19\x13D\xab\x13\xd4K\xa5:\x1d\xa3gXs\xbb\x8cBPY\xeck\xe0VGC|\xb9\xe8\xec&gt;H:\'6\x88\xc5\xbf\xdeq\xc1.IMY\x8d\xe4\xba,\xd8\x1e\x1b\xef\rg\xdb\xb3I\xb9\xcd\xb3\xb7\xbd\xb3\xb6\xb6\xfdruo\xef\xd5\xf6\xda\xabW\xad\xb1p\x12\x1d\xa2\\\x1ed\x18\xa9\xcc\xec\xa6\xb0Hm\xd8n\x1dl\xac\xae\xee\x97\x9e\xe5\xcd\xea\x15\x91HTz\xe0u\xe9\x193\xe5\xeep\xf7\xc8\x82\x83a4\xccO\xff\xfe\x8f\x7f\xed\xac\xed\xae\x1f\xed\xaf\x1f-\xef\x1f\xad\xe3y\xb4\xb6\xb6g\xe9~\xfa\xcf\xa7h\xa7\xc3\x83\x83R\x86\xcbpN\x96\t\xd9\xa2\xf9\xcd\xd2\x0f\x1fj\xcfz\xc4YT\xbc\xab\x95\xb9\\,\xcd\r4pz\xb4~\x13\xbd\x8f\xbe\xff\xf6?\xff\xfd\xb4\xfbzk}yk}\xfdh\x0b?\x8f\x8e\xf6\xf77\xf2\x9a\xa7\xdf\x12\xaa\xe0\xa0L\xa7\x8ad8)\x13\xb2G\xf3;K\x06\xb1\xe1\xcc\xe7\x16W\xea\xdfE\xbd.\x17c\xe6:\x1a\x1ah\xd4t\xa9T\x9e\x1c\xef\xb5\xee\xac\xae\xaemo//\xef\xaf\xe1\xb9\xbd\xb7\xb6\xfa\xca\xd3&gt;\xfe\xfdx2\x1bta%\xaa"\x017-e\x18{&gt;\x7fp_$\xc0\x14\xf1\x8axq\'\xe5r\xe9\xcd4\xd7\xd0\xc09h\x8aK$T\xb9\xdc\x97\xe37o&gt;??99ys\xfc\xf9\xf3\x9b/\xd0\xdb\xef\xfa\xb3\xf7\xb2\xfd\n\x85\xde\xa7vr\x81\x08%%n\xe5\xf3\x1b\xbf\x11d\xd8m\xe5\xf2\x81\xc5\xebu\xb1\x12:\x93qs\xee\x81H$\xf0\x00z\x03\xac\x93\x9f~:\x01\x14\xd1\xf1\xf1\x97\xb79\x85\x9e5\xb3\xf8\x07\xca(w$CK\xa5\xac\xdd\x93\x7f\xb9)\xcc\x84\xa7\xa8v\xc3\xa2\xf5z\x19\x96\xa6(n`\xe0\xd6t_\x1f\xb9w\xd14C\xb8N\x9e\x7f\x06\x11\xbe\x8e\x8f;2\t\xecp@E\xa987G\xa9h)\xcbz\x10\xc3\xe6\x95s\x82`\xd5\xbf\x9e\xd7j\xbd\xc8.\xd6L\r4L\xf7\xfdv\x08jkz\xc0kjjz\xfa\xd6\xad\xe3[\xd3\xd3\x81@&lt;\xa1r\xa2\xf0R\xa0\xa2\xcd\xf0*$\xf5x\xf2\xbbW\x04\x1a\xa4\x14\xbf;\xf4\xcf\x92"\xa1gi7\x99V\x1c\xfa3\xe1z\xf6`\xea\xc1*\xb0\xa6\xa6\xe2\xf18\x0f\x95p\xab$f\x07.B\x94\x04%\x0b\xd5\x01T;K"\xa1\xe6;\x17\x0f\xfd\xe0b\x18\x17\xebTeF\x9a\x9a\x86\x1e\x83\xab\r\\\xa7~\xc5\xe3\x01(\x92\xc9p*\x89\x04\x91&amp;T\xb8J!\xe1\xed\xd1\x8dZ\xa1\xb0\xc4\x8b\x87F\xe3l*\xc4\xb8\x18\xa9S\x15h\xba\xddH\xc2H\xee#&gt;+`M\x05\x02\xd3xD"\tN\xe2\xa0i\x8a\x96H\x9c\xb8\xa6\xa7R6\xdb\xce\xa2P\xc7\xb7D\xe2\xe6C\xa5\xd1\xafM\xa5d\xc4\xae8\x19\xacil\xe3\xc9\x9e\x11\xae\xa9\x00\xcc\x9aF\xb7\x18\xc9\xb8\xe1\x93\x84\x06\x15-MA6\x8b\xe5\x93`\x83\xfc\xc4\xadI\xe5\xec\xac\xd6;\xe1e\xa4\xadqD\xb1\xefvSc\xdbP[#\x8f\x85\xf05\x04\xf0\x18\xe8\xe08ll\x10E\x9a63^\xadVk\xb1X?]\x11\nk\x05\xb9\xd5\xdd\r\xbff\'\xbc)\x16X}\xfc\x84\x14\xb0 \x80\x8d\x10\xa7\xd0}|}\xa1\x06\xb9N\x92KE\x87\\\x04\xcbj5\xee\x16\x0b\x895\xa9\xe9V"\xeb\xbd\xde\x94.\x01\xbb\x86\xbe\xfa+\t\xe2s\x08\x05\xac\xaf\xaf\x80u\xa3\x05P\x88!\xad\x0b\xa5\xb4~\xad\xd6o\xb5\x8e\xeeV\n\x16\xc4sK\x87\xcan\x9e\x0b\x0e\xd8\x17\x9e\x04\x9a\xc8x\xe7\xd0\xd0\xe3\xc7\xfc0\xc4P\xe3\xed\x194\x850K\xe2#TH,\x1b\xa8\xfcF\xab\xd1($\x96\xe8]^;\xac\xe9\x9e\xf4\xc3\x01\x8bml!&gt;\xd2\xc8\xcf\x9d\x0e\x91\xf1a`}\x85\xd6\xf6kP\xb5\xa0\x92\xc2+\xa7\xd4n\xb3h\xad\xfeQ%\xf4\xfa\xa6PC\xfc"\xc3&amp;\xc1\xd2\xa4\x95\xc0\xd2\xda\xa2\x84\x8b\x1f\'k$5\x82\x8c\xff\xf4\xcd4\\\xbcpCb\xd6\x9b\x9d\x12TwP!\xabF\'\'\x95\xcaI\x01\xb1\xea7\xa3\xda\xd9N\x8d\xa6Si\xf5\xfb-\xf3\x9e1\xf2\xa1\xc4\xcc\xf4LSS\xdb\xf362\xc253\xdd\x00\xb3\xccd\x9f\xcf\xb2!lH-V\xa3r\xb2\x1b\x0f!\xdd:\xbf\x1bMi\x87\xd3&amp;p\x19\xadVK\x14\\\tT\x05\xb2\x91\xc0:\x1c\x19!\xb7\x8b\x07\x08\x15\xc3\x84B\xa0\x9a/PA\x82b\x15o\xd8R\xa9\ty:\x8d\xb47Z-\xf3\xd1\xa8\xa7u!\x91H\xc4\xa7\xc8\xf0\x01\x14\x89d(r\xb9\x01\x16\xe9(,\xd6Q\x1e\xaa\xbbsXH\xac\xab\x9fl\xb6\x94W\xde\x99N\xa7\xe1\x97\xd1B:R\xbbgla\xe1I\xfc\xc9\xc2\x02\x00\x17ZU\xd8\xc4\x10\xa7\xc8\x07\xb8\x96\x02\x94\x06\x7f-(V\xe9\x81\xcd\x1e\xf2N\xc8\xbb\xd2&amp;p)\x95\xf0+o\xb3\xd9=\xba1H7\xd6\xda\xaa\xd3\xe9\xa4!&gt;~\xc4\xaa\xc9n\r\xd6\x87FcJ\xa7\x05\xc5\xba\x0c,;\xe3\nvuu\xa5;;\'\'\x8d$\x8eQ\xbc\x87\x1d\x82\xdd\xce#\xd9Q@S)\xf8h1\x02\nNiL\xa6\xb0\x89wK\xb0Cd\xbf;\xb0\xdbYV\x11$\xa3\x91i&gt;4X\x8f\xd1\xf9(\x96\x9c\r\x15\xc3\x1e\xb2\xf1\xd7?\x8be\x9e\x87"^\xa5M\xe1^\x93\t\xd6\xbe&gt;/\xd8\xe1\xa3\x0f;\x04\x0b-\xb4\\.\xe7\r\x1b&amp;`\xa7\xb2\xe27?d\xc5\x1a\xb5Nj\xe64|\xf4L\xbd\xbdBc\x89\x16w\xec\x1eiN\xaf\x90\x05a\x98\x9cpA\x93\xcaQ\xe3\xa8\xd1h\xf5\x1b\xfd~\xa3\x11+\xc1\xa8\x1c\xd6\xcc\xcdiL\x08\x9f)\x1c\xee\xed\r\x03k\xd8\xb8)\x9c[[\xaf&lt;\xc0\xe2\xb9&amp;`\x18O\x85h\xf2u\xe9T\xf8\xa5{nn\x0e(\xa7PI`\xa5\t\xd6\x0b\xa1\xb0\xc4\xc0\xd29\x9df_\x0f\xef\x17\x02\xc9s\x99\xc8\x19\xb29\x139C\x90\xd6\xcc\xf5\x12\x15\xa8\x90V\xc9$\xc1\xea\x1aV\x1a7\xeb\x85\xc22\xac\xbf\xd4\xe9\x9c4z\x9a\x1eE0\x18\x9c \x8e\xc9;\xbbLs\xe3\x0f\x1f&gt;\x82\xf0\xfd\xe1\xc3\x87\xe3\xe3\x04+\x86\xf5\x17\x0e\'\x89Y\xe1X\xd7\xf0\xac\xf5\x9d\x90Xd,\xdd\xa9\xce\xf9\xf4\n\x85B&amp;#h\xa8b&amp;r\x9e\x8d\x07{4\xceC\x81\nX\xa0*\x98\x15\x93O\x00\xcb \xd8\xb9\xb6\xa3\x97\x1e\xa7\xd3\xa96\xab\xd5=\x8aS.\xa2\xc1\xf6\xaeX\xec\x1e\x94\xe4\xbfb\xb1XW\x17\xb0\xee\x81\t\xaf\x0bX\x96%\x81Zj\xf1\xf9\xad\x03\x8f\x8ev:\xd4\x90O\xaf\xef\xe1\x1ds\xc9N\xa5P\\\xbb\xd3\x7f\x9d\x9f0ho\xef\xe29\x93IB\x89\x18\x02k~\xd1\xb0"\x88WW7wl\xc0\xa2\x1d\xe0r\x908\xeay\xcb\xf4\x10\x83\xa7\xd9\xec\xf3\xd5\x81\xac\xbf\xff\xce \xd4\x1e\x8b\x91y\x83{\xc4&lt;\x82u\xb8(\xc8a;\xf1\xe5\x8d|\xca&gt;6\xa6\x02\x17\xb1\x8b\xdcO\xc9\xfd\xcc\xc5\xb2\x88\xabS\xe2\xeb\xe9\xe9\xb9v\xed\xce\x1d\xfe\x14M{{6\x9b\xbd\x97\xcd\x92\x88\x12\xb7\xce&gt;\xe5Eb\x83\xe1\xea\xc6\x18\x9b\xf2\x10,\x87\xc3Q\x00S\xe7z\x88r9\xe4\x1bZU\x8a6\xfb\xaaz\xea\xae\x110r\xa8\xe0\xee\xdd\xbbd\xde\x0c|\xf2\t\xa4\xfc\x0fg\xdb\'\x8a\xc4\xe2\xfa\x9b\x95\x95\xeb\xad\xb4\x94\xf5\x8c\xa9T\xaaS,\x07\xed0\xe7|=\xbe\x9c\x1a%\xc3\x89\xf7I\x0b\xed\xab\xaa\xab\xab\xe3\r\xeb/\x80\xdd\x05\xd6 \xc1\xf2\xff\xf8\xbe\xfe\xec\x9a}\x91\xe1\xc5\xcd\x9bE\xc5\xc5\xb5\xfb*\x95S:6\xd6\xaa\x82]$\x8c\x0e\x07\xde\x80_\xc0R;\x1d\x0e\xf4\xf5h\r+*\xaa\xe0W\x1d\xc1"IF\xd0\xc8\xf1\xa3\xc1\x89Y\xad_\xf3q\xe9\xac\xee\xf5\x88\r\xf5\xc5\xc5\x95EEE\xc0rS4\xd9Q\x9d\xda\xe5\xa0\x80B\xab\xd5f_\x8e\xd8EAeT\x0b\xa8\xaa\x88_\xa7d\x84\rX\xa8n\x04k\xee\xe3\x92\xe1\x0c\xe6\xb6\x0c\x86\x17%\x95\xc5\xc5E%%\x84k9S\xae\x02\x15\xe1r\xa8\x1dTAp\r\xb9\xae\xa6)\x0e/j\xcaZ\xaa+*x\xb2B(\x0bi\xd6\x7f=(\x9b\xf0\x12\xac\xbf\xfdp\xffr\xb1\xe8\xff\xf3\xa9\xfe|e\xe5\x95\xdab`\x15\xf1`\xeb\x91\x8b\\+6\xc6\x0bn\x8e\x96\x14\xb88d\x13\xb0\x88u\x1cU^\x03\xb5\xb4\x80\xac\xfag\xcf\xbe;5-\x18\xf4\xf2X\xe3\x1f\xdf7\xdf\xff\xe3/\x8f$\x82w\xb3\xb8\x96\xa8\xa4\xc0\x84\xef\x1f\xa6:2\xadO\x16\xb8\x05\x15G\x95\x95\xb5\x94\x11,p9$pKB\x95\x97_\xb8P^^^s\xe9\x9bo\xaa\x89e\x05\xcf\xaax.\x94\xdaS\xac\x1f\xdf777\xff\xea\x17\xde\xe4\x14\x19\xeaKx\xa8B\x00\xcf\x97@E%\x97\xf72\x89\xc4\x93\x04\xccB\x16\x11\x01\x055\x01\x84\x0eB\x05,p\xdd\xa8\xb9t\t\\\xf0\xab\x02\xa6U\xf0\xb1\x94]+`u\x9a\xc6?\xbe\x03\xd6\xff:9\x7f\xd06\xce0\x8c[\'\xf1]\x0e\xa4C\xd2\x11\x95;)\x91uV\x15\\ih\xc02\x05\xb7)\x8d\xdaE\x1d\x14\x0e\x1ft0\t]4\x18\x05\x84 \x02/\x99\xa2\xa1\xc4SM\xf1\xde)Z3vq)\x82\x90N"PL]\xc7%\x10\\C\xfe\x0f\xe9\x92\xa5\xef\xf3\xbe\xdf\x9d\x94\xa6\xff\xd2W\xd6\xc9\xf6\xf4\xe3y\x9e\xf7\xb9O\x8a\xc9\xde\xc8\xfd\x1f\x1bI\xab\xe7\xd6dR)\xc2\xb2\x18\xcbR\xa9\xc7\xc3!\xbd\xbf\xd9\n\x1b\x8d\x06\xd4\xca\xc1D\xe6#\xf3\n\xe9|&gt;O\xcft\xb3\xd9,j\xbd\x88\x0ez\xad\x10\xd5:\xb0\xae}\xf6\xf5\x8b\xc9*&amp;(\xbf\xe5\xbb\x8dS\x11\x94\t\xa8\x94\t\xa8D\x82\xc1\x12\x87\xd3\xe1pw\xb8\xb5\x1d\x86\x82E`\x8dB5G\x8fB\x81\x99\xf2M\xfc\xf3o\xbaY,.\xe1\x8f\xb6\xa0\x19\xda\x95\xd5\xba\x00\xaco\x1f\xee\xadz\x84\xe5\x19F\xff-\xdeoP\xce\xb5P)\xd3$(\x93\xbcKh*eU\xee\xe1#\xdb\x01\xc9\x85l\xad\x9df\x1b\xc3\x02\x11\x82\x8b\xf4J\xa7[\xc0*\x8a\x8fk\xc5%1q\x99\xee\xe6\x8c\xf5\xd5\x0fwW=\x8f\xb8\xf0\x1c\xf9\x17\xcf\x9e\xfa\xf1?\xb9\x97P5\x9fU\x92\xc1\x16j\x0b\x11\xfb\xfaOS|d\xbb\x1d6\n9\x99B\x03)\xa7\xd7t\xba\xdd&amp;\xb5Z\xc0jj\xac%\xce\x16\xdd#WV\xd6\xd7\xd7/\\\xb8u\xf3\xc3\xa7\x13O\x06Nzv\xe7\xe7\xfa\xd9\x7f\x87\xea\x80\tP5\xfeR&amp;\xe4\xb2"\x0f-\xd5\x81\\_\x0e\x07\x14.xH]@2\x91\x8d\xd5\xb5*\xf2N:a8[\xe4 \xfe\n\x02X\xcb1\xd6\xb5o\xbe\xf7\xbc\x11F\xc8&lt;\xc71j\xf5\xfa?}\xce{\x8a\xdc\xf3\xfdZ\x84\x14\x89\xc5Xup%,\xe5&amp;\x9e=\xda\xdd\x1dlo\x87P\x88\xb8\x96\xd6r\xb4\x80\xa4\x17\xc5\xab\x9anV\x89\t\xc9\xd2TE\xd9\xc4\x19\xd6\xe7/&amp;\x84\x14\x04\xe0\x1a\x89b@+\xf9\x7f\xf7\xd6\x83"\xe5k\xa5\xe6\x86\xb1L`\xd5\xebu"\xeb\xb8\xb5\xe7S|\xe4\x1e6h\xf7\xc0\x05\xb9\xb8\xaer\x85*\xc1\xa1\x1d\xc8\xc0\xab\xf83\x96\xabKW\xdf\xd1X\xcb\x84\xb5\xb1\xb1q\xf3\xf7\xbbA\x108A\x90d0\xc1\xa2\xba \xb4\xde_\xff\x0fbe\xd8\x87\x90\xf3\x8c\xe7\xb0\x08,\x01\xb9 X\xa7\xd3\xf1\xefL\x07\x83A\xc8\x02\xc1D\x84\x9d\xf5JWQ\xa5EjS\x06\xe3xq\xa52\x17E~c\xe3\x83\x87\x1e\xa0\x02f\x13##4\x06{\x13\x0b\x85\xc0\x01\xd7P\xe3\xb1\xc6\xc3\xef\x84\x8a\xb8:n\xc7\xad\x80+$\x06\x11\x0b\x9dE\xcdP\xa86\x9b\\ZHV\xb3)\x92E\xb7 \xb8HX\x9f\xbe\xdc3\xf4t\xbb\xddd\xd2\x8b\xd2\xcf\x8d\xe1\x05\xfe\x9b\xf7$\x93\x95\x02\x96VL\x991\x96\xc9\x15AlP\xcbu\xfb\xcf\xa7\x03j.\xa4K\xb0\nh\xd2\x02\x85\xaa\xb5\xc9{\xc8\x03.`\x9d;sn\xf9\x1c\x9d_\xd7\xcf\xdfz11b,\xc3I&amp;Y\xae\x18\x8ev\xc1v\xff\xec$\x98\x00c\x11\x99x\xa9\x08J\xb25\xc3J\x00\xcb\xad\x1d\xeeS\xa3\x92eH&lt;a\xa1F\xf3\xd8\xc2|\xab\xdd\x92\xef\x98\xab\xc8X\x98++\x9f\x9c\xbf\xf5rR2J\x86Q*\x196\x81\x11V\xd2\xa3\'\x85,I\x0f\\\xbc\x119\xf9:WJ\xfc\x03\x96\xa5\xbf\x1d\xa3\xe19\xf2\xd2\xa8\xec"\xb0\\3\xb83\xdd\x12\xbdp\xd3iSc\xb5[\x04s\xbd\x85\xda\xdaI_\',]\x13\xe0\xc2\xa9z\xfd\xe9\xc9*Q\x81\xc9\x06U\x97\xa1\xc0\x95Lb3\x917\\\x8c\xd7\x9dT\xc2\x92\xc2\xab2\xa1\x94\x1a+\xfc\x04JT*VQ\xe2E\x87\x1d\xb3vxo\x1a\x86\x94(\x18\x08,R*\x1f\xb5)wW\xfa\xba\x96\xeb\x0c\x1d\xee\xdf\xfd\xee\xd5\x844"\xad\x88\tXv7\x19A\x11\x96#\x8b \xdb\x90Q\x17\xdb\x82\xdc\xdd\x00\x00\x02\xe9IDATg\xd5oFq\x82\x85\x042\x1e[$\x17\x11Z\xec"\xba\xab\x9e\x90\x8e\xc0\x94;&gt;\x81m5\xb8DQ\xef\xe9\x16\xee\x89;\xbaR\xf3\xba\xea\xe9\xa8zy\xf1\xf2{\xbf\xbc\xfa\xcd\xc8\xda6i\x05\xa9lJ\x96VK\xc6\xe9:\x81\xce\\`\x90`\xbd\xc4\xd9\xd7\xb1\xf4\x10\xce\x98\x80\xc6)\xba\xaa\xb8$d:\x96\xc5`\xae\xf2\x9f\xddy4\x0c\xdb\xed\xcdMp\x91`\x84\xb5#=\xcf;IX\xb9\xdc\xe2\xe2\x17\x0fN&amp;\xdd\x9e\xcdc\xd8\xfa\xb5\xeb$\xe3q\x9cn\x00 \x83s\x87g&amp;vR\xc5-\x057\x81e\x11\x16\x91*\x1d7+1\xd7^,\x98\xeb\xfa\xc1\xe1\xe3G\xbb[\xdb\x9bm6\x92f\x07a\x97\x15 \xac\xea\xda\xe2\x8d\'\x07{F6k\xcf\r9\x88z\xd0HN\x92\xa9\x90:\xce\x9eL\xa6&amp;`JW\x94\xc9\xc1\xe2\xb3(c\xe1\x15c\xb2\x8dl\xa4\x0e~\xb9\\\xae\x95\xcb\x95\xd1\xf1\t\xc8\x08,\x0f\xebx!i\xda\xd4\xb0\xa7?~\xb0\x7f\xec\xd9\x11T\xd6\xcej,\xc3\x99\x93\x8a\xc42b\x9e\x8c\x9eR\xa9b\xd6)b\x14&amp;\x8a\xb9\xa5\x18\x8dh@\xc4XcSca\x1du\xec\xc5\xc7\xb2L\xaa\xe7=\xbfwt\x9b\x16 ](\xa2\xc1\xdadj;l|t\xff\xe8\xd7\x89\x91\xedeil\xbe\xd8\xccEb\xc5T\x1e\xb0\xba]\xf1oFe\x03\xcc\xee\x99\x17\x17\x94\xa5\xa2tY\x82\xc5\x17S\x8d%\xf1\xf4[e\xe9\xb6\xe7\x9bv\x8c\xe5\x93f\x99\xd5\xe3\x93\xa3\xe9\xfd\x1b\xef_\xbaDG\x9dp\xeb\xf6\xf4h\xff`\x92\x04\x13c\t\x15\xe4Bg9Z\'\x9d\xf7y\xaaX.\x9e\xca\x82\x90X\x9a\x01\xa7?\xee0`\xf1\xef\x18\x8b\xf3\xa5\xd1@Vv#\xb2Z?3\xda;&gt;8\xd8\x7f\xf2\xe4\xe8\xd5\xfe\xc9\xc1\xf1\xaa3\x03\xca\xce\xc8(\xf3\xb1V\x0eC\xe9\x15\x04\x94f\xaa\xe0Y\xc9\xe0\xb10\x86]\x8a3$X(+\xde\xca\x08+\xf2Q\x17\xab%V\x96#\xcd|\xbf\xd7\xcb\xda\x0e\xdfO\xbav\xb6\x07(\x88\xd5\xeb\t\x1e\xb4\xe2E4"\xa9\x1c\xc9U7\xc6\xca\xb0ZB$\x03\xb5\xa8\xa4\xb8;-FB\xd8M&gt;)\xebM\xb4\xe4\xf0\x95\x88\xc9\xd0\x15*\n\x99\x8f\xe9\xd3\xf4\xfazz}F\x8a\xa0t\xdc\xb9\x1a\xc0\x13\xc5]&lt;4\xec\xd8\xbe\nCe\xf8B7\x1f\x15!\xe1\xa2h\r\x95(&amp;\xc1b`&gt;\xd9\xeb\x1b\xa4\x1c\xc0\x14{\t*\x01c6\xbf\xef\x0b\x98H5\x97.\xec *\x81\xb9\x04\x8a\xb0PV\x8c\x05\x98\x8c\x10\x89`\x0b3"\xceU\n5jE\xf5\xa0\xb1\xf8K\xcd\x9a\xd5\x12\x85Mm#\xc0\x80$\x17\x11\xaf\x97\xed\xcfv\x11-\x1a\x01i\x07\xe9\x84c\xd8\x9c\xf6h\r+\xf3\xb3\xa0\xa3\xa4t\xae\xb44c%\xa4V$\x975\xd7\xf8L\x15c\x81\xaa\x1f?\xe4\xa5\xcf&amp;\xf6##qn\x100t\xa8T\x03cE\xa9\xd2X\x1a\xcd\xafT\xfe\x00\xa0\x89t\x85)\x1d \x86\x00\x00\x00\x00IEND\xaeB`\x82'</t>
        </is>
      </c>
      <c r="M512" s="3" t="n">
        <v>45492.67788194444</v>
      </c>
    </row>
    <row r="513">
      <c r="A513" t="n">
        <v>1385610</v>
      </c>
      <c r="B513" t="n">
        <v>1984</v>
      </c>
      <c r="C513" t="inlineStr">
        <is>
          <t>Eliédson</t>
        </is>
      </c>
      <c r="D513" t="inlineStr">
        <is>
          <t>Eliédson</t>
        </is>
      </c>
      <c r="E513" t="inlineStr">
        <is>
          <t>MC</t>
        </is>
      </c>
      <c r="F513" t="inlineStr">
        <is>
          <t>MC</t>
        </is>
      </c>
      <c r="G513" t="inlineStr">
        <is>
          <t>MC</t>
        </is>
      </c>
      <c r="H513" t="n">
        <v>187</v>
      </c>
      <c r="I513" t="n">
        <v>15</v>
      </c>
      <c r="J513" s="2" t="n">
        <v>37696</v>
      </c>
      <c r="K513" t="inlineStr">
        <is>
          <t>Right</t>
        </is>
      </c>
      <c r="L51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042b335-d612-4b94-919c-d720cdda7eb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gv\xbaE\x00\x00\x00\tpHYs\x00\x00\x0e\xc4\x00\x00\x0e\xc4\x01\x95+\x0e\x1b\x00\x00\x03\x00PLTE\xff\xff\xff\x0b\t\x07\x1c\x1d\x1d\x08\x06\x05\xfe\xfd\xfd\x15\x16\x15\x1a\x1c\x1a\xff\xff\xfe\x15\x16\x17\x11\x12\x11\x12\x14\x15\x19\x1b\x1f\x19\x19\x19\x14\x14\x12\xc4\xb0\x96\xcd\xb6\xa4\x10\x0b\x08\xc6\xb2\x98\xc9\xb4\x9b\xca\xa6\x89\x11\x10\r\x0e\x0f\x10\xcd\xba\xa5\xc8\xa3\x86\x17\x19\x18\xb1\x8fo\x18\x11\x0e\xee\xcf0\x15\r\x0b\x16\x18\x1c\x1b\x17\x13\r\x0e\x0c\x1b\x1e#\xc3\x9d\x7f   \xca\xb2\x9f\xb8\x99|\xc5\xa2\x8b\xb7\x91p)!\x1c\xec\xcb/\xb4\x96x\xcc\xb9\xa9\xc8\xb5\xa8\xba\x97w\xc9\xb5\xa3\xcc\xa8\x8d\xc3\xae\x9b"\x1b\x17\xd1\xbc\xab\xc7\xb0\x9d\xba\x9c\x80 \x17\x11\xc6\xa1\x82\xb7\x93s\xcb\xa9\x93\xc1\x9b|\xbf\x98y\xce\xac\x95\xc8\xa5\x8f\x1c\x13\x0f\xca\xba\xae\xbf\x9b\x80\xb8\x93z-&amp;\x1f\xbc\x97~\xc1\xa2\x87\xad\x8al\xb4\x90w\xb0\x92u\xc1\x9e\x86\xc6\xb2\xa1\xc4\xab\x96\xbe\x9f\x83\xa4\x84m\xc8\xb7\x9e\xc2\xae\x93\xc0\xaa\x91\xcb\xb9\xa2\x0f\x12\x16\n\n\x0c&amp;\x1d\x16\xc7\xa0\x86\x9exb4)"\xc8\xae\x98\xe9\xc7.\xb0\x8ag\x95w`\xbf\xa2\x8b^MB?/&amp;300\xcc\xb6\x9f\xcf\xc0\xb5\xe6\xc1-gSH\xc1\xa7\x8e\xd4\xc6\xbe\xa8\x81`\xf6\xf3\xf2\xb3\x8bs\x9b|g\xce\xbd\xa8\xd2\xbb\xa8\xd0\xae\x99\xb9\xa1\x88\xb5\x8bk"$(\xd4\xc1\xae\x9asY\xa0\x7fd\xce\xab\x8f\xac\x8cs&gt;+\x19\xe1\xbb,\xb1\x9a\x80\xcd\xbe\xb1\x86o^\xbe\xa8\x98\x92nO\xb8\x9b\x85[G:\xd7\xd5\xd7\xa8\x86et\\L\x83_I\xc6\xa9\x92\x90oY\xba\xa4\x93\xb6\x91jO;/\xae\x85d\xf8\xf7\xf7\xbc\xa6\x8c\xa6\x8ao\x82iY\xbc\x95t\x8frb\xef\xef\xf0\xc3\xb2\xa8\xb2\x8ddH4$\x80dR\xfc\xfc\xfb\xab\x84k1!\x15\xa0\x7flQB9\xc0\xad\xa1\xa5}[F8/\xe3\xeb\xf7\xe6\xe7\xe6\xac\x92}\xcf\xc0\xacEB@:9;&lt;51\x9f|Z\xd1\xc1\xbb\x8ceQ\xb3\x94\x7f\xa9\x90u,)*\xed\xd70[A1\xde\xde\xdd\xa6~giJ9\xdd\xb3*xdX\x88fI\xb0\x89]oVE\xd6\xaa(\xd4\xb2\x9cS&gt;\x1f\xf3\xec\xe7\xca\xba\xb7\xb4\x9e\x88\xa3\x89z\xd1\xce\xceLIJ`\\Zmkl\x92yj\x82\x80\x82\x97\x94\x94}wq\xbc\x88z\xca\xc6\xc6RQT|mg\xb7\xa9\xa1wN8\xab\x83szTD\xb6\x7fk\xd7\xc4\xb3\x89\\5\x9b`A\xec\xe6\xdb\x90\x8a\x87\xac\xa9\xaa\xa0\x9f\xa0\xef\xdf&gt;\xa4\x97\x8c\xf4\xd42\\RP\xf9\xf6\xf2\xa1rO\xaf\xa0\x97qE&amp;\xc0\xb6\xb4\x8co"j`]s`\x1f\x90~t\x9a\x81r\xbe\x97\x8ayAB\xd1\xa4(\xe5\xda\xcf\x87OL\xa1S2\xe9\xe4\x9dxZ=\xad|V\x90D\x19\xc0\xc0\xc1\xd4\xb7-|L"\xa6~#\xa7qX\xaesj\x92XT\xa8eB\x93\x81&amp;\xae\x93)\xc5\x9d\x92\x9bd`e3\x18\xe9\xdcZ\xbc\x9c(]P!\x8eg?\xe0\xce\xc4\xc2\xad2\xaa\xb0\xb6\xce\xc29\xd9\xce\x9e\x85,\x11\xdb\xcf6\xec\xe2o\xd4\xb4\x82\th\xe7B\x00\x00 \x00IDATx\xda\xcc\x98\xffK\x1by\x1e\xc6\x9b\x9a\xb6\x08\x1b:\x90\x81\\\x86a\xc2t5C\xb9\x90\x1dp\x12\x93\x18\xed\xa8]9\xfd\xa9\x93\xce\x925\t\x87w\xb1\x82\xb5\xd8\xac\xec\xfa\xa5b\xafj\xa4\x8d\xba\xae\xd5\xa8(IZ\xddPO\xba\'\xba\xde\x9aX\x15\xb5\xa5?\xa9H8\t\xb2\xfd\xb1\xb0?\xdc_q\xcfg\xecr\xff@\xd2\xee\x87d\x92\x91\xc0\xbcx\x9e\xe7\xf3\xbcg\xbcp\xa10K\xaf\xad\x0b\x7f\x9cuN\xf3\x7f\xac?\x02\xdc9\x8d~rd~3\x9f\xffmy\xacU\xff;\xe7\xa7d\xba\xa0\x1fi\x9d\xdf&lt;:\xdc=\xc8\xc5S\xa9\xb9x \xbb\xbds\xd4\xdf\xfa)\r\xc5\x95\t\xd2v6\x9eReE\x14EEQ\xa6\xa6d5\x98;\xdc\x9co\x9d\xfc4a\xc3%\xc76w\xb2\xa9\xb4\x00\x1c\xd1\xcb0\x0c\xc7y%ER\x04E\x10\xe6\xb6v\xf2{\xfd\xcb\xf3c\x04\xee\xca\x95\x8f\t5\xb2\xb7\x9d\x90\x15Y\x10D\xce\xebeY\x03\'I\x1c\xc7\x81N\x92D\x91\xe3\x84P"s\xb6}\xb49?\xf2\xf1$\x03\xd5\xf2NB\x14dU\x85s\x90\x0bD\x84\x85aX\x9a\xf1z\xbd\x8ct~\xc6\xdcK\x9c\x1d\xee\xb5~\x1c0l\xbc\xf9\xe3}Y\x94S)Y\x10\x89F\xf0\x8f\x139\xdaB\xd14\xc5zYX\xea\x15e\x89|H\x82\xdcr:\xa6\xffHP\x19@\xc9*\xa0\xa0\x8a\x81\xa69\xce@\x84\xb2Xt\x16\x9afX\x16Jq\x82\xe4\x95\xa0\x1b\'\x06\x03\xa7\xad\xc5\xe7\xd2\x8fln]\x86\x7fAU \xbap\x06\x03ph\x9af\xe9R\x8bNG\x109F\x14\x10.\x11\xb1\x93$\xc86\x1c\xd8\x9c,6\x97\xbe5\x9f`%YP\xe5k\x9a{\x9c\x81\xbbDC$\x8a\xa2\x01HQ:\xc3E\xc2\xc51PR\xd0zC~0q2\xa2/6\xd5q\x88\x11TU\x15\xce\xcd\x03\x16pJKoQ\x0c}\xe92M\xebt:\x03\xc7\xd0,C\x91\x84I\x92"\nb&lt;~P\xe4t\xe9G\x8eB\x92\xa0*\xb2*2\xc0\xa2\t\x19PJ\xb5\xef\xc0\xa2t\xb7`$\x05\xb8\x12\x8a\xa5(\x16\xa1\x178a.\xb0\\\xd4\xcd\xa8\x9f\xdcK\xa0099%p\xc02\x10q\xe8R\x98H#V\x96\xd2RKI\xc9-]\t\x98\xb0\x08\x99\x0eh\xd0\x8e\x0b\xee\x15\xb7#Z\x0f\x05N\x91\x84\x90\xc00\x86K\x06\x9a\xa1\t\x01}\xc9\xa2\xa3\x08\x8d\xce\xa2#8\x16\n\xc7\x12\r\x8d\xd2Q\xac\x8e\xa2\x94\xc3\xb1"r\xa1D3^QRR\x02CQ\x96[\xda\x06\xbc\x04\x00\x03\xa7#\xabD\xa3\xf9\xf0M\xa3\xc2\tE\x03\x8bI\x1d\xff\\4.\x0c\x9c\x9dk\x98x)Yb\x11\x1fh\x81\xf4\x90hQ\xa0\xa442\x8aPQ\xbfc\x9d3\xe2\x0f\xac\x14\xdc\x9e/\x16\x97^\x9fOrr(\x85\xb8{9/\xa5]\x97bi\xda\x82d\x130m\xe9H\x9e\xa8\x0f6R\xe7\x84\xd8\x95\x9cZ4\x1f\xf5\xfd\xfb\xa8\xa2TJd\x19/\xe1@\xb2\xb0\xd78\xb49z\x93LB\x86A\xdaX\x165\xcf\x126\xed\xa0\xd9J~&amp;\xec\x14\xa7%\xf4\xad;i1\x9dN\xa48ra\xd4\'\x08\xbc\xca\x94\xda\xd5\x15\x9c\x9b\x0b\xa2\xf4eR\xea`D\xa9\t\x82\xe2e\xc8\x8d\xc5\x87\xd0\x01\xf1V\xe8\xa8\xf5\x8a\xbe\x08\xe5\xb0\x9c\xbd(\x8b\xe9d\x88#rP\x84\xa9kx\xfd\xc5\xca\xea\xea\xea\xc0\xc0\xc0j \x10\x8f\xc7\xe7\x86\x1f\x04Z\xb0\x1e&lt;\x08\x0cOtM\t\nG\xd3\xe7fS\x9477\xaf/\xfc\x10B\xbf\xa70pR\xa0"2\xd0\x92\xd2\xb5\xbe\xb2\xfa\xfe\xa7G_\xb7\xb5\xb5M7M\xe3\xd0\xd6\xf6j\xba\xa9izz\xba\xed\xebG?\xfc\xb0\xf8~e=\x18\x9c\x92hms\xa0\xf6\x13\xfd\x93E\xc0Z\xdeJ\x878!I&lt;\x84AR\xd7\xc4\x8b\x95\xb7\x8b\x9d\xb7\xffy\xffY\xfdS\xb3\xf3\xa6\xad\xccf++\xbby\xf3\xe6\x9d;N\xf3\xd3\xa7\xf7;ow.&gt;\\Yy11\xc5\xb0\xc4D\x96U\x0f\xe7\x0bO5\xb9\x99K_\x14C\xc942\xcdHS]\xebo\xde.&gt;\xba\x1d\x0e\x87\xeb\xeb\xcdf\xa73\xe6\xb6\xd9\x9c6\xb7\xdb\xed\xbc\xe1\x8e9\xefD\x9f&gt;\r\xcfF\xc3\xbd\x0f\x1f\xbeYW\x18J\xc3bSy}\x11\xa6a\xf2\xe2\x9f\xee\x85B2\xd4\x92\xa6&amp;\xd6\xdf/vvv\x82\xcao6\x9b\xbft\xc6\x80\x050\xde\xed\xac\xadu\xc5b\xb1\x0ekGG\xd4\x1f\x9d\xed\xed]\\\xe9\x92\xb40R:\xe1\xb8\xf0&amp;\x8em\x0b\xa5\xd7B\xe9k\xf25\x06\xa9Z}\xd8\xdb9;;\x1b\x0eG\xfd\xe6z\xb3\x93\xe7]n\x97\xcb\xc5\xf3n\xb7\x83w\xc7\\nk\xccj\xed\xf0\xfb\xfd\xb3\x9d\x9d\x8bo\x82"\xba\x03\r,\x1f\x17\xfc\xc6\xfe\xca\xf2\x96p\xf9^\x12j\x89S\x13+\x80z\xd69\x0b9:b\xd6\x98\x8bw9\x1c&lt;\x8f\xb7\x03`\xbc\xc3M\xf0\x9c\xc0\xc2\x8aFg;\x7fz?A\xee\xf2\x19\x16\xd5U`\xb9\xf4\xfa\xfe\xb3t\x9aP\xc9\xf1\x95\xb7\xbd\xb7\xef?{\x16\xf6\xfba\xd5P\x07\x91\x89(\xe50:x|h\x90\xd0\xcem\xd5\x8c\x0cG\xc3\xff\xfd\xcf[\x15&gt;\xe2\xc1#\x87;\x89+\x05\xc6\xca\xa6B\xe9{\x17\xc5\xf8\xc1\xe8\xf47\x8f\x9b\x9a\xccf\xbf?f\r\xfb\x01`\xe3\x1dD%\x93\xc9\xe4p\x10\xcd\x80\xe5\x82\x9d\x9a\x8f\xd1h4&lt;\xdb\xf9B\x91X&lt;L\x8a\x98@\x85\xc5\x9a\xdc\xcb\x84\xd2\x9f\x89\x97\xd5\x83\x93\x85o\xbf]\xf8\xe6\xe6\x97V\xb3u\xc8ju\x01\x857\x19M\x0e\xa3\xd1t~0\x120\x9e\x8f\x91x\x81\xab\x03\xdbb\xf6\xbd\xa0\xb0d&gt;\xe5\xfa\x0bl\xe2\xe4Q(\x94\xe6\xbc\x9f\xc5Oz\x06\x07\xfb\xfa\xfa*\xae\x9b\x9d6\xa7\xdba\xb7\x9b\x1c&amp;\x1c\x80CVD\x03\x03 \xef\xe3]\xa8\x8dX\x07\x04\xf3G\x1f\xcd\t\xe8`F\xdc\x1e+4\xd61\xc1b\xe4\x973\xe3=\x83w\xfb\x9a\x1b+n\xd4\xd6\xf0\xa6H\xc4n\x04\x90\xdd\x1e\xc1\xcbH\x18y\x9exi\xf2\x99|\x0e7\x9a\xc2\x8a\x04\xfa\xa3\xf7[d\x11XR\xe1\xb1\x8e\x92\xc0\x12\x87\x7f\x1d\xcf\x8f\xf7\xdc]\xeakl,\xab\xa9u\x19#v\x13`\xc0\x15\x89\x18}\xbe\xc8\xb9jp\xd1\x07\xe5L&gt;t\x05\x89\xbd\xb9&gt;\xfa$\x88\xd9-qg\xf3\x85\xc6\xfa-\x19\x12\xc4P\xe0d#\x9f\x9f\xb9\x0b\x13+*\x1ajm\x0e\xcd9H\x03.ba\xc4\xe8p@&gt;\xde\xed#\x1a\x9a|hV+\xb0\xcc\xfe\xd19A\xf4*bv\xb9\xd0\x05\xb1\x99I\x85B\xa9\xb3\xd7\x1b\xf9\xf1\x99\xc1\xbe\xb2\xeb\xd7\xafW\xd44\xc0-\x93CS\x88H\x06.\x9c\xe1\x9cwA(\xde\x87x\xf1\xe8/\xf4\x88\xb9-.\x0b\x92\xc4d\n\x8f\x95@k%v\x81\xb51\xde\x83\xc4_/k\xac3iE\x8a \x11*\x04\xcbn\xf7\x99\x80g\xe2y\xa3\t\x9d\xeas\xdb\xc8n\xf4cdN\x07TAQ\xbc\x99\xfe\xc2\xd6&lt;z+\x93\x0c\xa5r\xdb\xf9\x8d\x8d\xf1\xf1\xc1\xa52\xac\n\x84\xcb\x85\x8ewh{\x8f\xc4\xcbn$R\x19}h{\x93\xbb\x06\x8a\xb9;\xacN\xa7\x15\xb3\xbc-\xa0*\x8a e\x96\x0b\x8e\xb5\x9fL%s\x87\xcf\x9f\xe7gfz\x9a+@\xd5\xd8X\xe3p\xb8Im!N$\xe3\x11"\x98\x11\x9a\xd9\x8dp\x10\x8b\'\xe3\xdbj\xad\xefp&gt;\x0e\xc8"\xb0r\x05\xc7\x9a?K&amp;\x93\xd9\xc3\xe7P\xab\xa7\xa7\xb9\x19\x91\xd7\xb0\xa0\x12\tU9\xd1\x8b\xecK4E\xc4\xe31\xf9\x90\xf9\x86\x9a\x1a\xab\xdbms:\xcd\x1d\xd6\xeb?\xc8"\\\xcc-\x17z(\x8em%\x92\x89\xfd\x9d\xbd\xe7\xd53=3\x83w\x1b\tV\x9d\xa3\xceh\xf7h\x9b\xd0H\x84"\x8ay&lt;k\x9e*\xbb\xbd\xdcnj\xf0\xd5\xdcp;c\x90\xcb\x8f\xd7\x0bQ\x16\x94l\xa1\xb1&amp;\xc7\xb6\x13\x89Df\xe7\xef\x1b\xd5\xe3p\xb1\xaf\x82p\xd556\x1a=\x9e\x88\xa7\x1d\x87H\xc4\x03\xa1*+\xdb\xb1*\xdb=\x95U\xe5\xe5\xf6\x06\xccn\x9b\x15\xfd\xe0\x1c\x1a\xba?,\xabB\xb6\xd0\xff\x8c\xd0\x13\xac\xe4Y\xfe9\xb0\xd0\x10\x8d\xc4\xc4:S]\xb9\xbd\xcaS\x85Ly&lt;U\x95\x9e\xf6\xf6\xb55B\xb5\xb6v\xf5\xea\xd5\xcf?\xf7\x947\xd4\xe2&amp;\xdae\x8dF\xfd\xd6\xa1\xd8#U\x95\xb7\xe6\x0b;\xaa/L\xb6\xeed\x12\x89\x13D\xabzff\xe6/w\x17\x1e\xff\xb8\xb4\xd4\xd7\xd7\xd8\xdc\xfc\xb7\xca\xaa\x86\xaa\xf6JO\xe5\x9a\x86\xe5\xf9\xea\x8b/zN_\xbf&gt;\x1d&lt;=\xf9\xe5\xdd\xab\xee\xee&amp;\x9b?\x0c\xac\xef\xad\x01Y\xde-4\x16n\x9a3\x89\xdd\xea\xef6\xc6\xa1V\xcf\xbf\xdfuw\x8f\xe2\x92O\xbaGG\xdf-,,\xf5U\x11\xf3\xbe\xc2\xbb\xaao\xe1\xd7w\x07g\xb9l\xf6\xec\xe0`k\xf7\xe0\xace\xa0\xc9\x19\xf5\x0f\r\x99c\xbd\xaa\xbc\xfbs\x81\xefN1}\xf6\xf7O\xfeZ\xfd]u\xf5\x9f\xc7O\x0fZZ\x02-\x81\xf8\\p.\x1eoy2\xda\xf6\xcbR\x95\xc7S\xf9\x8f\xca\xca\xaa\x85W\xa3/_\x06\xe2)UM\xc5\x03\xb9\xdc\x19~8p{(\xfa\xaf\xef\x87bHW\x11\xb06\xb3\xd9S@![\xa7\x07\x81\xf8\xf0\xc4D\x10\x8f\xd2*\xb8\xe2\x03\xdd\xa3\xff\xa3\xcd\xec~\xdaH\xaf0.\xad,!U\xad\x90\xca\x05\x9a\xbd\xa8\xea\x8d\xc7+3c[\x85\xe0\xb1\x99z\xdc\xf1\xc7\x18\x8f\xd4^x\xb2\xf2G\xb2\x16\x86\xd8\xe2C51\xc2\xc6f\x8dm\x0c\xa9\rk\xaf\xe3zIT\xd4]0\x8e\x88\x11\x18\xb1\x01\x9a\r\xbb\x90&amp;\x04\xa7fSE!T\xaa\x00)\xb2\x96\xdcP!\xd1\xbdA\x95\xf6\xa2gh\xff\x84\xe1\xc52\x17\\\xf0\xd3s\xce{\xcey\xce{\xe8\x88\xa1$\x19\x8b9\xd6S\xa9Ep\xb2\xf7\xee]\xbb\x06f\xfbs\xa7\xb3c\xa4c!\x94)g2\x89\xfe\xe1k\xdf\t\xbe\xdc\xbd\xf3\xc9\xd7\x8f\x9f\xb9\xb4 \xd7\xab\xcd\xd7\xf0o\xc1\xdf\xf3X\xbc^\xce\xe5\xe0a\xd8\xed`\xc8\x98{\xed\xf0\xe9\xd3\xc5\xff\xd9\xea\xe1\xb1\xcfy\x87=\xb2\xb8\xb8\xbcc\xcb$2\t\xd6y\xfd\xd5m\xc1\xdd\xfe\x83\xffc=;x\xfa\xb5sxx\x0c|=\xfc\x02\x80\x85\x85\x91\xa0\xb7\xd8\xa2GQ"\xd6{\x08\xd9\x96JeG\xb2\x90t\xeb\xfc9\x08\xa6\xb2Y_&amp;\x01%\xa2c\xec\x99\xf0K\x88\x07\x9b&lt;\x16\x88\xf5tq1\xb81\x19\xb7\xb3\xc9$\xdb\xcf\xc5\x97\xa2\xd1\x82\xdd\x9el\xb1@\x89 \xdcs,\x0bV\xbf\x00\x7f-\x0e\xae\xad\x85\xe1\xb2N\xb3\xf6x\xe8n"\x91\xe9_\x1e\xbe\x04\xff\xfa\xe9\xb7\x9b\xcf\\\x81@\xfa\x15HP4%\x93&amp;\x93lPf\x8ap\xf1\x0b\x08\xbfD\xaf@\xc9\x1ew\xd8\x94\xf4N\x82&gt;){~}zzzpnznn:9s\x17\xe4\x9aY\xeexr\t\xab\x91\x97\x80\xe5r\xa51\xf3\x1f\x06\x8bE\xbf!\xc9\x1enlLnL\xa6BKKq/\xab\xb2\x90\n\x82p\xcc\xf9\xf3\xf1Tvgg\xc4\xe9\xfc\xe7\xd3\x83C\xaf\xd7h4\xc9Z\x90q\xe9D"\x92\r&gt;\xb8\x84%\xc4\x93o\xf6\xb5\x80\x95V\xf6N\x17\xa7\xf3\xf1\xec\xf0\xbd\x1b\xf7o&lt;z\xbd\x1c\x8d~\xbfd\x8f\xa8`\x90P\x90\xb4\x89\x8d\x17\xb2;\x0b\xf3\xf7\xef\xff\xf2\xc6\x07_v\x04\xb3Q\xd6$\xb3H"\xe3\x89D$u\xf0P$\xf4+\x1e\xff(\xb6\x8f\xb9\\\xda\xb4r\xb0\xe8\xb7/\x0f\xdf\xbb\xf6\xfeO\x7fv\xe3\xd1_\x9d\x0b;\xd1\xa5\x90A\xaajm\xb5\xd2\x1e\x7f\xden/,,\x7f\xf7\xc5\xfd_\xbc\xf7\xde\xeb?_\x1f\x89FYY\x8b\xa9\x0b\xa2h\xb0\xbf\xba\x84\xc7\x1f\xd1\x9f\xf6\xf7\xd3\xaeN\x97V9\xc8.\xcd\xcf_sn~\xf9\xeb\xf7\x7f\xf2\xc5\x7f\xbe\x19\xdb^Z\nE\xa40\xc4h&lt;9\x96M\xb2\x85\xe5\xe0\xab\xc7\x1f\\\xbd\xfa\xe8\xef\x07c\x03\x0b\x05\xce/\x93!P"l\xde\xf4%\xec\xb7D\x9f\xa6\xf7\xb1@g\'\xd6[\x0c\xfd\xe3\xab\xcf\xe67\xbf\xdd\xfc\xcd\xd5\x0f\x1f\xbf\xdc\x9c\x9f\x0f\x85B\x06\x80\xd2\xa8=\xa5R\xbf?Y\x88f\xe3\x1b\x8b#\xd9\x83\x83Tvy\xa1\x90\x07,&lt;\x91\xc9D\x92\x9d\x97\xf0\x16+\xba\xfd\xe4YZ;\x0bX\xc9\xd0\xce\xceA\x10\xaa\x04\x94\xa7\xfc\xe4\xd2\xf6\xf7\x80\x15&amp;\x13\x9a\x06q_\xceP2\xf8\xd9\xfex\xb4\xe0\xcb{\xf3\xac\x97\xe3|\x1c$\x97\x84\xe6\xb1\x8aoE\xa2;w\x84\xdd\xd8@\x9d\xff\x0b`\xb9f\xb1\xb0\x9f\xe3\xd6\xd7\xa6\xbdv{&lt;\xee\xf3A^\xc1\xe9\x9f\xc2\xf0\x89F\xb1\xc7\xe3\xf1{&lt;\xac\xd7W\x88\x16\nq._\xea\x07,\x83If\xc4me\x1ek\xef\x1c\xd3\xee\x8a\x84\x0c\xa1\xa8N\xf4\t\xafV\xc0\xdc[L&amp;\x8b\xd3P\xb18_\xa8P\x80j\xba\x14\xf2Mc\xab=j5`!\xb4\x0e\xe1\xec&gt;\x1f\xe0p\\\xa9\x94+\x95\xb8\xfe\x1c\xa2\x92\xda\xca\xe5./6Z\xda\xda"\x84\xe3\x12\xdd\xdc\xdd\xbdy\xe7\xc1\xcb4\xe6\xc2\x86\x06\x8b,\xeb\xf7\xb3\xa5\xfe\x99\x19\x9f/^\x88FC\xbe\xe2\xd0\xeal\xbb\x14\xb0tF#E\x1b8\x1e\xc9o\xd4\xd1F\x9d\xceh\xc8\xe5\xfc*U&amp;S\x9e\xe9\xf7\x9dH+\xd5\xd3\xee\xdbB\xe5\xd7\xed\xf3\xa3\xbccvu\x7fJ\xeb\xc2F\x01+i\x92%\r\x86H\xa4\xc4\xf9|!\xce\xe0\xef\x9dZ]m\xb76X=\x80\xa1\xd3\xd1\xb4\x07T\xf2\xe8h\x06\\\x06\xa5\xd3!F\t\x9eI\x94\xbbdj\xb5f\xbc\xfa\xeelO\x18\xb9\xeaD\xbb\xdd\x84\xf1M\xf5\xcd\xda\x946\xd04\xb4&amp;\x83\xbe#1\x99\x90\\\xd7]\xceW\x8a\xa8\xa8\xf0\xa8yu\xb5\x07\xcc\xab\xc7C\xd3F\n%\x19#\x0f\x08L\x14M\xf3`:U\xa6\\\xb6\x817ROTj[\x02U\xaf\xba\xbd\xee7U\x8f\xa6|\xdc\x9b\x0e\x040e\xaf\x0c\xac\xbe\xc4\x84\x18r\x11\x83\xa1\x0f\xc1e\xe1\xa1\xa9t\x1a#[\x15\nM\x8e\xd7\x88$\t\x94\xa2\x18\x9aV\xeb4:\x1a\x1c\x10\x8d\xe3\x89\xf2q\xa2\x91ih\xd5l\xd5\xb6\x1e\n\x14\xc4\x87[?\xbe\xab\xb6\xaa\x13n\xcc\xa5\x05,0\xafP U\x08Tv\x1c\xc7\x11\x95c*\x8d\r\x8d\xa2`\xf4\xd5\x9e\x9c\x81fPp=\xa8\x98j\xb4\x82\xe1g\x18\x05\x8a\xd2\xd2\x89\xcc\xf1q\xa2U|\xabU\xa39\x15\nK\xf4\xf0_?\xbe;^i\xd4\xb8\xb1\x00L6\xe6v\xdeT\xcb\xf8=\xbc\x9a_{#\x92)\xad2\xec \xad`_i\x8fGG1(J64X\x1b\x1b\xe1\xa3\x00?DR8\x0eAL\x88\xd5\x8d\x8d}[\xa7[7\x85\xc2\xaa\xbc\xab\xd1\xddb\xb1C\x1e\x08@W4\xb7\xbb\xf5\x16J\x8dk\xd4b\x8d\nW\xd9LSZw\x18%\xad\x8a[\xb7\xac:\x0f\xa4\x14\xcc\xcf\xa0XC\x03\xd9\x80*zz\xdaH\xabZ\x95\xc8\x94m\x88X\xd1\xdaW\xa9\x9d\t\xf4\xce\x0fX\xb5S\xe6cM\xa3\xde\x1cpu\xce\xaeb\xe6\x8fb\xfa\x16\x8b\xb8\x95\xdf1H#\x80\x95\x0e\xeb\x18\x14|\xac\x82\x01\xb9h\x88!\x89\x12\xa4\x02\xd8\xc0\x11\xb5\x91(C\x01V&amp;1s\xd2\xd0FUj+Ba\xdd\x14\xd7N\xcf\xda4b\t\xa85\xdb\xd9\x19\x90\xb7\xc7\xdcz=\x18f\xa9Je3\x18\x8cC\xa3a\x9d\x05\x05w\xbdB2t.\x87\x12\xc0\xd3F\x92\x90U\xbc!"\x19\t%\x05\x9311\xf1fb\xa5\xed\xe4\xf4\\\xa0\xe9\xa6no\xa5V;k\xcc\xbc\t5k\xb5.\xc02+\x01\xcb\xa2V\xa94R\xc4`3\xf8\xe7\x86^\xfc\xdcA\x80y\xed^!PO\x8e\x02\x91\xf8\x03X(\n~\xdb\xc2\xe8!\xb72\x9a\x86\xae\x92u\xe5\xa4"\xd4E\xac\x13\x9d\xd7Nc}\xc7UO}\x13\x8f\xe52\xd7\xb7;\xf4\x96V\x1c\xd7@W\xe9\xb3%\x87\\\xae\x8f\x89\x158\xbf_\x81\xb2`4\xc2]\xec!`\xb2\'\t\x92W\x8e\xb9\xc0*S\xb7\xfaN&lt;\xd6J\x8f`\xcd\xban\xf7\xf8\x848\xaeV\xadM\x18\x8c6\xb3.\xb9\xfc\xa3\x98\xdb"\xe6\x97D\x91\x88-2\x1a0\x87%d[\x0f\x04\x91\xd1\xe9\x18\x06\xca&lt;q\x81\x05_\x90\xfc\xa8\x9e\xa1\xf0r\xb9\xaco\xe8:9\xd9\xa2\xcf\x05\xdb\x8e\x88\xf6\xd4\xc7\xe4i\xb5\x8aj\xe5M\x90\xf3.\xac\xf9\xb7P#\x80\n\xe9\xea\x1a\xef\xca\xcd*i\xce\x1bf\xc0\x91)L)\xbb\x0e\xa5\x8d\x0c\xd9v\x81\xd5F\xa0\xa8\xc3\x02-\x08\xcfd2\x04u\xf7\xa4Z9\xda\x15l\xe4\xaa\x13uW\xac\xa7\xb5\xea\x84\x1c\x93\xc38\x0f\x95\xde\xed\xb0\x98p5&gt;\xc1\xbf5\x19\xea\x8d\xdb\x03\x1f:\xfdF\xf8\x19\xfe\xe3g!\xb8\x8cg\x90\\\xf0\xe9!\t\x87\x03\xd5\xb7P4\x02Xm\xccx\xf5o\x95\xa3\x87\x82a\x89Do\xfb4\xa7\xef\xaa\xe5vL\x8e\xfdJ\xdbdnnowH(J\x82#\xb6\xc8\xf8\xb8\xce\xf7\xc3\xc0\xc0\x82\x9d\xe5\xbc\xde\xec\xf6\x0f;\xa5\xe7s\x0cJ\xf0j\x111\x82\xd4\xeb-\x16Z\x85$\xca\t\xa2\x05\xc4\xda:\xda\x13N\xad\xba\x9b\xb4\x14\xb0\x8e-\xbf\x93\xc31+\x87\x94\xed\xbd\x8c\x1e:1\xae2 ]\\a{\xbb\x90\xe7\xe2v\xef\xf3\xe7\xff\xde\x8er\xcf\xe7\x8e.r\x9eh\xeb\x89Y\xf4\xc0e4\xaal\x19)\xa0\xa2\xd6\xca\x99\x80\xe3\xa9Ht\xa5\xd2W\xab\x9d\x8e\xd7\x03\x93\xb9Y\xa9l\xfe\x08\xeeb\x0b?\x1e\xd0\xb81\x17\xdf\x89\xb2l\x9e\xe3\xd8\xf5\x8d\xc9\xc9\xe7F#\xa8\x05\xfd\x9aw\xd9\xb1^\xe0\x92\xe8(\xb0\x188\xa3\'I]\xa5^\xd0\xe1\xf4me\xc2"=V5a\xda&amp;\x90\xcb\xdc|\xe5\xcaE\x18)\x90\x8c\xe6\xc7d{08\xe9\x05?\xdd12\xb9\x0eb\xf1\xdd\x1a\xb0\x1cPG\xe0P\x10\xec\x84\n\xb5Z)Z\xf7BH\x8fQ\xb7\xc7T\x8d\xf5j\x89R\x0e\x13WS\xfd\xd0\x90\\~\xc5\xdd\xa2\xb7\xb4XZ`\x9e\x02\xdb86\xdf\x91\xf2\x06;\x9c\xc3c\xf3\xcb\x1bsp\x13\xf9\x8a\x1a\x03*\x986$\x12\x04\x91"\x08\nm\xe8\xe8\xe8\\\xc8\xedi\xdd\x9d\x17\xb9q\x87\x14o6k\xb5\x18\xa6\x1c5\x03V\x8c_\xe9\xb6X(\xa4?;?00\xdf1\x12\xcf\xce\x8f]\xbf&gt;6\xe6\x0c\xb2\xe1X\x8c\xf8/\xef\xe6\xfb\x9aV\x9a\xc5\xf1\x94\n\xbe\x1a\xad\x97E\xb8!\xb0,\xd7\xb4\xdck\xc4\xc6+y1\x93\xd4\x185\xfe\x16\xb2\xf1\x12\x8d\x184I\xb5+\xb4bP\x93X\x8d:N\xd4q\xb2\x9ah~\xb0\nk\x9a\x80c0\x1b\xb6\x89)l`Sfc\xda\x90w\x93v\xa1\xb4\x1d\x12\xc8\x14v\xa6\x03\xdb\xbe\x99\xbe\x98\x81\xdds\xed\xee\x7f\x90\x9b#*\xbe\xf2\xc3\xf9\x9e\xe7&lt;\xe7\xdc\xe79\x9f~\x1a\x8d~\xd6G\x02\x97\x0f\xefB\xd1g2;\xd5\xff\xfa\xdd\xf1\x85b\xb1\x8e\xff \x97\xf7a\x1aq\x80\x10\xa9\xe3qPR\xa2i*\xa4\xd2\xcdl,\xda\xf2\xb6\xcap-6S\xc9\xe6\xf3\x13\xd9Je+\xfd\xca\x03\xb1\xe5\xfc\xac]\xfb\xb1d\xecB\xc9\x1f\x9fH\xa8w\xefVO.\xb6!;\x19\x15\xc81\xb7@\x10\x18\t\xc0B\x14\xba\xf9\xcd\x8d\x91,\x04\xb7*\x89\x89|&gt;{\x18\x1b\x1c\x8c\x1dF*\x95J(\x91\r9\xb6\xd2E+\xec\x04}\xb8J\xa0\x12h\xa1\xcc&amp;N\xdf\xbd~\xfdzg\xfb\xa2O\xeeN5\xed\x18\xf5E5\xb0\xda39\xb9$\xec\xe4\x8b$\x94s:\xbd\x15\xcaf\xb3\x13\xd9\xc3Ay\xbbraAN\xffu=\xe8\xd8\x02\xba\xdc\xae3J\x92\xa4J\x89\x0b\xb4Z\x1c}z2~\xfa\xe1t\xfc\xc2\x9f\x8d\x8c\xafF\xfb\xe5\xcb\x83s\x01\xe1\x12xkR\x0cI\xd5\x93K\xacL$6"\x19\x9fl\xbfq{_\xbe\xbf_\xad\x16\x1a\xd3\x93\xf1zp\xe3a%7\xed\xd4\x928\n\xed\x08I\xe2k\xa7\xf4\xb5\xeb\x96\x8b\x7f42\xbf\xddI\xca\xacOWwF\xd4Kj\xe1\x92\x9a\x10!\xaf@\xb1\x88e}zm\xe1\xfdO\xb4\xbd\x87\xaf\xb3\xb3\x9f\xde\xef\xc6\xe3\xbb\xb1\xc4F\xca\xda\x07k\x10d$qUr\x1b\xfa\xdf\x16\x16\x03\xb7\xc1\xe7\xa1\x87\xdd\x9e}\xb43\xb2\xb4D\x08\t\xa1Z(\xae\x01T\n_+\x9c}\xf7\xd1\xce\xce\xce\xe8\x0fxg\\\x85\xc8F\xc1\xd9\'\xe8\xc2!\xe4q\x95O\xcd\xd8\x05b6-\x02\xeb\x18\n\x889\x02^s\x9d\xf1H\xc4\xa2\xb3\xe4\x0ei \xdaY\xb4\xa3\xc0\xde\xbe?\xfb\xee0W\xc8D2\xd6vh\'I\xdaY\xaa\xa7\xf3-L\x1ak\xfc\xd1N\x8f\x90X\x12\x12\x84\xd0\x1fI\xeb\xaa3\x1b\x07@\xf3\xf6\xc7\xb7\xb4=y\xdb\xd8\xdf\xdfo\x14\x1a\xca\xa2\xaf\x90\x0b\xae\xf5\x91\xb4\x84Z2\xe5?e\xf8\xfa\xf0\xfc\xd7\xab\xd0,\n\twIT\xacE,\xde{:\xc5Bup\xa1\xf1d\xbfi\xaf_O\xcb\xe9RP+K\xa5s\x9e&gt;PP\xa0\x15\x08T\x9ec\xa6g\x0c\xfe\xf4x\xa4gIX\xea\x19!\xe2\xe9\x88\xd7[\xc5\xa1\xadW\xe22e\xa3Z\x1d\xac6\x94\xfd\xb0M\xcba\xef\x93\xf9b\xb9\xe9v\xbc\x03\xb2\x03l?\xf1c\xc6/[?\xde\x81\r\xa8\xc7\xdd#\x8a\xefA\n]PA+\x0b/Y\xc3\x15{\xf0\xc0{[ \xd3\xde\x92\xcber\x99\xd2\x92\x83&lt;\xdaEk\x88\xe3\xc9m\xa6\xaf\xa6\xcf\xae\xce\xcd-A\x8a\x10r\x8d\xa9\x82N\xa7\x00W\xc1\xde\xb2\xa0+Xb39\x0b\xfc\x06(\xa5Rv\xdb\xa7\xb3\xa8\xb4x\x07\x89\x93\xb0#:\x19\xc7\x9a\xdfy.\\\x9a\x13\xc2f\xedI\xe9|*E8\x8c\xa2\xa8bp\xea\xc1\xcc\xc1\xc6L\xac\xe0kR)}\xf43g\x95\x00\xef\xb8\x05`(\xcaa|\xc0\x80u\xff\x1f\xea95\xd4\\\xe2b\x06\x9c\xb3\xe0\xa5/\x07\xa2\xd7\xab\x0f\x0e\x0f\x0fs\x83\n\xb9\x80~\xd4V]P\xa4\x82\x11_\x07\x0em\x08\x8a\xfe\x11%NZ\x98\xc6\xfa\xeaq&lt;^\x8fC\x91Z\xdf\xb3\xe8\xbc:\xc0R\x84\xafw,\xc46s\x0fb\x0bJ\x99\x8c\x14(\x15\xb0\x14\xbc\x91\xadT\x17\nU\xf5\xd0\xd0\x10\xde3\xcb\xf8\xb4\xcfW\x8f\x9e\xbf*\x8a%\x12\t\x84|\xc6e\xb1x\xc3CC\x1d\x1d\n\xaf+f)\xdc\x96\t\x94\xfdr\x99\xcf\xeb\xf5\xba"\x91\xd4uE\x17\xaa\x08\x8f\xa1\xd6\xc0&lt;\xc3X\xac\x96\xaf\xee\xf7\xec\xeej4\x1aI&lt;\x18\xc9\xa5\x83\x80\xd5\x05\xfd\xb5\xcc\xe7\x8a\xb9\x1a\xb2\xdf\xf5\xf7\xf7\xdf\x92)]\x96L\xb0\xe6H]G\x15hx\xb9,\xd0\x8c2\x8d\x05"\xde\x1f\x9dL\xf9=Iq\xbd6\x0cuU0\xa6\xe8\x02\xa9\x94k\x05\x97K\'\xfb};\xfd,\xc9\x97\x89\xe4"\x8e\x90\xf7s\x08\xac\xb1{\n\'\xf3X,\x1a+\x90T\xf9=\x93\xf5\x17++\x00\x96\xb3\x80d:\xa5\xafP\x80\x06\xb1_\xa0\xd2Y\n\x99\xf4phxq\xb1&lt;\x14\x0e\x7f\xb1\\\xc6\xa3F\xc6\xb1\xa0g\xbc?:Bx\x8a~k\xd1\xf1g\xdb\xe2\xe2\xb0\xa3\x96\x0b\x06]\re\xc3\xb7\xb6V\x94\xeb,\xc1Z\x1a&lt;e[\xc9&amp;\xee\r\x8d-\x97\xcb\x8a\xbeh\xfcr\xb0\x02%\xbd\xbf\xb8\xb6\xeb\xb0\xd1\xc7\xe4\xa1\x90#\x12\xc9\xb8|\xbeFcw\xcf\xe7\xaa9\x1c\xf4\x19z\xdel\xb6M\x8d\x95\xcb\xcb\x83d4\xead\x1e\xab\x85\xf6V\xc9d\xf0\xaf\xef\xa6W\xcc\xe6\x95\x95\x95\xc4bh8\x12\xdc{\xb5[\xc8d\xf6\xd2\x00\x95\xc8&amp;l\xf9\x9b\xd2\xfc&amp;P\x95\xbdV\xc3%\x88\xd8Bc\x05:\xf9z\xa7\x7f=\x980\xf7\xd2\x87\xfb\xb6Dh\x83&gt;\xc0\xde\xcb\xe4\xd2\x8e\xd0bh\xd161\x91om\x9d\x98*/\x87Q\x0f\xc5\xa14\xa3\xac\xcb\xc0\xea\x11\xf1MN\xbf\xffU\xa2\xf7\xc6\xcd\x1bf\x9b9\x9bH\x00W\xad\x96\xder$\xe8\xbb\x08\xbd\xf9\xbc\xb4\xbb\xfbayy\x0c\xd5RH\x94\x9a\x1cez\xefi\xc6\x16\xa16\xf1\xed\xc9z1D\x0f\xdd\x99{{\xcd6\xe8\xc1\x1c\x8e-G%\xb1\x02?{\x07\xa47[\xafI\xcf\xc7\xc6\xc2\x82\xa8\x9dJj4\x97\x12\xf2\xab\x84\x04\xd1\x9b\x10O1\xbd\xd2\x1c\xac\x1b\x18\xc8\x9b\xe9{\x11\xa1\x90\xcdf\x96Jo\x0cH\xbb[\xdb\xda\xb2\xf7@B-e\xa7\xa2\x94q\xe4RV"\x81\xe8\xf5z\xc4X_\x8f\x98\x07\xc05@q\xf3\x06,\xca\ts\xbeW\xda\xd6\r\xf6\x9b+\xad\x13\x9bca\x94t"v\xe0J\x8e\\F\xc8\xaf\x12z=\x87\x83\x18\x93E\xcbF\xc26\xd0J[w\x93\xae[J\x0f\x8f\\\xbbrUZ\x99\x1a\x0b+H\'\x85\xd0f%f\x19\xcf\xf2\xe0-7\xc2\xe3\xf0x\x06\xa3g\xdd\x12\xdb\xb2uK[\xdb\xae\xd1\x93?m\xadW&gt;\x0e!I\x1fn\x8e)h*\x03E!v\xa7\xdf\xc9\x9d\xbd\x0c\x11K\x80\xc5\xe1\x188F\x0f\x1e\xf6\xe6\xb2fiw\x1b=\xd3\x03o\xf0\x954\x9f=/\x87\xa1r@\x9dF\n\xa1\xec|\xeb\xba\x95{\xc2\xa6\x8d\xe9\x90\xd7\xdby\x06p\x18\'\xe9\xf1\xaf[\xd2[\x13\xf9\xec\x04\xa4\x04\xe9\x00 U\xce7\xcb\xe1\xb0\xcf\xa7P\x91\x1c\r\x85H\xec\x08b\xf4H\xc6Yl6\x93\xd3\x80M\xac\x1e\x13Hh0\xd0\xe1\x05q\x9f\xd2Yf\xce\xcfg\x0e\x0e\xfeyp\xbe9U\x0e\xabT&gt;\x1c\xfaC+\x85Q\x12\x0c\xe3\xda1\xa7\xc7x&lt;{2\xbe}\xc2\\Re\xb1N\xee\xaf\x06\xf8&lt;=\xc7h0\x00\x1b\x8f\xe3\xa9\xfb\xfd)/\xd4\x83\xf7\x06\xbda\xdf\x9a\x7f\xda\xe3\x99\xf6\xfbI\xab\x06\x13K0;f\xb7#N-\xf9\xd7_\xfe\xf3\xe5\xf7_\x9e25\x9b\x0bJl?Zu\xf3\x11\x84ch\xfaKo2\xe99I?\xb8L\xb7^\xf4\xfb\xa7\x93F\xa3\xc6\x99\xf4$\x8dP\'b\\\xae\x9d\x8b\xd99\xc6\xbe\xae\xbf\xfc\xfb\x877o\xde|\x7f\xca\x88\xbf\xd8\xec\xf9\xed\xd1\xf8\xe8\xa8\xdbm\xe75\x83\xde\x80\xf0\xf9wKjq\xbc^,\x16\xd7&lt;V+T\xad\x1aX\xa2I\'%\x91\xd8\xb9`|\x0cC\x0c\xda\xcf\x7f\xa0\xa9\xde\xbc\xb9\xceDc\xc6f\xcd~\xa8\xfe\xebhd\xc4m\xd2\xf3\x90f\x92\xe0\xe9\xdd\x80\xc5\xe3\x18\xeb\xf5\xe9iO\\\x0c\xc2I(\xb1FCa\x121`u\xde\x01,\x1e\xd5\xd7\xf5\xec\xe7\xa3\x99\xa3\xa3\xa3\xcd\x0f\x17\x9fW\xd9\xac\xf9\xbbG\xbf\xfe\xfas\xa0\xe4v\xeb\x81\x08\x84\xe4 \xa6\xd2]7\xa2\xe7\x19@\xbc\xe4\xa4X-\xe2b\x12\t&amp;\xd1` \x1e\x97\xe0\xde\xb9\x83a\x90\xe5\xfb\xba,i\xb0`\xf0\x9b\xe7\x17&gt;=\ti\xe7\xe9\xe6\xc1a\xe4%\x8de\xd2\x83\xb7\xc0]z~\xe9i\t\x189\x10RF\xb1\x9a\xe0\xf3\x01\x8c\x8eu\x8c\xdb4Lb\xa7\xa8\xa8\x16]\x9e\x9a\x99\xd9\x84\x86\xe4\xe5(\xfb\x82\xc3\x8b\xcd\x1e\r\xd6\xbe\xf9{\xede\x0f`\x95\x80\x0b\xc8\x10\xbb\xbet\xb7d\x820\xe3\x81n\x80A\xb8\xb9\\\x91\xf8\xffX\x18W\x04y\x8b\x8a\x92\xe8\xf2\xb3M\x1b\x14\x1a\x89o\xff\x168\xb9P\x1d\xd9\xac\x0f{/\xbe\x1d^4\xbf\x08\x94\x80\xcb\xad\xd7\xdbi\x8f\x99J%@\xfc\x1fVg\'!\xea\xe4\x8a\xd4\x188\x89\xcb\'\x08&gt;x\xce\x8ep\x9c4\xd6\xb3\x83\x81\xabW\xaf\xfc\xf6\x93\xe1_\x8e/0M\xb0\xd9\xc7\xa9E\xf3\'\xd7\xae\\\xab\xd1\xder\x9b 1\xc0r\x04\xac\x91\x12\x1fb\x8b\xa3\xd1\xd8;\xefv\x12\x04}\xf8\xc2\xc54MF\xbe\x08\xdcF\x19\xad "\xd8Q\xfe\xea\xd5\xff\xb2r\xbe!q\xa4w\x1cO\x9e\xfaL\xe6\xef\xca\xca\xce\xf04\xcbd\x96\xf1 \xc9\xca\xb2\xd1\xe4m^\x86]\xd8]\xd7\xa3\x18.9=\x11\x8f\xdbe\x19S\xaa\xde\x99b\xe0\x90V\xf3BH\xc3qIw\xab&amp;\xb4qkI\x03\xc1\xe3.\xea\xa9\xe8%/.$\xd1\x84\x06\x11\xf3\xa2\x05\x0bj\xdeD\x88\x89\xc4\x1c\x17\xfa\xfd\x8dw=Z\xae4\xed\xdd\xc3\xee\xec\xea\xee\xcc~\x9e\xef\xef\xfb\xfb=\xbfQv~\xe2,o\xae|\xf2\xa3]\xeecO\xc5\'+\xcb\xfeW\xa7;.\x1e\xcd\xe5,\x0b\xf5\xca\xb7|\xa0\xbe}\x10\t\x90N\x06\x1a\xad\xda\xf6\x1c\xa0\xa2QhTWYmA7x\xab:\x989q\xf8\xa7m\x17\xdb~\xfdp\xbdc\xef\xee\x8e\x97\x0b\x9b_\xf5\xf4\xfd8`\x15{\xfe\xb2\xf2\xea\t}/\xf9\xa3\xf5\xcb5\x83V\xce\xaa\x07\x99\xef\xfa\xaa\xdc\xe0 \x82\x88RU\x95\xcfWZ\xb1\\m\xb4\x9e\x9c\x95\x80\xf9\xc9\xf2\xc9@\xe0\xc4\x1b\xc7\xda\x1e\xb6\xb5=\xbc\xbd\xf8\xb4cc\xa1\xbc\xf0\xd5\xcct\xc9\xffCl\xc5\x0f^q\xee\xacl\xbe\xec\xd8\r\xaa\xadS\xdd\x839p\xe5RU\x01Z\xad\xd3\xf59\x0b\xedW\xa6\xffp!Y]\x8dn:\x8a*A\xbe\xc2\xa3\x15\xab\x8e7&amp;[[O\x1c\x04\xd6\xc5\xd3\xb7\x16\x9f&gt;.\x97\xcb\x9bw\xe6G&amp;}\xc1~\x10\x18]\xf0duteaai\xefG\xeb\xb7\xb7N\x7f\x1aE\x14S\x96UO\xc5\xcb\xaf\x11\x16\xeaV\xe1\xe0\xb1_&amp;\xebb\xb1XMM,\x06c\xc1f\xb5\x95\x89X5\xcc\xf5\xe1\x89\xae3\x97\xdbN\xdd^_\xbc\xdd\x02\xac\x95b\xcf\x902413\x7fc\xa0\xef\xfc\xffE\xe6O\xa8o\xa04=]Z)/\xbc\x1c{JXWj\xc8\xf1\xa0\x82\xe7\xa9\xa0\xe2y0\xd0Z8x\xf0p\x12\xf54\x16\xadI\xc0_Dea\xe9A\xd1o\xfc\xb0\xb5p\xf6r\x1b\xc4Z_+\x87\xcb\x9b%`\x85$\xc9\x8e4\xcdM\xad\xfa\x97\xbc\xf9\x1f\x99vU\x9c\x7f\xb74{ojnd\xbb\xef\x0eL\xb1AX[g\xd2\xc0\xcaY\xdf.@\xcdpY*\x9di-\x14\xd0\xca\x90\xb5j\x12\xd1\xe8\xfbHI$b\x0ckP2\x19h\xed?{\xf9O\xd7\x16\x17\x9f\x95\xc3\xe1\x85\xbf\x15\x07\xb6=Ib\xaa*\xcb\xb67&gt;=[:_\xf1\xfaWV\xf2\xaf}TZ\x9d\x9e\x181\xb3\xb27?P\\)\x97\x17\x96\x9eB\xad\x9f\x17RHEd"\xb0\xaa\xa8F\x00+\xd3\x8a\x9e\xa1q\x07\x8b\xaa\x04m-\xfa\xc7v\xac\xba1\x99i=\xf1\x8b\xcb\xa7n-\xc2X\x07\xc2+\xc5\xe2\xc0\xa4\xea\n\xc1\x15E\x085\xeb\x8cLn\x8f\xf6\xbd\xa6\xcd\xe8m\x03\xb3\xd3s#\x8a\xe3\xc8\x9e\xf0&amp;F\x8b\xa3\x9b\x08\xe3\xe2\xfa\xd6\xd6\xe9\xae\x00\x19\x0b\x05\xa2*\x85n*e\xd5\xc7\xd1xe\x02U\x95\xf9\\\x0e\xa6:Z[\xeb[+Vo\xd1\xbf\x8f\xeb\x08\xeb\xd8\xcf\xae-.\x1d\x7f\x10&gt;\x00\xaa\xbe\xed\x11I\x12\x12\x0fq\xc1U\xc1\x8d\xac7wwv\xe05\xc0|\xa1\xeeM\x0ck\x8e\xa9\x18N\xc43\xbc\xc8|\xd1\x97k\x83\xe4\xba\xd2\x9f\xa2\xf2\x10\x04S3\xec\x95\xaa\'\x8b\x05\x02\xcd\xcdV\xbe\xbd\x1dD\xed4\x90\x8c\xb1\x04-\xdd\xf1d\x7f\xa6\xf5\x0f\x17o\x91\xb1\xc2\xafJ\xc5b\xcf\xb8,q\xceD\xc8\xe02\xe7B\x12!S\x1b\x9e\xb8W\xfao\xf6\x87\xa3n\xdc\x1d\xf7d\x05;*\x8e\xe2E\x14\xcf\x9e\x1b-\x966\xcb\xe5\xaf\x97\x16o_;[\x08P\xe0\xd0C\xa0l\xe1F\x91\x0c\xa4\x83UXp\xc0\xf4\xe5\x97\xedtG4c)2W]ck2\xd3\xf5\xfb\xc5\x17\xe5rx\xf3N\xb18:i3I\xd6\xb9\xa1\x848\x86\xe0:\xd7U\xc5\xf6\xe6\xe6G\xff\xf3\x17\x9cI\xa8\x81\xd5\xa9aMU\x14\x03\xfb\x1a!`\xa9ZD\x9b\x82\xbb\xe0\xfa\x17\xeb\xeb\xd7\xce\xbc\xd1\x0f\x89R\x81`\x95\xdf\xde\x04\xa1\x14u\x85(\xa7y(\xe5Sa\xd3^\xbbc\xf9\xba\xc6L&amp;\xd3\xf5\xf7\xc7\xe12\xd9\xbdX\xba\xabI\xael\xbb\x80\x91\xb9\x80\xef\xc5&gt;\xcetXM\x8e\xec\x80U|/\xd4\x9e\xd2\xea\xd4\x08f\x01}\x01%t\x1e\xf2&lt;;\xcb\xc4pO\xb1\xf8\na|\xbcx\xed\xadc\xfdp\xd2N\xcb\x05*\x9c\x98e\xd0\xa9"%\xf3\xf9\\\x9e\x02\x98#\xa8\xdav\xea\x01\xd1\xe4$3\xc9\xee\xcf\x9f\xbf@\x08a\xac\xe2=O\xb8L\xd1&lt;\x97\xeb:\xa4\xf2\x87,\x90\x99:\xcf\xdas\xf7\xbe\x0f\x8c|\xbe:\xd9\xa4\xaaB\x97\x85\xd0\r\xda\xcd\x08i\x9e\xadr\x89M\x15\x8b~\x91\xe8\xb8u\xfalW\x81\xce\xc7(\x15)|\xc0"\xc7W\x01\xa2\xd2\xca\xd7\xe6|\xd1\xc8dy,?\xa0j\xec\xfd\xa2\xc9\xe9x\xf2\xf5\n\x8c\xb5\xdddH\xcc\xe0.\xd4\x12\x86\xac\x0bE\x18\x8a\xc1U]\xe8LB\x06\x90b\xffV\xc8\xfcj&gt;\xd9$\xdb\\\xd7tA\\H\x13\xae\x86\xb4\x11I\xe5\xba=|\x83\\\xff\xe2\x12\x1f\xdbz\xefJW\x7f:\x93\xeeO\xd3\xf2Ch\xe9t?\x9e\xc6\xd1ha\xad\xac\x8fa\xd1&amp;(\xab\xd2o\xbe\x12\x9f}\xac;\x8e\xc9O\xde(\x0e\xcc\x0e\x19\x92\x8e\xa31\xddT8&amp;\x0f\xa5\x0cC\x91)4\xe0\x94\x18\xd3\xbc\xb9\xe9\xd2\xf9\x7f\x81zwvf\x98\t&amp;\xe9L\xc82AQ\x1c\xb9"{LV\xe0\x10x\x8e\x00\x00\x05\xe0IDAT\x84nC\xae\xd1\xcd\xe7\x11\xfd\xc8\x1f\xe9\x0b \x85B?:\xe5t0\xd8\xd8H~\xa7\xb3\xa0F\xfak}\xc2\xb2\x12y\x18\xcc\xc2\x80\xb7*+\xefO\xecWL\x18\xd5\xe0\xe3\xab=s\x06\x15R\xdd\xd5\x15P\x19\xfeG\xe0\xaeb\xe0u.\x18\x93$\x80\xcd\x7f\x07\x85\xec\x9b\x1a\x8e\x18\x88\x9f\xae\x0bCH\xfe\x04d\xe2\xb3]\x06\x8b\t\xa5i\xb5\xd83\xe9EtC\xfc\xea\xad+]]\x9f\x162\x84U\xe5\x9f\xf8\x93\xbd\x82\xf1\xbaft4\x16\x05\x12RY\x95\x04\xd5\xfdESHQ\x14\xd5Pen\x0c\x8f\xe38\xbaP%\x97t\xe2\xc2u!\x81\xcb\x98l\xcb\xba\xa4\xcb\xaa"lUH\x11o\xe4\xbb\xf0\xf5L\x0fk$\x91$Q\x94\x85\xf0]\xaf\xa3\xee\xc9\xba\xac\xd3\xb4Tsrv\xd2\x8e0d\xb6\xf9\xf6o\x88\xebS\x08\x06KQ(\x03\xd4\x07B\xac\x18\xb9+o\x11Us],\x1f\x7f4l:\x06\xe2\xa3\xe0\x8e\x99)\xdc\xd0\r\x9d1\x18\x04\xa5K\x97\xc0$\xb9.\x8bD"\x8c\xd96&gt;^\xc2\x82d\xbb\xde\xb7\x15}t~&lt;\x82\xc2\x867\xe2\x9d\xfe$\xf0\xa8c\x17(%\xc9\x80c\\\xe5\x91!M\xd3T\x1937\xf7\x9d|\xd4\x85\xb3idd\xc0\x97+\x08\xa9\xe2q\xb2\xbc\x7fr\x98\xa7S\r+~w\x9c7d)\x9fa \xb2\xf6&gt;\x89f\xeby\x0c\xe6b\x88\n4b\x9a\xeb\xd9\xc0\xd24\x1bU\x88i\x11\xfcF\xd3\xbeI\xbf\xed\tO\x96\x84\x06[!\xf4\x82v!:\xe2s\xfd\x1f\xa0\x9fL\xb6\x974[\t\x91S\x1cg\xff\xc9\xcf\x11\xc7B\x7f0\x95\xa2\x05;\x05\xbb\xc7\xeb\xfcU\xd0\x02\x15\xc8*?\x1bg\xa6\x9aUTa\x18*%\xb5\nk\xb0l6\xe2y4kR\x00a\xc0\x961\x1f\x0b\x1b/\xa2\xed\x10\xfaNG\xfa\xd9\xf8d\x12F\xa2D\xa5w\x92N\x9c\xe08p\x85l\xa3\xf0I\xcc\x96 U\xc80\xe9R`\xa6\xe2\x0e}\xf0\xbb\x02\x15\xd6z\xd4\xb08\xa5a]\xa2:\x16\xc3"\x99\xcf\xb7\xe7\x1e}|\xc8T\xb2Y\x98Y!?\xa8\x14&gt;\xfc\xf8\xfc\xf2\x9c\xff\xe1\x1aCH\xa8\xa0\xda\xb6\xaf\x0f\xb4\x02\x15=\xc3\xab\xda\xae\xf3\x03\xe4\xf4\x08)\xe3"T\x88:\xf3\x07v\x92\xc8\x95B\xd8\x9a\xe0\x02\xfb\xa96\x15}\xdc\x0cX\xd8\t9\xa6i\xb2\xa1\x0f\xba\xd2A\xc8\x13C\x04\xd3\xdd\xbd\xf1D\xa2\x9e\xd6\xc1|\xec\xee\xb8df\xb3&amp;\xa8P\xf38\xc5\x9d\x8b\xacr\xa4ci\xad\xfc\xe2\xb7\x87\x0e\xedC\xe9\x94q@\xf8\x16\x15\xdb\xc6 \x1c?\x8e;X\xb3\x80r=\xd2\xc6#\x99$F&gt;B0uR\x0b\xc5\x8b\xf8ql\xfb\xdc\x931\xa2q\x10A\x13D\x8eCz\x85\x1c14\xd3[\x99\x8fF\xeb\x13\xf1xoo\xf7\x85x\x1cma\xf7\xa3!\xee(*\x988-.\xc8\x96l\x96\x98\x96\x9f]mi\xe9\xec\xfc\xeb\xb3\x8d\xc7KK\xcbc\x1d\xfb1U\x1b\x81\x90\x01\xb5\x83\xc5\xa0$\xe9\xb6\x0bP\xae7r\xc8%+A"B\x93\xf1\x88\x07J@R\x1bo\x94\xb5\xb1\xb5\x07kc\x8a\xb3\x9bp\x9c\x06\xba\x9c\x14\xd1!\xf5\x1b\xb2\xc33\xbd\x83\xefD\xa3\x89\xf8\x85n\x80\x81n\xe6Rh\xb7\xe3\xaf^h\x11\xc0f(\xaa\x19zs\xec\xc9\xf5\xab\x18-\xc7\x0f\x84\xc3\xe1\x07\x0f\x1e\x84[:\x9f-\xbd\xadR:\xe92\xf2\xef\x9fj\x91\xbdv1R\nP;\xb9J\xd1C\xfe\xf9\xbfc\x11\xe6j\xb6{ny\ts{\xd6\xd2y`m\xf9HC\x83/\x93C\x17\xbd3\xe9\x11\x1dFC\xb6i\xe2\xfe\xd1w\x8e^\xb8p\xf3\xe6\xcd\xee\xfb\x7f\xbe\xa46(T\xa9TZT\xc8Z\x8a\xb9\xb7ci\xe3\xfa\xd5\xeb4|0\x1a&gt;\xdc\xda\xf2~\xb8\x9a\xac\x85\xd2ek\x14M\xd4I\x04\x11\x9e\xf2\xdd\x8e\x14$2\xe2b\xc8`\x18M\xd2\xed\xec\x9b\xcb\x1bk8\xca\xf1\x16\xcc\x13\xc7}2fP\xc2#z\xe6\x0e\\\x03\xb6$\x9b;4s\xf3}\x80\xdd\x9fh\xe2T\xd1\x15\xees\xe1\x95\xac\xd2\xd0\x00\xa1Z:[:q\x0c\xff\xde\xd9BL\x18`;\xbeq.\x8b\xf9#(\xbe\xc1\x88L\xcd\xda\xf6\xaeoh\xe8\xe6\xc7\x11\xceB\xd6\xa2\xf8\xa9\xea?\x8a\xb8v\xdc\x84\x81(H\x90\x8clcw\xde\xca\x02Y4\xd92E\x0e\x90\x1bx#E[!\xf9\x02T\xde\x9b\xf8\x0e\xae\x11G\xa0N\x11:\xe2\x86\xd6\xa21\r\x96P\xa4H\x99y6\xe4\x89\xdfZ2\x9a\x9d73\xfbh\xc8\xbd\xfejy7x\xc7\xf6\xa0\x8a\xed\xe9\xdcWJ\x85\xd00\x90)\xca\xcc\x10\x05\x9e\xde\xfa\xfb\xf3k\xbf\x0eT(\xae\x88\x99"\x00\xfed\x92\xb2k\xad-\x8a\xc2Z\xab\xf9\xee\xf8\xf9\x81\xab\xfe\xe9}i\xdc|.\xc2\xa7\xb7|\x7f2\x93\xa8\xe5\x893\xa5\xf3\x90\x94\xc1pD\xf9q\xd5\x15\x98r\x89\x08\xc0\xe4\xddb\xcb\xd7\xa6|\x81\x96\xe9G\xbc\x12\x9aBP\x86\xd0O\xf4\x16\xc1z8\xfc\xe4/\xe8p\x1d\xa0cx\x0f\xb7Y\x16\x1b\xc7/\x19\x16\x0f`\xbfMDM\x89\x8a\xb3Aa`\x8b\xb9\xc0\xc3\x85\xb6\x0f1\x8b*\xfa\'\xf7\xbce\x7f\x03(\x00\x91\xe2.\x9dk\xa5\x05\xed\xa5)\x97\xe4\n\xd6G\xb3\xe0\xfd\x90\xd6L&lt;\xe5s\x89\xa9\x93\xa5\x8cI^w]\x9bZ\x8a\xe9\x1f\x8b\xbe#\x13`u\xaak\xdd\x88\xcc\xe7\x9bl\x8c\xd5\x15\xb4\x85\xa8\xf2"\x99ab\x19\xc88^D~Pu6-\x04\x0cU%r=\r\xb5\xdd\xc2\xe3\xe7\xa6|\'\x1f\xd8\x03\x1d\x17(\x83\x89\x00A\xeec[\x88\x11X#\xa9v\xc7\x8b;\xe8\xa1{\xe0\x9bJO\x05\xd8\xa3\xa7\xa9\xac\x0f\xf5q\xcaT\x90"a\x9bl\xb2\x8a$\xa9\xd0KP\xc6^\xe2\xc7\xc8,\x8f\xfbk\xaaG\xa2\x1c\x91\x11\xd8\x1d\x16\x80\x81\xb4\xd3\x05\xd1\xf3\xb1\xcc\rJ\x19\t\xce\x05\x02\x94\x0b\x838h\xba\x9b\xd3d\xbbp\xad\xd3\x83\xf9F\x03\xa6Z.\x0b\xb4\x91\xb2\xee\x19\xb8\xe0\xc8l\x01\x1b\xe2\xf1\x07\xcdq\xb6\xab@\xb8\x00\xa8\x00\x00\x00\x00IEND\xaeB`\x82'</t>
        </is>
      </c>
      <c r="M513" s="3" t="n">
        <v>45492.67775462963</v>
      </c>
    </row>
    <row r="514">
      <c r="A514" t="n">
        <v>1387272</v>
      </c>
      <c r="B514" t="n">
        <v>1962</v>
      </c>
      <c r="C514" t="inlineStr">
        <is>
          <t>Lucas Esteves</t>
        </is>
      </c>
      <c r="D514" t="inlineStr">
        <is>
          <t>Lucas Esteves</t>
        </is>
      </c>
      <c r="E514" t="inlineStr">
        <is>
          <t>LE</t>
        </is>
      </c>
      <c r="F514" t="inlineStr">
        <is>
          <t>LAT</t>
        </is>
      </c>
      <c r="G514" t="inlineStr">
        <is>
          <t>LE/ME</t>
        </is>
      </c>
      <c r="H514" t="n">
        <v>171</v>
      </c>
      <c r="I514" t="n">
        <v>16</v>
      </c>
      <c r="J514" s="2" t="n">
        <v>36700</v>
      </c>
      <c r="K514" t="inlineStr">
        <is>
          <t>Left</t>
        </is>
      </c>
      <c r="L51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ed677c7-8e9b-4fb6-821c-c256d01cb6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c\xa4\x9d\x00\x00\x03\x00PLTE\xff\xff\xff \x1f!\x1e\x1d \x1b\x1a\x1c\xfe\xfe\xfe" #%$($#\'&amp;&amp;)#"%\xf2\xb7\x9a\x1d\x1b\x1e,+-((+(#!\x19\x17\x19\x15\x1d\x16\xde\xa6\x8a\xd4\x9c\x82\xda\xa2\x87\xc9\x98\x7f\xd3\x9f\x86\x1c \x1b0.1\xf2\xba\x9e\x16\x14\x17\xc4\x93z\xf3@?\xee\xb4\x97\xc7\x9a\x86\xdf\xa9\x8f\xfd\xc5\xa7\xf6\xbd\xa0\xd7\x9f\x844*\'\xd1\xa1\x8c\xfa\xbf\x9f\xb8z_&lt;/*\xc3\x96\x82\xd4\xa4\x90/%#\xcc\x9b\x82\xde\x9e\x82\xbc}b\xfb\xc2\xa3\xb4v^\xfc\xfc\xfb\xc7\x96|\xce\x9d\x86\xcd\x9f\x8b#!\x1f\xbc\x84n\xeb\xb2\x96\xd1\x98~\xed\xae\x91\xe4\xa8\x8b\xc2\x8cu\xdd\xac\x97\xe8\xaf\x93\xc2\x8aq\xf7\xbb\x9c\x99ud\xec\xb6\x9b\xe2\xae\x96\xdd\xaa\x92\xbd\x8aq\xc8\x86kD1)\xfd\xc8\xac\xf8DBO9.\xd0\x9b\x81\xf5\xbf\xa7\xbb\x81j\xbc\x8fu\xd7\x95z\xb0s]\xd4\x91u\x92r_\xc7\x82s\xb6ye\xd1\x90\x82\xce\x8b|\xd9\xa7\x90\xa5~k\xe1\xac\x93\xe830\xb2\x80w\xeb\xb8\xa0\xcc\x8ao\xe6\xb5\x9f\xcb\x87x\xca\x9c\x8b\xe8\xab\x8d\xce\x94z\xbd\x94\x81\xb5\x7fh\xd9\xa9\x95\xd6\xa3\x8b\xc0\x91z\xe1\xb1\x9b\x13\x11\x13\xec64\xe4\xab\x8f\xf0&lt;:\xc1\x83j\xd9\x99~324\x88ZF\xa7\x82r\xd5\xa6\x94\xbb\x84|\xa3r_\xf8\xf7\xf6\xfc\xcb\xb4kE4\xc6\x89o\xf1\xb2\x94\xbf\x85r\xe5\xae\x92\xd0\x8er\xe6\xb2\x98}_M\xad\x87v\xd9\xa5\x8d\xd4\x95\x88\xc6\x8eu\xc8\x8e\x81F71\xcb\x94\x86\x94kY\x9bgR\x9d{i\xc0\x80d\xbb}i\xe0\xa2\x85\xadxc\x85bP\x95bMyP&lt;\xabnY\x9dmZ\xb9\x8f|*&amp;\'\xc1\x8b\x84\x8an[\x8f`KuYI\xb0\x80j\xc2\x8b{\xca\x8es[?0\xc7$#\xca\x92x\xf6\xf1\xf0\xb2\x89z\xb6\x86m\xe5\xa5\x88[F:\xc5\x82gqP?\xd9\x9a\x8e\xd0\x9b\x8d\xf7\xc4\xb0\x8chU\xc7\x8b{\xe6?&gt;"\x1d\x1eR?6945\xe1-+\x7fWC\xbc\x8a\x7f\x7ffVaJ=\xee\xed\xec\xfcJG\xec\xba\xa6mUGhN?\xa4kT\xc7\x93\x8a\xabxm\xe9\xd8\xd3\xdb\x9b\x88\xd4/.\xbeyl\xbc!\x1f\xe1\x9e\x8f\xc9\xa1\x95\xb6\x89t\xc0~p\xf6\xe4\xe4:=&lt;\xd2\xcf\xce\xa6ugJ\x1e\x1f\xfb\xcd\xbd\xd4\xa9\x9d\xe5\xe5\xe4\xbe\x98\x87\xef\xc1\xaf\xb5xp\xdb\xdb\xda9\x1e \xfcVP\x93+,\xc0\xc1\xc0#$#hli\xdc\x93\x82\xf2\xd3\xc8\xa3\xa5\xa3\xb1\x90\x82]4*\xf2\xdd\xd8\xdb\xb0\x9e\xe0\xbd\xb2\xb476\xad$#,\x1a\x1b\x87Q?\xe7\xcb\xbf\x97\x97\x95n\x1f!\xe8\xa3\x93\xce=&lt;wxv\xe3\xce\xcd\x9f*+\x85$$PRP\xb2\xb1\xb0\xd7\xc3\xc3\x97\x89}\xc0\xac\xa6\xc5cW\xcd\xb8\xb6Z\\Z]\x1f"\xb5\x9c\x94\xbbrc\x8d\x8f\x8cDGE\x83\x85\x84\xa7UG\xd5\xb3\xa9\x7f3/\xc610\xbdLF\xb0dS\x99B:\xd1RM\xcf|i\xec|v\x92j\x06X\x00\x00 \x00IDATx\xda\xdc\x98_LZy\x1e\xc5[e7\xbb\xd5\xa5\x05\x91\xba\xc4\x9ax\x1b\xb0X\x02Z\x90\x95H\xf0\x0f$L\xa0\x96\xd8-\xc6u\xd2"\xab\xdd\x18\xb4\xceh$j\xb1\xea\xa5*j\xd5\xfa\x07\x85\xd8:W\xc7h\xc0X1\x81j\xfaR\x1b\xdbd\xdb\xc4\x075\xb1\xc9\xbe\xf9\xd0\x87\x1a\'1\x8d\xf6}\xcf\xef\xe2lv\xdf\xafv\xb2\x07\xbc\xe0\x85\x84O\xce\xf9\xfe\xce\x8f\xcb\xb9s\xff\xbf\xe2\xf1x\xaa\xb8\xf0\xec7\x82\x84\xbb\xea\xfd\xd6\xee\xd1\xd7\xaf_\x8fvw\xb76WT\xbf\x05,\xd5\xca\xdb\xfdO\x9f\x93\xc5\xd0%\xf1\xf6v\xf2\xf1\xce\xd1\xd67&amp;\xe3\xf1\x9a6\xf7\x0e\xeb\xb7/\xfd\x8f\xc4\xf5;\xbb\x9bM\xbco\x07\xb5\xb2\xb5\xb3!\xfeo\xa2\x7f\xe0F\xc0\xfet\xbc\xf7\xfe\x1bq\xf1Vv\x91\xdd\xaf@\x7f\xbe\x94x)\xce\x14wl\xfbp\xff[\x80\xf1V\xf6\x0f\xe3\xe1\x89\x13\x13\xe3\xc7\x8b\x17\xe3H\x17YV\xf1\xe5\x9d\xad\xb3N\x92\xa7z\xbbC\xa00\xe6\x89\t JJT\'\x89\x93.\x92\x13\x89bP\xc6M\xdc8\xda\xe4\x9di\'\xac\x1c\xd5c\xddA\x89\xe7\x01\xf5;u(\x81\x7f&gt;!)\xe9bbbH\r\xccK\xec\xb2D\x92\xc7\xbb+g\xd8\t\xc4*1\xab\x84m\xb5:\x94\\\xcf\x0f\x85F\x92@\x94\x98\x94\x10JJJb\x81Y\xb8\xe4Oo\xcf\xa8,x\xcfv7\x10\x93\x9a\xafV\xab\xcfo\xe3!\xc4\xa7\xf0\'\xe3\xf3\xd5\xe7\x13\xfex&gt;\x14\xc2\x13uH,V\x8bC0L}|6\x13\xc6\xdbd\xad\n\x8d\xf0\xf9\xb8C!\xbe\\\xae\x0e\xc9\xe5r\xe0\x8c\xfc\x1e\xac#\x04\x98\xb0\xc5\r\xad\xdf}v\x06\x01n\x1e\x12\x0f\xc8\xc7\xf2\x93\xf9\x84\x80\xe2\xcb)\xb9\x1cG\xf0P\xe44E\xb0\xd4\xf1\x03\x81K\xfet\xdaU\xc1Sm\x1d\xc3*&gt;!\xe1\x13\x04\x88\xe2S\x94\x9cZ\x94\xf3G\xe4|9\x0c\xa4dT(\xfe\x1a\xfb2_-\xde\xde9].\x9ej\x9f\x1d+\x00\xc8(\x8a\x92\xb1\x0fp\x8a&lt;\xa5\x08\x19\x01\xa4hJ\x8d\\\xf9\xe0&amp;&amp;\xc2Q\xb1x\xe7\xfd\xa9\x0e\xfb^=\x86EM8\xe0\x89\x8c&amp;GZ.\x97\xc9L2\xf9"A\x03\xa5LF\xcb`&amp;h\x89(\xc2\x85!;\xc5\x1cA\xb5-\xc6\xda\x03\x06DQ\xa6\xb0\t\x08\xb4,~X\xa4hr\xdaD\xd3f\x1a\xc8,*\x85\xb7\x92\xb5\xa0\x16\xff\xe1\xd4\xb8x*P\xa9\xc9\xec\x98L\xf8L\x99)\xcc\x98\x83As\x90\x0e3\x0c\x13\xa6\xf1\xbf\xc9\x1c6\x9b\xcd\xa6`\x906\x99L4\x9e\x81\x986Q\xf1\xf9\xfazJ\xebQ\xb5u\x99P\xc9Mas\xd0\x1c\x0e31\xbfgp||\xe9\xc1\x92\x1f\x8aF"\xb1\xe8\xec\xec\xd2R\xf3\xec\xd2\x83\xc1`\xb09\xd8\xdc\xdcl6\x99\xcc\xe6\xb0\x89\xb5K\x9c\xbc\xdbt:}uLzAn\x8a,\r\x0e\x0e.=\x19n\xec\xef\x1f*\x1d*-\xed\xef\x1f\x9e\x1f\x18\xf0x\x06\x1ew\x13\xe1\xdc\xcb\xee\xee\'\x0f\x9e,\xcd6\x07\xa1\x88\x99,\x0b\x94\xc5\xc6\xd6)\xc4\xc8[\xd9\x11\xab\xb7\x91 \xf3\xa0\xbb\xfbec\x7f\x99B!\x95J\x95\xa5\xca\xd2ReY\xff\xbb\xc6\xe1\xe1\xe1\x97DC8\xa3T*\xa5J\xe9P\xf7\x83\xc1\xc1Y\xb8\x864)\xb24\x8fOa\xe3\xe6\xed\'\'\x8f\x8c\xc8M\xcc\xd2K\x80\x80\x88`\xe1\xd3Y,\x80\xf5\x0f\x11\x11*e\xfcU\xa2\xd2n\x84&lt;\xd8\x1c\x04\x17Y\xb1;\xdc\xef\xdb+;\xfc\x91\x11\x19\x1d\x1bhT*\xe3nH\x95q\x95\x81\x0c0\xa5C\x08\xb44N\xa5P\xf4\x12\xb9fz\xe1g\xf7\x12\x0c\xc3\xf0\xa3,vU\x9c\x9bU?\xc2\x97\x99#\xb6~\xa7Tq\xe2\x86T\xca\xa2\x95\x95\x110e\x9c\xe9W\'\x0153c\xac4\x1a\x8d3\x8a\x97\xe3KA\x93\x0cea:\xdc\xe4\x18\xabi\x07U\t*\xfb\xb4\xd3b\xc1\xe7\xf6\xf6*\xe2t\xd22_\xd9\t\x98\x92\x9d*%\xb0\x15`\x02\x95\xd1X\xd9VYit;\xbb\xc9|\x91F\xd9S\xf1\xb8]\x86\x1b\x14mff\xdfM\x00\x0bD\xbd.W\xef\xc9\x83\xc5b\xf1YX\xb42)\t\x90u\x8b\xf5j\xa6\x12\xba\xd5\xd6\xd6\x16(\x19\x9f\x8dEL2\xb3\xf93\xb7\xa5\xca\xdb\xbd\xbc\x18\x8e\xc5&lt;\xf6\x89i\r8\\.\x97\x11Dx\xd0\xeb[ \rN\xfa`\x1b\xccS\xb2&amp;\x12\xaf*\xdb\xdan\xb1\xba\xa9u\x944\xfag\xc32&amp;\xc2\xecs9]\xbc\xa6O\x8b4\xe3\xf7\xcc\xdb\'JJ,\xbd.\xa3\xd1\x8d\x84\\.\xb7^\xafk\xd1M\xe2F\xc8|&gt;_/\x199\xa5\x14\xf9U\x82\n\\uu7o\xd6e\n\xa7\x9cK\x03\xb1pt9z\xd0\xc4ii\x1dn\x84c\x9ey\xdb\xc4\x84Scq\x19\xddH\'\x10p\x1b\t\x96na\x12\x82io|\xbex\xb4$Bxu\xeb&amp;\x88\xae\x13\xf5\xa5h\xf5\xc3\xf3\x9eY&amp;\x12]\xe64\xc5\xf7\x9f\xc3\xcc\xf2\xd8|\xcf\xb4fZ\xe3\x82S\x95\x01\x87\xd6\xd1\x16\x08\x04\x16:\x17\xba&amp;k&amp;a\x17\xb8\xde\xbc\xc1\xa8)\xc8\xbc\xe3\x1d\xa0\x02\x10K%\x10\xa4H\x1a\x87\x1f{"\x11O\xf4-\x87X\xaa\xb7a&amp;\xbal3\xd8K \xbd^_\x19\x98r\xd4ej\x1dPWW\x17k\x17;`\x186\x9fB\x81\x8c\x8d\xf0\xeaz\xdd\xf5\xbe\x9f\x04}}}\xf9\xf9\xb5\x19\xd9\x13\x13\x8d6\x8f\xdf\xe3\xdf\xe7q\xd9Za\xc6?f\xe8\x99f\xa1\xf4n\xd8T\x19p\xbb\x1d\x8e\xa9\xa9\x05\x9dN\xa7q"Z\x1c|\xf16S\xcc\x10\xafH~}\xf9\x82\xfc\xfc\xfc{\xc0z$\x99\x9e\xb6\xdbl\x03\xf3_8\xac\x08\xden8\x06*\xbbU\xa2\xd3u\xea\xdcn \xb9\xdd\xec:\xd4\xeba\x92s\xc2\xe9\xb4\xc0.\xdfI\xc7\xb2\x93\x05\xaf\xfa\xf2k\xef\x11\xac{\xb5\x05\xadB\x89\xa4\xa6\xc1\xb0&lt;\x7f\xc0\xe5u\xd0^\xc4o\xeb\xb1O[A\xd5\xc9\xbaE\xb8\xdc\xbd\x16\x17i-\'+\x8dF\xe3\x93\xb2\x9b\x92\x82\x8c\x16R\xac\xeb\xfb\xe9\x1e\x8bUP\xdb\xdaZ-\x92X\xedc\xcb\x03\x07\xcf\xb8\xc4\x8a-\xdb\x1a\xda\xadVB\xa5\xd1w\xb2\x19bkq\xb9,\x8a2\xf4\x95\xb3\xac\x0c~\xf9\xe2{\xb7\x92M\x91]\x88H1#CP{\xef/\x05\xadwD\xa2\x1c\xab\xddf8X\xe10\xc4\xbd\xe8X\x8f}\xdd*!^\x95\xe8;;\x03\xee\x00\xa9pT\x84\xdb\x85\xba\xf29\xd9\x03z\x9el\x93(\xf9\xff\xf4CJ\x8a\xa0\xbc\xb5\xa0 //\xa3:7;g\xc2n\xeb\xe1\x10K\x05,{\x83\xb5F"\xd1\x01\x0bcOR\x0c\x10\xfd\xd5\x01\xfbP\xa4o|\x88\x13]\xaf\x90\xc6\x0b\x82T\xbc\xe3\x16\xcbU^T\xd4\x9a\x97W^\x9c\x9a\x9b\x8d\xb1\xe7\xd2-\xd5\x91\x1f\x19\xd6\x88r0\xf2\x98\xf1\x16\r\xb8\xa6\x1c\x0e\xadV{\xfb\xb6cA\xd7b\xd1\x90\xdab;BA\xac:\xa9x`\xd5e\n2\xca\x8b\x1e\xa6\xa7\xb7\x16?\xba\x91k]\xe7\x14\xab\xe9\xc8ckx^%\xca\xc9\xd1a\xf3!\xbe\xb4tN9\xb4\xc2\x0e\xa1\xb0\xa3\xe3\xf6\x82NC\xb6\x9f\x16\xb6\xbb\xb0#\x9dl\x85P\xdb-\xad0S\x00\xac\xc2\xc2\xd6b\xa4\x88\xa9\xff\xc8\x1d\x16\xaf\xe9`\xd9\xd0\xfe\xf4J\xb6H\xa2+A\x1f`\xc0-\xe0\xfa.35u\xaec\xae\xc3\xeb%}\xba0\x89f\xc5J\x9d\xd2b\xa6\xb0\x13\xde\x04T\x1bzW\x9b\x92\xd1\xfa\xb00\xad\xa0\xbc\xfajnv\x8d\xfd\xe33N\xb1z\x9eW\x11\xac\x12\xec&gt;\xcei\xe7\xc4t\xc9\xa4\xc4\x9b;7W=\xf7\xf3\xb5\xb99/\xaa\x1e\x9b\x10\xb8\xban\xdf\x16\xd6\xbd\xba\xfe\xeaz]\x9d#\x80js\xbb\xa7\x84\x82\xd6\xbc\xf4\xb4\xbc\xa2\xe2;\xb9"\xeb\xfa\x17N\xb1\xc6z\x9e^\xc9\x15\xa1{JJ\xac5UUO\xd7\x9f&gt;\xcd\xca\xca\xba;G\xf4\xc3\xdc\xaa\xd7\xbb\xba\xba\xda\xd5\xe5\xf5z;:R_\xa5d\n\x85\x99B,\x06\x97;0\x05\xbbj\x0b\xd2\xd3\n\x0b\x8b\xee\\\x15\xe5\xac\x7f\xe1\xaeNU\xc0\xb2\x13\xac\x1c\x89\xb5F\x94U\xf5\xbc\xbd\xa1\xa1\xbd\xbd\xfd\xf9\xc7\x0f\x1fVG\xc1swu\xee.\xb4:\xeae1\x7fN\xfd\xce+J\xcdE!L\tS2\xb5\xdaLAA^Z\x1a\xc1\xca\xce\xb1r\x88\xc5{v0\xd6\x80\x0csr\xac5Wn\xd8\xc7&lt;\xf8\x82\xe2\x891\xe1pt\xcc`0\xac\xbd\x18]}=\xf7\x1ad\xe0[\x85q\xde9\xef\x95\xac\xbb7\xae]\xbbz\xe3\xef\xf7\xef\x0b23Sj\x81\x95\xf6}qu\xb6\xc8\xfa\x0b\xb7Xv\xd4\x03\xcc\xca\xaa2x\xa2\x8c\x99\xa6\xc34\xbd(\xa3h&amp;\x1a]64T\x10\xcfVWG_\xbc\xa80&lt;\x06\xa9m\xccf\xebi\xe8\x81\x9e\xfe\xf3~y\x86 \x03)\xa6\x15\x96_\xc3p\xfd\xa2\xe2\x14\xab\xc7*\xc9\x91\xd4\xd4T\x19\xfc\x11\\\xc3\x93_f\x167.\x8f\\^\xa4#\x91\xe8\xc0|\xc5\x8f/FG_T\xac\xbd{&lt;\x1b\x8bFca\\\xe3\x9b\x19\x86\x89\xf9\x07\xec?|_T,\xc8\xc8\xbb\x90V\xd8\xca5V\xd3\x97\xb1\x9eu\t\xbe\x03d\xd9=\xd1`ly\x99\xfc\xe6\x80\x8bx\xb9\\F\xd3\x11fv|mm\xad\xe2\xc7\x8a5|\xd5cpy\xcf\xd0\xa6E9%\x93\x99\xc3\x91\x98\xc7p\xf7o\xf7\xab\x05\xad\xe9i\x17\x1e&gt;\xba\xc1)\xd69\x15\xc1\xb2\x82\xab}`\xdef\xff\xf0\xfa\xc3\xc7\x8f\xcf\x1b\x0c\x1e\x86\xfd\xed#\x16\xf3\xcf76\xaeM\xack&amp;\x86\xc7\x07\x83\xf0\tn\xcad&amp;(\x18\x89E\x07z\xae\xfc\xab\x08)\xa6_(\xf87\xabf\xff\x93f\x96\xc5\xf1\xd9\xc4\x9f\xd8d\x1a\x04\x12\x86\xf8\x82\xd1\x8e\x16\x8a\xa2\xe1M\xa9 \xba\xa6 \xa0 \xa5\x11\xa5\xe0kb$\xa8\x14\xc4Z\x15\x9d\x82/\xf0\xf0\xb2#\xd26V\x8c:Hv\x13\xecN\xd8\x92\x96\x10\xd4\xa6\xa4\xdd2\x93\xecdmb\xcbfmbv\xd3M3\x9d\xcd\x9a\xacm\xb6\xcdf\xcfe\xf6?\xd8\xe7\xfc\x04&lt;\xfc\xf0\xc9\xf7\x9es\xef\xf9\x9e\xfbH\xca\x8bq\xc5\xfa\xec\xc7\x15QX&gt;\xc8&amp;[\xb4\x95u{{{\xd7z\x03\x81u\xadhg:f\xbb{\xd7\xb65\x1d\xf4\x03Vx\x12\xb8\xd0\x0f\x97\x81\xf5\xb2\xcd\xe3qj{{\xb5\x1d;\x1d3\xcf\x9bn\xa2\xd3Z\x08\xc7\xf5\xe0{&lt;\xb1~X\x11\x85\x9ai\xb0AT\xd6\x8d\xd5\x95\x97\xd7U\x06fF3"\xe7\x8e\xd9l\xf6zc\xe6\xa0\xffa\xc8\xdd7\x17\xad\x0f\xb9\xcc\xb1-\x9b\xcd\xeb\rZ\xb4\xeb\x81kUC\xba\xa1W\xcf{\x03\xb5\x80\x05Q2\xc0\x90\xff\x84gw\xfa\xc3J\x87\xbb\x99M&amp;\x17\xd7U\xd5\x15\x07BZ\xed\x82\xa8\xe3\xfe\xf4\xea\x96\xcd{l\x0e\x9a1\xbf\x9b\xc3\xe9k\xe3\x91\xa4smJ\xccl\xf6`\x98\xd3\xa2\xed\x1a\xac\xbdr3\x9e\xb5Z\xb3\xfd\xc5\x12\xb1Ph\x18&amp;R\xc8\xb4\x9fp4\x8a\x05OV\x9cn9\x9bM\xa6\x15\xd7\xca\xfd\xce\x99\x99\x8e\xd5\xdf~\xf5\x0f\xa8B\x1b(\x133c&gt;\xce|t\xd2H$pI\xf5\t,h\xf6nyc\x90\x84\x99}v\xb9\xa4\'b\xb5FtM:\xb1P @Xoq\x14\xab\xe0{QGH\xce&amp;S\x18\xb4f\xbfS\xb4zw\xf5O\xe7\xce\xfd\xfd\x8b/~u\xf9\xae\xcdk\xc60\xf7\x1a\xc9\x11]\x1b\xa6\xcb\xc4\xf5.\xec\xd8\xbb\xb5\n{\x1bx\xa5\x8e\xe7==\x0c\x12\xdd\xda*\xa3\xd3\tE\x06"\x89Bf?\xc2\xaf\xad\xf9\xdb\x93\'\x0b\xce\x10\x8d\xcd\xa0Pha\xb7\xf9\xe8\xe8\xe8\xfe_\xbf\xfc\xfc\xc2_.&lt;xpt\x04\\.%\x8fT81\xb2L(\x95\xb1]Ao\x0c|\xeaW\xbf\xfc\xd7/\xce]\xb8\xbf\xb0\x17\xa7\xac\tY2\x96\x8c\nXeR\xf2 n\xf6\xb5\xe6\xed\xbe\x1b\xb2;D#3(\x03\xec\xe6\xbe\x90\xbc2\xb0\x0f\xb9\xe5\xf4L{ \xe5\x83X\x10\xf3\xddQt/.*\xf8\x8dt\x1a\x06\xebz\xb45z\xff\xf3_\x9f\xfb\xcd\x97o\x7f\xb4yCe$.\x9d\xc5\xa2r\xf9\xcb\x85d\xf6\xf3o\xf1\xba\xfa\xbf\xb7G[\xeb\xb3 ,)e\x80W_OcT\x8d\x8d]+\xae\xdc\xed\xcaX\\A\x08,Q=\xd2\xb2xq\xb3}\x83_4a&gt;\x0e\xba\xb0\xa0\xc7\xf3\xe0w\xb0\xbe\xa3\xfb}&gt;\xd7\x04\x91Ke\xb1\xe8E|&amp;\x8fM\xde\xbb~\xfd[\\N\xc5\x82\xc7d5\x89\x11v\x86id\xe0\x92Ji\xf54(I\xe8\x07C\x19\xbf\xcb\x0c\x85\x88\xb9\x90\xd5Y\\lQ,\x1b\x0cLe\xd0e\xc9\xc0\x9e\xbf\xfb0\xd4v\x897,\x16C\x05\n\ttz\xa3\x9d\xcfT\x18y{\xdf\xffs\xf2\x15.\xa3\xf0G}\x1f8\xb3\xe4L\x18\nQJ\xa1H\xc9\xb4\xb9\xfa\xe6\xb0\xdb\xe2\x0f\xc6 \xdb\xfd\x16_5\xf2_z\xd5\xcfX\x1b\xcc\x8b.?\xec\xf9\xfb\xbb\xb7\xe7xD\xaeL\x06IuCHhlDX&amp;\x1e\xd3\x8d\xf9L\xfc\x178\xc8U\xf0Zy\xc6\x99\xa5\x84\xc246P\x01\xd6\x1c\xa7\xcfm\x81\x85B#p0\x89\xc8R(\x14S\xaa\xd4\xe6\x14\xd3\xc0\xe7\x1b\x98w8\xa0#&lt;k62\x05\\*\x9dp\xe3\x86\xb0\x08\xb0\x8a\xf8\xcbS&amp;S\xc2g\xb2\xdb\xb38L\x93\nr\xe7OKt\x8cP\xf3`~\r\xa5F\xf0\x8a\xc8\x84\xb5q\x0e\xc0\x1b\xaa\xf4\x9b\x9b\xdd\n\x13O?rz\xb1\xc5d\xb0\xf3\xf9\x1bL\x93\xb1\xbe\xcf\x9dp%\xceOL\x95]-)\x19\x06,\x02\x84p\xb9\x9d\xc94m\xd8\xab\x15\xd9\xff?\xbb\njr\xa7)\xa1\x98\x11\x86\xb3\xa7\xb0P\xca\xe3I\xf36L\xa3\x8f\xeaU\x10z}K\xcb\x94B\xa1Q\xa5\xaa\xab7\xdb\x99|\xbb\x9d/0\x99xks\xf5h\x0e72\x01\xae\xad\x8cD\x1c\x16\xc2Q-\x14\x98\x0c\x8d\x15\xac\xe1\x0f\xeft8$\xd7\xf5\xdc\xf9\x11\xe2\xb21\xdc&lt;\xc8\x06\xad\xa4\x85\xd2\xc2B\x84\xa5\xd1k\xf4\x10\x1a\xcd\x14x\xc2\xeen\xd5\x92\xfa&lt;\xc8\xc6\x14\xa0eT\xc0\x83h}T\xa3\xd1\xf0L\xe0\xf7\x87!\xc0ep\x05L\x02\x8be\x8d\x7f\xf8\xb3\x18\x07\xac\x9a\xf7\xa7\x17\x97\x99\xc4\xbe\xb0\x9c&amp;e@v\x19y\xc6\xceNG\'"\xd3h\xe0\x93i\n\x8d\xb9U)\xf5\x92*?j\xdb\xd8`j\x90\x8a\xfa\xfcs\xf8.\x10r\xa1\x1e\x8b\x00k\xa3\x82Ua\xcd~\xf87.X\xb9\xd3\x91\x9b7\xe6\xdc\xcd\x08\x0bR\x1e\xbct\xd2\x81\x02\xc8\x1c\x8e\xed\xa4^\x95_MU\xea@5\xd5~xx\x08\xfa\x98&amp;\x0e\xfe\xc7\x85|5\x93)\x10\x8a\xc5H-CE\x85\xbdB\x87\xcf"\x16\xbcn\xe35\xcd\xb9@-6\x14b!,c2\xb9\r\x91\'sh\xf4\xa9T^\x1b\xd5\x01\xa0(\x0e\x0f\xc1\xb52\r\xccN\xd0\x11\xc5a\x12\r\xdf6\x86\x91!\x13\n\x0c\x84Fz+\xf5\xd3\xbb8\x1e\x1b\xd7K#\x91\xa8R2\x9a\xe5\x8c\x81\xd9\x81\x812R\x12a9\x10\x96\x06)uzz\xa0\x02]\xf4\x08\x0e\xc4RL\xb5t3IH\xc9\xbc\x96\xc9\xe5\x8d\r\x03\xdf\x0e\xfb)\x95+\xe0\x0b\x96[\x9fF\xce\xdee\xf1P\xeb^\x151\xd92"\x91C\xfb$\xb9"\x91\xa4\x93\xc94\x12\xab3:\x99:8\xd0\xeb\x0fR@\x05\x89\x86\xca\xf2\xf00}x\xd8&gt;\xa5H\xaa\xf4(\xed\xe0o\xe9\xf4\t\x1f\xa8d\x91\x88\x8c+ (&gt;*\x08OO\xff\xf3\x02\x8f\x9e\xab&amp;w5\xadZ\x1bBX\r\x92!II:=\x0bR\xcdO.)\xabS\xaa|\xe6\xe7K\x00JSs\x98&gt;9I\'\x99\xe9\xb4:\x85\xc0@.\x84eo\x94E\xa0\xb9\x11\x0f\xd3\x05\x9f\xce\xa6d\x9b\xed/q9\xab\x1fIH#\x85=\xf2\xc1\xf2\xaa\xfe\x86&amp;p}I$UJ\xe9\xf3\x01\xd6v\xd3Iz\x1b\xa97\xf6\xcd-\x07P\xc9dq\x82\x9d`W\xfb\xa0\x02T\x00\xb6}r\xc2\xa7\x02\x95\xd5ZJ\x1dn\xd5\x1d\xff\xf1cQ\xcbU|\xae\x87\x1f_)[\xe4\xe9\x06\xe5\xb5\xe5W\x1a\x9a\x9aJf\x93 \x95\xda\x97H(\xd5\x07\xfa+\xf1l\xbcgh\xa8!\x9d\xcb=\xdb\xde&gt;\x91=Ea\x8dL$\x94\xd5j\x90L\xd3\x99&gt;\xe1\xd2e@em\xa5\xdf\xb0\xc6\x8f\xdf\x9c\t7\xb3\xf8\x18\xeb\xeb\xfd\xc4\x16%% /f\x94K\x1a\x9aJ\xca\xa4\xd16w\x02\xc3\x12j\xc8\xf5[Uc\xfdU\xdbc\xfd\xdbc@\x95\x16[#\xd9\x08\xe2\xeaT\x83\x98&gt;\xe0\xd68\xd2B*\xc2j\x85\xd6\xa64{\xfc\xe6#q\xe2\x05&gt;\xed\xfc\xf5W\x14\xd2\x88:$\'3\xcag\x1b$\x03\xd25\x8e\x05|\x84K\xb94\x19\xd5\xcc\xdf^__\xef\x1a\xbf\xe5\x80\x1cs\x9c\xc8"CU\xfd=\xf1,59q\xde\x87\xae\x88\x95K\x9a\xa4A\x8c\xb0J\xe9tn\xa9\xee\xf8M\xb7\xb1\xec1N/\x1a\xe4.\x95\x95\x8d\x84\x06\x19\x8c\xda\x01\xc9\xact\xad\xcd\x12\x04\xc7\xe5wOF\xe7\xe7\xe7ow=\xec\x1a\x15\xf9\xc7\xa3*U\xe7IO\xc3\xabg\xefs\r:\x1dQ\xdf\xbd\xe4\x83&amp;\x03s-\xe9IBj\xa4\xb5\x94N%P#\xbe7\x9f6\x16\xe38\xddF\xd5\xbc\x9e\xb8\xc3%\xc9\x07\xc9\x0c\xe8\x9a)l\x8e\xc5l\xf3\xee83]\xb7\xe7o\xcd\xcf\x7f=\x8e\\\xbe\xc5\xff\xddw)M\xf2\xd6\xab\xf7\xb9\\.\xaekp\xf0\x8cw\xda\x12\xc1c\xef1\xa66\x96P#\x11\x16\xb5\x88Km;;k\'\x8d\xbc\xc0\xa9k.x4wQ2\x14\x00,)x\x9f9\xa0\x9a\xde\xe9\x10\x8dvu\xed~\xfdu\x9e\n\xe2a\x063c\x89p\xe5\xb5g\x90l\r\xfdU\xb3\x14it\xd2\xe24\x9bcf7O\x0c\xcd \xa1\x88k\xfc\xb4i\xe0~l\x7f\x89\x97\xc9xy\xa9\xad\xb6*\xd0[\xcc\x80`_rywD\xa2\x05m~\xf0\x86x2N\x8f\xc7\xb3\xb3\xe3\x81.\x1e\\kft}\xb7\x12|74\xfb\x95\x83]~\xcfN\xf0X=\x8c\xb0\xb8Bb\xbb\x81\xea:+y\x8c\x13\xd5g\x7f`4\xb3\xeb\x02\x95?cq\x82N-@iE+\xd3\xd3\xd31\xa73\xe6\xd9z\x00\xc6p\xcbcA\xef=\xc4\xbc\xe8\'\xe0\x16\x8d\xce\xac\xf7\xf6\xce8=\x96\xb0kMF\'\x00VQEi\xc9\xa7\x8fb\xdc^j\xb9\xd7O\x9b\x93\x03\x16\x99\xcc \xb3\xdd\xae\xf5\x99\x85\x8eU`\xd9\x8a\xc5&lt;\xe0\xd4\xa6W\xa7\xcdN?\xe6\xb2@{\xef\xb5y\x83\xe8\xdd\x07\x91\xa8\x03$\\\x11\xadx\x9c!2\xad\xaf\x88\nj\xdd,Y\x16,\x9fmfq\xbb\x7f\xady-\x19(\xef\xad,f\xd3\x00\xcb\x12\n\x8c\xee\xfc\xfe\xae-&amp;Z\xc8t\xed\xee\xee\x8e\xa3\xec\x1a\x1f\x7f\x08\xfb\x94Z\xadV\xaaUk\x93\x9c\xf0~h\xdf\xa2un\xfd\x97\x96\xf3\xffI;\xbf\xe3x\x9b\xd8\xcdc\xd7%\x08D\xe2\x01\xe2\xc1\nec\x95Oj\xf5`"\xf44\xea\xdc\x95\xb5\'\x84\xcf!=\n\x92\x98\xb4\x02~\xa9\xe7\xf1e\xb5 k\xf5Z\x88V\x8d\xa9\xa8\xa1*M/E\rz\x8ai\x14\x9d\xb6\x14\xa9\xdd\xe5j\xa9\xbaX\x9b\xbb#\xe9\xb9\xce\x9b\x97m\xde\x0fkn\xaf7\xdb_p\xf3\xf3\xc6\x84_\x1fy\xbe\xbe\xf8z\xbe}\xbd\xed\xf2\xfb\xdb\xedL\xe3%\t\x89N\xb2Zs\xde\xfd\xe0\xe3_\x9c_\xdd?\xb7\xdf\xb7\xac1\xf2bLf\xae\x88\x9a\xd5VmW*&amp;\xfdJ\xed:\xe4\xb6\x83\xe3\x0c\x04\x02\xa9+JK&lt;5\xe2\x9c\x99\xa9)\n\x95/\x87\xca5\x9au\xbb{\xc4\xdf\xee3kX\xcd8N\xb7j(\xa7N\x9d:\x9f\xbf\xb6oT0El\x89y&lt;&amp;dqV\xd6I\x9e\xdd\xednwy\xcdz\xbd~\xa8\xa5\xe7\xf8\x95+\xf18\xaa\xc5\xa5\xb6\xd3\xdf\xdd\x03\xb2\xf7gX\xd6\x10\xba\x0fih\x08E\xed\x9d\n/_#\xcb\xc3\x8b\x8a\xac\x1a\xf2@&gt;\x89=\xbc\x9f\xfbRi\xf5\xe19&amp;`Ex\xb9\xb9\x98N\xe9\x1e\x19\xa9\xb3G"\xfd\xddKu\x9e\xd6OZ=.\xa9\xd4\xf5I\xebg\xd7\xdb\xdaN_\xb97\xffQ\xcb\x90X\xa3\t\xe1\x1a\xcc\xe4r\xb9\x99|\\\x96W\xa4\xd1h\xf0\xabM\xc2\x92\x07\x0b\xfb\xbb\xfe\x93\x16\x06,\x9d\x97)\x10\xf1\x99\xd0\xd5=7\xd0]\xc3\xb3\xc6\xe7\x1e\x0f\x80\xd5\xba\x14\xed\xb5\x9e\xe9\xa0\xfa\x1e\xf8\x8e\xd9\xd0\xad@\xad\xbf\xab\xfdnc\xa3\xbf}\xc4\xcd\x14kdV\xc0\xc2\xad\x1f\xe6\x97\xef7\xd5\x81\x03\xe3 \x97\x8e\xa7\xc58Z\x9dI\xa9\xec\xee\xbe\xd1\xbbR:&amp;\x8dm\xed\xedm\xecEw\xf6\xe6\x12\xd1\xad\xd5\xad\xe5\xd5\xe1\xe1\xd5\xd5\x07\xe2k+\x9b\xf7\xbf\x7f\xeeq\xb9&lt;uL#\x0e\x01\xb4j\xf0Prma\xff7c\xeb\xf7x:h\x12\x18\xdf\x1c\xf3)\xa7#\xd5\xc7[\xef\x8e\xbex\xb5\x13\xdeJ\x867\xb6\x92\xc9\xed\xbddxaa\r\xfd\xac\xad\xce5\xdeo\xbc\xfe\xde|eE\xddR\xc4\xa0\t\x85 \x84V|\xf5\x18!\xdb\x81\xc9\n\xe0\xaa\xe6a|Lg\xb2\x07\x9d\xa2s\x9e:\xd37\xdb\xe1\xe4Zxk5\x1cNn\x84\x81ia\xa1\x0f\xc06b\xed\xb5\xdf\xfd\xbeJ\x12\x12\xb5M\xe7\xcaq8\x1a\xab5\xb4@\x04\x14Tc\x8c\xc7\xf3"\xbd\x98Lo\xc4\xab\xd5\x8b\xce\xc5\xdb\xea\x12;;\x8b\xc9\xed0`\xed\x8c#\xa6\xbe\xbe\xb5\x85\xf0\\\xf0:\x8c\xd3y\xc3\xc3\xfa\xee~\x03\x1e\xc2\x8d\x1aMQ\xd12!\xab\x81\xd0Tw*\xaa\xab#\xd5P\x8fL\xafW\xc7\x11\x8b\xb1\x9e\x9e\xf9x|iw\xf7\xaf\xdbp^\x85\x93\xc9\xe4\xce\xceNbo\x0e\xba\xc4\x93\x99\xbc\xe1\x86e\xfd;\x02ky9n\x14\xab\xf2\xaca\xa2\x16&lt;\x1fz+*tTj\x96\x88\xa9\xd319z\xa3\x98\t\x93MO|:\xf1jqq;\x89\xc8v\xe0\xa3\x8eW\xcd|\xf9e\x11&gt;\xdc0\x1c\x12\xf30\x84e\xadd5\xb3\xd6\x0e\x10\x84u\xecU\x7fj\xe8\xc2\x981\x9e\x16\xb0\x8c\xfa)\xed\x10\x7f\xc8\x12W\'vw\xe7v\xe7\xe6::\xd4\xea\xf9\xaa\xd9\xe5\x07!\r4\xd4\xe1r1\x87\xc7Au(c\xd5\x90\xf3\xd6\x08[\xd3]D;\x07T\xad\xce\x0bjaz\xa3\xc6h\xd6\x0e\x99\xf9g\x02\x1dAu&lt;u\xee\xdd\xab:3;\xbc\xb0\xb6\x0cZ\x81\x05\x93aL3\x98\x12U%\x8b\xd5L\'\x0c+-\x8c\xd6Y\xb2x:\xe0\xe2af1\xe2\xe2\x0c9\xcf\x04Z\xa2\xd1\x0eK&lt;n\xb1\x04\xaa\xc0\x93-\xaf&gt;\x00\x9f\xd1\xd0P\x8e\x8b1-\xbfR\x0e^\xdcA&amp;\xb1\x89S+\xec\xebTFNVD`\x00\xf4b\x10E\rp9{\x02\x81\x96)\x08\xa0\xc5\xd2\xd1Ru\xe6\xc9\xec,&gt;\x9c2e%\x90\xea\x18\xc6\xe7\xd0hd2P\x15\x86\x89\xc3\xe2I\x150\x95\xc2\\\xea\xf3ia~\x80.\xb9\xcei\xf9h\x1e\x88,\xea\xb8:&gt;_\xf5\xfe\x1f\x9e\xcc\xa4\xcc"\x88\xc5.\x12\xf31\xbdH\x94C!3\xb8B\xf6*ao2\x92To\xa7B\xaaT\xda\x13&gt;\x1f\x13fv\x88\xe2\xba\x1ek\x01\xa4\xe9%t\xbd\x1cG\x16\x1fu\x86\x07(\xb3Pc\xe0Wb\x02JN\xb3\x90+\xe4\x12\x87\x15\x16\x88\x94\xa3\n\x85T\xaa\xf4\xf9t(\x9b\x8d\x08\x8b\x19TO{F\xc0\nMO\x9f\x9e\x0f\xccXS\xd6&gt;E%\x03\xb9\x044\n\xb9P\xc8\xe5\x16\x12\x86\x95\x16\x16\xd0\xa8\x8a\xf6\x11\x85\xc2m7yy\x98^\x0cG\xcf\x99\n\xda\x95R\x97\xcb%]Z\x9a\xb6`r\x1c\xdd\x83\x94d\x97\x97\x1b\xcd\xd0q1\x91\x81\xc2\x00(\x02\xb1@-\x1a\xad\xc2f\xeb\x94\xba\xed\xa8G\xf0+\xf90\n\x9a\xb5\xba\xa0O\xe9\x06O\xa16\xa9u\xdaJM\n\x8bN\xa7\x1b13\x87\xc3\x11\xd1j \x82\x85\x85$\x02\xb1D4\x9aHi\x83\xfc\x82\x9c\xf7\xf28|\x0e\x87\xaf7\x0fMA\x15\xaa\xd5&gt;\xb0\x8dZ\xb3Y\x05j\x95@\xba\xe3\xb8X\xbf\x8ea\x18\xad\x80-\x14\x16\x12\x8bE\xcd\xc9\xa1Q]]\x9d\n7\xaaFh\xf5\x06\x03\x07:W\x8b\x05q\xa9-SC|y\r\x83\r\xae\x10\x8d\xa3\xebf\xb3\x16\xab\xa6B\x08\xd9\xe8\x8f\x18[\x04\xe6\x16\x85B\x13T\xb7wu\xbaM\x89\x84\x0f\x86\t\x0e\xc7\xc0q"\xcb\x0f\x82Y\xc0\xfc\xdf\x9aE\x9b\x18E\xcdE\xb8Q\x1f\x8d\xce\xf1\xb5Y5l.\x9b\r\xc9E\x1c\xd6\x81-*\x85\xe5\xa0\t"6\x1b$\xbd\x1d\x1c\x9a@D\x13\r\r9\x9dS)\xac `\xddb\xe5\xe1\xb8L\x85\x83X\xeb\xd19\xad\x97Fg\xb3\xe9(\x8cM\xcb\x84\xa9\xb5\xf5a\x86\\^)\xca\xed\xee\xb2)Lv\xf4\x8b\x91)p\n0\x90\x0b\xdcb\x10a\x89D\x0e\x95L&amp;6\x864\xebQ\xad6\xaa\xa3\xe6\x91\x18l\xba0\x9bKj"j\xde\x02\xb5\xcar\x1c*\xb9C\x90U\xd75\xeaV\xd8\x131\x18\xee\x99Z\xad\x13b\x88\xe4\xeaii\t8i\x0e\xb9X\x0c\x13\x849\x96\x90\xea\xaa\xc9\x0c\xc0\xe2fC\xce7\x85\x88\xc2J\xdb(#\xcb\xe1\x18\x04\x15\x90\xf6\xb6N\xd0K\x87\x86B\x1e\xa2\x02\xbd,\x1d=\x01\xa7\xc8P\x99\x12+\xa1\xe8\xec\x8c\x18\x9aIl\xae0\x1bu\xd3&amp;\xbc\x8f0\xac\x0c\xb2J&amp;\xaft\xd0rO\xba\xfc\x13\x9d&amp;_,\x86\xf1t&lt;\xc0\xb2\xf8\x10V\xb0\xa3\xc3)\xe0\x88\x8d\xeb\xa1hL1:6\xca\x93K\xe8\xd9\xd9\xd9l64\xae\xa6\xa2q\xa2\xc6\xc0\x8d2\x96\xcc*\x93;\x0ceY\xfd#c\x83\x136\x93.\x16Cs\x8e\x0f\xd9jt!\xd11\xc5\xc4\xcc\xd1h4!uOLD\x1c\x12vv\x89\x10\nQ(\xe4\x92$\x0bDa\xede\x90Y\x12\xc4E\xa3fu\xbb\x06/\x0f\x8e*\x94&gt;\x9d\xcfnW\x9a\xa6\xa7M0Z\xf8\x82A\x1eO\xe7\x8b\x99FG;\'\x95\x86\x1a\x92\x90M\x87R\x04*.)?LP\x10\xeb\xa3\x80\xc5jV\xb1 \xbd\xca\xb2N\xbaz\x8bK\'m\xedh]kD!\x85\x8fBjBl\n\xb7\xd4f\x1b\xf5{(5\xa4B:\x03qA\xces\x0b\xf3\xb7\x08x\xce\x8f^\xe6\x8fsr\x00\x0b\x8eJ\x05\\\xd4\x93u\xfe\xe2;\x83c\x93\x13]~\xb0\xf66[W\xd7\xc8\xe8\xe8\x08|M\xf8m\xed~\xcf\tI\x1e\x89D\'1\x18$:\nba\x93vg\x9f=uZZZ\xfd\xf8\xc3G\xbb7)\xe0\x15\xe0\x00\x99\xa3\xd2Q\xf6N\xdb\xb5\xe2#wR\xaf\xd9J\x07KK\xef\x8cuM\xde\x19\x1b\x9b\xec\x1d\xec\x9dl\xac\xa3\xe43\xf2\x00\x89q6\x9fT\x08\xc5\x08Xm\xcf:\x16\xf6s\x93\xe5\xd8\xf8\xe7O\xbf~\xf9\xb2\xeb\xf5\x07\x14V\xf3\xff\xb8\xe4r\x95Ap\xa9\xbf\xb6\xf7\xed\xa3o\x17\xa3\xb7\x8a\xf0}\xf9H\xf1\x11\xf4\x06\xaf\xb4\xb8\xf7\xdcY\x90\n\xb0\xce\xd6\x9c\x950H)\xb5H\xc7W\xfe\xfc\xc3\xda\xbe\x04\x12dJ{\xf8\xcd\x17\xffHO\x7f\xf3\xc2\xa7\x7f\xb9\xfd.\xa5F"\xa9!S\xd0\xfe4\xf8\x19\x07\x14d\xdd\xddR\xf4pss\xf3\xe7\x9bG\x8fn\x1e]I-\x93\xd5\xdeD\xd7\x7f\x8c&lt;I\x01\xb9\xe0,\xc8\x05X \xd7\xa9\xe7\x7f\x7f\xfc\xc3v_}Z\xea\xfc_\xb5\x07:}\x9by\xf0\xe0O\x0fgf6\xde~}\x91\xd2\xdc,ifQrrr\x10\x18\xea\xf7\xfdm\xad\xd7z\x8bW6S\\+G\x8aK\x1bk\xeb.\r0\xa0\xfcH\x92\x82\x82\x82\x81\xab\x03\x05\x80\x05\xcd\x8bK:\xf5\xde\xf7\xb7\x1f\xff\xed\xeb\x7f&gt;\xfd|\xf1\xc7\xff\xcf\x08\x88]\xfd\xa3\x17/3\x0f\xa7\x1f:\xf4\x93\xf4\xcc\xcc\xcc\x7f\xbf\xf5\xfabF\xb3\xd5\n\x95\x88\xd6]S\x9d\xd5!\xca\xfam\xdbg7\xae5&gt;C*\x95&gt;k\xacm\xfd\xf5\xc5\xf3\x00R\xc8\xa6\x93j\x06\xd0\x03\x91\xab\xf9M$!\xc2j\xfa\xdd\xaf\xfe\xf5\xd5\xe3\xc7w&gt;\xbd\xf0f\xe6\x9f\xbe}\xb1X\xff#\x14\x03\xa8GO\xbf\xb8p\xf0\xd0\xe1\xf47~\xf6F:\x88u\xf9\xab\xb7^\xff\xe6\x04Yb\x05\x8f\xcc"g\x9c\xc8\xc8\xa1\xb0\xe4*G\xd9\xcd\xe3\xff\xe5\xba\x7f\xff\xfe\xb3k\x9f\\\xff\xe3\xc7\xe7\xd1Ud\xea\x8f\xadh\xb1\xf9\x97\x03M\x90\xf2\xd9%\xff\xa1\xe4\xecb\xda\xb8\xd20\xcc\xcc0s\xce0\x9e\x8c\xfc\xc3\x1a\xff\xc4\x81:Z\x08$[\x9b\x05c\x13"\x02\x15\xd4M\x1a\xd4J^\xact\x15#b\x82aq\x145\xad\x08ABQ\xa3^\x10e#\xa1]i+\xd3-\xb7D\xf1M\xb2\xda\xdeX\\\x81\x90z\x11JT\xa9\xca\x05$*\x02Az\x11%\xcaO\x15H\xb7\xda\xf7;\x93&amp;\xabU\xb7\xdb\x9e\x888\x91\x18\xfb\xf1\xfb\xbd\xdf\xcf\x8c\xe7\x18X\ro&lt;\x07\xd6\xb3kyS\x95$m\xfe\xe9\xcd\xd7\x7f5\xd8\xd9\x85\xc7OLIg\x9a\xc6d\x89i\xdct\xdc\x9e\x9d\xbd\xdf\x16s\xf7\x02\xebpG\xc8\xe9v!\x92\x95\x13\xbd)\xe8u\xec\xf3\xcbw?\xbc}\x9b\xa8\xf6\x9f\x1fi\xc8\x04\xd1l\xaa\x83\x99\x86\x9e\xf3\xa0\x82X{\x0ft\x11\xd6\xe4\xf9G/\xb0t\x15\x11\xf0\xde{\xbc\xf0\xab\xeeo.?\xbb\xf0t^U\x19\xe7\x1aS\rKe\x1a\xfe\xf9L`9C\xbd\x88\xe3\xe1^\x08&amp;n\\\x9e\x08!\x8e\x9d\x97&gt;\xbf|\xfa\xcf\x1f\xde\xbd|l\xff{\x00i\xae\xc2\xe0W\x11ox\xbb\xa7\xa7a&amp;\x9e\x19=\x04\xaa.t\x9f\x99\xb7\xdf\x00\xd6\xf7\xa4\x16\x16\xec\xea\x98\xdfX\xf8\xa5\xa5\x0c\xe1[\xd8\xc8\xcb2"\xc7\x99\xcedK\xd15\xc6T}\x13X\x17bn\x94R\x0cT\xc45\xe1v\xc5b \xcbF#\x89\xfe\xf7?&gt;}\xf7\xafW\xf6\xbf\x17\x1b\x99\xcc\xa0|\xee\x05U\xc3\xc8\x08\x183A\xaaZ{P\xe6+ \x9f\xc0\xf2j*\xa2\xa8j\x0e\x07\xd3E(\x7f\xd1U\xac\x9bO\xe7%Y\xd5u\xc4Og\xcc\xb0d\x1d\x0f\xba\xba9\x9b\xbe\xffI\xcc\xed\x0cu\x84\x88\xebp/M\x12\x04V\x93\xad\xac\x8ft^\xfa\xf8\xf4\xe5+\x7f\xea\x1b\x99\x8c7WT\x1d\nf&amp;\xc5~\xa8\x99\x96 \xf5i\x1b\xabe\xa6g\xf6\xcb\x1b\xcb\xd7\xbc\x1cT\x92\xae94\xbc\n\x9f\x7f\xfc\xc5\xff\xb5\x18\xaa\xd47\xf3\x92"\xab\x12\xd4b\xba,\xe9\x86%\xe9\xe0\xd2wm\x96J\xf7/\xb8\xdc\xce8\xd5R\xcc\x11\xa7z;0J #]\x95\xc9X\xdf\x85\xc4g\x97\x8e\xf5\xb7\xc5&amp;3\xcdt\x9b\xcfhf\x06+\x8eJzh\xef^\xa1\x16\xeaVK\xe6\x07`=\xcb{M]\xc2\xf33S\xa5w\xcf\x1c\x0fn\xfd\xbc\xc5\xca\xcb\xce~{O2\x0c\x1cd\xa8\x9c\xab\x8ae\xe0\xc7\xc6R\x97\x815\xedr\x02\xcb\xed\x14z\x9d:\xd5\x9aJU\x8a;\xe3c\xb4O\xa4\xbf\xbf\xad\xaff\x08Tt\xf65\x9a\x89\x93lUPN\xf4\x1e\xea\xd5\xa3\xa3\xf7\x03_\x06n{\xbd\x0e\x81\xa5qz)\x8aJ~\xe3\xe7\x04\xa3/\xeap\xfc\xc6\x90U\xd9Pd\x94+\x03T\x92\xe53\x08J\xdf\xb5\\(\xed\xf4\xd5\x84\xe23(\xf2\x82\xab\xf50N\xa9S)$\xa4\xc0:BXt\xc3&gt;0\x0e\x1d\n\x06\xa9E\x8bF]Qm\xab\x05\xb9\xfe\x15\xb81\xbb\xe8\x85Z2\xe2\xa0C,\xc5\xd0\xe9M\x9b\xf7\xbe\xfd\xf4\x7f\x80\x95\x97_G\xfc\xc0\xaf\xca\x8aa\xa8&amp;tRT]R|\x8aD\xf9\x0c\xac\xc2\x0e\x1c?\x14\x17\xbd\xc7I\\\xad\xad\xa7Z[S\x13\xd9\xcaX\xdft\xa2\xa9\xffH[\xdf\xe4P3\x85\xed\x00F\xbf\x8av\xbag\xab\x9d\xd4\x13X\x18\xb9f\xd6\x03\xdd\xdb\xaf9\x1c6\x16S%]Q\xe0\\\x15\xd6\xcdo,\xfc\xa4\xf5\xcb_\xbf\xf5@\x93dYU\r\xc4N\xe7\xbabY\x92DA\xb4$\x15\\\xfaV\xa1\xb4\xd2\xe7\x1c\x1a\x02\x97\x00\x0b\xf5\x9eB\x18O\x9elmE\xad\xf7D\xfc\x88b\xd34F,\xa1\r\x86\xacv\xac\x8a\x8a\xe0\xe8K\xac\x03{{J\x81\xe1e`9`Z\xb8\n?\x14\x10$\x16\x14\xd3\x9e|\xfd\x13\x82\x95\x7f\xf18\x8f\xf4\x00\x80L\xbf\xca5\xc5g\x1bK&amp;,Z[\x85\xc2\xca\'\xa8Z!\x92\x8bzb\xa8\x83\xb0R\x04V\x17\xad\x8f\xf8\x13\x9fuz\xb28\xa7~\x85\x05\xeb\xb7\xb4\xd0\xfc\xb0G\xac\xea\xfb\xe9@zm\xca\xe1u0\x99\xd2\x1b\xcf+C.\x94\x1f(\x86Hn\xdc\xfco\xae\xb3\xb7\x1ep@1&amp;I\x8abH\xdcT\xc9S\xb25h\xc0\\\xb2D`k\x85\xc2\xea~w\xef\xd8\xd0\x90\xc0r\xb9\xdd\x13\xf6\x15\x9b3uX\x8d\xd1\xdd\xb5\xb5\xbbq\x92H\xfd\xaf\xeb@\xd5\xf1\xe3\xed\x18\xb7F[F\xedi\x0b\xcd\xa7\xab\xabe=\x97\xdb^\x84X\x1co\x1e\xfa\xc8p\x8c\x01\xa7\x10\x97J\x1e#\x87\xfd\xa7T\xd7\x1f\xcfS!\xd14\xe0[\x8a\xcc\x1c\xcc\xa0"a\r\x0e*\xba\x05s\x11\xd6\xc3\xb9\xc2\xdc\xf3\xd3\xd5\xd8l\x00\x00\x08eIDATi\xe7\xd8\xd8X\xc8I6GO\xcc\xa6\x00v\x12\\\xe1\x13\'v\xef\xf6\xd4^\x0c\xa7z\xdb\xab\xdf\xdas\xa0\xba\xa2\xf9`s\x8b\xbd^`a\xfdP\xca\xa5\x97\xf7\x11\x16\x15y\x8d! \xa4\x82L\xe5\x91\xf4\xd2\xb5\xfc\xd3W)\x89\x04\x84T*\xaa:\x83\xb7,\x18\x0b\xc17$\xa6*&gt;`!\x9a\n\xc9\xa5\x03\xab\xf0]\x7f,tpl\xccIj\xd1\x10Q\x93M\xa5RuB-\x88E\x9f\x07\x1dn\xaf\xa2\x0b#\x98i26\xd5\xa8\xc0"\xaa\xaa\x9dt\xae\xf4p\xcaD\xf3W\xa9\xdbJ\n"\xa2"\xc9\x08\x883\x90\xea\x9ay\xef\xd6\x8f\xce\xbf\xfe\xf5\x13\x94[\x8dsP\x19\x08\xb6\xc4\xbd8\x90\xe9\x06\xa8,\x85\xc9\xf4\x9ep\xe4\xe2*\xb0\xdeM\xd4\x84\xc6\xc6\xe2\x82KT\xd2\xca,A\x91Z\xb5\xb5~O4\x1bB\x81\x08\x1etR\x81\xa7\x01\xb0e\xd4\x9e\x1f&gt;\xf8\xa0\xab\xabg;]\xdc\xdc\'\xa8l\xb1,\xc3G\xb9NI\x89W\x17ri|\xfe\x9b\x17\x9b\xb9\xbe\xf22\x1a\x118"h\x18\xa8\r\x10\x8b3\x8ef88\xe8\xa3\xd2\xea\xf3\xc9d\xf9}\x9b\xf0\xfc\xbbG\xfc\xd9\x8e\xc3\x18\x9c\xdd6\x96+\xe9\xaalll&lt;Q[;0\x90\x18\xf0G\xeak\x9cCcqw\xcd\xc8\x08\xc6\xbf\x0c\xa0^\x89U\xbdSJ\x97\xd6\xa6\xf0\xee)\xaf\xd1e\x11\x17\x9fOb\x94\x90p\x17\xa3@\x02Vsl\xd8\xdf\x83`b&gt;0M\x93\t**$y\x93s.)\x83\x84%)t8\xb8\xf4]H\xc5\xcdcM\xc8\xb6T\x87\x18\x04m\xb0d4\x8a\xf3\xfd\x08\xa8\x12\t\x7f\xa4/V\x83\xf2\xe1\xa2\xbd\xb8q\n`\xf0%U\xd7;\xdb\xc5\xe2\xea\x12Q\x11\x96\xa6I\x88\x82\x0fy\xa5\t\x1a\xfc\xc5\x05\x9cF\x81\xa4\xb1\x82\x13\x14\xd7P\xe2\x00e\x89\x18j([\x08\xa1\x9d\x87\\\xb6\xa8\xfa\xa9ks\x85\xd5+\x9d\x9d\xfe(\x0c\x15\xa2\xd2%\x02\x99\xac\xaf\xf7\xf8\x07\x8e\x0e$:;i\x03\xeat\x9f\x8b|\xd70\t\xad\x828\xcb\x10e\x8c\xa8&lt;;E\x12K\xd3t&lt;\x15L\xc4\x8dAC\xf7!\xa54hEC\x01\'\x1b\xa94\xe1\xf1y8\xdf\xc6\x02.\x9c\x05.\x8a!\x05\x14!\x1c\xb4T\xc3g\xdd\xf9\xed\x9b\x8bW\xc9\\\x94\x8a\xdf%\x06\x06j\xc3\xf0\xf9Dv\xc2\x06KR)\x1d\xa0}\xcd\x90+\xd1F\xdb\x03ct\x03,|%\x1aO\xb5-V\xf8\xb9\x10K\xa7\x89Fb\x8c;\x90\x87\xb2L\x99N\x02idz,]\xb4"\xcdt|\xb5P\xa6\x89\xc1\n\x07\x88 \xca\xdcKX\x8c\x9c\xa5\xe8W\x1f.\xaf\xac\xac\x17\x1e^\xc5\xdb\x80\xe7\x81\xe5\xa7K\x80u\xe8\xd1X\x14\xc8\xa8\xa8\xa4\t\xdan\x9dh\xa3\xdd\xcd$\x98\x8b\xc4jF\x08\xab\xab\x85Z{\xa2\xef\xef\x14\x8b\xa55\xfa\x12%i\xe9M\xd3\xc4$h\xf8$$\x95B\xe6\x17d\x9c\xe2+&lt;F\xb3\xf0|\x19\x9c\xa4Q\x95U\x11*X\xdct\x90\xfd\xf3\x12\xb0,ci\xb5\x90.\x96\x90\xd7\xbf\xd7\xf5\xa5\xcd\xc2\xdc\xe6\xd1H\x04X\x8du\x13\xe1\xcaJJ\xc4\xca$\xb0"\x00#\xa4\xcesM6\x16\xc6\x9f\x83\xa3\xc1 ]~@\x19\xeb\xfa\x87\xe7\xd2\xf3\xf549\x8bI\xc6\xe2\xca\xec\xcaG^4D\x9fj@-U\xc0 \x82\xa8\x11\x8c\x10E\x18M\xb3\x8cRV$\x02\xa6\r\xf4D\x8a!\xe7y\xaf\x0c,\xf9\xcej)\x9d+\x16\x8b\xdbk\xfb\xc8\xf3s\xabM\x91\xc8\xc5\xc6\xbap\x1d}\x94#V\xb2\xde\x13\x89x&lt;\xd3\x17@v\x8e\xb8.\xf4\xc5\\\xee\xf8X\xb3\x98 \xb0\xaa\xdf\xfa\xa3\xbf\xff\x92\x10kjJ\xbf\xba\xb4\x9a\x0bt/\xc3\xf5\xcc\xa2\xac\x12A$\x81\xf0\x87\x96\xedz\x00\x94\x89B\xa2\x13\x12u\x03F1d&lt;\x9f\xe7\x96\xc0*\x06\x86\xd3\xb9\\\xba\xb8\xb5$&lt;\xff;\x14\xa7\x13u\xe87\xe1pcTp\x01k:\x16K\x8a\xfd\xa7\xe7\x9a\x9a\xda\xa6c\xc9\x1a\xe7\x18f\xad`\xb0\xbd\n\xc5\xf5\xf8\xc4\xdf\x9a\x9a\x1e\x95J\xa5\xd5\xa5\xa9)uisx\x18\xb5\xfe*\x9a\x8a\x85\x12\x84\xc2%4\xd2\xc5y\x03\x13X\x80\x02c\x19B\xa8\xd3\xf0#\x0b\xcbs\x07\xa5\xa5\xc3\x9b\xf7r\xc5\xe7[\x9c\xcb\xe5\x8a\xc3\xc3\xe9bnxeQ\xb4\x1fO4\xda\xd8Xw\xe6\x0cq\x85\xc3\xd0\x8cv!\xc6\x92\xc9\xa4\xc7\x13I\x9ck\xea\x1c\x88\xc4\x92n\xda\xc8V\xd1\xdc\xdc&gt;&gt;&gt;\xde\x1a\xa5\x1d\xb1;\xa5R\xe1\xe1\xae]\x8b[\xdb\xc5t:\x9d\xdb\xf2)\x86\xfc\x02K\xb3\xe5\xa2t$\xb5\x84Tx(\xd3\xec\x86\x84\xf9A\xfe\x11\x8bs\xef\xb5k^\xd97\xb8V\x04Q\x00aL\x0f\x07\xd67\x81\xf5\xfd\x1f\xe8j|8L7*\x92daX\xde\xe3qeQ+\x92\xb4\x11\x02X\xf58M\xc3\xf4\xd0&gt;\xde\x8b\xb1\xba\xee"}\xfd\xc1\xa3\xedRa\xeb\xce\xd2\xf2l \x10\xe8\xee\x0e\x94\x16\xc1\x83\xc8\xf8\xf0 \t\xbf\x0b\xb4\x17\x8b\x8b\xff\n\xcbs\xc1\xc2\xc0e\x8a\xfa`:\x80\x85\xc3\x96\xd3\x00\x82X`\xeb\x0e\xcc\x96\nsk\xfb^\xfb\xe8\x9f\x7f\xf9\xfb\t\xe2:I\x9f\x9d\x10\x17*Y\xc8\x9d\xad\xa4\xfaut\xa06\x9a\xea\x1do?~|\xbc\x03\xdd2\xbc\xdb\xef\x8fx\xde\xd9\xc1\xf4\xb1\xb8\xb8\xde\xdd}\xe3\x06\xa8\x8a[\x96\xcf\x07\x9dP\xe41\x17\x90\xe1\xb9m*\xfd\xa5n\x8c\x95y\xf3\xf9\xfc5P`\xfd\xbb\x87+fm\x1b\x08\xa3\x96\xc2Igrg/\x05aD\x97\x18\xda\xb4SI\xb7\xfe\x00\xad]\x02\x1eB\x96\x16"\x04\xc1\xf9\x01\x9d\x12\xf0.B\x17O\x192\x9c\x88\xc1%dsD\x86\x801\x1d\x1c\x91%\xa5(\x1e\x8c\xc1\x99\n\x1e:4[\xdf;\xb9=l\xa1\xe5\xce\xef\xde\xf7\xee\xfb\xdeg\x904r?\xbc\xa3\x96*@K\xee\x1e4\x1f\xe3\x8e\x85\xd5I\xa2\xcb\xd0\x183*fY\xe6\xba\xef_\x9d\r\xbb\xfb?\'G\xe0\xac}\xbe\xd3\xde\xfd\xc06\xe8\xed\xbb\xd7|\x1c\xb6\x8d\x06do\x0f\xa8&gt;\xb7\xe9v^\x9c\x9c\xfc\xea\xe7\xf9|\xbe\x88\xc2\xe8\xee.\x8a\x07\xfd9a\xb5\\\\\xe1\xe9l\xc2\x92U\x04}{\x0bUU\xb0\x80\xea\xd6\xa6+\xb4\x94\xda\x05a\x80\x98:\x07\xadY\x19\xc6\x14|\'N./\xa1\xd5\xd8\x98b\xba\x99\xc1[\n?=\xfe\xda\xbd9\x82\xab9\xb7ylw\x1bg\x00\xd5q\x9f \xd9~|\x82\xab\xc0@\r\xbf~\xce\xf3\xc7\xa5\t\xb15\xc2\x1a\xe5c\xcb\x16\xcc\n\xc9\xb2\'PV\xe0\xe4\x1a"\xf8\xaa\x11\xc5a\x00p\xb0\xfe~\xa0\xdd\xba\x06*%Q\xb062\xc0\x8a\xff\xc1\nc\x83;S\x8e3k\xc6\x1c\xdfK\x8f\x87\x0f\x93\xc9\x84\xb1\xdc\xc6)\xc0\xf9\xbc\xe1C\x82\xfb;/\xbf?t{\x1fOOO\x87_\xae\xce~,\xf3\xbc?2T\x15a\r\xfa\xcb\x19ir`\x0b\xe0X\\aO\x9e\x1d\xda~\xd8\xc2\x83-\xe6\x10\xa4\x04Mp*\x10B\x12\x95\x87c\xd2lfeDL\xf8\x84V\x15\xe0.\x89F\x05\x80\xd1\xefb\xc5Fz\xcc\x97j\xf4\xba\xdd^\x8f\xff\x9e\x0e\xaf\xbe\x9dU\x0f\xc5\xaa\xd4\xbeBM\xa9\xc6*\x1fY\xa9\x87P\x168\x1f\xe4O\x96&amp;\xbe\xcb\xcf\x81A\xd9p&lt;+l\xc8\xdbfL\x0e\xc8\xacf3\x96\xcbj\xac\x01\x8c\xf8\xb4\xf2!w\xcc\xcd\x96\xa4\na\x84\xe21\xc2\xc4.o\x16\xcb\xd5\xb4Qg\x10\xb0\xd9\xfbF\x9a*\x80\xe0\x95\xc1W\x14E\xa0R\xff\xde\xee3\x9b\x96\x98bQQ\xf1\x845\xc7\xca\x1c\xe8\xb1 -d\x00\xd4;\xfc*m\xab\xac\x98\x83\xccjlV7X\x0e7]?`=\x82\xe2\x91\x8095+\xaa\x10\xc6q\xb2\x86\x85\xd5\xc3$\x01\xb2?\xa9\x8ff\x8d\xd1p\xc9\xaf\x84U\x810U\xeaI\x050\xda\x13B\x03\xdd\xd6\xf8\xa9$U\x1c\x04u\x17u\xfa\xf9\xb8EP\xe8\xfc\x1c\xdb\x00yR`\xc2!g\xfd\x17W\xdd\xaf\t\xe2\xaa\xbc\x16L\x19\xa9T\xaa\xb9\xfe\xc1\x829\x99\xd2\xe</t>
        </is>
      </c>
      <c r="M514" s="3" t="n">
        <v>45492.67719907407</v>
      </c>
    </row>
    <row r="515">
      <c r="A515" t="n">
        <v>1391413</v>
      </c>
      <c r="B515" t="n">
        <v>49202</v>
      </c>
      <c r="C515" t="inlineStr">
        <is>
          <t>Eliel</t>
        </is>
      </c>
      <c r="D515" t="inlineStr">
        <is>
          <t>Eliel</t>
        </is>
      </c>
      <c r="E515" t="inlineStr">
        <is>
          <t>CA</t>
        </is>
      </c>
      <c r="F515" t="inlineStr">
        <is>
          <t>ATA</t>
        </is>
      </c>
      <c r="G515" t="inlineStr">
        <is>
          <t>CA</t>
        </is>
      </c>
      <c r="H515" t="n">
        <v>175</v>
      </c>
      <c r="I515" t="n">
        <v>11</v>
      </c>
      <c r="J515" s="2" t="n">
        <v>37646</v>
      </c>
      <c r="K515" t="inlineStr">
        <is>
          <t>Right</t>
        </is>
      </c>
      <c r="L515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9b8c9764-b176-4f3f-a1ca-951bae98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a7&gt;\xf4\x00\x00\x03\x00PLTE\xff\xff\xff\xa6p;\xa4l7\xff\xefP\xa8s&gt;\xa3n@\xfe\xe8&gt;\xfe\xfe\xfe\xff\xf4R\xfe\xf5W\xc8\x8fd\xfe\xe72=96\x8c[7\xfc\xe24\x8ba:\xa0h4\x9fj;\xfe\xea8\x91b=\xba\x82U\xfe\xebK\xfd\xe3.\x98e9864\x80T-\x12|MD@&lt;\xb4}Q\xfe\xe5+\x9cf@\x9bb2\xd5\x9ev\xcf\x92e\xc2\x8a_\x14vJ\xfe\xe7D\xb7\x85[\xfe\xecB\x85W6@&lt;9\xfe\xf5^\xfd\xe49420\xc9\x93i\xafxO\x17\x88X\xfe\xe2%\xc2\x89T\x16\x82S\xd1\x99p2-(e@\x1f\x92`5\xff\xf3L\xbd\x8a]=4-\xc6\x8d]zQ2\x8aeEiD&amp;O@5\xd0\x95k\xfe\xf6d\xa9|Y\x96^/\x9dkG\xadwB\xff\xefI\xc1\x90g\xb0\x80UzI+\xc0\x86N\x97lHIEB\x94dB\x94iBsN&amp;\x1b\xa8n\xdb\xa7\x81\xfb\xfa\xf9\xa3wP\x87^1\xad\x85d\xa0qK\xa0yX\x9aqP\xba\x84M\xc0\x84X\xd6\xa3|\x90Z+|V;XG:\xb2}H\x1a\x8f\\G:/\xde\xb0\x8fkR&gt;\x18\xa0g\xc8\x86Z\xa9uJaN@_?+\x83_A \xaft\xf3\xf2\xf1\x9f\x80e\xdc\xab\x87\xe2\xb6\x97\xcc\x9cx\xa8oE]8\x1e\xfe\xfa[rL0\xaa\x8an\xcd\x8c`\xb9yGqB&amp;\xca\x96o\xff\xf8RS8\'\xbd}N\xb5\x8cj\x0eoD\x17\x97a\x96uX\x93R@\x8fkL\x85F:\xb2pC&amp;\xb3z\xbe\x95s\xca\xc2\xc1\x1b\x17\x14\xf4\xe4G\xf7\xf1WhI0K.\x1f\xb3~[\x8aP2\x87T(\xf3\xe3:{eT\xd3\xcb\xcb\x9dZF\xf6\xda)\xd1\x9ah\xde\xa2u\xbc\x87d\'\x98d\xfd\xec_\xf5\xe8Y&amp;\'#\xdb\xd2t\xdf\xd4C\xc7\xb4\xb5\x88~;\xa7`L\xef\xe7l\xf8\xf1g\'\xbd\x7f\xa8f=\xe9\xe9\xe7\xbd\xa7\xa2\xd5\xc16\x98\x8b8\xfc\xdb\x1c\xec\xd88\xe7\xdeD\xff\xfe\xf3tnls\\F\xbc\xb4[9#\x18\xe2\xdf\xdc*\x7fS\xab\xa2T\xd6\xccX\xbc\xb9\xb7\xe7\xe0~\xd6\xd7\xd5\xaf\xad\xab\xdf\xd8\x8c\xd5\xcd\x8b\xaamU\xce\xc2P\xc4\xd39\xe7\xddd\xc9\x7fw\x81}z\xd8\x98j\xfe\xfb\xde\xc1\xb01\x80vV?-#\xfe\xf4z\xc8\xc0l\xc7\xb8B}\xabI\xbc\x92\x89\x9d\x95\x8d\xc8\xc3~\xea\xedR\xa6\x99=\xe1\xc8/\xe7\xdaTAvE?\x8a[dlC\xb3\x9e\x98\xe2\xce\xc4\xb9ma\xec\xbe\xa6\x97\x94UTPO\xca\xa3\x8b\x8f\x89\x82\xd9\xc0\xb3\x97P4\xb4\xa4=\xae\xa7i,\xa7nd^[\xc7tj\xfd\xf4\x965\xb2z\xa1\x9f\xa0\xab\xcd&lt;\xfe\xfa\xc3\xd6\xe7Z\x8e\x7f_X\x89W\xed\xe5\xdea\xb1^E\xabi\xa0\xb8&lt;\xd6\x8d\x83\xcc\xc7\x95\xb7\xd1\\\xa0vv\xcf\xad\x9f\x93^Z\xac\\1\xfd\xf7\xacpd(\x94&gt;\x13\xbb\xc1\x8e\xaf\x89\x82\x9f\xc7T\xca\xc7\xaa$a&gt;c\xae\x90~2\x0e\x9c\xc9\xb6\xb0\xb3\x86g\x894M\xbbI|\x00\x00 \x00IDATx\xda\xc4\x98OL"y\x16\xc7=\x8c\xa9\xa4\x82q:\x92\x88\x81L\xa0\x12\x02\teb\xa0;U\xfc\r=\x06l\xe9\xee(\x8d \x0ct\xca\x8aV\x11A\xda\xa0#aH\x08\x99\xa8\t\xd0\x13L\x1c\x0f^\xd7#D\x0fF\x8fn\xd2\\\xda\xeb&amp;\x1bu\xf6\xc0\xa1\x0f}\xdd\xb9\xedu\xbf\xaf\xe89\xecy\x0b}`5-\x87\xfa\xf4\xf7}\x7f\xdf\xf7\xaa\xc7\xc6\xfe\xffb\x18\xbc\xff\xa7\xc6\x9e\xbe@\xb1\xbc\xb9yup\xad\xd5\xe5\xc1\xd5\xe6\xf2\xd3\x83\x81\xe9\xec\xe8\xcb\xcd\xe0.\x86r\x9ac1\xf3]\xf7\xcb\xd1\xd9\xf2S\x82A\x95M0\xdd\x99\x9df\xa7\xc1i\xc6\xc5`p\x99L\x86X\xf7\xfa\xe2\xe9\x14\x03\xd4\xc1\xcd\x00\x02\xc5\x00e2P\x99\xb4r\x99\x9c\xddK(\xf6DPG\x10\x8a42;\x9d\x1a\x96\xd9`2\x10\x94\x0b\x929\xbb\x07O\xc1\xc50g_\xd0=\')\xe4\xd4\xe0\x0c\xda\x15T\x06\x8d\xcbpw\xbd\xf9\xe8\x8dd\x96\x8f\xba13a9A\x85O\xa8\x98\xc1\t\x93Q\x13\xa9L\x06\xf3\xed\xd9\xe3r\xa1\x81\x97\x03\xc0P\xcb\xa0\x12\x9dB\xb2\xbd\xd9`p\x92\xe7]\x7fq\xdd\\&lt;&amp;\x17\xa8\xa8\x81\xd0\x05?\x90\x88\xb0b"\xb4C\xff\xc054\xbe\x0b\x1f\x9c\xdd\xab\xc7\xe3\x82\xad\x1e\xee \x0f9\x08\xb7\xa6\xb0\xd2\xc0b\x06\x11\xde\'(\xba\xc0\xfe\xf0\xdc\xe3q1\xcbWd+\xc3\xf0\xc8!\x0c\xa8\x85\xc3F\x8a\x94\\d0\x8d\xc9D=\xed^=\xce\x81d\x98\x83\x01\x0e\x9d\xc1\xe5qi\xee\x86`0\x19)6\x8c\n:\x91t \xd1K\x03\xfd\xe6q\xf4Z^\xbe\x1ch\xc1I\xae\xf6\x90\xb1) h\xf28E\x83v&amp;\t\xd8@\xdfy\x10d\x90\xae;z\xdfki\x85L [\x0f\xb1&lt;\x1e\x93\xcb\xa3\xd9\xc8\x00\x8c\x18%\x86\xe7\x14/\xcf\xe9\xe9)Q\x03\xf8f\xd49\xc1\x8c]\xddh\x83\x8f\x9c\x8e\x93&amp;\x8aNQ4\x88\x1e\x8f\x07\x9fb\xb9\\0(\x11\x11\x90&lt;\x9e!\x98\xc7\x04\xdb=\x8c6W\x19\xe6\xa2\xeb$\xd3\xb8\xd0/g0\xa7\xc8\x9d\xbf\xaa\'\xe3/=5\xa7\xe4$)(\x89\x04\xeb\x1a\xf2\xb9\xe0\xb5\xdbMf\xa4TC\xadpS\xc9\x1cT:\x85\xcf\xf7\x9f\xef\xff\xbc\xc7\xfb\xf3\xe7\xff\x14\xea\x85z\xa3\x91L\x86\x93\xc9z\x07\x90\xb2\x12\x14=\x84\x86\x7fG\xec\xcb\x08\xb9\x98\xcd\x1bm\xd0\x88\xd0C\xca\xc9\xf5Z\xe9~\xeb\xcf\xad?\xfe\xb9\x85\xeb\xda\xfd\xfd~-\x918\x89\xb0&lt;\xcfW"5|.\xd4e\xc9\xe5\x82^8\x91\xb1\xeb\xd1q-_\x9b]\xce \xfc\x83\x97\x92M\x9d\x94\xee\x8b[[kk\x80\xc2\xb5x_\xda\x8f\x9c\x9c\xb0^\x9b\xd7f\xe3m&lt;\xbf\xbf_+\xf4\x82"\xe5\x08\xe2+v=\xaa\xf8b\xce\xba&amp;S0\x97S@\xd5k\x84\xed\x95Lqm\x0bDx\x17\xa9\xee+\x11vw\xd7f\xdb\xc5\xcbV\xa9\x94J\xe0\xea\xe4\xe8&lt;\xd0\x961\x18Q|1\xcb\x97\x18\xc5\xa0\x92e9\x9f\xb2s\xac;\xb3T,\xaeA-H\x05\xb1\x8a\xd6\x92\x1b@!\x1b*d\x0b\x11\xd6~"\xdc\x90\xe1\x7fL"\xd1y3\x9a6B,\xc4#\xa8\xb2\x8bq;\xa8ln\xb75\xb3\xb4D`\xc5\xe2\x92ui\xc9\xea\x06\x12\xcb\x12\x96\xed8\x14*\x91\\\xe1x&lt;+\x89\x12\r\xa5\xd1\xb4\x91a.\xb1O\x899\xd9\x1f\xb7s^/n\xcf\x03\x8b\x04+\xe2\x92\xb1f\xacV\x88\xb5\xbb\x9e\x1er\xd1\xb7\xa5\xcaI;\x1cN\xc9U\x8a\x0c\x17\xb5q\x14=\xbc\xc1\x84\x93\x149\xccy\xd9]\x12%\xe4\xb6\x12W&amp;3d\xb2ZCp\x16\xbea\xbd\xbb\xb8\xf2\x95J%rbo\xc7\xe3\xa9\xac\x1a4#\'L\xb7#\x90\x8b\xb9\x18`\x01\r\xf6\xfcv\x92\x8a\x85\x89B\xc7n\x82q\xa3@\x88\xcb\xee\xfa\xbaw=\x9d\xe6\xd2\xe9u\x8e\xe5X\x96\x13\xec\xc6v8\x1e\x8eg\x83\x880\x8f\xe9n\x04\xaeg\x0e\xeerA)\xd7kP\x0b\xa1\x87-t|\xfc\xf7P\xc8\xe6\xae\x84\x90T!\xb0\xd9\x80\xb5\xfe\xcb\xcf\xbf\x18\x8d\xc64\xcan7\x1a\xed\xf6h4\xdan\xa7\xe4\x9c\x84h5\xdc.\xeb\xdf\xc3\xeb;\x8a+9eL\x13\x96\x8d\xdcM\xc5\xf3,\xd4\xe3C(\xcdZF\xa3\xc5\x020\xedg\xd6b\xb1D\xdb\xd1v\xd8\xdf\xc48r\x89\x833F\xf7\x84\x7f \xb1\x94l\xd8\xc8q\xa0\xda\x05\x9bW\x83\xd2\xca\xcb\x86B\xbc\x8d\xb5\xb1\\ZCJ\xe3\xd2\xb6\xcc\xa2,Q\xcb,\xec%Q~\xc5\x8e\x18\xfd\xe3\x01\xfbAN\xf1\xdb\x05\x0e\xb6\x01\xd3\x9c\x97\xd3\x888\x81\xf5\xe2W\xf0V\x88\xa5\xfe~\xd3\xabm\xc1\x1fC.`\xe5i&gt;\x8af\xdd3\x82\xb9\x1a\xe4\x90\xf0r\xc3n$s\xcd\xcd\x01\x8b\xe5\xf1\xf2\xc2\xe1^\x9e\x07\x95\xa6\x1c\xcf\x03\x1bd\xb30\x16q\x11\xd9\xc6\x8a\x86\x85\xe5\xe7A\xe7HE\xc4+\nm2\xfe\xa8 ps\xa0\xf2z\xd7\xbd\xbc\xbbTB\x0eT\x90\xf7\x197E\xbb\xb5R\xc1\x11\xf4j\xad\x14\x84\x13X\x8b\xb0\xe2\xa9\xd4k\xf2\xbcG\xec\x9e\xe9\x8du\xad@+\xa5\xe9\xdf0jPs\xa0\xe2\xf8\x12b~i\t\x17d\x17\x9a\xc8\xf3^\xb6\xc2\x93j\x1c\'p\x82 \xd8q\x14I\xac\x14y\x1eX\x833\xbd\x0f\xe2\x17\rK\x8e\x1b\x8d\xaf\xe6\xb4B\x0fA\xb5\xb6\xa6\r\x9f\xccp\xf4P\xb6k1F\xa1\x81}\xc2n\x87\xb3H-\xbf"\xd1\n\xabwr1\x9b\xb7\n\r\xe9l\x18id\\}5\x87\xa8\xff\xb6A\xd0V\xf3M\xad\x10x(\xfb)eQHy\xa4\x03\xb0\xe2q?5Q\x14q\x14\xf5\xed\xe2\xe6\x03\xd4\xc2\x92\x15\x85\xb7\x8c\xab\x90\n\x03q\x08E\x0bD\xe6\x1b\x885\xc4\xb2!+\xcd$\xb8m)S\xc2\xf41\xcen\xc4WR~Z$\xfa#\xc1\x82\\\x8d\xb6\xd1\x8e\x89\xb2*\xb0\xc7Vmw\xa0\xe5\xa1\x08k\x11\xca\xefVM\xb2!\x1f\x91e\xeeK\x11\x01\xe6"\xb5d\x89\x16\xfc\xa0\xdeXg7\x8a\xa2\xe4\x93\xf0\xb0\x80.zq\xf8\xb4\xb2\x96J&lt;6+\xf71m\x13\xd6\xe1\x80D\xf1!Z\x03Q4\xad\xa3\xd8n\x16e,\xb5\x92\xdeXx&lt;\xec*\x8a\x9c\x8c"\xb5\xd2\x82\xc0R2`)\xc6\xc2\x9e\x08\x87\xe3\xed\x93\x08\x1f\x1a\x0e\xed\x90\r\xc70Bg\xb0\xb6\x1f\xd9\xa7\x8a`,\x86\x93\x8b\xf9 =\xad\x05\x0f\xf4\xc5\x1a\xbb\xe8(r/l\xc7\r9.R\xa9\xd4\x12\xc9\xfa\'&lt;\x85\xc9\xbd|\xde\x8f\xb5\x90\xa3\xb1H\xa6G6\xd8\xe3\xa9F#\x9fo\xd4\xeb\x85B\xa2\xb6_\x83\\\xe0\x92\x89Ko,\xe6\xa2\xd3\xa3\xfd\x1dP\x1c\x1b)4\xf0\xc4\x85\x87UQ\xc4\x03\x90\x9c\xf5\xa7\xc2F\xc1K\x9b\xd6.-3\x96\xc5\xac\x82\xf9)aV\xf5:\xf5z\xa2\x06E\x93)\xbf:Z,6\xd2@\xe0\x07c\x18\'}p5\x9b\xe0Z\x995r\xeb N\xa7i\xe0\xf8\x9b9m\xc1\xc2\x8a\x85y\xd5\xab\x83+\x99\xaa\xcb\xf4\xd0}\xa9\xbb\xb7:\x9dz\xf8D\xe0\xd8\x93\x0e\xb9D\xd4\n\x8a4\xe5\xb2\xcf\xf1z\xc3"piN\x00\xd5\xc6\xca\x8f\x8e\xa6Z\x95\xfa\x84\x85\xa8\x92\x94z\x18\x0e\xac\xd7\xf3\xc0\x92t\xc7\xba\x01V\x02\xceb\xeb\n=*J\xc1\xaa\xaa\xaa\xcdr\xd9\xe7\xcf;&amp;\xdel\xd0~E\xab\xc3\xc6\x8f\xaf\x1d&gt;_\x99\xb8\xfa\x12E\xa8\\(4\x1a\x89D2\xd9@\xdfuV\x8br\xab\xd3)\xd4\x84H\xa4\xdd\x93{\xf4H\x96\xcf\xfa\xa8\xb2\x8e\xc9\xa9\xa9\xa9\xd7\xe3\xb4\xf1\x01\xea\xc3\xb3\xe9)G6\xeb+7Qe\xa8&amp;\xd7\xeb\xfel\xd3\xbf\x03{\xf5\xd0\xfb\x03\xdd\x87O\xe7S\xa1\x86C\x98\x92\x1b\xf17\x8b\x8b\x93\x0e\x87\xaf\xfc\xf6\xed\xde\xdb\xb7&gt;\xc7\xc4O\x13\xcf&gt;\xccc\x81\xf90&gt;\xfeljbf\xc6W\x0e\x04\xde\x06\xca\x902\xebo\xe4\xb3e5\x9b\xd8I$ \x97r\xa4;\xd6\xa7\xfaN$\x12\xa9\xc5S\xf1\x95\xe9\xc9\xc9I\x07\xdd\\\xdd\xde~\x1e\xd8[\xf881=&gt;\xff\xfe\xfd&lt;\xa8\xa6_8f\x16\x02\xcf\xb7\xb7U5\xd0\x84\xeb&amp;\xfd\x04\xe6O\x12\x96\xa2\xe8\xfeh\xbd\xf9\x8fO_w\xf6\x89+:&gt;=\xf9\x8e\xa0T\xb5\xda:?oU\xb7\x03\x0b\x1f_~\xff\xdd{\xcb\xec\xfc\xf8\xf4\x8bw3{\xcf\xab-*|\x01.\x87\xffMc1\x15N\x84w\xea\xb2\xdc\xd5}\xb1\xb9\x1eb\xed\xdb7\xa6\'f|\x01\xb5\xd9\xac\xf6\xcf\xcf\xf1&gt;o\x81\xeb\xdd\xf4\xbcQH[6\xa6_\xcc,\x80\xea\xbc\xdf\xaa\xa2\xd4\xe6\xf3\x00\x04\x9b\\\x0c#\xbcv\n=\xf9F\xf75\xf0\xf2\xd3W\x12K\x88\x8e\xbf\x9c\xd9C\x8bZ\xe7\x87T}\rk\xef\xb7g\xab\xde\xe3\ngy61\xb3\xb0\xdd\xea\x9f\xf7\xfb\xf4\xf5y_U\xb7\x9b&gt;\xc7\x9bxt\x88\xa5\xf7\x7f\xbf1\xcc\x91\x86\xb5\xbf:\xff\xbd\xe3y\x0bz\xe4D\x97\xe7\xf4\xf00\'\xf5[j`\xe1\xa7\xbf\xcd\x1dcq\xe6&gt;L\x80\x192\xb6\x82\xa7\xa8\xc3SO\xbf\xda\xda\xf6M\xad\x00\xab\x06,\xbd\xf3\x81\xfe#PS+:\xff2@\x96R\x1e\x06\xb8\xed\xe1\xa9\xa2P\xaf|\xff\xfa\xd5\xfb{q\xc9\xca\xce\xbeX\x08\xa0{9E\xf1x\x0eOc\xb1\xaet\xdej\xa9\x13\x8b\xf1\xc4Nm\xa7\xd7\xd3\xfd\x81l\xec\xec\xa1@X\xab\xdf\xfd\x16@g\xd4f\xb6\xd7\'o\xc1\xddU\xb5\xec\xf8\xe1g[q\xab\x98\xb1\x19\x7f\xf8\xb8\xa7V\xab\xadj\xae\x8f&amp;\x9ev\xbe\xcah\xb2Z~\x1d\xc7\xae\xb1\xd3\xe9^\xe8\xff\xf8z\xfbo`\tp\xfcd6\xef\xf7#M\xb3Y\xc4%\x94i\x82j\xe3\x95\x1bk\xea\x92-\xfd\xeb\xf4\x0c"^;\x89R\xb5\x99\xfd/\xaf\xe6\x13\xd2V\x9b\x85\xf1~\xc5 \x04.i\xb8\x81L \xdc$B\xc8&amp;\x17D\x0cb\xcc\x84\xe4\x8aI\xc3\xcd\x10c\xfeL\xaa\x14:$\xa3\x18M\xc4\xfc\x91^!\x9a`\x84\xaf\x89T1\xee\x82\x8b\xd4\xd57\xd0.\x06\x07\\8\x81\x99M\xba\x8d\xcatt1\xc2\xb7\x18\\\x14\xac\x82\xb8\xe9b\x9esc\x07f\x7f3\xa7\xb5\xea*\xbf&gt;\xe7\xbc\xe7=\xcf\xb9w\x0e-\x15w\x81&amp;\xea\x89\xe4r\xef\xff\xa9\xf8\x8akp\xba\xdb\xc3\xf2Yk\xe1\xa8 \x82\x8b&gt;\x91.\xa09\x96\xcb\x16\xf2\r\x19+)\rhY\xc2%\x11A\xb5\x80\xb9gbsb3\xec\x89\xa4s\xef\xbbJ\x9b\xd7\xc1\xe9\xe9\xa3\x1cf\xcd1\x9a\xf0jQ\xee\xe9\x86\x99\x9f_\x9d\x9b\x10R\x93R\xd2\xb2tq\xf1&amp;d\x06We@\xc5:e\x1d!\x93\x13\xd3X\xd4\x13\x0b\x87I\xad\xbf)}\xf5L\xdf\x9c]v\xe4n\x8a\x80\xd5\x1a\xab\x85\xc5\t\xba\x12\x19!\xe5\x93\nR2o^\xbe\xb8@\xcd[\x12R\xe1\xf5kcx\x02\xd0\xab\xb81\x17\xc4@4\xc5\xfb|)\xc2\xfa\xf7\xee\xa2\x92O\xfcq\x0c\xbfd^mE\xb6\xd6h;\xb3\xbf\x8fY\xfd\x80F;\x8f\x87\xf7a^-\x14\xa4|;t\x01\xb5\x96B\xee\xa4$\xbd~\xcd\x1b}aA\x14E!\xea\xa9a\xfa\xaf\xd5|&gt;\x1fJ\xbe\x94\xeb|S\xb2\xba\x16\xbf\xb4\xd4fwdkd\x1f1"{V\x98\x9a\x83\x83\x83)\xf5\x94:!!\x85\x8d7\x17\x17\xcb\xb4B\xb5$\xe5\x8d\x08X\xe0[=\x9e\x88\xf5\x00&amp;\x03\xee\xda\x07\xb5b\x18\xbc\xbe)\xb8\xe2\xba\xe1\x1f*\x96\xf1\xf5\x8c\x8c\xd5\x08\xc9k\xefPF\xde?@\xbf\xc4p\xbe\xbd\xd4\x13+\x14\x1a\x19O\x8031\x94\xc0\x1c\x0bS\x8d\x94\xaf\xd9\xa70I[e\xacZ\xfd\xe4fP\xb9\x1c\xb6\x1e\xee%\xc9\x9a!\xaa}s#\xb4$s\xc9\x0e\xccnI&amp;\xf3\xee\x86\x8c\x15\x82\x8cH#\xed)i\xe4\'\xbf?\xa4\x861\xb3\xf7\xacP.\x962}\xbf:S\xae\xb4\xce\xee\x1f\xee+\x95\xf5-;\xad\xb6\xdb=\xb9\xc0\x05\xd7:\xa2\x06\x95\xa5\xddXZ\xbeX\x0e5\xc8\xd0\x9a\x93\xe0"*Z*\xad\xd9i\xb3Kr\xe9\x80\x15W\xcd~\xaf+\x89\x05\xb5\xee\tK=\x9e\xb7\x8c4\xc8O/#e\xaf\xcc\xee|"\x91o\xb7\xdb\r\x8a\xb6\x99\xb67fK\xde\r\xff\x93\x18\'*\xb7=\xf3%\xb36D\xbb]\xc2j=(\xabV\xebI-\xda\x02\xcaY$\x87ORI\x92\xba\xdd\x00W\xdbB\x0fU,n\x8b\x1a^\xd1\x0c.\x9d\x94T\xd32.\xf3*\x93\x99\xb2\x8e\x19\x8d\xbe\\$\xcc_\x01K\xb9\xa3x\xd9z(\x0c\xff\x14\xd9\x9a\x1a\x1f\x1b\x1f\x1e\xdeo4\xccfY\xa9B\xa1b\xb4C&amp;Z1\xff\x88D\xd2nv\x0f\xe9t\xa8\xfbd\x9e\xdc\xf7\x88\x1dZ\xe9\x08+`\xac|\xbf\xbaT\x0ck\xf0\xf2\xfe&gt;Yx\t\xfb&gt;F[@\x94\xbd\xdb=B\xfd\xbc\xd5jU\x12\xedv\xbe\xf0\xfcy\xa5R)H\x85\x82\xb1\xc2\x17\x12\xf9|"\x8bQ\xd5\xa8K\xa8\xedk#v\xf5\x18\xad\xc1\xd1!\xb8\xe7/\xbd\x0f\x8ab\x15,\x85\xfd\xa9\xad\xf51\x9d4\x0c,\xca\x18Q\x99L\xd9\x8a\x84\x1f^xgM-bl\x99\xbc\xa6,o\x94x}vr`\x12\xdd\x9f\xea~\xc8\xea{-\xf7S\xdfO\x85I\xe5\xd4Bm\x15\x92\xc9\xc2\xfe\xc1\xd6\xbaU\'\xfd~|\\\x9d\xcf\x83\xaa\x00\x88=^\x07\xbaY8\n\xbf\x17D/\xbc\xfe\xd1\x95"\xc3i9nrr\xa0R\x91t\xb0\xda\xe4iy\x1f_[\xf7X+\xf7F^\xc9\x92OZ\n\x95}\xebz\x84\xbc\xa0.\x81L&amp;d*o\xcbhUg\xeb\xa0r\x15\ru\x84\xbf\xb8\x82\xf0s5\x9e\xaf\xc8i\x95z\x9e6\xc5c\x0e\x04\xd6C\xeb\xe0L9\xb5n\xd6\xda\xd2\xfd\xb05\x17I\xa5&amp;_\xf7\x1e\x06L\x0e s\xb3Z&gt;\xa162\xfe"\\\xac\xc1O\xe1t\xba\\+s\x9e\x9a\xb1\xd2\xaad\t\x0c\xff\r#\x9fU\x85\x81\x15\xab\x99\x1e\xbc\x07\x97\xd3\x8aa}\xc84,\x95\x97\xd6\x9cG\xab\x1d\x80\x1f\xc4\'U\x9e\x9bfwv\xbcY\xdd\x90\xfd\x80c5\x0b6\xa7\xcd\xef/\x16WWaZ\xe7\xd2\x9e\x1a\x9f\xe5L\xad,\x82\x9e\x17\xa4T\xdah,\x92\x8e\xd5\xae\xbe\x9b\x94\xc3\xc2d\x9ai\x87\xc6-\xeaH\x1c6u`\x12\xfe\xb9\xd2\xf2\xee\xf8\xfdu\x95q\x0cg\xcd#\xb2\x13\xf0\xd8Np\xb9@\xb6P\xc2\xddW\xf3\x08\x0e\x07\xc7q\xd9\x14"\xab\x12d\xac-\xefN\nX\x83\xcaM\x10Iw\xa8!E\xe26\x87*\x9bUe[-/\x9c\xb3\x9fMY\xa7p!{D@A*\x7fqt\xc5\xe5Z\xc5H\xbd\x19\xf7x\xa2\xac\x81a\x18N\x15\x8d&gt;a\xc5\x02&amp;\x13t\xfe\xa6\x18\xd6\xe0/\x97\x96d#4\x1e\x8b\xd9X\xf8\xf9\x17\xaa\x96i\xc7\xb5\x82\x01\xdd\x87\xe1\x05\xc2\xc4X\xc6\xe6,\xcaQv\xda@5\xb7\x00#-\xda\xfc\xf5\xbaC\xaf\x15\xa2\x02\x17\x14b\xe9X\xb4U\xb0[\xb3\xcaM\\\x83\xd3g\x8d\xb6e\xdf\xedI/h\xb4/\xbc&amp;\x93i\xd6\xbf\xe2\xb2\x89b@\xe4\xf8!\x8c]\x9e\x93\x93\xc3\xbd\x8dzyccoo\xef\xe4\xe4D\x10\xe3\x0b\xc0\xb3\x19\x0c\xe0\xe2\x82\x81 \x1b\x88\xa5K\x9e\xa1\xc4\x90\xd5\xa8\xe0 8}\xb3\x04.w$\x1d\x08j9\x93Io\xda)\x8eB\x96\xd59\xc1xP\xe3O\x0e\x0fA\xb3AQ\xaf\x13\xd9!\xc8\xa26dS\xe3,\x1aD!\x18\x04\x19\xb0\xe4\x1dXB\xc1\xda\x1a\x04\x16b*\x1d\x17\xb4Z\x93Wo2\x14q\xe2\\\xaeM&gt;{H\xb1\xd7\xc3*#d:\xd2,\xeat\xcd\xd94~?\x83\xc2\xd7\x07\xe2\xa5t\xda\xa7\x1b\xd3\x19u\nb=[\xc40\x05,O,\xaa\xd5{\x91E\xa8\xe5\x1a\x1d\x9d\x0b\\]\xed\x1d\n@\xfa\x01\xd5\x0b\x1b\xfd.jF\xe7\x7f\xde4\xf4\xb0\xc4x:\x1d\xb3\xd2\x13\xbd!\x05\'\x88g\xd3g!\x8c/\xc38_\x9c\xc9\xeb\xe58\x07\xad\xb0\\8~\xf5\xff\xe1)\x97\xfde\xaa{\x88Vw\xda~~\xfbvn\xc1\xc9\xe89\x91e\x81\x15\xe7i:\xcc\xdc(\xe9\xc9~9\x0b\xb9\x87j\xb1X\\\xc6Rq6\xd7\xbck\xfe\x1d|\xbc\xbf|w\x87\xbf\x1b\x1bw\xf8\xe7\xee\xf6\xae\xbcqW.\xcf\x95\xd1\xc3F\xe7W\xde\xce;\x9d\xac\x08\xaa rXRI\x89\x84]\xb9n\xfad3\xce.\xcf\xba\xa5\xa8\nXz\xc8\x85v\xbe\xf2q{\xfb\xef\xef\xef\xba\xdd\xdbN\xf3\xf1\xf6\xa8\xd9\xc5W\xf3\xb1st\xfb\xd8\xbd\xfd\x03\xf9\xeay\x97\x0b\x96\x1bT\xecf)\xdd\xdd=\xeat\xbe\x9d)\xfeT\x18QM\x87\x05\xbd\xd7\xa4\xe7Tz\xc3\xaas\x15X\xff\xf8\xdcm6\x8f\x9a\xd5\xe6Q\x95\xbev\xab\xcdf\xb3{\xd4&lt;\xfa\xeb\x1f\xb7\xb7?\xae\xc0\xc1j\x82A\x8d\x86\xb0.\xa7\xa7?,\xf6\xe5\xad\xb7\xc1O\xb9\xb8\xc0\xe9\xf5\x0e}\x94c\xd0 \x9c\xef\xb6\x7f\xf3\xb9Y\xadVw\xe5\x90\xbf\xe3\xb7fs\xf7\xcf\xbf\xfek{\xfb\x9d\xcbi\xb0\x89A\x88Em\xeb\x98\xdeT\xef\xcf\xbbR\x8b\x9fKQ@\xe9\xf5A\x9610\xa201\xff\xeeO$U\xf5\xb8\xba{\xbc\xfb\x14\xc7\xcdf\xf5\xe8\xf3o?\xbeu\xfa\x9d6\x86aQ\\8\x88\x8f\x1f\xfa\xf8\x1a^\xb3\x14\xc6i\xd7\xb3\x8c\x03\x9f\xc7E\xd1\xdd\xcfO;\x9d\xdb.\xf2\xd6\x0bH\xf5\x97_o\x1fo\xef\xe6\xca\x1a4-\xf4y\xd4\x96\x18\x88\xa7\x8f\xfa\xf9\x16\xde1\x1a*\xc7\x89L\x0f+\x9b\xaa\x1d\x9c\x9e~\xfdz\xday\xec\x80\xac\x17\xdd\xdb\xdb\xf3\xd3\xf5\xf3\x13A`\x00e0\xd0\xd3\x04`U\xfb\xf9\xce"\xb2\x18\x10\x83\xa2\x83\x99e\xf4z\x0c\x13|\xed\xfc\xfa\xf4\xeb\xd2\x9b\x8bo`C\x9c\x9e\x9e^\xe3\xabsz\x8e\x8bQc\xb3\xd9\x0c6\r\x92\x18\x8f=\xde\xf4\x13k\xbaZ\x8a\xa3\x86\x81\x85\xd1@\x95\xca\xa6\xf8\x93\xf3\xeb\xaf\x88eh\x86o\xd7\xd7DEP\x87\xd1\x00\x8b\xca\xa2\xe2B\x0ecG}}\xb1y\xf0S:\x1e`\x1c\x14\xc0\xca\xaa\x80E\xe5\xf5\x15"\x11\xd0\xf5\xf5\xf99~8?9\x14\x04ADc\xd003\x1a\xb9\xb4\xaa}}M\x17X\xa5\x00\xebp\xcc:\x1c^\xbd\x16`\xa9T\xeb\xf0PF\x91\x03\xd76\x98pS\x13\x15\xa3\xd10\x0cJkbs3\xbd\xdbg\xac\x1c\xb2\xa8\'\xb1\xa8Qp\x1c\x12y\xb8w\xf8\xdf\xc0PC\xb7\xf6^\x00T\xc8\x1f\x05n\x1e`\x1d\xf7\x1b+\x16G\xdf\x06\x17\xfb\x04\xc6\t-\x8e\xdb#\x85\xae(\xe4\xc1\x86\xee\x1b\x1bCr!\xa0V&lt;\xf7\xe9\xff\x80\xc5j\xd0\x1f\x1c,\x0e\xa4\xe3GB\x89\xa9^/\xe3\x0f\xa2\'\x13c\xa3\x1c2\x84U\xca}\xe87V4\x1e\xc0-733\xa3\t\xb2338\x953;;\xb2G,\xba\\\xa3.\x9a\xe7\xfd\x06:\x826\xc8\xc5\x92Z\x13P\xebq\xf1Y\x9f\xb1\xc2\x81x\x90&gt;m\x86E2q\xfa53\xa0\xfa]qttE\x0ez\xbc\x08,\x98\x8e\x19j\xa4D5\x11\x8fu\xfa\x8b\xf5\x0cXA\x9a\t43\xf8\xc0 \x05=m5\x18\xfc\x18\xa1GG]\x88U\xdc\x84\x84\x05\xad\x02Oj\x05\xc2\xfd\xc7\xe2\x056\xc8\xca\\\xc1`\x14\xde\x94c)a6\x83\xb3g\xf6\xfdD\xa5\xa1\x8b0\x18\xa0lOP\x0ec\xdd\xe9\xfeb\xdd\xac\xd7\xb2z\xe2BmA\x85\x94\xcf\x97R\x01\x8c\xa2n08\xebD\xa8\xf9\x0f\xef\xe6\x1b\xd3\xd4~\xc6q\xfb\xe7\xb4=\xe9,m\xe1@\xe8\x18\xbcho\xbdmB\x85\x0c\xea\x02\xdc m\x83\x10\xdaF\x9a\x92\xde\xe0Z2B"\xd7\x17\xdcn\xe1\x86(lK\x18\xb6\xcbF\xcdxQjY\xd3\x1a\x95P\x18Y\x0b\xd52$\x06\x18\xd5\\E\xc0\xfbB\xc3\x02\xdc\x88W\xe5\n\xb9\xaf4\xcb\x05\xa2\xdb\xf3\xfcNQ\xe3\xfe\xddM\xd9C91\xf2\x82\x0f\xdf\xef\xf7\xf7&lt;\xbf_\xcfi&amp;\x10\x912g\xe0\xbd\x95\xda\xfa\xa3\x97\xf6\x1d+\xaf0\xbf\x14\xc5\x02\x17\xcd\xf5\x85\xd5y\xd5\x85m\x06\xdc\xad\x03\x17.\xc2:\x18\x99u\xb5\xf6\xdaZC\xad\xb9\xb6\x9c\xdc\xf2\xa9\xb5\xef\xf3\xec9 \xbcx&amp;/\x8f\xca\xb4\xb1K1\xa3\xb6\xb0\x1a\x0f\xd6p\xfc\x87\r;p\x81fu\xf9\x06,\xbb\xdd^kF\xaa\x93\xe5\xe6}\x1f\x89D-\'?\xa7\xd4F*\xc3l/\x04\xb0BH\x98\xc1\x90\x89j\xc1\xca$L\x06{\xbd\x1d\xb5\xfa\xc3\xff\x01\x0b\xf7\xe1_\xff*+\xcf(+\x05\xb1`\xf9!WK}K\xcb\x9f\xda(*\x9f\x9d6\x99\x99\xbf\xcb\xcf\x07,\x83\xc1\xfcKr\xcf1\xa3n\x9f\xb1\xf0\x83\xb7\x9f\\9\x93\x95\xe5\xe4\xc0P\xb4\xe5Z\xcarm6\x0c70\xe4\xe7\x94f\xb2\xc1\xff\x05\xde\x812\xd7\x9a\xeb\xf0N\xe8O\xcb\x0e\x95\x9a!i\r\xbf\xdf7\xac\xe3\x17\x1f^\x1f\xb9?r&amp;\xcb\xe10\xca`\x1e\xda,%\x96\\\x0c\x18t\xcd\x0c@j&lt;t\xb0\x17[;n\xb0\xca\xcb3N\xdaN\x94Y*\xca2\xea\x0c\xf9\x86\xfd\xc3\x12\x1e\xbf\xb2{\xfe\xec\xd9\xb3w\x8f8\x1c\x8evNAN\xe9A\xe4B0\x922\x986\xb9\xbd\xd8Ws\x7f{\xe8D\xc6\xa1\x13\xb9\x08Ua9\x94\x89\xb3\xdc\xde\xf0\x97\xfd\xc1\x12\n\xaf\xec\xc6\xf0\xb1\x87\xd9#\x1fg9\xda\x8d\xdc\x9c|\xb4\xb1\xa2\x04\x9c$ec\xa1\xa0\xa1Z\x8e\xe5\x96\x95Y\xa0J*,x\xd2\x07,C\xfd\xfe\x1c0\x84\xc2\x8b\xbb\xeb;x\xab\xfe\xc9\x91\x8f\x8bj\x1c\xed|\x99,\xa7\xb4\xb1\xd7R\xf2i\x05\x12Xr\xf7\xcaB\x88,\x96_\xc3\xd8\xb6\xe4"\x15\x1cI\x0cGO\xed\xc7\xc7|\x84\xc2O^\xacw\xa3\x87\xe7O\x1d)\xaa)r8\xf9\x1c\x8eLZ\xd5\xd8\x9b\x0b`%\x96\xb7\n\xa7\xe3\xa7H\x95\x01G]\xc0\x02\xb5~\xbe\xf4\xe2\xbd\xdbH\xa8\xd6\xd6\xce\x9f=\xdft\xee\x0c`\x81ZF\x0e\x97+-(\xa8j\xcc-\x83\xbd\x03T\xc5\xab\x0b\x16n$,\xb6\xd2|V\xac|\xc0\xda\xd9|\xdf\x8f\r\x0f\xff\xf1\nP5\xaf\x9d\xffs9&gt;IYT\x04.\x1a\xf9R\xa9\x94+\x95"\x18F\xac\xe45\x10\xd9\xdd\x94T\x1c\xc3\xc37B\xc9\x10\xab\xe1\xc3\xd8\xee{\xfd\\\xfa\xf0\xf4\xc4\xd3\xf5nks\xf3\xda\xce\x89\xea\xdf|p\x84&lt;e\r.\x02\x13\x97\x03\x17)v\xfc\xdec\xaf\xc8\xd8\xed\x8d\xa5\xac\xb4\x00\x8eF\x14t\x12\x99\xacVfo\xf8Q\xcc\xbf{\xf1\xfdp\t\x85\xc3\xd3\x8f\x1e\xccm\xad_\xb8\xd0\xda\xdce\x8d\x9d\xc3\xe7\x99\t\x16\xc8\x05.r\xb9heN\x01\xc8r\x90\xbc\'_Q\xf1\x19f\xeb3h\x1b\x999\x94\x9d\x92\xe5K\x11\x0b\xdf\xfen\x8a\xf9\xfd\xbb/\xb6\xa7\x87\xdf\xdd\xbc\xe9G\xcf\xe6*\xdd\xee\xadn\x82\xd5\xec\x9f\xad\xae\xfe\xa0\x88}*\xfd\xb4\x93`qY\xc1d2Y\x15nQ\xa17\xa4\xdbE\x0eE\xd9e\x94\x0c\x8b\x82\x02,\xa5\xdf\xbf\xb6\xb6\x14\x7f0\xfdN\x82\tQ\'`r\xbb;\x88ZV\x90k\xe3(\xc1\xaaA\xb5\xda\x8di.L\x98\x94\xcb\xe7\x14\xe0\x9e\xbe\x17N\xb6\xb6^\x9b\x8d\xf8\'C.\x8a\x94\xbd\xbei\xc7\x8f\xb53\xd3\xffl\xf8\x1dt\xdac\xea\xe8p_\x03,\x08WW\xf3\xe6\x93z\xc0\xaa\xa9!kq\x8fK\x8a\xc5\xe5R\x14\xcc\xc9\xc6\xc6R\xbcV\x15\xc8\xd2E\xe1\xc9\x1b\xa8\xa8\xfa\x8fb.\x17`)\x07\xe5\xbc\xb9G\xd3\xc3\xc2\xff\x91I\xa3!L\x885\xb0y\x81\xb8\xe8Z\xdbh\xc8*B.\xa8\xf6\xf6v&gt;\xe1\x92\x16\x100|_\xbc\xaa\xaa\x11\xaa\n\xb0\xa4\x04\x8c\xc3j\x85W\xfb\x8fc.\x1d`)BZ\x95@\x15x\xf0\xe8\xbf|\xaae\x18\x99*5\x95@E#\x94\xbe\xc3\xed\xb9\x89X\xd6.]\xd7\xd2,b\x11\xb0\xd3\xa7\xdb\x8d\xc0\xc5\x01\xa2\x82\x02\xf6U\x05\xdd\x82\x80\x15\xc0"\x94\xc9\xb8\x14\x87\x82\x17\x87\xa0\xb5\xfc$\xa6+v\xa1ZZ\x81J \x91x\xa6\x92_\x1f\xff\xee\x0b\x0f2\xce\x96\xa6\x83\x85\xd2\x8b\xdc\xde-\xd6E\xf8s7\xaa1\xf1\xacZN#\x1f\x8a\x98\x88HD,\xa2\x176,\xb0\x8f\xc3\xa7`\x16\x10\xae\xb66\xfb\xddX1bu\xcek\x05\x02\x81V"\xd1j\x17\x12\xcf\xbe\x8b\x99l\xc8+\x89TPnZ\x04\\"=\xc8um3-\x97\xce\xff$+\x8d\x85\\|\xfc\xb5\\\xb6\xa9\xee\x95\x8d}3G\x068\x1c\xfc9(\nTm\xe6\xc5b\x85\xce\xe5w\xed\xcch\x05r\xb9\\B\xca\x17\xf8\x8f\xeb\x92\x15JS\xb9\xf7\r_t\x87\xa8C\xaf\xdfs\xf1\x02\xc8UL\xe4bC_\x03rq\xb0\xd2\xcd\xbe\x97\xadF8\xf8\xa3\x85\x14aBn\xb8\xb6PwcJ\x85N\xe7r-^~\x03\x0b\xea\xdf\x81\t\x87\x87\xd3B\xb1\xfei\xde\xb4Q\xaf\xa75_\xad\xb3r\x15\xeb\xfc\xb3\x8e\x1aV.\x07b\x91\xd4\x13\x1b\xd3\\\x8dx\xfb\x0c\xd3Nb\x85T\xfc603cQ\xa1T\x14\xeb\\\xc5\x7f\xbb\x93\rXj\x89\xe4M\xb0\xe1\x7f\xb1\xf4\x9e\xcd\x11\xdf\x80%RY\xf9\x06\x1e\xe6^\x04\xe9\x8a&gt;\xbd\xd0\n\xe9\xea\xd2)\\KO\x08W;p9\x9dl\x8f T`c/.CL\x19\xf6\x05\n"\xcfg\x8b\xc3\xc9\xb9\xab\xecT\x02\x95K1xG\xacV\xcb1\\\xaf\xab\xff\xd9?\x03K3\xd1\xb4\x9b\xb0\x04\x02\xe1p"\x91L&amp;\'&amp;n\xdd\x9a\x08\x86\xdd"\x91\xdb\xfd\x15L\xc5\xeeVp\x11\xb8\x1aX\xb9\x1c\x80\xe5\xdc\xeb]\xe9\xe6P\x85w\xa9`UJq\xe2P\xa0\x13\xbe(\xa0\x8au\x12\xb1\\\x8b3}Z5pe\x1f\xce\x96@\xf6\xb5\x88\xa7\xea\xef\x9f{\xf0\xe8\x1f\xc0 \xdc \nM\x83Z\x91p"8\x06\x15L&amp;\x83P\xa9T\xea\xde\xec\xa8\x97\'\xd2Dov7[\x89\\\n\xd7\xc6\xd1\x1a\x07K\xe5p\x1a\xa1I@\xb6\xc9\x1e\x07\xfb\x15bIsH\x83E\x9d\x8c\xf0s&gt;\xc7\x0cT\x88U\xac\x03\x0f\xfbTj\xb98[\xe2\x8bF\xa3\x1e\x9f\xc7\xe7\xf3!V\x7f\x7fd\xee\xedeI\xef\x957\x9cL&amp;\x12 \x18mbn\xf3\xd4j\x13\xe3\x89.\xc4\xcfM2\x025\xef\xdafws+\xca\xa5T\xba6\xea\x1dl\xa1\\\xd8%`0\xa2Hi\xa5\xa0\xb3\xc2\xa8\xe4sX(&gt;\xdf\x0c\x0e\x02\x95\x02\xb8\x16\xb7\x86$*F\xe0\x1b\x18\x8d\x0f\x0e\x0e\xc6S\x93\xa3\xf3\xf1\x1b7\xc6\x16\x02H\xf6\x16\x18\x00\xb9;h\x11=\x95JD"\xc9\xed0\xe8\x16\x98\x0f\r\xf0x\x0c\x84S\xe0\x99\x0f-\xc8\x05*fk\xb3\xdb\x8a=B\x01\\K\r\x0eG\r\xe1\xc2\xdf\xccy\xdd\xbe\xa4\xe8\x1d,B0\x90oL\'+c\x11\xa8X,%\x88\xa5U1\x93\xf1\xd4\xd8\xc0\xe5\x81\xa1\xe8\xc2\xc0\xe4\xcc\xca\xca&lt;\x12.\x100\\\x96{d8dh:\x12\x0c\x86iMb{\xfc\x9b\x08\xed\x1d\xbd&gt;\xf2d\x8a\xc7\xa3i\x1ec\x1a\x08\x8d\xe9\x19\x01\xe3\xb9\xb9\xdej%\xe9\xea\x04\xae\x90\xf3\x95^\xfctw\xe2\x92)\xd3F\xb1\xbd\x8cC`\xf9v\xfbI\xa4R*\x11K\t\xc9\xca\x16\x0c\x00\x83/[2\xbf\xa2\x96\xcb\xc5\xbe!\x9foh\xe8\xce\xe5\x95\xf8h \r\xb6\xa7\x18NdM8\x18\xd4\x88D\xe1\xed\x9e\x9e\xf1\tz\xec\x8b\xf1\xab\x0f\xbf\x89\x98L\x907\xd1\xed\xd0(m2\xe9\xe9\x81\xa7\xddV\xe0\xd2\x01W\xa7ni\x16\xb8\xb2\xd26B\xee!]@\x82M\x01\xfeA\xf6;\x08E\x81\x811\x96\n\xb0\x94\x9d[}\x12&amp;\x1a\x1a\x1c\xca&gt;|\xf8\xf2\xb9s\x0b\x02\xb9x\xe6\xf9L\x9fD+\x97\x9b\x16FW\x89`\xfd\xfd\x90~\x02\xd6\xe1vG\xc6\x82a\r-\xf2\xa6\xb6{\xc6\xc7\xc7\x93\xab\x89\x89\xf1\x9e\x9ed\xa5\xc8\xa4\xd7h\x02\x88\xa5\x87E\x81\xf1\xb2\xb6B\xab\x07\xaeb\xff\xac\xd1\x99N\x17\xdb3A-8u\xc8P(\xfcbM\x0c\xb1\x06\xb2Z)o\x0e\xf5\xf5\xa9\xe6\x07=\xe2\x1f\x1c\xf6\r^_N\xa9\xb2\x87\x9e\xff\xb0iT\x05\rV\xa0\x0e\x8c\x86\xa2&amp;\x86\xd7\xcfc`\x871\x0cV\x8aD\xde\xd1\xb1\x08\xf4\x81\xc0\xd8\xadpr|\xfc\xea\x17\xc1\xca\xf0\xa5\xab=\xe3\t\r\r\xbdt\xea\xde\x14x\x0c/\xef\xd6fk\xb3\x15G#p)\xfc\x1b\xf5NG\xde\x9bX\xd8\xf01\xf0\xb8\xcd\x81\xff\xe3\xb7\xc8\xee\xa6\xa9\x10J\x01T\xd9b\xf1\x9d\xd0\xa4Z \x96\xdf\xf8\xfc\xf3\xe5\x91\x95\xa1\xf9\xa6\xef\xdd_\x9e\x82-\x85@\xa0\x8a&gt;\x0f1j\x06\x12\xcd0\xfd\x08F\x8b\x06\xe6\x03z\xba2&lt;\x7f/\x18N\xbc|\xb8|\xfdV8\xfcW\xc0\xda\x8e@7\xbb}#\x15\xa1\xf5&amp;\x1e\x8f\xa7\xf1~\xbbiE\xae.]\xb1\xb2\x13\x1aE(\xaf\xda\xc9.F\x0e\x89\x17\xa1bw_\x1cc\x0bU\xbe\xa8Lk\x05`\xa8\x95D\x0c&lt;\xab\x9el\x153\x10J-\xcc~\xd84\xff&lt;&gt;x\xfd\xe1K\x0fP\t\xe4\xea\x99\x92I\x93Z\xcd`\x07\x00\xc5\x0e\xd0\x9a\xc9\xb8Wm\n\x8c\xde\nN-\x8cM\x9e\x1a\xf9\xf2\xcb\xd5\x89\x89KW\xc1M\r\x1dI\x01\x95\x9b6\xc1\xc0`n?\xfev\r\xb8`=\xa2`J\x08Xa\x9e\x93\xddG\x90)C\xc66\xbba\xa5\xa8r\x92\xaa\xb4XJElkH+\x86\x9a\\\xf5H\xfa|\xf1\x9f-0+\x1f}\xff\xfe=O\xf4\xd4\xf2r\n\xe4\x13\x8b\xb5\xbeP\x9cQ\x11.\x06\x9c&lt; \xd2\x04S^\x80\x8d{y&amp;\x11\xed\x1d[]\x8d\xc7\xa7"\xc1\xe5\xe5\xab\xe3\x89\xc7\xf7^&gt;~|\x1b+z\xed\xefM\x98Ah"w\x14\xc6\xa5\x03\xc3\x0c\x03\xb3\x8d\xe0\x04\x02\xd2\xc3\x0e\x03\x99CD\x96\xf5\xb2\x87B\xeb\xa5\xb0\x97\xf6\\R\xc8\xa5{\xdc[/\xe9e\x0f3\xbd\xcc\xc1C"\x0e\xa2=\x8cQ\xba\x03*\xd2\xc8D\x16\x0cD\x89\x9a\xc4\xf4`)h\n\xbb\xe2\x06\tz\na\xf7\xb2\xed\xf7\xde\x98\xdd\xfdc\x8c\xd9\x04\xf6\xe7\xf7\xbe\xf7\xbd\xf7w:=\x9a-\xe7\xcc\x85\x95\x10\x01\x96\x1c^\xff\xca\xc1\xf5m\xc8\xc5{}8"\x9f\xbed\xa9B\xafSbu\x8fp\\\xb7R\x9fdM\xd1;~[\x9bL~\xfc\xf7\xd5i\xce\xf2OOO]\xf0\xaa\x8as[3\x08\x8bO:\x92\x92s\x8b\xa2\x11\x1d\x04\x82 \x9a\x06\x9a\xcf\xb6-\xab?[.\xef\xee\x96\xddQ\xdf\xb6\x8bv\xbf?\x9b\xcd*\x96\x18\x95f\xf3+\xf4#VU\n\xfc$\x04\xfb\x9e\xb9\xc2\x88X\x89\xb5\xb6\xfe\xc3\xe7P\xc9\xad\xad!S\xe1L\xdf\x8d\x96\x95\xca\xe4\xc4u\xeb\xfe \xff\xea\xcd_\xbd\x0f\xff\xfc\xf1\xf7\xa5\xab\xc4\x15\xa3\xfd[\x80\xb9\xb4\xc2\x8aE\xa4\xd4y\xa9.\xc7\x1c\x13\xda\x19\x06\xe6\x94e\xdb\xc4f\xf7g\xbd^6m\xa4%\xc4DJ\x92d\t\xa5O\xf5\xbb\xccE\x82ma\x9cT\xaf\xbf\xbbO\xce/X+\xec\xab\x0fP\xbf\x87\xf7L\x80J^\x1fe2\x99\x84J\x85\xaa\x94\xfe\x9b\xdet\x8f\x9c\xa8\xa9\xc5\xbd\xe3\xd37\x8b\\\xed\xa7G\x8fn\xc7e\xc3\xbb\x1d\x1bhI\x91\x04\xc3\x7f\x8a\x94\x17\xbcR\xbd(\xcb\x04\xe9\xa81\x8c@\x01\xc9P\x08\xd0\x02E\xe0\xa5\x91Z\x127%\xe8RR\x1f\xc6\'.\x06\xc3\x19^~\x13\xd6\x91F\xe3\x97k\xeb\x0f./\x92!T\x92\x98\xb6\x92\xd5\xeeYFS5\x84\x95\xa6ij\xfb\xd6u\xe1\x87)\x95\xb4v\xfc\xeam\xddj\xe7K\xe3\xc0\xed\x94:\x96\xa8\xe3\xa0\x80\xacVL\x96\xf5N\xe9\xa4\xf0\xb5lf2*:T\xc66\x91\xed`B\xd8\xf2&amp;\x96\x89b\n\xd2\xa6eY"\xc1R\xe9\xb4\xbd$\xae\x17\x00\xdbc\xb0\xed\xeb\'\xbc\xc2 \xb5\xd6\xbez\xfc\xf2\xa2\xbaA:\x85L\x08\xdf\xeb)A%\x12\x07\x07\x07\x89D"s\x96\x1f\xebQ\xb3rDh\xd3w7\x1dd\x99jU\xbcq\xc7r\xce\xca\xbcP\xc4b\xban\x9a\x91\x0c\xfa\xb3\x1c\x9c\xa0\x0f\xb3\xd9}A\x16\x84\xe7_\x17r\xbe\xdf\xb2\x01"\xb7\x0e\x1b\x94\x0f\x18\x14iA"\xb1p\xec\xfa\xfc\xd9\xb3g/\x00\xb6\xc3\x8am\x0f/\x9f\xf2Mu}\xed\xc9E5\xb9\x11\xfa)\x84\xaa\xde\xc0\xcf\x1a1\x11TBS\xca\xc1$\xa8 \xdf\x95(\xb6\x87J9\xe3\x94\xbd\x8e\xe7\x95\x11\x12g\x1d\xaf\xccz\x99*\xfe&gt;\xa2\xe9\xc8\xb3\xf3\\\xb3\x89\xf5\xa1\xd0*\xb4Z\xb9\xde\xe2\xb0`\x87\x0cv\xa1\x88\xf8\x97\x88+j\x80\x0c#\x1d\x17\xa2\x19\x0c\xf6\t\x0cgx\xf9\xe0\xf1\xfaS\x84\x02\xa0\x92\x1b+\xa1\xf0\x1a.2\xb5\x04\x1fT\x10qj\x9a\xe5\xcex\xd0\xf6\xce\xe8x^\xbb\xdd\xf6\\\xf4\x12,\xa5[\x96\x85\xc0\xc7\x0b\x95\xdeD\x04\xd9\x1a\x13\xc5X\xab\x81\xc5\x8fV\xbfI\xaf\x01\x14\xc8&amp;\xf1\xe1\x9dG"\xc1\xf0\x0e\r\x81~\xda|\x8ed%,\xaa$\x83\xedn_\xbc\xfc\xf9r\x08\x14:[\xe4s\xa4\xd5\xf0\x86\xac\r\xa48\xca\x18\'\xae\x84Fu\x04\x0f\x13\xb5;\xd8#\x14\xa4\x15\x9c\xe8\xb2\x00\x00\x03gIDAT&gt;F6\xea\x97\xa1\x03\xfb\x11\x95\x1aIcm!\xc1\xf4lx\x10_\x08u\x18,\xdb\xda\x94a\xf9M\xc2\x92R\xb4\xe8\xa0\x8fE\x1dy\x8fF]\xae\n\x19\x82\xa1\x96\xd5\xe16Sm\xf13\nY\xed\xba\xa6\xa9\x84N\xd7X\xb2\x83\x83\xcc\xb8\xdcn\xbb\x1d\xb7\xe2\xc1\xdf\x8eh\x19\x8exf\x95\x83\xb2\xd7v\x18\n@\x1aS\x99\x11\x9aBY(\x98\x8dY\xf4*\xb6\xbf\x8fl\xc8\x9e\x07\xad\xfa$w\x825\xb5uRd\xd9\x04!MoL\xc1\xf6\x05\xcd6QH\xd6+\x0c\x8b\xdd=\xf6\x7f2\xac\x1d\xb9\xab\x1b8\xd8\x89\xa9\xf9\xb8\x86l-\xc5\xc3\xb8\xf1\x83\xb7\xa3\xdahlUJA\xbb\x96\xaf\xe7;\xe7#\xbf\x94\xef\x94\xc6\x1d\x94V\xc5\x9f\x1f$\xb0PGbV\xa7U\xaf\x07\xb5\\\xce\xaf\xc7\xb2\xcdFc\xb1h\x9c\xe4Z\x93\x9e\xef\xf7&gt;\xfc\xb9h6\xef\x1a\xdc\x86pX\x1a\xc9E\xbb\xa1h\xd0&lt;X\xce_\xd0\xa1\xa8\xd8\xbd\xda\xdb%\x93m\x85L\x1b\xc9\xf9\xd2\x8a"\xa8\x14\x94.\x1ez+\x1e\x8f+Qo4\x9a\x94jx\xf2K\xe7\x95\xfc\xc8\x1f]\xfa\xa3\xfcy-(\r\xf2\xb7\xc7\x83q\xa9$\xd2\xc5\x96.\xde\x11\x0cN\x7f\x92\xf3O\xef\x16\xcd\x93l\xe1\xaew\xf8\xfe\xfd\xe1bq\xd8k\xf4zwww\xcd&amp;(7C,\\\xce\xd2\xa4\xadNa\x0c\xd3!\xc2H\xae\x9d\x9d\xab\xab\x1dTrgE\x95\xac\xce\x97\x0e\xc6\t\x81\x90\xa3\xf0\r|\x8c\xe5`\r\x0f\\7\xa8#\x10\\\x7f\xe0\xd7\x91C\xf9Z\x1e\x89?\xca\xdf\x0e\x06\xf9|Y5\xb9\x19\x95H\xbas&lt;\x9a\x00\xa1\xb7h\xe6\xf6\xb9!\xf9\xda\xd3l\xb4rh\xccB\xb6P\xdc_aq%\xe1&lt;$\x1e\x92\x0c\x17\xdb\xe2l\xfe\x1a\xb6\xa7\x0f\x0b\xc9a\xd4\x7f@\xbb\x9e:q\x88\xa3\x11\t\x9e\x18\x8c\x0f9\x00\rm\xa0\xf1\x1c\x03\xf3\xcfr\xd0~v\xd9E\x03\x8c\xbdqiP\xca\xe7]\x8d&gt;\x0c\xc0\xbb\x88\x18m?\xa8\xb7Z\x85\xf3B\x0b\xd6\xda/b\x9d\xc1c\xb3\x88\xcb\xfeg\x9d\x88\xb8\x10$A&amp;.\xde\x89\x00\x87\xdc\x7f^D%\x7f\xa7-\x9f\x8d\x8fBn\\\xdcT\xb0\xe7\xc5\xc3\xbai\xf1\x15^\x88\x15%,\x98\x80\x9f\xf4(\xdb\xc1\x10U\x88\x83{\xb6S&gt;\xabxeU\x15\x15\xea\x90\x88\xe9\xe8\x9cb:MI!-K\xab\x8b\x10\x85:am\x86\xadHT\x04\x15\n\x06*|\x11ta\t\xc5()X\xaf\x87\xddJT\xe1\xce\x03\x06\xe0H\xaa\xc4J\xa9P,\x9a{\x04\x85\x84\xc2\x92\x85#j*\x8cN\x96\x8a\x9a\xba\xa8ftT&gt;\x01,\x93MFl\xa0J\xc9+\x81\xc2\xef\x12?8\xc3(\xca\xf8\xa4Y0B\x13\xa0\xe1/6,\xf6\x9a\xe4\xda\xdbN^L\x1d\xc4\x1b\xf4\t=N\x15$He\x85\x15UD\xa2\x12Y\'\xc6"@P)\xb0\x14s \xbdt\x1aU\x89\x88.\xae\xb8hL\xc6&gt;E()\xc4\xc3\x06\x02!\xb5d2\x96t\xcfEo \x95\xc2\xbfSum\x84\x05\xa5j\xb5[\xa1\xeb\x0c\xd2-\xbebB\xaek\x8a\xf2Q)%\x14\x8b\xe5\xe2\xfa1 \xa7\x083Q\xa0dL5\xceX+.\xe0\xc32)&gt;\x82\xf4\xf1\x08a\x0f\n\xab\x93\xe2\x07\xbf \xb7\xd1o\xb0\x80\xf7\x97\xf3\xed\xad\xe1\xbb&gt;\xcd(\xc5d\xbd\xe2\x1a\x11i\xb4\x93\x9a\xa1R\xa1\xafV\x87\xbaY\xa4\xd9\x88\xdfh\xf7\x9fF@&amp;5\xa3r\xa4\xfc\x0f\xf4\x0b\xd5\xfeXrv7\x00\x00\x00\x00IEND\xaeB`\x82'</t>
        </is>
      </c>
      <c r="M515" s="3" t="n">
        <v>45492.67726851852</v>
      </c>
    </row>
    <row r="516">
      <c r="A516" t="n">
        <v>1391962</v>
      </c>
      <c r="B516" t="n">
        <v>1974</v>
      </c>
      <c r="C516" t="inlineStr">
        <is>
          <t>Mateus Carvalho</t>
        </is>
      </c>
      <c r="D516" t="inlineStr">
        <is>
          <t>M. Carvalho</t>
        </is>
      </c>
      <c r="E516" t="inlineStr">
        <is>
          <t>MC</t>
        </is>
      </c>
      <c r="F516" t="inlineStr">
        <is>
          <t>MC</t>
        </is>
      </c>
      <c r="G516" t="inlineStr">
        <is>
          <t>MC</t>
        </is>
      </c>
      <c r="H516" t="n">
        <v>180</v>
      </c>
      <c r="I516" t="n">
        <v>85</v>
      </c>
      <c r="J516" s="2" t="n">
        <v>37332</v>
      </c>
      <c r="K516" t="inlineStr">
        <is>
          <t>Left</t>
        </is>
      </c>
      <c r="L51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77733c-1e3c-44f9-9420-d05be998be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c8\xd20\x00\x00\x02\xfdPLTE\xff\xff\xff\xf6\xf7\xf9\xf2\xf3\xf7\xf0\xf2\xf6\xf7\xf8\xfa\x08\x08\x08\x06\x05\x05\xf9\xf9\xfb\xf4\xf5\xf8\xf5\xf6\xf9\x03\x03\x02\xed\xee\xf2\xff\xfe\xfe\n\n\n\xef\xf0\xf4\xba}k\xfb\xfb\xfc\x11\x15\x1b\x0c\x0f\x14\xb6wf\x10\x13\x19\n\r\x11\xc7\x87z\xa9l]\xbd~m\xafrc\xb9zi\x14\x17\x1e\xa6k^\xea\xec\xef\xbd\x81o\xf4\xf4\xf7\xc3\x84r\x16\x1a!\xacn`\xa0eW\xc3\x84w\xa4hZ\xbd{j\xca\x88w\xc1\x81o\xb5yj\xa9hY\x96]P\x0e\x11\x16\xe4\xe6\xec\x9a`Q\xa1bS"\'/\x1a\x1d%\x08\x0b\x0f\xc6\x84w\xcf\x8c\x7f\x94YK\xe8\xe9\xed\x97bV\xc5\x88v\xbaxf\xa5fV\xc1\x81r\x0b\x06\x05\xa9ob\xe1\xe3\xe9\x9dbT\x1e"*\xb4rb\xca\x8c\x7f\xbf\x84s\xc4\x81o\x06\x07\x0b\x18\r\n\xc1~k\xcd\x8e\x84\xb9}p\x0e\x0e\x0e\xbc\x80s\xb2wj\xb5tg\xadk]\xabre\x11\t\x08\xb0th}LB\xd8\x99\x8f\xb0o_\xb1ue\x8e[L\x8cWI\xb6|mu@4\xcc\x8c{\xc0}o\x86RF\xbd|p\x9fg[)\x16\x12\xc7\x89\x7f\x9aeY\xd1\x95\x85\xce\x91\x80\xd3\x90\x85\x99XI\x87M@\xcc\x87|\xd2\x94\x8bn=2\xb9xl\xdc\xdf\xe4#\x12\x0f(-5\xd6\x93\x870\x19\x15\xa1k`M*!\xd8\xdc\xe0\x8cSD\xdc\x9c\x92\x93\\N\xfe\xfd\xfd\xd7\x96\x8b\x87WJ\x93`S\x80QDyJ=\xd2\x8f\x82\x1c\x10\x0e\xc7\x84r\xc7\x8cz\x9a]O:\x1d\x17\xc0\x80v\xf9\xfa\xfd\x95VG\x9dnf\x82XQ~SM\xd3\xd6\xdcuF:\xfc\xfc\xfdoHC\x93SC\x9bi`\xdf\xa2\x9c\x7fH;:"\x1f\xe4\xa9\xa0l9-wMGc5*\x90]R\xc9\x81v8AH\x9f]NR1,/6=b;5\x94g_\xf2\xf0\xef\xe0\xa2\x97\xe8\xb0\xaaY/&amp;D%\x1e\x87]W\xcf\xd2\xd5Z62\xaauo\x88YQ\xb1of\xbbpc\xb0{pmsr\xf7\xf5\xf4\xd9\xcd\xcd\x8fOA\xa3rikA;\xd4\x99\x89\x9fXI`jn\x8fb[\x15\x16\x15\xa8\xb0\xb3E*(\xda\x9d\x97\xb2\xb7\xb9\xe3\xdb\xdbDNR\xbfwi\xc1\x8b{\xa2`]\x8c[S\xe4\xe4\xe3\xb3\x99\x8fv|~\xc7\xcc\xd0\xdc\x97\x8e\xb2\x81{\xf0\xeb\xe9\xbe\x8c\x84c@=\xec\xe5\xe3\x8eSN\xbf\xa5\xa0\x99\x9b\x9a\xbe\xc6\xc9\x8b\x95\x99\x9d\xa5\xaaTVT\x86\x88\x87\xbb\x81}\'\'&amp;\x1f\x1f\x1d\xa6mgADA442\xcd\xbc\xbaX`c~\x89\x8f\xb5i\\\x80?3\xa0\x81x\xabcf\xc8\x8d\x86\xc8\x92\x8d\xea\xb9\xb6\xd3\x98\x96\x9a[W\xc1\xaf\xaf\xbc\xbd\xbe\xa7\x8c\x84\xdb\xc5\xc0\xe6\xd2\xcf\xa2U^\xcc\xa2\x9c\xb2\x8e\x88\xc1Lb\x8eoo\xcax\x84\xb9mr\xf6\xf7\xfb\xa8`Q\xdbo\x83\xceat\xcd\xb1\xac\\ \x1a\xc0\x94\x97\xaa\xab\xa8\xe0\x89\x9a\xb1Qc\xd8\x80\x8f\x88A;o[]\xd6\xae\xa6r,$\xdc\x89\x85\xfe~c\x0f\x00\x00 \x00IDATx\xda\xcc\x98\xdfOZi\x1a\xc7\xddDN\x93\xb3\x9061\xc1\xda\xb5NC\xd1V\xdc\xc8\x05RW\xa11\xd8\r\x01\x04\xc5_\xb5H\xe9\xa1[\xa0@\xcf\x16\x91N\x9d\xae2\x15CkQ[\x88\xa5\t,\x9a\xc8\xa8\xd3\x88\xb1\xc6\x16\xadi&amp;5m\xcd\xf4\xc2v\xa4P\x8c\x89\x1b\x8dI/\xf7b\xae\xbc\xde\xe7}\x8f\xf5\x1f\xd8\x83\x9d\'\x9e\x1f\xa8\xc9\xf9\xf8\xfd~\x9f\xe7=\xafyy\xffgq\xb9y\x7f\xc4\xe2\x1e\x83\xd3\x91?\x9f\x9c\x1d\xfa\xe30\r\r\xe5\x8f\x9f\xbb\xf1`y\xed\xcd\x9b\xd4\xda\xde\xe2\xf2\xe4\xb9#\xdfZ%n\xde\xb1\xf1\xc9\xe5\xb5\xc4\xe6\xab\xecF&amp;\x99L\xfe%\x93\xfegv\xf3\xe3\xe2\xe4\xc9c\xdf\x90jv\xe5\xed^j}#\xf3W\x0e\x87\xc3\xe3\xf1\xe0\xd0hx\x1cM&amp;\x9dM\xecM\x8e\x7f#\xaa#+\x8b\x89l:\xa3\xe108&lt;\xc4\x06W\r\xba\xd7\xa4\xb3\xa9\xc9\xfcoAur\xf1y\x1a#\xf1\x18\xa1\xb0RX1\x10\x0c\xee\x93\xaf\xd6n\x1cz\x0b\xe4\x7fIlh8\x04\xc2 8H(\x0e\xc1\x10j4H3(\x0e\'\xb3\xb9\xb7r\xb8\xa9Z\xf9\xb8\xc1\xc3$\x08\x08\xdf\xe1\x831\x11\xf4"\xd0\x8f4\x9at\xa2\xfb\xf0F\x1a7\x7f2\x91$\x11\x08\x81\x0f\x90\x08s1\x84&lt;\xf4-\xfc\x11\xbcM\xae/\x7fw8`\xdc\xa1\xf1\xe5u\r\xa6"\x11\x00q\x00\x87\xaf\x0c\x1fsF1\xdbHu\x1fJ\xc2n\x9f\xfc\xed\xdf&lt;\x04C\x90$\x90\xa1\x82\xcb\x01\x0bq`(\x8f$\x00\x8b\x93I&lt;8\x94\x85fq\x83\xc0&gt;\x91\x08\x06q\x11&lt;F\xb5\x03\x0b\xd1\x958\x00M&amp;\xbago\xe7\xbe\x05\xb3\xf04\x92\xc0A\x823\x18I\xf0x\x07\xb6A1\xa6\xc2Y\xc3A\xcc\x1c2\xb9\xbe\xb6\x92\xe3\xd5|\xe8C\x16\x1e\x06\x06\x12\x08\x00\xddA\xde\xbf\xf6$3JyXC\x04\xc7\xe3\xe0\xf4\x91dzm&lt;\x97X\xdc\xbc\xc9u\x0c\x83e\xc0\xc1\xda\xf7\r\xcdP&lt;\xb6\xd0$\xc3b\x01\xb8\x86\xf7\xb5!6\xf6fs)\xd6JB\x83\x91\x10\x10\x8e=\xd6\xe4\xab\x7f\xcc=A\xec\xffl?y\xf8;\xd9\x0fy\xb9\xd3k\xfcM\x92`\x9ao_\xae\xfd`\xa1\xb9\x85VEF\x1f\x0e\x93-fx\xc8Q\x12IR\xbe9\x99\xb3\xf7\x9d#k\x19\xf2\xabV8`\x0c\x16\xb3\xech\x92^(\xa5\x9e)\xa5R\xa9\x97\xcb\xe5zt\xc6\xbf\x98|3\x9e#\xbdf?d\xc9\xfda\x85\xd5\x90\xa3\x82\x0b!\xd7\x03\x8f\xd2K\xb9B\xd1\xe8\xd2R&lt;D\xd14\x8d\x11\x95\xfbt(j\x1b\xb9\xb1\x91\x9b\xd7\xfd\\\xc3L,d\x1e&lt;LI\xbb|.\xa8Ph)\x1a\x8b\xc2\xf1~\xf8\xfe\x9d\xea\xea\'\x97\r\xe1h&lt;\xe4s)\x95\x94\x97\xa6\xf5\x18\x1e\xfe\x9a\xdc\xc8\xc5\xcd[N\xe3\xc9\xc0\x88$\xf7\x826\x8e\x80!\xd0\xdbr\xb9\xe3\xe2\x93\xea\xd7\x83?\x8f=\xecj\xd2j\xcb\xcb\x9b\n\xeb:Z\x02\xe18M\xb9(\x17\x8d$\x93#\xcf\xd3\x8b\xf9\xb9\xa0\xfa.\x85\xfb]\x8e\xfe|%\xe5s\x87\r6i$"\xae\x15\x15\n\x8a\xda\xb5M\xe7\xcf?k\xd2\xaa\xd5\x97\xd4\r\x97\xb4\xda\xf6\xe2+\x15\x86\x89\t7H\xe6\xf5\xf9(=\xe6Z\xef\xbe\xcd\xcd\xc1\xc8\xcaB\xac\x80\n\xf2L\xb9G\x83\xb6\xb9\xb9\x85\xc8\xef\xa2\xda\xc66\x85\xa2\xe0\xc4\x89\xf6\xf6\x82\xf2K%%\x08K}\xa9\xbc\xbc\xb9\xa8\xf0\xb44h\x08\xc7]\xbe\xb8\xdbMc\xae\xe4\xc7\x1c\x0c\xaf\xdb{I\x92\xa1\xa2\xe3 \xd4\x9cua\xe1\xf7ZQcc[\x91\xa2\x00\xb0\x8e\x16\x9c8^r\xe1B\x89Z\xdd\xd0\xd0\xa0\xd56\x17\x15\x15VZ\xe7\x0c\xe1\xb0#&lt;j\x08y\xbd\x88\xeb\xd5\n\xdb\xe9\xe2\xe6\xcd\xa6\x08\x02rB\xd3 \x95!8\xe7G\xf6\x89\x00\xab\xb1\xad\xa0\xa0\xa6\xa6\xa0\x06\xb0\x8e\x97\xc8d\r\x08K\xad.\xd7\x15\x15\xd6\x8a\xads\xc1\xad9O\xd0\xe3\x80\x88\x01\xd6\xc6[\xf6\xb1V\xb2\xa4\x1eB\xec\x8bO\x84\x1d\x06\x9b\x1f\xa0\xda\x1a\x11U\xa3\x02aA\x9d\xa8)3\xc9d2S\x83P8\xd0\xa0\xd6\x16\t\n\xc5\x0b\xd6\x91\x11+\x1c67N}r\xed\x08\xfb}\x98!Q\xd0\'F\xa1\x82\x9e~\x91\xa8M\xd1\x06\xa5hS\x14\xd4\x94\x19\xcb\xca\x8c\xc62\x99\xec\x94Pf\x92\xf1\xf9\x80\x05\\\x85b\xab\xdf\x8aj\xc46A\xc1\x00#\xc8\xf5\x1b\xacO\xf8\x04G\xee\xf5M8\x0c\x06\xc7\xa8\xc3\xe6\xaf\x13\x08\x9e\xeat\n\x85N\xa7\xab\x01$\x99QvJ"\xe1\xf3%\x12\x19P\x99\xf9\x03&amp;\x13\xd8X\x1b\xb1Z\x17\xac\xfe\x919[\xd8\xed\x0eQ&lt;2\xfd\x85]\x17\xb1\x87J\x1aR\x85j\xcb#.\x15h\x9b\xcb\x9d:T5\xc7\x8d\x0cT\xbd\xd9\\\x7f\x97/\xe1\x9b\xeb\xcd\x80\xe5t\xeaD\x91H\xc4\xba\x80\xb0\x0c\xe1\xd8\x12\xa5\'\x93\xbf\xe5\xb3\xec\xe1b\x06\x06(\x8a\xd5\xd6\xd6\x16$\xabT\xd0\xac\xc5L\xce\x1a\x93\t9(\x13\xf2\xeb\x81\x0b\xa8\x90ZB\xa7\xce\xa9S4\xd6\x8a#\x11\x90k\xce\x16t\xc4\xe2^\xbd\x9c\x938\xc7n\xe6\xf3\x13&lt;%\ri\x87&amp;\xb4\xd9\xa0\r\x8b\x1b\x9fB)tN\xa7\xd3h4\x01\x96\xd1\x88\x80$\x12l\xa5\xd0\x04X\nh\t\xe0ZXX\x00\xb9\x02\xb1\x10\xac\x91\xe4\xfa\n\x97U\xb1ndA,7\xc2\xb2\x8d\xf8\xfdVq1\x9a\xedO\x9f\x02\x96I6 \x03(\x99\x11\xf9\xc8`A\xee\xc1B\x84%\x12\xd5\x02\x97ud\xae7\x16\xa7\xc0\xc5\xec\x036\xc3\x85\xd6C\x14x\xc0\xda\xb2I\xad\xd2~\xf1\xe9\xd2\xd2bAQ\x11\xc2\x1a\x18\x18\x10\xca\x84X+&gt;\x9f\xb1\xf0\x94\xd1Y\xa0kkCs\r\x04\x03,\xbf\r\xe6=`\xc1\xba\xc8*\xd6ZRN\xa3\xe9\xe0\x08z\xfc\xfd\xd6~q\x7f\xff\xe9b\x81\xa0]\xa7S\x9b\x1a.\x08\x85B\x84S__\x8f\xb9\xe0\xa3\x0c\xbaA!\x00\xad\xe0\x0b\xfa\x11\xb0\x1c\xb0&gt;z\t\x98\\9\xc0B\x1e\x02\x96\xd4\x1a\x01,$\xd6Q\x06\n\xca\xcc\x87&gt;D\xbd\x08\' \x83p\xb5\t\n\xb1\\"\xb1\x7fd\xc4cp\x87|\xb4\\\x93\x9ae\xd5\xc5\x94FO\xfb@,H\xbc\xc7/\xed\xaf\xec\xaf+\x86\xb9u\x14\xe6\xe7]P\x87\xb1\x0f\x88T\xf5\xaak\xd7T \xda)\xe0*\x124",1\xa852\x17\x80W0J\x0f\xad\xc8\x1e\x167/\xff\r\xc7\xeb\x8a\xefcy\xa4\x95u\x95\xa5\x02\x9d\xb3\x0c\xa8\xf8\x9dw\xb1s@V\x7fM\x05\xd5\xf7\x0fKUg\'\xc4\xfe\xb8\xb3\x1d\xe9U\x1bAX#\xc1\t\x84E&gt;g\x15k|\x93\x80F\x0cc,\x9bM*\x05\x0bu0\x15\xa0\xf9\xcet\xa2\xba~\xe6\x8c\xe4\x0c\xbf\xf3zgUU\x9f\xc5b\xe9\xab\xea\xbc{\xf7oBS;\x9a\x11\x11\xab\x1f\\\xb49 \xf3Jr\xbd\x9bM\xac\x95u9\xbd\x8f\x05rI\xa5u\xe7\x9d0@%\x92\xeb\xd7\xab\xa0\x00\xa6\xea\x0c\x80\xc1\xa7\xbe\xaa\xbe\x9b7o\x02\x98\n\x05\xadA\xd7\xd6\x88V \xc0\x1a\t\xb8}\xf0\x1a\x91}{\x9b\xcd\xa5g]\x8f\xdeG\x19\xac\x8e\x8a\xba\xe2f\xd3\x80\x04#\xf5\xf5\x816}}\x18\xcdb\x01\xa4\x9b\xefn\xf5\xdc\xb4\xdb\xed*3\xcc\xfc\x92\x82"\x91\xb8\x1f\xb0\xfc0"B\xb4\x92\xd8\xf82\xc4.\x16jD\x07\xc2\xba,\xad\x135\xab\x07\x84f\x95\xddn\x01*\x10\xa7\xa7\xd5\x02\xd7\x9e\xd6\xd6w\xefn=z\xf4\xe8\xe5\xcb\xdd\xdd\xdd\x9d\x9d\xed\xed\xed\xfa\x0b\xe5\x82Zq\xbf\x1f\n\\\xa4\xbd\xf2\xf42\xab&amp;\xbe\x92\xc3\xd2\x83\x16j\xf0\xb0\xe2\xcaS\xf5\'\xb3y\xdb\xbe\xbbk\xb7\x00RO\xeb\xad[=\xc0t\x0b\xea\xe5K\xc0\xdaET\x9f~\xfd\x15\xbe~\xb9P^X\x07XV\xbf\'\xe0\xa6\x94z\xcdG\xf6&amp;\x04\xce\x16\xc5\xbc&gt;\x04;*\xae\x14\xcf\xac\xc2\x13\xb7wvvT\x16{+\xf0\xbcDL\xcc\x01J\xed\xacN\xdf\xfb\xefO\xc3\xc3\xc3\x8f\x07\x7f\x1a\xbb\xd7t\xbe\xb8N\x8a\xd2\x15DXlN\x08\xc0\xda\xe4Qn\xf4\xaee\xf8\xd7\xf7W\xaft=\x9bY]\xfd\xb4\xfa\tj\x1bR\x04`H\xac\x1e8\xd9U\xdb\x9f\xa6\xc7\x86\x97BT\x86\xca\xb8\x96\x96\xa2S\xb1\xc7\x83W\xbb*A,\x0f`y\xf5&lt;v\xb1@\xad\t\x07\xda\x16^\xac~2&lt;\x0f:\xdc\xbf?\xf8b\xec\xde4\xb8\xa9\xb2C\xba\xd0`\xe8\xb3\xd8U\x03\x9f\x07\xe1]A\xafQ\xc2\xae\x9a\x0e-M\xbd\x7f?\x15\x9d\xfa\xa1N\x8a^n\xa2\x14\xbcD$VX\xc4:\xb9I\xd0\xf0f\x1a\x08\xb4t\xb4L---\x85\\.\x8av\xc1c\x87_\x7fn0\xe3\xf9\x80G\xd6/\x9f\x7f\x88\xba\x94\xb0=Rzi\xb4\xf5\x9f\x9a\x1f\x9e\x8fEc\x1d\x95R\x0f\xc2\x82\x9d,\x8b{k\xd8\xf6$8^\xb7#\x10\xe8\xed\x9d\x8a\xc7\xa3\xd1\x10\xa4D\x8e\xb7\xb2\x94{\xb8\xba\xb9A"\xf9\xf1GX\x7f\xea\xcd\x97\xaac&gt;\x1f\xec\xa5}\xee\xd80\xa8\xf9\xe2\xc5\xfd\xc7\xc3\xf3\xf3\xb1\xde\xcaJ\x0fD\xde\xe5U*S\xf9,.\x8aC)\x9e2\xee\x80\x8d\xfdT(\x1e\x85\xe40\xff\xf2\x00.%\x15\x9f\x7fR\xec&lt;\xfb\xf7\xb3\xb2S|\xb3\xb0\xf9\xa2\x03\xfa5\x18\xf4T\xe2\xfc\xad\xae\xce&lt;\xbcZ}\xb97p\x11\xe42\xb8\x91\x89\xa9?\xb19!\xd6\x92\xfa\x90#\xd0\xd2\xeb\x8e\x87B\xbeP(\x04&gt;\xfa\xf0\xffE`\x83\x16\xa8\x10\x9c0\x19\xcf\nU*~\x93\xb4CZW\xd9\xe1\xb9\xd34\xa3\x9d\x99\x99\xee\xeaj\x9ann.~\xd2q\xb1\xb2\xc2\xe3\x88\x03Vr-\x7f\x88E\xac\xbd\x8c\x9c\x8a\x05Z\xa6|\xbex\xf4\xfd\xe0\xcf\xaf\xc7\xc6\x1ev=\xbcs90:\n\xfb\xe6\x8eB5\xda\x8b\xd9[\xcd:Qi\xa1\xd8c\xbb:\xb3\xfall\xec?\xab\xd3W\xbe\xff\x1f\xad\xe6\xfb\x93V\x9a\xc5\xf1n\xb2I\x93M7\x9a\xdc\x04\xc4\x90\x86pA\x10\x12x\x01\x04\x81!\x0cH\x14"^\xca\x0f\xc1r\xa1U\xfc\x01\x12\x83\x1a\xf1\x17XG\x89m\xd7j\xb58Jl\xb4h\x8d,\xb8\xad\xad\xa6\x13\xcd\x84\xd2\x17K\xdd)\xbe\x99ik\xda\x04[k\xdd\xad\xa6\x93fbR\xfb\xc6\xead\xcfu\xf6O\xb8{\x13\xde\x00\xc9\xfd\xe4\x9c\xf3\x9c\xf3\xfd&gt;\xcfc\xa7\x1bLJ:\n\xac\xd3\x03\xcd\xcde\xaf\xfesg\xfd\xcf\xe4a\xfd\xf3\xd57\xcd\x0bC\xa1\x87\xd3\x0fC\xdd3\x0f\xe2\xf1\xab\x8f\xe6\xaf]\x9b\x9f7\x87\xcc\xe6\xb1F\t\xd5%\xd2F):\x9d\xa8PmeJ\xc6\xec3\x8f~Z\xbd\xf2\xe2\xd6\xea\xf0\x13ic\xa3Ji4*Q\x81\xad\t\xb0\x9a_\xbd\xf9\xf0\xeb\xeb{\xa4a\xfd\r\xb4\xfc\xedP(\xf8dr\xb2\xb6u\xe6:\xd8\xab\xe6\xb2\x97/~\xba&gt;\x0c\xe3\xa8\xbd_N\xc3\xa3b\x7f/\x07O\xc9\xac\xcc\xf6\xf1\xb9\xe9O?\xbf\xfa\xcb\xb7//\xac\xde\x9a\x83_\xe9U\xc5U&lt;\x81\xa4\xa9\xe5\xca\xe5\x966\t\xcd\xaa\xdf\xeb$\xadC\xfc\xe3J\xd9\xaa\xd9\xd9=)\x95N\xc2\x14i~\xf1\xc3\x8b\xbf\xbe|\xf1\xf3\xa7\xe1\xb690\x1d+\xf2\xa2\xdeL\xcc\x12M%\xd5\x98\xa1\xa3i`x\xe3k\xf37\x17\xcan\x7fZ(\x1b\x18\x13\xd2\xaa\xcf\x172U\x1d\xa1\x96\xe6\x81\x89\x91"\xda\xd1\xcaG\xb2\x06\xd0\x9f\x9e\xfd\xf2\xf2\xc2-\xb3}R\xda\xe3\x9c\x18(\xbb\xb2\xf0\xe9\xd5\xcb\x0b?\\\xfe\xba\xf1i`\xdc\xb94\xb8\xc2\xe3\xf8\xbb\x021q*\x99\xe3!\xbb\x8d\x87MO\xdf\xb4]\x1eX\x9d\x7f\xe0\x9c\x9b\x1bc#\xe7K\xf3\xd4r\x81\xf3V\xcbDC\x91(\xb1\xb5\xf5n\x9d\x1c\xac;\x1bW\x87[\xca\x00\xab\xa3\xb6\'8\xde\xd6\xd26\xff\xe1+4\x89\x967_\xe6\x0f\xcd\xd9\x91\x86)\xb5\xd8\x9f\x89\xc5\xfc}I\xde\x01&amp;o\x1c\xbf\xb8{\xd3y\xf1\xda\xcc\x83MU\xbf\x90\x89\xe4\x952\n\x10\x9e\xd0\xd6v\xbb\x1fa\xe0\xd1\x83\xa3m\x92\xb0\xf6j\x97\xb6\xe6Z\x08,\x01*\xe8p6]t\xce\\\xfd\xbe\xadm\xf8\xeafv\xdc&lt;\x08XH/\x04+\x92\xe1\xa4r\x07\x07\xbc\x86\xa3\x8bK&lt;,AH\x88j\xa40\xaf\xe0&lt;\xb7\x84+\xc3\x84\x92\xe9!$\xaf$\x1aM\xae\xbc#\xa7\xd3\x9f{-h\x90K&amp;\xee\x9a\xdb%(\x1bEU\x12Ik&lt;\xbe)\xe0\xa3tz\xb6ild\x10\xb0\xea\xbb2\xb1H\xacW\x9b\xcc\xe5r\x98p\xe9h\xca\x8aT&lt;\xaey\\\xaa\x80\xce\xc1`\x00\x96U(\x19r"\xa5\x16q4ypLJm\x9d\xeb\xbc\xdfx8\xc2\x0c.\x84\xda;P\x15\x80\xa9P\xa5\xbe\xa2\xba\n\x93\xf3\xe4\xedc\x10\xab)\xb9\xcf\xf3\xfb\xef\x99@\xc0\xcfI%\x89\x07\x13\n\xb1\xe2\n\x10\x8a\xe0\x844\xa0\xea\x19\x8c&lt;\xab\xd0\x16j\xc7\x181\x0f\x90\xef\x90\xa2P\xf3o\xec\xb7\x1f6R;\x9aB\xed|\x81\x8a\xae\xa4)\xa9\xcc\xaa*\x9a\x15\xc3\x12\t\xb6P.\x14\ny\xbe\xe8)\x97_\xdc\x97"\x9e\xa4Z\xed\x83\t\xa9\xd1\xb9\xdd\x96ew\xddw%\\\xc0\xeap:\xad\x1c?\x07O\xe6\xf6\xc8Hag~&gt;`5\xa8\xd1\xa1P;X\x1e\xa5\xa1Z\xefr)X\n\xdc\x85\x87+\x0c\tL.\xe4a\x95Q\x80\x8ae\xfc\xbd\x0e-P\xe1\x10\xb3"\x91\x03\xf4}\xaf{y\x99\xe0R\xc0R\xec\xb0;\x85}~\xc8sr\x9f\x9c\x83\xcd\xfc\xfd\xc1\x93\x95\xa4&lt;DD\x8bn\xa8v)\x18"\x0ea\xc1@4\x84+y\x10,f\xa5\x07\x16b\xa0\xab\xbe\xd7!\xc2\xcb\xf1p\x18\xc7\xa3\x1c\xc2\x07u\x11\x02\xd1]W\xc2-BP\xbe-8\x92\xf4wqr\xae}R*\xfeF\xe7\xbe\xea\xa4!G\r\x02\x96\xca\x08\xb1R\x888\xd1h\xd4#\xf6P4\xac\x84pJHe\x16\xeb`!\xc6\x00K\xcc\xd1\x82\x92\xa0P&lt;\xe2z\xc2\x03\xc5\x00\x16\xb0\x1c%\x05j9\xdf\xe6\\I\x8a\x03~5Im\xeb\xdc\x99g\xca\x93%55D\x94&lt;x\x9e\xb0\x88s\x8a\xe5\x01\xac\nlj\x8aG\xa3\x19\xfe\xc0\xeau\xbb\x1d}\x1a\x9dG\xa3\xf3\x82\x84\xf6\x07"\xb3\xb3\xb3\x91\x00d\xd1\xc1\x85$\xda\xec\xf2T\xd4\x1fP\x1c\x9f%i\xf4\xdc\xf9\xd7\xd6HJ\x0e\xb5\xd5\xcf6U\xb04:\xb0\xa7\x1e\x00\x8b\x8aD8,:\xa6\xc1d\xd0\xc5"\x91Q\xb7\xd8\xbd\xac\xe9\xa3(RQ\xefZ,\x10\x00s\x16\x99\xdd\x99\x8d\x11X\nDn\xeb\xeef\xe3\xe5\xda\xde\x9a=\xd2\x8e\n\xf6\xfa\xa7RSC!;J5U\xd4x\xdf\xafy=\xa7\xd1\xf28X4\xc02%L\xdb@\x10s;\xea\xbc\x1a\x1cO\xe5\x92\xd1\xaeQ\xc0\x84\x0f\xc4k\xb4\xdeQWr^&amp;\xb79\xbb\xa9\xc9\\\x92\xf3\xee\x19i\x02b\xfd)\x96\x1c\x1c\n\xd9P:`\xfd\x8f\xea\xd4P\xbb\xd8\xfd\x84\xa02ib\x91\xd9Q\xaf\xa6\xce\xad\xf3\x88\xf0\xdcA.z\x9a@Ha$\x12\xf3;\x1c\x0cn\x01\xcf\x16\xec\xae:XI2&gt;\x92v\xc4r.\xff\xb3\x89\xb74\x14\xea\x10\xa24=K\xe7\xd5\xe9&lt;b\xbf\xbf\xcb\xef\x17\xa5U\xd0Y\xf5\x06\xbdw\x14\xd2eq\xbb\x97-\x01\x8b\xc6u\xb0\x92\xf3\x10_\xec\x10\\1K\x1d\x87\xa1\xc8\xa3\xda\xcc\xdd\xcc\x95\x95\xbe\xd2\xe3|\xf2d\xe0\xfd\xc5\xa9\xad&amp;3\x1f\x05\xac0E\xe7\xb5\xd4\xd7g2\x19\x7f\xb4a\x89\x1ef\xb1\xc2a\x1d\x04f\x7f\'\xb2F\x98\xea\x18\x88\xd4\x91\xa5\x9c\x18\xb8vvf#\xa3\x01\x10b\x0c\xbc\x90m\x0b\x06\x85\x98\xacT\xbfG\xa2h^\xffujk&lt;\xc8\xbf\xc46\xeaa\xa6\xbc\'lt&amp;#\x1e&lt;iL\xb0jjX5\xef\xe1\xfd\x04\x04QM\x91\x80\x8e\x85m-\xfd\x11/\x08V\x17\xd85\xbc\x10!\xb0\xac\x8e\x12\x84\xb5\x7f\x86\xbc\xe7\xec\x06\xbb\x11\xb0P:\xd3\xc7\xd2x!&amp;\x81LW}\xfad\xa2=\x11\xae\xa9\tWl\xaf\xad\xc5\xa0\xc2G\x89\x1d\x885\xaf\xae^\xb4t\xd2P\xa9\x1b\x85\x1c\xc6,\xf5bG_\x11Bc\xdb\xcc\xb6\xef\x02\xee\xf3\xdeu\x127);?\xb7\nB\xc1\x0e\x15\x9dV\tX\xf0\xee@WWx\xeb\xf0\xa2\xc0\xe8\xd3\xeb\xe3\xad\x9ba\x9d\xd7\xbb\xbd]\xf3\xf8yk6\xed\xf2\xe8&lt;\xd8\xd6\x11/l\x81\xd5h\xf1\x83\xb5\xd5"j+j7\xf7\xb8c\xcb\x8f\x8fI&lt;T\x84\xe2z@\x97\x06\xed\x02:\x95h\\^K\x00\xea\x9dzx\xd8\xc8\xdeLg\x1f.L\x9b\xa5\x9b\xf1x|1\xbeY\xeb\x1c\xdauy\xc4bW\xc3\xd1\x8aO\x07\xf8\x16\xb7\x83\xd3\xc7U\xab\xa9\x02{\xb0\xb6.\xb0\xfcn\x9f\xd4\xfb6\xcf\x9e.\xc6\x83N&gt;\xca\xa6\x15\xbb\xc2\xa7;[b\xd5\xe1\x84\x84MOg\x9b\xe6\xc0A\xfe\xfd\xd1\xcd8\xfce\xd3\xb8\xa8\x0f\x03V\xd4\xda\xd0P\xa9\xb1\xacA+\x15i\xb9\x05\x08\r\xb0\x9c\xca\xbae\xf7\xc7gdR\x9d\xb9\xb7\xf1\xd4\x18\x84,\xb2\x99\x89J\x9fH\xd7+\x16\x8b\xb1\xadFU\x1aEw\xf9Y\xbbm\xb26\xfe\xfc\xf9\xf3E\xa3\xd1\xa0/&amp;6\n).\x8c\xe7\xd2y\x89\x06\xdf\xc7\xc5\xf3N\xb1\xec\xd5\xee\xe5:\x92\xb1:?/*\xbb\x836\xbe\x8a\xce\xb4V\xbaX\xc4\xf1\x8e\x0fc2\xe9 \n\xa5\xd2\x9eZ\xa5\xd1Pl4\x9aL\x8b\x8b\xd5\xfa\n\x83\x0f\xba\x86\xcb\xa5\xf1z\xddu\x1a\x11\xb7 \x0f\x81$\xf2m\x93\x8f\x03n\xce1\xb9\xd7\x0e\xce~^4v\x9b\xed\x12\x90\xcdt\xc8#K$\xd2\x16\xe4U\x1b\x8c\xcaK\xd2\xc9\x1e)J\xad2T\x9b\xa8l:\x9b~is\xb3\xb6\xb6\xd5\xa4WP\xea\x01JCQ\x14\xe6\x15\xaa\xd5\x84\x80\xe8\xd9\x8e\xf9){\xe4^\xe5:\xfb9nzbv\xda%|\x01\xca\xac\xf2)D\\Ya\xb5\xa9\x16l\xa3\xcdn\xcf\xf2\x05\xd4bV\xd8D\xe5\xa9T\xd9\x9e\'\xe6\xd0\xc3\xeb\xf4b\x85\xc3\x01j\x99Q\x84\xc8dj\xb5U\xae\xea\x99y\xee\xae\xff\xb8N\xf2q\xf5\xfdE\xdf\xcd\xa0S"\x91@\x1ei&gt;\x1c\x97\xa9\x8bM\x93\x0f\xa7\x87\x82Y{\x07\x7fWhUPDa\x96\xab2\xa1l\x8550p\xf7\xfb\x07z\x11\x83\xab\xd5\xe2E\x952\x19\xf4\x079\xda\xf3a\xe3\xe3\xf1\x8f\xe4\x06\x0b\xfa\xfc\x17\xd3\xcd`\xf0\x14\x8bMC\x10\xc4\xca4M.\xdcm\x9bv\xaa\xd0t\x1a\xc3\x92Q\n\x8coW"aR\xa2\xce\xf1\xbb\xcd\xab\xd7\xe2\x15\xdar\\[^\x04\x8f\x0c!\xb0\xfe}\xef\xde=\xd2\xefgt\xee\x7f\xf90\x1f\x94\xf4\xf3\x05\x02\x94\x06Y\xb1R{\xa6\x07\x06&amp;\x82\xd2\xd6tz7\xfd\xf6m\xe2\xb7\xdf\x12o\xdf\xa6w\xb3\xd9,\xdf&gt;\xd1\xdc\xbc \xd5\xe3E)my9W\xcb\x95\xa9\xadT\xf4\xe6\xeb\xb3\xf9\xff\x87;\x827\xee\xfc\xf8\xc6l\xef\xef\x17\x08\xe4\xff\xa5\xdd\xfcc\xd2\xca\xb28.`"\xe65&gt;\x13\x12\xdf\x83&lt;\x90\x00\xcf\xf2|\xe1\xf9\xc7T`%@*\xcd\xb6\x04,\x0b\x15dZ\xa4\xa5v\xc7\xb663\x94.\x16d\x13\x9dN\x00[\xe2\xeed\x186id\x92]\x7f\xb0\xeb\xae\xd1\xc9\xb2\x7f\x94le\xdd\xa4\xae\xd5&amp;\x93n\xd2\x1d\xff\xd1\xddD\xa7]\xa7\xad6\xd3M\xd3v\xfb\xcf\x9e\xfbl\xff\x9f\x9d\xf6\x9d@D\x13\x92\x8f\xe7|\xef\xb9\xe7\xdcw\xee\xd1\xee\xee\x83\x07\xa9\xd4\xc5\x8f/\xbe?\xe4\xfb\xe0\x83\x95\xcd\xed\x85m0H\xa9\x0f\x1f\xa6\x8b\xe5\x89\xe5\x93?\xb9\xf0\xebDP\xdfr\x18\xb0\xe0\xf5;\xf8\'L\xeb\x95\xc6\xc6\x1a!\xacq5q\t=\x1d\xebh\xed\x96\xb5\xe0\xd6\xc4\xb9s\x17?\xfa\xcdx\xbeZ\xbe\xf5p\xfa\xd9\xb3g\xab\x0ff\xd7\xfe]Y[[\xdbzu\xe1\xe4\xc7\xbe\xa8\xc3|H}\xe8\xb0^\x7f\xf8\xcf\xe0\\\xc2\xb4\xb8tM\x90\t\xd4\xc1}\xb3\xe5K\xed\x1c\xf7S;\xd1\xd5\xa2WAv\x08O\xfd\xf8O\xbf\xdf\xda\xda\x9a\xad&lt;\xa8\x18+\x95/\x96n+\x8d\xb3\xb3\x93\xab\xe5\xff\xae\xf4Xu}\xfb\x0f\xc1\xbe\x03\xce\x82\x95(\xa7\x8b[\xa2k\x02\xcdy.\xad\x87\xda\xb9\xb6\x91\x11M\x17\xa9R\xa9n\xdet.\xf8\xa6\x1eo\xcdn\x8d\xfe\xa5\xa2\x94`FLY\x99]\xfb\xfb\xbfv^lok\x82\x8e\xce\xbe\xe3\xfb\xf7\xab\x0f\xe9\x0f\xb7\x00\x96\xc7\x94\x9e\x1d\x14h:p\x1fD\xb1g\xa4\xa3m\x84\x96\x93z\x87y\xb8\xf3\xa6{c{{cg\xf7\x19r\xd8,\xd8\x7fn\xbdx\xf4\xe8\xc5\x8b\xedV\x99\xae\xb3\xaf\x0fm\xd2\xfa\xc3\xe0-\x99\x9f\xaa\xaeW\x84\x1aZ\x84:\xa2\x18\x824?\xc2ip\x8bn\xb8\xb3o8\xb8\xb0\xb0\r \x8f^l\xfc\xed\xdbg\xdf\xfes\xe7\xe9#\xfe\x97\x85.5\x94\xf5}\xfb\xcdj\x92$\xf5*\x99\xdf36q\xffv\x8d`\xf6\x87\xfb\xa1\x80\x9d\xe6Fh?i1\x0f\x0f\x0f\xbb\xac\x9b\x9b&lt;\xd7\xa3\xa7\xaf\xed\xbb\x9d\xdd\x8d\x05\xaf\xc5\xdc\x07\xceBT8N\x92\xd0\x83\x94\'\x16\x97\x84\xc3\xaaY+\xf5pv;g\xd7\xf8I\xc7\xcd\x9b:\xcbyzee{\xf7\xe9wo\xec\xf9\xf3\x97\xbb\x1b\xbfu\x81+\x87\x87\xcdf\x15N\xaa`\xe7\xf4z\xa2\x13\x99\xc5%\xc1\x06O\xa1\xbf^O\xc49;\xc7\xd2r\xbf\xca\xe1p\xb9z\xe5\xdc\xca\xca\xc6\xce\xcb\x97/\x9f\xf3\xf6\x8b\x97\xbb\xbb\x0cO\xa5v8\xf4\xa4\x02w\xa9\x9cn\xcf\\1\x93Y\x14r~\xf8\xdaZ9`\xe28\x96\xa35\x8c\xd3\xe9\xecu1\x94\x89\xdd\xdc\xd8\x05\xb0\x1d\xdevw\x83.\x87\xcelV\xc3R\xc5\x15\x80\xe5pz\xe7\xd2\x13\x08K\xb81p\xd8\x1a\xef\'\xe2\xac\xc9\x14\xe7\xa0\x96\t\x9e?\xdf{\xdeC\xd977\x01lc\x01l\x03\xf6\xc4\xa0\xc3\xac\xb3X\xf4\x10&gt;\x12g\x82A\xe7\xcc\\\xba\x98I$\x84\xc4\xaa\xa9\xa9]+\'\n\x05\x96\x8d\xb3v\xc2J\x00\x96\xd7\x83\x9eQ\xd8\xc3Z\xbb]\x1b\xa1\xad\x1e\xc6\x01\xaa\xb2\xe8-z\x15\xa9\xc2e\x0c\xe3\x9eN\x17K!\x81\xb1\xf65V\x1egK\x81@&lt;\x8e\n\xc2\x91\x8d\xf3\x8c\x9b\xf1z\xe5\x1ayW\x97\\\xc3\x04q\xd2\xd2t\x00\x8a?ThAnP\xf8\xdd^\xf4\xc4\x03\xbe\x10\x10\xd6[ \xfa|\xa6Z\x08@\xf1\x07=6\xcd8\x19\xa7\xab\x97D\'q\'\xa06D\xe7\x7f\xa7\xfb\xfaNw6\xa9A\xef\n\x99\xdc3==W\xac&amp;\xd9x@P\xc9\xa3\r(\x97\xcdT\x81\xaa\xa7\x9d\xd3\xd2^\x97\xcb\x85\x06\x7f\x8e\xf7\x1f\xe8\x7f\xaf\xff\xe7\x1f^F\xe7Z\xd0I\xecW\xe3\n\x99_n\xbd77\x97.\x17Ll\xbcgQ\xd0\x89y\xc8\xa8\xe8\x91p)\x11\n\x81\xbb\x08\x0f\x9a&lt;\xe8\xecD\xa77g\x0e\xa0\xc7\xfc\xc7\x8e]\xfe\xf2\xf2\xd9\xd3\xc7\xd5\xb8L\xb6G5\x16\x89D8\xa1\xb1\x06\x1bW\xf3\xa9|&amp;S\x02\xac\xb8\x16\x1a\x1et\x0c\x07\x86\x86X&gt;D\xa3\x10\xc7\xce~y\x0ca)\xfch\x9ex.\rXa-\xc7\x06\x04\xc6\xba\xb6\x95M\xa5\xb2\x19X\xf2=\x01\x8e\xf2x\xd1Q\tX\x7f\xff\x19h\xb4\x8f\xfd\x0c\xb0Pw8\xac\x96y\xac\xd1(r\xd6X8l\x1f\x19\x89\x0b\x1c\xc4\xc1\xb5\xcc\xd5\x94/;1Q*\x05X\xad\xd5\xcb\\9u\xea\xd4\x91\xce\xfe\xfe\x03g\x8e\xf0Q&lt;{\xf6H\xe7\xb0\xce\xe9\xf5\xdc\x8b\xa6\xd3&lt;\x95\xb6\xcdn\x8f?\x14\xf8f\xe0\x83\x89T*5\x94A\\\xd5B\x18\xb9K\xa7;\xf5\x9e\xe5WM\xfdMM\x07\xce\xa0\xe9\x1a\x9dC\xe7r{\xee\xa5\xc7\x10V8J\xb7\xb5\xb5i\xdb\xef\x0b\x8a\x05\xc5M\xd9\xe7\xf3\re\x81\x0b\xc0\x92Q\xca\xed\xbar\xe5Jo\xef\t\x0b?\xc3\x05\xf1lr\x06]N\xf7\xdck\xaa0\x8d\x9est\xb4\xaf/\ty\xd7g_M\xa58\x14JA\x18y\x7f\x95\x92\xf6\xa8\xd7\xedF3\x95*W\x10\x8d/\x06]\xae\xa0{ffn\x0c\x050\x1a\x8dR\x1d\x1dm\x1d\x04\xdd\xbe^\xa9\x132\xcd\xd7\xdc.\xfa\x12C\xe0\xaf\x0cX6[*T#\xe10\x9a\xaat{)X\x98V\xeb\xcc\xcc\xf4\xcc4 \xc1\x0b\xb0\xa8\xd6\x8e\x0e\x82\xd0\x10l\xfaF\x0c\x13\x0e\x0c6\xeb\xf4/\x13=!\x1f\xb8\x8b\xe7\xca\xe7\x12\x81@\x84\xa6&lt;\xb0\xf2\xc6"\xd1H4].\xa6\xc7\x8ac\xe8\rT\x04q\xf4\xa8\\N\xd0\xdc\xc4\xab\xbb\xa3\x98\xb8V0\xb0/\xd6}\xa1@ \x84\xf4\x95\x05\xac\\.\x9b\xcf\x0f%\n\x91\xc8Xt\xac\x04\x82\xcb\xe63\xe5"2\xa0\xa2)\xe2\xa8\xc6\xef\xef&amp;:\xb8\xc2\xf2\xd7wm\x98\xb2\xa1Y\x98f\xb1\xa6\xf6\xfe\xd0\xa5v6\x1e\x1a\xe2\xc1\xc0[\xb9\xe5\xf1\xf1\xf9|\xb6Z\xae\x96\xf2\xf9\xdcr.;Q.\x17\x93\xa60O\xa5\xe9\xee\n\xca\x10V2;\xf5\x8f\xaf\x8c\x92\x06\xac\xa1\xa1Y\x08\x975.\xa2\x04\x9fL\x82\xbf|\xbe|\x1e\x91LM\x8d//\xe7r\xf3\xf3\x00\xb8\x9c\xadVK\xe5\x88\t\x14G\xd3 9\x06\x1do\x11\xb4\xd6\x14\x08\\}\xf5\x8dR,mn\xc0\xb0w\x7f\xc5s\x10[,\xc1v\xc8\x9a\x92H\xf8\xf9\x1c\xe2\x9a_\x06\xb2\xeb\xd7\xafOM-\xc3\x86Y*AD\xc3\x90EiB\xaep\xaa\xd0\xe6H\xb4\xd2\x91$\xa7\r=\x9e\xc4\xa4\xa2\'\xf5b\xac\xe1\x1d7\xd8\x83\x92\x81;%\xa8\x1e\xa0Be\x03\t\xde]9\xf0\xd3\xf28\x8f5&gt;\x9f\x83\xb2\'iBXZJ\xe3u:\x1c\xb8\x0c\xea\x1b\rA\x85Mv\x82(\xdf\xb1\x89\xeaE\xb5u\xa2\x06\xec]J\xec\x9a\x08\xb3\xddx\x05\x8aoogY\xce\x14G+\x92\x1f\x85\xe2\xa9\xaeO\xcd\xcf\xa7\x86JI(\x19\xc2\xa0*\xbf\xdb\xe9\xb0\xa8\x14\xa8\xec\x92\xcb\xad\x08\xcbO?\x1e\xfdD\x8a\xb8\xea$\xcaw\x15\xc8F\xa5\xc1`\xb3M\xfeq\xaa\'\x0e\x06\\,\x9bL&amp;BC\xf9\xd4U\xb0\xf9y\xc4\x94\x08\x14\x92\x91p\x04\x8d\x873\xd0k8\xa0\x1fS(\x0e\x02\x96\'\x1a1\x11\xb2\x1f\xadO~"\xae\xaf\x17\xd5\x01\x97\xa1\xf9\x9d$,,6\x19\xb3\xd9\x0c_}\xfay\xa1\x10\x8f\xb3\xe8\x00\x8eWX(4\x94H\x04\xe2l&lt;\x9eD:\x0fG)*LY\xdd&lt;\x94Ju\x02\x07m\xc9\xfcP\x11",\x12\xb0\x9a\x01\x0b\xb8D\x98A\xfc\xf6\x92\xaa5\xc6&amp;mFp\xd7\xdd\x93\xe7\n\xc9$\xa2B\\&amp;S2\x90H\x94\x02\xa60EA\x92\x87\xb7\xd5\x8a&gt;1\x00\x05\x11\xd4\xab-P\xa5\xa2KS{X\xf8\xc3\xd8\x13)\xc2\x12\xd5J%\x98Q\xf2\x96\xe7pu\xd8@lt\x00\xa8\x00\xeb\xa3\xf7A\xd3,\xb4\x18#\x9c]\xab\xd5\x86M\x05pV2BYQ\xa8\xbc\x1e\x0f\xb0y\xf7\xe2\x07Tj=\x04Q\x81\xe3\x8c\x1f\xb0(F\xb6h\xa8\x97J\xa5\x88\xabY"\xc5l6\xe5[d\xd7A\x89!69:jx\x83\x15H\xc22dY\xd8\x81\t\x82\xa6\xa9H\xa1\x9a(\x15L\x94\\\xee\x87\xee\xccj\xf5x_\x07Po\xe1\x0f!\x90A\x01\x1d\x8d\xd02\xf9\xaaR,\x96\xf2`b\x89X\x8c\x81V\x8d\x12\xd1\x0f\xd3\xbeHi\xb3\xc5FGc&lt;\xd5\xc0_O\x9e\xeb1\x81qv\xba\x15v\x16\x02B\x16\r\'\xc1\xc2\x1e&amp;\xc8\x80\xb7xU9\x10\x148\x0bzX\x15\xa2\x82 \x82\xe2d\xd1U\tO\xc5c\xc1\x0f\x08\xa4\xc1f\xc0~\x80\xcb\x061\xdb\x00Dpt\xd2f\xd8\xc3\xba\xf0Y\x08a\xd9\xb5\xfc\x1d2\r$p\xa4sX\xff\xb4\xc7\r5\x0eC\xeeQ\xa9T\xe4\t\xe8\xcaH\x15\xbf\x18e~\xd0\x9c\x95\x99\xfb\xe6\t\xc2\x02u\xd5\xf2XR\xa9\xb8\x013\x82\xcb\x94\xd2\xffkdp\xb0\xd9\x10\x8b\x01\x14\xd8\x1e\x16H\xfe\xb3P\x12eK\xad\x1d\xdd#\xebF\\4\x84\x0e\xfe\x00Y]\xce@^w!\xb5\x93d\x0b\xa9\xd7\xab\xf9\x1c\x81+\x18t\x81\xd1\xc3\xdc\x9a|\x83%\x92H\xa4"\xa43\xb1X\xdc\xa0\x04\x97)\x1b\xea\xbeo\xe6\xaf\x93@\xf4b\x03\x03\xc8]\xb1=,\xc3\x9dO?\x0b\x15P\xc2\xa4i\xad\xb6\x83\xe8\xee\xee&amp;h\xb4\xf6(\x8aF{ \x03\xfa\xc6\x91\xabZ\xf0\x16Rm\x86\xf6Z\x85\x938\xc30r\xbf\xdf\xed^4\xf0N\xaa\xaf\xaf\xad\x87h\x8a\x80K\xcck\r\xc8\x8cF\xa5RR\xfb=\xc8j\xb1\x01P\xd4\x00\xef#\xdb\x1e\x15|\xba\xf1\xf5\xe7\x97\n\x10\xc30a\xd5\x00I\xabF\xd3\nE\x15a\xb5\x12\x04\xa5\xf9_\xe1\xe6\x1b\xda\xc6}\x87q\xe9\xee\xc8\xddqC\x96d\x89\xd8V\xcf\xe7s\xa8l\xb7Rr\xe7\xae\xaa\\\x98r\xae\x1d\xc2^,\x83Q\x83\t{\xb3\x14\xf6\xc6\x08\x86\xc6\xca\xf6\xc6\x1e\x08J0\xec\xf5\xc1A\xa0\xd4\xaf\xe2\x99\x11\x04\x02[\x18V\x8b\xd6\x0b\x99\xac\xbe\x8c\xfdf}\x91\xa4%\xa1\x90\x17e{\xbd\xe7\xf9\xdeIY\xb6\xb1\xfd";\x92,\xfb&gt;\xf7|\x9f\xef\x9f\xdf\xd9\xda\x98\xa4\xbfgx\xadmbjq\xae&gt;\xc7+7xfi\t\xd1\xdd\xdc\xbc\xffDU\xe1t\xf0h\xa6\x94\xaf\x84\x8a\xa0\x88\xa6e\xd7,\xe7\xff\xfc\xed\x86n\x03j\xaba[X\xb6mWk\xb6\x85\x7f\xd5F\xff\xabO\x7f\xfd\x9b\xf7\xde\xbbr\x85\x997==\xcf~\xf7\xc6e\x90\xbdqyzc\x89b\xcdpM\xcc\xaeA*^P\x02!J\xd7\xd2\xe6\xc4\x8f7\xbf8`\xfeI\x91\x87R&amp;\xa8\x84\x08K\xfe3\x1c\x15\xc7\xf8_\x99\x99\x15\xa8ZF\xc1\xe9e2\xe0\xb20\'qY\x8d\xfdO\x7f\xfe\xf6\xef`p\x8c\xc2\xd3\x90`bs\x1aD\xf3\xf3\xf3|\x0b,\xdf\xd6\t\x88\xa5\xa5\x89\xd9\xba\xac\xb9E\xb8\x1eu\x1eO\xcc\xaem"\x86\x8etD]#V\xc2\x94\x16\xac\xf8\x01\xc3i[\xff\x1d\xecc\xddn\x11J\x95\x97cr\xc3)`|\x03\x1fc\xf0\xf4/\xbfD\xd1\xba\n\x83_\x06\x16\x0e\xb7\xb94\xfd\xa3\x9f\xc2:(\xa7\x933\xd0\n\x8a\xc1\\sc,p\xca\x1bP\xd7\xbexl\x98d"\x96I_\xb1\xae&amp;b\xd1`*\x7f&gt;\x0e\x83\xe0\x18\xffa\xb2\xacS\x13\xa5T\x18\x80\xba"\xe6x\xb5%r\x11\xcb&gt;\xf9\x19\xa8P\xe1!\x11\xe4\x99\x88\xad\xb3\xb1\xb11?\x0f\xac\x99M\xdcf\x05k\xa7\xbe\x83\n!A\x05T\xbd\xbe\xf6\xa8\xa6\'T\xbai$Tc\xa9\x84KMBR\xab\xd5\xac\x7f\x83\xb2\x91w[\xb6\x93\xd6\xd2\x06\xa1\xc0\xa2\xd0\x98\x19\x89"\xee\xa5\x9f~\xf2\xeeU\xac\xeb\xdc\xd1Lo\xcc\xb0\x90o\xc2\xcfK\x1b\x1b\x931%Sq\xb1^_\xa8\xd7\x17\tU\x9e\x02\xd4\xce\xce\xf1\xe9\x91&gt;\xc6j\xef\xea\x02\x15S\t\x1e\xb8\xd2\xa6\xc3\x05\xd9\x90\x99\xaf\x95)\xab\xba\xb5\x85\x86@u\x01\x15\xc7M5j\xfd\xc3~-!4\xecg\xbf\xbd\x86~x\x9da\xfc\x90\xb9755\xb3\xc4\x05\x06^\x9a\xa4V\xb3\x8b\xeb\xebss7\xcb+++\x13\x8c\xe7\xce\xce\x07\xc7\x8f\x9d\x84I\xd3\xedA\xbf\xd6\xd65q\x98\xa6\x81\x15\x9f8\x1f\xca}&gt;\x82\x96\xaff\x97?\xa2\xe2\x82*#~t\xa8)\xd3\xd0\xba;\xdc\x0f\xbdN\x8bz\xa1\xda(\xc6\xdew\xef^\xc1N\xf9\xdaU\xd4\xd3i\x96\x84)\x19^\xf8[Fxk\x82`\xa0\x92_\xabL\xaeL-\xf2\x02\xfe\x07;\xc7O\xac\x91V\xe9\xf6\xa0\x17v\x86[m\xc1\xd1\xf5\xac.4\xed\xecx\xf1\x0b\xe3\xf8\xa1sn\xb5\x1a\x19\xa9\xbe\x8aB?\xd9v\xad\xda\xbf\xe8y\x95B&gt;\xdc\xc3\xe3\x8c\xb44\xe5\xe9g\xbf\x7f\x1f\x8bho}8S.C#\xf6\x97I\xbe\xef{\x06Q\x9d"\x16\x7f\xab\xb2R\x9e\xad\xef\xdc\xfe\x08k\xed\xf3\x91\xb1@\xa2\\\x04\xae\x1f\x9d\x9f\xf5\xad\xf6nV2S\xcf\xbe\xb6t\x10\'\xf3\xb0#J\xd9\x860)\x92\x7fVc\xaf\xbb\x1f\xfa\xc5|\xa1P\xf4\xba\xe2.\xa9\x7f\xea\x93O\xdeF7\xbc\xfc\xe6\xb5k\xef\xdfZ])\x03\xa4\xcc|\x9b\x81:\xf0R\xb9|3^h&gt;;\x1f\xdd\xe1Z{q\xd4\x96\xc2\xa0\xa16h\x83^\xe0y^\xd0\x0c;g\x03\xeb\x07\xbb|vL\xd4\x16\xad\x10.\x81Rj\xf4\x94\xe5H?\x88k\x82\xd5:\x84P\xb9|\xbeR\xc9\x17\x97\xf3\x9d\x86\xa8\xa58\xb0\xa8\xf5\x8f\xcf\xae\xaeN\xfed\x1e;\xf9[\xab\xe4\x02Y\x99\x1f+\x82\x05\x95\xca\x02U\xbf}\x87\x7fK\xf9\xe0\xf8\xc5\xc1\xd8\xed\x9a^\xdb\xf7H\xe5\xbb%\xdf\x0b/\xfaU\x9d\x7f\xad9\xc6\xd25\xa4\x9a\xa3\xc0[\xd9\x18*c0m\x19&lt;dBk0\xec4\x0b@*T\xf2\xf9\xe5\xe5\xe2r\xb3;\n\xa2\xc4\xf1\xbb\xeb3S\x93\xab\xb7\xde\x82Z\x94k\x11k\x1d\xf5\xa0\xbc"Xx\x8e\x9e\x17\xad\x1e&lt;\xd8\x01U\xbc\xb2\xfc\xd4\r\xbd\xc0-\x15\n%?\x08\x82fo\x7f\xd8od\x04\xd8 P\xbc\x05A\x103\xc8&gt;tp\t\x0f-\xae\xda\xfd\xe1\xc5y\xe4\xe6+92\x15\x8b\xcb7\x13k2\x00\x00\x05\xc6IDAT\xc0*\xe6\xcf\xef2/G\\\x07\xcf~\xb115\xb3\xfa!\x83\x88x\x81A\\.\xc9\xb7\xc2\xa7\xd6\x17\xb6\xb7i\xab;w\x8e??\xd2\xc7K\xd3\xf7z\xae\x9b+\xe4 U\xb3\xc9\x9b\xe71\x98[\xd2\xe6\x98\xed\x06j\x93\x96\xcd\xa6\xb6\xb6j\x96*~B\xeb\xb3\xac\xd6\xb0\x13\x06\x05\x18\n\xdf[!\xd3\x8d\x1b7\x00\xb6\x9c\xbb\xa8\xaa\t\x16\xce\xc9\xa8&gt;\xfa\xc3\x9b\x933+\xab\xab\xe5\x9b\xeb$Z\x9c\x8b\x7f\x8d_\x8e\xa1\xb6\x17\x16v\x16\x16n\xdf\xfe\xa8~\xff\xd1\xc3\xec+\xaa\xddV\x07\xf1\xf3\x03\x00qy^\xb3\xd7\xb9\x18&gt;\xddk\xa0hs\xb4\xd0\xe2r\x96\xd6SU\x96q\x95\xb3\x85UkuOz^~9_)\x88P\xcb7\x08%\\\xf9\xa27\xc4\x0b\xe9-Y/3\xfdg\xbf\x9a\x87\xc7\xcb\x8b\xdb`\xa8oo\x0b\x96x}\x9dTX\xf5\x85\xb9\xd9\xd3\xc7\xd6\xee\xa8\x88f\xf5l\xf5\xc2\x13\xa2\xa8I:?:\xe9\x0eZv\xbb\xad\xa3-iq\xc5G\x18\xd9\xcaS\x19\xa9\x05\xb5Z\xc6\xee\x9f\x9d7K\xf9"t\x8ac\x17\x13\xe1\x86\x07\xc5|1\xeaf\x941\x96a\xbe\xac&gt;~\xf1\xa7\xf9\xd52\x18\xf8\xde\xc9\x05p\xad\x93h}{[@\x17\xb6\x17\'\x8e\x1f\x1d\x99#\xad\x90cY\xfb,"U\x10\xf8\x88E\xc1\xeb\x1c68\x14:\xaa\xc3\xd9\x86\xea\xe0\xbc\xe3\xf2\x9ab\xe2a\x06\xb3\xf6\xceB0\xe5\xe9\xf0\xe5\x18\xe9\xd2%\x11\nD\xfc\x94/\x86\x87\xa3\xf9Hn/_\xd6\x1e\xbf\xb8?\xbd\xb2\xbe@\x13\xfdp\x01`\xb1N\xefl\xbf\x83\xcfs\x13k\x8f\xbeu\xda\t\x11\xfd\x9e\xb5\xceB\x10\xf9\xf0{\x0eq\x0c\xcf\x1a\x8a!\xa9/}7\xb6\x08dc}M\xa7h5\xc7\x1a\\\x849\xe2\x14\x93\xb0\xc5H7b\x1e\xc8\x05\xd3W\xf2\xe1\xa1\xea\xc43H2\x8a\xa4\xed\x83G\xa7\x9b\xe59\xda\x08$\xdb\xc9BC\\\x9c8}~pO\x8f+\xb8`i\xa0\x8a|7\x97s\xe1\xac0\x0c;\x876G&amp;\xf6e$ZFu\xccx\xc3-b\x19\xa9\xbb\xfdV\xab\xdb\x89\xf2\x12\xb1\xe2\x08K\xfc$E\xab\x82\xaa\x95\'\x16\xec\x16v\xd5D\xadd\x803u\xe7\xcf\x07\xdf\xff\xfd\xf4\xb8\xceTL\xca\xe8\\\xfd\xf8\xf4\xf97G\xf7\xda\xfa\xbf.D\xb0\xe9\xba\x81\xe4\x1f\xccu2\xa8Vk\xd8\xf9p\x8eW\xa5\xafA\xa3\xb8\xe22\xd5S\x9d(\x0c\x83\xe5KDB\xb8FL\xc5b\xac\x10ji1/w\x91\x07\xb9R8\xb4M\'\x8eb\xbc\xd2\xe9v[yxt\xf0\xcd\xf7\xcf\xbf&gt;===&gt;\xfd\xdb\xd7\xcf\xbf\xff\xe6\xdb#K\xdf\xcd\x8e\xe3\'\x86o\\D\xa8\xa2A\xe0by\xbd\xbf\xeea\x16\x87y8a*l\xd8\xa6\x0ccZ\x1c\x07\xc7I\x15n\\\x12\x0c\xa4\x9e\xe4\x1e\x8d\xb4\\\xac\x88\xa1\x84\x8aX\xfcZ%\xe7\xa2\x97]\xb4^:q\x18\xcd\xd1\x02\x196\r\xf7\xbe|(\xeb\xcb{\xf7\xccv\xcc\xd4\x1e\xdbJo\xdf=\x89&lt;?\x87SsK.\x8b{Mf\x12G39\xddK\xc3\xd1FPi\xdd0R\x95\n\xbd#V\x8f3\x0ek\x19\xd5\x9dRU\xc8*d\xfcyXA\xe0u\xfa\xca+\xa4\xf4h\x14\xd7\xf4v;\xdbNV\xec\xa8W\xe1\xd3\xb3\xda\xa0\x13y.\x9c\xde\x8c\xa2&amp;\\\xa5Z\x994\x81\xf0}\xe9x3\xa4\xc5C\x17\x97\xa6\x9bN*/q\xa2:\xc5\x84\x01f\xca\xa1\xc2\x17X\xbc\xd8\xa8\xf1l!\x97+\xb9%\xd6\xe6 \xe8\rkZ,\x187\xa2\xe3\xf9\x92\x88\xac\xd02@\xbd\xe6*\x98\xbd\xdb\xf3\xa4\x8c\xc2\xeb\xbd\x8b=l\x12\x14\xd3TUQF\xd7\xd0\x02\r\t\xa3\x99\x8eC\x986\xd5\x948[\x8eMS\x8b\xa5*\xb9R\x0e`\xfc\xe0\xd7*$\x94G`\xf3=\x14\xc1=\x85P\x82\xf5\xda\x16\xc1\xe0\xd5\x18\xed5\xb18\x1el\x9d\x85\xec\xce\xc8\xc0(\xfaj\x88n\xe1\x98\x8e\xc2F\xa3\xd0V\xf10\xc8}cZN\x15\x155m\xa6\xa4\xa6\xe7r\x08X\xa1\xe4\xe6\x18\xb5B)\x87g\xa0\x8d\xeb\xc6r\xa1\xf4\tV\t\x8a\xb1\xc1\xc2\xb1-E\x93qWK\'\xc3o\xbc\xb4D\xac\xd1\x9c\xa9i\xed\xb65\xd8\x0f\xc3\xc8\xe7\x19Ea\xe7i\x86\x1b1\xd3Pe\x1a\x1f\xcf\xa4\xf2\xd3@\xc8\x93\xe5I\xa6\xf2B\x80\x033\xd3\xdc\x12\xe9J\x05"\xfa.)+\x89\xabJ\xa3\xe52\x90\xd1y\xb7e\xe8\x94\x07(1\xdb(\x84\xc2\x14c\xbd\xd4\xb2m{p\xd2\x8b\xa20\np&gt;^t\xd2\x97N\x97a\xb7`$\t\x92\x1eq\xa5c\xcb;\n\xe6\xf5T\x05\xc7\xa4\x10\x0c\x1a\x0e\x9ac\xb0\n\xbc\xe7s\x82(`\x06a\x06\x82\x11\x81-\xc9KD\xb0\xa83\xbc\x9b\xd9\xd5!|:\xd1\x8c\xf1\xe0M\xb0D\xaa\xdd\x8fk\x03\x0cm\xec\xcc\x1e:`\xd0;\xbb+%!\x9e\x91\x1cE\x02f\xc4r\xf1\xda\x12\xbd\x15\xef12\xa9\x02*/\xa7\x1f\x9f\xae\x96\x99\x03\xcd\x81L\xec\xd6\x8ck\x8e\x12\xc9\x8d\x8e\xc3\x87\xcbC\x04~\xf3\xfc\xec\xb0\xa5p\xd3\x97\x168^[\x18\x0b\x86\x03\xed\x9a\xe8\xfc!\xe7\x04\x9e\x94\xef{\xfb\x83\xaa\xcdk\r\xb2\xa1\xa2\xaf8\xdf%N0\x15\xb9\x0e@\xadd\xd3\x9c*\x05%\x06\xd0\x0fx@\xdc-P&lt;\xdf- \x1b+\xbc_q\xfd\x92\xc4\xb8\xc2\\,\x88\xed9Yz\x12\xcb\x93\xe1\x1e&amp;m\x13p,\x88\xb1\xb9$&amp;j\xe3\x10S[\x80\xd7ar\x97\xd7\x9e5pH\xd6s\'\xde,\xd0\x8a&amp;Z3\xc2\x88Z\xa1"\xff\xb0#\x93\xbd\xb5B,/\x10\x15pJ%I?*\xc6\xbb\xd4\xcfg\xad\xf1K9\x8e\x84\x80\xa4\xb0\x89\xc1\x10G\x1c\xcb\x0f"\x0cL\xdd~\xab\x06\xbb\xc0\xcaH1n/\xab{\xdd\x93s\x11*\x10S\xa2\r\xb2?\x18\x1c\x13`tlC\xa5\xe9sx \x9a\x81\x1a\xe1\xd0Z\xac\x1b\\\xaa\xf5O\x94\x9c\xad\xdd\xdf\x9b\xf60\x00\x00\x00\x00IEND\xaeB`\x82'</t>
        </is>
      </c>
      <c r="M516" s="3" t="n">
        <v>45492.67802083334</v>
      </c>
    </row>
    <row r="517">
      <c r="A517" t="n">
        <v>1400494</v>
      </c>
      <c r="B517" t="n">
        <v>1980</v>
      </c>
      <c r="C517" t="inlineStr">
        <is>
          <t>Ruan</t>
        </is>
      </c>
      <c r="D517" t="inlineStr">
        <is>
          <t>Ruan</t>
        </is>
      </c>
      <c r="E517" t="inlineStr">
        <is>
          <t>UNK</t>
        </is>
      </c>
      <c r="F517" t="inlineStr">
        <is>
          <t>UNK</t>
        </is>
      </c>
      <c r="G517" t="inlineStr">
        <is>
          <t>UNK</t>
        </is>
      </c>
      <c r="H517" t="inlineStr"/>
      <c r="I517" t="n">
        <v>29</v>
      </c>
      <c r="J517" s="2" t="n">
        <v>38474</v>
      </c>
      <c r="K517" t="inlineStr">
        <is>
          <t>Right</t>
        </is>
      </c>
      <c r="L517" t="inlineStr">
        <is>
          <t>b'\xff\xd8\xff\xe0\x00\x10JFIF\x00\x01\x01\x01\x01,\x01,\x00\x00\xff\xe1\x00fExif\x00\x00MM\x00*\x00\x00\x00\x08\x00\x04\x01\x1a\x00\x05\x00\x00\x00\x01\x00\x00\x00&gt;\x01\x1b\x00\x05\x00\x00\x00\x01\x00\x00\x00F\x01(\x00\x03\x00\x00\x00\x01\x00\x02\x00\x00\x011\x00\x02\x00\x00\x00\x10\x00\x00\x00N\x00\x00\x00\x00\x00\x04\x93\xdf\x00\x00\x03\xe8\x00\x04\x93\xdf\x00\x00\x03\xe8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8a\x00*\x8e\xa7\xa9\xe9\xda.\x9d}\xab\xeb\x17\xf6zV\x95\xa6Z\xcf}\xa8\xeaZ\x8d\xcc6v66v\xd1\xb4\xb7\x17w\x97w\x0f\x1c\x16\xf6\xf0D\xad$\xb3J\xe9\x1ch\xa5\x99\x80\x19\xa1\xbb+\xbd\x12\xdd\xbd\x10\\\xbd_\xcbg\xfc\x14_\xfe\x0eu\xfd\x9d\xbff\x8dn\xfb\xe1\x7f\xec\xa7\xa0\xe9\xff\x00\xb4\xaf\xc4KT\xba\xb6\xd5|f\x9a\xa3Y|)\xf0\xcd\xfa\x16\x8a(!\xd4-\x87\xdb\xbcct\xae\xad&amp;\xcd\x19\xe1\xd3I\x8f\xca\xfe\xd2wb\xa9\x9b\xab\x0e\x97\x97\xf8U\xd7\xfe\x04\xed\x1e\xbd\xc1]\xed\x19?4\x9d\xbauv]V\xcc\xfe\xa4\xeb\xfc\xb8&gt;6\xff\x00\xc1\xc5\x9f\xf0T\xaf\x8b\xd6s\xc2&gt;:\xda\xfc9\xf0\xdd\xc6\xa7(6\x9f\x0b&lt;\x1f\xa2x?S\x8e \xe2K{h5\xe6\xfb~\xaf\x1cq\x03\x17\xefM\xe24\x8a\xe4L\xce\xdbj}\xac\xbaS~\x92\x92]\xba\xc7\x9du\xebk\xd8\xafgR\xf6\xe5\xb7\xab\xf4\xfeU#\xfdG\xeb\xfc\x93-\xbf\xe0\xb5?\xf0S\xabHl\xac\xec\x7fm\xaf\x8d2Z\xd9L\xf7k\xf6\xcf\x10\xdb]\xdc\xc6\xc6Fq\x1c\xd7\xf7\x96\x12^O\x10\x07\x069\xa4\x9a\x06\x04\x12\x860\x15g\xdbO\xfe}\xc6\xdaoR\xd7\xda\xf6\xf7-e}\xef\xd3\xcc~\xca\xad\xd2J\x0e\xfd\xa5\'\xdb\xa7%\xfa\xf9t\xef\xa7\xfa\xd9\xd7\xf9\xa3~\xcd_\xf0t\x0f\xfc\x14/\xe0\xe6\xa5\xa5/\xc4\xbf\x15x7\xf6\x8d\xf0\xa2y6\xfa\x87\x87\xbcy\xa1i\xfa^\xbe#\xdc\x0c\x8dm\xe2\xdf\t\xc1\xa7jP]*aR\xe3Q\xb3\xd4\xe1rX\xb5\xb3l\xe4X\x8f\xe6\xa7%\xe8\xe3%\xd3\xcd7\xd7\xa7A\xfb*\xbf\xc9\x7f(\xb5\xe5\xfc\xdc\xbb]\xdf\xd3\xd0\xff\x00K\x9a\xfez\xff\x00a?\xf88\xe7\xf6*\xfd\xaeu\x9d\'\xe1\xff\x00\xc4t\xd5?fo\x8aZ\xab[Z\xd8i\xdf\x10/\xec\xaf&lt;\x07\xad_\xdc\x0c%\xb6\x91\xe3\xdbu\xb5\xb3\xb7\x96i&gt;[x|Ac\xa3\x99\x89T\x86Y\x9c\x80\xcdbh\xbf\xb6\xa3\xb7\xc7x\xeb\xa6\x97\x92K\xaa[\x93(N\n\xf2\x84\xe2\xbb\xb8\xbbt\xfbV\xb7^\x8e\xc7\xf4)P\xdb\xdcAw\x047V\xb3Csmq\x1aM\x05\xc5\xbc\x894\x13\xc3"\x87\x8eXe\x8d\x9a9#\x91HdtfVR\n\x92\x0ek{\x92ME\x00\x14P\x01E\x00\x14P\x01E\x00\x14P\x01E\x00\x14P\x01E\x00\x14P\x01E\x002Yc\x82)&amp;\x9aD\x86\x18Q\xe5\x96Y]c\x8a(\xa3R\xf2I$\x8eB""\x82\xce\xecB\xaa\x82X\x80\t\xaf\xe6O\xfe\x0e?\xff\x00\x82\x9f\xdc\xfe\xcb\x9f\x03\xb4\xff\x00\xd8\xfb\xe0o\x88dO\xdaK\xf6\x98\xb1\x9bI\xd5\xa5\xd0nCk\x9f\x0f&gt;\x13^\xb3X\xea\xfa\xa16\xf2\xad\xc6\x99\xacx\xdaC/\x874\t\xd8\xc4\xf0\xd8\xff\x00njq\xb2\xb5\xa4\x0cy\xf1\x18\xaaXhJu\'\x18\xa8\xaeiJRQ\x84"\xadyT\x93iE$\xef\xae\xadl\x8dp\xf8z\xf8\xba\xf4\xf0\xd8ZS\xaf^\xac\xa3\x08S\xa7\x17)9I\xda*\xd1M\xb6\xef\xa4Rr}\x15\xb5?%\xff\x00\xe0\xe0\x7f\xf8,o\x88?iO\x18\xdc\xfe\xc1?\xb1\'\x8a/\xb5\xcf\x86\x9aE\xdc\xd6?\x1c|s\xe0\xfb\xa6\x8e\xdf\xe26\xbfk:\xa9\xf0~\x89\xad[~\xf6\x7f\x06x~x_\xfbb\xf6\xceO\xb1x\x83T\x06\xddf\x9e\xc2\xc7\xfd\'\xf3_\xf6R\xf8\t\xa5|?\xf0\xa5\xab\xdfZEw\xe2\xcdN\x08\xa6\xd6u3\x1a;\xc6\noKH&amp;q\xe6%\xb4\x1f2\xa9|n`d!\x8bq\xf9fu\xe2$)\xd5\x9e\x1f*\xc3\xacmH\xbe_\xac\xd4\x93\x86\x16\x12V\xbb\xa5I/iU\'{M\xca\x17\xd7\x96\xeb\x7f\xdd\xf8_\xc1Z\xf8\xaaT\xb1\x9cG\x8a\x96\rIFk\x03B\x11\x96%E\xf2\xb5\xed*I\xca\x9d\t[[%Zj\xf6n\x0fC\xe2\xff\x00\x87_\xb0\xd6\xabyd\xba\xf7\x8f5)\xac\xa7\xb8A$\x9aF\x9f#yM"`\xc4n$\x9c\xcc\xf3N\x84ni\x14*\xc4\xc7\x11*ch\xfd\xa9\x1e\x15\x82\xe6\xcdD\x08J,E\x08\xda\xca\xa0\xf2\xad\x80\xc0\x93\x8c\xe0\xf0p\x0eG\'#\xe21\\_\xc4\xb8\x99\xb7&lt;\xcaT"\xf5T\xb0\xaa\x14\xac\xbd\xd5nh\xafh\xfa[\x9aM\xbd\xdfg\xfa\xe6\x03\xc3n\x0c\xc0\xc2\n9E&lt;T\xd2I\xd6\xc6\xceu\xe5+r\xbb\xb8\xcd\xaaVz;F\x9a\xf4\xbd\xd9\xf9em\xfb"|)\xb0\x0e\xb2\xe8\x89&lt;\xb21y\xa6\xbe\x9e\xe2\xf2GuUP\xc9\xe6\xb6\xd4*\xa8\x8a\xa5\x150q\x81\x92k\xef\xfd[\xc3Vv\xa1\xac\xde34\xf2\xb3\x051\xba\xb1I\x15\x8a(\xc8$\x00\x08e^B\x9e\xa4w\x1e|s\xbc\xd6O\xf7\xd9\x8e&gt;\xa4\xae\x9a\xe6\xc5WviF\xfa:\xb6\xb7M\x16\xcb\xa1\xecK\x85r\n1~\xc7%\xcah\xc5Z\xee\x9e\x03\t{&gt;^\xbe\xc9?=[\xee|\x0e?c_\x827\xbf-\xce\x95\x7fh\xd2\xb6\xc5\x9e\xd2f\x87\x87\x1f\xbc]\x9bV=\xac\t$6I9\xe0\x15\xcd}\x9f\xa8Y\xd8Z\xc0\xb2\xc1\xe7\x89W\xcb\x13D\xa8\xeeY\xb3\xf2\xe3\x1d_r\x90N&gt;Q\xf2\x93\x9c\n\xf5\xa8gy\x84R\x7f]\xc5\xd9\xb5\xff\x00/\xea?\xe5{\xf3\xb7\xb7o\xce\xcc\xf0q\\\'\x93M\xbf\xf8L\xcb\xd2\xb7\\%\x15\xaf\xbb\xf0\xda\x97\x96\xcfn\x9a\xd8\xf97N\xff\x00\x82{\xfc\x1a{\x94\x9a\xdfP\xd5#\xf3\x01\x11;\xcb\t1\xbev/!K\x14\x8f\x01W8\xce\xef\xbc\xa4\x83^\xf5q\xe2\x9dB\xce\xec\xfd\x8ai\xa3\x92\xdf\x86\xf3 \xf3#\xc0\'\x11\xc9\x85\xdc\xc5\xb1\x9c\x96B6\x1f\x9cc\'\xd8\xa1\x9ece\x18\xdf\x19\x8a\xbfT\xebT{r\xb5\xaf6\xbd\x93\xbe\x8b\xcc\xf9\xba\xfc%\x95BN\xd9n\x07\x97K?\xabSW\xd27\xd9/.\x9a\xf5\xf2\xf3\x0f\x11\x7f\xc1;\xadSH{\x9f\x04\xeb6w\x97\xd6\xa8\xaf\x14\x1a\xa4\x1b`\xbb\xdaA{V\xba\xb6"h\xfc\xc5\x0e\xaa\xc5]Q\x99%\xc1*E}\x99\xf0\xbf\xe2\x1d\xdd\xfd\xcd\xb2;&lt;f\xdaf\x8e\xf22\x1a=\x8f\xf7\x89\x88\xee;\x97k\xa9\x93\xa9V\x00\x95\xf9\xd5\xab\xd8\xa1\x9b\xe3d\xa3\x18b*I\xe9\x7fk\x154\xfe\x1d\xf9\xd3it\xbe\x97\xeex\xd8\x9e\x15\xca\xa4\x9f\xb4\xc0\xd0\x84Z\xbat\xa5*RM[og$\x96\xddS]\xee\x99\xf6\x1f\xfc\x11K\xfe\n\xd1\xe3\xdf\xd9o\xc7\x16\x1f\xb17\xed_u\xaf\\\xfc&lt;\xd5&lt;O\x0e\x89\xe0\rc\xc5:\x95\xce\xa1\xac|3\xba\xd5n\xad\xed4\xcbkmR\xf5\xdc\xea\xbf\x0fu\x19\xa6Q\x182\xaahW\x01\x9e\xdeAo3\xdb\x8f\x9b\xbfh\x1f\xd9\xabL\xf8\xfb\xe0\xddF]\tb\xd1~ iZ]\xce\xa1\xe1\x0f\x12\xc1\xe6Cqa\xab@\xbfh\x86\xd2\xe2\xe2\x17\x13O\xa4\\M\x1a\t\xd1\x8ea\x90\xf9\xf1\x1d\xd1)&gt;\xde\x0f=\xc4Q\xa9\x18b"\xe9E\xb4\x9dJi\xca\x83\xd2)9\xd2|\xd2\xa7\xfd\xe9A\xf9\xf7g\xc2g\\\x05Jt\xe7[+\xa8\xfd\xac_7\xd5\xear\xc6\xa4\xb4W\x8a\x9a\xe5\xa5W\xfb\xbc\xd1\xa77\xa2U.\x7f\xa1":H\x89$l\xb2G"\xab\xc6\xe8C#\xa3\x80\xca\xea\xc0\x90\xca\xcaAV\x04\x82\x08 \xe2\xbf\x9f\x0f\xf8!/\xfc\x14\xf6\xeb\xf6\xae\xf8e7\xec\xad\xf1\xca?\xecO\xda\x97\xf6s\xd0l\xfc;\xae\x8b\x82\xf1\xaf\xc4\x1f\rh\x11\xdb\xe9C\xc4\x96k0I[U\xd3\x0f\xd9\xed5\xe8\x82\x14\x94\xbd\xbe\xa5\x03\xbcW.S\xed\xf0\xd8\xbax\x88\xc5\xa6\x94\xe5\x1enT\xd4\xa3%d\xdb\xa75x\xce:\xf4wKt\x8f\xcakQ\xaf\x86\xa9*8\x9aS\xa1Z\r\xc6T\xeaE\xc5\xddok\xefn\xabu\xd5#\xfa\x11\xa2\xba\x8c\xc2\x8a\x00(\xa0\x02\x8a\x00(\xa0\x02\x8a\x00(\xa0\x02\x8a\x00(\xa0\x0cO\x13x\x83L\xf0\x97\x875\xff\x00\x15kW\x11\xd9\xe8\xfe\x1a\xd1uM\x7fV\xbb\x95\xd68\xad\xb4\xdd\x1e\xc6}B\xfay\x1d\xc8TH\xad\xad\xe5vf \x00\xa4\x92\x05~q\xff\x00\xc1f|m\xa9|?\xff\x00\x82\\\xfe\xdb\x1e#\xd2.\'\xb5\xd4\x8f\xc1\x1f\x10h6\xb3\xdbH!\x9d\x1b\xc5w\x16&gt;\x18\x97d\x85\xe3+\xba\r^Tm\x8d\xe623*\x02\xc4\x03\x9dY\xb8A\xc9|ZF7\xda\xf2i&amp;\xfc\x95\xee&amp;\xde\x89o)F*\xfd\xe4\xd4o\xf2\xbd\xfc\xedc\xfc\xf5\xb5_\x8b\xfe)\xfd\xbb\xff\x00o?\x8d\x7f\xb5O\x8f\xee_X\x97\xc4\xfe2\xd6\'\xf0\x9d\xb4\xed$\xf6\xda\x17\x84-/\xe7\xd2|\x19\xa2\xe9\xe8Y\xd6\xde\xcbG\xf0\xcd\xa5\xa4"8\xc2\x07\xba\x92\xee\xe3\xe6{\x86\x95\xf4\xbf\xe0\x9f\x9e\x0f\x81|/6\xbe\xd6\xf2\x033"\xa9\x08B\xcew\xa9(X\xb1`\x14e1\xb4\x13\xc3\xe4\xee9\xfcc\xc4\x0c\xd6qT\xb2\xeau\x1b\xf7\xb9\xabF\r?i\xf0\xebS\xba\xd7g\xa5\xed\xa3?\xa5\xfc\x19\xe1\xaa0\x8dL\xda\xad\x18\xf3F*\x14kT\x8f\xbd\x19&gt;^iE\xbdy\xa5o\x8d.\xae7V?L&lt;\x1b\xa0\xc7\x14\xd3\xda\xc7\x18\x91E\xbce\xf6tQ\xb7\x00\xb7\xf1\x00\x06v\xa8\xc7&gt;\x95\xbd\xff\x00\t\xbf\x80|\x07j\xd7\xbe(\xd6\xa0\xb0\xbe\xbdC,z]\xbb-\xc6\xb3\x7fo\x13\xedo\xb1\xd8.]m\xc1\r\x9b\x99\xccp(Wb\xe7\x91_\x9f`\xf0X\xbcT\x97\xd5p\xd5q\x0eIiN\x9b\x94U\xad\xf1M.X\x7f\xdb\xd2]\xb4\xbe\xbf\xb7cs\\\xb7.W\xc6cp\xf8d\xac\xd3\xabV1r\xf8W\xbb\x06\xf9\xe6\xef\xa6\x91ko+z\x05\x97\x87\xaeo\x94[B\x97Y\xc0U\x8a\x15 \x92:\xe0\xf5\xe9\xca\xa1!y\xc9\x19\x00W\x9fh\x9f\xf0P?\xd9k\xc1\xb7\xado\xe2/\x10\xea\xda\x04\x91\xacJ\x83R\xd2\xa5\x9a9U\xd9p\xe2{dq\xbe@\xfc\xe6&lt;,j\x1c\xf1\x92\xbe\xd48o;\x9a\xbb\xc1\xd5P\xb2\xbf*\x94\x9d\xae\x96\xf0o]Zv\xbfW\xd0\xf9\xca\xdco\xc3\x94\x9f*\xcc\xf0\xaewV\xf6\x95\x154\xee\xa3\xb72_\x9e\xff\x00+\xd4\xf1\xdf\x815m(\xb4\x82#\x19\xdaY\xe3\x90ltR\xac\xca]\xb6\x82\x18\xa19\xc8\xf7\xdb\x903\xf4\x0c\xbf\x18\xbe\n\xfca\xb4o\xf8A&lt;i\xa2\xf8\x85\xaf\xad\xa2\xba\x8e\x18f\x06\xf7\xf7\xb0\x14S-\xbb\x84\x7f3\x90\x92F\xbd\x08/\x8e\x86\xb8k\xe4\x98\x9c;\xf7\xe1R\x9b_ft\xe4\xae\x92\x8e\x9e\xf2\xe9\xb7\x9d\xd7\x99\xe8ax\x93.\xc6\xc2&gt;\xcb\x11F\xacd\x92R\x85X\xc9^\xf1]%\xaa\xd2\xed\xf7&gt;\x08\xd44\xdb\x86\x8aI\x8f\x11\xbe_tGxln(\xa4\x10\xb8\xf9N\xe6 \x8d\xceI\x038\xafQ\xf8\x9a\xd6^\x0e\x9e\x1bI"\x89,\xb15\xd4\x97\x0c\xdba\x91\xa0\x8c&lt;\x91\xc4Xe\x84\xac\xb8D\x1f+:\x94O\xbd\xc4B\x85HIG\xa6\x8a)\xda\xfd\x1b\xbfv\xb6\xe5\xe8\xf5W6\x96"\x9b\x84\xaa7\x15\x1d/+\xad\xb4\xb3Wk}\xee\xda\xf3&gt;b\xbb\xb1\xb8R\xf3\\\xc9\x08\xdd\xb9\xb0W\xe6\xeb\xb7\xcb8c\x92\xd9\x04\x81\x8c\xf4\xe7w\x1c\x0f\xc5?\x8a\xfe\x06\xf0\xd1In5\xcd:\xd4B\x15\xbc\xa9\xaf\x91Y\xcc\xc3|\xc2\x18\xdd\xd7+\x16\x15$g\x19\\\x0cd\xe7&gt;\xae\x1b\x01\x8e\xa8\xe2\xa1\x87\xa9R\xd2\xd3\x92\x94\xe4\xac\xdc^\xe9;=\x9b\xe9n\xbb#\xe7\xf1\xd9\xa6O\x87\x8c\xe5S\x1b\x87\x83\xd1IN\xb58=\xa2\xb6rOw\xbcS\xb6\xc8\xf7\x9f\x0bi\x17\xb6\xa1/\xe0"\xe2\xd9\xfc\xb6K\x98\x15\xdah\xa4#\x85\x9e-\xa2Q\x1an)\x97\x0f\xe5\x81\x96b6\xb0\xf8\xd7\xc1\xbf\xb7\xe7\xc3O\rj\x96\xdam\xde\xa6/\xadfa\x03-\x8c2],o\xbcr\xbb2\xccJ\x9d\xab\x85~q\x8e\x8b_]\x83\xc0\xe3\xa1\x14\xe7\x83\xaf\x14\x92nn\x9c\xd5\x9d\xa3}?\x1b\xe8\x96\xfa\x9f\x0f\x8b\xe2\x1c\x8es\xb43&lt;#\xbd\x92\x8f\xb6\x8c\x9f\xd9\xd9\xad-\xd3v\xef\xa7C\xfa\x00\xfd\x944\x99&lt;R/\x17Pf\xb8x\xf4\xf3\n\xc4\x14"\xbe\xf6\xc2\xbe{\x11\xbc\x07\'\x00\x120\x03rm\xff\x00\xc1?&gt;-|4\xf8\x9d\xa9\xe9\xfa\x87\x84\xb5\xcb;\xc85{S\x06\xb1\xa24\x8b\x16\xa5\xa7\xdcG"\xb2\x19\xec\xcb-\xcc;\x89\x12I\xf2\x06\x1b\x86\xed\xa4(\xaf\x7f\x05J\n\\\x95\xa2\xf9\xa6\xad\x1ex\xfb\xbb-.\xb4O^\xb1\xde\xfa-\xcf3\x19\x8c\x85jJ\xa6\x16\xad:\x90\x8bM\xfb)\xdd\xbd\xac\xdaVo\xa5\xec\xed\xa3\xf5_\x1a~\xd0^\x19\xf1\x7f\xec+\xfbl~\xcf\x7f\xb6o\xc3\xbb\xcb\xbd\x014o\x10D&lt;y\x1c\x11L\xd6\xfa\xbe\x97k\x7f\x04\x1a\xed\x95\xf40\xb2\x0b\x98\xbcA\xe1k\xab\xfd2e\x9b\x11\xc8\xebm!\xc3\xc3\x13\x8f\xd4\x1f\xf8*w\x83\xb4\x99\x7ff\xadoU\x8bN\x8e\xf2\xe3A\x95u8\xcb\xed\x1b`\xb5As4bv\n?}\xe54\t\x93\x86.\xb1\x90\xf8 \xfa\xb4\xe8G\x0b*j\x94\xdc`\xe5\xa2\x8d\xf4\x93q|\xd1\xd5[\xae\xd6M\xf7\xd4\xf8\xdc\xf3\x0fG6\xc2\xd5\xab^\x9a\xf6\xf4`\x9a\xaa\x97\xbc\xe0\x92v\xd2\xceN-sE\xdfKZ\xfc\xa7\xf5o\xe0\xdf\x16\xe8^=\xf0\x8f\x86&lt;q\xe1{\xf85O\x0ex\xbf@\xd2&lt;K\xa1j6\xd2$\xb0^\xe9:\xdd\x84\x1a\x8d\x85\xccrF\xcc\x8c\xb2\xdb\\F\xdf+\x10\t#&lt;W\xc0\x7f\xf0H\x7f\x14\xdf\xf8\xc3\xfe\t\xbd\xfb&amp;k\x1a\x93]5\xd2|3\x83I?l\x8a(\xa7H4-_U\xd1\xac\xe1"\x17\x92&amp;H,\xec\xa0\x82)\x10\x80\xf1F\x8d\xb23\x94_\xa6\xa1Q\xd4\xa5\x19?\x89^2\xff\x00\x14_+}w\xb5\xfeg\xe4\xb6i\xca/W\x198\xb7k^\xce\xd7\xb7K\xee~\x90\xd1[\x00Q@\x05\x14\x00Q@\x05\x14\x00Q@\x05\x14\x00Q@\x1f\x82\x9f\xf0r\x97\x88um\x03\xfe\tA\xf1\x814\xb9\x92\x18\xb5\xef\x1d\xfc&amp;\xf0\xfe\xae\xac2\xf7\x1aE\xe7\x8c\xecng\xb7\x8b\x8cy\x92Oel\xd9%\x00To\x98\x1cg\x8d\xff\x00\x83\x83?i\x1f\xd9\xde\xfb\xfe\t\xff\x00\xfbJ\xfc\x00\xbe\xf1\x86\x9b\xab|\\q\xe0\'\xd0\xbc+k\xa4k:\xac\xb6\xbe$\xd3\xfcu\xe1\x9dT\xa7\xf6\x9d\x96\x9f6\x91c\xaa\xe9\xdaDw\x97w0\\j\x11\\Z\xda\xb3\xf9\xf1(\x93i\xf2\xf18\xfc\x07\xb4\x96\x1b\xeb\xd8O\xadR\x92o\x0b\xf5\x8a&gt;\xdf\x9a\xda\'G\x9b\xda\'\xaa\x7f\r\xed\xae\xc7\xadC$\xcdjR\xc3\xe3\x9eW\x98&lt;\xbeUb\xe3\x8c\xfa\x96\'\xea\x93\xb5\xd7\xbb\x89\xf6^\xc5\xdb\xba\x9bWG\xf2\xa5\xfb\x08\xf8zK\x8f\x83\x7f\xe8\xeeV\xea{\xd7\xb5\xb7\x94\xaa\x16\x12\x9bX\x82\xcac]\xa8\xec\x930/\x87\xc3\x08\xf9\'$\x8f\xa2\x7f\xe0\x9f^\r\x9fF\xf8S\xe0\x89\xef\x14\xcb\xf6\x88_Uhg\x8d\x81syp\xeb\x0c\xa5\x14\x00\xa5"X\xd8)9b@9\xe4\x9f\xe7\xee,\xc6\xd3\xa9\x9c\xd7pj~\xc6\xd0\xbbI\xc7\x9d\xb59h\xae\xa4\xd3\xb2zi$\xfb\x1f\xd7\xfc\r\x83\xab\x82\xe1\\7&lt;y%]s\xa8&amp;\xd4\x94-\x08\xc6\xd7k\x97D\xe4\xac\xee\xd3G\xbe[\xf87\xe0?\xc1}6\xca\xf3\xc6\xba\x0f\xfc\'\x9e&lt;\xd7\x02O-\xc6\xb3n\x9a\xce\xabw7\x94\x18[\xda\xdb]2ZY\xe9\xb6\x90\x82d7\x0f\x0e\x9de\x00\xf3\xae%\x89\x14\xc9^\xfb\xf1\x9f\xe0\x8f\x80~%\xd8]\'\x8c4\xcb\x9b\xbb\x0b\x9b_"\xea\xd2\xda\xe6k8\xaem\x08H\xfc\xbb\x85\xb6\x9e\x06\xbbRU\x8f\x91t\xd2Y\xb3\xaa\xc8\xd6\xecP0\xc7\x03\x8f\xc4\xcb\x925\xf3)S\xa4\xf9m\nI\xc7\x96/\x97e\x15\xca\x9a[-/m\xd3z\xbcF]\x86j\xa5X`UlL\xb6u=\xe8\xb7\xa3I\xb6\xdb\x93z6\xee\xdd\xf5\xb1\xf8O\xfbj\xfe\xd6\x9f\xb3&gt;\x9fu\x1d\x84\x1e\x13\xf0^\xb3w4\x8f\xa4\x88tm+G\xd6\xecm/-\x91^}1\xf5\x9d7N\xb8\xd1\xa5\xbf\xb3Ib{\x9bm?X\xbakh\xe7\x80\xe4$\x88\xd5\xa3\xfbk~\xc4\x1a\'\xc4/\x89:g\x8c&lt;7\r\xd5\xad\x85\x9d\xbe\x9d\x01\xf0\xb6\x8f\x04\x1an\x82\x97\x9av\x9dc\xa1\x8d\\ipA\x1e\x87\xa6\xea\xb7\xfaF\x99\xa6[jr\xe9I\x19\xbckD\x99\xad\xa3\x984\x8d\xf6P\xa9\xc2\xf4\xe9\xc6\xa4\xb3,\xda\xb6&amp;\xd1o\x96\xb4\xa8\xc6\xfe\xef\xc5\xc99[\xaaMI\xf4\xbd\x8f\x86\xaf\x97\xf1\xbdj\xce\x95\x1c\xaf!\xa7\x84s|\xb2\x96\x1b\xeb3q\xe9oo\x08st\xbat\xe3\xcb\xad\x9bZ\x18\x9f\xb0\x1c\xbf\x06\xfe(|G\x95t\xcf\x06j^\x07\xd4\xe0"[\x9b\xbbG\xb9\xb4\xb3\x02@R\x03,b\xe6ku\x8eF\xde\x9b\x10\xc2Q\xdb\r\x11\xca\xd7\xd8\x9f\xb2\xa7\xec\xe7q\xf0\xe3K\x9b_\xd5-\x16\xc2\xebRv\x9ey\xe3X|\xf7\x822\x9eL~b\xc6\xb2l\x8b\xcb1\xc4\x83\xe4f;\xd8;\x05+\xf3\xb9\xceu\x18F\x1fQ\xc6c&amp;\xdb\xb3\xa3\x89\xc4J\xb5%\x1bGV\xe79\xb5\xff\x00n\xd9\xdfK[C\xeb\xf8\x7f\x85*\xd4\x8c\xa5\x99`\xf0\x14*Z2\x8d|\x1e\x1a\x9e\x16\xacf\x9cmoe\x1ai\xef\xaaqo\xa2z\x9d\x87\xed\xf5\xa4M\xa5\xe9\x1arxNh\xdaY\xed\xd8\\J\xb2;\xefe\x828\xd4E\x1a\x1e[\xce\x85\x0c\x8c\x1c\x8c\x16\xc0b\x0e}W\xc7z^\x93\xe2\xff\x00\x17\xf8z\xcbR\x823ee\xe5[\x01${\xd6tb\x18\xac\xa8\trX6\x0b\xe0\xe0\xb7\xa7#\xcc\xca\xb1Uk\xe3(\xba\xb0\xa7*vR\xa9~m\x1d\xe2\x95\x9d\xf5q\xb5\xd7G\xa5\xb6\xd3\xe93\\\xa5\xe1\xb2\x9cE(\xce|\xd5\x15\xa9\xbd=\xa7-\x96\xd6\xd6\n\xed\xf9\xf7}\x0f\xe4\xcf\xe2\x06\xb1\xa1j\xde=m\x0b\xc5\xd7s_\xb2\xdf\x9bb\x92NV\xde\'\xf31&amp;\xe681\xc6\xa5IrY\x00\x03\x0c@\x1c}}\xff\x00\x05\x05\xfd\x81&gt; \xfc\x06\xf8\x9b/\xc4\xef\x0b\xe9\x97:\xef\xc3\x8do[\x1a\xf6\x9d{\r\xbc\x97GK2\\\xa5\xd9\xb3\xd4\x10\xa8\x0f\x0c\x0eL~h\xccd\x11\xbf\x1b\x94\x9f\xd8\xb03\xc3\xd4\xc3\xf2,ML4\xad~ZS\xf6i\xbb-cg\xef\xf4\xb5\x9fn\xcd\x1f\xcc\xd9\xce[\x98aq\x8e\xac\xb00\xc6P\xe7\xd2\xac\xe0\xeb\xab^:M\xb7\'M\xbf\xe5\x9aO\xd7C\xcf\xec\xa3\xfd\x9a\xbc)m\xa7\xd8hC\xc3\xba\x9f\x8a&lt;\xb8\xdd\xa3\xb1\xbe\xd2\xee.\xd2YQ\x7fr\x0b^\xe5\x9c\xee\xca\xa4l\xd2\xb3\x12\xb9$\x10&gt;z\xf0\'\xc3=G\xc4?\x10`\xf1]\xf6\x97\xa7\xf8\x91g\x02\x15\xd2\xf5\xd8\'\xba\xb0\x82\x14\xb7{k\x0bY\xa2\x87\xfd%\xadt\xe4h\xc4q\xa2\xa4\xad\x1c\x11\xa0\x91H\xde9k\xe1r\xeb\xde\xaeu\x984\xf4\x92\xabRR\x8cl\xa3\xb4T\xb9\x9e\xbat\xee\xce\x9c&amp;77IB\x87\x0feQ\x8e\x9c\x92\xa5B\n\xa4\xbe\x14\xef9\xc5\xc5r\xfc]o{Yt\xfd\xa2\xff\x00\x82~\xf8\x8b\xc3\xdaw\xc6\r\x1e-3V\xd4\xbc\x0f\xae\xc5\xad[\x10-\x04\x96\x17V\x97.Q\xf6\xdc\xe97\x9b8\x99V-\xea\xdb\x04\xf0I\x91#D\xe7w\r\xfb=\xfe\xca\xff\x00\x134\xbf\x89\x7f\r&lt;O\xa3\xf8\xc5\xfcc\xa5\xf8}t+u\x96\xfe)a\xd5\xa0\xb4\x86x..4d\xbb\xe2{\xbd7Mi\xe5\x83L\x8fPyg\xb6\x81\x0c)*\xc4\x15k\x96U%\x85p\x96\x07\x15\xf5\x98\xde7\xa7R\xf2V\xf7~\xd3\xeb\xb5\xe3\xcbt\xba\xee\xcfs\x0bB\xb6&amp;V\xc6\xe0#\x87m5\xedi\xa8\xc2\xce\xd7\xd3\x95\xab\xab\xde\xcfM\xef\xa6\xcf\xfa\x99\xfd\xb8\xe7\xbd\xf1\'\xecg\xe2\xcb\xbd]\xa1\x92\xf9\xb4U\xb7\xbe\x92\x050\xdb\xcf$2\xed\xf3\xe3\x8d\xb0D\x0c\xfe]\xc3\xc2\xd2leVM\xe5[}l\xfe\xd9\x1aj\x8f\xd8\xb3\xc72n\x95c\xb6\xf0\xa5\x85\xfc\xc21\xf3\xef\x86[D\x9e&amp;\xc8\xca\x82H\x1b\x94n\xd8y\x07\xa1\xfa,=J\x92T]Ou\xbeV\xed\xb2\xbaZh\x9bV\xfc7\xb6\xc7\x9b\x8d\x84c\x87\xc5B\x17\x92P\x7f\x12\xbb\xe9{\xf9[]u\xf9\xea~\xad\xff\x00\xc1\x19\x91\xd3\xfe\t\xa3\xfb+\xa4\x8c\xef*\xf8?\\I\x1d\xe20\x89\x1e?\x1a\xf8\x963$q\x12\xc5!\x93`xAf\xfd\xd9_\x98\xf5\xaf[\xff\x00\x82ixz\xdf\xc2\xff\x00\xb0?\xec\x9f\xa4Z\xc6#\x8c|\x19\xf0\x9e\xa4\xea\x18\xc9\xfe\x91\xae[6\xb7tZC\xcc\x8en5\tK\xb9\xfb\xcd\x93\x81\xd2\xbe\xa3\x0f\xfc\x18y\xab\xfd\xed\xdb\xf0\xb1\xf8\xc5[{J\x96\xd9\xceO\xf1\xfe\xbb\xfa\x9fq\xd1[\x10\x14P\x01E\x00\x14P\x01E\x00\x14P\x01E\x00\x14P\x07\xf2\r\xf1\x8b\xe1\x07\x81|K\xae\xfe\xdd\xd7\x1e!\x82\xfbR\xbb\xd6\xbe5\xfcN\x17s\xdc\x89\xaf\xad\x10\xa6\xa5\x7fm$7O&lt;\x9eU\x8a[ik\x11\xb4\x990\xf0\xcb\x1c%\x01L\xe7\xd8\xbfo\xaf\x07\xdd|6\xfd\xa8\xf5\xdf\x00]\xdajV\xdf\r\xfe.\xf8\xc3Z\xf8\x9f\xab\xeb\x16\xf6\x97r\xe9\x89\xaak\xbaM\x9c\x90X\xeaw\x10#\xc1o\x03\xeavW\x11\x96\xb91\xc6\x14\xber7\x1a\xfee\xe2JX\x9c\xa3?\xcch\xca.\x18\x8a\xb8\xfa\xd8\xcc=k\xb5Ma\xb1\x15\xd5xT\x84\xee\xbfy.of\xd6\xbf\x05\x9aW\xb1\xfd\xc7\xc28\xec\x1f\x11pvC\x89\xc3\xd5S\xc1\xe5\xd9\x1e\x0b(\xc7\xe1\xdbR\xa8\xb1\x98z\x11\xc3W\xa4\xe8E\'*i\xc5TU\x1e\x89MKW\xab\xf8;\xf6\\\xf0\xcd\xb6\x9d\xe1/\x04ip\x00\xb1\xd9h\x1aM\xaa|\x98\x00C\x0cE\x9fi\xc0\x0e\xc7?{\x07\x04\xe0.k\xa8\xf8&gt;.\xbc;\xaaYh\xb7\xec\x90\xbc\x02\xe2\xd9\x88\xc0\x8c}\x96g\x896\xe4\xe4\xabF\x10\xa0\x00\x06\\\x10\x06k\xe7k9\xd6\xc5T\x94\xdb\x94\xe5VRvw\xd6R\xe6\xbe\xdfj\xf7_~\xa7\xab\x0f\xdd\xe0\xe8\xd2\xa6\xb9iB\x8d(\xc1+Y(F\x11\xb7W}-\xdf\xeel\xfa\xfbT\xf0L:\x85\x9c\xa0\xcb5\xd4\xae\x99\x8d\x01\xe0\xaa\xee\xc9X\x90\x01\x98\xf6\x86\xe3\x9e\xa5\x8e\x0f&gt;\x9f\xa0\xf9\x17ve\xe2\x95F\x01\xcb.\xd0_o?{h\xea\xecr\xbd0\x07q^\x9e\x1b\x0bJi^)\xbd4OT\xf4\xf2\xbf\xae\xfbh\xd5\xd9\xe6\xd4\xc5J\x93I\xde\xdaZ\xebMTz+-u\xff\x00)\x1f\x0e\xeb\xdf\n\xa3K\xe6\xbc\xd5^\x14\xb5IH[iHH\x9eS\x85\x0b$\x80\x17e9%T\x81\xce\xdc\xb6\x1b\x8fJ\xf8\xe1q#Ii\xa6\xc4\xc4\xbc\xd7[\xdd\x92L\x91\x1cj\xdb\x9fz\xaa\x93\xbb\x83\x8e\x04x\x07$\x05\xad\xe5B\x95;YJOE\xca\xdbQ\xe9\x7f\xbbg\xa7\xab\xef\xe8\xe0\xb15q\x1a%\x18\xc66nQ\x82r\xbf\xbbme\xad\x9e\xba_\xa7\x99\xe5&gt;&gt;\xf1\x97\xc1\x1f\x82\x9e\r\xb5\xf1\xe7\xc5\xdf\x1d\xf8k\xc2\x1e\x08\xb4\xba\x8a\xca)\xf5\xbdF\xd3KMsW\xe1b\xd3\xec\xfc\xc7\x05\xed\xed#\xdc\xf3\x98#y7\x9c\x04!\t\xaf\x94\xbe6\xf8#\xe0\x0f\x8f\x9b\xc3\x96\x9f\x1d&lt;1\xe1\x7f\x88\xfa7\x83\xa7\xbb\xb9\xf0\xf7\x87&lt;F5\x19\xa3\x17w\x9b^q\x1d\x9d\xa6\xa3io(\xde7\x19%\x8aI\x1a2U\x8e\xc2MV\x128\x1a\x95b\xb1*J\x8cR\xbf\xb0\xa5\x1a\xb5\\\xdb\x8bI{E\xec\xb9m\xa5\xe7\xcf\xe5\x05nc|ls*xW\xfd\x9d_\x0e\xb1r\x94\x14!\x8b\x94\xa9\xc1\xc7Nk\xce\x93USZr\xc6\n\x9bm\xf3J\xad\x92\x89\xcf\xfe\xd4\xbf\x1b\xbe\x14%\xef\x84\xfe$|/\xd6\xf4];\xc1\xd7\x96ZW\x88m\xfcEm\xadY^x\x7f\xfb\x11\xe1\x12\xbe\xa6\xba\xa3\xce\xb6\xd2Y\xb6\xc7\x1eiu\xdd(\x11\x11\xe6\r\x95\xf0\xcf\xedKy\xf0\xb3\xe3\xad\x86\xa3\xe0O\x0fxz\xdf\xc2\x1e\x15\xf0W\x86\xf4\xff\x00\x0f\xd8xW\xc3\x9ae\x9e\x9f\xa5\xc7\xa5\xc3p\x16;\x194\xb5H\x94Yi\xf1\xa0\x96\xdc"\tC\xb0\x93~\xec\xb5z\xb88`\xe5\x8e\xa7:\xd1\x9d\x1c$jEE\xd3\xa3\nug\x15\xcb\x15\x19F\x8a\x8557\xa3\x94\xa3d\xefd\xafc\xc2\xcc*\xe7x|\xa6\xad\n\x1fV\xc5c\xfd\x9bU\x15lEZ\x94)J\\\xb7\x97\xef\xa5V\xa2I\xdf\x962\x93v\xb3r\xdd?\xd1\x8f\x8a\x1f\xb5\x9f\xc0\xff\x00\x8d\xff\x00\xb1\xa4_\x12\xfc9m\xa6\xeb\xda_\x85\xaft/\x0fx\xf2\xda\xd6\xee\xda\xfe\xef\xc3\x17\xda\xb3\xc9\xa5X\xeb\xed\x1e\xcc\\x{V\xd4\xe2\xb7\xb771\xee\xfb\x1d\xd5\xfcv\xb7\x00Fbc\xf8\xcd\xf0\xdb\xf6Y\xd7\xfc\x19\xf0c\xe2\'\x81~\x13\xf8\x8bN\xd4|5\xf1\n+/\xed{D\x96\xf5/\xe2]/T\xb1\xd6M\x9c\x96W\x0f*\xab\xbd\xd6\x9fe\x87FT\xf9Y\x957\xb0#\xed*\xe2#)}^\x9aU0\xdc\x91t\xb1\x12\xa3\nUa%\xcbju(\xa9O\x9d5\xff\x00/\x17\xb3\x92is)6~y\x87\xa3\x8b\xfa\xa4\xf1X\x98\xc2\x19\x8f\xb4\xe5\x96\x1a\x85i\xd7\xa3R\x9c\xac\xe5R\x15$\xa1\xc9\xcb%\xad9\xaa\x8b[C\x95+\x1d\x1e\x87\xf0\xdf\xc2\xde\'\xd7\xa0\xd7\xbe\x1e\x1bKh\xaf\xa6\x13\x1d5\x0cb\x14v\x98\x060\xf1\x98Sq\xcb\'\x00\x1c\xe0\xe3\x15\xca\xfe\xcf\xba6\xbf\xe0\xcdlis\xb5\xc2j\x11\xde-\xbb\xc1?\x99\x1bCr\x93*\x86\x03?(&lt;\x8c\x107\x12I\xe9\x83\xe1\xd7|\xd3Q\xe6\x9c\xdd\xd5\xb4\xb7m\x12wzz=\xaf\xa5\x8e\x9c\'\xb3\xf8\xaaa\xa1J\xa2[\xc5\xd9_\xdd\xd6KM{\xdfS\xf6\xfb\xf6Q\xf0\xd5\xe5\xa9\xd3t\xedJ\xc1,\xef#\xb8\xb6Y%h\xb2vF\xeb\x91\x1b6~bJ\x1e\x0f\xef\x14\x86\xdcB\xb9\x1fG\xfe\xcc{5\xbf\x0fi\xb7\x92\xa0K\xeb{S\xf6\x85\xc2\tRH\x80&amp;\xf2\'pZO\xde)\x8cF\x19]\x07\x98\x02\x80\xc3w\xa5\x80\xc1&gt;US\xdaI-/\x16\xec\xf4\xe5v\xf4\xbe\x8d\xda\xca\xebk\x1c\x98\xecdT\xb9\x154\xa5\xb2j\xf6\xd7\x97\xdeJ\xd6OUm\\\x9e\xdb4}\xf7\xf1\x8b\xc3\xb1x\x93\xf6z\xf1_\x86o\x88\x16\xda\xd7\x87\xa5\xb3\x95\xe4\x1f\xf2\xcc\xbcE\xce7\x01\xb9\x11\x0bn\x05y\x00\x8a\xa7\xe3\x1b\xbb\xdf\x18\xf8S\xfe\x10m7W\xb9\xf0\xed\xc6\xa9\xa7\xdd\xe9\xeb\xaeA\xe5\xfd\xa3K\x9aH\xd8&amp;\xab\n\xc9\xb9K@P\\\x88\xa5R\x08\xca\xb8\xdaI\xafv\xae-\xd2\xa7\x18\xd2\xf7\xea\xc59\xda\xe9$\xe2\x93I\xb7$\x93v\xfed\x9ft\x8f\x16\x9e\x165\xaa(\xd6J\x14\xeaN*M\xa6\xfd\xd9J7\xd1)6\x92z.V\xec\xbe\x1d\x91\xf3\xb7\xfc\x13\x93\xe2\x07\xc7\x0f\x0c\x7f\xc1B\xbe\t\xfe\xcd\xdf\r\xfc{\xacK\xfb&lt;\xbf\xc0_\x15|R\xf1&amp;\x8b\xac_j\xba\xf8\xbb\xf0\xc6\x9d{\xadxOB\xd2\xa0mj\xe6\xe2=\x12\xc3K\xd7\xac\xf4\xe1\xa2[\xe8\xf0\xd9G\x14sK\xbc\xcc\xb2\x14\xaf\xa0?\xe0\x87\xbe\x0b\xf1w\xc5\x8f\x1bx\xa7\xf6\xbf\xf1\xa5\x9d\x8c7z/\xc2\x19\x7ff\xdbk\xdb\x1bH\xec\xed5moE\xf8\xb9\xe2\xcf\x10\xf8\x86\xfbO\xb6\x8dDV\xf6\xa9im\xa2\x97XO\x96\xd2j\x1bA&gt;Y\xae\x1e\x16\x86/2\xcd\xe8\xe3#\x88\xc6C\x05\x80\xa3\x88\xfa\xcc#9\xd2\xc3\xd6\xc6\xcen\x9d&lt;5Jp\xa8\xe18\xd3\xa4\xe5VP\\\xd1R\x8d97\xef+\xfa\x1e"\xcf$\xe1\xfe\r\xad\x94&lt;\x0eU\xfd\xbb\x9cf\x18?\xa9\xc7\xea\xd4*\xe2\xf09%\x0c=&lt;ULm\n\xbe\xca\x12\xa1,^!\xd3\xc3\xaa\x8a4\xeaT\x83\xaf\x1dTd\xd7\xf4\x93E~\xa4\x7f6\x85\x14\x00Q@\x05\x14\x00Q@\x05\x14\x00Q@\x05\x14\x01\xf8\xdd\xff\x00\x05\x1f\xd1\xe6\x8f\xc7\xde\x1f\xd5\xe7\xd1\x9e\xe3O\xd5|\x1fi\xa5\xc3q2\xa2\xe9\xb7\xf7V\x9a\xa6\xa8\xf76\xb2\xdc\xc9\x88\xa1\xba\xb5\x82\xf6\x19&gt;be\xfb&lt;\xa4\xa2\xec\xdd\x8f\xd6\xdf\x15\xf8;\xc2\x9e:\xd1\xee&lt;=\xe3/\x0e\xe8\xde\'\xd1.\x87\xef\xf4\xbdsO\xb6\xd4l\xa48 ?\x93s\x1c\x8a\xb2(\'l\x89\xb6E\xcf\xca\xc2\xbe3\x89\xb8F\x1cAZ\x9e!b\x15*\x90\xa2\xa9rN\x9a\x94$\xa19N\x12\xe7\x8f\xbd\x16\x9c\xa4\x9aq\x9ai\xe8\x96\xb7\xfdC\x80\xfcE\x87\x08aq\x18\x1cFX\xf1\xb8z\xf8\x89bcZ\x8d\x7fe\x88\xa59S\xa7NQQ\x9c\\%\x06\xa9\xa7xN\x8c\xaf{\xb9-\xbf\x8b\xcdRq\xa6\xfc@\xbb\xb5\x86h.\x1e\xc3Q\xf2D\x96\xb2\x89\xa2\r \xdc#\xde\xb9\r\xe5\x07\x11\xb7l\xafS\xcd~\x81\x7f\xc1L~\r|:\xf81\xf1\xcf\xe1\xcd\xa7\xc3o\x06\xf8{\xc0\xba\x0f\x89\xbe\x1e=\xe4\xfao\x87t\xdb}:\xce\xe7W\xd2\xfcI\xa8Gq\x7f4P*\xf9\x97\x92Awk\x1c\xb7\x0eZW\x8e8\xd5\x98\x84Q_\x8b\xf1?\x0f\xe28w\x1b\x87\xa5Z\xad:\xaf\x13\x87U!:&gt;\xd3\x96\xf4\xe5\xec\xdanq\x8b\xe7I&amp;\xdaJ\xf7V\xea\x7fAp7\x16\xe1x\xbf\x03\x8e\xadC\x0bS\n\xf0\x98\xaff\xe9\xd7\x9cjK\x96t\xe9\xd5SN\n\xc9JJK\x97[[V\xee\x99\xe5^\x05\xf1{\xc3\xa7\xb7\x9b0\n\x8d\xe5\x05r\xa0\x92\x80\xb2\xa3\xe4\xee\xc9\xc8\x05\xb0\x18\x9d\xbd\x0eExg\x865d\xfb[\xdb\xfd\xa1T3\x97`\xb8\xcb\x1d\xb1\x86 \x01\x82\xc4\x0f\x97$q\x93\xcf5\xe2\xe1\xea\xd4\x84\x93\xe6\xd1\xd9I\xedg\xa7\xc9Z\xd7\xbd\xac}]|-9+\xca)-\xfe\x17~ge\xbd\xba\xabZ\xce\xf7\xfb\x8e\x03\xf6\x8b\xf8\x98\xda,\xd72\\]\xda\xf8{M\x8a\xdb\xed\x1a\xcf\x8auw1i\xfa\x1e\x98\xfb\xc9k\x7f-\x84\x977N\xa8\x7fv\xab\xf2\xb1\x8c3\x12\xd8\x1e\xa7\xf1#\xc3^\x16\xf1N\x9b-\x9e\xbb\r\x9d\xfd\xac\xf1\xc5\xfe\x81u\x0c7)&gt;\xd2\xb2\xc7\x1d\xc43)I\x14\xc9\x82A\xdc\t\x18c\x8c\x01\xeeQ\x95\x15\x04\xe7\x17Q\xbd\x1c\x9bR\x97\xd9\xbf*\xbaK\xf5\xee\xacyP\x8e&amp;\xb4\xdc)\xd4\x95\x08A\xfb\xbc\xb7\xd6\xca:\xc9\xdb]w\xd7n\xda\x9f\x92&gt; \xf8\x95\xe1\xeb\xcd&gt;\xcb\\\xf0_\x80\xbca\xe3\x8b\x85\x8aW&gt;0\xd44\xbb\x8b\x9b\x83l\xd7S4\x17\xd6\x8b3.\x9foo4\'\x11y^u\xd1\x8f\xca2\x10@\x15\xf5\'\x8d\xfc[u\xf0\xd3Nt\xd24\r;Z\xd3mc\xba\x8am&lt;[\x8bh#\x85\x00\x11\x98\xca\x86\xb5\xdaC\x08\x92/-\x9f!\x98(P\xa6\xbd\\6#.\x8a\xe4\xe4q\xbb\x8f\xbe\xe8\xc6\xa3\xfb\x0e\xdbsYvzo\xd6\xc7\xbfEah\xaa\x7fX\xa7R\xbc\xd5\xafV8\xa9\xd1N\xf1\x8e\xd0\xf6uz\xa7\xb3\xbf^\xa7\xe3\xff\x00\xc7\x0f\x88\xb76BMKJ]F\xd7\xc47F)5{m;Et\xd4\xd6\xce\xf5\x1f\xc8\x82\xf1\xc5\x87\x9b)\x8aT\x0b"\x8f\x94\x16\xce\\\x11]g\xc4?\xdaGV:\xa5\xfd\xc5\x87\x80\xe4\xb1k\x82\xd141\x98\\\xaa\xc0\xa4F\x81\x9e$\xf9O\x98J\x8d\xa0\x82\x01\x04`\x1a\xf6(\xc3\x07\'\x16\xa9\xd2\x96\xa9\xfb\xd4\x94y\x9bQ\xea\xe1t\xee\x93\xf9k\xb9\xe3\xe6\xf9\x8eG8J\x9a\xc7\xe2\xf0r\xb5\xbfv\xab\xd4\x92\xe5k\xdd\xbb\x84\x14\x95\xb4\xd3K\xad\x1d\xdd\x97\x81|4\xfd\xa9\x93\xc1:\xb4v\xbe.\xb7\xbd\xd1&amp;\xbb\x9e\xdcC\xe2&amp;\xb5\x96\xc3R\xd3\xc4r\xack=\xe6\x9b2C\x06\xa1i1,\xb3\xe28\xaeU7H\xad&amp;\xdd\xa7\xdd\xbc3\xf1\x17\xc3?\x1e4\xe4\xf0\x97\xc4\xdf\x86\xda5\xee\x91\xf69\xad\xe47\x90B\xf7\x8b\xf2\xaf\xef\xed\xee\xa0\x86+\xa8n\x99\x91@\x91f\x0e\x8eY\x97,N~\x8a\x92\xc1\xa8B2\x92\x84\x9aM\xb8E\xdd|.\xda\xbb5\xda\xdc\xad-\x99\xf9&amp;&gt;|\xf5j\xcb/\xc6:\xb6v\x8ck\xc5\xc1\xce7\x8f\xbc\xeaABPk}\xa7\xaa\xd6\xe9\x9e\xdd\xf0\xf7\xc4\x1e\x12\xf8\x93\xe2\xa8\xbcCo\xf6O\xed\x84\xb9\x8f\xcem(\xc4\xd6\xba\xd1\x98\x07\x86\xe20\x06"i\xf7\xa9\x01\x88\t)\xf2\xdc\x82\xdcb\xfe\xcf\xdf\x03\xac\xfc\x05\xf1O@\xb4\xd0\x9a\xe14\x19\xaf\x1d\xd2\xcd\xeeZv\xb2\x87\xed\xc2K6\x8eFviV8R\x15\x98\xc8D\x9b\x8b\xa4\x8aLe\x9f\x96\xb5&lt;;\x92\x97\xb1\xbbRMN+\x95tK\x997\xba\xdf\x7f]u2\xc3\xd7\xcc"\xd4+\xd4\x8c\xa3\xca\xae\x9b\xe6\xd3K\xc63I7\xd9^\xf2\xefc\xf7\xf3\xe1\x07\x86G\x86&lt;?imo\x99\x92\xf2\xd8\xdc\xab\x151H\x9er\xa2\\BAep#\x90.\xd0Te\x1b\x03\xa9\xafF\xf0\xcd\xed\xab\xda\xdb7\xca\xcb\x0c\x7ff\x8f\x07jH\x15"\xdc\xeaI\xc62\x80}\xdc\xe0u\xda1Z\xd4\xabN4\xe3N\x92j\xff\x00\x15\x9b\xb5\xda^\xabF\xaf\xe8\xae8R\x9b\x9b\x9dMv\xb6\x9d/~\x96\xb7e\xa7\xdc?\xe2\x03jg\xc1\xba\xbd\xae\x9bx\xf1\xea\xba\x86\x9d#4\x16\xf0\x16\xbb\xb9\xd2\xe4\x9e\x085hb\x88I\r\xca\xabZ\xca\xf6\xf3\xcdl\xcb4\x11\xce\xd3!V\x15\xf7\x8f\xc1_\xf8\'\xef\x87&gt;:\xbf\x81&gt;&lt;x\xaf\xe2?\xc4O\x0b\xcb\xa0\xff\x00m\xe8\xbaG\x85\xbc+q\xa3\xda\xe8\xba\xe6\x8b5\xdd\xaf\xdb\xae5I/\xf4\xab\xeb\xc6\x9a\xe6\xf2\xc9\xad\xa3\x96\xd6h\x95m\xed\xc1Q\xbd\xcc\x95\x93\xc9\xb3,\xce\x8a\x8e\x1e\x8f\xfb5G(U\xae\xeb\xc6\x94\xd3N:\xc56\xa54\x9f2\x95\xb4v\xe5\xd7e\xe7\xd4\xe2\xbc\x93"\xc6\xb8\xe2\xea\xd4\x96/\x0e\xa9\xce4a\x86\xf6\xf0\xf7\xb7\x8c\xa5\xf0Bj6\x92M]]J\xe9\xd9\x9fs\xfe\xc0\x1f\x0e\xfc\x15\xf0\xc3\xf6V\xf8k\xe1\x9f\x00\xe8\xb0h\x1a\x03A\xaaj\xab\xa6A\x03A\xe4^jZ\xa5\xcc\xf7)1\x91\xa4\x9a{\x88\xce\xd8\xa5\xb9\x9eI%\x9d\xa3\xde\xed\x93\x81\xf5\x97\x86\xfc;\xa4xKB\xd2\xfc7\xa0\xda-\x8e\x91\xa3\xdaEecl\xa4\xb6\xc8b\x1d]\xdb/,\xb21i&amp;\x95\xc9yew\x91\xc9f&amp;\xbf@\xc9\xb2\xe5\x95e\xd40IS\xe6\xa6\xa5*\x8e\x9cm\x19T\x9c\x9c\xa5.\x97n\xf6n\xca\xf6\xd1%d~?\xc4\xf9\xdc\xb8\x83:\xc5\xe6\x8eX\x87\x1a\xee\x9ci,MOkR\x14\xa9\xd3\x8d8\xc2\xf7|\xb1\\\xad\xc6\nR\xe5\xbf\xc4\xdd\xcd\xba+\xd4&gt;|(\xa0\x02\x8a\x00(\xa0\x02\x8a\x00(\xa0\x02\x8a\x00(\xa0\x02\x8a\x00\xfew\x7f\xe0\xb7W\x93\xe8&gt;?\xfd\x9d\xf5\xf8\xe2g\x87\xfe\x11\xbf\x1c\xd9]\x15\x1f\xf2\xc6=SB\x94\x91\xc7&amp;3r\x18\xa8 \xe1\xbd+\xd1\x7f\xe0\xb5\xfat\x17P~\xce\xb3H\x88\xcc\xda\x87\xc4\x1bI7\x00O\xd9\xe4\xb5\xf0\xcc\x84`\xf5\x02P\x84\x8e\xfdGC_\x91x\xa1M*\x995v\xaf\x16\xb1Te\xddZT&amp;\x9a\xfcWU\xe4\xdd\x8f\xe8/\x03\x9c\xaa\xc3\x88p\xf0\x9b\xa7R\x9b\xc0\xe2)\xcb\xec\xde^\xde\x94\xa3(\xfd\xa5$\x95\xedf\xadt\xef\xbf\xe2N\x89\xe2;b\x06\xa7e2\x90\xc690&amp;-\xbc\xb2\x80\n\xe3\x00\x15P\x06\xdc\xf3\x83\x9e+\xc0\xb5\xf8\xb5\xdf\x87\xd7\xb2\xcd\xa6\xd9\xcb\xaah\x92\xaa\xdc\x9bDlMl\x18\xe4\xbd\xb1#\x0f\x1eO#w\x0cv\x9cq\x9f\xcb\xd5\x08\xd7\x8at\xaaAJ::s|\x92\xbe\x8d\xad_+\xdf\xa3\xd7_C\xf6\xea\x98\xea\xd8[C\x17\x86\xac\xe2\x9d\xbd\xa5%\xedi\xb5\xee\xab\xb4\x97&lt;uW\xd6:m\xad\x8f\xb1\x0f\x9d\xe2 \xd3A;G\x1b"\x01\xb8\xe6`\xcc\xb8p8\xc2\xedQ\x85\xfb\xcc\x07@s_6\xf8G\xe3&amp;\x95s\n\xc0\xb7?f\xbd\x8d\x95n-.H\x86g*\x18\x9d\xab!\x03)\x9e\x18\x9e\x8d\x8c\x90\x00\xad\xa9\xd3\xabK\x95T\xa5+\x7f2\xd6-&gt;[$\xe3~\xef\xe5\xd5\xeaU\x1c\xc7\x07V6\xa3\x88\x84d\x96\xb0\xa8\x94$\xbe\x1b/z\xda\xfc\x95\xb7\xf2=\'\xc7\xbe\x10\x17\x1a-\xf5\xa1\x85\xe6\x12\xc0\xe4\x14\xc6H\x8c\x03&amp;w\x12\x0c\x98 \x85\x00n`W\xae3\xe3\x7f\x11\xfe7\xe9ZN\x93y\'\xdb\xe4\x8d\xa4\xd8C\xc52\x97\xdeG\x06F\x1f+F\x1c(\x95\x18g8\xdc6\r\xd5\xea\xd1\xa9I\xaeWF\xa4\xa5m\x12\x8c\x96\xbe\xed\xbb7g\xff\x00\x0c\x91\xcfW\x13\nmM\xe2\xe8E+6\xe5R;&gt;[\xab_o\xf2\xd1=\x9f\xe6\xe7\xc6/\x0bZ\xe9z\x8d\xc0c"F\xf7\x0f\x0b;"\xee\x13+a\xd8Hz\x16C\xb1\x15v\x8c\x00\xa4\xf1\xc7\x98\xfc]\xf8\x95\'\x89\xa7\xd4\xef-\xdd\xa4\x95\xee\x04\x9el\x92\x13\x1a$j\xc8\xbeDC\xe4Vq\x8d\xfeZ\x85v%\x9b%\x89\xafN\x85\x1a\xd3\xb7-\n\xaa\xf6\xbf4l\xa3\xf0\xa7k\xb6\xad\xe7\xd7\xaa\xd9\x9f?\x9a\xe7\x99Z\x85\xbe\xb5F\xa4\xe3\x1f\x86\x0e2OE\xee\xb6\xad\xdb\xaf\xcb\xad\xfdc\xe1\'\xc26\xd5\xae\x83\xd9J\xca\xe6X\xa4I\x881\x89\x95J\xcc\x03F\xae\xc4.\xe07tP\x15\xc0,\xbcW#\xfb8|Z\xd5\xe2\xd4\x92\xca\xe4#\xe1\x11P\xcc\x0c \x95\x8eeD\xf3\x15\x0ba\xe6\x90!\xc9\x01B\xa3\x06\xc0\\}M\x18\xd0\xa1\x08\xfbG\xcb\xa4}\xd9]\xa4\xec\xb6n\xeb{\xdfM6\xdbS\xe0V*\x96.\xabT\x94c\xab\xf7\x93I\xfd\x9b\xe9\xa2\xda\xca\xfa=\xf7?J\xfe\x0f|-\xd4t\x8f\x15\x1dwP\xb9\x88\xc5e,\x86\xda\x19d\xfd\xe3\x97\xc8\x11\xc0H#a!\tF(v\xe1~R\xa3{\xed\xfe2i\xba\x1d\x94oup\'\xd5\xee\x12G\x8bN\xb5Eb\x1aP7G\xbd\x0b\x84\x8e3\x94\xfbD\x8c2\x01\xda\xd9\xd8\x0eu\xb1\xd4\xd2\xb5(sE\xc5\xder\x8ff\xbe\x1d\x1bI\xdf^\xab\xa2\xb1\xd1N\x94\x14\x92u/+\xafv\x9f4\xaf\xf0\xb4\x9d\x9d\x9b\xe9\xa6\x87\xdf\x9a\'\x8ad\x82]?JFY\xae\xa5\x91"\x82\x14\xc2\xb3I1\xc7\x97\x8e\xc8\x8e\xaaY\x9bo\xc9\x93\xd8W\x91~\xceWRx\x87[\x87\xc4:\xc4\xd1\xbd\xd4\xac\xa6\xd2\xd8|\xebh\xb2\xb6q\xca\xed\xf3$\xda\xb8`\t\xd82\x08\xc9\xcf\r9\xd7\xc4M(\xda\x9d5d\xda\xd2R\xf8n\xa3\xbd\x9b\xd5\xb7\x7fDw\xca\x93\x8d&gt;nW\x1b\xaf\xb4\xac\xd2\xb2\xe8\xb7\xb2\xd9\xbb5\xe7\xbb\xfe\xc5&gt;\x00i\x8d\xa3\xfc\x13\xf8[\xa7\xbd\xba[K\x07\x82t\x06\x9a(\xc0\x0b\xe7\xcfc\x15\xc4\xf2q\xfcSK+\xcc\xe4\xf2ZBI\xcdv\xde\x06\xb6[?\x05xB\xd5&gt;\xe5\xbf\x864\x18W\xe9\x1e\x97j\xbf\xd2\xbf]\xc0RT0XZKhP\xa4\xbe|\x89\xbd\xad}[\xd7w\xbb\xd4\xfei\xcc\xab:\xf9\x866\xb3m\xba\x98\xaa\xf2\xbb\xd5\xd9\xd4\x95\xba\xbe\x96^\x9b\x1dM\x15\xd6q\x05\x14\x00Q@\x05\x14\x00Q@\x05\x14\x00Q@\x05y\'\xc5\xcf\x8f\x1f\x07\xbe\x03\xe8/\xe2_\x8b\xbf\x10\xfc3\xe0]/k\x1bs\xadj1\xc5\x7f\xa8:\x8c\xf9\x1aV\x93\x17\x9b\xaaj\xb7\x07\xa2\xc1\xa7\xd9\xdc\xcaI\xfb\xbd\xe96\x96\xed/S\xce\xccs|\xa7(\xa4\xeb\xe6\xd9\x9e_\x96PWn\xb6a\x8c\xc3`\xa9i\xbf\xef15)\xc7\xf1=n\xbf\x12~&amp;\xff\x00\xc1[u/\x14h:\xc5\xef\xec\xa9\xf0[\xc5&gt;,\xf0\xf5\x85\xf4zE\xf7\xc6O\x1fi\xd7:/\x824Yn.\x93O7\xd6\xfa4;\xf5\x1dA\xed\xeen-\xcd\xbd\xa6\xa5u\xa4Iu$\x91\xa3[\x88\x99\xe4Z\x8a\x94\xef\xc9\x19J\xd6\xbbQ\x95\x95\xed\xabv\xb2Z\xab\xbb\xe8~q\x9bx\xdf\xe1\xa6Q\x83\xc6\xe3\xe5\xc4+2\xc2\xe5\xf4\xddL]|\x8f\x01\x98\xe78j\tr\xa8\xc6\xae;\x01\x85\xad\x97\xd1\x9dI\xce\x14\xe9F\xb6.\x9f\xb4\xa98F:\xb3\xf6\x97V\xd5\xf4\xad\x07M\xbd\xd6u\xcdJ\xc7G\xd24\xdby.\xf5\rOS\xba\x82\xc6\xc2\xc6\xd6!\xbaK\x8b\xbb\xbb\x97\x8e\x0bxPr\xd2J\xea\xa3\xb9\xaf\xe4\xb3\xe3\x8f\xc7\xef\xdaK\xe3\xbf\xc3\xef\x13xg\xe2\x1f\xc5=g[\xd3\xee&lt;?\xac\xbd\xbe\x8b\xa7Zi~\x1c\xd2$\xd5\x0e\x99v,g\xb9\xb2\xd0\xec\xecV\xf0\xda\xdc\xb2In\x97\x8ds\x1c2*H\xa3\xccUz\xd1Q\xaa\xd3|\x8fD\xe5k\xab\xbb$\xec\x97w\xad\x95\xfa\x1f\x81g?M~\x0b\x8b\xa5\x84\xe1\xae\x1b\xcf\xb1\xb8\xdcN&amp;\x8e\x1a\x18\x9c\xf3\xeaYVW\x87\x8dj\xb0\xa4\xf1U\xe5\x85\xc5f8\xba\x94\xa9F^\xd5\xd2\x8d\nR\x9cW/\xb4\xa6\xf5\\\x1f\xed\xa3\xff\x00\x05;\xf8s\xfbx\xfc\x7f\xf17\xc3\x0f\x83\x9e\x1b\xd4\x9f\xe1\x97\xec\xc5\xe2\x8dk\xc2\x9ao\xc6\x19\xaf\xd6\x7f\x0f|]\xd6\xf5\x85\xd3\xed&lt;A\x7f\xe1\x0b8\xec\xa3)\xa1\xf8{R\xd1.4\xcb]H\xde^\r`8\xbe\x81-\xe0h\xd5\xff\x00-?g?\tZxwF\xf0\xea\xe9\xb0\xc7o\x05\xef\x874\xe9\x168\xf8]\xd6\xd0\xda\xb4\x84\x81\x92\x1b\xcdi\x0c\x8cr\xcf+19%\xab\xf9\xeb\x8bx\x86y\xf5hS\xfa\xbb\xc3\xc3.\xad^\x92\x84\xa5\xcd79J\nR\x9a\xe5\xb4[\xf6k\xddW\xb6\xba\xbd\x0f\xf6\x13\xc2\xee\x10|/\x96\xd2\xc7V\xcd\xa8\xe6\xb5x\x8b\x01\x97\xe3=\xb6\x16\x8f\xb0\xc1\xc2\x9b\xa0\xab\xd3XO\xde\xd5\xa9R\x8c\xfe\xb1x\xd5\xabQ\xcaqQv\x8e\xa8\xfa\xfe\xf6\xf5$\xb4\x16\xf7j%\x85\x91\xa3"EV(\xccCmF\xda\x0f\xdfe\x93#;K\x1c\xaesP\xdfY=\xe4Q\xa8*I\xc3\xf1\x90T\xaf \x91\x91\x80H\xdaA\x1c\x1c\x0eN+\xe</t>
        </is>
      </c>
      <c r="M517" s="3" t="n">
        <v>45492.67854166667</v>
      </c>
    </row>
    <row r="518">
      <c r="A518" t="n">
        <v>1403439</v>
      </c>
      <c r="B518" t="n">
        <v>1974</v>
      </c>
      <c r="C518" t="inlineStr">
        <is>
          <t>Erick Marcus</t>
        </is>
      </c>
      <c r="D518" t="inlineStr">
        <is>
          <t>Erick Marcus</t>
        </is>
      </c>
      <c r="E518" t="inlineStr">
        <is>
          <t>UNK</t>
        </is>
      </c>
      <c r="F518" t="inlineStr">
        <is>
          <t>UNK</t>
        </is>
      </c>
      <c r="G518" t="inlineStr">
        <is>
          <t>UNK</t>
        </is>
      </c>
      <c r="H518" t="n">
        <v>172</v>
      </c>
      <c r="I518" t="n">
        <v>16</v>
      </c>
      <c r="J518" s="2" t="n">
        <v>38046</v>
      </c>
      <c r="K518" t="inlineStr">
        <is>
          <t>Right</t>
        </is>
      </c>
      <c r="L51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93e2661-897b-4340-8b22-b01554b8495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rd\xa2\xc0\x00\x00\x00\tpHYs\x00\x00\x0e\xc4\x00\x00\x0e\xc4\x01\x95+\x0e\x1b\x00\x00\x03\x00PLTE\xff\xff\xff\xf2\xf3\xf6\xf6\xf7\xfb\xef\xf0\xf5\xf7\xf8\xf9\xf4\xf5\xf9\x06\x06\x06\xf6\xf6\xf9\x04\x04\x04\xf8\xf9\xfb\xfa\xfa\xfc\xff\xfe\xfe\xf3\xf4\xf8\xf1\xf2\xf5\x02\x02\x02\xbf\x84q\xef\xf0\xf3\x15\x18\x1e\xec\xee\xf1\xea\xec\xf0\n\x07\x06\xce\x93\x81\xed\xef\xf3\xb9\x81o\x17\x1a!\xa6n[\r\x0f\x13\n\x0c\x10\x9bdR\xb7ze\xa1kY\x07\t\x0b\xaao[\xc9\x8cy\xc1\x86s\x13\x15\x1b\xe5\xe8\xed\xbb\x84r\xb0s^\xe7\xea\xef\xa6kX\x1a\x1d$\x97`M\xb6~j\xc4\x89v\xaeub\xacq^\x1c\x1f\'\xc6\x87t\x10\x12\x18\xb1ua #)\xcc\x8f}\xb4wb\xbd\x81l\xc4\x8cy\xc8\x8f~\xb4{g\xb9\x7fl\xfd\xfd\xfd\x9daM\xe3\xe6\xeb\xa0m]\xa8q_\xb9}h\x9ciY\xd1\x95\x85!%-\xb1xe\xa0hU\xb4~m\xdc\xdf\xe5\x95cS\xdb\x9f\x94~SG\xe0\xe3\xe9\x8b]N\xd3\x98\x88\x98fV\xc3\x8d}\xcd\x97\x8a\xb0zi\x86SA\x1d\x10\r\xadwf\xd8\xdb\xe2\x10\t\x08\x84WJ\xd8\x9d\x8e\x92XC\xc8\x91\x84\x90^P\xcc\x94\x85\xaaubxI8\xbf\x89v$(0xC19"\x1b\x16\r\x0b@\'\x1f\x98\\H\x80N;\xa0dR\x8bTD\xde\xa5\x9a\xa2qb)\x18\x14(,4\xa6gR]8+T5(\x84[Q\xd5\xd8\xdd{NAM/%\xc4\x81w\xb8uamC3\xa7sd\xb9\x87y\xbd|f\xafnX\xd6\x96\x8d\xa9wk\x91]J\xa0]F\xc2\x81m\xb3q]\xbf\x87{\x8cZH\xbf|n\xf4\xf4\xf3!\x15\x12\x99Y@\xd6\x9a\x8a\xe2\xab\xa2\xd1\x9a\x8df=0\xc6\x88}\x90bT\xae|n/5=\xe5\xe5\xe4\xbe\xc2\xc8\xca\xcd\xd0oI@\xbd\x7fw0\x1d\x15\xc1\x91\x84uOF\xadiTfHD\xd1\x93\x89\x91S;+/7n;*\xadni\xa0yn\xec\xeb\xec\x86P=\x7fH4\xd4\x9f\x93\xd9\xa3\x98\xb3\x80t\xa7id:AF\xcd\x8e\x85\x85I:\xc3\x81\x7f2 \x1d\xac\xb2\xb7fD=\xbb\x8c\x7f\xa1__\xcd\x87\x7f\xb3vsz\x7f\x82\xbahr\\A=I\'\x1f\xc9\x89\x85\x9bVVCLT\xd0\xd2\xd7xWSV:6\x98ka\xa5cM\xb7\xb9\xbd\xd7\xc9\xc6\xec\xe5\xe4\xaeto\xa4\xa8\xac\xaa\x8e\x85\x7fWN\xfa\xf7\xf6\xbawl\xdf\xd5\xd3\xe6\xda\xda\x8cO7\x90\x95\x95mOK\xca\xc5\xc6\xde\xdc\xdf\x99]Y\x8baV\xcd\xbb\xb7~CDLLHa`]\xb7\x80|\x90g[C.+\xc8s\x7fM53587\xca^s\x95\x9d\xa5\xd5f\x7f\xa0\x9c\x9dU,$\x8aNM\xc4\xa2\x9f\x94RL\xbb\xae\xa9\xa8\x7fx\xbbvw\xb7\xa0\x98OX_r99\x8ejaWWU\xc3\x98\x8f\xce\xb4\xac\xb3\x86zf2\'`hp\xaaV_\x80c_\xb4\x97\x8e\xb8a_lpn\xad_h\x81\x89\x8e\xe5\xb5\xae\x92uslv~\x97qf\xc0rm\xd8\xba\xbd\xd7\x8a\x9e\xd5x\x8a\xb8\x80\x8f\x9b\x89\x86\xd7\x9c\xaf\xa4\xc2\xf6\xfe\x00\x00 \x00IDATx\xda\xcc\x98\xdfK\x1bk\x1a\xc7\xbd(i0\x90\xd42\xc1\xa35\xc6\xd8\x93\xe2\xb1i\xb1\x9aF\xabA\xad\xd4P\xa4\xa9\x9a\x91\xf1Dc\xdc\xfc48M\xe2\xc9`\xaa\xa1F+\xc6bV\xb1J\\\xc5#\x1a\xad\x88\xa4z!\xe6\xa2M\xed\x85lYj-\x05\xb3\x8a\xb9\xd0\x8b\xf5\xe6x\xb0P\x90\xb2\x9c\xcb}\xde7\xb1\xfb\x0fdl\x9f\x18g\x02\x11?|\xbf\xcf\xafwRR\x92\x10&lt;\x1e/q\xe1\xa5\xfc(\x91 )\xe3\x9d!\xfe(\\\x03\x1f_=\xdf&lt;8x\xf9|\xec\xb7\xd1\x81\x1f\x84jn\xfb\xe0t\'V\x94\x96y+\xad(\xb6\xb4\xb3\xb6\xb9=\xf7\xdd%\xbb\xf0j\xeb8\x96&amp;\xe6p9\x04\x87 \xb8\\.\'\xf3\x97X\xf4\xe5h\xea\xf7\x84\x1a\xd8^[\xba\x8aXP\x00\x99\x18\x02n\xc4E\xc7[\xdb\x97\xca\xca\xbe\x07R\x19/u{-\x96\xf9\x8d\t\x05P\x11\xf0\x1b&gt;]\x8d\xad=\x9f\xfb\x1e\xd5\x97:\xba\xb9$\xe6\'\xa8\x10V\xe2\x07\xde\x04\xc0q3c_\xc7.\x9c7\x15o\xe0\xf9i\x110\xc4\x03\xc3 \xc0\xf8\xad\x18\xe5\x19\x87\xb8\xb5\xf3r\xe0\x9c\x8d\x9c\xdb\x8a]\x01\xa9\xb8|.\x1f_\xf8\t0B\x8c11\'G\x1c;\x98\xbbp~%\xc9\xbb\xf0\xea\xf4\x17\x00\xc2Ja,\xb8\xe7$\xe2L&gt;.*\x81G_\xc7.\x9e\x17T\xd9\xc0\xdb\x9dL\x0c\x84\x91\xe2\xce\xa1\x0e\x01b\xc5y\xe2t\xf0\x91H\x8b\x8e\x9dSE\xf2\x80J\xcc\xfd\x86\x85X8\x04PQ\x94\x894Q\x04A\xc43-\x11\xe2(\xb4\x8a\xf3h\x0c\x97\x81\x8a\x83\xcd\x8b\xfb\xc7\x85\xec\xa6\x08\x93\x89\xa4i:@\x93$i"\xe2l\xe8\x1b\\\xbexis\xf4\xe29hu\x10Kh\x15\xc7\x02\xa7@&amp;\xdahvF\x9c\x0c\xb3\xcf\x98\x8d!\xd2\xe4Chg\xa9\x17\xdb\x1c`=\xaf~\xde\x8cA*\xf1\x13\x06\x82T\x14\x190\x02\xd3x\xc7\xee\xee\xa7\x8e\x07\x8d\xae\x15\x07c\x0c\x98\x03$E!^\x8a\xe0\xf0\xc5\xc7c,\xcf\xa2\xd4\xdf\xbe&gt;\xc2y\x83\xb1\xc0&lt;\x90\x89q\xb8\xdd\xe3\x8d\xedG\'\'\x8b##\x15Y\xcd\x1a\x97\xdf\x81\xd0h\x1fI"\xd5\xb8\xdc\xcc\x9d\xcdK)&lt;\x16[\xfb\xa5\xad"\xce\xff\x93\x9d0\x05\x18\xbf\xde\xda\x9f\x9fU]1\xd2\xb5\xba\xba\xda\xa5j\xa9\xc8\xab\xce\xea\xd7X\xdd@\x166\x92&amp;\x13\xaaO\x0e\xf5\xfb\xd6(\x8b\xfd\xab\xec\xf9\x12\xe7\xccA\xe4\x1e\xe3\xd6\xe4+\x95\xf6\xbc\x9c\xc2;\xaa\xd5\x89\x89\x89\xae\xc5\xfa\x86\x1b\x19yy\xf6\xb6~\x17\x02\x0b\xe0\xf4\x87\xec#\x8a\xb6\xd8\xcb\xaf\xb2W\xd1+q\xa9\xf8\x1c\x80\n\xfb5=\xf9J\xaf\xd2n\x9f\xbc#\x95v\x01\xd6\xc4j\xd7\xa2\xaa\x01\xb8\xf2\x94Z\xab\xc1\xedw\x84\x03\xd8E\x18\x92;\xdb\x17Y\xd2\x8b7\xf7\xf5V\xa2\xfc\x08\x13\x1dv\xb8\xadZ\x8b\xc5\xe2\xdd\xd8\xb0{\xee\xa4\x97J\x9f\xc6\xb9\xba\xa4\xf7\x90^J\xad\xc6\xaa\xd7\xbb\x0f\x8d$\xde\xc2\xc4ik\xa3,\xb5\xafw/c\xf1\xbc\x02\xff\x8c\x87~\x83uzpp\xd0\xbba\x9f\x9c\xf4\xdc\xae\x14UJ[kq\xb4\xa6\x17\x16\xe6\x00\xd7\xe0\xf4\xfb\xf7\xcb\x06\x87\xd9G\xe0\x96[\xb4u\x89\x1d\xb9FO\xe3\x16rL\x81\xf0\xe7\x19\xc3\xfc\xb4\x16Sy&lt;}\xd7D\x95"\x91H!\xc8\x95\x15\x17\xb7\xb6J\xd3+o_\xbbi\xf7\x0eNO\x03\xd7\xcc!M\xa1)\xce]\xda.\xe3\xb1\xd1\xb2\xb6c|LE\x05\x0eg\x80\xea\xfd \x16k\xd2\xd3\xd7\xd7YY)\xea\x14u+\x00\x0cB (\xad\x14\x15Nnx\x07A\xb0\xe5y\x83\x93&amp;P\x8b\xbb\xba\xc5\xca\xfa5\xb0u\x15\x97 E#*\xc32\x88\xe5\xc5T\x9d\x9d\xdd(:\xbb{\x15\xf0\x12\x080V\xa7\x07q\x81\x8f\xd3\xcb\xee\xb0\tT\xe6p\x8e?\xb2q\xf0\x18\x8dr\xe2TaD5\xff^;h\xf1\xda\xbfQ)\xba\xbb{q(z{\x05\xf0\x01\xb0\xecX\xae\xe9\xf7\x06\x06\xd2\x0b\x84~\xf4\x92\x85\xc3\xda\x85\xb1\x1d4z\t\x9aq\x80\x83H,\xa0\xf2\xf4\x01\x16\xa2\xc2D\x05\xbd\x05\x05\xf8]\xd0\xdb\xdb\xdd\x17\xc7\x02\xbd\x0c\x8e\x00\x85\xca1\x93\x8d\xde\x95\xfa\xf6w\xdc\xd9\x03\x18\x0b\xc4\xd2Z\xec9\x85"\x11 \xe5\x16\xe4\x16\xe0\x90\xc8\xe5\x12\xb9P(\x94\xc8d\x05\x95}\x1e\xbb\x17\xa7\xfd\xbc\xdf\xecC\xdd\x9e8\x1dM\xfe\x08J\xdd\xba\x85\xa7`\x02\xcbf\xb1\xb4\xdd\xbcw\'\x1d\x92\\V,CH\x12\xa0\x12\x02\x94N]\xd7T\xfb\xf7b\x01pm .\xc0bBx8\xc6\xc6\x92\x8d\x05\xe3\xf0\x14\xc4"`\x0c\x86\x11\xd6\xb2\xd6\xd2V\xa1*MO\x17\xc8d\xb9\x823\xb1P\xc8u\xea\xa1\xa1\xba&amp;I\xae\xe2v\xdfd\x02\xcb\x896\n\x82\xfb\xb7\xb7\xc9\xc7\x9a\x8b",\xcagD=k9\xa8Uf\xa8\xa4\xd2\xa7\xd0&gt;\x8be\xb92\x90\xaa\x00\xa9%\x97\x97\x08\xab\xea\xea\x86\xeat%2\x85H\xd4\x87\xe4BX\x8c\x19M\xa1\xb4\xcdd7z^\xca\xcf\x80\xc5A\xfb\x1e\x03b\x05\xb5\xf9\xd9\r\x8b\xd2\xae\xda\xa6\xa6\xa6\x12\x08\x94S \x94\xb0\xaaJ=\xa4\xae\xd2\xd5\xe9\x9a\x00\xb6\xb4\xb2s\x12c\xb9\x9dN\xc6\x086f\x1e\xa4\xa6\xb0`"\x87 }\x01\xf3!\x88e\xeb\xa9\xaehH\x97J[A.\x84%\x14\xcaQ\xaa#*\xc0\x82\xbb\x92\xe2\\\x81\xa2R\xe4\xc1\xbd\xcb\xe0p"\x1bY\xc1\x1a8\x85Y\xe8\x0b\x18\x11V\xd0\x96\x9f]\xd1\xa0J\x070\x81\xac\xb8\xb6D\xa8CLj\x1c\x00\x05\xc2A\xc6)\x14\n\xdcS!\xb9\xdc\x0e$\x17u\xe5 \xf9&amp;^\x8e\xf2ao0\x9a\xc3N\x84\x95\x95\xd1R\xafR]/E)/\x93\x94`*\xe0\xaaBPrI\x81\x0ca\xf5*:\xfb0VP\xefw\x80\\&amp;\n\xc6\x0f/\xc9X\xa3\xc7\\\xd8\xb1\xcca\xd8\x91\rAmuFC=\xc4u\xd4 r%\x92\x12\xb0\xb0\n&lt;\x14"\x03\xe5\xa8 \xcf\xb0\xec\xde\xe9\xe9i+p!\xb9\xd6\x06X\xc0"L&gt;\xa3\x99q\xfa\r\xf3\x9a\xfc\xec\xec\x96\x1b7\xeaU\xa5R\xe8Z\x12T\x81q\x17\xab0\x9b\x1c\xb2\r\xb8\xa0Ex&amp;\'7\x06\xb5\xd3A\xbd\x1b\x9a\x04m:\xbd\x94t\xac\xb9(\x01g\x9c\xb0\x13u\xad`~FE\x06N.\xd4\x1bp\x05\x82\x87\x80\xf5\x0cn\x90`B\xcc\xa5\x10]\xf3x\xec\x16\xe0\xb2\xba\xdd\x0e&amp;\xc4\x12\x96/df\x1c~\xb7\xde\x1a\xecAX\xf7T\xd2\xd6bT\x88\xf2*\xf53\x085\xba\xa8\x858\x8aa\x1d\x94\x96^/\xf4x&lt;J\x8bE\x1b\x04\x1b\x9df\xf2t\x8e\x05\x13)H\xf8C\xc7\x8c\xdej\xb5\xf6g#\xb5\xea\xa5\xb5\xf1\xfe\xa0\x1bZXX\xf8U\xad\x86\xcb\x90N\xae\xd3\xe9&amp;\x9ev\xad.\x8e\xa8T\xf7n\x82\\J\xaf\x05\xe9\x05{jt4\xf9X;\x14\x1d0C\x19Z\x83\x80U\x9d\x9d\x9d\xf1\xf8\xc9HW\xd7jm\x13\xc6z\xb1\x80\xe2\xc5\x8b\x85\xba\xa6\xa6?\xff\x9c899\x9a\x9d\xfd\xebM\xf9\x8d\xc2\x9c6\xa5R98\x08\xd5\xc8\xd0\xc7\x1f\x93\x8cU\x96\xf2q\xc7\x14\x00\x0f\x81J\x03&amp;fU\xdf\xef\xe8\xf8\xf4\xc7\xec\xec\xd1\xc9\xeaDm\xd3\x10\x02z\x0114\xb1z4{\xf4\xdf/\xaf\xa7\xa6\xd6#\xfb\x91H\xcd\xddj\xa0\xf2\x82\x8fV\x18\xd8,aAs\xb0\x06\x83\x1a\x8d\xa6\xffAMd/\xb2&gt;55\xf5\xe1\xf5\xeb/\xc06Q\x87\xc8^,\xfc\xbb\xbd\xe3\xc3Jd/D\x93\xa6\xcc+&amp;\x13\x19r\xba\xe0\xd0\xa6\xb4x\xb5A7\x13\xday\xc5\x02\x16iDgh\x8c\xe5r\x98i\x9f\xef*\xbc~\xf2\xfd\x14\xda\x9f\xea\x98]\x9d\xa8\x03\x13\x9b\x9et\x00\x93\x0f\xd6\x05N\xe2\xa9\tit\xb8,\xc0\xa5\xd5\xe8\x9d\xa1\x9d1\x16R\xdegv\xfa\xf5@\x15\xb4\xba\x19\xda\x04\x8bJ\xe2\x89\rl\x15\xeb\x1dO`l\xebt\xb5\xed5\xfb4z\xca\x15\x7f\x1aHQ\xe81E\xd8\xd6\xd6\xa6\xd4\x06Y\xc2\x8a\xd2\x80\x05\x99\xa5\t\xba\xcd$\x9c\xb1\xf8\x89\xe0P\xd0f\xd7wU\xd2\xdc\xdabi{\xcd\x1eM\x82X\x14\xcc\xa9\xbd\xfd\xc8\xbe\x19\xec\xa4\xfdp\xf0\xb6\xd8X\xc4r[5\x1a\x9b\xdeL\xc1:H\xfaB\xa1\x10V\x06\x18\x02\x91O\xf5\xa5R\x99,\xbd\xbd\x861\x1a\xcd\xc6\xb0c\xbc\xe3\r\xa4\xdc\xd1_\x9f\xfe\xe10\x9am99J\xad\xdeid\x01k.\xea\x8bci\xfc$E\xeeM\xbd\xfe\xf2\xe6\xcd\xeep\x87\xcb\xcf\x98\x8d\xc6\xb0\x7f\xb8\xe1:L\xed\xf4\xc7\xc3z\xb7A\xafi.o\x189A\xcfpNF\x1e?\x1cwX3\xe2X\xc7\xffJ:\xd6\xc55\x9f\xd1\xa9\xd7\xd84V\xa7\x91\x19\xdf\x9d=\xe9:Y\x1cy\xd2R\xfe\xb0_\xe3\xd2\xbb\\\xcd-\xe90\x87\x04w2\xf2m\x9a\xfe\x9e\xe6\xfb\xc3\xc3\x9fv\xdb\xcb\xdb\x1f7\xb4\x94\x97\xdf\xcfGX\xf0wQ\x16\xce\x18[4`\xd9l6\xab\xdf\xdd\xb8\xdb&gt;\xf2\xa4\xbd\xfd\xe1\xf0\x03\xf8\xff\x8d.\xab\xb5\xb1??C*\x11\ne\xa5\xd7\x94A\x83A\xef\xfa\xe7x\x84\x89\xac\xac\xf8]\xfdY\xd9\x19\x15-7s\xdaz\xac\xce\xc0\xda\xe5\xe4/\xf3\xff1\x07\x9c.[\xa3\xa6\xbf\xb1\xff\xc1\xc3\xbb\xc35+\xe3\xe3+\xeb\x1f\xfex\xb3\xdb\xe8r\x1blYy\n\xb9Z-\xe9\xf6X\x96?\xcf\xb8V\xd6\xa1*H\x1f\x1db\xc2\x0e\xcd\xc3\x96\xfa{X\xad\x10\xec[\xef\xde\xf1\x92\x8b\xb5\xbd\x1fp\xe8Q+m\x1e\xbe\xdf\xecv\x86!\xe3}\xa6\xd0^d\xbc\xf1n\xcd\xcc\xbc\xc5^*|\xa6.\xe8\x9eT\xf6\xcc|&gt;\xdc\x8f.\x15\x89\xffG\xab\xd9\xff\xa4\x95fq\xdc\xf9i\x935\x13\x9af\tu\x03\x04\xdc`\xe8\x15\x08K\xc1WF\xc0\x00\x0b\xacX\xb1\xee\x880\xda8-\x026\xf4\xc5^DWP\xe0:\x03JMg\x86i]\xba\xa5\xec\xd4\x12\xb1\xb3\x02\xbb\xa3$\x8d\x8e\x92Vtw*#3;}\xf9A\x91V\xc3\xb6\xd6\xb4\x1a\xe3d4\xb1\xd9\xe7\xd2d\xff\x82\xeb\xb9!\xe17&gt;\x9c\xf3&lt;\xe7\xf9~\xcfs\x9f\x1e?v\xf7\xcc\x99s+N\x15\x8d\xc6\xc9\x15\xf1Y\xff\xcc\xfa\xfa\xfc\xaf1\xde\x8a\x00\xab\xad\xde\x00\x89\xaa\xaet~|\xea\xcc\xb9c\xc7O\xfc\xf6\xe9__\xfc\xf8d\xb0\xe3fk\x93I\xc8u\xb9\xd8f\x13\x9f\x1f\xda\x9cx\xb3\xfc\xc3\xb1\xdf\x9c\xf8\xdd\x8b\x1fA{X14\xd0N\x17K\x9a\xda.?ZZj\xa7\xf3\xc7g\xb1\x15\xf3\xff\xf8\xf2\x02h\xf2NQ\xbb\xa8c\xe5\xdc\x87\x9f|\xf3\xe2\xc4\xef?&lt;\xfe\xf4\xdf\xcb\xf7V\x80\xbc\xbfa\x12R\x95\x00\x0bx\x8aPv\xf0\xde\xdb\x1fN\x9d\xf9\xe4\xeew\xf7ZZZ\xea\x89(\x16EW\x7f\xe1\xc2\xad\x063b\x1aZ\xc0\xf2\xf4\xa9\xcc[\xbe{\x19\x95Z\xa2v\x19\xe8\n\x13\x17\xbe{\xf3\xe8\xd4\x99S\xdf\xbc\xfd\xf9b\n8\xc7\xa6a\x12\xdb\xa5\xa6\x9a\xa7?\xbda3\xb4\x86\xae(6\xcf\xff\xfd\xc1\xf7\xb5d\xbd\xa4\x00\xf5H\xe5\x14\x9d\xe1|\'\x05a\xe3\xec]\xd8a\xe5/&lt;[\x9f\xff\xf6\xd1Y\xf0\xdfmdKUmMG\x87Bq\xfd\xfa\xf9\x95\xf3\x8adR\x0f\x85ZC:{7\xd5\xa5f\x03#\xfd)_b\xf8[\x86\xcf\'VY\xac*\x01\x10\x8bRU9\x01d\xcb\xd0\t\xb1\xa9}\x08B\xc5\x0e+p\xbf\xad\xf5\xe2\xdb\'g\xc1\xda\x82\x04R\xd0\xacd6\xadV\xa65\xd4\x1b2\xb9\xf3\xee_M\xd3v\x12U\xad\xa6\xda\x81\x05\x9b\x9e\xd6g2|=9h\xb143\xcbq\xa5\xa5\xb4\xf2\xf2b\x96\xae\xad\x9eG\x05:\xba\x0f;\xac\xfc\xd9[M\xbaP\xcb\xf9\xcb\xa0\xcb\x13\x05\r\x16\xf0{@\x9dZ\x04\xa8\x96\xe2\xa3\xf2\xa0\x89?=lg\xab]T\xb3\xdd&gt;\x0c\x82B\xa73\x811JT\xe0\x18x\xa5\xb2\xacX\\N\x81\xda \x1cN\xa3\xec6\xf7\xcd`\xd6"\xe6\xd6!\xbd\x1e2\x00\x1d_/\x03\xad[J#\x88\x05\x05\x12"\x9f\xaf7\xd1)t\xa0\xd6M\xc3t;X[\xdcn30a\xe8(\x8eT\x82\xc31&lt;\xc0|\xa8\xd5j%\xa3\x98I\xe7\xb7AB\x9a\xd1\xcd6\xf7\xedceb\xf3+7 \xd0\xad\xe9\x1d\x9d-N\xa2\xa8\xaa\x99V\xca(\xc4\t9L1\x8f\'\x14\nY:t\xd4E\xe1q\xe5\xf2\xea\xben\x805\xfcg\x12\x82\xfa\xc7\x1c\x95\xdc\xa8\xc6Sq\x1c\x13\xd4f+\xd6\xec\xee\xe2\xbb#\xbbs\xd8a\xe9\xf5t\x01\xd3\xd9\xd9b#\x12E\xaaR\xd4\xa3\xb2\xd9\xec\xc2&gt;\x90\x93\x04\x1d`\xe9\xe9,\x04?btQ\xfb\xd0\xa9\xe90\xa7\xc2\xa1\xc1\x03O[\xadT\x1b\x8dj.\x03G\xa2\xf3\xebe\xe5\x1a\xf7\xae\x1a\xf1\xedb5\x14\xcc\x9f[\xed51\xc5L-\xc0\x12\x11\xc9\xaa\x93uJ&lt;\x97\xdd\x87t#\x00\xab\xa2H\xdf\xd4\xa4\xa7\x94\xb3\x95\xee\xdd\x11&lt;\xbb\x9b\x04\xaah\xae(\xd4\x0c\x80\xf2\xb9\xc0G\xaeD-c\x91\xa4\xde\xa6\xe3\x80\xe41n\xefc6\xab\xec\xbf\xd6k*/\xa6\xc8@\x11Q\xac\xd2\xba\x81j*\xc0B\xfa\xd80\x1bN\xe8\x9b2zV\x05U\xedv\x1b\x95\xdc&gt;\x1e\xc7nF\xd8\x1e\xcd\x80|D.7\xca\xe5#\xca\xb22F\t\x8f\xect\x86z\xfb\xb8\xf22\xcd&gt;fE\xec\x1f\xef\xa5\x8b\x8b\x05\xb2\x16P\xc4*\x01\xc8V]n\xd2\x10\x01.\x9f\x8bHt:HB\xc2qA\xbd\xe4.&lt;\x1b\xbd9H\xc0\x9eQ\x9f\xda\xe8\x06\x0f(b5\xb7\x14\'\xa4\xd8\x88\xd3\xc3\xdd`\xb7\x1260\x9b\xdb\xcc\xbd4Q\x08\xa7\xc9\xf5\x00\x8b\xdc\xdc =\t\xb2\x85\xce\x8d\\\xaej&lt;\xac\xd7\x15\xb0\xc8,\xaf\x07\x14H.W+\xf1\xe8\\0\x91\x80\xe1\x88O\xeeF\x03e\xa5\x16\n\x8bl\x16\xbb\x1dA"\xf2\xae\xfd|\xec\xd6VA\xf3I\x82a\xb3\xb3E&amp;hVui\xean\x0f\x0c\xe4(|H\xcc@\xa7\xe1\xc4\xe5\x8e\xba\x11\xa3\x110\xa8{|\xd5J&lt;\x9c@`\x18\x1e\x1dq\xef\xee\xbe\xc3\xc2\t\x8b )bG\xcc{=/\xe7\xb1;\x117\xc8RM\xf3W\x9b--\x10\x8au\xb2\x0e\x98BP2u\x0f\xac\x0be\xfc\x9e2\x87\xd7;\xea\xdeu\x03\n\xdfh\x8fZ\xee\xf3\x00*$\x01\x8f\x1a\xdd(V5:He\xd9\x86\xe0Db{\x9b\xbb:\x8b\x95\x16\xcc\xcf_j\xef\xba\xa6o\r\xc9: tR\xe3\xf8\xe86\xa0\x1a\x91\xf7\xc0\xb1\x90!\x13th&lt;Q\xbfw`Dnt\xcb#\x1e\xb0\xaa|\xb0\xd7\xe3A@%}F4Y\xd5\xdc\x12\x12\x89b\xb3\x8e"\xe6\xe1\xed\xc8\x06\x86\x97\x063\x16\xaf\xb4\xa9\x95hm\x84\xc8\x05\xcd*Z\xce\xdd\xcb\xd5\xa3\xc1P(\x9d\x0e\xfb\xe3S\xda\xa4\xdf\xe1\xf3\xf5\xf4Lz\xfd\xe9t\xd0\xbb66\xeaA\xcc\t\xc4\xe3\xbb}[Y]\xcd\x15rxt[W\xcfvo/\xa2\x99\xc1l\xc5\xe7\xe7\xcf\x0fy\x0bB7\xc9]5Z\tY\xd0,\xf5\x00o\xafvU\xc3\x99VC2\x1cNf\xcf~&lt;\xa8\rF\xa3\xd1\xb5\xa8?\xb32\x91\r\xefEF#\xa0d\t\xaf\xc7\x87\x8e\xe2\x18BT\xcc\x0fy\xec&amp;\x04\xc3\x1a\xa2g\xf5\xb8\x94\xff\xd5Mg\xd7O\x8d\xa8eh\xa0\x95\xf9r\xbb\xd0\xd0\x9a\xf4\xc7\x83\xb1\xec\xc4J6\x95N\xa7\xd2I\xff\xdaN&amp;\x94\xd9\xde\x83Q.\x04\x84\x83\xcb\x05\x9dWH1\xe9\x9dD\xdcGe\x9a\xf1%\x0c5s~\xffj\xc3\x8d\x9b\x9b\xa1;S\n"*\xec\x8a=x\xa5\x0f\xcf\x85\xe9\xc4\xa0\xdf\x1f\x0c\xc72\xe9\xb4\x16d-\x1c\x1d\x1b\xdb\xdb\xdeF\xa9"\x11\x18f{`\x1c\xae\x10\xbdv\x11\xd2M|g\x83r`\xfc\xceK,%s^\xe5\xcc\x90\x0e`Y\xa7\x14\x10D\x94\xd0\xc5^t&lt;\n\x8eE$\x1a\x8f\xfb\xc3\xe1X,\x18\x8f\xffg\x0c\r\xf8\xffX\x08\x0c\x12UX\x02\xce\xa7\x12\x1e\x9d\xaeo\xb4\x0e\\{\xf5r\x1e\xdb\x19\xf8\xc2x\x03\xd1\x06\x19\x14\x1dN\x08\x82\xc0Q\xc3`\x14\xe6.\xc4J\x1d\xde\x84?\x98\xc3\xf2\xfb\x01\xe3\xda\xda\xce\xeb\xd7{\x00\xcaCE\x12T\x17\xb0h$\x92\x90TD\xa1\x13\x9dV\xcd\xf8\xb5\x19\x8c/\x0c\xe66\x86\xacC\xd2*-\xf0\xa3D\x08*@/\xa6Q*\x86\xc3\xe1\x8d\x87\xb5\xa9l6\x05VV2\x9d\x8e\xc5\xc0\xc7\xbf\x06{a\x0f\x9c\x00f\x88[b&amp;\xf1P,H{\xc7qmf.\x0f\xe3\x98\xdd\xb2Z_u\xb5w4\xa2X\x12\xa0\xb3\x00\x16\xb5\x90\x10\x8f[\x92\xa9\xc1\xc1A\x14+\x96F\xe9R\x99X8\xe8WI\t\x84\n\x0e\x89\xcae\x93\x00W\x11\x85\x02i\xa5]\x1b\xd8\xdfsV\xceo\xddz\xf5\xaa\xbdQ!\x03\\z\x0e\x8f\x04\xb0p\xaa\xf6\xa4V\xebl\x19\xcc\xa6\x93\xa0\x90\xb1L6\x15\x0b\xfb\xc1&amp;\xc8\x85\xa5A\xc5\xe2\xb0\xa9@\xb0\xe6\xb0j\x9eo\xccb\xff*\x04\xe8][\xcf\x87,\xdfwh%\x12H_\xc4!\x95P\xa9*\x91\xe2\x8b\xc6d2\x93IF\'\'#\xf0\x1e\x88\x88\\\xde\xe3\x9b\x1c\x03\x0bNTUe\xb1\xd0y\x8c\x12\xa0\xa0\x8bX,\xe2/\xd8W\xf0\x9dD\x9d\xdfj\xb7\\\xb9^#\x11A\x12\x0eG\\A\xa5\xd5*:\x1eLY\xe3Q\xef\xd8\xd8\xe4\xe4\xd8\xe3\xc70x\xc0\x17\xb0\x1d\xc7\xe0D\xdc"\x12Y\n\xf4%%v3\x8f\xc5bA\xf7\x0f\xed-\x9b\xf9\xf5\xe7\xff\xfd\xa2QD\x84\x88L&amp;\x93\xc0-\xae\xe9h\x9c\xb2Z\x83a4^\xbf\x8b\x9d\xd7;;\xa0\x9c\xb1p8\x18\xac\x92\t\xc4|N\t\xc7\\\xc4\xe2\xb0\xb4\x87\x87U9\xbb\xf0\xf0\x8d\xa2\x96\x88\x0e\xac\xe8\x15\\\x82V\x91\xd6\xa6S\xa0\xc1\xa7\xa6\x82\xe1ht\'\xb6s\xf0\xf2\xe0`5\x1a?\x88\xa5S\x9b\xd9dPU\xac\xe7\t9\x1c\nK\\P\xb35\x97whQ\xd9\xff6\xb7\xe6\xc9\x14\xbd\x18\x7f\xba*\x99\xc9NL\xa4\x9e\xaf\xdf_ZZ\x9d_\xd8?\xd8\x9f\r\xec\xcf\xcc\xee\xef/\xac\xae\xfe|n%L8M\xe3\x00\xa5\xc5*`\x8ak/&gt;;\xcc7P\xe7\xb6\x14\xda\xdaZ\x99D i\xc6\x97\xd1\x08k\xa9SO\x96\x1f^z\xb8xu\xfe\xc8\x91\xc0|\xe0\xfd_-\xcc\x1e]X\xf8\xe0\xd2\xe2r*\xec----\xe3\xa2M\x8b\xc9\x94\xfd4s\x88/\xbc\xe5\xcd={\xd0X+\xd2j\xc9\x92\x82\xb2\xba\x93\x8e\xc9\xb5\xec_\xbe\xfe\xfc\xd2\xe7\x8b\x81\xc0\xfbG\xde\x0b\x1c\xe9\x7f/\x108z\xf5\xea\x1f?_:\xf8\'\xec\x01\'\x94\xb2\x8cC!\xd3\x99\x82\x9a_\xae\x1eb\xb2\xf2\xf2\x97.6\xcajeZ\xa2\x88|z\x00(\x82\xd1\xc7;\xcf\x97?\xfb\xfa\xe1\x9f\x16\x03G\x8f~\x10\x08\x04\x16\x17\xff\xf0\xd9\xb7\x0f\x0f\xd6\xfeG\xbb\xf9\x86\xb4\x91\xa7q|\xd3\x18\xc46!\xc1P%\x10C\x90\x89\t\xb1\xc9\x8b\x80\x7f\x12\x9d\xc4Y\xcc\x9fN\xa6cR\x12b\x93\xb8\x81\xd2\xae6\xc7\xddMr\xc7\x1ah\xe4\x88\xdc\x8b\xf3L\xa8F\x1c\xf4EShS\xa4b{n&lt;\x0fc\xd0\xb6f\xe9\x82\xb5\xf6\x85V\x11\x0b\xa5\xab l\xe1\xecQ\x10\xef\xb4\xbb\xf7\xfc\xc6\xde\xeb\xddk\x9b\xef\x8b\xc1\x114\x9f|\x9fg\x9e\xdf\x9f\xf9=\xb9\xdc\xa0?\x08X!\x9d\x0c\xe6\x1c\x84o\xa9\xb4\xc7)\x9f\xec\x91\x01G2\xe0 \xcc)\xf4\x06\x7fpc#\xf7\xe0\xe0\xe0\xf1\xe3\xa1Hde8\xb2\xb22\xb7\xf0\xfa}n#\x97\xcb\x8d\x04\x07\\\xc1`\xb3I\xa7Q\xc8\xccI\xe6uiOS&gt;\xccD\xa9\x00\x88V\x84\x13\xae\x01Wbg\'\xf7\xee]\xee\xfd\xab\xa7s+7V\xf0\x95\xc5\xff\xbc\xdf\xd8\xde\x02\xaa\x9d\x89\xa0\x0b\xb0BF\xbdBa\xa6\xa9\xd5\xe7\xa5=\xab\xfb\xdd\x12\xe9\xa3\x1c\x01\xcaa6\xa7F]\xaeDv-\xf7\xcf\\nkkc\xe3\xe8g\xd0\xf1\xf6\xf6\xf11\x98\xb53\xeb\x02\xaa\xe6\x8ej\x8fL\xa1 \x92\xbeRc\xb5\xec\x92$\x95LR\x14m\x8e\xdfw\xb9\xeeg\xd7\xa6\xdf\xe5r\x1b\xc7\xdb[\xdb\xdb[[[\xdb\xc7G?\x1fmpT\x03\x03A\x7f\x93\xa9KA(\x1cT\xc9\xb1\xbe\xf8\xd1\x17\xf5Q\x01\xaa?@\x87a\xc18\xba\xb6\xb6\xf6\x08bvt\xb4\xfdAG\'T\x03\xe0\x96\xcb\x1f\xb2Yh\x9a\xa6\x8a&gt;\xc7\xf3\x92\x1e\x9c?\xf3\xc5b\x12\xec\xe2\xb8\x88xltt\xed\xcd\xda\xdaNngc\x03\x9c\xda\xe2\xec:\xde\xb8\x87"8\x0e\xb9\xd5\xa1r+\x1c\xc9$S\xec#J\x8d\xf5\xa4\xd0\xcf\x02\x17\xe5\x830\xa6b\xa3o\xb2\xe0\x17\x8c\xce9\xc4\xf4\xaf\xad\xad\x7f\x03\x14\x08\xb8\x9a\x83\xaeD\xcaB;(\xaaH\xc9\x89\x1f[J\x8b\xf5\xfda\x9f\x8f\x85\xb4\xf7\xf9\x92Do\xf6~,\x9b\x9d\x9e\x062X\x8b\xbd\x83\xf9\xf2\xbb\x9b\xd3k\xc0\xe5G\xc5#\xe8Wy\xa0\xf2RL\xd1\xa1\x91\xbf*1\xd6\xc3L\x7f\x80LG}&gt;\x1f\x95,\xc4c\xb1l\xeaQ\xfc\x11\xcc\xe4\xef&gt;x\xf6\xec\xd9?\x9e\xdd\xbd\t\xf3\x9c\xd9\t\x7f\x10\xd4a\xeb\xa5)\xa0\xa2d2\xf9\xee\xe9\x92c9\xa8\xf4T\x9a$}\xbe\xd5p6\x91\x8d\xa78\xaa\x9bw\x01\xeb\x01G58;\x11\x0c~\xe9j\x8e\xc1\xe4\x1fBH\xd2:\xa5|\xb7\xa2\xb4X72Q_\x92\x9c\x9aJGI\x92)\xa4\x12\x1d\xaa\xea\x11\x88\xe3\xf44\xcc\x95o&gt;\xda\x81\xb5\x05P\x8d_\x18\xe8\x0c&amp;b)\x9ab|E\xc6\xa2SjK;\xf8\x00\xd6Az\x8aJ\xa6\x81\x8be\xc9\xf5x\xb6\xa3918\x98\x18A\xfa\xe3\xbd{\x83\xb0B\x04\xa8\xce\xce\xce\x81\x8eX,\x8cB\x08f\xe9d\xda\x1fn\x95\x1a+J&amp;\t\x06\xb8X6\xcd\x84\xdd\t\xbf\xdf?1;\xf8\xb7\x89\x89\xf1\xeb t\xe9D\xbb\x93\xae\x84*\xb5\xce0E\xb6hi7(\xb5\x99\x87\xa5\xce\xad\x8b\x01\xdaL\x93\x90^\xec2\xbb\x1e\x1f\xf1\x07\xcf~9\x8e\xb6k\xd0F\x1c\'\xb4\x01w\x07\xaa\xc3!S,\xb2,\x98\xa5\x97\xb5f\xbe/m\x95\x7f\xb2\xf7U\xd4!#(2=\xc6.\x8f1\xe1\x11\xff\xd9\xe6\xb3\x9cQ\xe7\xcfw\x9e@]\xfb\xcb\xb5;\xb7\xfd\xb1\xccj\xb1\x98\'W-\xba.\xbd\xa6\xd5\xbcXR\xb7Z\x16\xd7\xbf!i\x85\xc2\xc1\xb0\xe9\xb1\xe51v5\xd5\x11\x9c\x98\xb8\xf0\x01\x0b.\xd7\xb8\r\xd3\xdb\xae\xd1\xec^&gt;\xcf\xe6\x19\xa2K\xd7\xae\x93u\xd3%\x1d\x14\x01+y\xb1_\x0e\xb3\x02\x07Er\x87Y\n\xc0ua\xfc:D\x11\xbcB\x91D[\xa8w\x06F\xdfd\xf6\xf3\xf9&lt;\x93\x0c\xb7\xb7\xb7\xeb\x94V\xc7\xab\xefJ\x1a\xc4\xe7T\xcf%\xad\x02q1\xec\xcc\xcc\xd8\xf2j!\x0e\x13\xaf\x93\\\xbf\x8e\xe8\xces!|\xf3\xc3a~\x19\xa8\xcc\x9ezc\xbbN\xff[\xed\xdb\xd2b\xbd\xf6\xf5\\m\xed\xb6*\x144\xa4\x17\xe2b\xf6\x1e\xc1\xd3\x08Ua||bvvpb\xe0\xf6m\xff\xfd7\x99\xc3\xfd\xe5\xb1\xe2*\xd1e4\xd5\xb7\x1b\xea4\xda\xa5[-%\xec\x88=\xb3{\xb1G\xdb*\x97\xcb\t:\xe9\x8b\x9ep\x152\xd9\xecH\xa2\xc3\xef\x9fM$\x12#\x89\xc4Z&lt;\x9e\xd9\xcbC\xe2%i\x8b\xb1\xbe\xdeh0\xe8\x94\xad\x99\xc5[\x95\x12^E\x89\xc8\xfe\xbc\x14\xed\xd1v[\xadrXh\xf4\x93$;5?\xb3\x9c_\xdd+\x14\xc2\xa9Xl-\x1b\x07\x15\n\xeb\xeb\xfb\x1c\x15a\xee\x02*c\x83N\xaf\xb4\xd2?-\xccy\xa5U\xa2\x92\x80\x95E\x0e\xa2=W!\xe5i\xb4\xfe\xe9\xf7\x91\xec\xcc\xe6&lt;8Vd\x98\xd5\xc2a\xb8\xb0\xca@\x05\xcdC\xe5\x18\x9bbW\t\xb3\x05\xc5\xd0d\xac3\xe8\x15\x01f\xff\xdb\xc7C\xb8\x14\x93|\xfeA\xfb\xb4za\xffk\x84e%\x08\x07\x80\xf9\xa2Qvj\xf3\x05\x90\xcd\x8c\x8d\xe5Q\xf1d\xe1\xf1\x1c\x9b\x81[\xd2A\x84{=\xb6zS\xa3\xc9\xd8\xd0`\xd0\xc8!\x15\x97\xbf\x9d\x13\xc02\xf2s\x0f\x8f-\x12\xfbO\xec\xc5\x9eKW\xe5V\xce/H/\x92$\x81\x0b\t\xd8\xe67\xa7\xc6\xe6\xe7\xe7777\xa7\x18\x82\x08{\xd0\x19Pqc\r\xa8Ao\xed\xeb\xef\xfbffA \x14\xe17*?k\xb7H\x8b\x08\x9f;\x88\x02V\x9f\xd6jV\xc0\x9a\xdf\x01K \x1f\n\xe4\x8b+\x93\x93\x93\x97/ON^\xb9&lt;y\xf9\xca\x8b\xf94E@^\xb9m\xd5\xaa\xda\xda\xb6\x06\xc4\xa5\xd3h\xfb\xe4r\xf6\xa5P \xe0\x81a\xea\xcf\x07vZ\x82\xe3C\x10\xc3K}}\x10F\xb3\x99\x00\xb0\xa4\xc3\x91\xa4\xc0\xb0\xf9+\x93\'=v\xbf\x99|1\xcf2\x0e\xa0\xb2x\xdc\xd5*U\xad\xb8\r\xbc\xaa\xa91(\xe5Z\xab\xd2\xf1\xb2J \x10\n\x84\x95N\xfc\xb34y\x9e\xa9\x90\xd8\xedN\x1c[\xc8\x7f\xdd\xdf\xa7E\xbb\xe0\n3A\x80c4A\x07\x90a\x7f\xfd\xfd\xdf\xaf\x80\xfe\xf0\xbb)\x98\x8e\xd1f\xb3\xb9\xd7\xed\xb6\xa9P\xdbOcc[[\x1b`Y\xe5\x1a\x83\xe2-`\x81N\x890\xac\xf2\x93S\xbf\xe5V$2&lt;g\xc70\xf5\x02s\xb1O+\xd7\xca\xe5\xb0\xfc\x93\x13pA\x9e%!\x94\xd1t:\xfd\x15L\xa5\xa9\x00\x84\x96\x08C\x9d\x80\x086\xd5\xaaB\xb5bq\xa3\xa9\xcd\xa8Sj\xba5\r\xfa]\t\x87U.TK\xf1O\xed\xdej\x91\x0e/\x0cEp\xb5\x1aS\x0f\xed\xf7\x80Ur\xb9\xd5\nI\xaf\x90\xc9\xc02\xe0B`\x01\xc4C\xc3-8\x15\x8e\xa7\x00K\x15j\n\x85\xd0!\x00\xe0\xaa1\xe8eVM\x8d\xee5\xe4Vy9\x80I\xa5R\\\xf4)q&lt;S\xa6\xf6F\x86\x8715`a\xc3{\x80\xd5\xda*\xef\xe6\xb0\x14fY\x18r\x0c\x91\xa0p"\xa0^\x90\xc7\xe3NyR\xb6j\x80jjB=$b\x93\x11\r\xd7\xca\x06\xf7\xf3SB\xc0\x02.\xa9Z\x8291\xc9\xc7\xb7\x83K\xec^\xafw("\x05*\x1c\x8b\x1c\x00\x167\xf8pn)\xba\xdcn\xb7\x07\xd0@\x84\xb9\xb7\xab\xab\xcb\x03T\xf0;\x80\xaa\x86\xc7\x90\x03CIo0\xd4\xc94\xfa\x9a\xec\xe2)\xe4Vy\xb9P\xaa\x16U\xe2N\xb5T*\xf88\xcb\xca\x9cv\xbb72dGX\x18\xee|I\xa1c\xb7\x08Kf\xb1\xe8\x8c\xaaP(\xa4r\xf7\x82M\xe1\xb0\xa5\xf7\x7fr\xa3\xb7\x05\x1fz"\x9a\xa0B@9\xad\xabSj\x0cm\xf7WNqT\xe5&lt;\xb5\x94\'\x81\xa1\xa8\x12\xc7\xd5\x92\xf2\x96\x8f(\xa0v\x1cs\xce\r\xd9\x01\n\xa8\xf0\xa1\xbd&gt;\x94\\\xe8=Y\xbb\xd1$njnn\n\xd9&lt;]\xbd\xbd0\xd0\xc0\xd5b\xb1\xf4vy\xdc6\x9b\r\x15\x87Z\xae\xfb\xa1\x86\xa3\xaaS*\x8d\xf5o1\xc1\x07,L\xca\x17I\xf8\xbcJ\xf4e\xd5\x95e-\xff_\xfdtF\xbc\xde\x08\x86E\x86\xbc\x10A\x1c\xe4\\BX\xdd\n\xa5\xceP\xd3(\x0e5u45\x85T6\x9b\xdb\x03\t\xe5\xe1\xe4\xb6\xd5\xdb8\xacP\xe8\xdc\xc9\xa9\x17CC\x1d\x92\xceT\xcf=\x88\x08\x8b\x8fU\xf2\xf9\x12!\xaf\n\xa9\x12\xaa\x85\xe8WgYK9\x1e\x89x\xed\xde9\x1c\xb3\x0f\xcd!(\xcc\xe9T?=\xe4\xde\xdd\xe9u\x060+\x84\xfa$C\xb5*U5"\xb1\xb9\x8d\xb6\xfaz\xb81q\x11\xac\xe5\xa8\x1aQ\x0c\xeb\xea\xe0\xd2\xd6\x18\x7f-8\xc1*\x93\xa8\xf9\xa2*\x89P$\xe1\x89$\x12I\x95\x14\xbe\xb4\xa4\xe2W\x8e4\x00\xe5\xb4;\x9dP\x1a\xb0\xc8\x9c\x1a\t\x92\x14\xdfu\xa0\xc4R\xea\r\xf09bqm\xe8\x1cPq\xaa&gt;\x11\xfc\x84\x12\x0ea\x9d\xab\xfd\x13j\xf7\x01*CCM\x9b\xd8\x94\x19\xe6R\xab\xac\xac\x8cW\x05N\xf1\x84"\x1e\x88\x8f\x0c\x93B\xf5\x91\x94\xfd\xf2@\xe3\xf4\x02\x14\x86\xd9\x01D\n\x7fc\x97\xf2\xf9|xvp\xfe\xca\x12$\xbcB\xa6\xac\x03,\x8e+T\r\xf6 \x14\x08hG\x07\xea\x83\x80\xb8V\xab\xc4\x1fJ&lt;\xa2\x02\xac6\xf19\xe3\xd2\xadS\xe5\xe5\xa7\xca\xca**\x84&lt;\x81\x88/\x04\x89\x84\x02\x1e\xfcg@\xabT\xe3\xbf0\xe9\xa9\x90\xe0\xde\x88\x1dWK\xab\xa4v\xa7\xa4JT\xa5\xae\xaaD\xa3\x86H\xeatJ\xf9O3\x90\xf1\x1a\xa5^g\xfc/\x1dg\x10\xda6\x9a\xc5q\xcb\x92V\xc8\xa3\x8f\xc8\x12U\x14\x99\xd6\xde\x91\x1bE\xa4\xb6P4\xd3\xd4)j\xba\xd8\xad\x0e&gt;\xec\x14\xd6\x97\x92\xb2&gt;\x17_|\x9ae\x99\xdb\xeeu\xdd\xf8\xd0\x93\xa1\xb9\x14_\xcc\x1c|R\xa0\xa4\xc5\x81m)-\xf42\'_B\x96\t\xa5\x03\x81\xb2\x84\xcd\xb2\x87e\xff\xef\x93\'\xdd\xd9\x99\xfdH\x14\xc7I\xa4\x9f\xdf\xfb\xbf\xff{_\xc0\xba\xbe\xbc\xb4tu\xe9\xea\xf2\xfa:\x8f\x11\xbd\x03\xe2\xfe\r\x90-\xe1\x99\xab\xf4vS\xf4\x9d\xcb\x94\xc2\xd5//_\xff\xfc\xda\xd7\xc7\\\xee\xa0\x92\xe0\xaaL\xa0\x83(\xc0\xc44&amp;"\x95"\x81\xfd\x7f\x8b\xbd\xc9\xbcv\'\x89\rK\x1753\x89\xf1\xd7\xa2\tu\xe6\xd5\xbc\xa2\xc7I\xac\xef\x1d\xdf\x82kU*\x95Z\x03\xd3\x14\xc0\xb6\xd6\xd7\xe9-R\xbf\xe7.E\t\\\x06\xd6\xd62\x0f\x15\r5X\xa0\xfa\xf5\xd5\'\xfb*\xe5P\xc5*\xdc,hh\xd9\x1aa\x91\x8d\tL`\x8c\x89\xd0\x98\xf9\xcb\xda\xffLBa\xb4\xdb\x86\xa8\x8bL\x13\xe2\x8e\xa9\xc8\n3\r\xbc6\x89\xec\x06\xa2\x17\x1e}\xfc\xcd\x9d;+++\x95Z\xabq\xfb6\x18Z\xf7\xd63K\xc8\x16\x98\xd6\xb18\xd5\x97\xd9\xba\xbd\xb4\xf9\xc5\xad\xc3=\t!G\xb0\xd4xw\x18\xcb\xaa"\xe0"\x02IMR\xb2\xa5\x19f\xb5j\xfdB&amp;U\xc4\x07\\:L\x05z\xb4\x926\xc3 "xU\x13MC\x924#N\xda\xa6\xf0\xf2\xf0\xca\x9d+\x0b.\xdaC\xd4~\xc7\xdf$\xc5\xab\xf1n\xa3\xd5\xa2\xe7\xf0\x03\xa2\x82\xaa\xb2`}q\xf5\xbb7*\x12\x86\x1cJ\xca$M\xcfgCK\xd3u\xa6\x91\xd4\x80%\xf1R\xd0\x0c\xcb\x8c\xab\xc2\xcd\x9f\xb9g\x1fb2-QD\x89\xf0`!\xd2\x8a\x82\xdf\xdd\x9d\xed\xcb\n\xa9+\xa9\x8a2\xb8\x80E\xfa\x02Wc\x03M\xe7^\xeb\xc2\xb9\xb0\x8d\xa6\xb5\x81\x8fU.\xab\xcb\x97\xb7&gt;\xbfq\xe9\xe1\xc7=\x8e\x85`U\xcf{\xa3\xd1\xf8d\xde\xc1EHk\x14-\n"\xf8,\x9dY\xd5\xb6\xf9\x93\xf23\xa8\xfcL\x84\x96\xea\x16\xd3\x07\x04/P\xb9hB\xe7l&lt;:O$E\xd3\xa96\x99\xfc\xfc\xf0\xd6\xf66\xc2\x05\xddc\xc3U\xaf\xc0\xe2\xf9\x82\xcb\xd7\xeb\xf5\x1a&gt;W7j5\xfc\x80j\x10\x02\xdc\xdc\xb9\xfb\x8f\x97\x05\x89\xb0\xf2\x92:L{\x83\xf1\xa07&gt;\x9d\xb4eIS&gt;Q\xa9\x92n\xc09\xaa\xf1\xa7@\xa9B\x9c\xa0\xfd\xc5"G\xa2\x06ab\x86T EM\xeeO#\xd7\x1e\xcc4\x05\x13/L\xc2d\xda\xcb\xc3\x87\xe0\xaaT\xea\x88V\xab\x82\x84no?\x00\'}\xad\x13\xd4j}\xb5\xb6\xb1Q\xff\xe3\xea\xe5\xc6\xfa\xf2\xe7\x9b\x976\x9f\x1d+\x19\x16Lk&gt;\xc0\x1a\xf5z\xbd\xf1\xf9\xae\xa7J\x8b\xf2$*d\x91)\xa2\xe9eH\x05I\x80U\xb6c\x80\x19Pzfxf\xd5\x13\xc9XX\xfb\xe04\x08\xfd 8\xddWdM\xc4/\xc6\xf8[\xceUYA\x1a[\x1b\x84U\x01\xe5\x9d5\x02\xa3\xe4\x02\x8b~P\x87\xb9\xadC\xee\x97n&lt;;\xdcS%\x95\xcf\x0fjr:\x1a\xf4\x9a\xcd(j6\xbb\xe9\xd9\xaeII\xfc\x11K\xd2\xe1D\x16%\xf1\xb3\x02\x9ay\x1b6\xe5\xc1\x18b\xcb4P\x1c\x8afaP\xb3\x107c\x7f~&gt;\x08C;\xf0\x8b\xcd3\x94\xa5`a\xc0\xf1,&amp;\xbf\xfd\xf8p\xbb\x8e,\xd6p\xf5\xca\xda\x95\xb5\x95z\x9d\xe8V\xae\xac\x01\x0b\x1b\xe9Zk\xbd\xd1\xda\x80\xf2\xd1\xcfw\xbe\xa6\x14JR\x9e\x02\x93\x9f\x8c\xbb\xbd\xc8\xf7\x83f\xb7\xdb\x1b\r\xd2\xe9A"H\x17X\x82)\xca\x9aI\xde\x89\x80\xa0\xc0&lt;\xcf\xacv\x12C\x87\xab3\xf29\xd1\xf3\x84&lt;\xdb\x7f\x9d6]\'\xb4}\xdfv\xc3\xf1\x01^.q\xa1\xffk\xca\xa3\xef\x9f\xad\xd4\x1f\xd4j\xf4o\xb55\x04\xaa^\xdb^\x83\xfb\x83\rT\xd0&lt;v\xae\rz\x8f\xf3\xe6\xfd\x9d{\xef\xdf\xf0\x0b\x13\x15\x04\x1f N\x88\xd4h\x04\xe5\x8f\xba\xcd\xc1YG\xe3\xe1\xe2Va!,z\x8ea\xf2aI?\xc1xa&amp;\xfd\xaa\xa8#w&amp;\xf4\xa5\x9b\xa6h\x0c_\x9ft]\xd7\rC\xb7X\x04\x99\x7f\xbaO\x96l\xe1\x15XLP\xf6\x8e\x9f\xdc\xaa\xb5H\xdftk\n`U`gx\x8c\xe9\x82\xb8\xc8#`\xb2\x88\xd5\xdd\xf7\xc7\xca\xe2\xaa\x92\x92\xdfM\x11(\x02\x82\xbaF\xbdn\xb7{2\x89\r]\xa3b(`\xc9\x86!h\xb9\x18\x16\xd0\xee\'\xb8\x92\x81/4g\x98\x14\x0cfXZg\x9e\x8e\x02\xdb\x0f\\\xc7q\\\x1e\xf4\xd1\xb4\x98H\x8e\xfa\x00\x00\x05\xdeIDAT\r\xd52 \x1b\xc4\xc5\x9e\x1f&gt;\xacA\xf2\x1b\xf55\x80Uj\x0fp\xa8\xd0\x03d\xb0\xb1\xb5\xb5ES Q}w\xacK\x19\x15\x0e\xd53\x14!\x92\x87\x03\x98\x9aQ\xeft\xd7\x14\xd1Q\x18\x13d\xd8\x7f\xa1\xa0\xe8\x86\x983d\xb8S\xa7j\x12U\xdf\xb3\xd0\x9b\xd0\x01bSg\xf1\xe4\xb4Y\x8c\x80e;%\xc7\xefv\xa3 hF\x83\xb9\t\xa3\xe6M_\x17`ho\x8f\x9fl7\x96\xb7\x1a\x14\xb2z\xedA\xe5\n\xb8*\xe4\xb2[\xf4F\xf0k\xe8\x91;;O\xdf\x1f\xeb\xaa\x94\xc5\n\xc7\xdd\x94\xaap4\x18uI\xf3A\xef|h\xa0\x1f\xc2(e\xaayT[A\x15\xac\x1cyfR\x85\xd0\xbd~?&amp;dA\xc4\x94\xe1y\xc3)\x84\x1e\x86N\x18\x96J\xa1\xdf\x8cl7\x80\xbe\xfc\xf1\xc4"\x9b\x80\xf4D\xea\xb5y\x04\xec\x9b{[[\xe4\xea\r\xdaG\xd4IT\xd4*i\xda\x82\xaa\xbe\xfa\xea\xe9?\x8fYa\x11+\x1c\xe3)T\x85\x0f\x04*\x08\xa2h0\xdd7\x99\x80\xf8\xc0\x00\xd0$qJ&amp;\xa8\x059\'x\xfd\x0e\xa7J@\x85g\xbd\xe1d\x8e5M\x8b\x8e\x13:\xa5r\xb9\xec\xd8~\xd1\x01[\xd1.\x02/\x9d\x08\x88\x17z+a\x91\x84\x1f\xbd;\xfc\xa6E\x83\xdf2\xc1Q3\xc4\\\xb1\xc4\xdf~\n\xaa\xfb\x7f\xf9\xf7\x9b?/\x8a\x8c\x8f\x0e\x931\xbd&lt;\x9c* \x8b\x18\xcf;p$\xd1\xa2\xb9\x80)y\rpL\x94e5g\x01\xc7\xf0\x0cl\xbab\xc4\xd0;8O\x07x1M\x1br*\xda6\x85\xca\x8e|\xfa\xc6\x85\xee}\xbf\xe8\xa7\x07\xa2\xcc\x87\x11jOx\x94\x17\xde\xbe\xfb\xf8\x14\x8d\x1a\\\x08\x1b\r_\x84\xb5y\xe3\xd2\xa5\x9d\xfb\xdf\xfe\xed\xfb\x97Y\xfax\x06\x95\xfc\xf0$\x08lT\x11N\x1eD\x10{\xdb\xd4E\x9d\xe6@\xc3\x12pN\xe8\x0b\xa7\xb5\x84\x1cY\x95a\xa2\x08cA\x11\xf6\xcf\xc6&gt;j\xae\xe8BQ\xd0:\xce\x004\x17\x92\xb7\x03;\xa4\x8a\x0cy\xbc\x88\x8b\xc6\x12\x84\x9d\x96\xa4=z~\xf4\xedS\x00\xfd\xf5O\xd7iL\xa5\xfb\x1e\\\xc3\xee\xe3\xf1\xe3\xa3\xe7\xc6E\xfa\xe8\xb3=\xedE\x91\x8f\x0b\xe0\xbcv\xf7t\x17b\x06\x91A\\\xd0*\xefyP\xaea\xe50@\xe9\x86\xd7\xee\xb7\x05%\x9e\x9cD\x04\x03!\x06\x81\x0f\x03\xf5\xe1\xa1\xaeS.\x97\xdc\x80\x7f\x03T\xd4\x80\x9dNt\xda\x18\x7f\xe2\x82\xfd\xee\xbdzw\xf4\xf8\x0f\xcb4\xdd\xd0}=0\xb4\xfe\xf6\xc3\xd1\xbb\x97{\xd2\x82*\xfbb\xce\x07\x10V\xb7K\xa7\xf3\x07\xd3a\xd5\xd0E\xc22\xa8\xb0E&gt;A3\xd2\x87\x913\x19Qu\x12\xcb\x1c\x9e\rB\xf8\x80\x1f5\xf9\xebq\xf8*\x95\x7f\x05*B\xf2\x11\xba"\x9ev\xbb\xfexV\x05\x13\xfa\x08\xe7\xa2\x11\x83\xc6\x00\xe3\xd5\xf3\x1f\x8e&gt;|\xf8\xf0\xf81\x0eG?\xfc\xeb\xd5\xde\xc2\x15.\xb0\xc4\x19\xf9{\xd0\x1b\xf4`\x0c\x90\x15\xf9\x9fN\xc1\xb1,\xb49\x94\xa3\xc0P\xe1\xf8j\xe5\xf0\xc8\x04\x95\xb7?O\xfd\x10,.rNq!\x95\x97\xe9\x9e{\\\xf36!Ah%\xc7)\x06Egt\xd6\xcfh\x14\x1e\xb4l\xef\x07\xab\x14\x8c\x17\x8f^a\xbdx\xb1\xc7\x14\xf5\x93\xa8\xb2\x87\xc2$E\xfd\x91\x97\xc2L\xc9Cy\x98P\xfd(\x1e\xec\x80\xa0{\x06\x18&lt;c\x01\xcb"\x1b\xed\xccO\xbaN\x89\xcc\xc0A\xc5Q&amp;\xd1l\x00\x96}\x0f\xb9\x87Y\xe0\x1c&lt;\x04_\x11\x1e(.&amp;J\x85\'\xf3\x02M]\xac\x8b\x893\x1b\xde\xd1\x0f\xe5\x83\x93\x8c\n~\x85\xbf7h~\xe7\xfe\xc7\xff\x85\xc3\xc0\x85\xa9\x90\x8e\xe0\xcb\x89\x06:a\x7f:*r\x06\x18B\x89,=\xe0Ul\xf3 \xd96\x05\x8en\xa0X\xe6yu\x8b\x01\xc4\x97\xce\xd1\xc8\xb4l\xdb\x07&amp;-\x0b\xde"\x80\xf4t\x16Gy\xc1*\xa9\xe2\xc1\tt\x15\x05\xdcC\xe1\xec\xc8\x9b@`h\xc9\xd9F\x1bF\xa1g\xc6\xa9[9\x0bn\xda\x996]$\r\x97\xa4\x9c\x95\x1c\x97\xaa\xaeHH\x08N\xf6,\xbf\x89"\xb8y\t\x01:\x08F\xa7\xb3DZ\xfcK\x81\xd0\xb2\x93K\x84\xa5\x91u\xfc\x88\x95y\xbb\xea\xcd\xd2ff\xa1\xe8\x15\xd3\xa1\x01\xa5\x8b\xd4\xc7HQ&lt;\xe4\x18\xec\xe0\xd1:\x911\x96\x83a%\xaf\xbbh\xc6\xc0\n\xa9\xeaJe\nM\xa9\x0c8\x9e\xc5\xf2\xe2.\x80e\xb0\x92q\xb8\x14\xcb\x80\xaab\x84!.\xc3\xca\xe7\x95\xffZd\xd6\xda"f|[\x88\x0c&amp;\xaf\xc7d\xed48t\xc7\xaf;\x06\xa5\xcf\xc2f\x0c\xf6\x87\x1e-\xf0\r#6\xd9:I\x1e+\x87\xe1}6\x80\xc0\x1d\x8e\x85^\xc3\x9d\x9d\x07\rR\xcbn~\t\xa8\x12e\xd6.\x86\xbci\xf3G0\xd7`&lt;=\x88\x81\xa1\xfcdq\xe7\xa0\xe98\xdb@\xd3b\xbb\xe7\x03b\x8a\x9a\x98\xb0\x90~\x8fv\xd4\x96\x81\xcaS0\xd2(\xd42xC\x14\x80%\x92\xbf\xe6:\xedI\n\x1dq\xb1#\x18&gt;\xaeL\xd9\xa4|\x11av\x0b\xccL\xf8\xf4\x13*\x08^\x02De\xfb\x18{\'mMR\xfeg\xf1\x84\xe63*\xb5\xa0\xf5\xe7\'\xe8\xcc|\x1e\xed\xf6Nf\x89I\x05\x08G@\xc2d^\xc0\x02\xed_E\x19C5\x84\x85rD\xb4\x0eR\x9b;95=\xee\x9f.I\n\xc7\x90C!\xab%J\x1f~\xa1L\xbfBL@\xa6b\xb5\xed\xa8\xe9G\xe3\xbf\xcf\xf6=\xa6\xfc\x0c-cR\x15\xa3??\x1d\xf40\xc7\xc0\x0e1\x1b\xa5\xb36\x1a\xf0\x7f\xa6\x0e\x0c)`\x9c\x89\x81\x93;\x0f\xb8\xeb\xca\x0b\x1a\xea\x05r\x80\xe5*0\x12\'&lt;U\x06Y\xa5l(o\xa8\xa9\xa9,a\x0c*\x7fA\xc5\xb9\xa0\xa1&lt;\xf8\xa8P)\xb0\x1b\xc11\x0b\xac\x1eA\xc5\x06\xa8\xda\x06\x16n\xc0\xc0\x02W\x04\xc6\t}O7\xae\x9e\xe8\r\xb2\x88\x15-B\x19\x85\xdd\'\x9c|\nlY%@\x92\xbb&gt;\xb8\x16\x04Vv\xa0\x91\x1a`F\x04:\x8b\x07\x94\x1fA\xa9\x9d\x07\x18\x97@\xcc\x03\x1e]\x02\x00\xf1\xbd\r\xae-\xaa\xb1M\x00\x00\x00\x00IEND\xaeB`\x82'</t>
        </is>
      </c>
      <c r="M518" s="3" t="n">
        <v>45492.67686342593</v>
      </c>
    </row>
    <row r="519">
      <c r="A519" t="n">
        <v>1411150</v>
      </c>
      <c r="B519" t="n">
        <v>1957</v>
      </c>
      <c r="C519" t="inlineStr">
        <is>
          <t>João Pedro Tchoca</t>
        </is>
      </c>
      <c r="D519" t="inlineStr">
        <is>
          <t>J. Pedro</t>
        </is>
      </c>
      <c r="E519" t="inlineStr">
        <is>
          <t>ZAG</t>
        </is>
      </c>
      <c r="F519" t="inlineStr">
        <is>
          <t>ZAG</t>
        </is>
      </c>
      <c r="G519" t="inlineStr">
        <is>
          <t>ZAG</t>
        </is>
      </c>
      <c r="H519" t="n">
        <v>192</v>
      </c>
      <c r="I519" t="inlineStr"/>
      <c r="J519" s="2" t="n">
        <v>37985</v>
      </c>
      <c r="K519" t="inlineStr">
        <is>
          <t>Right</t>
        </is>
      </c>
      <c r="L51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99ff5c7-2612-4b60-bf76-5fd44da2c7c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T\xab\x1f\x00\x00\x00\tpHYs\x00\x00\x0e\xc4\x00\x00\x0e\xc4\x01\x95+\x0e\x1b\x00\x00\x03\x00PLTE\xff\xff\xff\xeb\xeb\xec\xf9\xf9\xf9\xd9\x85a\xeb\xea\xea\xef\xef\xef\xf1\xf0\xf1\xfb\xf9\xf7\xfa\xf8\xf6\xff\xfe\xfe\xfb\xfa\xfa\xd0|W\xd6\x83_\x1e\r\x03\xb6hD\xed\xec\xec\x13\x08\x03\x18\t\x03\xf7\xf7\xf7\xee\xee\xed\xccwR\r\x05\x02\xcezT\xf6\xf5\xf5\xd7\x89j\x07\x02\x01\xc3mI\xb3d@\xdd\x8cg\xf5\xf3\xf1\xd4\x81\\\xd4\x86e\xf1\xef\xed\xd8\x87e\xda\x89g\xc6tN\xfc\xfb\xf9%\x10\x04\xae_;\xdf\x88b2\x1d\x13\xe9\xe9\xe9\xb2zd\xafa?\xde\x8fk\xf3\xf1\xef\xbfhE\xbdnL\xd1\x7fY\xc9|Y\x18\x0e\n\xda\x89c\xf2\xf2\xf3\xcazU\xc8vQ\xc0\x83i\xff\xff\xfe\xbakH\xc3qL\xf3\x99j\xe2\x8ei\xd9\x8dm9\x1a\x08\xe7\xe6\xe6\xdf\x91q\xc0\x80cD$\x0c\xa8`A\xe7\x8a^\xb7x\\\x1f\x13\x0c\xbdtU\xdb\x95x\xb4hJ\xc6yU\xfd\xfd\xfd,\x16\t\xafv_\xbf}^\xc5\x82d\xe4\xe4\xe3\xcaoL\xba{`\xb3mM\xe2\xe0\xe0\xe1\x94s\xe9\x94k\xd4\x8do\xb9pQ?\x1e\x0b\xaeeD\xd0\x80`\xde\xdc\xdb\xc5~]\xbemG\xc9\x8aq\'\x19\x13\x97ZA9"\x16\xeb\x98ssC/\xab[9\xa7X6\xdb\x90p\xef\x97m\xb8uV\xc2tS\xc0yY1\x15\x06\xafiJ\xdc\x8ak\xbfqO\xb5`:\xd1\x91w\xb7nL\xe2\x93n\x98T8\xf0\x9cv\xbae@&amp;\x14\x0b\xa1aFS-\x13\xcb\x83d\xc5\x86j\xfb\xa6s\xa7];\xa9dF\xd4}Y\xb9~g\xf6\x9dn\xeb\x8d]\x9fZ;\xa0S2\xd2\x89j\xc9\x80`\x8aJ/\xd3\x96\x7f\xe3\x97w\xcbrO\xe7\x8fe\xef\x94gq3\x1c\xd2yS\xe8\x93s\xf9\xf7\xf6\xdc\x81YI)\x12\xe0\x9d~\x89O7\x91S8\xec\x91eD."C\'\x19\xcftO\x80B\'\xce\x86h\xaar[\xef\xa1\x80\xa4[&gt;\x93K-R2"\x80M9\xe3\x86ZM#\r\x7fF/h=\x1e\xa7gLZ4\x15\xfb\xaa\x80_7!\xadmT\xe3\x8ep~&lt;!h?-\xc8iB\xb2qU\x9aM-\xe9\x9c|\xbc\x86q\x81VDv:"\xf9\xf1\xed\xdc\xc1\xb7\xe0}O\xec\xdb\xd4M&lt;4[&lt;/\xe1\xb4\xa2\x98eP\xb7\x81mK-\x1e\x8c]L\xf8\xa2r\xa5mVB4.W7\'\x8dWA\x88E(\xc5t]zJ/qE ;\'\x1df0\x17\xe1\xac\x97QD&gt;\x9b? \xf5\xeb\xe7\xd8vJ\xda\xd5\xd3\xe9\xce\xc3znh\xfc\xb6\x8dqM@\x8b1\x13\xcf\xca\xc7\xcejUm_W\xc3\x98\x88\x97&gt;2\xf0\xe4\xdf\xdbna\xd2pF\xd4\xb4\xaa\xd8\x9c\x86\xd8\xa2\x8e\xef\xe8\xe5\xb2\xa9\xa4\xb8[E\xa7P-^TM\xf3\x92^\xb1MCcI=\xc6\xc1\xbc3("\xbb\x91\x7f\xdf\xce\xca\xbc\xb5\xb0\xa7K&lt;\x86\'&amp;\xab\x9e\x97\x8b\x7fy\x98\x89\x84\xe9\x7fr\xfd\xc3\x9c\xcc\xa6\x9a\xc2[M\xec\xaa\x8e\x9f\x98\x93\x9d{o{#\n\xe9\xc3\xb5\x8ckb\xfc\xd1\xb2\xb5U2\xc4U0\xbd%\x0c?\x00\x00 \x00IDATx\xda\xc4\x97]LSi\x1e\xc6\r\xba\x9b=@\x9dV\xe9 \x88\xba\x8a\xfdXA\\\xeb\xea\xccZ\xac\xa6\xd4\xaa\xe9a\xfdF;\xa2\x94c\xc1\xae[Y\\\x08\xa5\x8e\x80|8\xc6\xe1\xc3\xa1\x8bm\x9d1\x08\x94\xdaTa4\xd1\xc4\x94\xb0\x80\x05\xa6`\x9a@\x88!\xdcx\xb1$\x18J\xd2\x04\xb8b\x93\xbd\xd8\xe7}\x0fnv\xae\xf7\xc0&lt;\x1cJ\xe1\x86_\x9e\xe7y\xff\xef\xbfk\xd6\xfc\xdfb\x18\xe6\x7f~Y\xf3\xcb\x8b\xf9\xa4\x9fc\xfd\xfc/\xab\x0ee\xa0H\x86\xdd\x1bO\x8dG\xa2\x91H$:=\x1d9\x97h\x88%\x7f70\xbf\x18U\xcc\x96u\x87\x7f7\xb9415\x13\x08\xba\x82A\x17\x14\x9c\x99X\\X\x8aNn\xdc\xb0\xfa\\\x0cbZ\xc3$\x8e\x13\xa0\xa9\x00\xc7\xb2\xac^%\x11\x89\xf0\xc8l6\x93\xd2\xa4\x9c\x0bL-\x8d\'\xae2\x18\x02\x82O\xe3Ka\x93M\xa4gY++\x12\x8b%bH\x04\xc9\xf4"\x91^\xafW\x99\xc2\xf3\xa7bW\xb3b(\xd3\xf8\xf4\xe2DX)\x12\xb1F\xadF\xa3\xb1\x8a\xc4\xc4+\x82%\x93\xd9d\x04N\xa5R\xe9\xe7&amp;\xa2\xa7V\xcd0f\xcdw\x93\x0b\xb3n#+c\xadZ\xef\x88\xcf\xa8\x91!=\x19\xc1\x92\xe0\r\xbc\x93\x91\xb7\x12\x95^o\nNDV\x89\x8bab#\xb3\x9c\xd1a\xd7\xfa\xbc##^\x9fVc\x95\x89d\xac\x86\xe5\xb1$"\x1b\xcb\xdaH\xa2\x12\x04\xa97\xcdD70\xab\x12`btV\x03$\xef\xc8\xf0\xbd\xe1\x11\x9fGc\xd4\x82\xcc\xca\x12,R0\x89M\xc9\xb22\xda4\x04i\x9a\x0bGbV\x81+\xf6\xdcR\x8f\xd6&gt;\x02\x85B\xbcYF\x8fC#\x93\x91V\xc1+"\xbc\xc3\xabX,\x95\x02L\xaf\x9a\xca5\xacp\xf1\x19&amp;fr\xc2\xed\xf0\x8d\x84FH\x80^\xef;\xbbV\xab\xf5\x18\xad2\x19+\xa3"\x1d#sB$\x91\x82\x8a7l!:\xb9\x85YQ\xaa\xdfN\xbf\xb7\xfb\xbc\xf0)\xe4\xf5\xfa\xfd^\xaf\xcf\xe7s\x00L\xab!n\x91\x87\xd8\xc4\x1b&amp;\xa2XbR\xfc\xb9\xf0\xf4\x1f\x98\x95\xa4Z\x08\xf8I~^\xa4\x07\xafB\xdf\x8f\xbcs\x18\x1d&gt;b\x99\x86\x0e/\x82"\xa5&gt;Ih\xbb(\x96J\xac\nO\xee\\\xa9\x13\xf9%\xf3\xd9\xa2\xcb\xe1\xf3\xfa\xec~\xe2\x145\xcb\xef\xd3\xda\x89|ZV"\x96&amp;%%I\xf1"M\x92.\x03\x82NEe\x9a\x8a\xec\xde`X\x19\xaa\xef\xa6\xdb\x1cv\x84f\xf7;\xb4&gt;\x1fX\xec\xbe6\xa5Fkt8\xd0y\xe4F\xe3\x93R\xb3D\xd4)\xea\x9aJ,%A\x86\x17\xa7O\xadD\xf3\x99\xd8\xc9Y\xad\xc3\x87\xd0\xfa\x8c\xacF\xabu\xd8\xf1\xc5\xb2\x1a: 4\x1a\x99\x95\xf6^\x02\xab\xa4R\xd2y\xd4\x8cr\xa9\xc4IR\xbdI/V\x05\xa3+\x90#c8\xf7o\xd8\xd2\xe7v\xbb9\x9b\x8d\xb5b\x9e\xc2#B\xe5\xb0\xdb\xb5@3Z\xad\xf0\x0cLI\x14\x8b\x8e\n\xbegR)-\x98i\xf1W\xc2\xdbE#\xd4\x82\x89S\xdaX\x8eU\xba\xdd\x18\x0bp\xcd\x81\\}v\x8fGk\xc4\xb4\x97,\x0f\x06\x1e\x8b\xb4+\x89\n\x96\xa1`s\x8b\x9f\t_\xad\xdc) (!V\xa4\xe487\xa71j\x8c\xc4$#:\x06\xbf`\x1b\x1e#\x1d\xef\xf4\xda\xa6\x03\x95$J\x0e\x02\x9d`\xfa\xb9\xf9_\x0bl\x17\x133?\xd87\xe8fAe\x03\x9a\x06Uw\x00\x85e\x95\x1ch\x1d\x88\xd0\xe8\x81id\xdcK\xf8y\xbf&lt;,\x92\xc8\xd1\xa4\xd1bV\x04\xa7\xb7\x18\x84\x1dY\xe7^9\xfa\xda\x88Y\x88\xd0\x86\xf4\x8c\x0e\x0f\x16\x1a\xabU\xc9\x19a\x9aQ\xebA\x96\x1e#\xbd\xb6\xc9MD2\xfc\xc4#]\xb6\x0c\x17Q8\x1a\xcb\x08\x8a\x15\xed\xe6\xf8b\xd98,.2\xab\xd6C\x17-\xf4\\\xc3\xb9\xd1/\xd4\x1e\xa5\x87M\xe4B$\xb7\xf6\xa7^%\x89\xc5\xcb?%6\xbdi*W\xc0\xdac\xbe\xff\xabM\xc9\x8dr\xa3J=\xfc\xb2I$\xac\xd1\x83\xab\x90@\x91\t\xe1@|X\xb3\xe8\x05M/k\x91\xe4\xbfm\'\x13\x82J*\xd6\x9bL\x81\x88\x90f\xed\x8c\xbc\x1fU\x12.\x93\x8a\xe3lz\x91\x0cMz\xe7\xf1\xd8\xdf56\xe2\x07\x84\xf8\xac|\xad\xac\xa4\xf98\xa5\xf4\xba&amp;\xab\x0e\x1f!\x9f\xa2in)F@\xae\x7f\xc2,\x93\tf\xd9D\x1cG\xa8\xec\x8d]]]\xc3O\xeaZ[k\x9f\x0cw\xbd\x86\xba\xba^7\x02\x12\xa0\x8d\x8dx\xf7\xceNX\x01+\xa2+\x0e\xbd\x97\xc8\xb4G\x8a\x82Q\x19&amp;\xdf\xbb\x80\xa5\x1cem\x08Q/\xb2z\x1a\x87_\xd6\x15\x14\xa4\xad?\xb8\x7f\xff_O\xc8\x0b\x0b\x0b\x0b\xd26C\xf2\xc2\xba\x97\xd0\x13h\xf8{\xd0\x12&lt;;\xe8X\x11\x7f\x14\xb1FO\x0bV\xfa/\x7f\x13\xedq\xcd\x99\x90"b\xb2\xd9l\xa0zR\'/.K&gt;\xd0\xd4\xacP\xc4\xc7\x1dHMM=\x88\'99\xa3\xac\xb8\xa0\xa0\xb0\xa0\x90\xaa\xae\xee\xe5\x93{\xf7:;;Cf\xbfV\xc6\x8f.\xa4\x98(\x14\x16\xb3e\xbe\xcd5j\xa2K\xba\x88U\xf6u\xdf+M++KNhj\xee\xa8\xcf\xc9\xa9W\xac\x8d\xaf\x8akJHHH=\r.xV\\V\x0c\x15\x00\xb0\xae\xb4\xf4!Q\x8b\xd7\x83\xbd\x87~\xea\x988,\x18V\xe2\xfc\xa0kT\xc9b\x94\xb2\\[wKy\xe5\x89=\x07S\x13\xaa\x9a;t\r\x16\x0b\xc0\xea\x15\xf1U \xfb&lt;\xe1\xdb\xd4\xe4\x8c\x8c2\xa2\xe2b9\xb1\xad\x16"d-\xaf\xb52Pa\xd2/l\x14\xac\\;#\xb3.\xd7(\xd7\xd6\xe6nk\x1f*\x7fq\xf1\xe2\xf5\x03\tM\x84\xcai\xb1X\xd4&lt;\x98B\xd1\x0c5}{\x1aQB\xc5\x84\xab\xa0\xa0\xa2"\xab\x15X\xa5\xf0K#\xa2\x1f\x85&amp;\x0e\x0b7\xe8\xc7\xa7\x82AW\x9fy\xa8\xfd\xe9\x9f/\x1e\xfbi\xef\xde\xb8\xb8\xaa\xe6\xe6\x0e`\xa9\xd5\xd5\x90\xda\xd2\xe0t\xd6\xd7\xeb\xeau\xcdM\x8f(\xd7\x8f\x19\xc4/\xb9&lt;M\x9e\xd5Z[Z\x9a_\x9a\xdfi\xb7\x12,}`R\xb0\xfd\x86\x19\x9f\n\x04]m\xaf\xde\xbe\xf8\xe1\xd2\xa5K\xf1\xf1[\xb7n\x05\x95\xae\xa3\xa3A]=0P=P\xad\xa6`\xce\x06\xa7\xae\xf9\xcd\xd8\x87\x0f?B\xa4_\xf2\xb44yE+\t\xb26\xff\xe1\x88CiC\xe9\xc3\xe3\x82a\x19r\'\x02\xc1\xe0`\xff\x9d\x1f\xae\x15\xed\x83\x90\x18\xac\xd2\xd5\xd44\xa8\x07\x06n\x0f\x0c\x10.uC\x83E\xddP\xa3\xebx36F\xc9\xca\x8a\xe5\x84\xab\x82p\xb5\x96\x97\xe7w\xfa0\x88\x81%\xa0[\xeb\x16\x82\xc1`Oo\xde\xcd\xe3GR2\t\x94N\x07\xb0\x9a\x9a\x8f\xc0\x1a\xa0X@jP\xab\x9d\xf5N\xdd\x9b7c \xfb@\xb0\xe4\x00\x93W\x00\x0cX\xe5-^7\xb1k.\x1a#\xe0Q\x0c\x04\x03=\xbd7\x8f\x1f?\x9fN\xb0\x14\xf5HP\x07\xaa\xea\xdb\x10\xa8\x80\xa4\xb6X\x1at5N\xd8\x05\x01+\xa3\x98R\x11\xac\x8a\xac\xca\xa7\xe5\x0f\xcdm\x9cR\xaf\nF\x84["\x98\xc9\x99\x00\x8fu\xbf$E\xa1\xd0\xf1\xfa\x84u\xfb6ZO\xbeH\xbf\x9c5\x14\x8cb\xa5\xd1\xc1_\xc8c\xe5\x87\x06\xdd\x9cI?\x93+\xdcI4\xa0\xf3\x81\x9e\xfe\xbc\xe3\xf7\xef\x97d\x12\xafp\xe8@\xf5\xf1c\xf5\x00o\x17\xe1\xaa&amp;\xfd"\\\x1d\x1d\xd4\xad\xb2b`Q\xb7\xb2\xb2*\xcb\x9f\xe6\xb7w\xf7qJA\x07\x04\xc3c}q\xf3\xef\xf7\xd3\x89[\x1d\xd4,p\x01f\x80\xe7R\x931ai\x00\x18\xad=\xc5*^\x0e\x11X\x95O\x9f\x0e\x99\x07G\x95\xa6\x19\x01\xefj\xe6\xf0D80\xd8\x7f\xf2\x02\xba\x95\x92\x82\xb6w\xf0)\xe2(VW\xf3\x07\x11c\x15\xcfr\x88c\xe4$\x96\x15o&amp;XY\x94\xea\xd9\x8bg\xbd\xef{\\\x9cif\\\xb0E\x901\xac[\x08\xc3\xad3\xb7.\x1c\x01V\n\x99\xa455\xc0r:s,W-x\xf0B\x95\xe3\xc4ah\x1e{t\xfa\xf4\xf2\x1d\x04\xb3Z)\xd6\xb3\xec\xc7\xafz\x90\xa2\x90X\xccn`\xcd\xf6\xbe\xf8\xd3\xdd\xf3\xe9;\xf6\xed[\x8b\xd9\x80\xb4\xea\xa1\x9c\x07\x0f\x9e\xe7&lt;\xb8z\x95p\xe5\x10\xd5\xe3\x12jz\x94\x8a\xcb\xf1J\xf2\x95+e\x9b\xd3*j[\xd1\xf8g\xd9\xbb\xb2{\xbbq\x16\xa7\xce\t\xb763\x89\x8b\xe1\xf0\xab\xc7G\xcf\xdc=\x92\xbe}\xdf\x0e\x85\x82Lt\xdc\x84\x99\x99\x99%%%\x0f\x80E\xbf\x9f\xe3w\xc5\xda\xe6\xaa\xa6\x04\xac9{\x0e&amp;_\xc9X\xbf9-\xab6?\xbf\x9c`\xed\xea}?\x08\xb7\x04\xdc\xe6\x19\xc3|8\xdc\x9f}\xe6\xe8\xadk\xd76m\xdf\xb1om\xb3\xa2^\x91\x99\x99\x92\x9e^T\x94\x9e\x9e^r\xfe\xc1\xf3\xe7\xf8.**\xda\xb1cm\xfc\xd6\xb8\x04P\xed\xf9\xe3\xfa\xaf\xb0&gt;\xd4f\x95\xf3X\xd9\xd9o_\xa1\\\x02\x86H\xb1\x02\xfd\xbb\xce\x9c9y\xe8\xd0\xa6m\x97_\xdc\xb8q\xf6\xec\xc5\xbf\\\xbe|\xf9\xd6\xado\xbe\xd9\xb6m\xd3!\xe0\x80i\xfb\xf6\xb5\xb83\xaf\x1f;\xb6\xe7\xe2\x89\xac\xfc\x87-!ow\x08?\x86\x08\xd6c\x1ekTX\xaci\x82u\xe7\xeb\xaf/\x1c\xba{t(D\xd4\xde&gt;4\xd4N\xfec\xe5\xd9\x9f.m\x8b\x8f\x07\x13|\xba\xfeUe~KK\xbb\xd9\xdc\xed\xc7\x1e\xe4\xf0\x9bCf\xafy\x88\xc7z\xdcO\xb0r\r\x02bEf\x02\xfdw\xbe\xc8\xcb\xbb{\xe1d\x7f{\xf7`__\x9f\xdb\xe5v\xb9\\n\x7f\xb7\xb9\xbd\xfc\xd8%l\x15U[\xab~\xbf\xffo\x0f\xefu\x9a\xfd8q,\xb6k\xae\xc7l6\x87\xba\xbbC\xbdo\xdff/cM\x9d\x12p\x9c\x1ap\xfb\xf4\xff#\xeff^\xde\x85l`\xf9A\xa54\xe1\xe3(k\xd3\xf4\xb5\x99\x87n\xec\x05U\xdc\xe7UU\xfbO\xb4\x98\xcd^\xbbQ\xc9\xcal\xff\xa1\xcd\xfcc\xd2\xce\xcf8\xbe\xcce=\x0e\x8f\xe4\x16\xc2\x88\xf44\xbd\x1a{\xc1\x0e\xca\x12Q\xab.zh\x10=5\xe8DNg9\x0eA\xc1C\x94\x03\xceV\x0b\xfe@A\xb48\xab\xb6\n"\xb5e\x0e\xc5*\xf8\xa3\xda*U\xdbjsz\xd4k\x91\xa5\x17\xe3lV\xd2\xb8[\x96t\x9d\x9b\xabm\xed\x9e\x0f\xf6\x8f\xfd/{\x12\x8c\x89$\xbex?\xcf\xf7\xfdy?\x1f&gt;\xeb\xb9\x0e\x9av\r\xdc/\xb9?\xbf\xd8G&amp;\xff\x1f\xb00\xbf}ts\xc2]U\xc53\x17\xf0\xb2\xf8|\xfe=P\xec\xca\xed\x1e\xd8\xf4/^\x19*\xb9\xa7\x96`\xa1\xf0xBL\x1e\xdf\x06\\\x7f&lt;{\xf1\xecPI\x17\x9f?8&lt;X}o~~\x0eZ\x98E\xee\x9b\xb8{\xf9\xf2\xa3\x9f\x05\xf1\x1a\x02\xf3\xcb\x7f\xdc\\\'#,^U\rS\xcc\x1d\x83\xa3\x17\x86\xd9\x06\x0b\xa2\xc9d\xeabP\xe9x\x02\x81~\x9c~\x1a\xd7\xd8\xad\xd3\x99F`W4\xe9\xba\x14\x8dj\xe9\x988-\r\xcc\x81\x0c/\x84u\xe7\xc5\xcf\x83\x89\x95\xf9\x9f\xef\xb6\xb3\xf4\xfa\xaa\x9a\x9a\x9a\x9cr&amp;7O\xcdP\xc0\xb6\xb5\x04LK:\xab\xa2\x1f\x17v\x1a\xb0\xc2\xce\xa8\xa2\xb4\xb0!N^X\x01,\x93\xcd\xb6\xd4\xd5(\xe5\x8a\xd3\xea\xear\xdfa\xdd\xbe\xf9\xfc\x17\x98\xa0&gt;\x8a\xdb\xdb\xe4\x00VN6S.\x85]Z\xd7\rz\xe9L\xa6\x11\x93\xce\xaa\x8d&gt;s\x9c\x80\xc5SH\x88jdrer`~\xee^W\x17\xec\x88\xb6n\xb5\\\x9c\x96\x8b\xb0\xe0\xf4\xb9{w\xfb\xef\x99\x99\xefg\x06\x8d\n\xf3\xa7\xc7\xebn\xc0\xe2\x81Xr\x86B\x87\xa0\x06\xee\xdb@\xad\x91\x11\xd3\x92UD\xa1\x9f\n\xc7\x87\xa9\x84N\xb4M\x97t\xcd\xcf\x97\\\xf9\xf4\xe2\xc5\xa1Ix\xa3:O\x9c\x9b\x96F\x0e`\xddz\xfc\xd7\x8f\xbe\xbf\xf1}P\xbe&gt;\xc0`2#!C ,^\r/\x87Y\xa8\xd0\xf1\xf9\xb6\xa1\x9e\x1f\xbf\xfc\xec\xab\xb3\x81)\xd2)H\xa75\xe1\xbda*\x91\x15z\x072\xado\x7f{\xe7\xd7\x1f~\xf0\xe3\xe5\xa1\x81\xeeF\xa9\xb8\x1c\xb0\xb2\xd0Y}\xfd\xf1_\x9e\xcf\xf3\xc97\x8e\x04C\xaa\xa9\x87\x0fg~\xf7b\xc2\rb\xf1\xcc\xcd\\F\xa3\xc26t\xf7\xce\x07w\xee|\xf1\xc9w\xeb+\x17F\x14\x8d\x8a(\x8a1\xc48Z\xe9\xb7\x8e,\xc1\xae:\xf1\x02\xc2\xff\x17_^~\xfc\xe8\xca\xa7\x7f@r\x89\xc7\xd2\x90Z\xc8\xc6F\xac8\x96~#3\x08X3\x96\x05\xcb\x93\xbf\xcd\x8dC\x13\xab\xcc4*\xc3y\xe1\xda\xad\xd7\x8f\xbe\xfd\x06\xfe\xf1\xa3\x97\x13\x93#\xfd\xac~!\xa5\x83su\xb3\xd2\xbf4\xb2\xb449\xf0\xf2\x87\xe7\xb7~\xf3y\xcf\xf6\x8b\x97\xd7\xaf\xad\x98\x14j.7\x0fF\x1e\x1coi\xc4\xe7T\t=\xacWG\x0e\xddF\xcc\xd4+A[BCx\x16O\x0f\\M\xcdT\x16\xa3\xabd\xfd\xf5\x8b\xc7===\xb7^\xcfu\xe9t\xfd8Q\xe5\xe6%{\xc2\xf4\xe8\xbe\x15&amp;M\xc7\x9f\xeb{9?t\xf6\xca\xfa\xfc@\x89\r\xd9\x04\x97\xcb\xcd\x05\xac9\xbe\xc2)\xa2\xb0\xfd\x1eO\xd5\x03\xcc\xa1\xc5z\xa8\xd9\xdflxv\xa9\x19a\xa57E4\x97\xe7\xd4\xc1\x07\x9f\x98X_\x1f\x18\x00(Eu^\xb4\x90}\xd5\xbe\xb3\xd00=\nr\xe9P^X\xe4\xc3s\x08L\xfcj\xb5T*g2\xc5h\xb8\x16\x07\x19\xd1\x14v\xd8\xbe\xc7\xc3\x9a\xc1\xc4\x1d\x16\xeb\xd5[\xcf\xd3\x8e\x86\xb6\xa3&lt;\xfd\xd6\xd6\x16$\x9b\xa6\x02^\x8e\xb8\x9a\x0f\xc9\x80\xaf\xb0Z\x15\x83c\xc3B\xea\xd5g\xf6\x1d\xfb\xb3\xe9\xcdJ\xe7\xd2\x12\x1c\xdf\x83R\x18@\x084R\xc8\x1aR\xb9L\x02X\xe0\x10\x8bcr*]\xa5\xda\xf7\xf8\xfc\x0f#\x0f)\x17&amp;r\xf6\xed\xfe\xf2\xc7\'R+\xaa\xf4[OV;\xf3O&amp;\x15\x98\x8b\x99\\\x96T\xad\xee\x87R\x0f\xe7\x15\x92\x8a8\t\x07X*0.\x05\xc8\xc5\x82*\x94JYyry\x1e7\x80\x05N\xdf\x97&amp;9.\x11\xed\x03\x96\xe7F\xe4\xe1\x86&gt;.\xee\xc8\xea\xdb\x7fW8\x1c\xad\x1fW\xe9\x9f\xac\xae\xba\x04\x9c\xc4$\xa2\xb9\x19R\x15\x97+\x1e\xe3r!]\xb1$\xc9\xcaz\xfb\x8e\x17\xb0(B\xa7U\xcb`q\x01E&amp;\x83\xbfI$\x12\xaaL"y\xd7\xc4\xb4r\t\xd5/\xaa\x0c\n\xd6{\xbb\x08\xab\x1dam\xad\xaeZ\x94e\xad\x89G\x89Mf\xf39\xb3\xd9\xdc\xbc\xdc\\D\x93\xc8\x88.\xe5\x82\xf7\x8d\xb7\xbeam\x94$\xb2jI\xf1@B\x8f\x89\xa1e\xd0h\x19\x80\x87\xb0\xc0\xe7\xfb\x16\xb3\x98\x923\x95\x95*\x7f\x90\xb0F\x1d\xb0\xe0\x87\x04\xd4\x02\xac6\x0e\'\xf1d\x12\x91\x98D,:\xd7\x04?$E-\x16e\xad\xf7\xcdN\xed\xb3i6%J\xab\x8d\xa6\x9c\x864\x81\x8f\x89\xc9\xc8\xc8\xa0K2$\x12\x19`\xd5\xc1l\r\x8bq~\xc0\xaa\x84\xd9\xca&lt;,V\xe4\xea\xdb\xd1\xc4\x8e\x8e\x8e\xd0\x80Z\xbb\x16\xb4\x14r\xbe\xae\xa8 \xa2*M\x8e\xc0\xc7\x10-\x96\x05\xfb\x0e`%\xa4\xf6\xc6\xe3\xfa\xb5"\x15\x1b\xaf\xd1\x10\x08\x04&lt;\x9e\x0e%Aj\xd5\xd5\xd5\x91\xfb\x86\xf3\x9c&gt;\xc4\xe5\xe9\x9f9lF\x85\'q\x94\x9d:=\xcd\xa6!\xac\xd9Y\x90\x0b]\x00:\x1c\xc9\x8e\xe4\xe4\xd2\xa4\x8a"|Q\xba\xc5n\x7f\x87e\xa4\xb2\xa2EBR\x98\xc1\x88%\xa0kK:\x1e\x1f\x03r1s\xeb\xdcnr\xdf \xc3\xe7\xf3\xf8\xfd\x95\xfe\xb1\x8d\xc3\xc6\x88L\xf0\xad\x8e\xd4\xe9\xb5Q\x19\x0f\xba8;\xbb\xabT\x02\x95\xc0\xe5ji\xc9O.\xad8\xa6\xc1\x12[\x00\xab\xd6\xeb\xb5/\xb4]\xc5R\x19\x85\xd1Q$\n\xdb\x807\xe0\tF\xe3A/%\xe5\xd9unx\x14\x07\x19\x1e\xe0\xf2\x08E\xe3A\xb0\xd3\x8d\xce\xd6\x86\xe956\x8d\xc7Cr\xedZ\x0e\xb0,\x00\x96\xefpT\x84\x84V\xe4\xbb\x80\t\xc8\xea/\x85\xd0\xa8\xd1P$J\x18\xdb`0\xb0\rF\x02!\x06\x0f\xa3_\x9e\x12\xeb&amp;\xbb\xb3\x06YB\x8fo\xcf\xe7?\xff\xaf d\x88\xa9UN\xea\xda\x9a&amp;\x99\x17\xe0\xda\xb5\x08\x0e\xd4\x02.\x17\xec\x87\x15\xa1\x89\x02\xbbw\xd7\xbe\xebU\x969Bh\xf8^#\x1b\x87\x03,v\xaf\x81\r\x9a\x81XXZqsM\xcd\xb8\xdb\x9d%\x95Q={{&gt;\x11\xe3\xc6\xfb\x87\xbfEz\xef\x15\xa7as3\xd1\x02\xf9A\xaf\xdf\xea\x04\xe7\xe2\x08\x04J\x8b\xc5\xe2\x82e\x1a6\xe9z\xbb\x1d~ow\xb5\xb7WD\x14i\xe0\xe1\x08S\x01\x95\xa1\x17\xf4\x82V"\xa3h\xce\xa9\x89\x1d\x1fw\xf7\xe5\xd1O#\xac\xa8\xe1\x99\xc3\x8b\x95\x19\xf9\x90\x03\xa7p\xa2\xa5\x80\xc7\xab\xaa\xd2w\x02\x97@\xa9\x04,\xa5\x05a9`\xb0,\xae\xfcd\x07\x141\xa2\xa8(\xe4D\x08V\x053o\xe8\x85\xc2\x13\xe8\xf8\xff\xc1\x92\xd3q\xbe\xbd=\xa7\x90\xbc\x81\tF\xb0\x11,4\x8cv(\x11\x96\xbe*\xbd\xd3\xe2R\x06\xca\xa5l\x07\x81\xda-\xedX\xe9XN\x04\xb2\x8b\x88\xf2\xea\x01[cLx\xbc\x90\x02LF#\x8c\x16\x9a\xf8f\xe8!\xc2\xca\x92\x9f\xf1\xec\xf9\xac"\xe7\xf8\xaf\x82\x80\x85\xd9P.\xd4\xaf\xadq\x9aj\x00K\x9f\xde\xe9j\x11\x04J\tmC\xc3e\xf0]\xfb\xe4\xb6-oy\xb9\x98\xb1\xf2\xcd\x87_\xad\xe0\xb08\x11\xce`\x0cP\x11\x90\xd7\x17\x83X\x08kX\x8e\xf3\xf9D\xe7\x9d\xd6\x1f~\x1f\x84\xd4\x8cy\xa0L\xa8\xad\x7f\x96jN\x81&amp;\xa6\x97\xa6\'\'\xb7\xb7s`\xbe\x90X\x02\x81#\x94-T\xd8J\xba\x87\xcb\xcb\x99\xce\x95\xcf\xaf]\xd0R\xe3E\xa2x\xf0S#Z\x1e\xc1\xe9i\x80\x85\xb8\xc8\xc3r\x92HH\xe5j\xd5\x7f\x0e\xc6\xb5.f\xca\xbb`\xf7\xd66\x9cJ\xe1\x15\x14\x14$\x95&amp;%\xe5\x0b\x10\x16\xba=\x82^\x86R\xa8\xcb\x07%\x81\xe5C!\x8c\x169\xb5\xa4\xe3\x9a\x90p\x8d\xe6\x14\x96\x10C\xa3\x05F+6\x16\xfc\xa1P\x14\x1dOe\xb2rg\x82\xb2bL\xedx\xc1\x98\x12\xc2\xb3\xcd\x80EDX_#\xac\xf6\xc0\xe8+\xffIy\x8a\xb8\xc4\xcb\xcb\\.K\xcd\x00(!\xc5`\x0c\x87\xd1\x0f?\x85\x8d\xa1\x9d\xa2\xd1rrR\x10V\xdf\xe0y\xad\x88\x84\x93\xc9x\x1bA\xb8\x1e\x89\xc3\xbc\xf7\x06\xa8j\x13\x8ee\xe74\x1545%\x1d`\xb5r8\xed\x00UV\xdf\xaaAJ\xa51\x99\xcb\\V!\x83\x81\xbc4\x8c\xdd\xab\xe9@X\x04\xd4\xc3\x8c\xe2\x94\xdc\xd8\xd8:w_\xb5V\x0b\\$\xd9\xd6T06XL\xe4\x0cP\xd5\xb7\x1dM\xc9\xe1\x15\x94Br(mi\x11pZ[[\x05J8\xb6\x13.\x85\xd2\x00\x8b\x89\x92\x17\xc2zJ\xa1P\x90k\x19;:\x90Zt\x18\xad\xec\xdc\x94XtR\xf7\x03\x96?*\xfe\xdc\xab\xc8 P\xc5a0\x0f\xbc\x0b\x0bm\xad\x89\xc5\xb1\x05\xa5I\xc4\xa4\xf4\xce\xce\x00\x16\x07\xb4B7\xde\xa1\x12\x19dQ\xa9\xba\xb0\xb0\xb0_\xa18Oz\x1a\x90\xcbh\x0c\x8c\x16d\x9b\xf2\xec\xec\x94\x14\xc0Z&lt;\x8f\xbe=\xa64\xcf~\x14\x17\xf7\x93`pM\xed\x80Zee\x11\xd0\xc4\x88\x08\x84\xe5BXe\x88\xeaR\xeb\t,\x8b\xd1\xad\xb3\xc1\xaea\xb5\x9a.\x98t\xda~8\xaa\xc3\x8e\xf7"\x7f\x08D\xae\xe2\x00\x169k\xb8\x90\x14\xa5\n+\x9a\x9d\n\xd2%\x04\xe6\xa7o\xe0 \xae\xad?y\xce\x1cQt\xac\xb4\x13*\xa0VY\xeb\x89\x90\x90\x8e\xff\xf2r\xbe1M\xa5Y\x187tw\xb1\xb6\xe9\x07\x86`\xd3:v\xdbN\xb0k\x91\xdb\x86PlC34\xcd\x15\nC\x19o%4--\xd5\xd4i\xda\xa64\x16\x82\xdd\xb2 \tP\xc4D\x87D\r\x8c0\xfcI\x1c\x12]\x9b\xaa(q\x11\x9910k\xc8$F\x122\x045\xea,\x1f\x98]\r\x9b\xec\xc4Ivw&gt;\xecsn\xd9\xc9\xce\xc7\x9d\xe5\xee\xc3\xdfo\xfc\xf2\x9cs\xcf=\xef\xfb\x9e\x97"\xd9\xe5\xabW\xaf\xdc\xb91\xd0\xdb&gt;@G\xfbW\x06\xe0\x98\xd9\xcc\x98rM\r\xef\x96\x13Q\xac\xaf\xe7\xa2\x11_\xcb\xfd\xbb;wD\xf6\xf8\xfe\xa7_\xfc\xee\x8b6\xc2R\x11\xd6\xa7\xb7\x08\xabRj(\xa7\xbd\xa3\x81\xcb\xed\xe3\xf6\x93\'766\xfa&amp;n\xdc\xb9q\xe3\xcaD\xbb\xdd\xee`\xd0\xa2\xd6R\xc6\xf3X\xb6\x83\xf5\x0ffW^\xcc\xae\xbc\xbb\x93\x1b6\x8f\xffyq\xb0\xad\xa9\xb3\xbf\xbf_\xde\x84 ^\xbc\xd5\x86\x94\x97F\x18\x99L\xa6\xb7;\xce\xad\xe5t\xf4\xfb\x8d\r\xfdM\xda\\\xba\xdc\xde\xedq\xa0\x9f7\x1a}\xc6\xea\xb0\x8d\xe3\x10\xc5\x07\xf7\xea\xf6\xec\xd9\xd1iO\xb1\xf8\xee\xb3\x95\x95\x95u*\\\xa7\xb6\xb1*\xcb\xaa\x93\xe3v;s\xae\xf0\xc2\x1ap6\xd6\xd6667O\xe2A&lt;\xd9\xbb\xadD\x1ck\x0c\x9f\xaf\x9a\xad\xe0\xb8\x8a\x9e\x83\xb7\xd1)\x8b\x0f\xef\xdaI\xd1\xae\xcd{C/\xa8\xcc\x13\xd5\xc5\x8b\x8d\x95e\x91\xeeq\x8f\x83)7\x95nlnA\x9b\xfc\xf7\xadM\xfd\x06\x96\x88\x90\xbd\xd7\xee\x06\x16\xea\x83\xad\xc2\xc9\xa1\r\x04\xd6\xae\x1d\x17]\x18\xc8a\x91\x06CeF\xbb\x1d\x7f\xdc\xe1\xd9z\xfaSM&lt;E\xa6\x01\xd8,\xf3$\xa8\x96\xfa|\r6\x1bu\xa7\xaf\x9f\t1\xe4yX\\7\xdb\xd2d=\x05(|Y\xcb\xca=\xf6\xae\x89\x1b7\xce\x9f?\xff\xd7\xff\xd4?\xce\xf3s6\x03v\xbf\x89\x12\x9e\x87\xaa\xb0\xd9:o\x0b\x84\x05\xbf\xde\xb4 \xe7\x9bB\xa7B\xa7j\x9a\xd4\x06\xad\xa3k\xe2\xca\x9d;_&gt;\xdd\xdc\xfc\x1e\xda\xe4\xb5\xb5\xf5\xf4K\xa0^m\x97Y\xf8\x84\xf7\xf9\xc8\xaa\n\x1b\x1a\x88\xd7\xdf\xec\x12\x04\xab\xee^\x0b\xe5&lt;\xa5}\x93\\j01\x8c\x19\xe5\xdd\xfd\xc7\xe7\xdf\x91\x9e\x93\xd6\x90\xfd\x9b[}\xe3z\x99\xdf\xa2\xdd\xc6Bn\xf1}\xcd\xba@X\xe2g\xeb)\x14\x88\x9c\xa4\x12\x93Ek*\xf2\xaaT^\xe9w?\xe12\x9be\xca\x8e\x8e\x0e\xbf\x85\xde\x87&gt;*Z\x9d\xc2b\xdd}\x0b,\x8a#\xbe\xf6\x17Y,\x85\x923R\xb5F-:\xf3\xfc\xf96\xd3\xdaZDk\xf1C\xa5\xa5~&amp;\x1eAc\xeakh \xb3\x84\xc3\xdaU\x97\xff\xc2\x96J{GG\x9bFGU\xc6Z\xc6tf\xbfT\x04*\xb5TB\xb35G\x15\xa5\xa5\nSy\xc4\xa2P\xf8\x15`33\x84\x05\xf1T\x0f\x84\xca-t8o*|i/m\xd5\xa4\xd2\xc0\x8aH\xa4"\x115{\x06cm\x8413\x8c"\xae\xb5h\x19\xbf\x85\xc0\xfc23\xecr68\x1b:\x91\xf2=\xb7{\xea\x05\xc3\xaa{\xbc\x1e\xf5\xa5\xd3\xa9~`\xf9\xa2\x89D\xad\x84\x8e\xa0\x0c4W\xa6\xb5(,q,\xc3\x8e\x1e\xc5/\xf8\xf4\x9b\x95\x9e\x84\xbb\x1aXx\x1f\xa2\xdbz06&amp;\x14\xd6.q\xfe,\x1bM\xa7`W\xda\x07,G"\x8e.\xa1\xb0\xa8\x90\x16\xf6\ntYh\xb3&gt;9G\x84\x88\xa0\xd2\xeeq\x01\xcb\xe9\xe4\xf8&amp;\xb0gL0\xb7\xc0\xf5\xac\x85\xb7+\x95N\xfb\xaa]\x8e\x98+a1\x11Wa!a\xa1-\xc5R\xda\xa4\xa5\x08\xe2\r\x0e\xac0u\x0f\xe8\x98\xd1\xd6\x10\x96`w\x0c(\x8a\xbe\x14b\x98\xf2E\xab]1\x8f\x87\xe1\xb9$pL\xa1\xa0\r\x91\xa3\x88\xa2\xdf,\xd3\xe3\x9d\x08,7u\xa6\xa0\xaa88v\x9d\x15\xa8\xca\xf3Xom&gt;_z4E\xb9\x15\x8e9b\x88\xa3\xb6\x10\x19\xb6_RDD$X\xa5\xd4\xe7\xb0\\p\x8b\xa7\xea\xa9\xbf\x9ee\x05yUo\xef\xde\xbcm\xc1\xb3\x05\xacT\xda\x99\x9dF\x10\xd1\xbbH\xf6\xabQ\xba$\x17. \xb1h\xd6\xadC\x06$\xfbx\xb2;\xe6\n\xe7\xcc\xa2\x8e\x19Xo\xea\x0e\x0b\x85u\xffT\xa7\xcd\xd6\x90j\x00\x16\xc7f\xb1\xda\x89z\xbd\xeaJ\xa8U$\xc5B\xfa\x93\xa3\xfe\xd2\x0e%z\x1a{r\xba{:\xcb:m\xa8Z\xa0\xca\xba\xb2\xdc\x837\xef\t\x15\xc5C\xf7k\x9a\xf0\x97P#\x9d,\xe4\xf4E\xa3Fo\xeb\xef\xb1\xec\xff\xb8J\xa3QK/\x9cSt\xc8\xba\xda{\x93tf0\x9d\xe5\x9c\xa8\xf16\xee \xebre\xd9\x9e7{\xc4\x82\xb9US\xd3Y\xd1\xd9\xd9`s\xd2\x19!\x9b\xbd\x1e\x8e\xa6U\x95\x1f\x0f\xde\xbaU\xa5\xd2\xb4\x8a\xce\x9c\xb3\xc8\xba.\x07\x1f]\x9aZ\xa2\xe3|\x16\xed\x03\xc7\xf6p\xd9\x98+\x1b\xee\x99\xcd\x13\xd0\xad\x9a\xa6TCg\x0b\xb9\xf5\xf0\xe1\xfc\xcc\xcc\xf1\x98\xbbV\xa2\x19\x1cl\xb4"\x9a\xa23\x85\x16{\xfb\xc0g\xd72\x99\xe0\xcc\xfc\xc3\xb1z\x0eb9\x96\xe69\x80\xb5[H\xb7B\xfd\r\xd4\x13p\xec\xfc\xcc\xea\xea\xeaL\xd2\xe5\x8e\x1b\xe5ry\xab\xdc\xeb5\x14i\x99\xf1\x81\xe0oG&amp;\'\xe7V\x81\xc5\x02\x8a\xe5\xc2.W\xcc!8V\x95u\x94\x9e/\x1b\xf703\xf7\xed\\p)\x19K$"F\xaf\xd7\x1b\xa5\x93\x01G{\xf0\xda\x88N\xa7[\xfev~\xac\x9e%\xb7\xc2.j\xee],\xf7bH@\xac\xc6\x90\xb5?\x85.\xb8\x82\x1b\xcb\x0c\xffax!8\xb5t\xbc;\xe6\x8eV\xa3\xbcB\x9e\xe3\xc1\xc9\x11] \xf0\x17`\xe1It:y*\x99\xc7\x15\xe6^\xec\x15\xd6-\xb9*\x85\xc7\xd1V\xbf:9|B7\x99\t\x06/\x1d\x9f\x9eN&amp;\x93\xc7I\x97\xae-\x9cX\x0e\x04\x86W\xe7\xaf\xa3&gt;8\xa3\t%\xaa\xab\xde\xe3\x0eso\xdf\x15\x10k\xb01\x04\xac4jD\xfd\xe7s\xb0eyxa23\xb5\xb4\xf4(\xf8\xe8Qpjj\xea\xda\x08b\x18X\xce\xcc?D\x8d\xc7\x0b\x1d5\xbf\xb8X\x8f\xdc\x12\x1a\xab\xca\xaa\xf2\x82\x0b\xc953\x1c8\x12\x08\x04N\xc0\xb1G\x99I\xe8\xda\xb5E\x82\xd2-\xcf\xcd\x80*\xea\x8c\xbaAu\xf2d\xb1\xde\xf3\xff\xc0\x92\xab\xe0\x97\x8d\xab\x1f\x9b\xd1\xf17\xeat\xcb#\x93\x0b\xba\x13$d\xfb\xc2\\&amp;\xb84\x1dF\xb6U\xbb\x1dz\x9eJ\xc9c\x1d\x12\x1eK\x95J5p\xdc\xfcb\x80\xc6\xe0\xe1X\xe0\xf4\x91#\xa7?\xf8 \xa0;\xb18\x95L\xc6\\\xd5\xa4\x84YI\xf3\xe9z\xa5R\xe6\n\xb3\xebBa\x1d\xcea\x95\xc8U\x00\x1b\x1d\x85_\x9fg&amp;\x97u\x81#9\x9d\xd6\x8d,f\x1e]\xeeF\xc5H\xb8\xe3\xf1D\x8e\n^\x81\xcb\x11\xe6\xd6\x7f-\xd4-\xd8C_\xd5\x0c\x0eV\x95\xb4\xaa\xe9x\xa0?\xe5s\xb2\xd9\xf9\xa9\xc5\x85\x91\xe1\xc9\x85\xc9E\x94\xf6\xa9\xe3\xdd.\x97+\xe1\x06\x17M\x07\xca\xe8\x8eA1\x1dN)\x13p\xeb\x1b\xa1\xb0\x1e\x7f\xc5\xbb\xa5Q\xf1\xa7\x16\xfd\xa3\xe9h\xf6zri\x89\nC2\xd9\xdb\xdd\xddm\xf7\xc4h_D&amp;\x93\x99i\xbdHf\xe19\xd4+e\xc2c\x95\xec\xd3\xa8\xe5r\xab\x95\xe6\x17\xd3Qw\x8ch\xc6\xedv{WW\xefG\xbd}\xbd\x1fuuQ2\xc1+\xaa\rz=?r\xad4#\x88\xc2a\xbdjll,)i\xd5\x00\xc9\x1a\n\xa1\x82y\r\xb5\x8c\xc3C\x9b\xc8t\xc7g\xe2\xe6\xcd\xbe&gt;\xfe\xd6\x8f\x8c\xa8\x94|\xcd".\x87\xd9\xcd\xbe\x16\nK\xfc\xf8\x15z\x85\xb6\x92\xd6\xd6Vx\x15\xaa\tY\xe5h\xb2$\x85\x11\xb3\xa7\xab\x0b\\}&lt;\x140d&lt;\x15\xed\x15\xf2!\xc4o\t`=\x13\xe8\xbe\xb0\xf8\xd9\xcbFp\xed\xd3@\xc4U\x15\nY\xc1%\xf5z\x8dq\xb3\x12\x99D\xc6\xf0P\x94Y\xb9(\x16\x17\xf3\xd6%\xdca4\xf3\xc2t\xf3\xe2{g\x81\xd5V\xa2Qk4\xf0\x0bQ,\x01\x96\x1aUL\xe5\xa5\x91\x07ZZ\x9b\xff\xad\\\x18s^\x01\xd3\x1d\xeeY\x7f"L\x7fZw\x8f&amp;\xf9\xdb*\xf7\x95\x91]!\xb8e\x95\x83J\xea\xc5\x83\t0#\r&gt;h\xe3\x0cCx\x0c\xe3\xe7\xc9:\xf8O`\xb1\xec\xd2\x0f_\xef8\x97X\\\xb7g\xf7\n\xb0\x90\xf2\xfb\xf6\x95\xa9\xd5jr\x8b\n&gt;b\xc8\x17\x0c\x95\xd7+1\x96\x9b,\x84\x14\x8f\xf3c\xcdx\x1e;\xcc\x1d\x1d23cvW\xb3\x97\x82\x7fo\xfe\xe5N\x82\x01)/\xaf\xa0\xe01\x8a\xfc\xe0`eI%\x8f\xa5\xc1\xc3\x08\xb7T\xbc\xe4Vp\xa9\x0c\xc6\xf2\xda\x88%\x12\'\x91]\xfc\x96Ri\xa9\xdf\x0fP\xc2\xfa\xe1\xeb\xe6\xdf\xec\xd4\xff !\x9f\xf2\n\x86\n\n\xf6\xde{In\xd1\xfa\xabLDX(^rp\xc1,\x15_.\xd4\xfb\xc1E\x83\x0f\x80\x82_~\xbf\x826\x95h\xbf\x8ba\xdc\xd5\xd9Kw\x80\xd5|\xec\x17{\xebv\xc6\xa8\x82m\xad\x9c\xe5o\x89\xb4U\x92]R\x91JM#-|\xca\xcb\xadUUx\x85\x1b\xd2Fd\x18\x7f50b!\x81\x8b\xbe#\xd9\x805\xc0c=i&gt;\xf6\xab\x82\xffq\x11\x04\xa8\xa1\x82\xa1\xddCC@\xdb;4{\xaa\xa6\x11e\xab\x8d\xa2X&amp;\x92J\xd5\xfc\xd2\x82\x8f!U}\r\xdc\xa20\x9a\xb4\x11|h-\xfc\xadE\x0b~Z\x08+\x9c\xbd\xfa\xd9\xdf\x9e4\x93\x8e}\xf8\xe1;?\xff\xba\xe9\xe1:@ADE\x8e\r\xcd\x9e\xbd\xd8X\xd5F:P&amp;\x02\x97H\r\xaf`\x16\xe1iZi\x84\xdf\xb0_R\xce\x9f\x8b\xd1\x9e\x97\xb6\xd0d:\xc7[\x87\x87\xc0\x1d\xbe~%\xf3\'b"\xb0\'\xcd\xef\xe7\xfd\xac\x9a/\x06S\x1e!\xed\xce\xcf\xcf\xdf\r,\xa4\xd7\xec\xcb\x8bp\xab\x8dJ\xc4\x01r\x8b\xc6\xe4sA\xa4\x1f\x1a\xba\xf5f0H\x08\xac\x1c44\xe8\\\x042\xf2-\x1e\x07\xd6\x9d\xd5?7\x1f\xe3Ed\xef\xbfSPW\xf7_\xa6\x7f.\xcb\x87vC\xf9?b\xe5\xad\xbc\xfa\x11k\xdf\x01\x91\x08`*\x14V\xf5\xb6\xcaD&lt;)\xc8\x80\x05\x9c\xc2\x7fUr\xfe\xa0m\x9ca\x18\xf7I\xf7G\x89\x8c\x0ftB\xea`\xab\x92}`\x0e$\xa2 \xd9\x90P#m\xb1\x9b\xa1\x02\xcb\x18j\x13\x8f\x86\x18\x1cB\x96\xd2\xa1\xea\x92\xe0Q\xe01{\x86,\x85\x14\x84\xa1t\xee\xe0\xc5^\n\xc6 \xcbY\xa3\xa1\x1d&lt;\x94.}\x9e\xf7\xfb\xbe\xbbs\xda@\xfa\n\xfdA\xba\xa0\x1f\xbf\xf7\xf9\xde\xef\x94H)\r\xf2\xe0\x12[8\xfb\xda|\xfb\xdb\x9fg}\xe1\xea)\xb2^\xa7\x13\xb9\x99\xc7\xffC\x14\x99\x86\x9e\xa1"\x16\xba\x9899=&amp;U\x1d\x91\xe7O\xc9\x88Q;\x04\x167\xa3V\xab\xd6\x12\xb0\xcal%\x9f/\xad\x14\x8b\xf9\xfc`\x80G\xf2\x83\x91{\x0f66\xdf\xfe\xfc\x9eD=UJ\x19\xd8\x9c\xf2\xdd\xc7\x9f\xf1OTw\xc0\xa4E\t\x16\xc94\xd6%\xb1\xba\xc2\xb5\x9c]\xa608\x02\xd1\xe2"\xb7I\xb5\x0c*\x10\x86F\x96J\xf9\xe6\xa0\xd2\xcc\xf3\x0b\xebK\x0f\x9f\x11\xeb\xcd_\xbf\xc7P=\x11&amp;h\xfd~\x14\x94\xef~F\xf3\xca\xe5\x84*\xc1\x92qz\xdce\xe4i+\xcb\x9a\xad\x11\xaa\x05\xaayV\xdcF\xd8*\xe5\x194~\xe3\x8d\xd9z0\xb7\xb1\xf1\xdd\x1f}Ru\xa4\xc0\xd5\x93fJu\xfc\x85OM\xff;\x0cyA\x8bb\xe3\x88\xa3\xc8\x14\x16x\xcf\x81U\xe7\xe6\xc3b\x13\xb3\xec\x9f0\xadqK\xc2\xf2\xcc\xb6Z\xb3\xcd\xd2J\xbe\t\xa8\xa6\xb2\x85\t\xf1dn\xee\x07\xc8\x12\xa8\x88E_J[Gn:Q\xfb\xbfz\xa93\xceq\x00\n\\BOL\xf1\x9a\x01\xa4\xd2uy*T\xf5y\xe8\x9a?\\^\xa4.\xf9\xad\x0f\x9f\xae\xafQX\x8bXyP\r\x06\x04C\xb48V\xb1m\xbfy\xdf\x97\xb7\x8f"\xdb\x8e"\xfa\x02Q\xc7`\xe2\xceo3e\x1f\xe7ih:\'\x19\xf74\x9241c\xba\x08]\nk\x9e`\xad\xe5\x16\xcfp\x80\xd5\xdd\xc2\x90\x7fA4i$y\x10x\xca*\xaa\xbf\xb5\xbf7\xf7\xed\x87]PDBe\xd9Q\xc7\x14\x88\xf0\x0c\x0bwA9\x93\x80\xc1\x94\xb4n\xa8a\x12$Og\xcb`\x15\x16\xfe^\x17(X\xe1\xe8\xca\x12\xab\xde\xc5\xe9`\xf7\xc5Vw\xbf\xbe?\xbf(\xb1\x07T\xbe\t.\x8e\xadU\x90=|\xb2\xf9\xe1\x8cn\xc8\x84JS\t\xa8\xcf\xc2mPm\xeb\xff\xe7\x0c\xa686s\x86\xc8\xcby\xb9\xc4T*\xf2\xc2\xd58?\x06\x93\xf4J\xb0j\xb5\xc3C\x98\xda\x12]X\xa3\xb0E\xaa\xa6\x0e\x16\xc7\x17\x06\xea\x93\x9f.\xce"\xca\x02\x14\xde_aEr\x15{BU\r\xfc \xa8\n\x18N\xed\x94)OEJ\xa0&lt;\xcfKa\x85L\x96\xce\x16\x16i\xe3|\xf2\x05\xa1Z\xb2\x14\xc9\x05a]~\xf2Xc\xbc\x90,\x95u4\x11-,.\xadb\xe0?\xfbq\xdc\x17\x08\x01\x08|;\x92\xdeEZ\x15Q\x81\xe3WMa^\x14\x86\xf1\x18\x88W\xdf\xad\xab\x8a\x9a`1]\xe5\xf2\xe5/\xcf1\xadheV\rz\x18\xdbG\xbap~XW\xc9\xcaK\xf1\xfb\xb0KK++O\x0f.\xa6\xbaY\xa2%\xf0\xa3T)\x7f"*\x06\x0b\x1a3\xc3T\xcaoay\xa9&amp;z)\xacv\xb9z&gt;\xd9\xfe\x92Z*\x9c\x9d\xb3\x0c\x18R\xdfU-\xcc\nU\x91?\xfc\x91o\xe9~}\xb07\xee\xfbZ\x0b\xde?\x08\xd0C\xaa\xb2"\x89\xba\xe5\xcb\xb3~JV\xa3ZA\x0f*,\x00\x00\x02\x98IDAT\x9d\xd1\xab/\xc4M\xa8\xb0\xf4\xe56\x16\xc6DAc\xb5\xcb\xe5\xeb\xd1\xd5\xcb\x9a\xfc\x1e\xbdR\xd9\xa1\xb4V&lt;N+\x92\xa9R\x91\xae\x8a\xabO\x1f\xbd\xbb9\xb3\xfcH\x82\xae\xa9\xd0CU\x96mkW\x90\xe5\xc7L\r\xd4\x8c\xa7\xda$X9cK\xf3y\xa9\x89\x91\xb2\xd5n\xb7\xdd\x93\xd1\xd1\x8eP5\xa9\xacR\xc9J\xdc\xb8\xf1\xc8X(\xf1{\x81\xabK\x8f~\xbd\x99F\xbemBM*\x91eG*\xeb"\xcb\x92\xa7\xd1\xc3@\x83\x11K70Lh\x92\x07\xc6V\xb2-\x96YmV\x00\xb0\xef\x9b\xa4\x02W\x85\xc6X\xe4\x94\r\x117\xab\x07\xef\xc6g\x91o\xc5PP\xe2\x80\xca\xa6\'\x1d+Q\x88\x17\x1c\'A2Xa\x8c\x95\n\x98\x9a\x15\xa6\x89\xa1\xe4\xab k\x11X\xaeK\xb0\xcb\xd1doGl\xb1\x8d\xdcv\xb8\x1dU\x9aTU\xba\xff\xcd\xc5x\xd7\x0e\xe2\xe69\x81\xbaZ\x91\xb4\xce\xb6\xb5C\xfd\xea\xad\x16\x12+\x97`\x85^\xca\xd4\xedl\x851\x96\xc4\x0b`\xac\xeb\xe9\xf8h\xef\xf5\x0e\xceo0\xca8\xf9\xe7\xd5\xd6s\xff\xd5\xde\xcd\xa8\'jTv\x08\x04%\xd2B\xc5\x14iQ\xea\xe5X\x96\xc1J\x0b\n5\x83\xd6\x96\x12\xa7\x83\xa6u).\xc7q\xdc6\xc9&amp;G\xdb/\xb9]\x7f\x85\xf9_\xcb\xee\xbcz}t3\xda\x8d\x08e\xe9\x91\x10(*\x87r,\xd9gT\x0bm\x8dUu\xe25\xf8)\xac0\x0c\xc5\x9fV\x14\xc6\x98\xdc\xb23\t\x18\xb1H\xe6:\xd7\'\xd3\xd1\xe9\xe4j}{{\xfd\xe8j2\x1eM\xfb\xb6C(\xdd \x01\x92"(a\x98\xf9t\xb0\x02\xc7w\x8d\xac\x85\x85\x06.3^\xbaw\x9e\x9e\xeaI\xe7\xc24\x1c\xb7l\x1d/\tXL\xe6\x06\xf6\xe5\xc9\xc9h4=\xe9wl\x04\x05\x00\xa6A\x1a]a\t\x89`Q#\xd7\xa0:\x04\x7f\xc4u\xb5,r\x11+&amp;IwR\x8f\r\xb9\t\xc3D\x9aj\xa4Y\x91\x8aL\xe5\xcc\xe5=\x88\x1c\x99M\xbaw\xeaU\x05\x16XZ\x96\x9c,X\xf1!p\x05\x1c\x1c\xd6\x10[\x04\x13\xac\xf4\x99B\x1a+\x0c\r\x9b~\x84C3\xb9L\xc2e\xb2\xaf\xc9\x1cAJ\xca\x00+4\xd5A[\xafA\xd1\x96\xb4\x98\\\x80\xaa\xaa&amp;\n\xd6\xd0\x0c\x83\xe1G\xa7\r:\xf9a\x92~\xb9\xe7\xe7\xfe\x84\xcb\x8d{\xa9\x98\x9c N\x931(\x87\x04V"\x8bC4\x19f&lt;\x9cL\xae\x96E2b\r5\x86\xc1\xe269\xf4\xbca.\x8e\xbb\x82e\xf1\xf3\xd0pXH\rV\xc1\x92\xf1-)\xd1L\x06G\x93\x01\xcaqT\xc69\x1a\xfc\x7fa!Y\xb86\x0c\xd6?)\x18\xcb\x8f\x1a\xf62\xfe\x00\x00\x00\x00IEND\xaeB`\x82'</t>
        </is>
      </c>
      <c r="M519" s="3" t="n">
        <v>45492.67604166667</v>
      </c>
    </row>
    <row r="520">
      <c r="A520" t="n">
        <v>1411152</v>
      </c>
      <c r="B520" t="n">
        <v>72016</v>
      </c>
      <c r="C520" t="inlineStr">
        <is>
          <t>Kayke Ferrari</t>
        </is>
      </c>
      <c r="D520" t="inlineStr">
        <is>
          <t>K. Ferrari</t>
        </is>
      </c>
      <c r="E520" t="inlineStr">
        <is>
          <t>PE</t>
        </is>
      </c>
      <c r="F520" t="inlineStr">
        <is>
          <t>ATA</t>
        </is>
      </c>
      <c r="G520" t="inlineStr">
        <is>
          <t>PE</t>
        </is>
      </c>
      <c r="H520" t="inlineStr"/>
      <c r="I520" t="n">
        <v>31</v>
      </c>
      <c r="J520" s="2" t="n">
        <v>38104</v>
      </c>
      <c r="K520" t="inlineStr">
        <is>
          <t>Right</t>
        </is>
      </c>
      <c r="L520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d=:\xd2f\xb3\x00\xa2\x82\x90Q\x91\x8a\x03\xa0\xd6\x90*\x96-\x80:\x9fJ\xf9\xff\x00\xe2\xdf\xfc\x15\x07\xf6)\xf87\xab\xdcxs\xc4\x1f\x18\xed\xf5\x1dJ\xdfp\x9a\xcf\xc3\xf6\x92_2\xb2\xe7*^%1\xab\x021\x82\xc0\x83\xd6\x93\x92\x8e\xe5EJN\xc9\\\xf9[\xe2\xb7\xfc\x1c?\xe1\r\x1a\xe6m7\xe1\xc7\xc0K\xf7\x8aF\x02\xd7X\xd6\xb5h\xa3\x08\xbb\xc0,\xd0 ?1^\x8a]FYrO"\xbd7\xc1\x1f\xf0^\xbf\xd8\xaf\xc4s\xfd\x8b_\xb5\xf16\x8b"\xc9\xb2O\xb5X\xc36\xd3\x907b\x19X\x91\xce~PO\xb7J^\xd2,\xd1\xd0\xaa}\x03\xf0\xab\xf6\xef\xfd\x92\xbe3jp\xe8~\x03\xf8\xe1\xa3\xcd\xa8\\c\xec\xfa}\xf3=\x9d\xc4\xc4\xf6H\xee\x15\x19\xcf\xfb\xa0\xd7\xae\x06\x04u\xaaM=Q\x9bRN\xcfAA\xee)\xc0\xfa\xd0H\xbb\x87\xad\x04\xfa\x1a\x01!A\xcd\x14\x03\n(\x19\x1d\x14\x10\x14\xdc\xe3\x93@\xfa\x037j\xf1_\xdbo\xf6\xe7\xf89\xfb\x0c|5\x8f\xc7\x1f\x13\xafZ\xe2\xfbQ\x99\xa0\xd0t+Y\x14\\_\xcc\x06N7\x1c*.F\xe79\xc6@\x01\x89\nB\xa2\xb9\xb4?\x1a\xbfl\x7f\xf8,O\xedO\xfbC\xf8\x82\xeb@\xd3\xfcUq\xa1\xe8\xac\xa4I\xa2\xe8\x97mgi\x1cG?$\xd2d\x99\xdb\x19\xdd\x93\x83\x83\x85Q\xc0\xf8\xab\xf6\x8b\xf8\xf7\xe3\x9f\x0c\xe8k\xa6\xf8m\xa3\x17\x930o\xb40*\t8\xe0.@\x03\xdc\xf3\xfc\xab.GQ\xab\x9d\x91\xe5\xa5\x1bGr\xf4~!\xf1\x1e\x95oo\xa8\xc9\x00\xb8\xba\xfe\xcf_\xed\x07G*\xbb\xc6K\x1c\x0e\x84\xe4|\xdd\xf2\x07\xae9\x93\xf1\xfb\xe2\x9d\xdf\x88d\xba\xd2\xfc\x13cucn\xac$\x8f\xc8\x1ecy\x7fy\xcbu\xda\xb8\xeeG\xde\x1c\n\xd3\x91\x17\xcd$\xce\xa3\xc2\x7f\xb6\x96\xbcn\xedtmK\xc2\xf0\xdbM"+\xa2\r\xd2\xb2c\xe6\\\x90z\xe0\xf6\xc0\xf9\xbb\xe6\xbe\xe1\xfd\x91\xbf\xe0\xb9\x7f\x1f~\x1b\\Y\xf84x\xe2\xd7V\xb3\xb7\x0b\x1a\xe8\xbe$\xddp\xad\xc0\xf9Rm\xe2U=p7`t\xdbXZT\xf5C\x94cYY\xfc\x8f\xd6?\xd8\xcb\xfe\n%\xf0G\xf6\xb8\xf0j\xdf[k\x96:\x1f\x88\xad\xe6\xf2u/\x0e\xde_(\x927\xc0\xc3F[it9\xe0\xe39\xc8\xed\xcf\xd0J\xca\xe3*\xd9\xad\xe2\xf9\x95\xce\tFQ\x95\x98f\x97wjd\xa1\xd9\xc8\xe9Fx\xce(\x0b\x08[\x14P;\r\xcf\xad\x04\xd0@\x99\xa6\x93\x9a\nG#\xf1\xd7\xe3\'\x84\x7fg\xdf\x84^ \xf8\xcb\xe3\xbb\x83\x1e\x97\xe1\xed6K\xbb\x9d\xac\x03\xc9\xb4|\xb1\xa6H\x05\xdd\xb0\x8a3\xcb0\x15\xfc\xd5\x7f\xc1D\xbf\xe0\xa1\x1e)\xfd\xaf&gt;3\xea\xff\x00\x15&lt;w-\xff\x00\x99czb\xd0t\x8b[\x91\xe4X\xc7\x19\xdb\xf6T\x07\xfb\xa4\x9d\xcd\x8c\xb3\x96n8\xac\xe5\xbaF\xf4#\x1dd\xcf\x9e-&gt;(\xdc\xeaQ\xff\x00c\xe8\x9aLRM2\xe5\xae\xaed\xda|\xfewu\xe3\x1dFz\x9c\xd7-\xa8\xdax\xcb\xe22\xc7wwcu\xe7X\xddb\x1d\xd0\x0eF\xfd\xc7\x9c\xe3\x91\xc7N\x9f^n&gt;\xea\xd4\xd6JR\xd5\x1dU\x87\xc4\xc8n\xad\x9fN\xd4\x16E\x95\xa11\\+\x12\x15X:\xb7\'\xb6N\xf1\xd3\x8f\x96\xa4\xd0d\xd4\xf4\xe1|[R\xb4kU\x85\xcbG%\x98c;\x15$\x07\xdd\xbb\xe5\xce\x060i=b\xca\x8e\xe8\xdb\xf0\x9e\xb5\xae\r6\xdfSh\x16\xcfnL\xc8\xd6\xe8\x90\xaf\x1d\x91F}\xbfNi&lt;A\xe0\xad"\xf3\xc46\xfa\xc7\x87\xbcCei\xab[\xdd.\xd1&lt;\x8c\x89\xd1Xq\x82\x08!\x88#\xfb\xc1\xba\xe0\xe3\x17%\x17\xa9\xb2\x8c\xa4\x8fq\xf8k\xe3\x0f\x15Oci\xa8\xc3\xfe\x87p\xb2\x12q\x1e\xe5\xde\xbdN\xdc\x91\xd4\x01\x82\x0fz\xfd\xc5\xff\x00\x82B\xfe\xd1\xde$\xf8\xe5\xfb=\\h\x9e4\xbc\xfbF\xab\xe1=\\\xe9\x93\\\x7f\xcfXJ,\x90\xb7\x1f\xec0\x1f\xf0\x13QJ_\xbc\xb1\x9e&amp;?\xbbL\xfa\xe2\x80ps]g\x9e\xc5\x1e\xe6\x979\xa0b5\x14\x0ci&lt;R\x0f\xa7z\x0c\xc1\x8f\xa56\x80?.\xff\x00\xe0\xe1\xef\xdaj}&gt;\xdb\xc3\x7f\xb3.\x8b\xac\x18\xe0\x16\xff\x00\xdb~!\xb7\x86a\x99\x98\xb9KX\xdb\x9e\x02\xed\x96B\x0f\x191\xb78\xaf\xc5\x9bo\x80:\xe7\xc5o\x10\xdc^x0Y\x98\xf5\rM\xaf/o\xae\xa5)\x1c{X\xeeq\xb8\xe3i#%\x8e1\xd75\xcbR\xb2\xa5\xcd7\xd0\xf4\xb0\xd4]X(Gv}\x9d\xfb9\xff\x00\xc12\xbe\x1c\xf8\x9b\xc2K\xe2\x0f\x1b\xd9-\xd5\xd6\xa3\xbaI\xa6\x89HI\x06\xe2U\xc0\xe3\x1b\x80\r\x8e\xdb\xb1\xed_Ex\x13\xfe\t\xf1\xf0\'F\xb4KW\xd0&lt;\xe3\xb7k4\x8a0}\xeb\xe4q9\xce"uZ\x86\xd7&gt;\xe3\x0b\x91\xd0\x8d4\xe4\xb5\xb1\xc8\xfcM\xff\x00\x828|\x00\xf1\xde\xbb&amp;\xbbo\xa7Ok%\xc6&lt;\xc5\xb7\x90\xacn\x07@q\xd7\x8e\xf8\xce)\xfag\xfc\x12\'\xe0\xfe\x9bk\x1c\x12\xda\xb8H\x80\xdb\x85-\xbb\x1f\xef\x7f\xfa\xbe\xb5\x9c\xb3\xacj\x8aF\xd1\xc8\xb0&lt;\xceGW\x17\xfc\x13\xaf\xe0\xf6\x91\xa6\x08\xa2\xd2\x95\xe4n\x0f\x99\x1e\xe0\xdd\xcf\xe3\x9e\xf9\xcf\xeb\\g\xc4\x9f\xf8\'\xb7\x81&lt;On\xd6C\xc2\xd6\x13B\xa9\xb5b\x11yl\xa0\x0c\x00\x08\xf5\xf7\xe6\xb9c\x99\xe2\x9dD\xdb7\x96S\x86\xf6|\xa9\x1f&amp;|[\xfd\x9a&gt;&amp;\xfe\xca:\xb4\x9e)\xf0\x9c\xd3.\x8af\x0e\xfam\xfa\x97hrX\x9d\x9cc\x9ez\xf1\x9fZ\xfd\x0e\xff\x00\x83y\xbe&amp;]j\x9f\x1d\xfcu\xe1\x8b\xadnc\x06\xb1\xe1\xd8\xf5\x0b=6I6\xa4R[\xcc\x919\nG\x07\x12\x8e\xe7\x80Oq\x8f\xb2\xc0\xe2&gt;\xb1\x18\xcd\x1f\r\x99\xe1\xe5\x86\xbc\x19\xfa\xdc(\xafP\xf1\x18R\xe3\x9cP-\x85&lt;\xf1E\x000}i3\xcfJ\t\x06\xc0\xe9Q\xc9"\xc5\x1bH\xed\x85U\xc9&gt;\x94\x0c\xfes\xff\x00\xe0\xa1~&lt;\xd6?ko\xdb\x93\xc6~#\xd2u9\xa3\xb0\xbd\xf1\x0bZ\xdb\xb4.\t{Hqo\x10\x07$\x00R=\xc7\xd7w\xa5}\'\xfb?~\xcd\x1f\n~\x19x\x1e\xcfN\xd1\xfc\x1bk3a^I\xae\xa1\xf3di\x07\xf1e\xb3\xdf\xe9\x8f\xc2\xbeg:\xac\xd55\x14\xcf\xb3\xe1\xfa\x11\xe6\xe6k\xa5\x8fn\xf0\xc6\x9e\x91&gt;\xd0\xc1Q\xbe\xf6\x00\xfc\xab\xbf\xd0\xb4H`\xdb;m\x93\xbe\xd6S_\x1f\x19sJ\xc7\xdb|0:\xcb]*\x19\xd7dp\xaf\r\xf3w\xa7O\xa4\xdaylnW\xa7\xfb5\xd9\xcb\xa1\xc9\xcc\xf9\x8eoX\xb1\xb4\x86&amp;\x88\x0e\xff\x00w\x1f\xd6\xb1\x86\x91k,\x9b\xc2\xf7\xc1\xff\x00\x1a\xe5\x8c\xbfxuI{\x97&lt;\xcf\xf6\xaa\xf8;i\xe3\xbf\x85\xd7\x9an\xa1\xa7\tXB\xc5fh\xfe\xe6\x06s\x9e\xde\xb5\xf2w\xec\x0b\xe3\x9dw\xf6e\xfd\xb4|%\xe2\xb9f\xf2a\x83ZK+\xec\x12R[K\xb6\xf2\x9c\x9f\\\x07\'\x1e\xaa\xbdq_]\x92\xc9\xc6.\'\xc6q\x049\x9f7\xc8\xfe\x80!\x90J\x81\xd4\xe4\x11\x90}i\xd5\xf4\xc7\xc6\x85.h&amp;B\x13\xebE\x05Xn}M\x1c\xd0f!\xcfJ\xe7&gt;.\xeb\x8f\xe1\x9f\x85&gt;&amp;\xf1\x1cm\x86\xd3\xf4\x0b\xcb\x85\xeb\xd5!v\x1d9\xedAH\xfe}~\x12\xf8B\xee\xfbZ\x82K\xa8Vi\xb5\x0b\xd6\x9d\x99\x80m\xdf7_S\xce}\xb8\xe9\x83_mxj\xdcYip\xc2\xb1\xb0T\\\x05\xcfz\xf8\x9c\xda\xa3r\xb1\xfa\x16KN\xd1\xb9\xd5xR\x1b\xf5\xb9Y!\x87\xef7\xcd\xba\xbd#\xc3\xfa}\xdd\xcc\x8a$]\xcd\xc7\xdd&lt;W\xce\xd1_\xbd&gt;\x96o\xdc:\xeb\x0b\x1f)\xfeE\xf9\xfa\n\x86\xfa\t\xa6vTC\xc5z\x9c\xbe\xe9\xc1\x19{\xd79\x9dcC\xbc\x1b\x99\xc9`9\xe9\xd3\xf4\xac\x98\xed\xa5#2\x829\xf7\xcdy\x9c\xae5\x0fC\x998\x8d\xd7\xf4K\xdf\x10h\x93i0\xdb\x89?r@\x8c\xb62q_\x04\xfcj\xf8yw\xe0\xcdb\xe2\xee\xde\xdeH.\xac.\x0c\xaa\xb2(\x12\xc6D\x84\xe0\x8c\x0e\x15\x88\xc7\xfb\xff\x00\x97\xd4\xe5R\xf7\xee|\xa6q\x14\xe9\xd8\xfd\xd0\xf8U\xe2H\xfce\xf0\xd3\xc3\xde.\x81\x99\x93T\xd0\xedn\xd5\x98`\x91$*\xfc\xfb\xf3]\x05}r\xd8\xf8@\xa2\x80\n(\rF\x82:\xd0\x0e\x05\x06b7\xadp\xff\x00\xb4\xc4w\x13~\xce~&gt;\x8a\xd4\xb0\x91\xbc\x1b\xa9\x88\xfc\xbf\xbd\x9f\xb2\xc9\xd3\xde\x87\xb0\xe3\xb9\xf8\xf5\xfb\x1fx\'N\xd7\xf4\xeb\x8f\x13\xc9\x03n\xd3[\xc9\x8d\x9b\xa0m\xc4\xf1\xfe{W\xadx\xab\xe2\xbf\x83|\x07{o\x07\x89\xefYf\x9b\xe5\x86\xd6\xdd\x0b9Q\xd5\x88\x1d\x07\xd7\xf0\xaf\x85\xc6\xd3\x95lC\x8a?D\xcbjF\x8e\x15I\x9b\x9e\n\xfd\xa9\xbfg\xfbf\x8f\xed\xde4\xb2\xd3\xd3\xcc\xda\xdf\xda2y\x7f7\xa5z\xa7\xc3\xdf\x8f\x9f\x04\xbc\\\xcc|\'\xf1/C\xbc\x978\xf2-\xb5(\xd9\x8f\xe1\x9c\xd7\x0f\xd4kS\\\xce;\x1e\x8f\xd7\xa8\xd4\xf7T\xb5g\xa3h\xbe!\xb7\x99\xa4;\x06\xde\xdc\xf5\x18\xeb\xfd*\xbe\xbb\xe3_\x07\xf8?O\x97Z\xf1\x1e\xa0\xb6\xf6\xf1\xabI$\x8f\xfc(\x07\'\x1dkhJ5,\x89\xa9\x17OS\xc3\xfci\xff\x00\x05\x1d\xfd\x9at\xfb\xd6\xd34\xbd~\xf2\xf2f\x18o\xb3\xe9\x8e\xca\x80w-\x8e\x87\xd7\xff\x00\xd5\\\xcc\xff\x00\xb64^:o\'\xe1\x8e\x9fiu6\xef\x95ef\x19P=\x08\x07\xfc\xf55\xa5L\x1c\xa3\x15)lcG\x18\xa4\xf9bz\xb7\xc1\x8f\x88\xb6\xfe7\xb0Y\xaet\xa94\xfdJ8\xf35\x94\xfdObW\xd4f\xbcG\xf6\xfe\xf0\x96\x97\x1f\x884\xff\x00\x11\xac\x1b[T\xd3Z\'\x8e\x15;\x9aDe\xc1\xc6Gf9\xe9\xd0Wv\x0f\xdd\xb5\x8e\x1c\xc1\xf3E\xb6~\x8a~\xc4\xd7\xd3\xea\x1f\xb2\'\xc3k\xab\x82\xfb\xbf\xe1\x0c\xd3\xd1\x9aL\xe4\xed\x81W&lt;\xfd?\xfd}k\xd4\xb3_]\x1f\x85\x1f\x07/\x89\xa0\xa2\xa8\x034P\x04y\xa5\xf7\xa0\xccBsY\xfe*\xd0\xad\xbcS\xe1}K\xc37\x9f\xeau\x1b\t\xadf\xff\x00vD(\x7fC@#\xf2\x0f\xf6.\xd3/4k\x8f\x19x\x03[I#\xbc\xd2\xf5e[\xa4a\x8cJ\x1aDa\xf82\xfeu\xdak?\x054M[\xc4w\x1a\x86\xaa\xb6\xd1\xab6f\xbaf\n\xdfM\xd9\xe0}1\xfe?\x13\x98^\x9di4~\x81\x95\xda\xa58\xdc\xe2\xbcg\xa5\xff\x00\xc15\xbe\x1c[\xc9\xff\x00\x0b#\xc5\xde\x12\xb5\xd4\xa4S\xb5\xa4\xbc]\xe5\xbb\x80\xaaq^yk}\xfb(]kp\xf8\x97\xe1l\xd6w\xca\x8c\r\xbd\xc5\x83I\x1f \xe7\x86\x04\xa37\x1e\xb98\xaeYK2\x86\x1dUW\xe5\xfc\x0fB+-\xa9Y\xd2V\xe6_y\xf5\xdf\xec\xd1\xf1KH\xf1\x98\xb7\x88\xea\x05\xbc\xb4\xda\xdb\x97\x05x\xe9\xf5\xa9?i\x7f\x15\xe8\x9al+l\xd6\xad{\xb5[\xf7{~R\xa4\x82s\xed\x90+\xc7u*F7[\xdc\xf4\xd5\x15)$\xf6\xb1\xf2\xc6\xb3\xfbS|\x0c\xf8=$\xda\xe7\x8d&lt;4\xd0\xd9\xad\xd2\xad\xc7\xd8t\xbd\xdb\xa4l\x91\x90\x8a\xces\x82rG \x12\rw\xde\x01\xfd\xb5\x7fc\xdf\x8a\xaa\x96\xda4\xebc}\xbf\xca\x10\xdfi\x8fk"\xc9\x8c\xedQ2F]\xb1\xfc)\xb9\x88\xed^\xa4r\xecuL/\xb7\xdf\xe6pK1\xc1R\xc5*\x1b\x1e\xef\xf0W\xc4\x1aN\xaft\x87A\xd5"\xba\xb7\x97\xeeI\x8c\xb1\xf6\xfe\xf0=\xb6\x9a\xe5?n\r.\x05\xbb\xd0D\xf1\xee\x97\xec\xf3y-\x8c\x0f\xbe\x99\x04\xf6\x04zWVW)N\x9d\x9e\xe9\x9c9\xb2\x8cj]uG\xdf\x1f\xb3O\x86g\xf0o\xec\xf5\xe0\x9f\x0b]G\xb6k\x1f\n\xd8\xc58\xdb\x8f\xde\x08\x13w\x1e\xbb\xb3]\xc0\xe9\xc1\xaf\xb8\x8f\xc2\x8f\xcfe\xac\x9b\x1c(\xaa\'\xa0t\xebE\x05\x11\xd1A\x01_=\xfe\xd0\xff\x00\xb7\xce\x81\xf0?\xe2w\xfc*\xfd3\xc0\xaf\xad]C\x02I}3jB\xdd#f\x1b\x960|\xb7\xcb\x15\xf5\xc7&lt;W\x16;\x1b\x0c\r\x1fi%}m\xfd}\xc7\xa3\x95e\xb53LK\xa5\x17k&amp;\xdb\xfb\xbfV|\x8b\xa7\xea^\x1b\xf1O\xed[\xe3\xff\x00\x1fx\x1b\xc37\xdaf\x8f\xe2K;MC\xec\xb7\xd0\xaa:^;7\xda\x07\xc8\xcc\xac&lt;\xc0\xcc\x08&lt;\xef\xe8+\x91\xfd\xa3\xfe\x02\xfcE\xf8\xb0Z\x1d/\xc7\xf7:=\x94\x9c\xc9\x15\xbca\x99\xb3\xd7\xaf\x1f\x985\xf2X\xca\xd4\xeab\x15H\xeb\x17\xa9\xf6\x99~\x12\xa5\x1a^\xca\xa6\x92Zh|\xfb\xe2\x8f\xf8&amp;6\x8d\xe2\xaf\n\xe8\xfa\x15\x90\xbb\xd35\xbd6\xe6G\xb9\xf1V\x9b;\x9b\xbdM\x18\x86\xff\x00I2\xb7\xcc\xc0\x8f\x95\x95\x94/#i\x07\x15\xedR\xfc\r\xd1&lt;#\xe0\x9f\x0f\xe91ZAf\x9e\x15\xb7X\xed.-l\xd3\xedwnw3\x89\xe4m\xc6o1\x9d\x99\x87\nI\xe0\x0c\x02:j\xe6k\x11\x87pJ\xca\xdf\xd5\x91\xb6\x17\'\x8e\x1f\x11\xed[\xb9\xea\xff\x00\xb2\x87\xc3F\xb1\x92\xe3_\xd4\xe1\xf2\xa5\xba\x99\xa6\xf2\x13\x03\xcbR\x0e\x17\xf2\xc5t\xff\x00\x15\xfe\x1aj\xdaf\xa0\xbe-\xd2T\xcd\x0f\x96\xd1\xdc\xc5\xc32\xa9\x1dFF2\x0fJ\xf9\xda\x949\xa9s.\x8e\xe7\xd0F\xa4c%\x06\xb7\xd0\xf2\xff\x00\x1c\xfe\xcc\x9e\x16\xf8\xa1\xf0\x82\xfb\xe0\xde\xa9\xa6\xad\xfe\x83\xab\xca.&amp;\x12\x04Y\xd2\xe4\x12E\xc2\xc8\xa8\xa7\xcd\x1b\x8eK\x12\x08$\x10G\x15\x0f\xc1o\xd8G\xc0\xdf\x0f&gt;\x13\xff\x00\xc2\x91:L\x97\xde\x1d\xba\xd4\x96\xf3T\x83P\x89%\x9a\xfaD\n#\xf3%9  U\n\xb1\xecP\x07L\x93^\xeb\xcd*S\xa2\xa1\x15}7\xfb\x8f\x1e\xa6YFU\xddW\xbd\xef\xf3&gt;\x80\xf8A\xf0\x07\xc1\xbe\x03\xb8\x86?\n[\xc9m\x0cx\x0b\x0b\xc8\xcc\x07\x1cc9?\x99\xaa\xff\x00\xb5w\xc3\xd5\xf1\x1e\xbf\xe1\x0b\x8c\xdb\xac\x16\xba\x84\xcd?\xda\x17*\xf8\x88\xb2+z\xa9e\x00\x8e\xe2\xb3\xc1\xf2\xe1\xf0\xf5*\xafS\x8f\x18\xbe\xb3\x8a\xa7N^\x83|A\xfb^~\xd0&gt;\x06\xf1\x16\x97\xaa\\\xf8\x93\xfbB9.\x14\xdc[\x1bu\x86\xdc\xc3\xb8\x02\x91F\x83\xa0\x07\xef1-\xef\xde\xbe\xdf\xd2\xaf\xd3T\xd2\xed\xf58\x97j\xdc[\xa4\xaa\xa7\xb0e\x07\x1f\xadz\xf9\x06e\x88\xc7{EW\xa5\x9a\xf9\xdfO\xc0\xf1\xf8\x9b(\xc2\xe5\xb4\xe8N\x82\xb2\x972\x7f+k\xf8\x96U\xb8\xa01\x07\x9a\xfa3\xe4z\x80ny4PP\xdc\xd1\x9a\x0c\xc0\x9c\n\xfc\xef\xfd\xb9\xbc\x12\xfaO\xedy$\xd7\xb0\xef\x87\\\xf2na\xf3\x0e\x01\x8d`m\xc7?\xef\x821\xed^\x0f\x11BR\xc0\xa6\xba?\xd1\x9f[\xc1\xb2\x8a\xcc\xa7\x17\xd6\x0f\xf0i\xfe\x87+\xf0sP\xb3\xb8\xf1\xf6\xb3\xe1\xdf1\xa4\xfb\r\x8c\x066h\xcf\x00\xc8\xff\x00.\x7f\x8b\x1cg\xea+\xd45}\x12K\x88\xd7\xec\xb9\xe5p\xdf-|\xb5\xad\x87\x89\xf5\xb1\xf7q\x92\xb9\x83&amp;\x97}5\xda\xc0\xa1W\xe5\xfc\xb1\xde\xb3\xf5\xff\x00\x07[X\xa4r\xdf6\xe8\xf9-$\x9c\xed\x1e\x80{\xf2+\x9e\x1c\xdc\xa7\xa59F;\x1e\x89\xf0W\xc0K=\x83^O\xfe\xbao\x99U\x89\x18\x1d\x86+\xb1\xbe\xd2\xed\xb4\xbb)-5\xe2\xdeM\xd0+\x1bm\xca\xa3{\xd7m*+\x92\xfe\xa7\x9f^\xbf4\xb9V\xfaX\xe3\'\xf0\xaf\xd8.\xd8\xdb|\xbb\x9b\xe5\xdb\xf7O\xbf\xe5W\xb4;i\x16m\x8cWj\x0c}\xef\xd7\xde\xb8\xd7\xbb\xa1\xd5\xcc\xa6\xaev\xde\x1a\x92\xde\xcd\x18\xbat\xe7up\x7f\xb4j\xf8\x8bZ\xd2\xac\xdf\xc2\xf0\xc3%\xd5\x85\xc0\xbchf\xce$\x8c|\x8c\xbc\x11\xc9\x0f\xeb\xc7^x\xafJ6\x96_(.\xa7\x8bo\xf8S\x8b}\xceF\xef\xc3\xb7_\x15\xfcc\xe1\r\n\xd2\xdd\xa3mB\xf3\xec\xd2/$"\xe5\x1c\x9e{\x00\xbf\xad}\xf5m\x04V\xb0Gk\x02\xedH\xd0*/\xa0\x03\x00W\xa5\xc34\xdf%I\xb5\xbd\x97\xdd\x7f\xf3&lt;\xde2\xad\xfe\xefG\xb2\x93\xfb\xda_\xa0\xfe\xdcR\x81\x9eq_T|8\x054P\x1c\xc4`\xf1\xd6\x8c\x91\xd2\x82C85\xf2\xaf\xfc\x14\xbf\xc0\x93-\x8f\x85&gt;2\xda\xc3\x94\xd1\xf5\x1f\xb1\xea\x8c\xbdD2\x82\x14\x9f\xf6F\xe93\xeeEy\xb9\xc5?i\x97\xcdv\xd7\xeeg\xb9\xc3\x95\xbd\x8eqI\xbe\xb7_zk\xf3&gt;j\xf0M\xfe\x85\xe1\xbf\x19\x8b\x0bi\xa2\xf3\xef.\xa5\x86F\xdf\xf3\xc8pd\x07\x07\xb6\x00\xe9\xfdk\xd7\xbf\xb5\x95\xb4\xe8\xe4\x8dp\xc3\x8f\x9b\x1c\x9a\xf8\xba\x8f\xf7)\xaf\xebc\xef+.\\s\xf4E\x9d\x18\xda][\xab\xc9\x124\x8f\xcb\x16\xea\xb9\xf7\xac\xff\x00\x8a6\xb1xw\xc3\xab\xac\xc7f\xd3\x9bv\xf3Z6]\xd8\\zu8\xeb\x8fj\xe7\x8c\x93Z\x1dn\xeeV&lt;\x93\xe0\x1f\xc7\xaf\x8c,\xd7\xd7^0\xd3\x97\xec\xf2j\x92.\x975\x95\xac\xd1\x15\x84\x11\x85\x91dbs\x9c\x9d\xc3\x00\x8e\xc2\xbb\x1f\x0b\xfc_\xf8\xfb\xa7\xfc]\xbf\xd2\xbcw\xa5Y\xdexgT\xb7\x1f\xd9\x16\xb6:e\xc7\xda-\xe4\xe3+4\x8c\xed\x1b\x86\xc9\xe4*b\xb7U\x14ee\xd3\xfa\xff\x001G\r\xed5m\x1e\xe1i\xa2\xc8|1o\xe7\x85iR%\x0f\xecqY\xf1i\x86\xdeVg\\\xe0n\xac\xaa-Q\x9d:\x9a?R\xd1\xd4\xfe\xcbg\xbc*\xaf\'\n\x0f\xbdq\xfe+\xd7&lt;Yq\xe2\x93c\xa0h\x10\xde\xa9\xd3\xfei&amp;\xbdXDm\x92y\x07\x928\x07\x81]\x1e\xd1\xc7\x0c\xfe_\x99\xcbN0x\xc4\xe4\xf4\xd4\xed?b\x7f\x07\xc9\xe2\xff\x00\x18/\xc4IY&amp;\xb1\xd0\xadd\x86\xde\xe24m\x93]\xcb\xc3\x94\xdc\x06UP`\x1fS\xe9\x82~\xa6\x1c\xf6\xaf\xaa\xe1\xfa|\x99z\x93\xfbM\xbf\xd3\xf4&gt;G\x8a+\xaa\xd9\xb3\x8a\xfb)/\xd7\xf5\x1c\r\x1b\xb1\xc5{G\xcd\x87\xccE\x14\x08\x84\x1a3\xc5\x02\n\xc3\xf8\x93\xe0-\x0b\xe2\x7f\x81\xb5/\x01\xf8\x92-\xd6z\x95\xb1\x8aB\xbdQ\xba\xab\x8fu`\x18{\x8a\x8a\x90\x8dJn\x0ff\xaciF\xac\xa8\xd6\x8dH\xef\x16\x9f\xdd\xa9\xf0O\x8f&gt;\x16\xea\x7f\x02\'\xff\x00\x84\'\\M\xd2is\x99\x96\xfew\x0cf\x87p\xdac-\xce\xccq\x8c\xf1\xc8&lt;\x8cT\xd2\xea\xd7\x11H!\xfe\x13\xc9\xdd\xf4\xe9_\x9eV\xa3*Jt\xde\xf1v?MU\xa3\x89\x9c+G\xed+\x9dg\x84\x1e\x19\xe2\xfbIu\xeb\xf7q\xedY_\x16|Yg\xa7\xe8\xd3\xea\x1a\x86\xa7\x05\x8d\x8c\x08|\xfb\xbb\xb96\x81\xf9\x9f\xfe\xb9\xed\\4\xe2\xda\xb1\xe8\xf3{\xc8\xf1\xcf\t~\xd5_\x0b,\x9a]-\xae\xa1\x90\\&gt;c\xba\x95\x81\xff\x00\xc7G#\x9f\xf2+\xb0\xf0\xaf\xedg\xf0\xbfV\xd4\xa3\xb5\x9f\xc6\x16\xd6m&amp;\x12;\x96\x90ye\xb3\xd0\xe3\xee\xfe\xbe\xf5\xd5,\x1dX\xebs\xb3\xd9BT\xb9\x93=\xf3\xc2\xfe$ym\xd6[\x9b\xd8\xe4\x8eP\xad\x1c\xf0\xc8\x1a7\x07\xa1\x04\x129\xab\xda\xe2,\xd6\xb2I\x13\x7f\x0e~\x9cVwr\x89\xe5\xbd\'\xa1\xcb\xdd\xde3l\x83\xcdm\xbb\xf3\xfd1[V?\x00&gt;+x\xbfP\xb7\xd64\x8d\x19a\xb3\xd4\x15\x1e\rZ=B51\xc7\x8c\x10\xea\xdf7\xaf\xddV\xe0\x83\x9c\xf1]\xd8|\x1e#\x17M\xc2\x97u\xf7\x1c\x18\x8cv\x1f\x03QN\xae\xce\xeb\xe6}/\xe0\x0f\x04\xe9\x1f\x0f|\'i\xe1]\x16\x05X\xed\xa3\x1ec*\xe3\xcc\x93\xf8\x9c\xfb\x93[5\xf7\x94i\xc6\x8d(\xc1tI\x1f\x9eV\xad*\xf5\xa5R[\xb6\xdf\xde;\xd8Q\xc1\xad\x0c\xc0c\x1c\xd1@\x10\xd1A\x98R9\xe2\x803\xb5M\x1fG\xd5\xa4\x8eMSI\xb6\xb9h[t-q\x02\xb9\x8c\xfa\xaeG\x07\xe9_\x0c\xfcn\xf0\xb4\xdf\x0e\xfe+\xea\xde\x1b\x916\xc2\xb7\x1em\xa6\xee\xf0\xb9\xdc\x98\xf5\xc0\xe3\xea+\xe7\xf3\xca\x7f\xec\xeaIu\xd4\xfa&lt;\x82\xb3\x8e!\xc1\xbe\x9a\x7f_2\xad\xbe\xbb\x06\x9f\xa6o\x89\xf2\xcd\xca\xaa\xb1\xaf\x05\xfd\xa0\xfe\x15\xfcY\xf8\xb5\xa9\xdbM\xe2O\x11\\I\xe1\xfbY7\xb6\x93\xa6\x91\x1b\xc9\xe9\x96?\xd3\x07\xd0\x8a\xf9\x1c,\xe9\xd1\xc4^{/\xcc\xfb\xc8\xa7Q!\xbe\x1e\xfd\x94?f3\xa24\xda\xde\x89\xa8\xe9\x17\xcd\xf7fMJ`\xce\xc5@\xe4\x96&lt;\xff\x00\x9fz\xdeO\xd9;\xf6f\xd6|?\xfd\x93\xe1\x7f\x04Kwy"\xedk\xe6\xd4%\x04\x1fg\xdd\x90}\xfa\xf1^\xc4\xb3\x0c$i\xf3^\xec\xf7e^&gt;\xc7\x93\x966\xefm_\xfc\x13\xaf\xf8\x1d\xfb7\xfcE\xf83p\xb2\xe8\x9f\x18\xaf\xaf\xb4\xb5\xc9]\x16\xfb\x12\xa4]\xf6\x87\xc0&lt;t\xc9\xe6\xbd\xd6\xdf\xc4.\xdaR\xad\xfb\x95\x91z\xae\xeek\xc5\xa9R2\xadx\xab&amp;x3\x8a\xe5(\xda\x84\xd6\xb5xm\xa3`&lt;\xc9\x15wm\xe9\x93\xd7\xf3\xaf\xb04}&gt;\r#N\xb7\xd2\xad\x17lV\xf0\xacq\x8f\xf6T`W\xd6d\x11\xf7\'/C\xe2x\x8a\xa7\xef!\x1f_\xd0\xbc\x0eFh\xef\x81_H|\xca\np\'8&amp;\x82\x80\xe3&lt;\xd1@\x10\xd1\x9a\x0c\xc2\x99!\xa0\n\xed\xd6\xbeL\xff\x00\x82\x8b\xdb\xc7k\xe2\x8f\x0f\xeaP\xa6\xd9\xa6\xb1\x99\x0b\xff\x00x+\xae\x14\xff\x00\xdfG\xfc\x9a\xf2\xb3D\xa5\x81\x95\xfc\xbf3\xd6\xca\x1c\x96&gt;6\xf3\xfc\x8f\x9f\xfc?\xacI\xa8\x85W\x94\xeeF\xcf^\x985\xd0\xddX\xeaZ\xe0\xfd\xd4\xdf(\xc7\xcd\x19\xe4{~u\xf9\xf6&amp;.-\xa3\xf4\x8c4\xb9\xa2h\xe8_\x0et\x9dn!\x1e\xaf\xa8J\xc4cj69\xc7\xadt:?\xc1\xcf\x0fA\x1b\x9d7t?7;O\xca\xde\xfct9\xa9\x8e\x1dJ\x9e\xac\xe8s\xe4f\xed\x8e\x89q\xa3A\xf6_3\xe5\x19\xc3\x06\xcdc\xf8\xb7T\xb2\xd2 R\xf7\x83~p9\xebE:n\xe9\x18\xd5\xa8\xb7&amp;\xf8Yu&gt;\xa1\xe2\x9b\x14u\xfd\xd8\xbc\x84\x9c\xff\x00\xbe8\xfaW\xdb\x8apz\xd7\xdbd?\xc1\x92\xf3G\xc2\xf1\x14mZ\x0f\xba\x7f\xa12t\xa7W\xd1\x1f8\x03\x1d\xe9}\xc1\xa0W\x03\x9e\x86\x8a\n"\xefE\x06aQ\xcd@\x15\xdb\xad|\xb3\xff\x00\x05\x1e\xb7Y\xaf&lt;2\xcd\xda\xde\xe7\xf2\xdd\x1dy9\xb7\xfc\x8b\xe7\xf2\xfc\xd1\xec\xe4\x8b\x9b2\xa6\xbd\x7f&amp;|\x85{\xa9]\xe8\x1a\x90\x9e\xdaRC\x1f\xe2n\xbe\xd5\xd9\xf8;\xe2\xa6\x8e\xf1}\x9eY\xfc\xbb\x85\x1f4N\xc3\x9fq\xeb_\x1bZ\n\xbd.e\xb9\xf74\xe4\xe8T\xb37\xad&gt;#\xe9\x93Aqa\xe7\xb4d\x82\xff\x00.\x0368\xc0\xc9\xc1\xcdhxS\xe2t\xfe\x1d\xb2kM[SY\x0e\xdc\x99$l7\xb7\x15\xe5\xb7R,\xf4\xf9\xa3$\x1a\xef\xed\x01\xa4\xd8\xc5$Iz\xb3LW1\xdb\xa3g\x9f\xf3\xde\xb8k_\x12\xea\x9e2\xd7\xbe\xd7y)o\x9b\xe5_\xe1OJ\xe9\xa7/eO\x9a[\x98J&gt;\xd2v[\x1e\xbb\xf0\xaax\xf4\xff\x00\x12i\xab\x9e\x16\xf22w{0\xaf\xb9T\xf3\x9c\xd7\xd6p\xdc\xb9\xb0\xf3~h\xf8\xfe*\x8f."\x9f\xa3\xfd\t\xa2&gt;\xb4\xfa\xfas\xe4\xe4\x19\xa0u\xa0:\x0e\xc1&lt;f\x8a\x05\xcc@Fih\x10Trs\xcd\x00Ws\x83\xcd|\x87\xfbu\xfcC\xf0G\x8d&lt;]g\xe1\xdf\t\xf8\xbfM\xd4\xae\xb4\x08\xe6\xb7\xd6\xad\xec/\x12f\xb1\x9d\x8a0\x86P\xa4\xf9o\xb7\x04\xa9\xc3\x00A#\x91^&gt;q\xff\x00"\xe9\xfc\xbf4{Y\x0f\xfc\x8d)\xfc\xff\x00#\xe6=\x7fE{\xd8\x188Q\xdd~o\xbb\xef^\x7f\xe2\xdf\x05\xf8\x928\xfc\xdb)K\x80wG\xed\xf8\xd7\xc5\xe1\xebr\xc5\xdc\xfb\xecE&gt;f\xacq\xb1\xcb\xf1\x86\xda\xedM\x99\xb8m\xad\xf2\xfc\xc1\xb1\xf9\xd7A\xa7xK\xe3w\x88\x8f\x9b\xa8\xdd\\\x05\xfe2\xd2c\x8f\xca\xb1\xa9\x88\xa4\xa5v\x14\xf0\xf5\xdd\x91\xe8&gt;\x10\xf8K\xa9\xd8\xc0\xb7\x1a\x9d\xd33\x1e|\xces\xfa\xd7\xa3\xf8\'\xc2\xc9c\xf2C\x16\xd09\xdc\xc3\x93\xd6\xb9kT\x95H\xa3\xd0\xa3K\x90\xf4/\t\xc6t\xedJ\x1b\x80\xb8X\xe4V\xfa\xe0\xd7\xda\x1e\x13\xf1\xcf\x83|u\xa6\x8dk\xc1&gt;+\xd3u\x8b=\xdb&gt;\xd5\xa5\xdfGq\x18a\xd5w!##\xd3\xa8\xaf\xb0\xe1}h\xcdz~\xa7\xc4\xf1o\xf1\xa9?\'\xfa\x1b\x91\xb6Fi\xe1\x87z\xfa\xc3\xe3\x98\x13@#\xa0\xa0lZ($\x8f&lt;PN(\x01\xa5\xf1Q\xbc\x8aG4\x01\xf0\xf7\xfc\x17S\xf6\xe5\xf1G\xecs\xfb)\xc7\xa2|2\xd6_O\xf1g\x8enf\xb0\xd3\xef\xa0}\xb2\xd9ZF\x81\xaeg\x8c\x8eVO\x9e8\xd5\xba\xaf\x9aX\x10T\x1a\xfc\xde\xff\x00\x82\x17x\x87S\xf1\xd7\xec\xf9\xe3\xcdGX\xbd\x92k\xa9~"\\7\x9d3e\x8a\xfd\x96\xdb\x07\'\xa9\xce}k\xcb\xcf\x97.Q\'\xdd\xa3\xdc\xe1\xdf\xf9\x1aG\xd1\x9fhO\xe1\xf4\x92-\xe5w\x13\xcb|\xbd\xfa\n\xcd\xbe\xb3\xb2Ko.\xee&gt;\x17\x8e\x00\xe3\xeb_\x9dS\x96\xad\x1f\xa3\xd4\x8d\xec\xc6\xf8_\xc3\xf6\x17\xf7\x1em\x94q\xb30\xcf\x96\xa0u\xcdw\x11XZiV{\xef"\x11\xe7\xfb\xf8\xe7\xf5\xaej\x917\x8b\xba!\xb1X\xb5Iv\x05\xdc\xb8\xc2\xed^+\xa2\xd2t{hXG\xd0\xf4_\xcb\xdf\xb5\x1c\xdc\xd6H\xadb\\\x0b\x15\x9b\xfe\xec\x95`\xa7\x9d\xddq_\xcf\xbf\xc5\x1f\xda\xb3\xf6\x8e\xfd\x8c\xbfmo\x88\x03\xe1\x9f\xc4\x1dk\xc3W\xdao\x8du\x0f\xb3\xc9\xa5\xdf\xc9n\xcd\t\xb8w\x8f;XnVFS\x83\x90A\xe9\x83_q\xc1\xf2\xd6\xa4_e\xf9\x9f\x17\xc5\xd1\xe6\xa7NO\xbd\xbf\x0f\xf8\x07\xef\xf7\xfc\x10\xcb\xfe\n\x93\xe2\x8f\xdb\xf3\xe0\xe5\xd7\x85~4][I\xe3\xaf\x0f\xda\xc5s%\xe4\x10\xac_\xda\x96Nv\xf9\xc5\x14\x05\x0e\x8f\x85}\xa0\x03\xe6Fp\t5\xf7\xb09\x19\x15\xf5\x95#\xcb+#\xe1\xd0f\x9c\xa7\xb6jF/*(\xa0DC\x18\xe6\x93w9\xa0\x06H\xd8\x1cV?\x8b\xfcQ\xa3\xf8+I\x8b[\xf1\x15\xd7\xd9\xe1\xb8\xd4-\xacmwu\x9e\xea\xe2e\x86\x08Pwg\x91\xd5@\xf7\xc9\xc0\x04\x87\x18\xcaZ \xd8\xfex\xff\x00\xe0\xb0_\xb5\x97\x8d\xbfj\xcf\xda\x7f\xc4\xd6Z\xee\xaf\xe6h~\x13\xd7\xb5\r\x1b\xc2\xf6*\x81R\xde\xd69\x9a=\xf8\x1d^C\x18v$\x93\x93\x81\xc2\xa8\x1b\xdf\xf0D_\x10i\xbe\x1e\xf0\x87\x89\xbc\x06dH\xde=X\xcd$J\xa1r\xcc\xa1w`}\x05y\xdcK\x1e\\\xaa\xcb\xba=\xee\x19\x92\xfe\xd0W\xea\x8f\xd0\x08"Y\xb7J\x88\te\xda9\xe2\xb05\x9b7\xb7\xb8hn\x10\x15\x1c\xb1\xdb\xd3\xd3\xeb_\x98\xc6^\xf1\xfaC\xf8NSY\xb9\xd6&lt;\'x\xba\x97\x87P\xccU\xb7\xaaz\x8f\xa5t\xfa7\x8b&lt;E\xe3\x87\x8c\xeaV+o\x1a\xa8"5\x1f\x9foZ\x8a\xd3\\\xa6\x94c\xa1\xdb\xe9\xd6Im\x16\xdc\xaa\xa7Vl\xf7\xad\xcbr\x8aVD\x95s\x82\x1b\xa5eNF\x923\xb5\x8dR\xda\xce\xdd\x9bx\xe5x\xf7\xaf\xca?\xf8(\xf7\xecy\xf0\xdb\xe3\x1f\xc5\xd9&gt; k\x97z\x8e\x97tU\xbe\xdf}\xa3\xdaG4\xcf\x0f;X\xc4\xec\x8b)S\xfc;\xd0\x90q\xbb\x81_A\xc3\xd8\xc5\x86\xc7&amp;\xf6\xeb\xe8x\xb9\xe6\rb\xf02\x8f]\xd7\xa9?\xfc\x11\xa7\xf6\x94\xd3\x7fc?\xdas\xc3&gt;6\xbf\xd4..&lt;8Vm/Z\x928\n\xbc\xb62\x8d\xben\xcc\x9eU\x969vd\x92S\x1c\xd7\xf4\x91\xa2\xea\xfaf\xbb\xa5\xdb\xeb:5\xfc7V\x97P\xac\xb6\xd7\x108d\x91\x18d0#\xa8"\xbfL\xac\xba\xa3\xf2\xbd\xa4\xd1j\x80pzV ;p\xceh\xa0\x08jk\x1b\x19o\xe7\x10D\xea\xa7\xaeZ\xa9+\xbb\x01\xb3k\xa0YZ|\xd3\x0f5\xc7v\xe8?\n\xf9o\xfe\nW\xe2{\xfd\x1b\xe27\xec\xd3\xa3[\xcc\xcbm\xa8\xfe\xd0ZH\xba\x85zI\xb6\xde\xe4.~\x8c\xdb\xbe\xa0\x1e\xd5\xd7N*:\x10\xd9\xfc\xfb~\xdd\xbaB\xf8S\xf6\xc2\xf8\xb1\xe1x\x9fr\xd8|H\xd6\xed\xe3e\xf4K\xf9\x94\x7f*\x9f\xf6\x01\xf8\x87w\xf0\xf3\xe3\xfa\xdb\xda\xac\x8d\x0e\xb5k\x99\x91[\xa3\xa1\xfb\xdf\x91\xfd+\xce\xcf)\xfb\\\xae\xaa\xec\xaez\xb9%Oe\x99R}\xdd\xbe\xf3\xf5W\xc1\x1e$][N\x8a\xe1\xe2l\xb4\x7f\x90\xfc\xea\xf6\xbd\x1c\x0b\x10\x90\x07\x0b\xe8\x1a\xbf\x1d\x94\xb9es\xf5d\xaf\x13?L\xd1,5)\x7fx\n\xff\x00uq\xc1\xe3\xbduZV\x81\xa6i\xa8$\x8e2\xaa\xbc\xed\x8cu\xa9\x9a\xb8\xe2\xda\xd0\xd4\xb6D\xb8\x93&gt;R\xa8\xce\x0fzv\xa9r--\xd8\xb3\xc8@\xe3\xe55\x9af\xbd\x8e\x1f\xc4z\xd4\xcd\x1bF\xc3\xe5\xc1\xdb\xdf\x15\xf2\x07\xed\xa9/\xf6?\x875/\x14[\xaed\xb5\xd1n%Un\xfbP\xb0\xafW(\xf7\xb1Q]\xdd\x8e|\xc7\xdd\xc2\xc9\xf9\x1f\x13\xfc3\xdf\xa5Gfao\x99\x15pE~\xfd\xff\x00\xc1%&gt;9\xeb\x1e\'\xf8m\xf0\x9b\xe1\xef\x88\x16I\xad\xfc[\xf0\xb7P\xb9\xb7\x91~\xf5\xb5\xd6\x8b\xa9\xff\x00g\x16$\x9eV[Y-\x17\x1c\xe0\xda\xf4\x1b\xc9?\xb2\xca1\x94l~/-\xee}\xa5\xa9i\xd2\xe9sy\x12H\xad\x95\xca\x95\xf4\xaa\xeb\xc75\xc5%\xca\xecP\xe0sE ?\xff\xd9'</t>
        </is>
      </c>
      <c r="M520" s="3" t="n">
        <v>45492.67605324074</v>
      </c>
    </row>
    <row r="521">
      <c r="A521" t="n">
        <v>1459623</v>
      </c>
      <c r="B521" t="n">
        <v>1954</v>
      </c>
      <c r="C521" t="inlineStr">
        <is>
          <t>Japa</t>
        </is>
      </c>
      <c r="D521" t="inlineStr">
        <is>
          <t>Japa</t>
        </is>
      </c>
      <c r="E521" t="inlineStr">
        <is>
          <t>UNK</t>
        </is>
      </c>
      <c r="F521" t="inlineStr">
        <is>
          <t>UNK</t>
        </is>
      </c>
      <c r="G521" t="inlineStr">
        <is>
          <t>UNK</t>
        </is>
      </c>
      <c r="H521" t="n">
        <v>186</v>
      </c>
      <c r="I521" t="n">
        <v>77</v>
      </c>
      <c r="J521" s="2" t="n">
        <v>37987</v>
      </c>
      <c r="K521" t="inlineStr">
        <is>
          <t>Left</t>
        </is>
      </c>
      <c r="L52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df6489fd-1d9c-472b-8c03-d8258f1ddf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o\xd4\x1f\x00\x00\x00&gt;tEXtComment\x00xr:d:DAEewil2SDw:3796,j:1497870925631122622,t:24040619\x85uW\x81\x00\x00\x00\tpHYs\x00\x00\x0e\xc4\x00\x00\x0e\xc4\x01\x95+\x0e\x1b\x00\x00\x03\x00PLTE\xff\xff\xff\xff\xff\xff\x002\xbb\x08\x03\x03\x00.\xb8\x01/\xb5\x0e\x07\x07\xfe\xfe\xfe\x02\x02\x02\x05\x07\x07\x001\xb8\x01*\xae\xc1\x80k\x14\x0b\n\x00.\xbb\x005\xc0\xc0yf\x00*\xb3\x001\xbe\xb5lY\x00+\xb6\xbcvd\x00E\xdb\xc9\x84r\t\x0c\r\x00\x1f\x9c\xc3wd\xc4\x83n\xbf}h\x00&amp;\xab\x00&gt;\xd3\x00!\xa2\xd0\x8bz\xc9\x88u\xbes^\xc5\x8bv\x1a\x12\x10\xc4\x86r\xb8sb\xabhW\xb1iX\xbf\x87u\xael[\xb7o]\xbcze\xbb\x7fl\xbf\x81p\xadeS\xd4\x9e\x95\xca\x8b|\xfa\xfb\xfc\xbdmZ\xcb\x90\x88\xcd\x94\x8d\xa7]J\xb3fQ\xc7\x8a\x83\x01.\xb1\x9daS\x009\xc5\x00&amp;\xb0\x00\'\xa6\xbcxl\xa6k_\x96\\N\xb1tf\x00B\xd7\xb2p_\xc7\x83y\xa0[J\xb8aK\xa3VC\xb6xc\xa7g[\xa9bO\x0e\x12\x13\xce\x8d\x81\x00!\xa7\x9clb\x00;\xcc"\x1c\x1a\xf4\xf7\xf8\xb9fS\xc2\x88|\xaend\xc8\x7fo\xc4{j\x1f#%\xd2\x90\x80\xd2\x93\x86\xd4\x97\x8b\xcd\x86t\xce\x9a\x93\xa5eU\xc0gP\xb5zj\xc4lY\xa6pd\xca}i\xbfob\x96f\\\xd5\x9b\x90\xc7s_\x00M\xdf\xba{s\x1e\x0b\x07&amp;\x14\x11\xcc\xdf\xeb\xbf\x81x\xaebO\x15\x19\x1a\xba\x83r\xee\xf2\xf4\x8faX\xaaT?\xc3\x8e{\x99VF\xc2\xda\xe8\xb5\x7fn\xae`JS.%\xc1{o\x00\x18\x93\xc4~u\xad}qtIAC&amp;!\xa6vl\x8fVJ\x93Q@\x82MC\x00U\xe6\x81TL2\x1d\x1c\x9fe[\xe5\xed\xf1\xb0ZF\xcf\x80ni&gt;7\x9bN?\xa3aQ\x8aRF\xbd\xd4\xe4\xb7\x86{\xd2\x87u\\6-\x82D8\xb8riv&gt;2\x8dG;2\x13\x0b\xbf\x8a\x82\xa2O8M\x1f\x12wTM\x8c@(\xd6\xa3\x9bZ&gt;8\xcd\x86{\x8cYQ\x9esi@\x18\x0f\xc7\x93\x7f\xcewedHBF41\xdd\xe8\xf0\xd5\xe4\xee\xb5\xcf\xe2h/&amp;\xee\xea\xe9\x808(\x94\xb1\xd4i)\x13\x148\xb8Y \r6\'\'\xb1\xa0\x9cCLP\x84]W&amp;G\xb3&amp;/2\xb4^S\x90jd\xa1\xc0\xdb/U\xbd\xb7\x8e\x85\xb2e^\x99I1\xab\xc7\xe1Be\xc1\xb0A/\xcf\xa1\x99\xb7L;\xde\xd4\xd3\xa1}x\x8ftsPt\xc5\x1a3\xabz\x98\xd4e\x8a\xcf\x8d\xba\xd7\xd9\xe0\xe3\x85\xa6\xd3\xbbeb\xbfXI\xa12!2:@}\x8d\x94q\x81\x87\xe7\xe1\xdf\xd3\xb6\xb2\xb1\xbe\xc2\x03J\xcd\x8f \x16\xbf\xb4\xaf\xc5nqx/\x16\x9e=5\xc0TZ\x06\x17~\xc1\x95\x8f\xa9\x91\x8a\x98\xa9\xc0\xda{\x8afsz[io\xd6n{\xa2\xad\xb3\x00_\xef\xcb\xd5\xd9\xd3dq\xc7]j\x93\x9e\xa3LJ\x88(9\x99Jh\xadN[`\xbf\xc9\xcec\x80\xbftdi:5o\x9e\x84\x7ffY\x88\n\x16cv\x93\xc1\x11\x10A\xb7NQ%Z\xcc\xd8\xc8\xc6\xcc\xc9\xc8\x06G\xbd\xd7\x89\x98{\x0e\x06\x0f3\x9e\x92\x83\x81\x06\xe7\x9e\x07\x00\x00 \x00IDATx\xda\xc4\x99\xddK\x1bk\x1e\xc7\x0b\x033\t8 H\xc8\x90\xf6B\xed\xd4\xb8j\x1b\x8d/\x91^\x98J[m\x1c\x91\x89=:j\xb4\xbe`\xa5\x19\x8eSuE-\xb4\x1e\xba\x18_j\x0fMK\xd7\xd7\xdac\xb6\xa6p(b6\x92-\x88\x17\x85z\x95\x1b\x93\xc5\x9b^XPD\xf0B/\xf6\x1f\xd8\xfd\xfe&amp;)\x9c\xdd\xdb\x1d\xdb\x9f3\xce\x84\x80\xf3\xc9\xf7\xfb}~\xcf\xf3\xc4\x0b\x17\xfe\xcf\xe2R\x85\xab3u\xe7\xf5:Swx\xef\xc2\x8f)\x1d\x07@\x03^\xe7@\xfc\xf8\xf8\xecl\xef8~t\x14\x1f\x18\xf0\xfeH,z\xf4\xc0T\xfc\xec$qr\x92&lt;8\x8d\xee\xeeF\x0f\x0fc\xd1\x83dboj\x8a8\x07~\x00\x18\xe7tN\x1d\x1f\x1d\x1cFw\x15%\x16SdI\xe2y^\xd3\x04I\x8b\xc5\x80\x97L$\x12q]3\xee\xbb*50\xb5\x97&lt;\x8d\xc9`\x11\xfd\xb2\xcc\xb3\xac\x80[Y0\xa3\x04I\x90\x14e7y6\xe0\xd43\xf7\xfd\xa8\xbc\x03{\x89\xe8\xae\x08\x12VDI\x8cI\x10\x18VQ\x80e2\x99@f\x16\x94h\xf2\xe8\x0cnz\xb9\xef\xe6_\x1cP\x8a*\xb2f3\xa8X\x9e11\xac&amp;1\xbc\xa2Hf\x93Y/A\xd3b\xd1\xe8a"q\xf4\xde\xf9=\xb80\xfa\xe2{\xc9h@\x96E\x961I\n.\xac\x99\x01\x07+\x08\x12\xa8p\x9a\xcd\x12B\x86\x94!u\xd1\x833\xefw\xb0\x11\x8f8&gt;\xdc\x8dDd\x917\xb3,i\xc5\xf2&lt;@\x18V\xd4\x04\x93\xd9$\x80L\xd0H6\x92L\x10\xb4\xd8\xe9\x91\x97;w\xc18\xe7^T\xe2#a\x19\x062"E\x9dg\xa1\x95\x99\x95c\x1ar\xc5\xa4h\x90y!m\xa7\xa4\xec&amp;\x8e\xa7\x9c\xe7\xac\x95\xf7hW0\x8b\x91\x88\x8a&lt;\x89\n2\xcf\xb2\x0c\x8b\x98\x9b\t\x0bi\x174\x89b\xaf\x03I\x82I\x0f\x99rzt\xae\\h\x0b\'4\xd8\xe4\x80\xca\x9bL\xac,K\xc8;\x9cdM\x0c/\x8a\x02\x04\x14\x15\x05^\x82\x0eL\x92\x94\x1e\x00\x92\xb6\x9bx\x7f\x8e\x01\xe3\xde\x9f\xc4 \x85\xa8\xf2*4\x02\x89\x08(\xb3,\xb3\x8c\xee\'5.YW\x0b\xadK\x82\x82\x04\xa7w2\xb3r2pn\\\\\xfc@3\x91J~j\xa2\xa0\xe2y\x86\xe1u*\x94\x99\x15h\x0c\xc8\n\x81Q\xf3\x920\x14c\x8a@x\x8a\xb6{vNX\x1c\x17?\xa4\xf1\xc5\x92Fb@\x14eJ\xbb(S\xbe\x18\xc6d\xc2\x81\xc4\xf3\xb2B\n\xe9Xdh\xeaV\x8b)\xc9\xf3i\xab\x1c7\x95\xd4\xc8\x0f\x1a{\xbcJY\x87\x91D\x05\xb9Xj\xa8(^\x82\xb1\x18\x85\xac9]),\xcaZ4~.r\xe9i\xd7\x9f\xc2\x10\x18\x810\x84"\x06\x90\x7f6\xfd\x82\xe7u\\\\EXH-L\x0f\x17\t\x16\xdb;\x0f,\xf4\xabX\xda\x1d\x86"\x95r\r,j\xc0O ,Q\xe9\xa8\x08\x19EO\xd64Y\x13\xf4\xf0\x0b$\x9ar.X\xce\xe3S)m\x08#R\x96\x08\xca\xaf\xaa\xa0\xa2\xa2\xb6\xea\xe7\xf5\xe83\xac&gt;{\xcb\x8aB\xd9\xa2\xbeE\xbdB;\x0f\xb5\x10\xf7\x834\x94\xc9\xac\xa6\x1f\xcf\xcf\xcd\x85\x16\xc7C\xa1\xc5Phn\x0eh\xaa\x9fF()%\xca\xb2\xac\x10\x17\x88\xc8x3\xcd\x8f\x87\xc6\x87\x8b\xf3&amp;5\xd37\xadT\xf2\xcc\xef\x0fmP\xad\xa3\xbe\xd0\xb1\xb1\xb1\xb8\x08&lt;\xf0a\x18`\x1e\x17\xf5\x16\xa6\xfbgJ-\xc1\x0e\xa6\x0c\xe6\xe2\xb8\xe3\xdd\xb4V,z)\x98\xe66\xd6?,//\xd3\xb9\xbc\xbd\xb0\xb0\x8d\xc2\xab/\xeb\x8b\x8b\x8b\x01R\x8d\xfa,\xfa\x18E0%15\xfb\x83\xb8\xc1r9\x13\x9a&gt;\x9e0\n\xfd"\x0b\xa8/\x043D&lt;\x0bCCC\xd3\xd355\xa3Cx\xb9\xfc\x05\xb2A4U\x15S\xf97\xfd\xb1\xb4\x84\xa1\xab{\xb4\xacS!\xf5\x97\x19?|"(P\x01h\x9a\x98\x86\x00u\x0fUS3=\xb4M\x92\xe9d~?\xfb?Xf6zl,V&lt;\x9a\n&lt;\x83D\xad\x7f!\xd7\x16t,"\xaa!(\x9d\x8bjzha\x9b4#4?\xfb_ba\x0e:2\xb2\xd5s\xdc^LW\x8b\x9d[\\\xd7\xed\xfb\x06\x95\xa2\xfa\xc6\xd4u\xaf\xab\xabK\x17\rh\xc4\xb68\x87\xce\x91V\xccL\x93d\xd2H\x179gB\xd2\xfb(\x06\xdf\x07\x84i\xa1\x96\x98\x08j\xbafT\x87\xca\xed\xea\xeb\xc3AUZz\xaf\xa6\x11dC\xfa( 4\xbd\xf3\xeb3\x11\xb9\xc8\x198\xef\xa4\x9a\x16\x1c\\\xde\xae\xad\x1d\xc2\xa1S\xa53\x95\xe2y\xd7\xd7g\xeb\xe9\xb3\xd9\x08\xac\xd1U\x83w\x17fgg\xb7\x97_\xbd^TU\xeac\x12\xb6C\xca\x91qX\x14-\x1a\x87\xfe\xc5\x8d\xe5Z A\xaa\xda\xa14\x13!\xbd\xebA\xbd\xeb\xeb\xe9\x99\x99\xe9i\xea\xe9\xb1\xd9rKKK]\xa3\x15\x15\x15\xb5\xb5\xc3\xb3\xb3O\x97\xd7Cj@\x91\xf5\x15\xce\xa1\xd78\x13\xbdG\na\xcd\xad/\xe3\xf3\x03lt\x94\x94jD\x90l\xef\xde\xe9P3@\x9a\t\x06}&gt;+\xb8zl\xb9]\xb9\xb9\x8d\xfd\xfd\xa3\xe0\xaa\xa8\x1d~\xfa\xd7\x0f\x8b\xaa\x88]\x1b\xba\xd7\xaea\xabTZ\xd1P\xb4\xf8\xd0\x07b\xaa\xa8\x18E\xd546\x96\xe6\xf6\xd9f|&gt;\xf0\xcc\xf8\xe8\x1a\xcc\xce\xce\x01\x17\n`}\xb6\xd2,W\x7f\x1d\x14\xab\xb8=&lt;&lt;\xbc\xbc\x81)\x89\xb6"\xd1)\xe3\xb0\xe2\xa7\xd8\xe50\xea\xef\xdb\xb5\x15\xa3\x15u\x80r\xb9\x1a\x81e\xebi\xf2\xe5d\x07\xf1\x93\r\x9d\x82\xbaZ9\xa8\xec\x92\xb7M\xcd\xcd\x96\xc2\xac\xfe\xba\xfe\x8a\x8a\xba\xba\xdb\xb7\x87\x9f~\x98ce\x11\x93\xf8\xa9akg\xcey\x16\xa3%L\xe8\xf5lm\x05\x04\xe8\xefw5\xd64f\x95\xe6\xda\x9a\xac9%\xd9T%\xd9\xbe\xa0/\x18\xa4;`\x95\x94\x94\xe4\\\xc9\xc8\xcc-\xccw\xb8\x1cu\xa8\xe7\xcf\x9f\xcfn\xf8e\x19\xcb\x7f\xe3\xb2\xc5\r$%\x13\xb6\xa7\xc0\x02R?Q56"&lt;\xb6\x8bVk\x0el\x03YI0;\x8d\x07\xaa\xcb\xa0\xb2^$\xac\xac\xfc\xac\xfc|\x87\xbd\xa3\xae\xe3\xf9\xf5\xd7!\x15j\x89I\xc36f\xdc\xd4\x81\x19\xf3\x9b\x7f\xecum\x1d\xa0\x1cp\x10J\xd9l\xcd\xd6\xa6&amp;\xab\xd5\xe7\x03\x8e\xaf\x85\x9cli\xc9N\xb9x9\xc7\x9aq\x89\xb0n\x16\x16\xde\xcc\xb7{\x1c\xf6\xba\xeb\xbf\x8e\xa9\xac\x89\x97O\x9c\x06\xaa%\xd0*t\x0cj\x8d\xa6\xa8\xd0\x03l\x19\x19\xcd\x17\xc1\x05\x10\xc8\xd5\x12\x0c\xb6\xa0\xb2\xdf\xfa\xac\x17\xad\xd0\xeabF\x91%7//\xaf\xb00\xaf\xc0\xde\xe1\xb0{&lt;7\x9ea=$\xc6\x8c\xc4J\x08X8\xcc\x11V\xbfK\xd7*7\xb7/\xd3\x96\x99\x99\x01\x1b}p\x8eb\x1f$\xb1\x10-\xab^\x173.\x15\x15Y,yw\xf2\xf2n\x12\x96\xdb=\xf9$\x82\xcd\xc8i\xdci\xdc\xf2\xe1\xd0\xcc\xf0\x845\\\xd7?\n\xb0R\xe2\xca\xcd\xb4Y\x9a\x11\xae\xec\x92\xfazx\x97\xadc\xd5#\xed\xc8\x97\xd5z\xe5\xda\xb5G\x97\x8a\xaa\x8a:\xef\xdc\x81\x8bv\xc2\x9a\x08\xcb\xa2f\xe0\x9c\xc8\xbd?\xc4\xa6A\x9d\x1b{u\xdb\xe5\xea\xd7\xd5\xb2X,\x99\xa8GV_I}KKk+\xf9\xa7_\xe8h\xad\x87fW\xae=zTUUU\xddy\xe7f\x81\xdda\xb7{:&amp;\xc2\x11Y&lt;1n\x05\x81\xc8c\xbb\xac\x8e\x8f=\xa9\x83\x85\xf9\xae\xc6,`\x15Y\xaa\x1e\xdd\xba\xfb\xb7\xb2\xb2\xd6\xf26\x94\x8e\xd3Jg\xf9\xfd\xfbm\xad\xf5\x95\x95w\xef\xfe\xfc\xb0\xaa\x13X\xd57\x81UP\xe0\xf9\x95\xd42paC\xd9b\xf9\xc0\xd8\xcb\xe1|\x17u\xa2\xfcB\x8b\xa5jd\xe4\xe1\x8b\xf9\xfd\xf6O\xed\xe5\xed\xed\xf7\x8b\x8b\xef\xb7\xe9pmm\xb8/no\xff\xf4\xa9}\x7f\x7fk\xeb\xc5\xc8Hggu5B\xef)p\xdfx\t,#\xd5\xf2\x9eh\xbc\x18\x18{U\x80\xe9\xa4\xdf\xe5\xc8\xb2TU\xf7\x0enn~\xdc\xf9\xf7\xce\xea\xea\xe3\x17\x95\xe5\xc5o\x00s\x9f\n\xd7\xe2\xf2\xfd\xad\xfd\xaf\x9fwvv&gt;~\\\xfd\xe5\xf1H\'\xb0\xec\x9e\x82\x9f\xdc\xcf\x02\x8av``\xb6\x9c{\x8a\x18\x19_\xb9Q\x90\xef@\xdb\x82X\xd7\x9f\x8d\x8d\x8fG\xc2\xe1H$\xbc\xb24\xd8\xfd\xa2\xfc\r\x15!\xe1w\xf9\xfc\x8b\xd5\xcd\xb5p\xaa\xd6&amp;V;\xab\x7f\xf2\xd8\xed\xc0z\x12Q\xb4\xd3)\xc3\xfe\x89\x90\xc6Zs\xc3\xc1\x7f\x00+\xaf\xba\xf7\x19v7\xd8\xdc\xf8\xd5\xc8\xca\xdaR\xef\xe3?b\xbd\xd9\xd7\xa9\x02"m\xac\x03\xc4\xfdK\xb5\xbb\xc3cww\xff\x16\x86Z\xc6b\xa9\x91\xf1\'n{&gt;\xa8\xec\xee\x89\x89\xd5\x7f\xed\xac\x05\xb0w\r\x8d\xe3\xa9\x7f\xe9\xed\xac\xd4e\x82\x8f\x84U\xfe\xb8asi%B\xdfL\xf0\xa2\x1a\x18\x1f_k\xe8\x9e\xec\xf0x\xba{\xc3\x8a\x91\x8bf\x9a\xaa\xe5\xf1\xf0\x9a\xc7\xeep8\xec\x93\xcfB/\x07?\x7f\xdd\xfa\xbc\xda\xd00\xf8\xdbo7&amp;\'\'\xabo\xb5R\xea\x8bS\'\xb0\x1a&gt;~\\\xda\\ZZC\xad\x8c\x83\xab\xd7=\xe9qw\x0f\x86\x15%a`\xe4\xb9\xb3X \xbc\xb2v\x1d\\v\xcf\xc4\xef\x13\x9f\xf7\xf7\xf7\xcb*+/_\xbe\x92Q\x94\x87F~\xc7\xda\xd2\xdaFy\xa7\xc8\xb7\x97\xfd\t\xa3t\xe4\xf1\xc8\xc3\xf9\xad\xad\xaf\x7f\xff\xba\xb3\xf4rl\xa9{\xd23\xe9\x1e\x0c\xcb\xb1=#\xbfr&gt;\x8e\x8e\xaf\xe8X\x05\xf6\xc9\xeb\x9d\xf3\xf3\xf3\xa0z\xfb\xf6-\x963M\xcd\xe8\xaa\x19\xd6\x1cpQshk/\xaf/\xb9u\xedj\xd1\xd5\xab\x97.W\xfe\xb9\xb2\x0c\x1f`\xff\xf3\xc4\x93\xden\xb7\xbba3\x1c0r\x9f\xc8q\xff&lt;\x0c\x03k\xd0\x83\xe0\xba;\x1f&lt;x\xf0\xf3\xdd\xca\xca\xca2\x9atr0\xf9ef\xf6\xfc\x87U\xf3ym#=\xe3xN5\x0b)\x08\x84P\x99\xe4`i\xd7\xa3YM\xd6\xf6xF\xb6\xd0ad\xa1\xb1\xb4Z\x84h\xc6\x9a\x89\xf5\xfb\xc7\xc8B\xbb\xc8$rL\xd2a\xec\xc8Y\x8c*\xc76rWk\xb2q\x1cy\x9bx\x0fv\t$1\x91!*\xc8Rr*\x96\xdcZ\xe0\xa6\x82\xeci/=\x14L/KBC\xfb\xbc\xca\xfe\x07\x9d\x17\xfb \x18\xf0G\xdf\xe7y\x9f\xe7\xfb&lt;c\xa1?0\x8d\xb0\x80\xeac=t\x9dK\xe2\x05\xb07\xf0\x10|\x85\x17w3\xf9\x94\xcf\xee\xf3\xed?x\xf2\xb7\xdf\xab\x89u\xed\xaf\x0fvv\x16\xb6=P\x14\xfd\x8e2\xabc\x15\x8eb\x02S\xfd\xe0\x96\xf5\xe75:\x1d\x96\x0c\x05zU+\xcc\x18.\xc0\xe7K\x17\x93\x82\x01z%\xe2\x82j\x9f\x99\xcfC"\xfa\xf6w\x1e\xfcS\xd5\xe9u\xe4\xa7\x9d\x85\xcd\xcd\xed\x82\xc7l6;u\x92\x04-Q\xce\x96^\x1e\xe4\x12\x8e\xcf.\x1aI\xdc\x88%\xbd\xd0s\xa6\x0f\xc3\xd4y\r\xde\xfb\xfc(\x19\xaaPV@R2,`\xe5\x01ksg\xf3\x9d\x8a\xa9\xd572\xf2nsii3g\xf7DLf\\\xa7#qrum\x01u\xde\'\x0f\xee\xccig\x86H#\x16\nN\x07\x82\x87\x16\xbd\xe6s\xe8\xcc\xbc\xd1H\x98\x1d\xa5R\xf63\xe8\xd6l\xd9\xe1@X\x07\x9b\x0b\xafT\xdcp\xf5\xed\xbd}\xfb\xee\xd5\x1a\xc22\x99\x08\xe7%\x8d\xce9\xb4\xb1{\xeb\xc9\'W\x9e}t|\xfclw\xc34J\x90Xr*\x08\xdd\x9a\x12q\xb3gb\xe2\x8b\xc5\xcd\x9d\x07;g\xafR6\x13\x89\x97\xf1rl&gt;\x9f\xf8\xfe`s\xe9\xd5I\x9fj\xd5\xf4\xf2\x9b\xee\xfd\x97\x07kkK9OdH\x8bk4\x97\xb4\x1b\x8f\xffx\xeb\xec_W\x8e?z\xfe\xec\xa7\xb3\xc7+\x1eb\x8cN\x87\x90\xb9\xb9`\xd4\x9a&lt;s\xb7wo\xfd\xf0\xfc\xd7\xcf\xa15\xed\xacM\x0c\x918\x0bXy\x84\xf5\xef\xbf4\x9bje\xd7^\xb9Qo\xdf_Y\\JE\xbe\x18\xd3\xea4\x97\xf0\xea\xca\xfdo\xe6\xec\xaf~\xf8\xea\xcb\xdf\x9e=\xcd\xaf\xac\xd4\x88\x19&gt;\x9e\x84yL\x8f\xd13\x84}\xe5\x1fw\xce\x9e\x1d\xff\xe6\xf8\xca\xf3\xe3\xafn\x81\x98e\x96\x9dw\xf4\xd4:x9\xe1\xe9\xa8\x94^{x\x03\xcew\xb7\xb7\x0b\x91\x991Z\xa31J\x1az\x8c\xc8d\x1c\xa9\xa5o\x97\xf2~\xf7J\x97\xe7G\xc7\xa2i\x98\xaf1\x9a\xbf\xc9\x13s\xdf\xec\xff\xf7\xd9\x97\xbf\xfa\xe4\xc9\xd9\xd2\xee\xbd{\xbbsN\x16\xdcM"q\xb0\xb4\xb6\xd1mTK{j\xe4\x17\x14-\xac^\x8fF\x8b\xb7\xb7=CC\x80\x85\x19\xcf\x0f\x0c\\\xd4L2\x931\\[\xab\xd5F\xdd\xa3\xda1\xf7X4\x0eXqz\xec\xa6\xd6\xb1\xf1\xa7\xfb+\xe3k_o\xee\x17\xec\x05\xdb\xed\r\xf7hY\xe7\x00\xac\xdc\xd2\xed\xd9Vu\xb6|\xa2\n\xd6\xb9f\xba!\xa5\xe3Q\xf7\xb8\x07\x86\x1e\x18\xc4\xa0R^G\x93\x84A\x00q\xaa\xc5\x99Z\xd9\xecv\xbb\\\x08+\r\xba\x8d\xde0\xb9\xdd\xee*\xaf\x8d\x95J/J1\xa7\xd3?C\xe0\xb8\xc3\x9f8\xd8v\xbb\xe2\xdd\xd3\xf8\xdb&gt;Uji\xa7\xd5h\xb5\x00\xcb\x06XZ\x84\x95\xd4\x7fL=\xa4\x041\x1d\xe7]U\xbeV\xf3\x0f\xb9\x8b\x80\x05Q\x8c\xf3\xd5\x9bn\xff\xbc}\xe2\xbb\xd9*&gt;8y}r\xf0F\xec\xeaU\x16*\x99\xd3\x9f\xf0-\x16\xabX\xf5\xb4\xd1\x19Q\x83\xea\xb2\xb7\x0e\xa7\x87Eha\x94\x16\x930\xb3\x1a*0\xa4\n\x98$\x1dA\x18#\xa3h\'\xd8S\x8b\xe6\xf9\x99\xa1\x84\xaf0\xba\xe2\xae\xc2\xa5\x15ee\xf2\xfa\xa7\x83\xb2\x0e\xc7\x01k\xa2ZM?j\xb7\xb7T\xb8\x8b}}{R\x9d7\xd2|t\xb4`"\xb40\xb7\x8a0\xb1\x1a\x04tDI\x92\xca\xb5\xda\xd0\x98\xcb\xc5\xf3\x90\xf2\xcb\xcb\xa2\xc4\xf3Z\xc2\xe4G\xa7F\xead\xa5\xb7\x8f\x18\x90Y\xc0\xb2\xfbl\x84\xd4ju\xdb\xc3\xd7\xd4P\xab\xe9r\t\x8d\xd3.\xbf\x1a1k\xd1:\x04\xc6\xe8\xf5\x90\x90\x14\x05\xd1\x88\xba\x10I\x1b\xe9h\x94\x8e#\xacuA\xa2iI\xe2\t\x8f\x03\xfa\xb9\xc2)\x1cg\xa0\xac\xc0u\x11\'\x9d\t\x9f\x8d\x94&gt;\x95\xea\xeda5\x96#}\x9d\x86\x14o\x9fv\t[\x0f\x0b\x13B\xfdS\xfd\xeb\xa1\xa4\x80\x96\x10\xe8W\xc6h:\x1a\xa7\xe3\xe9\xe5\xf5\xfe\x8a\xac\x030^\xab%\xf0X,\xcb)\x8a\x9e\x82\x86\xed\xa5\x14\x1d\nbb\xa8]\x14\xf8\xfa\xa1\x1aA\x1c\t\xd7\xd3\xae\xd3\xd3\xaac\xdcc\xd6B\xef\x13(4\xa2\xae\xaf/\'?\xac\x019N\x8c\xc3\x91h1\xb4\x0e\x7f\x9fe\x91`\xd05\xd9\x0c`\t\x15\xaf\x97a\x18\x8ac\xcbN\xbb/\x81w\xeb\x8f\xb8FX\x05\xdf\xdc\xb7\xa7|\xc0\xf2\xd8"(\xe51\xbd\x17\x8d\xab\xa8\xd1\xac//\x83\x13d8\x0c-\xbdi\x1a\x03\x19)\xb9\x8c\x83^\x92\x8ee{!\x0cU\xbc\x81\xa0%\xccp\n\xeb\xb0\xa7\xe6+?7\xd2T\xcb\xa2\x06\xd6I\xb5\x9dn\x01Vd\xbc\xe0A)\x0fX0HLO\x83\xdbZ\xaf )\x00+\x1a\xe5y&gt;\x1d\xea\xf7r=,Ibed\x14+\xa0\x95%8\x1d\x0e3\xe0o\xca\x89T\xde\xda\xaa\xc7\xbd-jO\x05\xac\xb7\xddv\xab\xfd\xfeT2/\xda&lt;f\x12r\xcbk\x19&gt;\xdc\x9a\x0eNy?`Y+I\xf4\x82\x80\x07\xe0\xfe~\xc0"q\xc0\x82\xba\xd0s\xaf\x0c&lt;\x0b\x03639\xc8\x02\x96\x87\xfd\xb9\x1e\xaf4\x04\x15\xb0\xceu\xda\xf5\xc6\xe9\xfbS\xda\x89\xb0 \x88\x02\x03\xa3&lt;\x18\xd1@\xc0\xdb\x0f\xc9\x0c\xc6X\x8c\xbb\x8aU\xde\x88\xee\x02\xe4\x16Q\x93hL\xe1\xb2\x80\xc50\x16xv+l\xf9\x05\xcb/6\xea\xd1\xe5\x06y\xd2\xf7\xffg&lt;`\xc5\xdb\xef\xdf\xcf\x9a&gt;`i\x84\nZ:\xa0\xf5\xc7\x14\xdc1\x8e\xb3rB\xb4Xt\xd1\xe2T\x10\xd2\x88\x93\x9dC5\x12\xe3\xc0,[-p \xb1\x86\x11V\x06\xb0r\xf3B\xbd\xdd\x88\xb6\xb4\xaa`\xd5\xdbQ\xd7l\xfb\xd4\xbd8\x1e1iu\xe7\x05\xc1\x8b\x16\x1f0\xe4\x80^\x15\x84\x85UoB\x08\x99\xad\xad\xe9\xadNx\x92%\xaa5\x16\xb0\xaco\x90XhK\x12\xb6X\xaff\xca\x8eD.\xa6k\x9f\xd6[\xadjS\x8d\xdcj\xb5\x1b\xb4\xb1\xfe\xfe&gt;`\x81\\\x1aQ\xa0 a\x86\x87\x0f!\x8c\x95\x90\xa2\xc8\n\xcdK\x1a\x8dl\xe9l\rou\x0e\xeffp\xe9\xa8\xccA\xceY\x19\x0b\xc2\xea\xa5V\x86e\x1d\xbe\x9cc\xb6\xdbu\xa5\x1b\xbc\nX\xe7\x9aR\xa3e\x14\xe8\xf6\x9f\xc7\xc7\xa1\xce\xf3\xa4(R\x96\xf0!Z7\x04\x03\x15\xbd"\xcb\xf2\x11\xa6(\xa2Fa\x02\x01\x0bc\xcdf\xb2\n[\x06$\xc6\x8a2\xeb?\xc10\x885\x99e\x1d\x89T\xca\xdfna\xe9x\x83=Q\xa3ny[q\xc1`\xc0\xe8\xf1q\x1bxf\x12\xc3\xf4\xe1\xf00(3&lt;\xed\xad\x84\x04Y\x91%\x99\xb5-l\x7f\xae(\x10\xd0\xb2#\x93\xbd\x9b\xcd\xc0\xd8ja\x987\xe1p8h\xe9\xb1\xb2~{\xae@4\x96\xf5X\xb4\xc5\xa8Q\xb7.\x1f\xa61A\x14\x84\xb4\r\xb0LZ\xadF\x92\x99\xf0pO-\xaf7\xc4\r(rYr?\xbewo1\xc6\xcaJyqww\xc3\x9f\xc9\x80X\x90Y\xbd\x03bqP\xb5\xfc\xbe\\A\xa7\x0f0J:\xae\x8ak\x1e\xe9\x08"\x94p#\x16Y\xb4E"\x04\xc9J\x10\xc5a\x04\x06\xb5\xabBQ\x9c,U\xdd\x13`\x18&lt;\x1e\xbf?o\xdf\x1e\xdfX\xf1\xff\x82\x15\xfe@\x05\xb5\x14&lt;s*W\x10\rP\xe7\x96\xf5MU\xcc\xe9IV\xc2h\x12\x13\xec\x8b\xb6\xd5\x88\x89\xd4\xe94\x9c\x17\xdd{\x94\\SS\xde\x8a\x90&gt;*\x16k\xaf\xa5\x99\x89\x89\x82?cUj\xa3G\xaf\xb9\x9eXa\xf4\xc3X\xa1h9\xfc\x85T\xce\x9fN\x0bzk\xc5\xb2\xa7\xce\xac\xd8a\x15\xa3v\x80\x9e\xdb\x9eX\x05\xc7E\xea4"\xeatAT\xbaP\x8d\xa8\x08\xaf\xa5#\x07\x9b\x89\x11f?\xf8\x99\xda\xea\xd1k\xc82\x06\xedz\xa1l\xc1\x8d\xcc\xc2\xfc\nb\xe5b\xcbiQ\xe4(\xb5&amp;\x9f\xcb\x9d\xac\xcc\x12\xab?~\xbf\xea\xb1\x9b\xcc$\xae\x83\x1a\xd1\xdbz\x03\x16\x03X\xe0_J`\xdb\xaf\xde\xc8f\xe6K\xa5\x8c\xdf/s\xd0\r\x99\x00J.\xc6J)2\\C{*\xb5?\x9a\xe4XE\t\xab$\x16\xd8\xe6\xe6\xe1\x8b7o\xf7~\xb4\x99\xecv\x13\x01\xe6&amp;\x19\xa2zo\x07\x02S\x94\xc1\xc0Mf\xe7\x0fr9\x9f\xdd\xe3\xb4o\xa7\xbe\xf7\xe5\xf3\xac\xd2\x93\x0bAS\x1c\'\xeb@,_*\xf52_\xe42\x99\xbbM\xd5v\x94\x00\xb6wm\xe4\xf2S\x9b\xc9\x9c\xb0\x9bH\xb2\xe7P\xa1\x03\x06\x1eR\x03\x83Wo\xe4S\x0b\xbf\xfb\xc3\x9d\x85\xaf7\xdc\x1b\xdf\xdeY\xb8\xb3\xb0o\xcf\x0c\xca\\\xafUS\x06A\xd4\xf4\xc6\x8bT\xeei\xb3T\xc8?m\x8e\xa8\xfa\x0f\x07\x80\xf6w(\xf3\x80\xe5$\xd1\xebM}\x88z\xf8\xf0\x7f\xb4\x9c\x7fh\x1b\xe7\x19\xc7C\x8b\xa3\xc6Q\x88\xe0\x10Nc\x95.n\xa3\x1f\xa7_X)\xfeq%\xd6\x89\xf3\xd5\x92\x12\x0c\x8ed1\x08\x9ap"\x98\xe3\xc88\xc2\x8a|\x9e\xf5\xf3"+\xab,!\xee,E\xd8\xa0\xca\xf6\x9cer\xda:B#^l\xd8\x1fN\n\xc9\xe2\xbf&lt;R\x9b\xa43\x19\x1e\xc4\x7f\x84\xad3i\xd2$e\xdb\xf3\x9e\xd3\xed\xff\xd5\xf7\x80\x840\x02}\xf8\xbe\xcf\xfb\xde\xf3\xbd{\x1e;\x82\xd1Nou6U\x8c0\\9\xc7\xe6\xf9\x14\xc7q\x0c\x13\xf6\x87&lt;m\x9a\x02T\xcb\xa7\xeb\\2\xb9\x16\xa8:\x93\xfe\xb5\xae\xb9\xe5\xe5\xb9\xdd\xee?\x95\x98^z\xd3nXE\\\r&gt;\xe3Lw\xb7\xa6\xb08\x95\x98\x9c\r\x17#\x1c31_\xce\xe5\xf8\x0c\x9f\xfb\x82\xe1\x98\x08\x80\x95z\x82\xd9\xac\xe3(h%Wj{\xcc\x08\xeb\x95Ib\x12\xa1)V\xb2\n9\xef\xc4q\x15\x8e\xc9\x0f\x9f9\xe3\x1a\x88N\xce\x826)n\xa2\x9c\xe3\xc9\xa5\x95\xb3j\xe3M\xcc\x1e\xe7\xcb\x91\xc84\xc3\x85\x17nog\x07\xa4.Y\x83R\xc8\xac\xe4\xc2\xf2\x9b\x91\x83\xdd\x0e\xc8ys\x0f\xae\x82\xcd(&lt;\xe3\x9cJ1\x13\x13\x13e6\x931\xf7\x8e\x8c|\xfa\x1b0&gt;\x9fn\xc2\xbe\x1c\x8f\xa5\xb8"\xc3\x14\xab\xb7CA\xa9K\xae\xb4\nw\x02\xbd\xb7\xe7\xf6\x88\x12\x92\x0b\x15\xc2f\x06\xb1(\x01\xcb\x1a\xe6\xcaL\x99\xed\x8c\x9am\xb6\x9bK++\x8f\x84\xd8Z\x1f_Y2wVSL\x84\xab\x86\x82\n\x99\x9c\xb2\xec`U\xe6D\xea:\xbd\xb0F\xc0U\x11\xc7\x91Z\xb2\xc3V\x96\x8ferl,\x7f\x1d"?\xf6pl\xec\xeb\xaf\xe1\xc3\xc3|\x9e\xcf\x93\x9dS\x93E&amp;\x1c\r\xea`\x1b\xf6L\x01\x97waM\xa4\xaey\xd8\x8a\xfe\xa4\xdb\xa6R\xab(%p)&lt;\x1e\x9c\x9f\x9f\x9f\x9f`r\xb9D\x82\xe7Y\xfe:\x9f\xa8\xf2\xb9\\\x19E\xae\x1c\xe6\xd9PP\x8elk\x14\xb6\xabw\xe1\x95H=\xe0P\xa8\xfa\x91\\\x10`\xaeu\xd2\x0f\xa4X\x1c\x84*\xa7\xeeL\xfe\xbb\xb2\xbdQ\xa9l\xa0\xd7\xf6\xc6\xb7\xdf\xceNOOO\\\x0f\xd8\x82z\xb9\x92\xa2\xa2\xd1\xe8\x82\xd7\xbf\xbd*\xd2\x1a\xa2\x13\x82 \x88$\x805\x9fjh\x90\x1e\x95\xba\xb0\xb3\xa7^&lt;z\xf4b\xcc\xb9\xb8]Y\x13\xa2R\xf9[\xb5D&gt;|\xf80O\xe3\xd6\xa0G\x8e\x8e\xd2\x9e)t\x98^\x10\rk\xb9\x93\x04.\xb7\x1b\xaa\xc1c\r2i\xfd\x91\xfa#\xdd+\x8f\xb6\xb6\x9e&lt;\xd9\xdaZo\xf9\xcbbe\xad\xd2\xeb\\\x7f\x81HW\xf4z\xbdN\x8f\x1e\x08\x9b\xcd\xe8\x88_X\x13\xab\x8f_"Y\x9e"\x05\xb9\xd2\xf6f\xe0\x92~0\xf3\xf3\x93\x8d\xc3g\xb7\x9el&gt;~\xbc\xb9\x89\xd8v\xde\xb7V\x1e\xad\xf8f\x06\r:\xab\x87\xc2mf3d\x96\x7f\xe1\x95h\xdd\xdf{\x00\x0bq\xa5\xd3\xa8\xed@\x0bX3\x8d\xed\x8e\x91\xf5\xf5\xf5\xc7?\xfc\x80\xc867\xe1\xc3:`\x8d\xfb\n33\x1a\xbd\xd5J\xa9\xdc \x96\xdf\xeb\xbf\xf3\'\xf1\x9a\xe5WC$\x89\xc0\xe8\xa6\xa1\xe6fLq\x04\xf5\xac\xb4;\xdaG\xd6A\xae7\x81\xb0\xd6{\x0b\x0e\xc7\xe0\xa0&amp;h\xa1pw:\xd9\xe9\xf7\xfb\xab\xdbs\xa2\xa9%Y\r\x11d\x8c$\xe9&amp;\xe0RS\xf2\xfa\x0f\xea\xea\xea\x8e\xb6;Z@\xb0\'\x10h\t7\x9fl\xad\xfb\n\x05GaP3\x10\xb4\xe0\xe94A@\x01X\xaan\x88\x8a\x95&amp;b$M\xd24\xddd\xa4\x94\n\xa9\xb4\xdbU_?\xe2(\xf8\\+7Q\xa6C\xac\xb4\x15\x16\x0bY\x8dF30\xe0q\xda\x10\x16\tT\xd5\x8ah#H\x12\xd3\\\xd6n\x17\xe4\n ,\xabN\xe7\x92\xc9\\.\xd7\xb0\x01\x9c\x8d\xc5\x9cL&amp;\x89\xb4\xb3\xb7\xb0\xe8\xf3\r@\x04=\x16\xb3\x1b2\x91,\x95\x12\t\xbfh\x1b\x11\xddE]l2\xa6c\xc0\x05Xv\xdcj\xd5)d;\\:\x9b;\xe9\x85H\xda\x9c\xbd&gt;\xa0\xd2\xeb\x05,\x1bA\x13$\tT%\xef\x9ah\x19\xbf\x83e\xa43\x99X\x80N\xd3*\xab\xc7\xa3\x97*dR\xc0\x92Z\xdcD\x8cM\x94\x08\xf0\x18\x80eh\xd3\x07\x83\xc1P\x8f\r\xed\x90\x18P\x11\x9d\xaf\xf6\x88\x8a5\xd4o\'Y\xc4E7Q\x80e\xa8wI\xeb\xbb\xeb\xba\xbb\xdb\xd2l*LZ\x06\xda\xda\x00\x0b\x8e\xd2\x01\x0f`%A\xabX&amp;\x91 \xddS/%\xa2.b\x7f\xb3\xda\x9ea3\x01\xe0RY\x83\x06\xc3Q\xf44\xe3\xb3\xd3u#K|\x8a%\xda|\xc3\xc3&gt;\x87O\x0f\x05~0\x04XiD5\x19s\xa7\xa3\xcb\xe2b\r5\xaba\x19\x11\x17\x99\xb6\xea\xf5\x9a\xc1Ft\xe7\x1d\x0c\xcea\x82\x8d9G\xda\xdb\xdb\x1d\x0e\x8d\xc6\x81\xb0\xe0\x9aCf\x12,\x9bq\xab\xd2\xd1U\xb1\xb10LE\xb3h\x1dI\x95\'\x18\x1c\x04s\xd3\x08Vu\xe4\xec\x12I\xf6\xb6|\x04\xd6\xde\xe1htd\x83\xa1h\x8f\x1f\xf6 \x1bf\t\x95\x91\xbe=\'&amp;V\xb6c\xe8\x93S\x18\xd6\x1f\x07\xaeL\x8c0G\x83G\x1bO\x1eio9\xf9Q\xcb\xb8\xdbF\x8c7\x82\xb3oq4\xce8\x06B\xa1)\xaf\xbf4\x19\x0e\xb3\xb4\n\xf4\xbd-\xe2D\x14\x1c\xa7\x08\xeb\x18\x865e\x80\x8b\xcd\x90\xe6\xa0f\xf0\xe4\xcfN\x83\'\xf4\x99mD\xd2\xe9\x03k\x0f1\x88\xc4\x02\xaa\x04P\x91*\n\xb06\xba\xc4\xc4\x8a\nX\xc70c\x80\xe5\xf9p8\xe1\xef\tj\x1a\x1b\xebF\nYs,S2\'C\x85\x96\x82\x0fV1\x1b\x8avV\'A\xabp\xccMQ\xea\xfe\xc0\x86\x88\xe3v\x92\xd5\x9e\x8e_\x03V\x03f\x04\xae\\.5\x1b\xf6GC\x1a\x87\x03\x0cc)\x15\x86T\xea\xec-d}\x8eB6\x1b]\xa8\xce\xce\x82\xc1FT\x98\xda\x1e\xa8\x888l\'Y\xee\xec\x18\x1aBm\x94\x98\xba)\xce\xe6\xc0\xdd\x14\xab\xde\x1eOov\xa1:Y\x0c\'\xd8\x92\xd9\xe3\x03\xd3\x9a\rM-\xcc\x16\x8b)\xa0\xb2Y\xac\x14fl\x12\x15\xcb\xb4\x9c\xech\xfa\xe4\x17\xa8_\x11\xd2%\x0e\xce&gt;2zu6\x93\xf4\x96\xc2\x88\x10\xc4\xf1\xf7\x84 \xa6\xfc\x93\xc5\xc8U.\x15\x0e\xa8,\x1e\xabr\x07K\xbc\x8b\x8f\xe9%)\xe4V\x83L\xa6D\\9\x8e\xb9\xd2w\x83K\xa5P\xeb[\xa4\xc8\x81\x95.\xf9K^\xff\xe4\xec\xd5\xd1\x08\x97\x82l\xb7\xe8u:\xc0\xa2\xc5\xc5\xfas\xbcc\x08\x95\xcbr\x19X\x07;p1\x13\xa3\xe7\xfaFG#\xa3\x91\xe9\x08\xc3D\x18\xae\x88\x1a\xb6n\xc0_\x18\xa0\xb2\x8d\xf7\xeaur\xad\xdaN\xc7\xc4\xc4\xeaZ\x13\xb0\x1a\x1ad`\x96\xe5\x18p\xf1\xe5\xd1sh\xa2\x13\r\x92E"\xa3\x80\x03\xef}\x07\x10U\x86@Tm\xf2\x06\x94\xf1\xb1\x8aX\x93\xe8\x12d\xf6\xff\x87%\x93kU\xf6\x0e\xe0\xba"\x8c?\x1d\xd8{\x00\xcd)\n\x13\x94\x07\xfa"L\x0e\xce\xda\xf16\x83A\xa1\xd4\xa2\xd4\x8a\xff\xf5sqF\xbe%\x12\xd3\xe5\xbf\xdf\x19\xdb\xc1\x12\xea,9\x0e\xbf\x97\xcfM\xa3\x81\x99\x9d\x11\xd3\x13{\xf7\x1d\x02\xc2\x0fA+\xd2\xb6\xa4l3h\x0c@\xaf\xee\xa7\xe3\x99\xab\xcf\xfex\xd1$\xc2\xb8\x9d\xe4\xb7\x9f?\xfd\'\xdbA\x0bXr(\x97\x15(i\xec4\xcf\xa1\xe1\\\x01\x0c\xcd\xc9\x1f\xda\xf7v\x1f\xc3q%\x1bni\x1b~\x83\x05\x8b\x9daN\xfc\xea\xab]\x9f\x14\x06\xa9~\xf7\xf4\xf9\x89\x1b\xf1@\x93\x80\x05rI\xa5\xb2\x06\xb5\xdd\x08U\x0e\xc7\x94\'\xfa\xd0:\xbe\xfd\xce;{\x0f\x9c\xeb\xe32$a\xfb\x11\x0b\xc1\x1b\x11\xd6\xa1oj\xefw\xed\xea\xed-\x89\xa4\xeb\xfc\xfd[\xcf\xf6\x9dK\xc5\x85E\xd4\x02\xd5\x8e\\F\xbb\xca\x9ev\xc7\xf8|yzzb\xa2\xef\xca\x95s\x11.G\x92*\xa7SMA\x89\xa8\xd1\xe8uJ-\x0ej\xb1\x1c`=\xb8{\xd1$\xd9\xbd\xf1\x10\xd3\xe5{\xb7\xbe&lt;\xfe|\xef&lt;\x1f\x1fCji\xb5:\x99B\xaaP\xc0O\xba\xd3*\x95\x9b\xa6\xd3\x81\x1c\xcf\xe7r\xb92\x03\xe7\xba\xcd\xec\xc4q\xca\xaa\x1f\x00,\x03|\x07e&lt;\x9b\xfa\xf0Y\xed\xc7\xafo\xdd\xbb\xd6e\xda\x9dN\x96=\x17.\xde\xfdr\xff[\xc7\x9fO_\xe7\xe3\x1d\x82o\xd5\xee\xa8\xa5\xb3j1\xb5Q\x85\xab\xecn\xa3\xbd#@\xdb\xdd\x04I$\xcdN\x8b\xc5I)uz\xf0d\x08K\xd8\x88|\xee\xca\xb3\x9a\x83\x1f\xef\x7f\xfd\xd5\xfd\xf3\xa6]iG\xbap\xef\xfb\xd6\xf7jk\x8f?\x9f\xff\x11\x0b\xd4\x02*4=@\xa915\xba\x97\xaa\xb2c\xdaf\xb5Z\x95v\xbb\xcd\x96(\xc2\xb2\xc26\xd4\xa0\xd4Rb\xfd\xf4\x7f\xb1Z\x8f\xff\xf2_\xdf\xfd\xe4\x12\x07\xed\xbf?\xdc\xfd\xfe\xf5\xbb\xad55\xef?\xff\x02a\x01\x15\xe4\xbc\xa0\x96\xb4^a\xa5p\xb5\x9a\xa2p\\\r+\x8biq\xdci\x11\xdaX\x9c\x94g\x18-!\x9c\xbaJ8u\x11\xd6\xe875\x07\x0f\xd6\xbe\xfb\xe0\xc1?\xde\x14\x84\x92\x9f\x90\xea\x17\xef?}}\xa9\xf5\xfd\x9a\xd6\x9a\xf7\x10\xd6XG\x13Pa\r\x08JZ_/\xd5[\xb5\xb8\n\xb8\xb4\x18\x86i\x95\xcaq\x0b\x12\xca\xe9\xb4@f\x19\x0c\xd2z\x84\x05g&lt;\x1d\xc8\xe7\x01\xab\xf6-\x84u\xe9\xf7O\xef_\x93\xec\xfc\xa3\x9b\xff\x13\xea\xf2\xc5\xf3\xd7\xbe{p\xe9\xf8\xf1\xd6\x9a\xd6\xfd\xcf\xe6\xaf\xe7\xc7:\x84Z^.h%`)\xad\x94Z\x8d\x83V\xda\xffpr&gt;\xa1m\xa4g\x187\xc3\x0c\x85\x191\xe3\x99Ld\x06k4\x18!\x13g%\x85\xfa\x902\x9d\x19\x13+\r5\x06\xed`B\xd3\xd3\xe2\xe3\x1c\xa6A\x06w\xc2F,,\xa9\xda\x1a\xb6\xcb\xe4\xb2\xa1\xf4VB\x91fA\x88\x1e\x04\x91\x0e\xd2%\xd1\x1f\xa3CO\xbe\xf9\xba\x17\xdb\xe0x\x1d/\x86\x85\xd0\xe7\xfd\xe4\xa4\xdb\xd2\x96\xb4\x9f\xc0\x92\xf5o~\xf3\xbc\xcf\xfb|\x9f\xc6\x1e][^\xbe\xbb\x0e\xe5\xc8\xef\xeb\xc5T\xea1=!s\x1d\xd6\xba\xf7\xe4\xc9\xb3\xaf~ip\x9c"\x18\x07\xdf\xbc=\x1c\r\xe2\xadFs\xef\xff\x9a\x8e~\xb4\xd5H\xe2\x9d\xbdp\x12\x04oM\xdb\xb6\xd5\xc3?\x01\xeb6\xb3\xfcF\xea\x01Q-.\xc2\xf5\xcb\x1b\xcbX\xe8}\xc4\x14\xbbI\\\xcb\xeb\xeb\x1b\xdb\xc5L\xaa\xc4\x1e\x87\xe37\t\xeb\xeb\xefL\x91\xe3\x80U?&gt;9\xe9\xf4Z\x8df?n\xec\xfco\xee\xc7\xf4\xb7\xda\xe8\xef\';\xcd\xf1I\'\x08&lt;O\xb2%\xb5\xf6;\xc2\xda|\xf8\xf0\'\xd7\n\xd0*\x9f_\xcc3.\x1a`\xa3E\xc5\xf55\\\xafmo\xaco\x97\xa8\xc4\xa5\xd4|a\xf9\xe6-\xf2\xd6\xb3O\xdf\xa8\xa2(JFpp\x12\'\xad\xc1\xe84\xde\x0b\xbb\xddh\xef\x83\x13\x96\xbe^h\xb5\xd9\xdf\xef7\xb6\xba\x03\xc1\xa8\x05\xf0\x96\x84a~\xf7\xf5\xb3\x9f\xd3\xc9G\xb7\xae\x152\x0fR\xb9\xa5&lt;\xfb\xffop\x156\n\xd4\x9a\x99\xcc&lt;\xe6\xca\xeb\x1bt\x0c\x80\x90\x17\x1fg\n\x19\xac\xcb\x98\xe5\xffZ\xe3y\x81\xf7\xbc\xfa\xf7\x17q\x12%\x17\x9d\xce8\xde\x8b\xfa\xdd$\xdc\xfa \x97\xd1\x17\x1e\x85]@\xad\xeeL;\xf6\xe0\xe2\xf4\xa0\xaeX.\xb0\xf4\xc3O\xff\xc0\xb0n\xdc\xdd(&lt;X\\\xca\xe5\x96\x96\x16S\xf3\xf3@\xc2\xe6\x8b\xd4\x04\x00[+\xd0\x11\x80\xd2J~!\xbfXz\x00\xb5n\xc0[\xbf~\xf2\xd5\x1bU\xd7u\xc1\x10\xeb\xdf\x9f\x9c\xb6\xa2(\xee\x9ev:\x13\x94#\xdeo\xc5\x1f\x00F\xdd\xb7\xbf\x9f\xecm\xad\xc6\x93vg\x1a\x87\xdd^p`\x993\xb9\x9e\xdd\xbeGj\x01\x0b5\xc2\x87\xe9\xa5&lt;\xb8\x805\x9fI]ym&gt;S*\x16\xab+\xf9\x1c\xb0\xf2\xf9\x14%\xc8\xad/\xef\xddy\xf27\x83\x07\x97TC\xff\x1cz\xa3a7\x8a\x93\xee\xe9\xa8s\xda\xdfk\xc4\xadi\xff\xbf\xdb\x9f\xbe\x19*\xda\xa7\x8ao\x85\xe3^{\xd0\x0f\xa3(:=\x08\xcc\na\xa9\x87_l\xde\xde\xbc\xf5\xf0\x16j6\xcfN\xb5[X\x84B\xa9\x14e\x01\x9d6\x06\xc8R\xa9\xf4+|\xd4\x87\x90K\xf9\xa5|\xa9Hg\x1e}\xf2\xe5\xed/\x0eyUUu\xcb\xab\x07\xb5\x9agJ\x9dI?N\x92\xd6\xc9\xa83\xec6\t\xac\xd5\xfc\x8f!\xcb\x12a\x7f?\xdcA\x0f\x02\xaa}\x11\x85Q\xd8\x1f\x0f\x0f\x02\xc721$\xeb\xec\x1e\x9djxc\x03UK\xe5\xe9\xbc:\xaab\x81\xd9\x7f\x91\x0eWb\x80i\xe5\xfe\xee.*\xbc\x90\xc7\xd4\xb3\xbd\x0e\xae\xcd\xdf\xbc1u`\xa9\x86_Wj\x165\x90\xd9\x99t\x938\x06\xd8h\xd0\n\x1b\xcd\xd6E+\xfcw}\x89\xea\xee\x84\xfd\xfd\xfdxu\xab\xd9\x1d\xb6U\xb53m\xc2\x02\xe3N\xa5&amp;\x06\x81Ta\\\xb5\xbf\x10\xd6Mr8\x93g)\x97\xcfc\xb1&gt;\x0f\xae\x05\x86\xf5\xb3\xdc}P\x01k7\xb7\xf0\x8b\xc5R\xb1\xb0\x01\xac\x9bw\xceLUu]\xbdb\xd6\x03\xcf\x80X\xc8\x1b\xd7\xec\x8c\xfbI\x84\xb8\x1e\x91v\xcdFw\xda\r\xff\xf58&amp;-\x88\xa3\xd6\xb4\xdbD\x11\xa7\x03\x82:M@\xd5\x1a\xd8\xd0\xc8p\xd2\x8eU1+&amp;\xca\xf8[,d\xee\xd2Q@\xf2\x12\x04\xcb\xe7Q\xc1\x07\xb8\xc9\xb0r\xb9\x1f\xef\xeeb*$\xb5\xf08l\xb6\xb1\xbe\xbe\xfc\xd33Sw]WU\xad\x83o\x9c\x9a\xc5\xa8\x108\xae\xd4\x9bt\xe3(n\x9dv\xa4\xf6`\xdco\xc6\xdd\xfe?\x81Q\xf3\xc1R\xf1\xde\xea^\x7fr\xd9v\xdd\xceE\x12\x86!\x16\x0e*^o\x1ab6-\x18\x95J\xc5\xb4\xa5\xb3;\x9b\x9f\xacol\xd02\x10\x15\x83ZHz$\'\xaa\xb8\xb0\xb0\x98\xcfQ\tA\xf5\xfc9\xb2c\x11sbu{\xfb\xd1\xef\xcfT\xde%,O\n\x02\xd3@\xf7\xd8\xb3!\xb8vo\xd2\xa7\xae\xbc\x80d \x8b\xa3$i\xac\xfep\x95\x07K\xed\xed\xc4\xe3\xe1\xa5\xa2K\x80j\x86a\xb3?\x14h\xaf$\xc9\xaa\xf8\xe9r\xc5\xc2E\x12\xc0u\x17X\xc4\x05\n\x8c|)\x95a\x191\xff \x93M\xae\x9ee\x00\x00\x06 IDATy\x8c\x95_\xf5&gt;\xb3\x16\xca\xbbR*U\xab\xc5\x17\xc7\xba\xec\xba&amp;\xb8*\x88\x9a\x19\x15\xdeXU\x89L\x1d\xc1c\x11\xb5\xe5\xf4\xb4\xd7\xe9M\xe2f\xb3\xf1\xee\x9f?\x015\x8d\x9b\xe1tx\xe9(\xed\xce\xb0\x155a\xf5h\xda\x13\x04\xc1f\xc1`\xa9\xd9\xb4cX\x18\x92\xe8\x9e}\xfch{\xbb@\xf9IX\xbb\xb9\x15:m\xb3\xc0&gt;sd2\xb4 \xcd\xd3\x85\x1eX\xa1\xc3\xcd\xaf\x8fe\xde\x84\xd0\xaej*\xf5\x03\xc3\xa3\x8ef\\`\xc25\x06\xb6\x98Dq\x14%\xdd\xf1\x00\xea5\xdee\x05eg4\xb9t40M\xe3F\x83\xea\xd7\x1a\xb4yq&amp;\x16q)\xe5@",\xcb\x14\xed\xb3\x8f\x8b\xc5m2\x17S\x0b\xaa\xd0\xc2\x8b\xceV\xccd\xd6\x10\xa4\xf0Z\x15\x8f\xc0b\xc5j\xf5\xf3\xf3\x91\xa63*\x141\x08\xacC\xc3\xb3g0\x820\xbb!\x8a\xba\x8a\xfaQ[B\xb5\xd6\xb07\xc4\xecB\x13\xcd\\\xb4\x13N/\x95vo8M\x1a{(_\x18\xb7\x06\x82.r\xef\xb0l\xd5\xb3\x94\xb4oY\x15\xc3\xb0LN?{\x81\r\x16\xe1\xad\xdc\x8c\xeb\n\x0b\\k\xc5b\xb1\x94J\xad\xd0\xdd\xf0\xd8\xa3W\xc7\xbc\xa6\x9a\x15&amp;\x96\xe4\xd7\xa5\xc3Z\xadfI\x82(\\\r\x06\x080\xd7m\x0f&amp;\xd3n?\x0e\xc3\xd6I\x07\x89A`\xc9\xf8\xb2\xdd\x9b\xb4\x92f\xa3\x89\x81\xa4\x1a\xb4u\x8e\xc3\xc4\xca:\x06!\xe3\x99\xaa\x9eM\xeb\x95\x8aE\\"\x7f\xfc\xfa3\n\xa8+,\xc6\x85$\x9b\xbf^(\x14I\xae\x95\x1c\xca\x88n|y4\x92E\xe9\x8aJ\xe5\x03\xa7V3&lt;\xcf\x84\xe4\x92\xf0~\x88\xb3\xc1\xeb\xaa\xcd P\xa8\xd3\xc1`\x9c\xec\xcc]r\xbdq\x12\x82\xa8\xd1h&amp;\xe3a\x87\x93e&lt;\x11`3o!i\xfc\xac\xee\xa6}\xcf\x04\x17\xdeZ\xe2\xed\xa3\x17\xc5\xe7\xbb\xf7w\x11\x07("a\xcd\x93^\x98\x19\xab)\xb8+Gr\xbd&lt;\x87\xd7uwF%\xc8\xbaS\xd6\x1cE\x84\xab&lt;\x03;\'\t\xfc\x0f\xa9P\x1a\x91\xe7y*\'\xc0\xfaS\xd4r\xae7\x86x\xa0b\xbf\xb69E!\xa98n\xc6\xe5Y\xa0*g}\xcd\x0fDs\xc6U3\\}t\xf4j\xe59\x8d\x1c\xfc\x8dU(\x9d\x13\xbcV\xcc\x14\xc9\xf3\xbb\xbb\xcf\tJ\x90yd(R\xd8UyQ\xe6\x1d\xdf\x0f\xea\xf5\x03\xc9\xa8\xa1y\x0c\x84\xea\xccY\xb4!\x82\xba\x12Bo\x93DQ\xd2\x1a\xce\xa1\x0ba\xa7\xc9\x00\xf3\x8d\xaci\n\xb0DQ\xe64\rO\xb3=\xc1\x94@U\xce\xca\x86\xef\xab\xaa4\xe3\xaaY\xaap\x05FzQn\x16\x8b\x05\xe4C\xb1Te\xe5#\xa58^g\xc1\xa0\xe2&amp;\xc7\xd9f\x16T\xf5\xc0\xd7$\xd3w\xa0\x98\x05k\x08&lt;`\x14\x8d\x91\x11\x1a\x14\x14\xf9\xf6,e\xe7\x00\x85)\x90\xd7\xe9\xe5DEX\xa0R8\xc1\xb4DNBh\x95}\xec\xa4\xe5\x08\x98oQ\x15\x06\xe6\xf1\xf2\xdb\xa3\x97\xbb\x8ck%\xcf\xb8hTWv\x9f~{&gt;\xe25\x8e\xecB\xd1\xae\xf3\xb4\x8b\xbca\xf9\xf5o\x0e\x04\xbf\x9c.sJV2X\xde\x98*mIa\x95\xa1"\x92~\x1cv\xa7\x8d\xcc\x98CDq\x8a\xc3`\xfe\x81\xa5h\xbci\x19\xa6 q3*\x0cS\x10\xb1f\x82d.y\xbf"i\xf2\xe8\x1c`4\x01"\xcfK%\xf6\xe7\xa7\xcf^\x1d\x8dt\x82\xc2n\x12\x92(C\x0cM5,[\x0c\x90\xa6^6\x9d.;Y\x07S\x9a\x05\x7f\x186c\x929\x19Px\r+\xa5\xc2\x91\xc9\xe6\x06\x9cLT\xa4"\xf7^,\x01i`*Y?\x9b-\xfb\x02\x08-\xcf\xf1e\x9d6&amp;\xe0\x87\xaa\xc23\xaa|\x05\x06\xf7W\xd9\xd8\xfe\xf3\xf9\xf1H\x06\x08/\xd33y4\x0f~\xd3x\x17/\xb7m\xa7\x9c\xd5\x9crz6\x1c\xdb\xf4}\x0b%\xc8:\x1a\x95P\xc6\xda\x95\'&amp;\x98\x87u\xe6\x9c\xc2\x86\xc6\x8cNT\x90Q\xf5P&amp;-[.g\x81\x85:\xc2\x0b\x9e\xa6\xe9\x96\xc9\xebl\xaf\x98\xe0\xa8\xba\x06\xb0\xa3W\x00\xfb\xe3S(\xf5\xea\xe8\xd8\x96e\xc6Brq\x9a\xcc\x06\xef\x9a\x1e\x86Q\xe3\xb3WPx\xe3t\xd9\xf7\x1d\n\x1c\'(\x83\x8c\xc7\x8e\x08W\xdb\x07\x13dcX\x0e\xc3\xe1\xd8\xddT=\xa3\xa2e\xafF\xd9\xb1mVC\x0f\x1d\xe42$\x91C\x84`{26\xad\xc1\xfc\xe7\xdf&gt;\xad~\xfe\xfa\xe8\xad\nw\x8a\x0c\x85cp2\x81AZ\xd6\xd0p\xa7\xec\x13T9\xed\xc3\xf6\xe9\xb4\xefkd}\xb1\x1c \xab\xa9\xbd\x85w\xc5\x12\xc0\xf5\x0e\x8b\xf4\xc25/\xa1G\x04%\xfb~\x94\x15jh\xdc\x89Y\xc8\x85\xb9\x88\x0b\xc9F?\xf8\x19\x00/\x1d\x1f\x1d\xa1z$7Or\x115q\xe1!\xcd/\x97\x1d\xc2\xc2{\xf0\x8aH\xd6B\r\x04C`\xc2e\x15\x80\x99\xa8\xae^3TTS\xa1\xbe\xfc{\x8de\x90\xea \x10\x04Q\x90\x99\xcd\x1fPFD\xc8\xc2\xc99B\xeb\xc6\xbd\xcc1\xe6\x0en\xbdf\xb6\xde\xe3\xbfj\x89\x81@\x94\x8c\xd5U\xd5\xd5-!\x80\xa5P0G5v\xec{q\xa8.^)\xc3X\xa5#G\x12^9\xb1(\xd5\xbd\xf6\xb4\xb5\xdeMIS\x14\x1d\x88\xba\x1eG\xe6\x14\\!\x06\xf5\xd8!\x07@\xcd\xad\xb5\xd92\xa3\xe2\xfd\xee0\xfbL\x06:Sb\rh\xa5[\x90f(\x83\x04\xae\x12,\xf8~\x1d\x04\xcbL*&amp;\xa8L\xb6\xb7\xabau\xfcIS\x03\x8e\xde~\xb8Z\xfb\xa2\x02\xd3"\xd3\xcb\xd2r\x7f\xd7O\xe98\xd6\x80\x07F\xdc\x1a\xfc&gt;\x17\x98bV\x80\x82\n\x83G4`\xe8\x04\x02\xa2\x7fMn\xb0\xfdg4\xcb\xefw,\xc2\x7f5\x8bOGM\xd3\x0fV:\xbf\'\xf3\xf4\xbe/j\x11\xacu39\xeb\xe5\xc3"-\x99_\xaa\x96\x89\xc4\xbf\xfc\xed\xfa\x82\xa9\x14\xd4Ap\rA\xba\x9d\xfd\xc1\xe73&lt;\xa8\xf4\xa9yQP\xa1\xddn\x9bR\xe2\xc1\xb5w\xa3\xf1\xa6RM\xb0\xae\xeb\xbe\xf6\x90c|`\xa1\xa1\xf5\xaf\xef9\xcd7W3sT\x90-%\xb7S\xf3yI\x7f\x84\xbd\xb2\xb5~\xb4\x01\xb0\xc6\xa9\xa6\xc8*\x9d\xdd\xf9?X\xca\x1e\x95\xdb\xa9\xd4\x1dT\xcd\xe9\x9ak\xdc\xdc_\xb4w!%\xc8Ba3\xf417\xb0\xa3r\\\x19\xefs\xf4?6|\xbb\xfc \xa6R\x80\x00\x00\x00\x00IEND\xaeB`\x82'</t>
        </is>
      </c>
      <c r="M521" s="3" t="n">
        <v>45492.67819444444</v>
      </c>
    </row>
    <row r="522">
      <c r="A522" t="n">
        <v>1459764</v>
      </c>
      <c r="B522" t="n">
        <v>5981</v>
      </c>
      <c r="C522" t="inlineStr">
        <is>
          <t>Lorran</t>
        </is>
      </c>
      <c r="D522" t="inlineStr">
        <is>
          <t>Lorran</t>
        </is>
      </c>
      <c r="E522" t="inlineStr">
        <is>
          <t>MEI</t>
        </is>
      </c>
      <c r="F522" t="inlineStr">
        <is>
          <t>MC</t>
        </is>
      </c>
      <c r="G522" t="inlineStr">
        <is>
          <t>MEI</t>
        </is>
      </c>
      <c r="H522" t="n">
        <v>180</v>
      </c>
      <c r="I522" t="n">
        <v>19</v>
      </c>
      <c r="J522" s="2" t="n">
        <v>38901</v>
      </c>
      <c r="K522" t="inlineStr">
        <is>
          <t>Left</t>
        </is>
      </c>
      <c r="L52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bc13b55b-90ba-4c18-a0dc-e610a19755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r\x98\xd1\x00\x00\x03\x00PLTE\xfd\xfd\xfd\x1a\x15+&amp; 64+C!\x1d2\x1f\x1b2\x1c\x17.\xfe\xfe\xfe\xff\xff\xff"\x1d4.%=c68*#:\x1e\x1a0g9:#\x1e60(@r&gt;&lt;\x18\x12(!\x19/m=&gt;\xfa\xf8\xf9vBB\x96QD%\x1d2w?;g&lt;&gt;n;8\xfd\xfc\xfc{B&gt;\x80B:\x8aME\xad_K\xb3_IW02\x8fNE\xb0]F\x84JD\x14\x0f%\xa1ZO\xa6^M\\35q@A\xa8_Rj@C\x11\t\x1e\x83F?%\x0e\x15W5:\x9bSGrFJ\x94RHt&lt;6\xa0VH\x8dPIyKQ\x95L&gt;\x90L?\xa6YJ\xa0`TM!"\xb2cN\xa9ZF\x99[R\x85PK\xa7W@\x9bRB\x87E:xGGb32~F@\xbbhQ\xafdUP/5"\x12&amp;:\x12\x15\x9cXK\x89J?U7F\xb6dM\xadaP\xacZB\x1d\x07\x0eF\x1c\x1eD#(M8M0\x0b\x10?\x19\x1c\x15\x03\t\xb5gUnBH\xa4XF\x10\x05\x12\xa8eX+\x14#\x1c\x0e \x8bTRP,.\x91\\Z~GGO&amp;({?6+ 6\x96WMV+-T&gt;R\x93B1\x8dH&gt;D,?\xf3\xef\xf1&lt;2I\x85[ij62O2?a,)\x7fML\x91PMH3HD9O}=:X\'&amp;K,9I+14\x1f5A\'5\x9aN&gt;\xc4t]\xb4X?2\x14\x18\xdf#G\xee\xea\xec\'\x19-^&lt;C\x7f;/j3+\x87;)\xa1TD\xb8jZ}R_\xf7\xf3\xf4u6+5\x1d%\xb7so\xd5#E\xa7ja\x9dI5\xbcbL\x9fe_\xb0j]\x90XM\xe2\xda\xdf5&amp;=\xdc\x1c9\x99bZ\xa1R=\xce\xc1\xc8\xaeoi\xc2mU\x8cG9\x83ST\xb8^D\xc9}i\x85A5\x91ad`8&gt;\xc6xdm*&amp;\x99TOF\t#\xbdpXP\x172\x89XY_@P\\..c"\x1c\xe9\x1a6\xe8\xe0\xe4S\x10\x0ex0!\x92in\xce\x83o\xb2\xa5\xb1\xa5\x81\x88\xba\x8c\x8fYE]\xd21P\xa4#@\x9fklpIV\xd9\xd3\xd9\xd6\xcb\xd3\xc3\x9d\xa0\xa1tw_Ld\\\t!7\r%\xbe6T\x7f1=\x83s\x85\xbd\xb1\xbd\x9a\x8a\x99r+3@\x1a1\x87FK\xb2\x7f\x80`\x13.\xd1\xb7\xbat\t\x1f\x85ds\xb4\x1e;\x8e\x14/q[o\xac\x8f\x9c\x898?\xc6\'Fk\x152\x8f\x80\x90\xa9qp\xaeR&lt;\xa7M9\xde\xc3\xca\x81\x184\x8d%B\xa3\x99\xa7\x95o}fTjw\x1c8\xa21N\xafIY\xe8\x8b\x9b\xe7\xa4\xb3\x9ct\x88\xa4}\x93_,&lt;\xbe`g\xccmz\x91fy\x92?Gqbz\xcb\xaa\xad\xa9\x11%\xc0bF\xf6\xdc\xe2\xdb\x87\x8a\xec\xbc\xc8\xb6*F\xe7\xce\xd3\xeb\x08\x18m4K\xc8\x193\xe7?b\x9eFR\xcdLd\xd1\x0b\x19\xb0[`\xe8c~\xcf\x00\xf1@\x00\x00 \x00IDATx\xda\xc4\x98\xdbOZ\xe9\x1a\xc6Iz\xb1HL\xc8\xa6a\xc9 (*u\xb6XTD\xa5\x9eK\xf14h\xc5\x16E\xabx\xc2C[v\xa1-miE\xd4\x10\xa4-\xd5q\xb2wF4\xadS\x8d\xa7\x0b\xa3\x93\x98X\x1a\x93]\xcc\xf6FH/&amp;&amp;\xf6\xc2\xbb\xd6\x7f\xc0\xbfa\xbf\xef\xb78\xe8v\xd7QK3\xcf\xa2\xac\xd5\x85\xb0~y\xdfg=\xdf\xf7-\x16\xfb\xdbD\xb1D"Z\x04\xa2Q"\x8ab\xc7D\xaco\x12\xc0\xb8&amp;\'\xfd\x93kk\xfe\xe9@`zs\xd25F\x8bX\xb1\x11\x05\xdb\t\x1f\x9e\xf0\x05\x91k\xfa\xf3\xf6\xfe.\xe8`w\x0b\xb4\x7f\xb0\x17\xf4M\xd2\xd1\xaf\x1d\xdd}\xe5\xc7\xbera6l\x14|z\xe4\xed\x88\xc8\x9fQ\xcc\x8b\x88M\xde\xe9\xcd\xbd}\xd3\x05\xc7\x14\xc8q\xfb\xb6\xe3\xf6\xd4\xd4}\xbdik\xdb79&amp;\xa2\xc87B\x7fGE\xbfx\x92\x0e_\xf7[\xca\xec\xdf\xd3;n\x8f\x10\xd5\xd4\xd4\x8c\xfc0R3\xe2p8\xcc\x00\xb6F\xb3\xfe2\xad}\xdep8\x10\x08u\x11\xdf:3\xe1_\x8d\xe3\xc2~\xc0\xf2WA\x89\\\xbe-\x07\x96\xe9\xc7\xcc\xce\xce\x1f/vvffv^\xcclk\xd3u\x8e\xdc~\xba\xed\x1f\x8bA\xbd(6\xf1N\xd4\x9ap\xc0fZ}\xcc\x93\x14\x93\n\xf4\xa4o\xdf\x81\xf5\x01\x1c\x14\xec\xda:\x89j~\xf8\xdb\xfd\xad``\xd2BG\xbcK~\x90\x1c\x1c9\xc5\xa6\x8eZ\x9f\\6\x1c\x0e\xc7\xa3\xe8\xcf\xb3G\xe4\xda\xdc3M\x8dt\xd6\xd4\x00\rQ&amp;lm@\xa7\xab\x99\xbap\xff\xfe\xd3\r0\x98\xdfE\xb3\xce\x9d[\xd49D\xaf\xf9vMS\x8e\x08ST\x99\x1d\x0e\xb3M\xaf\xd7\xdb\xf4\xa6\x8d\x83\xcf\x9b.\x9a:\x9f\xce\xe3\xaa1\x7fp\xcbfvtt\xb6\xe9B4\xb7`#\xbbl\x82e\x02\xe9\t\x98\xdfr^\x8fE\x82\x85\x15\xb1\xd2\x91\xb0aN\x93\xcf\x99\x9dez\xdbd\xb5\x0evdg\xebt\x9d:\xdd\xad[:\x1dr\x81\xda:\xc6\x1d\x83f\xabv\x95`\xe9\xf5O\x01lr\x8c\x15\xcd\xad#\xd1t\xacBG\x8e\xc3\x86"\x96b\x12\xf0\x88\xc9\x98\xd3\x14\x9bI]6e\t\xec\xaej\xad\xf6q\'Pe\x83t\xd9NB\x08t\xd9\x1d\x1f\xedV\xa0"\x9b\xde\x04\xad\xdc\xd8\xdf\x0e\xac\x89"v=d\xdb\xe3\x0e&gt;|\xe6\xac\xa6\xa4\\\xbe\xdd\xd5\xd5\xd6U\xb7f\xa0\xb1\xb1\xb1\xd7\xd8\xd8\xdbk4\x1a\x07\xc6\x9d\xce\xecl\xe7x\xe3\x80U\xabu\xbb\xddZ\xf7\xaa\xd6\xa4\xd5\xdblO\xf5\xa6\xfd\xe0&amp;M}\xef\xa1\x1a\xa9&gt;\x8c\x8e\x8e^Q\xb4\xca\x12\x122\xe2y\x19\x8a\x8a\n\x85\xcc-\x07\xcc\x01\xa3F\xee&amp;Pr\xb7\x16\x05\xe5\xb2\xd9l\x1b\xdb\x01\xd7w\xcePK`\xe7\xc3\xe8\x83\x07\x0b\x0b++\xb3\xb3\x8f\x89f\xe1h\xf6\xca\x15EB\xc2\xe2\xa2|\xd1-s\xe3\x0b\xe1\xa0p\xd0H\xb3Y\xbfq\xc0\x8c\xdfg\x8b\xd2\xc3&gt;bl\x19=\x15:\xcd\x04 \x9b\xa2\xa7\xb7G\x1f\xac\x83\x16\xbaWV\xbafU\x8fU\x8fgg\x91\x90\x80A\xfd\x16e2Ykk+\x01\x83rY\xf563\xde\x99\xfbA\x7f\xa8\x91\xe1\xeb\x1c3\x14\x8b\n\xff\x0f\x8f\xce\x94[\xb4\x7fog\xfd?\xeb\x0b\x0b\x0b\xdd\xdd+]*\x10\xe1\x9a}|\xe5\xf1\x15\x90\x02\xc0Z\x15\n\xc5\x07\xd8\x13\xb0U\x003\x0fb\x90m\xec\xf9\xe9\xef\x95["\xd7\xa7\x9d\xf5\x7f\xafwwww\xa1Tb\x95\n\xd8\xa0\x8f=\x15(E\x05 !\x96\xa2\x15\xb1\x16\xe5n\xb9\\\xab\xb5\x0f\x86\xb8&amp;\xe9\xf3L\x05Y\x14u\xd2\xe4\x0c&gt;\x15Y\xfe\xf8\x82\xed\x03\xa2\'\xde\'O\x94J\xb1X\xacD\xac\x9e\x9e\x8a\xf8\x8ax\xc0A\xae\x10\x95\x8c8M.\x97\xdb\x07\x01\x0c\x8d\xefs\x89\xa2\xd7\xfa\x939`8;I&lt;Ec-r\x1c\x11\x9c\xa17\xdf\x7fY_X\x01(\x94R)A,qZZOOOb&lt;*#\x03\xc1Z[\t\x96L\x86Pr\xab\xdcn\x1f\x04\x7f\xd9\xf4\xbb\xd3td\x0e\x19\xfe}\xf6W\x9bH\x9dv\xa8\x16M~:D%a$\x16g\x81\xaa\x12\x19\xaa\x8c\xd6H\xad =\x16S\xe5\x04\x8c\xc8l\x836\xb2\xbeCn\xb9|\x84J\xa9T\xe6\x02\xcf\xbd{\x85|&gt;_"\xa9\xab\xab\xcb\xcaJz\x96(HD,$\x03\xaa\x04\x94\x0c\xb0\xa4\xd0D+\x82\x99\xa1`[g\x9b\x1c\x86\xc6\xc3\xd0p\xf8?\xa7BC!\x8b\x1a\x9b\x8eP\xe5\xe4\xf0\x0b\n\x0b\xf89\xb0\xe7\x17\x16\xd6\x95\x97\'=KJLL\xe4r\xb9\x192\xdc\x80\x8b\x03\xc5\x92JS\xa5\x8b\x1a\r\x16\xcc\x8ed\xa6m\xbf(t\r\x8a\x15\x19\x83\x8f]/D@1\xb6\x8av\x9bY\x1c\xb0#&amp;`\x134\x7fpg}\xa1K\x85T\xd7\xf3\xf3\xd5|u\xbe\xc1\x90\x9f\xa3\x06\xc0{\xe5\xf3\xf3\xe5II\x89\x02\xc0\xe2\xf1xX,\xa0\xe2q"XV\x8d\xddn\xc5X\r\x8cE\x1d\xc5\x0e\x8d\xc1Q\xefR\x87\xc3\x93}\x1aoQ0@\xef`\xb1\xc4\xca\\~N~Q\x91!\xdf\x90\x9e\x8e;\x8f\x9a_xo\xa6\x1c+\x06X\\\x1e*\x81\xc3I\xe0\xf1\xe2@\x8b\t\xa9\x1a\xd0\xc0\xe0\x80\xdd\x0e\\\xc15*\xb6\xd3@\xd1\xe6\xfb\x07\x10\rJ\x89\x04\xa8\x0cEEE\xc9\xc97n$\'\x97\x15\x15A\xe5\n\xee\xcd\xcc \x96\x80\xc1\x82b\x01\x17\'\xae2\x0e\x8a\x96j4"\x17\x96k\xd0v0\xcd\x8am\x9cZ|;\xeb\xdd^\x80\xe2\xab\xd5\x86\xf4d\x84\xba\x81`\x00h\xf0 \x17t\x91pA\x1b3x\x1c\x14`\x01`*\x08\xefG\x8d\xd5&gt;\x08\xd9u\xfaH%\xa3]h\x11\x10\xb2&lt;\xe9-\xf1!3\x16\xc2\x92\x10\x8b\x95\xcb\xe7\xe7\xa8\xd59\x88U\nJf\xcae\xc0r\x95\xcf\'=\xeb\x13\xe4\t\x91\x0b\xc8\x18.\xc4\x8a\x93J1U\xa1^\x83\xa4\x8b\xec\xb0m\xc2{2\xdc\x86\xf6T\xe4\xd4\xe9\xaa*\xf2\xc1@\xd8\x85\x1dT\x93j\x95\xde@\xae\xd2\xb22\x83\xc7\xa3\xc6b\xcd?\xef\xeb\xcb\xcb\xcb\xe3\xa2\xbd\xb8\xe8.0\x164\x12v\x80\x85T\x03\xc8\xa5\xdf\xde\x8ci\x13]\x9f\x1e\xa0\xdf%\xd0B\xc0*c\xaa\x05X\x1e\xcf\xd0P\xc1P\xc1\xcc\xfc\xfc\xf3\x9f\x11K\x88\\\\R.\xb4\x16\x07\x8b\x05]\x04si4\x88\xb5\x1b\x10\xc5r\x9a\x05=\\\x99U\x89\xd1ZCjOY\xd9\xa5\xd2\x94\xd2\xd2\x94K\x0cVA\xe1L\xf9|\x1f\xa9\x96P\xc8\x15r3\xe23\xb8B\x0e\xa7\xb2\x12\xdb\x18\x07X\xe0\xfa\x81\x01\x82\xb5\xf1\x99&gt;\xdb\x12#\xba\xcc`\x1d\x7f4"\n|YXQ\xa5!\xd6\x10\x83\x95\xc2`]3x\x00\x8bp%!\x97\x106.\x97\xb9#I\xb9dqH\x95\xaa1\x92&amp;\xdaLA\xd7)\x9bxt\xd2O\xb1\x0f-1"\x1f\xd0\x9f\xd6\xa1X*I.6\xd1c(KI\xa9\xaf\xafO\xb9t\xe9fYY\x99\xe7\xcd\x1b\xf5\x10\xb9\x15\x89\xb9\xf2\xf0\r\xb8\x84P\xad8R-R.#T\xcbn\xb6\xea\xb7\xfd\xb1\x1b\x13E\x96OL\x0f\x11\xcb\x03\x91U__]M\xb8\x80\xec\xda5\x8f\xe7\rd*F\x04i$\xd4\x0c\x93B\x18\x87\\\x04\xcb\x88\xd9%G.\xfd\xf6t\xec\xacE\xaf\x81\xb5\xa0\x870\x18B\xa9\xc0\xee\xd5\xd5\xd5o\xab\x91\x0c\xd9\xa0d\x06C\x8e\xba\xa0\x10T\x97\x95T\xd5\xd7\'\x10\x08\xe2\xb9&lt;0=\xb8\x0b\x06\xa0\xd4\xbb$\xbb\xc0\xf4V\xd3A \x86X\x9b\xef\xc1Zu\x92\xdc\xeb\x06pU})\xd4\n\xc1\x88\xaa\xeb!\xc0\xd2\xd3\xd3\xaf\x13\xe5\xe6J\xc4uYU0\xd1\xe1\n\x85\xc0\x85w"4Q\x8aX\xe0.\xabi\xd7\xc7\xa2\xce\xb2\xc48\xf1A\xc8\xf4\xfb\x85.o\xee\xf5\xbf_\x86\xf6\x01\xd3\xf22P-\x0f/\x0f\x0f\x0f//\xbf\x9a\x98h\xbf\\\\|\x15u\xe7\x8e\xf7\x8e\x17\xe6:0\x01\x03,\xe0J\x88#\xde\x92bxA\xa2jM\xfb\x9fY1\x1b\x13i\xc0\xea\xbez\xb5\xf8\xf2O-\x80\x044K\xf8\xbe\xb4477\xfcj\xa2\xbd\xf8\xaaW\x99V\xc1(&gt;M,\xc6\xc9aV\xa2\x00\xb1H\xd4KC\xe3\x8fFc\xd5\x9a\xb6\x82t\xac\xe2\x94`\xbd~\xfd\xfa\xd7\xf6\x89\x89W\x80377\xb7\x84L\xef\xde\xcd\xfd\xd3\x9b\xc6\xad\xbc[\xd2\xd0\xect65\xd5\xd667\x94\xf4\xbf\x10\xa4\xc1L\xbaJ\x80\xe5\x12\nyq\x1c\x92\\\x00\xa6\x91C\xb56\x82c\xa7\x0cTvtP\xa4\x98\x01\x90y\xe6EE\x1e\xc5!\x16Y\x82uy\xbd\xde\xf6_\xde\x01\xcf\x1cR\xbd\xfb\xad\xaa\xbf\xa1\xb6\xa9I\x87\xcfGn\xdd\xd2e79\x9d\xb5\xb5\r\x8f\xaaTbh#I/\x98\xa5b\xb5\x8c00\x1a\xe5P\xad\x8d=K\xf8*\xe4\xb7\xc9Ah%\x1a\xba\x1e\x9b\x19\x8e\x99\xa7\x1f\xd4\xe1\xdc\xa2\x0e/_\xa1\x89\x7f\xac+\x12\xa4\xc6\xc6\x86\x86\xde\xbb\x95\xaa\xdf\xde1\\\xf0V\xfc\x02\xa8\xb2\t\x13b\xe9\x9a\x9c\xb5\xc0U\xd2/H\x83z%\x86\xa69\xc4\xf5\xd2T\x18\x7f\xac\xda\xd5\x8d=W\xe4b\xe1\th\xf8\x01\x0c\x15\x9d\x08\x9e\xe6\xd1\x085\x16\xd46\x8ew\xe0\xd3\x19\xa7\xb3\x84[\xbc\x84X\xd8\xc6\xa5\xe2\xbc~,\x16\x83\xd4\xdc\xd0\xfb\xfb\xc3\x87\x95\xbf\xf7\x97\xf4?\xca\x82&gt;\xc2\xdd\x98\x01`\x8b\xc4\xf2\xf2T#\xb9\x13\xb7\xf6\xd6X1\x8aSzs\xff#\x81B\xae\x86\x17\x92\t\xf0\xd5\x12\xf1}z\xf9\xcf\x8f\xa0\x8d\xb5\xcd\xcd%\x95\\\x95J\xe9E\xa9\xaa\x12\xf3\xfa\xc4J(\x17.:`\xee\x8c\x96\xc7D\xc5;\x11\xb0D\xa7^\xb9\x1e;\x8c\xacf\xd1\x07\x16\x9f\xe9\xe3\xb8\xd3\t/gs\xef\xa3\xbc\xc2t\xb8\x17\x97[\xe0f\xac/+\x80\x99\xc3\x8bG/\x1e\xe6\xa5\xdd)noo\x87\xfc*\x06]\xcd\xad\xab\x13c\x1bq\x91\xc6\x91\xde\xbd\x8bX\x8d\x03\xcc\x9dH\xb0\xc2?~d\x8d\x11y\xb8\xf7\xff\x86\xe5\xc3s~f5`\t\xae\xbaq\xdd\x97 \x95V\n\x92f\n\x0c\xa5\xd5o\x97\xab[\xaa\xeb/]\xfb\xd7?^\xbe|\xfe|\xbe\x8e\x9f\xfeSKKK\xe9\r\xe0J\xbf|\xb9\xbd\xf8:\xbf\x90\xa4\x17pqR\x11+\xd5\xd8\x88\xcf\xbeL\xfbA\x17+\xba\xca\x88\xae1\xc2K\xda\xf0Z\xe7\x14\xb9e\t\x8e\xaetC&gt;\xfc\xfa\xda+\xae\x9b\x99\x99ys\xb3\xfe\xed\xf0ru}\xca\xcd7\x88\xf5\xf2e\xf9\xcc\x7fY5\xdb\x984\xb3,\x8e\xfb\x8d&amp;&amp;ML\x14By\x17\xc8\x83\xd0\xb0E@\xde\xaa\x88Xd"T\xb0&amp;\x16Yv\x14%\xb8\x10c\x07I\xe8\xce\x16\x9d4\xfb\xa8(\xdd(T\x93\xe2\xfaF\x07H\xb3["\xd4\xd5Mj\x8a\xb3I\x93m4\xa6Ik\xb2\xea$\x9d\xfdd7i\xb7i6\xe9\xc7\xcd\x9e\xfb\x80V\x1dwJw\xbc\xe9\x8b\xed\x97\xe7\x97s\xef=\xe7\xff?\xe7R\xe4\x02\x81\x1d\xcaxP\xa2\x16XDF\xa3\xc0D\x18H\x06\x95,\xbc\xf0\x10I\x88J\xd4\xa4\xfb\xcd\xd5\xbf\xbcx\xd5WrFy\xab\xef\xcf\xeb\xd1\xa8\x03\x92\xd6\x84F\xaa\xc7\xf1\x11O\x8c3\x0b\xdb\xd8\xc2#\xb0\xb2x\\\xaf7s\xb9zW\x18\x16&gt;GQC\xbc\x04\xf9p1\xe0xA\x82\xe8\xea\x81=\x84u\xeb\xab\xef\xfe\xf5\xaa\xefsFh?\x85W1\xb3\xf9\x18\xce\r\x1c\x1a\xb7\xd9\x15\xce\x86G&lt;\xba\x96\xd9\xc4`\x8b\xd5j\xb5\x07G\xb2a\xbdJ:\xd5Y_\x06w\xd0\xe7K\'\xc3q\xa5\xc4d\xc2L\x14\xc0B\xde\xf1|ie\xcf\x01\xd6\xd5\x17\xcf\xff6\xf3d\xe9\xf4\x8cJ:\x99N\x8f\x0e-I?\xf6\x89\x15\xd3\xab;\x13\x18E\xcf\x143e\xbe\xcb\x99tvd\xd2\nX\x1c\x9d\x95\xad\xa6\xc4\xc3q\xb7\x94U?\xbfv\xe9\xeb\xf6\xf6\xb6\x9e\x9b7\xd3I\xdcKq\x9b0\x89*oi\xcb/\x00VOO;\xc2Z{\xde\xbf6v\x7f\xe5x/\xf5\xd4\x96G\x11Y\xa4\xa4/\xb7\x19\xdd\x90\x95\x91\x1biU\x97\x9b\x9b3i\xdcc\x9d\x1d\x9c]\xe0q,\x02\xc9\\\\\xea\xaea\x0c&lt;Z\xf9\xfb\x8b_\xb5\xde\xf9\xa6\xb9\xfdrz\x98\xc95i\x1c\x02\x8a\x17\x94!\x15\xfc?`\xb5\xb5\x01\xd6\xb5/\xd6\x14\x1d\x8d\x1b\x1b\xce\xcd%\xfaY\xc8\xc0\xf1\xad\x15\'\xb9\xaa\xa7\xad\xfd\x9b;\xad\xd7[\x9b}\xf8\x88\xae\ta\xd5\xd9\x1bT\xfa\xb8\xd9\x1c\xae_\xdd\x9ay\xf5\xdd\x97\xad\xb7\xeet\xf5\xb4g|\x01\x15\xe6\xb8k4q\x11\x16\x95|\xa1\xaa\xf7r{\xfb\xb5\xb6\xde\x87\xe7\x85d\x83\xdf\xbf\xfd\xcc\xb9\xd5\xf7\xb9\xe7\x8at\xe2\x07t+\xa0&amp;\xf6\x7f\xdb\xf6\xf5\xda\x9f~\xfd\x8f/\xaf_o\xa7\x85Gb\x9c\xa6\xc8\x90U\x17\x04#\x16\x0e\'\x99;\xb9\xad\xad\x97_\xb5^\xffEW\xe9\xcdk\x10M\xaf\tn#\xa6\x8a#GK\xbeX\xda\x0be\xab\xbd\xe7\n\xd9\x80\x94\xa4w\xfb\xe9\xf6\xea\xed\x93_&amp;\x1d\x9b\xeb\x16\x06WG\xd3\xd5A\xdf\xe4\xa0U\x82\xa4\xfc\xcc\xca\xd8\x17\x97\x1e\xad\xbc\xb8\xf5\xdb_^o\xed2\x00\xd6Bdhw\x0f\xee!\x9e\xc5]L\x963\xba\xbe\xfe\xe8w\xed\xcd\xd7\xae\xd0h7\x86\xc3qo\x03$\x0c\x93\x8ap\xda\xe8.v\xb5A1-c\xb9\xa5\x12\x91h{{\xfb\xe9\xce\xd2\xc9\xae\xdb\xb9\x13?\x14\xd3v\xa3\xcf\xec\xaf]\xaa^\xcd\xad\\\x85\x1a\xd4\xfc\x90\x81\xc3U\x8c\x0c!\xaa\x91l6\x8bs\xa7:\x9dN\xe7&lt;\xd9\xe7\x1bv\x89\xe1\xfa\xe9\xe7T\xc1\x06\xb9\x9c\x82\xb0\x98\x90Q\xcbK{{\xba\x1e\xd2\x0cnL\xa2\x94`o\x01+\xfa\xa1\xe4\xe7\xcb\xc0\x12\xfa\xcc\xba\xa2Z\xe1\\\x7f\xd4q\xe9R\xd5y\x839&gt;\xc9\x8b@\xb4\xf2X\xc9\xac\xd9\xad\xd5:\xdd5b\x17\x8e\xeb\x91\xa0W)\x83\xe0D$y,*\x03\xb0*\xbbz\xaf ,\n&gt;\xf2V\xf9v\xfbi\xea\x03\xfd\x0c\\u\xc5\xd6\xfa\xfc\xfc\x008@\xf2\xc0@c\xfd\x14EY\xd7\xd2\x14Y(`e\xd3a\xa9F\x93JQ\x94J\x8fg\x0eL#8\xc9X,6\x9a\x8f\x16\x03e\xd4\x8bU\xbd\x957h\x0cH\xb98&gt;\xa7|\xfb\xf4\x99\xff\xfb\x8a"\xc5&lt;\xa9\xe4\xe8\x08\xff\x1c\xa9\xe4cg\xa4\xa4\xe2\xdd\xe3N\xe7\x94\xd8\xe5\x12\xf3\xf9|\x96J\x15\x03*t\xb6&lt;\xa8\xf4@\xbc\xe2&amp;\xc7]\x91\xda\x0e\x8e\x11\x96\x0e\xadC,\xe0"\x93;J+\xaf\x80I\x0b\x04\x92\xd9m\x8a\x84\xc0\xa2\x9f+|\xa20\x8a@\xad\x98\xc2\xf7\xce\x1dLa?\xa9\xb7r\x13H\x16PT\x14\xa9T\xaa\x9c\x0b\xb2\x9b\xf2X\x93\x04\x17\x80\xcdawC![-2\x8dV\xb0\x8eV\xab.\x8f\xa5\x07**\x19\xeebU)\xb9\x9b\x1aNf2\xe9\xb7\xa2\xd4v\xf2\xdeY\x9c-\xd2\xed\xd5\t\x87H@\xa8\x03L\x12\x0c\xda\xc1\xfc\xc0\x1e\xeeMN\x02\x17\xac\xc9\x91\x11\x8f\x1a\xf4\x03XF\xeb\xd0\x02,\xf8[g\xcfG+\x80&lt;\xa3\xf0\xe2\x85\xf2n\xbe!\x10Ng2\xcf\xb0\xffl$\xd7\x97\xce\xa0TW,\xad:D\xa8\xd3Vk3\n\xe4r\xb9\xc0V\x08\xd6\xe4d\x10Q\x11t\xb1:6\x8f74\xb4\xf0\xfe}d\x01\xecv]\x1e+\x10\xa0\x06\x18\x8d\nE5y\x00\xf6_\x1cHC\xb8&amp;\xfc\xb2\xdc\xed\xcfi\x8d\x90\x0eZ#\xc7\xff\xaf\xe2\xc3\xa6\xc3\x02\x1b\x04~\xdab\x07\xab\xcf\x06\xac\x05t\x11\xf3\\\x93\xc1\xd8\x1eB\xd4\xedB\xa8\xde\xc3\x8ap8lv\x1e\x8b0\xd8\x8d\n\xb80\xf5\xe0\xcaY\xfeg\x99\x0c\x9eJuoU\x1c\xf9\xe0)\x92\xaf\xe4d\xde:j1\x0eK\xf5\xf7\xbf7Z\xe0\xb8\xc4\xea\xec:+\x87\xc7f\xd7F\x88=\x04\xa2\xd8hP\xe9\x99\xdc\xdb\xdd\xdd\xdd\xdb\xdb\xdb\x1d\xcaS-p8 \x08Q\xadv\x05\x0e\xb1:\x01\xcb\xcb}\xfa\xd7L\xd2\xaf\x9d\x7fB?\xf2\xc1S;\xc8E\x95\xc4?\x88\xd8&lt;\xeb\x1e\\3+\'\xc2a\xd7\xd6B\xb0\xf6\x08\xacQ\xb9\x1c\x0e[\xcc:\x04k\xb7\x80\xb5\xb0\xc0\xa9\x05!x !\xd0\x1e*\x14\xf3\x9d|\xb19e\xda\x86]\x14;\xefO\xd3\x7f\xb6\xde"\x95\x8c\xbf\x03,\x0e\x11.NS\x13\x84\xa2\xa5\x10,\x8fG\x89\x86\x06\r:\x0e\x84o\x88X\xe8\xc4sjm6\xa3\x08C\n\x02\xb0\xc8\x08\xabq\xa0\x13\x8e\x964\x15\x07\xac\x80\xff\xd14\xbd\xb8I\xd4\xff|\x19\x84\xd6x\x0ea\x01W\x1d\x88\xf8&amp;\xd4\x19\x89\xa0\xd23\xe9\xd9F\xe9a\xce+Q\xdbfg#\x0b\x05\xb0!\x0e\xc7\x86\xfa\x12\x98\xd4\xccd"5\x9f\xc7\xaa\xef\x16\x07\x02x2\x9dI27\xd6\x97J&gt;1\x89*b\\@\xea\xcbM ,\x9e\x95\xdd48\xd8\x04\xd9\x01\xc4Vdw/\x16,\xd4D\xaf 4{\xc0\xb5;\xc4\x83`\xdd\x05,\xd05\x81\x00\xe3\x00\xab\xbb\xde K\xa6\xd3\xcf\x92\xc9\xc0\xc6\xc6\xcb\xdb\xa43h\x8d@6\x15\xd4Y\xad&lt;\x0e\x92\xca!\xdb\x83A0\xd4\xb3@\xa9\x8b)A\xca\'\xd3I\xa5mp\x90\xe0\x020\x1e\x8fm4\x82\xecw\xb8\xcd\x90\x1e\xd0\xe4,\x8f\xd5\xcd\x18\xced\xc2\\\xae\x98\xc5\xef\xdc\x1a?\x0b\x8b\x01g\x0b\x8bA\xfa\xe64\r\x02V\x08\xa8\xfe\xbd\x9ch\x82\xb3\x8f:\xf2#Y\xb8\xf3\xa2D\x02\x02\xc8!\xda\x83l\x0b`ML\x80\xee\x87\xf4P\x08Vuc\xa3\x81A\x1dvI\xb5~q\x80\xf1\xb8\xb89\xec\xe1s\x90\xc3y\x01\xe9\xf0\x17*W\x80%\x80\xaa\x02\xc1\x1a\\\x04\xac\xd9\xc1\xc4\xf2"@\xd4\x8d6P$\xa3\x1e&lt;\x93I\xca\x13\x8b\x80Et-\xeb\x00\xcb\xe1\x88j\xb4\\\xb1K\x06\x85G\x08\\\xd5\xd5B2\xa4U1K\xea\xdf\x08P\x9d\xef\xfa\x0e\x9a.\xc7&gt;Wx\xa8t\xf0\xcfS\xf6\xf5\x84\xc5\xd8\xda\xd1\xd8u:\x1e\xc2JX\xd4\x160\xd4\xa1\x16]\xd0\x03qJg\xe3\x08\x0bK,\'f\x81\n\xe5Q\xb6\xc8\xa8\xd1j5n\x96\x81\n\x92CX.D\x93Oa\x195\x00\xda\x94\xeb\xaf\xd9\xf8\xe3\xcb\xa3J\xfe\xc7\x99\xf3t\x86\xc2\xeb\x95\xe3\xe9t\xd3!\xb0\xeb ;\x00\x96\x1c\n\xb3\xc8h\xb1\xcf\xc1\xa1\x02\xac0\x9e\xcc\xa4\xf5\xc6\xc5\xe5\xc4\x83\x96Zb\x0bE\x16\x91F\xeb\xd6N\xb1\n\x9d$a5D\xabZH\x85$\xcf\xe2\xd6\xb8\xa3\xab\xd3\xc7}\xcf\xff\xdf\x1a\x99^\x9d\xd0\xd8\xedu\xec\xd0\xe0\xf2\xa21\x1ef\xbaE\x98\x12O\x86\xd1\x84 \x0c\xd7+\x8e\x85\x16\x97\x17\x1f\xd8j\xd9u\xb0\x85"\x91\x08sKQ\xc7\x86h$]\xacF\xd9T!\xa41\xfc\xa9\x94\xdb\x1f\xcd\x15\xfdl\xf0\xe0\xe8\x93&gt;\x8e_\x8f\xe5/\xfa\xed\xdc\x8eFN`-.\x860\xafY\xe3Hy\xf1\xb0\x8bip\x85\xd3`\x0b\x95"\x1b\x84\x91\xc0\x1aU#*-\x97E\xf4\x03\xcb\xca\xcf_\xecP(\xc6\xc6\xfa\xfb\x157}\xe2\x946uou\x9a~x\xd5N\xb9}Gs\xe7\xe1\x8b\xa4#B\xff\xdc\xb9\x8fs\x03\xd2\xf8\xbb\xcd(&amp;W\xb3m\xa1D\xc2\x88q\xcdn\x876USSc\x90\r\'\x93`\xef\x1b\xd4\x96\xd0\x83\x076\x8bE\xad\xb6\xabE\x18\x86\xb9a\xbf\xf2\xc1:_\xde\x01T\xcf\x7f\xd8\xef\xbfvy\xd8\x9c\xda\xc9}\xa88L\x8e\xa7\xbcH"\xfd\xd4\xd9:\xa5\xd3\xbc:\xa1\x95\xdb\xd9\xb5\xb6P\xc8\x82I\xc5,\xad6\x1a\xbd\xd7\xc9\xb81&lt;\x1c\xc6\xe3s\xcaQ5\\?D\x05\x0b\xa8LR3\x9f\x08\x16\r\xb0\xaa!Vo\xf6_\xbf\xe9\xe9\xb9\xd2}?7]\xec\xdb\xa4bd }:\xb7\xa35\xc9\xd5\x90\x91,"\x8c\xcb4\xf0\xa7\xee\xdd\x9b\xe2\xcb\x86\x01\xcb\x05X\xc1\x86Q\x00\x12\xa8\xd5r\x02+U\xc37\xa0\x16%\x8dV^.T\x8c\xf5?\xff\xe1\xf5\xeb7\x95\xbd\xdf\x8e\xed\xcf\x8c\x9f\xe5c\x16z\xdf\xbb\xf5\xa8\t\xf4\x1fHT\x08\x96Lf\xa8wvB5\xb9Ap\xe9\xbdP\xaf\xe5\xc4\x02A\x81a\xb0\xc1|\x06\x11+Z\xb9\xb0QA\x04\xebu\x7fe\xe5\x85\xfe\xfd\'\xc5\x0f_I\x9fl\x8d\xc0.nmF\xb5\x92\x069\xb1A.\x19\x8dF\xae\xef.+\xbb\xe1CX2\xa6\xde\xab\xa2\x80\xc0\x91H\xd0o\x13\xa6\xf5\xf3\xc5\x04\x16\x8d&amp;$+\xf2X\xfbc\x95\xff\xec@X\xa7\x16\xe1SrVqM\xb0\xe9\xd5\xc7\x1a\x93\xc4drK\xb9LY\xd8\x97\xf6\xa1\r\xf4\xa5\xd3\xf0\xa7\x8c!6\xb3\xa4&amp;\x93\x04r\xbe\x84"Ii\xc112\x88!\x06\x9a,\x16\xa2\xf5_V\xce\x06\xa6\xc9s\x8b\xe3:"\xef\\\xb1\x8a\xd0ri\x0bMl*\xd46\x15\xa4\xebD\x9a\xb4\x11\xda\x08\xb4\xc6\x08\x93+\xbbT\x84\xb2\xd6 \xd2\x0b\x8co\x13\xa8J\x14\x87%\xe1c4,\x9a(\x11\xa2p5\xf1\x02J\xab\xa2 \n\x95\x89\x8a\xa2\xc9@\x14\xbf\xf0k\xcbv]\xf4r\xe3\xee9\xef\xdbZ\x10p\xa2\x1ch15\xda_\xcesz\x9e\xf3&lt;\xe7\x7fxf\x1b\xa5}\x95\xfe\xf84gv\x15I\xb0\x8a\x16\xb9^-\xaf\x82Cjxh\xf8\xe1\x7f\xed\xe2\xd5\xd7\x87@\x968\\b\xf4\x85\xf4-\x05.\x1f\xb0\xe0\x10\xbd\x9e\xbc\xcc\xa5\x02k\x19\xe4\xd2\xd2\xbeg\x8f\x1e\xa5\xbf\x1ae\x01V\xf5,\xb6^\x91\x9cS\xdbb\x91\xcb\x81\n\xa2]\x1e L\x80\xca%\xc0gejj\xaa&amp;\xa5D\xa2\xe2K\xab\xf4zpd\x08\x1c\xd8\xa4\x10X\xd4\x12b\x8b\x1f\xb0\xd2\x9f\x81\x95\xd6\xd1X\xb6\xf4\xfe\xea\x19\x08\xb3&amp;\x89,\xdfy\x89T\xadW\x9f\xadH\xb2\xc8\xab\x14\x89\x89I\xf2\xb00aeBX=\x0f\xab\xcf\x1c1\xd4*bn\x95\x1c\xb8x!$\x95\n\xeawO&amp;6V\xc8\x1c\x8fX\xa5\xf1\xa3\xa3\x80u\xe78\xf1\xc1\x8b8\xe9\x881e\xcd\xbf\xf7\'k\x92%\t\xa0\x12IER}\x16\x0f\x8aMIww\xf7\xaep\xae^\xaa\x12\x83\xbf\xaa\xa4\x88\x05y\x14\x8f\x15L6\x9d\x0e\x1b"b\xa5\xa7\x97\xae\xa8\x1b\x05o\xf55\x9b\x88YV$q~n9d\xa9R \xd9\x01\xbb\xdd\x9eUo\xbf\xd0}8##\xe30\xe4\xf9\x14_\xb6Q"\x96J\xc1[z\n\x8b\xc9$\xfbvt\xc4B\xd1%kT\x00X\xcf&gt;JP9\xd5\xed\x9b+\x16\x8e\x9f\xb5Z\x13\x15\xd6C\xc9L\xbf\x9c\x0b`\xe0\xa8\xc3\xddh\x00\x97\x9b[bL\x11C\xdc\xeb\xb3\x1ck\xe8\xc96\x1a\xb1m\xe7\x1d\x0f\xf5C&lt;\x8b&amp;P\xd2D\xa5\xc3\xaeK@b\xba\xb7\x1f\xd7@ \xa8\x9b\x10\xe7\xe4\x83#\x999~\x10T\xcb\x0cNe\xedV\xc5\x81\xa4LOO`\xbaq\xe3B7&lt;=\x7f\xfe\xdc\x9e\xd3\x9d\x91+\xcb5\xfa\xfa\xf9\xf9s\xb3\xb2\xa4x\x17\x8f=;#\xdd\x88\x8d}pW\xbc\xa8\x8eFS\nh\xf1\xa5\xc3\xb5i\x13\x84\xe9\xc48\xe5\x1f\xe1\xb8\x9cq\xb4\xe6\xdeM\xa7\xd3\x8a\xd2\xe7\xfc\xd1j\xcd\xcc\x8cP\xb2\xedc\xbb\xc7\xc6\xee\xa3\xbd\xb9\x7f\x7f\xec\xf9\r\x89Q\xa94\xfa\xf1\xc5\xfe\xb0\x8eY\\\xcc\xa4\x90n\x8d`J\x1a\xc9U\x87\xae\x02D\xcc\xa6{?U\x98&gt;\xf9\xa8t\xfc\x17kfD\x04\x9b_\x1f\xf0\xe6\xcd\x93\'\xf0\r\xb6n,8\x15N7\xc9\xc9|.T\xee\xfe|)W\x0c5)B\x91m}T\x1c\x08\x0c\x02\x01\xfe\x89\xe5H\xf2\x9f\x96N\'\xbf\xbe\xb7\xb6\xfd\xe8\x81DEV\x80\xf0\xcd\x93\xa7O\x9e&lt;}\nOo\x02\xeay&lt;RQ\xc9\xe3\x8a\xfd\xb1\xfe\x14\xfb\xe2N\xa9\x04\x13`\x9b\xba\xc9`hB8\x1az\xeb\xf1i\xc6\x8cB\x9d\xba\xfbr4\\\x9d-\x04W\xea\xa0\xee}9\xd5-I\x90# \x99\xee\xfb\x1d\xec\xc1\x83\xdf\x9f"\x16$\xfb\x10\x1ef,\xae\x98O.!\xdbX\x02\x9f\xd0\xa6\xa6&amp;\x84\xd2\xe9\x0c\x02\x8a\x8a\xe6\xc4rTx\x8e\xdc\xe4&lt;\xdc8\xaf\xdf\xdeR\x10\x9f\x13\xae\x92\xda\xb9z\x13\xabl\xaa_f\xfa\xe5\xc4!kEEXB\xe5\xbfI*8\x95\xedY\x13@n9\xfa`5\xec\x84|&gt;$\x07\x89\x83\xca\xd0\xb4\xc4`\xd0\xc9t\x06\x1a\xb6\xd1\xc1H,W\x83\xd5\xf9\x06\xc4[\x89\xb2\x0b\x83 f Lg\x9ci\xb1Z\xad\xd8\x93\xdaGZe\xe5\x1a\xe1\xaa\xdd\xdbW\xae^\r\x85\x03l\x85*?\x95\x9f\xc4\x88T\xb9\xe0+\x03@!\x95\x80\xeeM5\xf8E\xe9\x8fg\x12\xf23\x98\xeb\xe9oo\xbf]\x0e[\x8f0\x98\x97\x95\x05\x1bb\xe8\xca\xed\xdb\xb7\xa3t\xca\xc7\x87\'\x15\xe3\xa9\xd0\xd3\xa8\x04We\x90L:\x99L\xa6\x13\xd0(I\x1e\x19[\xb53\x11xN\xba\x16\x99\xea\x1e\x0c_\x82\xa0o\xbfm\xad\xa8\x0f\x0e=\xb8\xcb?g\xd7A\xacK\xd1V\xae\x0c\r\x85\xe4\xce\xf6\x84-G\x89\xc957\x97\x84\x8a\x89\x91\xe1\x12\xb2X,o\n\xab\xb9\x9a\xf1\xb1{"1\xcd=\x18&lt; \xe8\x87\xad\xe5\x15r\x9f\xd4\x83`\xe1\xe8-\xca\xf6\xef\xd7\xf0UX\x8ez\xd3\x95@\x85^B(\xa0Bg\xb1\xc8\xf6&gt;b\xf5_\xfc\xeb\x1e\xd4G\x0c\xd4\xa45\x9f\xb0Z-\xf2\x90\xd0\xfd\xfb\xf7\xa3F\x17\xa5[\xf0\x80\xf2F\xacbz.\xa3\xb3\xe9F\x8a\n\x90b\xe2\xe2btKht\xd4\x1c\x88H\xac\xd2G\xfd\x97\x9aMsf\xb3\x0ct\xb6\xf8\x87OX-z\x94\xe6\x86Bu\x1c\xa0\xc6"Y\x1d\x12\xe2\xc3\xe33\xb1\x87O\xa7\xa1\xdc@\x86Hq\xd1\xd1\xe8,:\x8b\x14\x14\xe3_\xc1\x9e\xd8\xdf\xd5u\xd1\xf4\xc1\xbdW\xa7\x9c\xd1\xd5\xd1w\xf4\xd7\x1d7\xbc\x9f;7m\x8e\xa9\xff\xd0!\x8b\\\x1d\x80\xed\xfb\x84\x84\x04|\x94\'\x84\x85A\x1d\x16\xb1\x8c\xa5l"\xa9\x00*\x1aE\x1aq\xb8\x84to\xa8\x9b#Hy\x12\xcb6\xdc\xdfw\xf7\x16r\x11\xa4V\x92\x91\xc6 \x9c\xff5\xf1\xb6#F\xbd\x1d1E\xf7u\x9a\xaa\x9f@]s\xfa\xd1$KE\xf9\x8f\xe5`\x15\xe5\x94U \x95\xb7\x00\x92\x94a\t\xcam\xa2\xa3\xa37\x14\xa1\xdc\x06\xb1\x80*99\x82\xd4\n\xc6\xf7\xf5\xf7\x9d\xbb\x8b\xfe\xc2\xf8e\x98\xce\\\xac\xe6\xcc\xce\xb0\x16\xa7\xba\xcfv\xe0\xa8\xa5\x02\x0e\xaf\xf0\x8d\x0f\x9c4HVy\xd2\x96l\x96a\xa4\xeb\xd0W\x1bP\x05\x14\x039KI\x83\xb3O2\xca\xe9Q\x94\'*}\xdc\xd7\xd8xw\xf8\xe2\xf14\x93\xc9t\xfa\xce\x8b\xbbw\xd2fgX\x8bc\xea[[\'\x8aP(2\x93\x15\x89\x99\x8a\x03\x8a\xccet\x1a\xa4N\x1d\xc2\xc4\xc9\xe2H_\x91Tq2]n\x93\xd2\xc8f\xaa\x10\x0b\xcbB\xba\xc86\x9c\xde\xd8\xd8x\xfdQs\xf3\xad[]\xe7\xb2\xb3\xb7\xbdx\xdf&amp;9\xbe\xea\x19\xafLw\xca:\xc6\r(p\xd2n\xad\r\xda\x89\x93\x03+DPJA\x81g\x80\x08\x8f\x8d\x8d-\xdaPT\x14\x17\x0b_\x08\xe5PL\xe5\x02\x95\x1fI\x95\x0c\xd1\x05\xf9+&gt;\xbd\xb4qm\xa3\xed\xfa\xa3K/\xb2\xdd\xd0\xb2Q\xab1\xa9\x0c$\x9c%\xd9\x84\x19\x04\xe7%\xc9\xdb\xf1\xad\xf1\xf3\xab{\xefl)\x8c\xc4\x19\xa3\xa0\xcdK\xeav\xd6\x05E\xc6\xc6\xc5\x15\x15\x95\x95\xe1H\x14|\xfcbH*\x07\x16P\xf9\xfa:\xb8\x98\xcb \xe6E\xa5\xb6\xc6\xb5\xc8\xd5\xf5b\xdb\x17\x8b\x16-r\xdbv\xae\xd9\xc4\x99XJ\xbdG\x98&gt;]\xa3\x0c\xfe\r\xe3\xe2\xc9\xc2\xc2\xfc\xc8\xa0\xc8\xcd\xf9A(\xec\x8e-+\xd2"\x12\xa9\n\xda\x80\xda2\x17\x15\x9b-\x91\xe4\xa8\xf8\xfcd{&amp;\xb8\x0br\x04\xcb\xd6\xb8\x13\'\xccNn\xc9^\xe4\xe1\xe1\xf1\xc5"\xb7\xec\xbb\xb7\x9ak\x8f3\xa6\xc8\xdf3+\xf7\x19\xa7_l-\x8c\x8d\xcd\xcf\xcf\x8f\xc5\xe1\xac\xd8\xb2\xe5N[\xbf~\xfd\xf2\r\x0e\xaah\x92\xca\xd3\xd77\x07j0\xbb\x1d\'n0\xb8\xeaD;\xd7\xfe3/o\xab\x9b\xc7B\xb0\xcf&lt;&lt;\xdc\xdc\xb6m9\xd7\xd7\xff\xf0?\xbf}\xeaDj\xda\xa5\x93\x85ee\x08\x84?\xca\xa8\x89\xbb\xf5\xeb\xa9q@\x87\xab\xd0WMF\t\x96\xf7P\xec\xd8\x15\n\xbb\x82t\x17\xadn4\xaf\xb0\xb0\xa0\xc0k\x1e\x18r\xfd\xf0\xc3\xd6\xad\xdf\xd9\xee\xff\xef\xcf\x07\x0f\'\x81M\xae\xe5\xa7\xdb\x13\xc9\xe2\xf0L\xd7wee\xc0\xa4-\x83o-0-\xff;\xa5\xc0Cg\x91L12\x8c+IN\x8e?\x98Xc\x97J\xa5\n&gt;D\x977}4\xaf\xa7`\xc7\x0e/\xafy\x0b\x16\x00\xd6\xb7\x05=yG\x8e\xf4\xbc\x1a\xeb&lt;U\xfc\xdf\x07\xe01\xe2\x13\x86L9\xb5\xc0\x85@\xda(\x80\xa2\xa6%\x1d\xba\xc0h\x12\t&gt;\x82\x19F\x89\xc4\xd7\x1f\'m\xc4\x1a\r\x17\xb0\xb8|\xbe\x8a\xe9M\x8b\xec\xd1\xee\xf0rw_\x00X\xf3\x17~Vpd`hh\xf0\xfc\xf9{#\x9d7\xcd\x08\x96\xc6\xf9\x84!\xd3\xbd\xb5][\n\xb4\xdaM\xb8p\xffph\x02\x97\x93Y\x1d\x89r\rM\x19FO_?D\n\x17\x87k4P\x99e\xe1Y[\xcc\x14\x05\xf5h\xa3\x16\xcf\xa5\xb0\xd0Y\x03m7\xcd7\xdb\xae\x9c\xef\xbd0\xd2i.\x06\xb0?\xde\x99H%\xa6W\x8dLu\xf1\xdc|\xfd\xeb\xad\x05\xcb79uyq\xb1:\xa8\xfb\x9aP\x90\x94\x91a4\xb2%x\x87\xc3\xe5j4X)\xf2\xf4X\xee\xf3\xb8\xfc\x88\xbaB\xed\xa6\xc5s\x11k\x81\x97\xfb\xfc\x85\xf3\x0b^\x01L\x8d\xf9*8\xacw\x08\x1c\x06\x1e{\xf8\x1b\xf5\x9b\x08&amp;\x8e\xd6\xbb\xe6_\x89\x89Z\x12gbu\xaccZu\xed\x9d\xae\xc6\x9d6\x1b$U:\r\x0b*\xf2dXR\xf2\xfd\xf7\x12\xdf\x94\x14\x08(&lt;t\xf0x\xa1P\xfd\x04\xab\xe5j\xb5&gt;K\x91)\xcaG*w0|\xfa\xdb\x0e\xaf\x1d=C\x9d\xc5\xc7\x8e\xd5\xbc\x06\x879W\xf2O\x00#\x7fy\xc3\xf8\x90\'\\W#\xc4\x14=3\xd7L\xe1\x1c\x86\xe9\xf4\xa5\xe1\x96\xcb\xed\x96\xa4D\x85\x02\x02G\xe5\x9f\x92\x92B\xc6\xb8\xbf8\x1cu\xbax\x16\x82\x8aL\xad\xc6+^\xb5\\~tE\xa46j\xe9bw\xca\xa2\xb4=G:\xb4\x1dG\xee\xa1\xbf\xc0a\xd7`%\x07GN\x99)0\x86C\xfc\xfaQ\x99\xe2lKKk\xebm\x8bE\x8e7[\xbc\xd4\xd4pMx\xb8&amp;\x15\x16\x0e}\x84^R#S`` p\xc9\x93\xbe\x8a\xd4nBg\xcdCoEu4\x0c\xb6\r6tt4\x0c\x0cu\x9ak\xc0\x10l`p\xa4\xf3\x94\x13\xec=\xbf\x90\xe1/\x94$-\xed\xad\xad\x97\xa1\xdc\xc2r\x90\x1c\xdeB\xa2P\xf8\x89\x17\xbc\xe0\xa4\x00!\x8a\x14\x84\x80\x05Ty\xb0\x82\xd4\x12\xba\xbb/\xd66\x0c^\x05\x17\x9doh\x00\x87\x8d\xdc4\xd7\x1cC\x8f\xdd\xeb\x1d\x18l\xbby\xaa\x98\x04\x9b\xee&lt;AL\x11\\\x13\xda\xfd?\xb7\xb4_nm\xddW\x9e\x90 \\\x85w\xb9\xab}\x00\x08\x9f\x82\xbf\x0c\x08\x14\xa2\xe1]=P\x85\xc9\x93V@\\-ub\xcdu\xef\x18\xb8\n\x1ez\xfd+\x80u4\xf4\x02\x8b\xb9\xa6\xb8\xd8|\xb5m\xf0\xca\x95k\x94\xc7\x1e|\xd8 \xe0\x14\x97\xcf\xd5\xad\xed\xc0u\xf9\xc7\xca\xcau\x81\xab\xf0\xf6\x1b\x0ef\xe0&amp;\x80\x02\x9e5Ba\xc2\xba\x8d\x1b7\xae\x13\n\xc3,G\xe3\x0b\xa36-E,\xf8\x1c\xe2W\xc7\xe0\xcb\x9a\x1a\x0c\xf6_\xaf\xe0J\xf6\x0e\x01Xq\r\x82]\xbbroh\x04\xd3\xebG\xcd\xec\xa3\xff\xd2\xce\xb6\xdf&amp;\xb1\xd6\x04\x92\xed\x8bU\xdf\xec\xde\xbd\xfb\xcboV\x05\x02\x14i{\xf6\xec\xd9\xb8\xc6E\xb5\x94\xa2B\xeb\xe8\xbdv\xf55p\x1d{\r\xd9\xa1\x01l`\xa8\xed\xe5\xa9b\xb3\xd9\xfc\xb2\xed\xda\xffK9\xbf\xd0\xa8\xb2;\x8eO\xee\xdc{\xc7;\xdca\x86\xb9\x14\xeeC\x1e&amp;\xa5\x8c\xa11l)H!C\x92\n&gt;\x84)\x98H\xab\x10lb\xeb\x96\x0b\x818\xa5H\x04\x89\x0f\xdd\xce\x8b\xab\x98\x95\xd5\xddYY\xa1\x0f]h\x98\x15\xea\xd2\x07Ml75\xc6\xb6\x9b&amp;fM\xdd\xb8\x01\xff\xb4I\x0c\xc4`\r\x1am\\\xe3\xda\xef\xf7w\xce\x8c1\xeb\x1a\xd7\x1e\xa3d\xd7\xdd\x99O\xbe\xbf\xef\xf9\x9e\xdf\xb9s\xcf\xbd6\xde\x7f\x7f\xa8\xef\xd5\x8f\x1c\\\x1c\x99\x9c\x1c\x19\xe9i[\xbf\xb1\xae:\x95\xaan\xd8Q\xd7\xb0\x03T5MM\xad\xbc7V\xa8\x80\xf5\xe1\x86\xc3|^\x84\xd6J\xbe\xf2\xf0\xfa\xf8%r\x01l\xfc\n\xc9\x18\xa9\x90Lj9\x0e\xc5\xca\xbd|\xe4\xe9\xfd\xe1\xfa\xdf\x85"\xabz\xf9gZ\xfd\xca\x8fOO\x9e\x98\x1c\xe99V\xb3qc]\x03\xc6&amp;\x9e\xc9\x10\xb5JP-5m\x99\x9f}@*DCI*\xdb\xf6\xf2\xf9\xc3\xbd\x83c\xfd"\xd8{\x13\x1aL\xa2\x0b\x86\xef\xeb\x1b\x9a\xbe6\xf6\xaaE\x8cDN\r\xf4\x9c8\xd1\xd3s\x02r\x1d\xd8\x01\xaaM\x9b\xf8{\x07?H\x13\xa1\xe0\xaf\x9a\xcco\xbfwxgm\xad6\x16}\x85\xa5\xc74\xfd&lt;\x04\x1b\xbcv\xff!,\x86\xdc\x9aX@&gt;"\x9f\xba-\x00\x00\x08\x03IDAT\xf4\xf6\x16G\xe1\xab\xa1&gt;\x8c\x89\xfe\xff\xe3@\xfa\x1d\xc1\xea9R\xb3\xf1@\xc3V\xb9mk\xd3\x81M\r)H\xd5Z\xdf\x82I\x98\xc9\x1c\xdf\x83\xb8\x02\x950\xa9\x02ZV\xcc4M\x8f`ETR&amp;!f%\xf2a\x10\\\xa3\xe2x\x8c\x97\n\xa9\xe7&gt;Xg\xf1\x1e\xb0D\xae\x9a\x06`\t\xd8\xd6T\xaa\x1e%l\xae\x87\xd9\xaa3\xbb\xbe\xbf_\xa8\xd2\xba~\x15\x151\xcb1c\x8e\xe3x\x9e\xefw\x0f\x0f\x17\x91T\xf7\xfbh\xa97\xde\x9a\x80\xdd\xc7F\x07I6\xb3\xbc\xbc2\xa4B\xcf\xbf#)\xb2bg[\xbe]\xf0\xd0\xec\xfc\xad\x1e%\xd7\xb1\x96\x94\xa8\xb5u\xeb\xd6\xaa\xe6\xd6f2\x81j}\xe6\x9d\r\xfb\xb3\xe9Z\x11\xcb\xd6\\V\xdc\xb4L\x03X\xbe\xef\xe7\x83\xee\xee\xe1bQfa\x9f&amp;\x9b\xbe~\xa5X,\xceMM?\xf7\xb0V\xe4\xab\x9f\x8b\x96\x0f_\xab\xd3[wg\xe7\xa7o\x9f\x1dQr5\xa9; \xf0gUssUUU\xaa\xa1\xa1:\xd3\xf8C\x98=\xcd\xc1\x14UE\xf4L\xcbr8&lt;\xc7\xf7\xfc\xc0\x08\x02J\x86t\xd7hp\xd5\xa5\xfe\xa9\xd1bq\xf4\x95luh\xf1\xde\xfc\xa3\xd1\xb9_\x8eL\x8a\\o\xbe\xfd6\xcfn\x91\x08C\xce#\xado\xdcC\xb3\xa7u\xb6W$\x93\xfc\xce\x8b\xc5L\xc3\xb0L\xc7wL\xd31\xfc p!\x99h6u\x9d\xd5|\x8f\x9d\xce\xf8hq\xf8U\x12\x0bR-\xcf|\xd2\xbb\xefO\xff\xd2Xrv\xab\x99\x9aU\xf1\x86\xa5\xfa\x96\xea\xc6\xcd\xdfVZI\x87\x05*\x06\x97\xcd\xb6\xd4p\x80\x15w\xd0\x9eb\xb8\x1c\xd1hw\x01\x9aM1\xec93\'\xaeO\x15C\xab?\xaeX}R\x7f\xf5_V\x1ezpoyh\xe6\xc2\xbe\xee\xce\x8e\x83\x7f\x11\xae7[yxK*\x89\n\xd6\xb7\xb6T\xff\xfe\xf5\x9f\xb7K\xb23\x18\x94Rv\xccs\xa8\x91\xe9y\x82e\xb8\xc4\n@\xe5\x06\x00\x93\tp\xfd\xfe\x04\x17\xa5\xb7\xfa\xa7B\x91g\xb7\x11\x91\xaf\xdd#\xea\xcb\xc0\xbb\x17\xe7\x87\x86f&gt;\x9b\xeb\x0c\xe7:\xb7\xfc\xf1,\xdcu\xecXS\xbd&gt;\x7f\x07\xaeT}SM\xe3\x1ePq\x06\x82\tp0\xbd\x8dT\x00\x15\xe4B\x9c\n\x96\x0b\xac\x80X\xe0\x8a\xc2f\xd8\x07\r\x17\xa7\xfa\'\xd0\x19\xfe\xa1\xaf\xff\x1b\xc6i\xe5ofo\xdd\x1f\x9a\xb9=\xb7e[.\x97\xeb&lt;\xf9\xbb\xb3G\x8e\x1c9\xd6\x94\xfaNi\xa4R-5\x8d\x9b\x7f\xc2\x9e\x8f\xd1\x9e\xe4\x13\x81\xd2i\x1b\xda\x80\x89\xe5dt\xc1\xf7\x06\xd5R5\xa4ZQV\xb2\xb0\x9f\x82\x91\xeb\x8do\xe8\xf5\xbb7o\r\xcdL_\x98\xfbU\xd7\xde\\.\xdc=\xbca\xd7Qb\xd5\xcb\xdd\xa6\x18\r\ru\xa2\x95x)\x99VPI\xdb\x8a\xbb\xf1\x18\x98\xd2\x15\xb0\xbc\x839\x00\xc3\x8b\xb5\x14Y\xa1;\x1a\xa5\xc7\x006\x8aV\x0c\\\xe5\xeb\x11\xfa`V\xf9\x06\x92\xf2\xe3\xb6\xca\xf7\x91T~k\xf7\xe2\x93\xe5\xe5\x99\xcf&gt;\x99\xdb\xd7\x95\x0b\x03+h?\xfc\xdd]G\xdb\xda4\x16\xd7\x9f\xba\xea\xcc\x87\xe8\x8f\x93R&lt;\x19p}\x0c\x02\x81\xca\xc6&lt;\x04\t\'\xa1#\\\x82%@\x1c\x01\xb0(X?\xb8\xca\x1fK\xad+\x1d\xa2V\xdf\x94\x8fo\x95\xae\x8d\xac\x0b\x1dzp\xf3\xc9\xf2\xd04\xa8\xba\xa0U\x14Xn\xf6\xb5\x1fo~\'\xd3\xd6\xd6\x82\xfc\xac\xe3\xfd\xb2\x99\xe3Gw}p8\xef\x95\x95\xd2\x11\xa1\xbe\x88B\xb7\x1b\x8e\xa7\xea\x08\xach\t\xab\x00\xaeD\xb4\xd0Y\xbc\x02\xbdB/\xbe\x1bi\xc5&gt;\x97\xb1\xb0&lt;s\xfb\xc2\xd2\x96m]@"V\xd4\xd9\xf9\xda/\xf6\x1c?z\x94\xe7\x13\x8f\x1fA\xff5pg\xe0\xd3\xee\xc00\xedt\xedOk\xd3\x12\x0c\x0cR\x89\t\x1b\x9bV\x87\xc62\xe83\xcb\xf4\r\xdf\xd0B\xb9\n-\xc1!z\xbd\xf4\x96b\xf1\xe6\xbc\x86\xda\xb6\x97\xbeJ\xe4\xc2a\xd7\xb2w\xfe\xfa\x07g\xd1&lt;\x0f\x0c\xdc\xb9x\xf1\xe2\xd5\xab\x1f\xbf\xff\xf7\xbd&gt;\x12S\xac\xae\xc2Jg&lt;Z\x07\'N,$V\x9cW!83Y\xc3DT)\x96\xd0#\xdcY\x9c\xba\xb4j\x01|\xe6#\xf4\xa7\x97\xc1\x0eA\xaa[\x8f\x08\xb5\x05\xae\xc2\x80\x13\x12\xe1(l\x92\xef\xbc|\x078\x18\x0f\x1e\xe0\x8f\xf7o\x9ca\x12\xd8, \x13\xabDe\x0b\x95h\x85$55\x95\x14\xb2\xec-\x80\x85\x89\x05\xaek_\xb96\xb2\xa2q/}nVI\xa9f\x1e--ul\xeb\n\x17\x02,\xb3X\xd1&lt;1\xaf\xefw]\xbeJ\x9eE\x8e\xd9;\x97\xcf\x19\x88K\x94\xb06\x19\x8b\t\x8e\xd6\x8a\xb1`\xf1\x9a\x88\xc5\xf4\xd2j!^\xe3\x86\x142\x91\xd0\\\x00\x0bc&gt;\xae\x9d[\xeb\xb8\xd8|\xf9\xe8\xf5\xa5\x93\x1d\xdbr\x05\xdf\xc3\xa8\xc0/\x0f\x0e\x82q=\xff\xcc\xe5\xd9\xd9\xd9\x9b\x1c\xf7\xe6\'O\x16,/F\xaa\xb4\x1d\xb3+\xf4\x0eL*H(\xb0\xe0\xcbd\'\x88\xb6\xcb1D&gt;\xd3\xd5:\x89\xb7\x94^\xc5\x97h\xac\xee\x0e|\xf9\x8f%&gt;\xf0(\x1c\xf8y4$ype=\xdf\r\xf0\xe2\x8e\xe5\xb5\x1f\x9c\x7f\xf2\xe4\x8b/\xd8\xcc\xf5\x8f\xf5\xe6\x01\x91d\x05\xcb\xb5\x8bI\x01M\x16\x8euD\xdc\x83\xca\x84n\xe4b\xea;\xe4\x82L\x8aJ\xae\xaav\xaeM\xf5\xee\xe9GK\x88\x04\xc6\x94\xcbY\x1c\x18\xbeg\xdb&gt;\xb0|\x07?\xad\x97\xdd&gt;\xb6\xf0\xf0\xf1\x7f1\x1e\x8f\x0f\x9e\xcf\xda\x92\rI\xdbSb\xc58,\x05E\xd7\xa9J*6+\x1e\'5\x96o\xc2h\xb5d$\xd6z\xb6[\xe5\xa9\xd3\x07\x19\t{\xf7\x86\xfd\xa0P\xc0JAg\xb1\xbbt\r_Z\xa7\xec\xf6\x8f\x16\x84\xea\xe1\x02\xa8deF\tM\x87*\t\x16m\xae\xb4R\x9a\x11\x8b\x8c\x96\x1d\x8b;\x82\xedD\x15V\xa1 P\x98T\xa1\xb5\x9e-7p\x90\x9e\xc2p\xf3A@\xa9\x14\x96\x87\xd4\x11,3\xbf\xfd\xa31b=^\x18\xd3T\x88P\xfa\xd9\x8a)\xa9\x1c\xae\xcc%,S\xac%\x981n7`1t_qT\xf1)\x16\xc6Zq\xf57Pu \xa8\x90\x06\xe8\xda|5L\x0f\xbf\xe4\x9dY\xc5\xf6\x1f\x8dA.P\xf5\xb6g\xa5c\xc0j\xe3\x08\x96L9\x1d\xed\x8c+GTB|1"DGi,\xbc\n\xdb\x8d\x86\x13\xbc\xf6\xbc\x02\xeb\x99\xccz\xfa\xfc\xc9\x88\x1c]\xfe\xb4\x03\xe9\t\xac\x04\xea\x87\xb2\xf9F\x89L\xa8\xe2\xdc\xc8\xb4\xc3\\\x8fI\x95\xcd&amp;U\xbfG\tJ\x85\xe3EeC.-c\xcd\xd1TF\xdc\xb4\xb4\xe7\xd0\x14zhu|\xd8J\xb0\xb4\xe9\x9f\xe6\xd6\x8a\x05\xb0tA\xab\xf2\xcf\x9fw\xd0V\xa0b\x18\x07xe\x02\x01N\xb2P\x19\xd8\x16\xb5\xa8\x95^j\xf8.\xd2\xb1K_E\xae\xb8\xc6RbI^\x95\xa6\x02\xbe\xf1&lt;\xc7\xb4\xa3: \xb4\xe9_t\'e\xe8\xd4\x8ds|&gt;\x1b\xd6eF\x1e\xdbIG^\xd6p\x14\x16\xe5\xf0\xb0w\x1f\\X\x18\x97\n"\xd5\xd9|*\xd7q0\x10XC\x01S\xff\xb3\xf8K\xe7\x17\x7f*\xdb\xc3\xeb\xc5\xd4"T\xc2J\x84^\xf8i\xeb?;\xa4\x82aYM\x15\x95)\x02\xa8w \x95\xe7a\x87|M\xa2\x01\xef\x80=D\xdcpJo\xce\xc5\x85\xea\x8ad\xf8\xcfMa\xd3`\xa6\x14\x12\x15\xf4\xf1\xd2\x8e\xa3\x82\x1eX9\x15\x10/8\\\xfa\xd73b,\x99\xbct\x16\xecbR\x01\xbe8\xff\xc1\x02\x08\xb3\xb5\xbd8\xda\x9b7-\xd96\xe0\xb7D\x14\x07M\x187=1y\\\x8a*\xe6\'\xb0\x9a\x932\xa5\x03\xd4\xc1c\x15E\xafpN\xab\x15*=7&amp;\xb4.R~\xdcjh]\xe5\xbb\x9f\xff\xfb\x8chE,h\xc5\x17\x8b)o\xc4\xf1\x8e\xd0\n=\x14\x16\xc7\x8a\x9d;\xcf\x9f\x1f\x0e\x0c\xda\xc7u\x9d\x98,4\x96\x9ee\xb2\xf32\xca\xf6\x92\xfd\x8et\\\xf8\x0b\x0fRyln\\\xc3\xb6\x19\x11ni2&amp;\xbe6\xb7"\xbbo\xfc\xe7\\\x87h\x85"\xba,\x86\xacd\xdcN\x99\x96\'\xed\x00\x9a_\x84\x86\x97\xcd\xb6\x9fo\xe7\xf3N\xf3y\x894\x0eS\xb3\x95\xf3\xc1\x91\x19\xe8\xb0K&amp;\x1a_M~*\xc3\x88&amp;\\\xf4\xd1.\xc5r\x19\x14\\\x82\xfe\x07\x96\xf5\x85\xbf\xb0\xf3\xa0\xe1\x00\x00\x00\x00IEND\x</t>
        </is>
      </c>
      <c r="M522" s="3" t="n">
        <v>45492.67836805555</v>
      </c>
    </row>
    <row r="523">
      <c r="A523" t="n">
        <v>1462231</v>
      </c>
      <c r="B523" t="n">
        <v>307234</v>
      </c>
      <c r="C523" t="inlineStr">
        <is>
          <t>Jadson Alves</t>
        </is>
      </c>
      <c r="D523" t="inlineStr">
        <is>
          <t>J. Alves</t>
        </is>
      </c>
      <c r="E523" t="inlineStr">
        <is>
          <t>UNK</t>
        </is>
      </c>
      <c r="F523" t="inlineStr">
        <is>
          <t>UNK</t>
        </is>
      </c>
      <c r="G523" t="inlineStr">
        <is>
          <t>UNK</t>
        </is>
      </c>
      <c r="H523" t="inlineStr"/>
      <c r="I523" t="n">
        <v>77</v>
      </c>
      <c r="J523" s="2" t="n">
        <v>38573</v>
      </c>
      <c r="K523" t="inlineStr"/>
      <c r="L523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\x93F\xd5l\xf5\x9d:\x1dV\xc2e\x92\xde\xe25xdS\xc1R8\xab\xaa\x8cm\x99\xc3\xf0\x1b\xee\xd3k\x97@&lt;\x03\xfe\n\t\xe0\x9f\x14x\xcb\xe15\x9c\xfe\x15\xd2\xe5\xbc\x9bN\xd5#\x9eH!B\xccT\x03\x92\x05y_\xc4\xdf\x89\xff\x00\x10\xff\x00i_\x04x\x7f\xe0\x8f\x84\xbe\x15j\xd6\xab\x19\xb7]N\xfa\xf2\xd5\x95Sf2s\x8f\xadz4\xe3Fxx\xb7-U\xc0\xca\xf8S\xf0?\xe2\x8f\x87\xfcq\xe3\x9f\x08\xf8z\x0b\xab\t?\xb1\xbc\xbb=H\xc5\xf2\xca\xc0\xe4\x80{\xe4qY\x87\xe1\x87\x8b\xbcC\xfb-\xdexR\xc3\xe1\xad\xf5\xbe\xbba\xae\tuB\xd06o\x10\x07\xcb\xaf\xafQ^\x95,M9S\xbc\x9d\x9e\x80W\x9bJ\xf8\x13\xe0o\x87W\xfa\xb6\xa1\xf0\xb7W\xf0\xfe\xa5\x1e\x8b(\x93U\xd4\xed\xccp\xab\xec\xe7\xe6&gt;\xa6\xbe9\xf1\xdf\xfc\x14\x17\xf6T\xf0\x9f\xc2\xd9\xbc-\xa0x^mO\xc6Q\\f=AW0.\x0f]\xc2\xb3\xaf\x8c\x85:w\x8b\xb8\x1c\xc5\x97\xfc\x17{\xf6\xa1\xf0\x96\x83o\xe1\xdf\n\xe9\x16\x10\xad\xbc{VE\x90\xe5\x85K\xaa\xff\x00\xc1x\xbe?x\xcfA\x9b\xc3\xbf\x10\xbc\x1fcyo4\r\x1bms\x91\x91\xd6\xbejTi\xcb\x15\xf5\x8b{\xdd@\xf7O\x81\xbf\xb7/\xc2\x8f\xda\'\xe1\x1f\x86|\x19\xa4j\xab\xa7\xf8\x83E\xd4\xfc\xc9\xf4+\xa6\n\xb7A\x9f\xa2g\x92k\xf5[\xe1\xc5\xdb\xde\xf8\x0fM\xbbm5\xacZK4?ea\x8f,\xe3\xa5z\xb8\x8cG\xd60\xfa\xefp7\x8cjl#\xb9O\xbc\xdf\xc5\\\x07\xed\x19\xe2\r;\xc3\x1f\x0ed\xd6\xb5[f\x928\xee#\x19O\xbc\xa7=Eq\xd0\xf7\xb14\xe2\xfa\xb4\x83D\xae\xcf3\x1f\x1d&gt;\x1e\xf8\xc9\xe1\xf0$/4\xd6\xf6\xf6"\xe9\xb5B\xbf2H\xc3\x94\xf4\xcdc\xdb\xfc\x7f\xb7\xbd\xf8ki}\xa3x\x15n-\xf4\xcdCc\xc7&amp;w\x07\xf5#\xe8k\xde\xa7\x81\x8e&amp;\xeaN\xca\xf7\xfb\xce_\xac{\xaf\xbfO1t\xff\x00\x8c\xff\x00\xd9\x16\xa9\xe1/\xf8Wk\x1e\x9fo\xa8\xc5-\xf63\xfb\xb9$\xf9\xd4\x8f\xfb\xea\xb6\xbck\xf1S\xc2\xba^\xa9y\xe0K/\x0f,\x9a}\xd4Kw}q6F\xd6n@\x1f\x8da&lt;%\xf1j]7\xfb\xaci\x1a\x8f\x99\xa9i\xd8\xc3\xf0\xb7\xed3\xe1\x1b\xe8f\xf0\x86\xa9\xe1\x19$\xb7\xb2\x93\xcc\x85\xa1RNzs\xf8Q]\x91\xc2\xb8\xaf]~\xf0\x85J\x92Z\xa3\xde\xbc\x07\xe1\xdf\x10\xf8?\xc1:\x7f\x86L\x0c\xedch\x913\xed\xeaT\x01]V\x97\x0e\xa1&amp;\x87\'\x9f\x13y\xc1\xf3\x8fQ_0\xe5)\xc9\xc9\xf5l\xd8\xabu\x1d\xf4\x85\x10Z\xb1V\xe1\x95\x97 \xd1\xa7\xe9\xbfgV\x96=*([?~8\x82\x93\xf9P\x05\xc4\xf0\xf4\x83\xf7\xb1\xd9 f\xea\xe1FMW\xbe\xb4\x8fI\xb4\xb8\xd4\xef\xed\xa1\xb7\xb5\xb7\x85\xa4\xb8\x98\xe0\x00\xa3\xaeh\x03\xf0\x7f\xfe\n\xf9\xff\x00\x05\x15\xf1\'\xed\x19\xf1V\xfb\xe1\xa7\x80u\xc6\xb5\xf0\x9e\x8b3@\x16\xd7\xe5\xfbL\x80\xe0\xe4\x8e\xa3"\xbe\x12i\x03\xca\xd21\n\xdf\xa9\xa0\x05B\x01\xfd\xe0 \xff\x00\xb5N&amp;"y4\x01&amp;\x93\xacj^\x1e\xd5#\xd6\xb4\x1dFK[\xa8d\x0f\x1c\xf0\xc8U\x95\x81\xc89\x15\xfa\xe1\xff\x00\x04\x86\xff\x00\x82\xc6\xea\x9e\'\xbd\xd3\xff\x00g\x7f\xdac\\V\x92EX4=bV\x03=\x82\xb9\xf5\xf74\x01\xfa\xc8\x96\x17Ri0G\x08WR\xa0\xab)\xe0\x83\xde\xb9\x9f\x89\x1f\x08\xee\xfe$\xf8e\xfc3\xaa\xc9\xb2\x17\x9d$\xca\xf7\xc1\xce)\xc5\xf2\xcdK\xb3\xb8\xa4\xb9\xa2\xd1\xc3\xeb\xdf\xb1G\x87o\xd5F\x85?\xf6r\x15\x02\x7f/\x93!\xef\xf4\xa8\xb4\x9f\xd8wE\xd0\xed\xe6\xb1\xd1\xf5i\xa2\xb5\xb8m\xd3B\xd2\x16\xcbz\xf3]\xeb2\xc4F-.\xba\x18,=58\xcb\xb1o\xc4\xbf\xb1\xbd\x87\x885\xf8\xf5\xa8\xf5I\xa0L\xc4n-\xd6C\x89Z5\n\xa4\xfe\x02\x99\xe2\xff\x00\xd9\x13@\xd7\xb5\xbf\xed\xddF\xf6XwB\xb1I\n9\xc3\x85\xe9S\xfd\xa1\x88\xb2]\xb46\x94#;_\xa3\xb9\x06\x81\xfb\x1fx\x1bG\xd4\'\xbe\xd3f&gt;d\xe8\x04\xdb\xd8\x9c\xf3Ei,\xd3\x15\'v\xca=\xd0k\xfas\xaa\xbcS,\x8a\xdd\x19i\xf6\x97Q\xdc\xc8\xdf2\xed\xed\xb6\xbc\xd0\x12\xfbU\xd3\xac\xe2\xf3\xe5~3\x8a\xc1&gt;;\xb2\xbf\xd5n|?\xa4\xdcB\xb7\x16\xb1\x89&amp;Y0p\xa4d\x1aM\xa8\xab\xb3:\x95#N\xd7\xea\xd2\xfb\xca\xf7\x9a\xe7\x8f\xac\xb4\xe6\xd74t\xb7\xd4-\xd0nkx\xe3\xc3\xb0\xef\x83_\r\xff\x00\xc1m\x7f\xe0\xa17\x1f\n\xbfgK?\x87\x1f\x0c5\x96\xb3\xd7\xbcU\x98\xef#F\xfd\xe4\x10\x9c\x86\x1cr9\xc5(\xca5#\xcd\x17th~:xs\xe0?\x8c\xfcZWS\xd4`e\x86\xe1\xbc\xc9&amp;~\xae\xc7\x92kn\x0f\xd9\x9fK\xb4\xb8c~\xcc\xf9\xe5q\xda\xbc,vg\xec\xd2\x94t\xe8}vQ\xc3q\xc64\xea\xcb\xcf\xe4\\\xb8\xfd\x98\xf4\x9dF1"\xee_\xf7k:o\xd9\xdfM\xd3\x91\xad\xda\xcd\xe4\x91\x7f\x8a\xbc\xcf\xed\xa9wg\xd0&gt;\r\xc1\xfdaMKN\xc5i\xbe\x06\xe9\xd6\xd1\x19$\xd3\xce+\x17\xc4&gt;\x06\x9f\xc0mo\xe2_\x0f&lt;\x91Io0\x91dF\xe66\x079\xae\xec\x0eaS\x11Uk\xa5\xecy\x99\x96OB4e\x18E&amp;\x8f\xe8\x07\xfe\x08\xf3\xfbT\xea?\xb5?\xecy\xa5k\xbe \xd4~\xd1\xach\x8a\xb6z\x8b3e\x8bc\x82\x7f\n\xfa\x87[\xd7\xf4\xdf\x0fi\x92j\xfa\xa5\xca\xc7o\n\xee\x92C\xda\xbe\x90\xf8I{\x97\xbfC\xcd\xf5\xaf\xdaSK\xb6\xd4\xf4\xeb\x8d\x08\xa5\xee\x93}&amp;\xc7\xba\x8f\xfeY0\x1d\xeb\xb4\xf0\xdf\xc4\x1d/\xc663_\xf8zu\x91m\xe4\xd90\xf48\xcd\x07\x1d&lt;u\x1a\xd5T#\xd6\xfa\xfa\x18\xba\x97\xc6\xbf\t-\xc8\xd2\xe3\xbff\xb8\x12lo-\x0e\x01\xcfJ\x9a\xd3\xc5\x96\x9e \x9ak[{\xbd\xdeO\xfa\xcd\xdcb\xb0\xa3^5\x93k\xa1\xa5\x1cDk&amp;\xd7B\xc2\x9blnIW\xf0"\x8a\xdc\xe81~\x1e0\x9f\xc2vS\xad\xb8\x8f\xce\x8ddd^\x83 \x1a\xeb4\xb4\xff\x00@\x9b\x06\xb1\xc3\xff\x00\xbb\xc7\xd1\x18\xe1\xd4\xa3B7\xec\x8eg^\xd4\xaea3\xddZ\xc0\xd2Io\x19\xfb&lt;+\xdd\xbdk\xc7u\xbf\r\xfcO\xf0\xe7\x8d\xac\xbe#\xc1\xa4I3]9MF\x18rK!\xc63\xf4\x19\xa5\xcd*\xb4\x1d\xd7s\xcd\xcd\xa9b\xaaF\x0e\x92\xd9\xdd\xfc\xb5=[B\xf1m\xc7\x84 \x92\xe7SC\x15\x9c\xb1\xee\x869;1\xe3n+\xf1\x1f\xfe\nb\x9a\xef\xc5\xcf\xdb\x82\xefI\xb8I\x1a+[\x8cy?\xc3\x12\xe4\x1e\x9d\xab\x83*\xab&lt;.S*sZ\xc5\xdb\xeew=\xec-9b*F)obK\xcd.\x1d2\xd2\xd6\xda8\xd4G\x0cj\xad\xb4}*\xad\xff\x00\xf6{I\x9bx3\xc7\xcc\xd8\xeb_3\x98T|\xaa6\xdfS\xf6&lt;\xa61\x8d6\xbd\x08-5k5\x85\xa2\x0f\xb4\x0e6\xb5R\xd4um&gt;9Z&amp;\x8c6\xef\xe2\xc5x\xe7\xaes\xb7\xba\xa5\x98\xdc\x8d\x19\x01\xbadW7\xab\xe91\xebv2\xd82ed\x18\xe9^\xb6[\x19+\xcd?#\xe5\xf3\x08\xfbJ\xb3\x8fs\xefo\xf87\x8b[\xd7\xfe\x1fx\xc3\xc6\x1f\x0bn\xeeX\xd8\xdeB\xf7qG\x9f\x97p\\q_\xa5\x9f\x11\xb5;{/\x07\xddM}\xa75\xf4X\xcbZ\xf5\xdck\xee0\xf5=\xb5\x15#\xf2\xcc}\x1fe9\xc3}\xcf%\xf0\x85\xff\x00\x82\xfc9k{?\x8b|+mk-\xec\x1el6\xb6\xdb\x8e\xc8\xdb\xee\xb1\x04\x9c\x1a\xea~\x06\x7fmAaq,B\xd6-\x19\x95\x8c?e\'/\xee\xd9=kc\xe70j|\xf1\x84c\xb3\xd7\xd2\xc6Q\xd5\xed&lt;/\xe2\x06\x93\xc2\x1a\x8f\xdb!\xb8\xba\xcd\xcd\xbb\xaeJ\x1c\xf2G\x15GR\xd7u\xcf\xb3\xc8\xf7\x17\xf7\x10X\xdcj2\t\xa4\x8dpUA\xe9\xd2\xbcZ\xce\xa58{(\xad\xba\x98?m/\x86\xf6M\xd8\xb1\xe3\xcdJ{k\x1b;?\x02\xeb\x17^V7\xc9\'v8\xfaQ[G\x03RQM\xcd\x8b\x97\x11\xe6z\xe6\x97\xa6\xdbi6\x90\xd8Z\r\xb1B\x81c_@+cJe\xfb\x04\xdc\xd7\xa3N\n\x9c\x14WC\xe9\xafs\x9b\xd7tk\xcb\xdc\xddi\x17\xdeE\xca\xf0\x8d\xb7 \xfb\x1a\xcbh\xfe*J&gt;\xce\xcbj\xa3\xa7\x9d\xb8\x1f\xc7\x18\xab\x02\xc6\x97\xe0}\xf7\x89\xa8x\x9fQmBt\xc6\xd5e\xda\x8b\xf8\x0e+\xf2\xdf\xf6\xe8\xf0\x16\x97\xe1O\xda\xeb\xc4\xda\xccv;d\xbe\x9bz1\xee\xb8\x1d+\x8b\x1d\xcd\x1a\x1e\xea\xf5=\xac\x86\xdf]\xb7\x91\xe3&gt;\'\x98[\xdby\xb38\x8e?\xe2f5GK\xd4|\x16\x07\x99}\xe2kU\xf5\x06A_-\x8c\xa7*\x94l\x97S\xf4&lt;\x1dzXz\xdc\xd5\x1d\x95\x8e\x82\xd7\xe1\xdf\x82\xbcK\x07\xf6\xa6\x95\xaeG.\xe6\xf9\xb67J\x87Z\xf0\x9f\x82|-lN\xa5\xa8F\xa1\x87\x12HEx\xb1\xa7)K\x95n{\xbfX\xa2\xe9{D\xf4&lt;\xe3\xc5R\xf8\x12\xf9\x98i~ \x8eV\x8f\xfeY\xc2\xa0\x93Y:6\x95y\x1b\xad\xec\xd6\xd2,m\xf7VE\xe6\xbdl\x1ceF\x9d\xa7\xa5\xde\x87\xcd\xd5\xadN\xbdiJ\x0e\xea\xe7\xdc?\xf0E\xcd.\xe3\xfe\x17\xe6\xad*+`iR\x03\x81\xd3\x83_\xa7\x976\xe9:\x98\'\x83p\xfe%a\xd6\xbe\xbf\x03\xfe\xec\x8f\xce\xf3h\xc68\xe9(\xecs7\x1f\n\xf4k\xaf\x17\x8f\x17\xce\xbec\xf9\x02\x16\xb7t\xca\x94\x1d\x05mh\xde\x1b\xd2\xbc?\xa6\xff\x00dh\xf6~M\xb89\xf2\xfa\xd7Y\xe3\xd3\xc3\xc2\x95G8\xf5\x16\xdf\xc3\xba5\xa33\xdb\xe9\x10\xab1\xcb0\x88d\xd3\xe4\xd1t\xbb\x88\xbe\xcd&amp;\x99\x1b&amp;\xec\xec1\x8cg\xd6\x83^X\xf6\x05\xd14\xb4\xf9WL\x88m\xe3o\x948\xa2\x81\x9dG\xf6\x15\x99\x19x\xdb\xf0j\x92\xdfK\x82\x00\xd1\xa2\xe1Xc\xad\x004hv\x0b\xfc\x1f\xad\x1f\xd8\xb6\x07\xa2P\x07;\xf1O\xc6~\x0c\xf8A\xe0;\xff\x00\x88\xfe.\x90\xc7\xa6\xe9\xb1\xf9\x97\r\x9f~\x07\xe7_\x98_\xb6\xef\xc6\xef\x82\xff\x00\xb4\x97\x8f\xf4\x9f\x88\x7f\t\xe5u2[\xb4W\xf0H\xbc\xabn\xeb\x9e\xfd+\x87\x1bZ\x9ci\xca\x9bz\xd8\xf7\xb2&lt;.&amp;U\xd5x/u;?\x9a&lt;+\xc7Z\x87\x83\xfc/h-u\x9b6\xbci\xb8\xdb\xb7#\xf2\xaf\x18\xf1\x05\xdf\x81\xbcY\xaf\xcb\xe1\x1d/\xe1\xf4\xd6\xb7^^\xf5\x99\x9bj\x91\x8c\xe7\xa5|\xbe\n8\x9a\xd2\xe6oK7\xf7\x1f]\x88\xe4\xe4JJ\xf7i\x1b\xff\x00\x06$\x93A\xd4&gt;\xc9&gt;\xf5\x85\xb8\xdb\xbb\xa1\xaa\x9f\x18u%\xf1\x06\xa6\xfa{F\xef\x0c?uI\xeb\\\xdc\xb1\x86`\xac{P\x8aY[\x8f\xf5\xd0\xc6\xd2.\xef&lt;\x07{ok\xa1\xf8\x1e\xc6\xfd/6\x97\xb8hF\xe8\xcf\xbdw\x1ag\x8c\xae\xb5\xdb\x89\xac\xf5_\x0c\xad\xb7\x95\xf2\x896\xfc\xa7\xdcV\xf8\xe8{:j\xa2\x9d\xdd\xf6\xecxx\x7fi\tJ\x9f\xb3\xb2\xbe\x8f\xb9\xdb\xfc\x18\xfd\xa2\xbe(|\x08\xb6\xd7\xf4\xef\x84qE\r\xf6\xa9\x0b\x06\xd4\x9dr\xd0\xa60B\xf7\x15\xfas\xff\x00\x04\xa1\xfd\xa0\xbcq\xfbC\xfe\xcc1\xf8\x87\xe2g\x97q\xabX^I\x04\xd7L\xbf\xeb\x00r\x01\xfc\xab\xda\xcb1\x93\xa9UQ\xe8\x97\xe6x9\xd6V\xa8`\xa3\x89\xfbM\xbb\xfa\x1fJ\xdcjzE\xa2o\xb8\x08\xbf\xee\xc7\x9a\xafe\xe2\x8f\x0cj7_b\xb3\xb9\x87\xcd\xe9\xb2D\x0b\x9f\xa6k\xde&gt;L\xd1X\xa2n\x16\xda?\xfb\xe6\x85\xb4\x87;\x8d\xba/\xfb\xab@\nl\xad\x8fXW\xeb\xb6\x8a\x00\xc3O\x8a\xbf\x0f\xa5E\x92/\x14\xda\xb2\xb3(\x0c\x1b\xd7\xa5o\xac\x8a\xcb\xb8\x1e\xd9\xa6\xe3(\xee\x82\xe9\xecx\x07\xed\xa7\xfbZ\xf8\xaf\xf6e\x1a8\xf0\xae\x83k\xa8I\xaa6\xdd\xb79\xe1\xb3\x8cpEq\x1f\x05?\xe0\xa4\xfa\xa7\x89\xbc[\xa8x#\xe2\xe7\x82SI\xbc\xb2\xd3\x1e\xf27\xb7?#*\xa9`\t\xc9\xeb\x8a@x\x9f\xc6\x8f\xdb\xdb\xc5\x7f\xb5\x87\xc3\x7f\x17|\x10o\n\xdb\xd8[jV\xff\x00\xf1(\xb8\xda\xc1\xa6\xd8\xdb\x8f~xS_\x17x\x0bW\xd3\xed\xb5Ko\x07\x1d=\x96\xe2\xce\x16\x137m\xc1\xb1_7\x9dG\xfd\xaa\x93\xf5&gt;\xf3\x84\xeaG\xea8\x8a~\x8c\xf4\xbb\xdf\x08i:\x8aGqwh\xac\xec\xbf\xbbf\xed\\\x1f\x8f~\x1aX\xc9;J\x97\x0291\xf7\x94\r\xdfN\x95\xf2\xb1\xadV\x9e\x91v&gt;\xfa4h\xb8\xa7\xca\x8a\x1a\'\x81-\xb4R\xda\x85\xcc\xbb\x98G\x88\xd7\xd4\xfa\xd7\x17\xe3kE{\xe5\xba\x89v\xc8\xacG\xd7\xda\xa3\xdaO\x9b\x9a\xfa\x97\xec\xe9\xf2\xf2\xdbC\x7f\xc1\xba&gt;\x97$\x11\xc7$Y\x95\xf9\xdak\xad\xd6\xbc\x14\xd1\xe9\xe6H\x91Uv\xf4\x1di\xca\xa4\xe7\xbb\x1b\xa7NQ\xe5kC\xce\xbcI,\x9a\x1c\xcb{m\xa8&lt;so\xd9\xe4\xaf\xfc\xb4\x06\xbf^\xbf\xe0\x9e\xde\x05\x83\xe0\x7f\xeck\xa5\xc9y\'\x93%\xf6\xeb\x97=\xe4i\x18\xb2\x8f\xd6\xbe\x83\x87\x9bx\xa97\xd8\xfc\xe7\x8a+\xbaY\x7f*\xfem&gt;H\xee\xfe\x1d\xfcc\xbc\xd6\xe7\xd4|-\xadZ$z\x85\xbc\xcd$-\xeb\x19&lt;\n\xea\xbcok\xe1\xcd{\xe1\xfd\xc7\x89\xad6\xdb\xdeZ\xc7\xe6Es\x0ba\x91\xc5{\xf8|\xc2_\xdb\n\x84\x96\x96\xbf\xdd\xb9\xf9\xbe[\x8ax\xcc*\x9b\xdd6\x9f\xaa\x19\x7f\xf1\xc7B\xf0.\x85\xa4\x7f\xc2^\xd2-\xcd\xf5\x99\x91Ha\xce\xde?3\xd6\xb0\xf5_\xdb\x1b\xc0\xba-\xc5\xad\xbd\xfe\x91x\xbfl\xc9\x8b\x0c\xbf\x87\xe7_GO\x03*\xd0S\xbd\xaet:\xd6\x93V\xea\x97\xdeu&gt;\x0e\xf8\xdf\xa0x\xc7\xc3\xad\xe2\x18-\xa6\xb6U\xba\xf2\x1a)\xd8n\r\x8c\xd1U\xfd\x9bQ\xec\xce\x83\xc7,\xff\x00d\xadZ\xce\x1b{1\xe3I\x96\x08\x1e6\xe3\x92\xdbO\x15\xef~\x1f\xba\xbd\x8bO\x10]M\xe6I\x14 \x16\xf5\xae\\F*X\x88\xa4\xd5\xads\x1a\x14}\x84m{\x9f0\x7f\xc1G\xbe\x10\xfcA\xf8\xd1\xa7xz\xdf\xc0\xba3\\\xbd\xbd\xcf\xfaCG\x9c\xc62y\xe2\xbe}\x97\xf6R\xfd\xa4~\x1dY\xeb\xde\x18\xd1\xfc\x15\xfd\xaa\xfa\xd5\xac+\x1e\xb1$\xacd\x85p\xdb\x90p{\x1cu\xaeSa\xb7\xbf\xb0\xcf\xed3\xe1]\x1f\xc3&gt;$\xd2\xec\xad\xee\xa4\xb4p&gt;\xc7\x1b|\xd1)\x046\xee2x\'\xadx\x9f\xed\x1f\xfb=x\x9f\xe0\x87\xc6/\xf8Hu\xab1ju&lt;J\xa8\xb9\xc1\\\x0c\xfe\xb5\xe6f\x8b\xf7*O\xa1\xf5\x1c+Q\xacUJk\xedG\xf2h\xbf\xa3\xebQ\x1b\x15\x86wVc\xf7rzVG\x88\xac\x12K\xad\xf7\x01\x9dz\xabW\xe7\xf2\xdc\xfd;\x07\xfe\xed\x1b\x94\xb4}o\xe1\xd5\x86\xb5\x1e\x95\xac\xcduq,\xd1\xe71G\x94\x8b\xd8\x9c\xd7)\xf1\\\xfc3\x9e\xe65\xb4\xb5\xba\xda\xd2|\xb7\x10\xc7\x95C\x9e\xfc\xd1\xcau\x10h\x8b\xa7#$\xb6\xb2q\xc2\xabz\xfb\xd7C\xab\xeb\xf0\xd9\xd9\xb4\x0c\xcd\xf7{\x9aH\x1c\x94U\xd9\x97\xf0\x8f\xe1\xd5\xcf\xc5\x7f\x8cZ\x0f\x87\xc7\x87n/!\xbc\xd4#\x8ai\xa2\x8c\x91\x1a\x16\x19&amp;\xbfd4\xdd3\xc3\x9e\x1e\xf0\xee\x97\xe0]^\xd5\xe3\xb1\xd3-bH\xd7\x18F*\xa3\xa9\xaf\xb3\xc9pj\x8d\xea\\\xfc\xb7\x8a\xabF\xaf\xb1\x82\xd5.g\xf7\xe8:\xeb@\xf8E.\xbf\x1f\x8c\xec\xa5u\xb8\x85q\xe5\xdb|\xdb\xff\x00^i\x7f\xb1\xf5\x0f\x19o\x86\x1b?\xb0\xe9\x91\xbe\xf4\xb7\x95\x8a\xb5\xc1\xf4a\xd8W\xd0\xd1\xc3\xd0\x8e+\xeb/\xe2\x8a\xfb\xee|]\x1c5\x1c72\xa6\xac\x9bo\xef\'\xf1\xe7\xc2\x8f\x05\xfcI\x16\xb7&gt;%\xb7\x93\xce\xb3\x87\xcb\x81c\xfb\xa8=\xab\x9c\xff\x00\x86\\\xf8nb\tso,\xbb~\xeb3\x92W\xe9\xcdwQ\xc7\xd6\xa7\x05\x1e\x8bccwL\xf8A\xe1m\'\xc3\xd1\xf8v\xce)|\x85\xb83n\xf3\x08,\xd8\xc6M\x15\x9cq\x98\x88\xe9\x19Y\x01\xd4\xac7d\xfc\x96m\xf5\xc5O\xa5\xa5\xca\xcd8x\x99W\xca\xe9\\\xa0C\x0cW\xeaIKf\x1c\xfaT\x8a55\x18X^\x80\x1a!\xbfV\xdc\xb6\xee\t\xef^K\xfbJ\xfe\xc8^\x12\xfd\xa4\xe3\xb7\xb8\xf1RM\r\xc5\x8cd@\xf1\xff\x00\x17|VU\xa8\xc3\x11E\xd3\x96\xcc\xee\xcbq\xd3\xcbq\x91\xaf\x1e\x9f\xa9\xf9\xa7\xe3\xfd\n\xe3\xe1\xb7\x8f\xaf\xbc%\xa8BW\xec7L\x8b\xbf\x83\xb4\x1c\n\x87^\xf1\x05\x99\xb2Wi\x14\x0e\xf9\xaf\xceq\x14\x94q.\x9cz;\x1f\xad\xe5\xd8\xc8\xcb\x08\xa7-\xb4\xb7\xcfS\x95O\x13h\x1a[\xcd+\xa5\xacm2\xfc\xcf#\xadr\xfe!\xf1\xb6\x876\x9b\xfd\x91o-\xaf\xcd&amp;\xef\xf5\x8b\xcd_\xd4k\xf6;c\x8c\xa3(\xb9\'\xb1\x9f\xa3k\xfax\x99c\x96\xf68\xca\xfd\xd5\x8d\x83\x0f\xd2\xb4u-ZmAU;t\xcf\xadg,=HTQkVa_\x19Bte\x14\xf7G\xea\xaf\xfc\x12\xf7\xe0\x86\x99\xe1_\xd9wO\xf1\x1e\xab\xe1{S\xa9\xeaL&amp;\x86\xeah\x07\x9a\xab\xeck\xe8\xd9|5-\xd2b\xe6\xcd$\x1e\x92`\xd7\xe8\xd8zq\xa7F1]\x8f\xc71\xf5]LT\xec\xf4M\xd8d&gt;\r\x82\xdf\xfdF\x8fn\x9f\xee\xa8\x159\xd0\xefH\xc1\x8b\xff\x00\x1e\x15\xb1\xc6(\xd1o\x87H\xff\x00\xf1\xe1H\xfa6\xa2~T\\\x1f\xf7\x85\x00/\xf6\x0e\xab\xe8?\xef\xaa(\x03in-\x14\xedW\x8f&gt;\x9b\x85I\xb27\xe4\xa8\xa5\xcd\x17\xb0\r\x92h\xa3\xe5\xca\x80?\x88\xf4\xa8\xd7Q\xd3\xd9\xb6\xad\xdc9\xf4\xf3V\x98\x05\xde\xa7aa\x17\x9dyq\x1ck\xfd\xe6qP\xc1\xaei7\x91&lt;\xb0_B\xdeX\xf9\x8a\xc88\xa7\xcb ?3?\xe0\xae\x1e\t\xf0\xbf\x84&gt;1i\xfe4\xf0\xfb)\x1a\xd4Ln\x84l6\x86\\`\xfe\xb5\xf2\x07\x8d\'\xbc\xd6t\xf5\xb5\xb5\xbe1\xfc\xa3\xe6C\xd0W\xc5f\xd4cG\x19\xed"\xb6z\x9f\xa2e\x15\',\xb2\t\xbf\xe9\x1c\x8f\xfc"^\x18\xb3\x89\xa6\xf1&gt;\xb1u8\xe9\xf3I\xd2\xb3\'\xb7\xf8Sz\x194\xe1p\xd2t\xf9\xa8\xa3\x8a\x8dk\xdb\xa1\xefa\xf1\x14i\xd1p\x94n\xd9\xa3\xa0\xf8OB\xd2\xa2\xfbJ\xbb\x10[#q\xae\x9b\xc0\x8f\xa7\xeb\xfe=\xd2&lt;;*1\x8a\xe6\xfa4b\xbe\x99\x15\xc1JR\xc4b\xf9\xbbjy\xb5=\xdark\xb3\xfc\x8f\xde\xff\x00\x87~\x1b\xd3&lt;\'\xe0\x8d+\xc3\xba&lt;";k[\x18\xc4q\xa8\xe9\x95\xad\x97dA\x96\xc5~\x83\x0f\x81|\x8f\xcb\xee\xe5\xab#K\xcbI\x01d\x9e6\x0b\xf7\x8a\xc88\xa4K\xebIS\xcd\x8ax\xd9?\x89\x95\xc1\x02\xae\xcc\x05k\xcbq\xc8\x92&lt;\x01\x96\xf9\x87\x02\x9b\xfd\xa1fA+*p\xbb\xbe\xf7oZV`Gg\xae\xe9\xba\x8e\x7f\xb3\xef#\x9bo\xde\xd8\xd9\xc5\x14\x01\xe2\xc9\xf1\x0b\xc3\x17\xe3G\xb7\xd1u\xd5\xb8\xbe\xbc\x9bt\xc29rGN\x0f\xe7^\xd3a{\x0b7\x92\x8d\xca\xa8\xdd^\x1eKG\x97\xdaIO\x9b\xe1\xfcU\xdf\xdcz\x19\x87/\xb5V\xecq\xbf\xb4&gt;\xb36\x91\xf0S\xc4\x97\xfae\xde\xdb\x9b}:I"enU\xab\xe5\x9f\x84\xfe\x0e\xf1\xd7\xc5\x1f\xd9b\xeb\xe2\xac?\x14\xb5+]j\xd8M$\x7f\xdc"1\x9cg?\xd2\xbe\xb3\x07%\x08JM_T\x8f&lt;\xe1t\x8f\xda#\xe2\x1f\xc5\xff\x00\x12\xf8\x17\xc3~#\xf1M\xcd\xb5\xbf\xda\x1a\xdbSx\xbf\xe5\xae\xc5$\xb5mx\x9b\xc4\x1e/_\x8b\xfe"\xb0\xf8\x19\xe3\x8b\xedCA\xd34\t\x0e\xa93\xff\x00\xab\x8eP\xc9\xc0 \x9ek\xd4\xf7UG\x16\xb4\xb5\xee\x07\xcc?\x1c\xfco?\xc4O\x86zm\xde\xbb.\xa1u\xa9[\xdcN\x97\x17\x97\x11\xfe\xe9\x97#\x01Ny\xaf\x9e\xdfY\x93J\xbe\xfb%\xe4\x87\xcbc\x85oJ\xfc\xff\x00=\xa7\x19f5!\xdd/\xc5\x1f\xa0d\xed,\xb6\x0f\xd7\xf34\xaf4\x9f\x0e\xfd\x99o\xb5\x15\xf3\xb7.\xe5\\\xf1\x9a\xa3*xj\xf7t\xb1i\xb1\xc2\x10p\x00\xc5|{\xa3Z2i&amp;}&amp;_*|\xb3r\xed\xa1KV\xd4t\xdd:\x11\xe5}\xe28\x1b\xabw\xf6v\x86\xe3S\xf8\xd5\xe1\x96)\xf7\xb5D;\x08\xf7\xae\xcc$\x9d\x18\xa4\xd6\xad\xfe\x07\x97[\xf82\xf4\x7f\x91\xfd\x04\xe9&lt;\xe9\xb6\xa4\x8c\x1f\xb2\xc7\xc7\xa7\xca+;\xc71jRxWPM-\x99n\x1a\xdd\xc4L=q_\xa1a\xfe\xcd\xfc\x8f\xcb\xf6&lt;\xdbH\xd3\xd8\xfc\x1e\xba\xd3\xfc=\xa7^Z\xea\xd2A\x1a\xdd\xbd\xc6s4\x83\xef\xed\xe7\xbdgxcJ\xd5c\xf0\x8f\x89\xect\xf8nt\xfbi\xad\x8aZ\xdb\xdd1\x12,\xbe\xa35\xeaZ\x12\xa3+u\x96\x9evh\\\xd1\xd3]\xca\xff\x00\x0b\xc7\x8ct\x9bmsK\xf1\x8e\xac\x8e\x1a\xc3\xcb\xb1\xbci\x7f\xd61A\xc7\xd4t\xad_\x05h\x9e2\xd1\x1e\xf0x\x9bZk\x85\xba\xd1V;i$l\x05m\x87\xe5\xfa\xd3|\xd1\xae\xe3\xcb\xf14(\xd4\x84\x9d\x93&amp;\xfd\x9c,_\xc2~\x1f\xb8\xd3|A4\xd0\xdd3\xeectq\x9e{d\xf3Esb\xaaJX\x89&gt;[\x074{\x9co\x87\xfc;\xf1_L\xf1=\x94\xe7\xc2\x966\xf6\xbb\xbf}"*\x96A\xed^\xe5\xe1\xe5\r{\xc9\xfe\x1f\xcf\x8a\xf3i\xd2\xa7F6\x82\xb14\xea\xd7\xadyU\xde\xe6\x1f\x8f&lt;5m\xe3\x1f\x0c\xea\x9e\x13\xbb\x91\x96=B\xd5\xe1\xdf\xfd\xdc\xf7\xaf\x96\xac?d\x0f\xda\x9fA\xf0}\xc7\xc2m\x0f\xe2M\xbd\xbf\x86f\xb8rv \xdf\xe5\xb1\xe7\xbezW\xa3\x86\xc4P\xa5NQ\xa8\xaf{[\xe4ht\xdf\xf0\xc3\xad\xa0x\x87\xc1\xb7\xbe\x18\xd4\xa3\xfb.\x81\x96\xd4w/\xcdp\xc5H\'\xf5\xab\x1e\x1d\xfd\x8f\xfcO\xe0\xdf\x8b\x1e&amp;\xd6&lt;3\xae*\xf8g\xc5VO\x15\xf5\x96\xdebc\x8f\x9b?\x81\xa2X\xda\x95#\xca\xc1j|\x19\xfbIM\xa0x\x17\\\xbc\xf8\x1d\xa0|@\x87\\\xb7\xd1oY\xe4\x8e\xde\x0cy\x1b\x9b;K\x8e\xbd+\xc25\xdd\x12\x1dRvx\x8f\x7f\xca\xbe\'\x88\xb1\xb6\xcd%:j\xc9\xa5\xf8\x1f\xa0d\xf1R\xca!\x17\xd6\xe7;\xafx{\xc5\x16\xf6\xebo\xa3]\xb3\xaf\\=`\xc7e\xe3\x98\xae|\xab\xd3\xe5\x0c\xe0\xf3\x9a\xe2\x8e*\x8f*\xbb\xd4\xee\xf7\xe1(\xc6;u4\xb4/\r\xbc\x97\xadq\xa8\\4\x81{\x1c\xd7}\xf0{\xc6\x1a\x17\xc3\xff\x00\x8a\xda\x1f\x8cu\xe8\xdd4\xfd6\xf1e\xb8\xda\xa4\x9d\xa2\xb8eY\xd5\xc6E\xae\xe8u\xbf\x83/G\xf9\x1f\xb6\x7f\xb3o\xedo\xf0c\xf6\xac\xf8q\xff\x00\t\x8f\xc1\x7f\x12\xad\xecv\xca\xb1\\[\xb7\xcb,l\x07u&lt;\xd6\xef\x8e\xee\xf5\x06\xf0V\xad\xe4O\'\x98\xd6\x12\x95\nN\xe0v\xf6\xf7\xaf\xd1\xa8\xf2\xc6Q}4?+rU(\xb7\x13\xe5].o\x8f\xf0\xf8SI\xbd\xd6\xbe\xdc\xbaV\x9fx\xd3\xc4\xd1\x96\xf3e\xc8\x1f+\x0e\xbcU\xef\x0f?\x8f\xb5\xdf\x1a\xeb\x1a\x87\x89t\xadc\xfb7\\\x84\x9bR\xac\xeb\xe5\xc9\x8cg\x18\xe3\xa5}t\xabe\xee\x9a\xa8\xac\x95\xac\xbdt\xb9\xc1F8\x97()-\x10\x9e \xf0\r\xdf\x87\xfc=\xa3\xde\xea\x16Z\xe4\xd6\xb3[\xdc\x89R\x19$g\x17\x02B#$\x01\x901W~#X|P\xb5\xf0\x97\x85.\xef\xed5K\x8bx\xd4\x99!\xb5g\xf3\x07\xca\xbbwc\x9f\xce\xb8\xfe\xb3F5!&amp;\xf4\xbc\xad\xe9f\x8eztqTjsE\x1c\x7f\x89\xfc1\xf1\xd7\xc4\x17\xcb\xabA\xa3\xea\xb1\x16M\xa7m\xc3\r\xbf\xec\xe3\xfa\xd1]\x1fZ\xcb\xe3n\xbf#H\xc7\x1b\x1e\x87\xdd\x1f\xf0\x8d/\xf7\xff\x00\xf1\xea\x92\xc3C\xfb\x05\xc1\x9d\x1f&gt;\xd5\xf2g\xb0F\xfe\x1bB\xe6F\x98\xfc\xc7\xd6\xa3\x9bD\xb5\x826\x92k\xc5\x8dW\xef3I\x8cP\xdcb\xae\xc0\xf3\x1f\x8a\x7f\xb4\x9f\xc2\x9f\x86zu\xd5\xd2\xdf\xc9\xaaKh\xb9\x96\x1bL\xe4\x1fJ\xf9W\xc6\x7f\xb7O\xc4\xdf\x8bZ\x9d\xe5\x97\x83-d\xd1t\xb4\x85\xd57q+q\xea+\xe6\xf3\x0c\xea\x87,\xa9\xe1\xe7yE\xa4\xfej\xe7\xc6\xf1^{[+\xa0\xa1N-7\xad\xfc\xaf\xa9\xf0\x0f\x84m\xa7\xb7\xf1\x1e\xbe\xba\xdb\xb4\x97\xd7Z\x94\x8fs4\x9c\xb3e\x8e3[\xf2h6\xb2F\x04k\x8a\xf03*\xde\xda\xb2ou\xb9\xfd\t\xc2\x94i\xd6\xc9iJKx\xc5\xfd\xea\xe5;\xdd\n\xe5\xd8}\x9f\x1b@\xac\x19\xfc3p\xf3\xb4\x93;1\xff\x00z\xbc\xe3\xd8\xaf\x97\xcaU/Ob\xcd\xaf\x86\xff\x00\xb3 3\xcc7n\xf7\xaew\xc6S\x85\x89\xa2\x82?\xe1!\x85ta\xbf\x8f\x1fS\x9f\x17F\x9d*1\xa6\xd7\xbc\xd6\xa7\xa2\x7f\xc1&lt;|S\xf1O\xe0\x9cZ\xff\x00\x8c\xbc\x1b\xac\xcd\xa7\xc3u9ha,Dr\x0cu"\xbfJ\xff\x00e\xef\xdb\xaa\xe3Z\xd2mt\xcf\xda\x17K\x8e\xd5\xae\x9be\xb6\xa7\x14x\x8eNq\xc8\xafj\\E\x1c\xb7\x16\xa9\xe2&gt;\x194\x97\x96\x87\xe0Y}Z\xb8\x8e&amp;\xc6ai;\xd3\x82\xba\xec\xb5K\xf5&gt;\xa6\xd1O\x82&lt;Ib\x93\xe8\xf7\x16\x97V\xed\xca\xacl\x08\xfc\xabA&lt;?\xa4\xaa\xaa\x0bU\xc2\xfd\xd5\xda8\xaf\xb0\x85H\xd4\xa6\xa5\x17t\xf5G\xbb(\xb8I\xc5\xf4\x17\xfe\x11\xed,\xae\xc6\xb6R\xbdv\x95\xa7\x7fa\xe9\xe4a\xa0R=\n\xd6\x8eR\x92I\xf4\x15\xc5\x1a.\x9e:@\xbf\xf7\xcd\x15",\xf9\xa88$~uG\\\xf1&gt;\x87\xe1\xdb_\xb6kZ\xa46\xd1\xf6i\x1c\r\xdfJS\x95:1\xe7\xa8\xed\x1e\xec6\xdc\xf2\xbf\x1a~\xd5\x166oq\xa7\xf8;G{\xcb\x85_\xdd\xc9 \xf9[\xdcW\x82\xfcR\xfd\xa65)\xec$\xd4&lt;Y\xe2\xc1\x0f\x93\x9f;M\xf3z\xfbb\xbf2\xe2\x0e\'\xad\x98\x7f\xb1e\xbd^\xaf\xcbcJ\x92\xc3\xe5\xf8Ibq\xb2\xe4I].\xedt&lt;\x9f\\\xf8\xe7c}h\xb7\x9e\x06\xd2\x0e\xd9\xff\x00\xe3\xe1n\x97\xf7f\xb9\xdd\'YM{[\x9a+x-\xe3v\xe5\xa3\xb7\xfb\xa2\xbc\xac\x0e_\xf5;\xcan\xf3i\'\xf2?\x17\xe3N.\x86u\x1f\xaaR\x8a\xe4\x8b\xba}|\xd7\xa1\xe1\xff\x00\xb4\x87\xc2mo\xc0^)o\x88\xde\x11\xb0k\x8b\x1b\x8f\xf9\x0b[\xc6\xb91\xff\x00\xb4\x07\xa7Z\xe6\xb4\xadZ\xdfS\xb5[\x9bg\xca\xb2\xf1\xeck\xd9\xadiS\x83\xebc\xfa3\xc2,\xf69\xa7\x0cS\xa57y\xd3\\\xb2\xf9m\xf8\x0cMXIz\xf6R\x0cm\xefY7\x97r-\xd3,\x13\xb6\xda\xe5?X\x12\'\x9a\xe6?+\xe6f=\xeb./\x87\xfe \xf1\xbf\x8bm\xfc-\xa3Z7\xefX\x1b\xcb\x8c|\xb1%iF~\xce\xa2\x93\xe8|\xef\x14c\xb0\xf9NKW\x1bU\xdb\x91i\xea\xf4H\xfa./\r\xe9\x1e\x1a\xf0\xd4\x1a5\xaaG\x1cpG\xb1\x07M\xd5\xd4h_\x14m\xad,mto\x19[\x86\xd3\xed\x94\xeda\xd4\x1e\xc7\xf0\xae\x1c\xcb\x0bO\x1d\x87\x92\x97\xc5\xd3\xd4\xfe=\xe1\xae)\xaf\x96\xe6\xd2\xc55\xee\xcd\xfb\xfeq\xbd\xd9\xd9|2\xf8\xd7\xa6xOQU\xf0?\xc5\x86\x86\xea\xea\xe0\xb4a\xae&gt;\xe8\'\x85\xeb_Ix\'\xf6\xe0\xf1&gt;\x83\xb7I\xf8\x89\xe1\xc1|#}\x9fl\xb2\xcb1\\}\xe3]\x1c?\xc4\xd8\xbc\xae\xd8\\z\xf7RV}\x96\xc7\xed\xfc\xd8\x1c\xca\x8f\xb7\xc0K\x99u\xf5\xeaz\xf5\xb7\xedE\xf0z}"\rY\xbcS\n\x89\xd7+\x1bH7)\xf44\xd1\xfbT|%\t$\x92k\xaa\xab\x12\xe6I\t\x18\x19\xaf\xd60~\xcf\x1b\x87U\xa9\xbd\x1bK\xef9\x0c\xf9\x7flo\x83P\x01$\xde U\x8d\xbe\xec\x9b\x86\x1a\x8a\xf4?\xb3\xff\x00\xbc\x07\x80\xdb|Q\xf8\xa5\xe0\xaf\x13[\xdd\xf8\xbf\xc4\xed$7\x8d"\t&lt;\xcf\x91W\xd7?\x8dq?\x11\xbfj\x88\xe1\xd6_EY\xa4\xd5\xe3\xb7\xff\x00S#JB\x83\xe9\xef_\x93\xf1fuW\x89\xb11\xc3\xe0_-\x05\xbb\xf3N\xcc\xe4\xc6gX~\x1d\xa79\xe2\xa0\xa7+\xa4\x97\xaaN\xe7\x97\xfcJ\xf8\xd1\xf1\x03\xc4s[\xea\xd6\xd7+l\xca6Ckn\xdc\x91\xf8W\x1f\r\xff\x00\xc5-z\xf2hd\xf0\xacz\x83I\x133\'\x9b\x96\xc6;\xfb\xd7\x9b\x85\xc1\xe1\xf08hB;\xebw\xf3?4\xc4T\xcc8\xbf2\x9dH\xb6\x9bzG\xa7\xc8\xc5\xf0N\xb5\xaaj\xd7\x17\x1a~\xbd\xe1\xbb\xdb\x1b;i\x8a\xc8\x8d\x1b\x05B=\xfd+\xd3|\x11\xa1x_S\xbc[\xdf\x0fx\x92\xd6i\xa0M\xcc\xabp7\x01\xf4\xef]\x0e\x1c\xc9\xca\x1a\xc5u&lt;\xbcO\x03\xe3#\x19\xcd\xc9\'f\xd2\xefm\xd24u\x98\x9a\xf9&amp;\x12\x88\xa6\x07\xe5ul2\xb0\xaf\x13\xf8\x9f\xf0\n\xfe\xd1\xa6\xf1g\x80\tNw\\i\xf8\xe0\xfa\x95\xff\x00\xebT\x15\xe1\xef\x17V\xe1,\xfa\x12\xa9\xfc)4\xa6\xbdt\xbf\xca\xe7\x07g\xa5\xb5\xdc\xbes\xd9\xc9\x1c\xff\x00\xf2\xd2\x16R\x18U\x8b\xef\x0b\xa2\x152\xc5\xb7wzG\xf7%:\xb4\xebSS\x83\xbaz\xdcw\x84\xb4y|O\xaa6\x8f\xa2[|\xb1\xb6$\x9f\x1f*\xfe5\xec\xde\x16\xf0\xe7\x86|)\xa2\xb5\xbd\x83\xc4\x92\x0en\xa7f\x1b\x98\xd3?\x9a|n\xe2\xc8\xe2+C%\xc2\xca\xfc\xba\xce\xdd[W\x8a\xf9\x1c\x7f\xc4\x9f\x19i\x11\xc3\xe7\x0b\xb6`\xbcF\xb1\xf3\x93\\\x05\xc7\x8b|y\xabH\x9a2i\xd3,20\xf2\x9aD \xb0\xf6\xf5\xae\xfa\x18Zu(\xa9\xc9\xd8\xfc{\'\xcb\xabb)\xa4\xe2\xect\xbae\xb6\xa0\xba|\x96\xd0\xf8gu\xe4?\xc7\xe6\x15u?J\xeb\xbc\r\xe3\xff\x00\x1cX\xd8\xcd\x1c\x17\x93\xac\x8a\xa6;\x88.3\x9cz\x82k\x8f\x11\x87\xc3J\x9b\x8c\xd5\xf5\xb1\xed\xe1\xf1\x19\xc7\x0fsJ\x0e\xd1\x93\xd0\xeb&lt;\x1f\xf1KG\xd1|6\xba\x15\xe4sCtn7\xfd\xad\xb2\xd8\xe4\x9c\xe0\xd7\xb1\xeb\x9f\x1b\xcf\xc4\xcf\x857\x1f\x0etG\xb3\x9eO"0n\x965\x8eG\xda(\xcas\x8cfE\x8bw\xd6\x94\xa4\x9d\xbbl\x8f\xd3\xb2\x1c\xe7.\xce0\xd1\xa7\xcdj\x91\x8cR_\xcc\xfa\xbf\xbc\xbb\xac\x7f\xc2\xe2\x7f\x82&gt;\x1b\xb5\xb8\xd2\xf48l\xe0\x90\xa4.\xd2\xc6&amp;c\xb4\xfd\xee\xfd=h\xaf\xdcp\xb3\xc2\xe3(\xaa\xd8wx\xcbTz\xbe\xceQ\xddX\xf2\x8f\x19j\xde)\xd6\xec\xa3\xd3\xefuI\xa4\xb7\x8f\x88Wq\xe0W8\x06\x9f\xa7\xc6\x16t_O\x9b\xa9\xaf\xc1\xa8Q\xa7\x87\xa7\xc9\r\xb7\xfb\xcf\xe7\x8cFs_1\xc6sU\x9bwI}\xdb~\x06\x87\x83\xff\x00\xb0/\xf5\x0b\x8b\xbb\x81\xbb\xec\xf6\xac\xc8\xbe\x9d9\x15\xe8\x1e\x00\xd5\xfc\x07\xe0\xb3g\xabAs\xe6\xdc\xc8\xfb\xee\xb36\x0e\xd3\xd8\xfe\xb5SNPk\xc8\xfb\xce\x1e\xcc0\xb9;\xa1\x8b\xac\x9d\xa3\xcc\xf4\xeft\x95\xfd\x11\xd6j\xfe5\xf8Eo\xe2G\xbf\xd348\xef\xe0\xd4!\xdbyk\x80T\x13\xdf\x1e\xb5\xe4\xfe(\xf8]\xe0m\x0e\xf2\xe7R\xf0d\r\xa7]jLv\x88[\xfdJ\x1e\xc7\x1e\xf5\xcb\x81\xa7\x8a\xa1\xcd\xcd-\x1aJ\xde\x9dO[=\xe2L\x167\t)\xe1\xa3\xfc6\xdc_~m\xd7\xc9\xb6q2x\x13\xc7&gt;\x1av:W\x89e\xb8\x8d\x9b\'\xcdb\xdf\xce\xb5&lt;=\xe2\xef\x10\xc7\'\xd85\xcbM\xd8\xe0H\x17\xadv\x9f\x8e\xe3cM\xdek{\xab\x95~ \xf8\x06\xc7\xc4\xb6\xcf\xae\xf8t\xad\xbd\xf4k\xfc#\x01\xfd\x8dy\xce\x8f\xe0?\x18k\xff\x00\xe9\x1e.?b\xb5F\xdb\xb5z\xbf\xe5H\xfd\x9b\x85&lt;Z\xad\x93\xf0\x85\\%oz\xad5h7\xd5=\x15\xfd\x0e\xebD\xd1-4K\x05\xb3\xf0\xc5\x8a\xc7\x1f\xf1\xbe0[\xde\xa1\x83\xc0~ \xd6\xef\xd9\xa7\xdc\xb0\xb3\xf3\xf3\xf1L\xfc\x7f\x0f\x88\xad\x9af\xae\xbe%\xb9JN\xed\xfa\xb3\xac\xff\x00\x85!\xe0\xf9\xbcE\xf6\x1di\xe1\xb7\xb3\xd3T3;/2w\xfck\xd6\xb4\xef\x87\xfe\x00\xf1W\x84\xb4\xff\x00\x11\xe96\x1a}\xc5\xee\x8f6\x17l*\xa0\xc7\x9e\xe3\xd7\x15\xc3\x98T\xc4F\x9c\\\x1e\x8a\xff\x00\x89\xfb\xc6CG\x03\xf5\x8a\xd8v\xd73m\xa5\xdb\x95+\x1c\x97\xed\x0f\xf0\xef\xc2\xde\x17\xd6-|u\xa5\xa6\xdf\xed(\x94\xb4v\xdfw\xcc\xeazW\x9b|J\xd4m\xe1\x1aZ\xe9\xf6k\x1d\xc2\xda\x81y\xb5y-\x93\xd7\xf0\xadp\x95=\xb6\x1e2\xfe\xb4&gt;7\x88\xa9K\x0f\x8c\xc7Sn\xf0\xbce\x1e\xd7\x93OO\x95\xcavZ1\xd4\xe2\x13\xc9\x12\xec\xc7V\x1d+N\xcfF}:X\xeetk\x96\x82e\xe7t|f\xb7\x94T\xa2\xd3\xea|F\x1f\x11R\x8e#\xdaR\x95\xa5\x17\xba\xe8v\xfe\x1b\xf8\x97\xab\xde\xff\x00\xc4\xa3\xc6\r\xe7Z\xdb\xc5\x9b\x7fw\xcf\'\xf2\xa2\xb5\xc3\xe6\xd9\xb6]IP\xc3\xb7\xc8\xb6\xd4\xfdg-\xe3,\x1dL\x1c^*^\xfe\xcf\xe5\xa16\xa7h-\xee\x19\x01\x05[\xee\xe2\xb25\x9f\x07\xf8\x7fW\x85e\x9c4r)\xfe\x1e\xf5\x99\xf8\r\x19{:\x8a]\x894\x0f\x84\xd0]]\xad\xef\x87\xaf$Y\xa1_\x9f\xe6\xe0\xfb\x1aw\x8a&gt;\x0f\xfd\x8aX\xee/\xa2\xb3Y._\x03\xcbn\x87\xd4\xf3Y\xca\xa7-E\x0e\xe7\xeb\x99\x0e\x03\x11W+\xf6\xb5\xe0\xa5E\xbb\xab\xf4{1m|\x11\'\x87\xe5\xc5\xb7\x89\xec\xe0e\x18-\x1b\xfc\xcbRE\xa3xz67r\xf8\xf2\x17\x93~dV\x93\xefV\x9e\xf7\xd9^\xa7\xa3\x98d\x99\\\xa0\xa3:\xc9Em\x15\xdf\xa9\x83w\xae\x15\xbbw\x8a\xefr\x07\xc2\x15\xfe.j5\xbe\xd4M\xc1\x92Xbh\xff\x00\xbb\x8f\xd6\x83\xf3*\xd4c.x\xae\xed}\xda\x17t\xa4\xb6\xbd\xf3\x16w\xdaO\xf0zR]\xe8vIj\xde~$o\xe1^\xd4\x1f;(\xca2q(\xaaD\xa0G\n\xed\xc7Z\x91\x1a\xe66\x16\xf6\xa5\xb71\xf9U{\xd5\x1e\xf6\n\x8b\xe5\x83\x82\xf7\x9d\xad\xebsR\xf5\xef\xbcEe\xf6m{H\xba\xb5\xb8\x85v\xc7x\xab\x80\x7f\xde\xac\x08\xac&lt;_b\x92A\xa4\xf8\xc1\x92\xd2^%0\xb1\xf9\x85g(\xc2Q\xb4\x8f\xd0\xd6_Z\xade\x8b\x9bp\xabkIw\xd2\xcd\xa2\xed\xe6\xaf\xadA\xa5C\xa6&amp;\xa3wy\x1c\x1f\xea\xc5\xcf"3\xea\xb5\xcf\xeaV\xd1a\xae\xa7\x92G\x96F\xf9\x9aN\xa6\x958\xc2\x11\xe5\x89\xe0g\x18\xea\xd8\xb8\xc6\x9c\xd3J\x16J\xfdR\xeaI\xa0^\x14v\xb4|\xfc\xfc\xe2\xb5\x9a\xfe;\'\x8e\xccG\xba\xe2\xe1\xb6\xc6\x8b\xd5}\xea\xcf\x05F1\xd5\x0e\xb8\xb7\x10\xca`\x7f\xbc\xbfx\xd1A2\x859J\xed\x1d?\x85\xaf\xedu\xcd\x0e\xde\x1b\x90\xdfhT\xf2\xd9\xbdH\x15O\xc4\x16\xb3\xc3\'\x97$\x8c\x11[\xe6+A\xf3d\x06\xde\xd2\xfe\xcf}\x8e\xb35\xbc\xea?\x85\x88\xcdb^Y\xf8\xb2\x10\xd2\xdf_5\xcd\xb6\xef\xf9\xe8s\x8a7=\xea\x19\xd6&gt;P\x86\x1e3q\x82\xe8Eon\xd1/\xda\xf4\xdb\xf9\xbe\xf7\xfa\xb9\xbf\xfa\xf4\xff\x00\xb1.\xa0\xad%\xed\xa8Y?\xbc\xadA\xdb*\x95%\xbb\x7fyZ?\x0f\x88\xe4W\xfbCp\xd9\xdbZ\xd1\x8d\xb1\x80OAA\x04$\xecl\xc6h\x12\xbeq\xbc\xd5X\xe1\x958\xcb\x15\x19\xad\xb6d\x88#^wSn\x11\xe5eh$\xda\xcb\xca\xb0\xecjOB\x9c\xa5NjQ\xdd;\xaf\x91z\x7f\x1f\xf8\xaa\xca\xcd\xed\xe7\xd4\xd5\xb7\x0c|\xd0\xaf?\xa5S\xd3&gt;$\xea\x1a^\x9f\xfd\x9b\x11\x8d\xe3\x0e]\x95\xa2\\\xe4\x9c\xfaVU\xa9\xfbj|\xb7\xb1\xf5\x14x\xbb1\xa7UNv\x7f/\xbc\x9a\xd3\xe3\r\xcd\xa5\xc34\xbe\x1e\xb7\x926\xe3\xcb=\xfd\xeb\x1b\xc5&gt;#\xb2\xf1)\x88\xd9\xe9ko\'\xfc\xb4\xd9\x9f\x98\xd6X|+\xa0\xdc\xaf{\x99\xe6\x9cQ\x87\xcc0\xaf\x0fR\x92Rv\xb3^E\xfd\x03\xc3PM"O 9F\x07q\xf5\xaa\xf1|\x9f\x10./\xaeA\xdb\x0cj"\xcfn\xb5\xd4|\xc9cJ\x94kWWS&lt;\x87\xe5\x98\x85\xdb\xe9E\x06~\xda\x9a\xeaM\xe0}v;k\xa9\xf4\xe2\xb2\x16Y\x98\xab~?Z\xea.\xa7\x82\xfa&lt;\x84o\xf6\xb7w\xa0\xf0\xebR\xe4\xa8\xed\xb1\x9bq\xa4\xc4\xef\xba#\xb4w\xe2\xb2\xaeE\xcd\xbb5\xbf\x9ev\x8f\xf6\x8d\x06\t\xf2\xbb\xa2(\x00\x0fRH\xf8\x1b}E6}\x1d)9SR}I\xb4\xfbO\xb4\'\x91&amp;&gt;b9\x15$\xba@7\r\x042\xedP\xb9&gt;\xf4\x8d6,Yh\xd0\xc1&amp;\xe3\x86\xf9z\x11S\r\x0e\xd5\x94\xf1\xf7\x8eh9\xf0\xdf\x03\xf5b\x7f\xc2?i\x80\x01o\x97\xa75SY\xd3\xe3\xb4\xc5\xc4G\xf0\xa0\xe83n I\xa3\xf3\x1cu\xa8_\xc1\xe2\xfb\xc3\x97\x1e!\xb5\xb8T[v\xf9\x91\x87-E\xf9N\xbc\x1e\x12X\xda\xce\x9c]\xac\x9b\xfb\x8c\x95\xd2.g\xd1\xff\x00\xb6\xc4\xa9\xe5\xee#a\xcej\xc6\x82\x91,9x\xc1m\xdc\x1cP\xa5\xccsfX)`\xebQRw\xe6J_zf\xb4\x9a\xd4\xd6\xf7Kn\xab\x8d\xcb\xd5k\x9d\xf1\x0e\xb5%\x86\xac\xdb\xf73I\x1f]\xd4\x1c\xf4\xe5\'9\'\xd1\x93xwS:~\x91\x1c\xea\xad\xbac\x96\xf9\xbb\xd1A\xe1\xd5\x84\xbd\xa3\xf5?\xff\xd9'</t>
        </is>
      </c>
      <c r="M523" s="3" t="n">
        <v>45492.67894675926</v>
      </c>
    </row>
    <row r="524">
      <c r="A524" t="n">
        <v>1462654</v>
      </c>
      <c r="B524" t="n">
        <v>1984</v>
      </c>
      <c r="C524" t="inlineStr">
        <is>
          <t>João Carlos</t>
        </is>
      </c>
      <c r="D524" t="inlineStr">
        <is>
          <t>João Carlos</t>
        </is>
      </c>
      <c r="E524" t="inlineStr">
        <is>
          <t>UNK</t>
        </is>
      </c>
      <c r="F524" t="inlineStr">
        <is>
          <t>UNK</t>
        </is>
      </c>
      <c r="G524" t="inlineStr">
        <is>
          <t>UNK</t>
        </is>
      </c>
      <c r="H524" t="n">
        <v>168</v>
      </c>
      <c r="I524" t="n">
        <v>21</v>
      </c>
      <c r="J524" s="2" t="n">
        <v>37792</v>
      </c>
      <c r="K524" t="inlineStr">
        <is>
          <t>Right</t>
        </is>
      </c>
      <c r="L52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d24430f2-c33c-427a-98ab-462650ea3e7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\x90a\x88\x00\x00\x00&gt;tEXtComment\x00xr:d:DAEewil2SDw:3696,j:5137903986264129303,t:24032420:\x1a%F\x00\x00\x00\tpHYs\x00\x00\x0e\xc4\x00\x00\x0e\xc4\x01\x95+\x0e\x1b\x00\x00\x03\x00PLTE\xff\xff\xff\x14\x11\n\x18\x14\r\x10\x10\x0b\x12\x12\x0f\x13\x12\x11\x16\x12\x0c\x15\x15\x15\x14\x14\x12\xff\xff\xfe\x1a\x16\x0f\x12\x0e\x08\xfd\xfd\xfd\x17\x17\x17\x11\x10\x0e\x10\x10\x10\x1d\x18\x12\x1d\x18\x0e\x1a\x14\x0b"\x1c\x15#\x1c\x11\x10\x0c\x06+!\x15\x0e\x0e\r\x8foC\'\x1e\x12\x96nE\x98sH&amp;\x1f\x18,$\x1c\x0e\x0e\n\x8clC7*\x1c\x93rF\xf9\xf9\xf8\x8foG!\x19\x0f\x8ai&gt;\x82b9B4(\x7f]1\x95vM2\'\x195,%\x18\x14\x11S?&amp;J8#@82\x98yPhO0~b@B2\x1f\x88iC\x83f@\x8df&lt;\x8dl?w^A\x92lA=-\x1c\x9a}V}^8\x8e`8&lt;0$\x87g;K=.\x91g&gt;aH-\xba\xa3\x8a\x92tKYD+v[8\x88lGvV4zZ/\xe0\xae\x07\xbb\x9f\x7f\xe6\xb4\x06JA8P:(nV7\xb4\x99}\xc0\xaa\x92\xf4\xf3\xf1\x89`?0(\x1fRH@iQ:\xeb\xb8\x04vV*ZG4SB1nS1\xee\xeb\xe9\x9b\x80dZNB\xa7\x8adqZ=\x80gH81-aM;{aH\x95pL\x89c8\x8bsW\xa1\x7fV\xa9\x90t\x86a1\xa9\x8ek\x91iF\x91yZ\x9cwM\xb4\x9e\x84\xb1\x95w\xc6\xaf\x9a\x7f[\x16l^O\x1b\x1b\x1c\x83jL\xe5\xe3\xe2rZFjH&amp;cM2\x99sP\xd7\xd3\xd0\xaa\x86_jUB_SG\x97uX\x8ceD\xb0\x91m\xa2\x85c~T0\xd0\xc1\xba\xbb\xa8\x96\xa5\x82[\x96}_\x8fye}iV\x86Z5\x8dqN\xc6\xb4\xa6\xd6\xa4\t\x83^#\x9d\x85k\x8bhM!! cXLudQ\xc0\xb0\xa21$\x13\xa0\x8bq\x9f{Q\xb3\xaf\xa9\xab\xa5\x9f\x99e=\x86aG\xbb\x96 \xab\x95|\xca\xbb\xa8)(\'yW\x1erh^\xae\x8de\xb4\x96o\xbe\x9dc\xa0\x83[P&lt;\x12\x86mS\xcf\xc8\xc3\xc2\x9b!\x91QI\x88u_\xdd\xdb\xd9wN-\x81^&gt;`H5\xd0\xbe\xae\xc0\xb0\x9b\xbd\xb8\xb2\xca\xaf\x8a\xa9\xb2\xc7\xb3\x9dvoP!\x91\x87\x80\xa1\x9a\x95}tl\xb7\x8d\x1b\x9fnG&gt;(\x0f\xa6\x87k_C%\x84NDG1\x12.\x1b\n\x92mU\xbf\x9fq]&lt;\x19\xc2\xa6\x88\xc8\xa1 \x9eyX\xac\xb7\xd2\xcc\xa7!\x94`5\xc8\xb8\xb0\xc6\xc1\xbd\xcf\xab\x1f\x98\x9e\xb2pK/\xb3\xa4\x92\xd3\xae!\x80m\\\xab\x98\x88\xcc\xb7\x9ca^]\x83|wyX&gt;yJ=\xb7\xc3\xde\x97\x93\x90\x94\x82n\xde\xbf&amp;\xeb\xe1\xd9\xc3\xa6{\x9ba\\\x9dz\x17\xa9\x84\x19\x90r\x1a\xa9{S\x83I#QQUy&lt;6lS\x15\xc5\xa0&amp;B@C359[9\'\x9e\x90\x84\xc7\x96\x0c\xc5\xd0\xe8bF\x13\x88f\x17\xa5rf\xe3\xcf\xc1lA6jq\x84llo\xdf\xc4\xa4\xd0\xbdV\xb9\x9b&lt;\x84\x8a\x9a\xd1\xb5/\xd2\xc4z\xabd6\xa1R/w@\x1a\xbe\x83Z\xf6\xca\x83\x05\x00\x00 \x00IDATx\xda\xc4X]O\x1b\xe9\x19e\xdeUG\xf2;\xd3h\xbe&lt;\xc2\xf6\xcc\xda\x98\xb1\r\x1e\x83\x03\x06\x13\xb3\xae\xf9HLR\xad\xbcP\xc7Dbq\xa1\xb2\x04\xa5aE\x13m\xe5*q\x8a\x16\xa9E\xeav/\xba\xac\x10pQE\xce*\x12\x17H\x95\xb81\x96\xaa\xdeU\xb9\x08W\x95\xc2\x05\xfd\x1d\xbd\xefy\xc6\x9b\xfe\x82!\xfb\xf8\xdb\x17\xcc\xf19\xe79\xcf\xf3\xd2\xd7\xe7C\x05\x02\x81\xbe\x80\xf7,\x07\x022=\xe8\xf3\x8fY\x1e"9\x1e\xaf7\xe3^\xd5[\xcdj\xbc^\xadV\xe3\x84\xf3\xc7\xc2$\xcbr\xbcZ?=&gt;\xb9\xb8\xbe\xb8\xe8\\]u\xda\xcb\xef\xae:\xff}\xf7\xee\xea\xb8\x1e\'\xde&gt;84\x92L\xae\xd6\xcf\x8e\xaf\xbb\xb3%\xd7uk\x96n\xe9:\x17\xb9b\x99\xb6\xe9\xb6\xaf/\x9b \xce\x83\xf6!Q\xc1?\xd5\xd6\xc9\xd5\xaeKp\x00Hg\\\x11\x05.2\xaeZ\xb6n\x96\xccJ\xbb{\xd1\xaa\xd7\x01\xedC9\rW\x01\r\xcd\xeb\xdd\x86\xc1\x14]\xb7,]Q8\x17\x05\x94\xc8DUu\x1c\x8ds\xae\xe8\xd9v\xf7\xaas\t\\r\xe0\xc3\xd8\xbcO\x8e7;Y\xdb\xd2\x1dPc)\x8c\xe1\xceD)\x18\x0c\xde\xfa\x08\xc8\x00/\xc3\x1dU\xb5B\xf6l\xf7\xb4Y\xbdiXh:8\xaaY\x85~m\xd72tE\xa7\'A\xca(\x8a\xae0A\x90\x82\x92$\tA\t\xef@\x1dc\x9ac\xcd^\xb4n\x1a\x96\x1c?k\x9d\x9d\x9dt;W\x07Y8\xcaR\x14\x08\xa8\x8bAAQl[WE\x01\xa0\xc0\x18\x9e\xa4\xa0 Ri\xaa\xb5|}Z\x95o\x16V\xf3\xa4s\xd1M\xa5\xd3\xb6]#Kq\x1d\x1c\x89\x92\x00)k\xa6\x01w1\x00#\xa2\x00Ndx\x0b\\\x86\x13k_\xc6\x037h\xa9\x80|\xda&gt;X+\x99!K\xb7\xbf}i+&lt;\x03\xaf3\xc6\r\xdb\xb4,Ce"W\xf1\t\x1c)\xe8H\xd1\x03\xa5pU3JW\xcd\x9b\xc2E\x01$W/\x96\xb3\xaem(\xbf\xfb\xa9\xa2|\xabg\x98\xa2x\x8dh\x9a\x0eg^\x1f\x8a\x9c3\xce\x98\xaa\xe2\xb3$2\x01\xe6W\x98\x9a\xfe\xee\xb2~C2\xca\x18(\xf1f7\x85\x9cRt\\3\x038\x86\x05T\x06\\\xef\xb0[\x1f\xc3R\x88\x07\n\x06D\x97\xe6\xa1\x14\xc8d\x9ck\x86\xfb\xe5y\xfd&amp;l\xef\xcd\xbd\xd6q\xa7b\xeb\x19($j\xfaK+\x9d\xae!!t\n-\x8a\x06IB(\x80,P\x84\x17.\x92\xc9\xa8-A\x98\xa6\x9a_\x9e7\xe5\x9b\x80Um\x1ew\xd7J\x96\xaa\t$\x9dm\xdb\xa5\x189_\xb7-\x85\x0b\xe8\xbe\xa0HQJ\x89\x05)\x99\xc8\xbc\xb4\x08zm)i\xaa\xb1v^\x8f\xfb&gt;\x86d\xb9~\xdeN\x19v\x88\x0b\xc2O2\x8c\xeb/kn\xa9\x14\xb3M\x03\x99\tfDR\x10E(\xbc^$=\xd9{\\@\xc6\xf5\xd9\x93\xaa\xec\xb3\x8e\xb2\xdc\xbcX;4,\x1b\xc1I\xb6V\xacZ\xc3\xad\x95j\xb6a`:s\x85\x83&amp;\x91p\x01\x87\x87\xcd\x0b-FiOq\x01y\x99\x96n_\xfa\xcc\x16\x14\xbc\xec\x96\x8cPHgA\t9\xa5X\xb6\x1d\xab\xb9.\x0coY*\xa3o2\x04C\xc9xcG"\xe6HF\xf8_\xa3\xef\xe9;\xc1r\xaf\xaa\xbe\xe2\x82\xdd\xcfN\xd6B\xba\xa1\x05\xa5\x8f&gt;\x86\xc1\x81\xaaf\xda\xae\xc5\x94\x9aNNc\x1e[\x19J\xd3\x9e\xc1\x18\xed\x11H,*\xae\xa9\xaa\xc6\xe1Hc\xf72\xee3Y\'\xbb\xa6\xa3j\xd0\x06\xb1\xae\x13I6\xb6\x17Muk\x1a\x14\xe4\x19!\x08(\x19r;Y\xca\xa3\x89V\n\xaei\x08\x10\x07wM\xc3\xce\xe3v\x9b~\x9a+\x10o\x1d \xc3\xf1\xa7a\x12\x91\xeb`\xc4\xd2\x05\xf4\x9fnk\xcc\x02\x00\xa8\xc62\xac7\x03Y\xef\xceHD\xca\tt\xad\xaa\xea\x8eH\x8e\xcc\x1eW\x03~\x06\xe9E\xd60\xf0{i\x9c\x08\x9c\xa3\xcd,M\xd2\x04\t\xd9D\xac\x10Z\xca\x03\x1a;\x8c\xe4\xec\xed]\x9ce&lt;\xca0\x8a\x80\x0b:r\xfb]\xcb\xc7\xec\n\x9c\xbdC\x8e\x93\x0eX\x144\r0\x98%J\x1a\xd0\t\xef\xe9a$%\'\xdfS\x84RK\x92\xcd\x08)\x90\x01\x9e\xee\xa8p\xa0\xd28\xf7q4\xca\xe7Y\x05\x1a\xe2\xe6(\x8ecp\x0c;\x8b(\x13$\x1a\xc7\xa4\x96\x82]B\xf9!K{\xa0z\xa9\xdf\x9bE\xb4H#\xde4EU\xba8x\xf8EV\xbd\x1bRT\xcdQ\x1d3m"\xa7`*\x01Y\xef\r@xH\xe1\x8a\x83Q\xad\xa8b/\xaa\xe8K\x8f4\xa1\'&amp;WT\xde\x9b\xe0`\xaevR\xf5\xab\x1b\xe5\xd6\x9aa\xa8\x82\xea\x84Bf\x88\x96t&amp;\x05qu\x8d\xe3\x1b\xd34p\xceI\xc7\xd2&amp;z\x02\x97U\xb9\xe3P*h^;z~Sh\x0e\xfc\xd0\x0e\xdc\xd9m\xc9&gt;\xd1\x15?)9\x86\xa6iX_l\x13\xb0\x98gq\x8c93]\xca\xe5r\xa9T*7:\x9a\xa3\x01Y\xc3\xa4\xac\x81Q\x94\x83\xcdF\xc3X\x02v\xc7\x01\xbf\xde~/\x88j\xe5\xd2\'X\x81f\xdb\xc4Y\x06\xc7,\xc3\xac\xc5\x80KDtk\x1a\x14\xcd\x8d\xac\x94\xbd\x1a\x19\xc1#5:;\x9b\x9a\x9e.\xe5\xa6c1\xd0\x17\xf2\x12\x85b\x15\x85\xfd\x90\xceE8\x14e\xcf}\x82%\x9f\xae\x99\xb8\x02\xd7IDP\xa1z2\x85b\xb9\x91\xf2\xb3\xb1\xb1U\xdc\xc6\xc6\x9e=z\xf4\xa8\\^)\x7f\x0e\xdaP\xa3\xa8\xdc!~\x81w&gt;\xa3\x0c\xf3v\x0b\x89\x16\xfb\x8e?\xd1%\xc7\xcf+!\xd5\x81\xb3\x89\xae\xc3\x90\xe1\x18\xe8\xc6\xd0\xf4hyl\xf5A\xaf\x16\x16V\x17\x16\x16\x16\x17\xc7\x9e\xcd\x97\xe7\xcb#\x9f\x81&lt;\xd0\x07]\xe1D\xb1\x17\xad\x82\xd7\x04p\x82z\xd0\xf4e0\x06\xe2\xc7\x15\x03S\x04g+\xab\x06\x11\r\xec2\xa1\xc3\xe9\xf2\xfc\xd8B\xb2X\x1c\x1a*\x16\xf1RL&amp;\xc7\x8b\x00\xf6hu\x11\xe4\xcd{\xf5\xcf\x91\xd1\xe9t\xc83?\xec\xc8(9@\xba\xba|\xe6\x0f\xac\xea\x89\x0b\xd5h=\xb7k\xd9T\xdaD\xa5s+\x8b\x0b\xc9\xc4\xd4\xcc\xcc\xcc&amp;nT\x89\xc4$\x80\xddYX(\x16\x17\x1e\xac\x92\xb8c\xf3\xe5\xcfr\xf8\x19\xaa\'"5\x8a\x00\xb3\xf15\x7f`\xc9\xf5\xab\x10~\xa4 :\xd8\x19*\xd9\x92y\x18\x9b\x1e]\xb93&gt;qo` \\(\x14\xf2\xa8)T\x7f4\x9a\x1c\x1f\x1f\x9fLNNL&amp;\x8b\x0f\x1e\xac\xae\xae\x8e\xcd\x8f\x8c\xe6\xa6C*{\xbf{aNh\xd9S?`\x05\xe4\xb3\x03\xa0Ri_\xaa5*\x95T(6\xfa\xf9\xdf\x7f5\xfe\xd7\xe7GG[;\x03\x03\x00\x86G?jpb\x920%\xa2\xd1\xe8\xe0\xe0\xe0\xa4\xe7:\x026mz\xb8\xc8\\`\x8c\xd9\x17\xfe\xec\xa5\xa7\x15\xacL\x9a$\xd6\x1a\x8dF\xb6\x92\x8a\xe5V\x1e\xdd\x19\xbf\xff\xc9\xd6\xfe\xd6\xd6\xd1N$2\x10\x89x\xb0\x80fb"\x99\x9c\x88\x0e\xde\x1b\xbe\x8d\x8a&amp;\xe19\xc8Y\x1e\x8d\x11_\x1e[\xa2\x10\x14\xeck_\xb2\x94`\xa1\xd1%^\xcbf]7\x9bM\xad\xfc~\xfc\xfe\xe4\xed\xfd\xfd\x17/\xf6\xf7\t\xd8N\xa4\xd0?\xd0\xc35\x99\x9c\x89\x0e\x02\xd4\'\xa8\x8d\xe8L\xe2!\xc4\xf4p\xd1\xe4\xe9\xfd\xeb\xe4\x96u\xed\x8b\xb5\xe4\xd6.\r@I\xade\x1b\xd8\xe0S\xb3\x7f\xf8\xf5_\xee\x0f\xbf^__\'X\xa0+\x12\xe9\xef\x07e\x03\x83\x83\xd1\xc4\x14\xb4\xbc}{x\xf8\xf6\xd1\xd1\xc6`\x02z\xc2ec#\xb9C,\xd6H|\x10\x16\x94\xd4n\xd5\x978\xadw\xe8\xb0*(6\x8e\xd3\xb5\xd2\xec\xee\x9f\x7f\xf9\xfa\xde\'\xeb\xdb\xdb\xeb\xfbo\x8evv&lt;\\\x91\x81\x1d\x0f\xd6 \xde\xde\x1b\xde\xd8\x18\x1e\xde\x88\x84\xfb\xa3\xc0\x95\x00\xaeg#\xd3\x14{\x14\x13\xf8;|\xd7\x97VD@\xd8\x10QP\xc0\x16\x0e;\x95\xef\xfe\xf3\x9b\xf5\xd7\xaf_\xedm\xbfx\xb3\x13\tG\xc2a\x0fWd\xe7\xe8h\xf89\xbd\x01\xaa\xf0\xc6Fa*\x9f\x98\x9a\x9b\xea\x9f\x9aI\x16\x17\xe7G\x0f\xb1^0\x84\xa9 iv\xb7\xe9S\x9c\x12,\xa6\xbb\xd9F\xd6-\xad\xfd\xfboK\xdb{\xdb\xa4\xe1Vd\x0e\x95\xcf\xcf\x15\na\x0f\x17\x98\x0b\x83\xa4\xaf\xf2\xff\xaf\xc4\x14p-,\x96c\x065#\x1aG\xd2\xd6N\xfd\xd9\x04\xe5KWC\'\xe9.\xfa\xb0\x91=\xe8\xfc\xe9\xee\xa7O\xf6^\xbdz\xb1\xbf\x15)\xcc\xcd\xfd,\x9f\xdf\xdc\xdc\xcc\x17\x88\xb5p\xb8\x10\t\xd3\xc7\xc7\xc9\xaf\x93\x9b_o\xe2\xed\xd4\x14d,\x8e\xe5L\xd0\x85#?8\xf3)\xe5\xfb\xfaZ\xcb\xd8\xc35\x0b\xb0\xb2\x8d\xe5\xf6\xc5\xdb\xa7\xbfX\xda\xdb\xdb{\xf5\x02m\x18\x060\xef\xea\x850\x80\xd1c.\xbf\xf9x\xe8\xf1\xe6\xfb"\xba\x8a\xc5\xc5\x91C\x87!\xe3\xe9\xff%\xee\xb1Ok`\xb3\x8d=^\x05\xacF\xa3\xb2\xd6=\xfe\xe37O\xef&gt;\xf9\x9ep\xedC\xb6B\x01\x1aR\x01T\x14\xc9\nQ\xf3\x9b\xf9&lt;\xd2\x9f\xde\xe5\x1f&amp;\x12\x89\xe4\xd0\xc2\xfc4M\n\x95&amp;\xebA\xcb\xa7\x9d\xb9zmsna \x02V\xe5\xea\xfc\xf2\xed\xd3\xbbKK\x00\xf6\xfd\xab\xad\xa3#\xe2\x08A?\x95\xa7W \x9c#HPt\xe7\xf9\xf3p&gt;\xff\xd5\xc3\x99\xe4\x10\xea\xe7\xe5\x7f8\x04\x8bq\xbd\xeb\xd7\xd1:\xd0ZVt\x1c\xed+Y\xb7\xb1\xdcy{\xf9\xf6\x9b\xbb\xbf\xfd\xd7\xa7O\x96\x96\x96\xb6)\xb8\xc2\x85\x81~B\xf4\xc5\x17aP\xd4\xd3r\xe7h\xeb\xcd\xf3\x81\xe8\xe6CD=@\r=\xfe\x1fkf\xfb\x93v\x96\xc5\xf1\xa6m\x9a\xd0\xb0\xb3nm\xcc\n\xbaa\xea\x13\xadE\xd7\xc7\xa5T\x18\x7fP\x1f\xc8/"\x14%\xf8\\\x1f\xf0\xa1\xb2*\xba\x8e\x94j\x01\xa1\xb4E\x82\xb4\x05\xad\x10\x19\x04\xb6\x9a\x9d\x82\xb8dl\x1b\xaa\xb1\xa21\x11\x13Md\xd7M\x8c\xbe\xd1\xa4\xd9\xd4\xa4\x13_\xcc\xab\xb6\xb3\xe72\x7f\xc2\xfen\x08/\x08\xc9\xfd\xe4{\xce=\xf7|\xcf\xa5/\xdb\xa0K\xbd\x04)\xfa\x86(\x8fA\xae\x9fI\xacj\xe1@jef?{\xa3\x9f\x8bXy\xbd\xb8\x10\xb0\xf0\xbenC\x8fL%\x93Q\xbf\xa5\xc8\x81J\x0ep\x14\x95J&amp;\xa7Lnl\xa8\xaf\xca\xfe\x98\x06XF:\x9fO\x07.\x06\xf2\x01\x97\xcef\x12\xd5\x9dB\x89x\x9d\x99\xdc\xc2\xc9\x06\xb5\xb2g\xac\xfa\xad\xc8C`\xeaC\x9f\xbe\xeeQ5`\xa5@\xfdT\xc9\xe52 \x93!J\x99J\xa5V\xabW\xf3\x0b\xfc\xd0G\x94\xf3\xa5R\xbe\xd9|7\x07Z\xfc\xd4\x8bg\xffE\x98\xdf\'\x81O\x84\x0b\xb1\xa2\xba"\xbb\xf1D\xbf\xb5e\xed\xd3\xf6u7\x8cNL\x8cO\x8c?\xea\xb0X,cc)\x88\x06}Tc\xab\xab\xab\x96\xe66\xe6\xd0\xd0\xc8\xfc\xfc&lt;46yY\xcb\xdbR\x97\xd9\\gK\x05\xff\x944E\x9cO$\xdf\xaf\xce\xa8n\xac\xf8ou\xe3\xbeik+\xc2kz4;;444040\xf0\xa0\xa6\xb6\x06\x1a\xf9=\x8b\x0c-\xd5\xaall\x90\xd9Z\x03^\x83\xc3\xe1d\xd2hU\t\x89\xf1\x89\xb6\xace\xc0Z\xa4A\xab\x9d\x9aM\x9c\xdb\'ArU&lt;xP]Q1\x13\x99\xdb\x8aX\xc7\x99\xb5\xc5\xc5\x1c\x16\x8d\xd3\x92\x99\x04\n@\xafZ[3\xe2H\x81(B\xe8,#\xc5\xc9\xf1qqq\xd7\xaf\xc7\xc5\xc5\xc6\xd0\xb0Rm\xc0\xb5\xc8BN`\xe6{\xe2\xcc&gt;\x89|\xf2l\xe0\x19p\xbd\xd6\xeb#\xd6\xd7\x8d\x9c\xaa\xcc\xaa\xe4$\xb4\xf7\x85\x0b\xe8Q%\x99S\xdc\xca\xb4\xa4\xc8e\xab\x1b\x1d\x88*\xe6\xfa\xbf9\x07\xae\xe77\xb8\x8b\x17mJ\xb3k\xe5\xb2\x8df;!pPI&amp;\xbdx;33\xd0\xf8l7\x100\xbdn\xcc\xceLJ\x02\xaa\xeb\xd7/\x9c?\x8f\xbc||2-\xa3\x96\xe9\xc8\xd7h,\xab\xcd5\x9c\xe4x\xe4\xa1\xcf\x9d\x8b\xcd\x04\xa1\x89\x87\xc2\x90\xf8\xfe\xa5\xcb\xb5\x92x\x8d\xc6\x9a\x8a=0\x12\xf5|\xa1\x7f\xfd\xef\xb73\x0f\x06v\xa2\xce\xddg\x15\xd9-\xc9\xf1\xb0\xf59P\xe4&lt;\xa2JBX\x12\xa6\xbf@\xe3\x18l\x03\xac\xe4?\\\x02\xdb\x9fz9\x01\xae\xab\xe2\x8a\xe2\x8c\xe2\xe2\xda\xac5\x97\xeb\xa5\x8d\xc5\xca\xfbg\xbd\xc9TO\x10\x17\x99\xf4\xea\xcd\xc9\xc9\xdb\x81\'\xbc\xa8\xe8\xc7\xea\x8a\xea\xea\xea\xc6\xea\x8a\x16NfU\x15\xb8 \x1b\x8d\xc3\xc9\xa8m\xbd\xd3\\\x90\xefh\x9em\xab\xc9\xe3\xd0l\xd7X\x19\xc5\xb5\xad#C\xcf\x9f?y\xf2|\x88\xd9\xd6V\xba\xe82\x7f\xb2\xb1\xf2Jv\xc7ur\'1\x83p\x12\x99\xfc\xfd\xce\xc9\xc9\xe3\'\x8fyA\xbc\xe1\xc9\xdb\x93\xa9\xa97\'\x8fGZGFFZkbF\x7f\xfeN\x9b\xa5\x0c\xb0\x06\x9b\x99`\xaeKjK\xe6\xefIF\x86\xda`\r67\xe7\xfa\xfd\x05\xe9|\x97\xf9\xc3\xbbwy\x0c\xa5\xd2\xc7\xc6\x89x\xcf \x93o\x1f\xbc\x9a\xdb\x99\xda\xdd\x7f2\x8b\x1f\x1e\nw\xac&amp;\xeb\x8b\xdd\x93\xd9\x12\x01\x17\xb0\xe6k\x90S\xcd\xd9s\x8c\x95\xe5\xe7;,\xcd\xcc\xca{\xdc{\\n\r\x9cUAqm-\xe01s\xfdE\xfet\xba\xb9\xff\xc3\xcaJ\x16cY\xe9;\x96\x1d\x10\x81U\x7f*\xdah\xd8\x99\xda\xe9\xea\xe8\x08\x87\x0f\xa3\xa6\x87V\xeb\xce\xf48\x93\xb1\x92\x97G\xa3\xd1 _\x18\x0c\x06\xf7\xce\xa0ZV(\xd6\x14\x00\xd62\x03\\\xeb5\xf4\xea\x12\x9f\x04I.\xa8\x04.P\xab\xbf\x7fm\x85\xc1P\xea\x8e\xbf\xca\t\xc1:\x88(\x96\x1c\xbb/v\xa7\xffz\xcb\xe3\xc5\x9d\xd6\x87\x0b\xbc\xee1IF\xc2\xa5K\xd7\xbf\xf9[jb\x82\x8d\x95\x95\xc5\xb8\x97\xabVa\x188\x9d:0\xf9\xac\x84\xc4\xa4\xb8\xa7\x7fz\xda\x82F\x9a\x89y\x95\xcd\x05\xe9\xe9fs\xff\xa7\x95\x97J\x9dN\xf7\x95\x08\xb5H\xe4\xd3\xa3#\x9e\xa1\xe1\xc5\xce\xc4\xecM\xaf7\x8c\xa8\x96JY\xa9\x17\xce^\xf8\xdd\x0f\xbf\xff\xe1iKfb\x02K\xc0(a\x02\x16\xdb\xa8\x03,n\xd6{8\x84IIgQ3\x94\x90\x90\xf8&gt;\x8f[Z.]t\xf5\xbb^.\x17\xd11\xf6\xd7\r\x02r\x8bt\xe5\x97\xcfv|]\xbb\xbb\xb3\xdf\xdc\xe9\xf5\x1e.,\x88\x96*\xdf\xd122X\xd7\xaa\x92\xa1deg^N\xb5A\xce\xb4-mln\xb2\x01+\xe7\x9e\x80u\r\x9d\xce\x8c\x8c\xe2\x9aV\x89\x84[\xc2]^VJ]\x10\xc5Ou\xf4\xbfP\x89\xc1:\x03X\xa1h@\xc1\xdb\xdd\x1f\x1b\xf6z\x7f\xe2\xf5.\xf9\x95\xcc\x1f\xf7\xf7\x07\x87\xe6\x19\x82\xda\x92\x12A\xde;P\x8b\xdb\xd1g\xb0\x03\x96\xafN\xc9-\x11\x08\x045\x12\xc9\x08s\xb0\xa3\xa3\xac\xc0_TD\xe7K\xf9\xfc~s\xffb]z\xe7U\xf6\xb1\xfb\xff\xc7"!\xb5B\x81\x80H\xc1\x9b\xb8\xe9\xf1\x86\xa3\xa6i\xf5\xe0Do/O8\xd1\xd0\xd1\xbcW)\xc9\xe1\n\xb2\x04\x8c\xe5\xf2\x06\x9ea\x93\xcd\xd6m+\x95\xe8\x07(\x11\x92\xbd\xdc\xc1YK\x19\xd4\x87\x02:\xb46(\xe7]\xd2[M\x93\xecc\xfc6!A\xfc\x12\nD\xc3\xeb\xd1\x9dQo\xd8\xabXX\xba9*lh\x98\xeejP\x8f\xe5\xeems?\n\xb2\xb2\xb2&gt;\xe6h\xbaD\xc3\x10D\xa3O\xa9\xcc\xe1\xa2\xc1\xdbG.Wr\x87\x99\x9b\xcb,-\xb8\x95\x0fjI]\xfd?\xbb\x94\x8e\xc9\xc9Mc\x94\x00G\x86\xb0\xecN\'\xbe\x1e0uC\xc6+L\xbd\x9e\xd1\xb1|\xf5(@\x95V\xe6@\xda|\x04\xad*\xcb6\x84\x8aa\xfb\xa6\x1d\xa2\xb8\xbd\xbd\x9d#\x91\xccss\xb6s*+\xd1\xbc\xb0(?%\x8d.\xf5\x01V\xff\xda\xb6\xbc\x93m\xd7\x13Q\xe4\x01\xeb\x1fNg0(Z\x08C\xc6\x9b"\xbc\xd1\xab\xd0\xbfC\x89,\xad\xab\xab\xab\x04\x08e\x0eS=\xda\'\x8aa\xd9\x8d&gt;X\xe5\xfe\xdc\xdc=\xf8\x87\xc3!\x16\xa7\x7f\x07\x86L\x93\x1eS\xcb\xbc\xf6\xd1\x7f\xb3\xddp@\x00\x16\x89\xfc\xcb\x97/\xce`\xd8\x90/\x0c{\xc3\x87\x01So\xb7\xdb@)\x14\x8b\xc5\x05\x05\x0e\x07\\,{{E\xea\xae&gt;\x9e\xc9\x8a\xb00\xa3Q\xe7\xd3\xe9\xfc\x1a\xb9F\xa3\x11\xc3\xb7\xb8\x1d\xa3\xc84\xe9\xf4X=\xfd\xf9\xd3Z\xf9\xcdB\xfc\n!\x17\xe2\xe9\xe7/\x8a\xf0\xa4\xf1\xab\xca\x0bj9\xad\x0b\xeb\x86\x1e*\x06\\hg\x87E\xec\x17;\x1a\x84\xb8\xc8$:\xda\xdc\x0ca:\x1d\xe8\xa5\x13\xcb\x01H\xac\xd1\xc816\x86\xbcYJ\xfaww\xcd\x80\xe5ZS\xa6P\x03\x84\xf44\xe4\x83_?C:\x1f\x1f\xcb=\x90[N\xbd\xa9\x17\xd9VJ!\x1b\x03\xc5\xc4h\xfb\xd5.\xc0R\xac\x03\x96\x1d\n\xaa\x0e\xe4\xf2\xc7\xb0\x8clX`\xce\xa8\xb2\x94\xb4v\x84\xd5\xcf^[+\xec&lt; d`C\xba\x1d\xfc\xbc\x1e:\x06,7\xa8\x15\xd0/\x08\xb5\xeeN*\x98z6[\x1c[e\r\xbd&lt;\x1c\x0c\xda\x91\xdd\x0eX\xc8\xac\xea\xe8H)v\x0c\x0b\xc3\xc0HR\xd2\xda\xdb\x11V\xbbRI\xf1\xd4\x13\x83u\xe5\xf4W\xc0\xfaz\xacBXN\xbd\x15\xd7\x0ewR\xec\x18\x1b\xb65\x8a\x8dt\xb1l\xda\xaa\x10z\xb4\xee\x98Z:\x1dXB:\xb8i#\x04\x10Q!;\x1b\x9b\x97\xd0\xa1n\xf1}b\x95\x82\x98\x81\r\x89t\x10&gt;&lt;\x02\xb5\x96\xb4\x80\x15\x05K\xadu\x0f\x1f\x850;\xc8\xd5\xce6\x1a\x0b\x01k\x01\xe4\xd2\x1eA\xca\xa3\x18\xf2}\xbav\x08!\xe0\xd8\x11\x12\x9a\xcb\x81\xedGQ\\\x94\x16]\xfd\xb3\x9e(\xfbz;\xea\xc17\x8fu\xee.7T\xf9HD\x81\xbb\xdd\xc3\x93TJl:\xd3\xde^(_\xea\x15\xae+\x14\xdaP,\x88FT\xb9\x00NL\tQ(\xa1\x9e\xc9\xc9N4\xc8\xbcQx\x17a\xd1oP\x9b\x0e\x08\xb3\xaf\xa7a\x05n\xb0S\xa6\x9b\xa0\xdd\xd2\xeb\x9d\xeb\x1e\x8f{\x92J\r\x85(X\xfb]\xbaO\xb3\xb4\xd1\x89+x\xc3\x80\x15\xfa\x8d\xcb\x07d&gt;\xe3\r4\x8a0t\xc6\xc6\xbe7\xee"\xac\x0fi=\xdf\x8a\x88z\xad&amp;\x9d\xa9\x0f\xae;\xa3G\xc7]\x13\x87\xc1h`N\xaf\xc0=n\xb4YO\x083J\x95J\xf9\xf0\x91\x1bW\x08\x8f\x90Z!\x94r\xc6\xd8\x1d\xb4\r\xc5\x8bB\xed\x1cn\x1a6 ,3`}J\xa3\xf6\x04\x08s\xd5g\xae\x9c\xe2\x8a\x80gst&lt;\x1c\x0cF\xe7\xee\x07D\xb8\x07\xd2\x1e\xaaWl\xfb\xbf\xe3\x87"\xa7\x9e\x87\xb0BG=\x94M\x0c\x8e\x83\x0e\x8a\x7f\xb9\x18\xc3(=hN\xde\x83d5\x9b]k|\xf9\xc6)a1$\x91\xea\x03\xa6\xc0\xba\xe7\xa7G\x1e\xc0\xd2\xdfGr\x01\x16\xf5\x86\x18\xa8\x94\xff\xe9\xd5\xeb\xf5\xf7_Y\xdd\xc3\x94\x90\xcc\xa0\xdd\xa0`\x14\n\x94\xaf\xbd\xedr\xbf\x18Cr\xa1*\x87\x15\x02\x96t\x8d\x8f\xf5\xd5\x13\xe6\xaaQI\xd5G\x14\x87\xee\x0em0\x18\x0c\xcc\xcd9qwS\'TT\xe3\xb6\xb2\xae|O\x08\x9e62g\xc2\x85*\xaajT\xab\xfe\x1f\xedf\xfb\x93\xc6\x9e\xc5\xf1\xab\x9b\x98\xe0\xfaB\nw\xb2t%\x9d\xb5\xf4N\x05\x81\xe2\xb8\xb7\x14]:\xc5\xf5)\x06|\xa8\x10\x19d\xae:\xb8,U\xaafb\xa9\x0f\x80q\xcbe\xa8\xa4P\xc6r\xdb\x104\xee\xa6\x8b)\x8dT\x9b\xdb\x87d\xadYvM_\xd4\xa4\x06\xef^ML\xaf/n\xd2dc\xdfx\xfd\x07\xf6\x8c\xdd?\xc19/\x86\xb7\x9f\x9c\xdf\x99\xef\xf9\x1d\xe6{\xae|}\xed\xda\x9f\xee^O\xd5\xd7\xef\xde\xbd&gt;|v\x12J\xfe3\xd5\xbd\x17\xff^\xf1L\x9d\xa2oDT\xd6\xf5Kt\xec_?\x8f\x7f\xf3\x9cO\xd7\xf2\xbb6H\xc1o\xbf\xe6\x8f\xd0\xd1R\x1f\x1e\x19\xf5t\x84:;\xbe\x99\x9c\x9c|\xfb\xddL\x8b\xe9\xf0\x8dc\x05\xf44U\xdfrwfx\xf0&amp;T\x16/\x0f\xf7.\xbe\xf8{v\xeat\xadx0gD7\x7fv9\x7f\x02,\xe8?m\xd3\x7f\xfe\xee\xec\x1f\xfer\xfb\x8d\xa3\xa9\xa6?\xe3\xf6\xf9\xd9\x9d\x91\xd1\xe9\xc9\xc1\xc9\xc1\x95F\x83J\x85\xe5l5\xcd\xf1x\xaa\x05\xba\xe3\xf9\xc1\xdf]\x06\xaa\x13,\xf5\xa7\xcaSvJU~\xb8\x13\xfdk\xbf\x1b\xb0\x9e\x8f=\x8bvL\xdf\xac\xbav\xf7=P5\xe9]\\\xc0N\xfd\xe7G66=|\xfd\xfa\xaeE\xc9\xdb\x820\x0b\x0c\xb4\xfd.}\xfb\xfb\x96\x99\xe1\xdf\\\xb8p\xe3b\xeb\xbd\x8b=\xb7\x1b\x1f\x9d\xb6\x0fO\x04\\#\xfa\xc8\xf7\xcf77A:\xdb\xa6o\x9e\x9diyc\x9a\x98\xc8\xd9iJ;\xa0Ri\xed\xb9&gt;\x9f-\x87\xf1\x86\xbcrIE\xb7\x11\xa6\xfdF{\xced\xaa\x9f\xb9r\xe1\xab\x1b\xad=\x17[uj\xf5\xa3\xd3\xb7\x07V~\x88\x16\xb8\xe4\xf3\xe7m?mvB\xb6\xce\xae\x98\xd4j\x8b\x86\xc00c\xb7\\\x02#\x10"\xc7H\xac\xa2\xfa\xc4\x8cP*\x91!J\x14\xe6\x1f\xc2\xf2f\xe5\xdc\tV\xcf\x8b7\x1aB\x00,x\x1d?1\xfb\x9d\x9dmm\x9b\x9b\xa3C\xdf\xce\xe8xc\x01j\xe4\xfd\xe8\x92\xea\x92\xea\xf2\xea\xd2\x8an\xd9\x99\xcf\xee\x1a\xb1T*\x93\xc9\xa4b\xa9\xd1\x88\xea.\\\xb9\xfaU\x8b\x0en\xf88\xf1\xb0\xec\xf4]\x8be\xa25&amp;\x9b\x1ei\x83\x18\x1d\x9d\xae\xd7(\x81G,Q\xa9\xe4\x15\xe5%\xd5\xd5\xd5\xc5\xa5gN\x1c\xbbE%\xa5R\x19\x02c\xabT\\R\\!W\xa8\xcf\x9d\xbdZ\xefhT\xab\xd5\xb8F\x18\xac\xa9%f?9:4\xfa\xfd\x90\xe7[\x9d\xb2\x82\xffv)\x19\xd0\x9a\xcd\x18\xaaTu\xcb\x10Tc\xc1\x942)j\x81y\x0cF\xd8\x07\xd2\xe2\x92r\x89\x02\xff\xfd\xe5V\x87I\x83k4(\xb6&amp;\x00\x96\x08\xb0\x02\x116\x16^\xff\xdbc\xcf\xacI\x89\x94\x97\x94JP\x8a)d\xb3\x11\x97\xcbg\xb3\xedm\xa4v\x8f\x8f\x8f}\xf1|&amp;\xb5\x9bSk\x0c\xd23b\x89\xc2\xb0r\x81\xff\xd2i\xc0\r\x0f\xb0-\x01\x1c\xb1"\xd1\xd3%+\x93\xcdz\xbd\xb3\x97\x9c\xb3:T%)\x17\xcb\t\x1f\x1b\x8b9\x83\xc1\x83xj\x03b\x0fbcwo\xef\xf8\xd8b\x90\xc9\x1e(\x95JDS{\xd9\xd1\x88\xe3\xb8\x11E\xccS\x02\xec?\x88\xcan-\x91\x81\xa5B$\xe3\x9d\xf3\xce\xd6\x90X\xb7\\\xa1\x90)\xb1\xdc\xde\xc6\xc6g\xa4\x8f\x1f?\xf2\x0f\x80:\xb6`\x8a/\x15\x06\r\xc0\x98\xaa\xce\xb5\xf3\xbf(\x8a$z\x85\xc0\x12\xf5\xbe$)\x86a"\xee\xfe\xf1\xba\xb7.\xd2\x88b\xe8\x99/\xab\xd1\xc3\x8cs/\x15\xdfH\xe5\xe3{\xa9X:\xcf\xee\xe4\xc3,\x8d\xfd\x13=\xd4\xc1\xe1\xa9\xf5U\xf5v\rn\xe0\x13\xc7t\t\xb2-R\xb9FQ\t\xc6\x9f\xcd\xf6\xf7\x87g\xdd~\x02\xa7\',\x0f\x14\xdd$\xbb\xca\x8e48\xb7\x17V\x93;\xd1w\xa1\xed\x85\x9dO\xfb$~\xf8~\xa5\xbe\xc5\xa4n\x9f\xfb\xa3C\x8d\xa3JD&amp;C\x96\x84\xc8\x16\x9f\xae\x1f\xad\x14\x93\x80\x12\xcf8\x87\xbcz{nwww\xef\xd0\x80-\xad\xee\xac-tn-/\x84V\x17\xb6\xd6\x1e.?\xca\xfa\x0e\x8f\xf7R\xd7gjkl\xfa\xb9\xe6F\r\xae\x94Ke\n\xe4u\x97 \x9e\xf9\xb2\xcaGZ\x8cJD"\\\xc4\x19sf\xfa\\\xf1\xda\xe6p~\xe3x\x8f}\xf9p\xed\xe1\xd6\xd6Zh{~\xfe\xd5\xeb\x97\x91c(\xb7T\xbc\xf6|Us\x9f\xbe\xa6\xdd\x82*\x952\x85T\xdc\xfdJ\xa0\x8d\x8c\xca-\x0c5S\x0c\xc7\xf9#\x99\xb0\xdb\xed|\x1b\x0czvv\x8e\x0e6\xf6\x0eX\x8eM\xb2\x85\x08[\xf0\x1d\x7f\xdcx\xf2\x04\xa8\x9a\xcf_\xbaT\xe3\xb2M4\x12\xca\x13\x03\x9c\x98X\x13h\x11I4E\x19\xcdd\x80c\x12\x9c\xcf\x1dv\xcf\xae\xcf\xce\x8e\x86\xe6\xb7=G\x07O\x80d\xe3#\x1f\xc0t\xc0S\xcd\x9d\xafz\\\xa7\xb7\xd9s$\x8e"\xbc\x19M\xcc\xdc\xfaB\x98\x10\xdd*\xa8\x8cD AQ\x11\x8es\xbb\xc3\xeb\x9euO\xc3Xt~\xe7\xe8\xe8\xe8\x80G\x838\x80x\x12\xcf\x07\x87\xcf_z\xec\xf6\xdb\xed\xfc\xff\xce\x08"\x16\xf3&gt;7\x81\xb0\xbe\xe8}\x89\xa1\x04\x15\xa0\xec\x1c\xe3\xeb\xcf\x16\xd8\xd8\xd0P:\x14\x8d\x86 _G\xff\xc7\xe2\xb9\xf2\xe1\xe0`\xed`U\x9d\x8b \xec$\xb4tDZz\xa6\xd4\xbc,\xd8RM\xd7#\n\x9a\xa0\x95\xf2E\x18.\xc2\xd1\xfelr=\x1d\x9a\x9f\x0f5x _&lt;\x13\x7f\x84\xc1\xa0\xd3\x19\xacm\xbeT5Nc\x98\x9a\x00\xc9\x92A\xd7\x96\xbc\xec\x15l\xa7\xa6\xeb\xcek\xb3\x960[9\xce\xc7Eh\x92\x82\x169\xda\xd1\xd0\xd90\xd2\x91^\x7f\x1b\xcc\xe7\xe1\xf0\x82\xe1p\xd8\x9d\x89\x0f\xcf\x04\xeb\xc6s\x18\xa6\x01*\xde\xbbX\xad\xdd\x12n3\xaak\xf9UB\xab\x1d03\x0c\x97\x8d\x90\xd6\x00Sp\xae\xaf\x8f\x8e\xa4=I6\x9bug"\x10\x1c\x17q\xf5\xd5\xcc\x0c\x0f\x07\xbd\xe34\xdc\x12\x95\xa0Y\xe5E\xc5\n\xea\xa9pX\xbd[k\xfb\x84j@k\rd\x0b\x01*`M\x14\xc2\xceuO\x87\xc7\xe9\xf5\xf9i\xcaj6\x13f\x92\xa4\'t\xbb\xa9\xe1\xaa9}\x1f`i\xd0\x13WY\xa9\x92\xbb%Xi\x89z\xdf\xadm\'\xe0\xeaN0,G3\x01k\x80\xcb\xc6\x86\xd6\xd7g\xf3.\x9b\x1d3\xaa\xe4\xf2\n%j\xc9\xd9t-s\xc1\xba*\xbd\x9d&amp;p\x02W\xc2\x11\x16#jV8\xac2\xc0\x9a\xff\x14\x80\x89\x82\n\x80\xa8\x06\xac\xe6@!\xb9\xee\x0c\xe6\xe3.\xda\x02o\x9cT\x81\xa0\x06M\xce\x95JM\xbe\xad\xab\xea\xa7\xed\x84\x11\xc7\x11iQQ\x85F\xe7\xfd \x12\x10+:\xbf\x9d5\xab\xe0J\xcap\x89\x04EX\xb9d\xd29\x17\xcf\xf7\xfb\xe8\x1ciD\xe4*\xcc\xa2\xc9\xc5\xf3\x83\x93\xc1\xc9\x1a\x9b\xdd\x8e\xc3\xa0\xa1(/A\xf0F\xdd\xdcS\xa1\x96M\xe1\xc6\xf5\x0e\xd4 \x1d1k\xff\x0b\xe5eM0\x14\xc5\xb01g8\x1et{3&gt;?\x89a\xa4\x9d\xa6]\xf1Tm0\x18\x04\xd1"\x8c\x88\x04\nK\x8c\x9bt\xb7\x9b\xa7\x04+\xf9\xca\xa7\x90-\x10\xa9l\x00\xc4\x8b4[\x13\x81Da\x1fn\xa7ag\xd8\x9bq\xf9@\xd3\xe9\x1c\xedse\\\xfdn\xf7\xb8\x0f^C\x14\x11\x17\x15)\x0c\x8d:\x9d\xa3\xf6\x972\x81\x8aKT9\xc5g+\xd4\x90.PV-\x84\x99\xbf\xc9\xef\'cN\xa73\xe3\xd2\xfbm~\xbf\xcf\xe6\xe3\x1f6\xbd\xab\x8fD\x8dF\xa4\xbc\xf8\xd7b\xb4Q\xe7p8\xae\xde\xa9\x14\x0ck9:\xbf\xba\xbd\xbd3\xb2\xcfY\xb5\xaaE\x10|j)Q`\xd9L\x01r\xd5\x07&lt;&gt; \xb3\xd1Pf\xa4\x8d\xc6\xe4r9\x7f\x82\xa8\xdd\xd1\xde\x0eX\xcf\x84\xc2\x02\x91_\x88\x86B!^=\x19\xab\xb6{qq\xc0\x9aX*\x148\x1aR\xc4C\x01\x16M\xfb\xed$\x81\x19\t8@\x18 \x8b\x14\xb8z\xc2\x06T=7\x16\x04\xcb\x16`\xcdw64\xa4=\xb1\x18\x1b\t\x0c\xdc_\\\xd4&amp;\x96\x98D @\xfb\x19\xdan\xf3\x81\xa6\xda\xed@EB\xa6\xbaA\xdc\x81\nU\xeb\xda!zz.\xfe \x10\x16\x8c\xfb\xcf\x16\xa2\xd0\x00\xd31o2\xc6\xb2\x0c6\x00\\T"`\x05\x15\xa3H\x00\xa2\xe9\x13(x\x03\xe52%\xbf\x9c\x87\xe0&lt;U_{Skk\xeb\x880\xfb\x9cPY\x9d\x0b\xd1\xb1\xce\x91t2\xb9\xcf\x86\xd9p6b]\x84s4[\xcd\xd6\x00E\x00\rF\x90$\xa9\xc1\xe0\x08\xf9\xcdtx\x07ex\xa3I\xd7\xd7\xd7\xd4\xde\xd4\xd3\xd3Z;/\xc8&lt;V6\x95r.\xac\x8e\x8d\x8dx&lt;\xe9d\xd6\x1d\x0e{\xbd\x05j\xe0\xbe\xa4\x1b\xb4\x15\x06~#teTu\xf2\x91\x1aG\xe5\xe5\xe5\xa5\xbf*\x92B]\xe9\xda\x9b\xf4}MM\x8e\x9e\x9e\x17\x02\xfc\xbd%\x82~\xb8\x7f\x18[\x18\xfb\xa1\x13J\xcb\x13\xf3\xba3\x19\xb7\xd7\x99Mh\xe5\xf7\xefw\xab\x06\xf8\x1dJ%\xdc\x8deJ\x03jT"\'\x0b\xd62\x83\xda4\xd1\xd7\xa4or\xb47A\xba^\xfc\xe3\x7f\xac\x9c\x7fl\x13\xe7\x19\xc7C}\x97;4\xee\x1c\n%F\xa3\xf1\x12\xe34\xa1\x86\x19c\xcb\x16\x8ef\x89\\c\x10\x12$H \xb6\x91\xda\x86H\xc1\xb3\xdc\x04t\x8e\xb0\xd2m\x8a\xa5`*\x971o#$j2W\x80\x03Q#uA6e(LA\xa3\x95+!\x0b\xd6\x85)\xcc\x95\x00\xc9"N\xd5\xb4\x7f\x84Q\xe0\x9f}\x9f\xf7L@\xfb\xdd\xaeo\xc8\x05\x9bs\xee\xe3\xef\xf3}\x9e\xf7=s\xcf\xd1e\xc3\xdf\xe2\x8d\x05X\xe7r\xdd\xf9\x03\x9f\x05\xdf\x9eh\x83\xb7\x82\'\xe2\xe1\xceHG\xe4\\&lt;\xfc\xa7_}?\xa5R\x835][\x80E\xe8J\x90\xad\xc1\xdc\\\xb3\xa4r\xd5\x86\xd7\xa2{\xa2 \xdaIW\xe2m\xdb\xfb\xee\xd4\xba\xbf\xee\xabc\x1fS.\xfdV\xfe\xa3sY]O\xef\xa7\xfbnL\x1di=\xd4\x0f\xac \xd61T\xc5\x7f\xea\xea\x0c\xc7\xa1\xd7\xab+\x92\xaaPU\xb5v-\xf5T\xbf@\x8d3\xdfyi\xc9\xcau;\xb6D7R\x08\xe1\xac\x16X~\xef\xc5kW7\xf7\x7fz~h\xb0\x87],\xf5\x7f]\xc7\xc5\xee\xf9\xd0{\xfbv\xef\xdf\x9e\x1c\x9c\xdc\xda|h\xe2\x10\x121\x88\x10F:\\.\x7f$\x1co\x7f\xefg\xaf\xbf\xf2\xf2\nI\xb4Pg\x96N\xa7\xa3\xee\xf8%\xcbWoB\x00\xe1\xf6\x9d~j\xcf(cM\xae\xf5?\x99\xc8\x17K\xb7\x06\xaf\xf7\xd2\xfd\x18\xbe\xf1l\xb4\x94A\x95\x8a3=O\n\xf7&amp;\xff\xf2\xe1!J\xc4\x11\xb2V\xa0#\xe0w!\x8cT)\xdez\xfd\x95U+\xaa,\x95"\xa7\xa3N\xd7\x17W\xae\xdb\x84\x00\xee\xdc\xb9\xc7\x05\xac\x96\x16\x9b\xade+\xc3\x9aZ;y\xf7l\xe6\x91*\xa9\xc9\xd2\x83\xdb\x17\xc6\xf7}\x83\x0f\x9e\x99;\xebz\xce\x7f\xb0[J.\xcc\x8f?\x04\xd6;m\xc0\x02W0\x18\x8f\x9f\x8b\xb8\xfc\x1d\x91\xce\xf6\x01\x94\xd6\xf6\xf0[\x07v\xd0\xa7\x0c+\xa9C\t+\xaeh\x14\xf1\xf3o\xdc\xe9B\x08m\xb6&amp;Rk\xef\xbb\xc0\xbaz\xf5\xdeW\x83\x99RM\xe5\x0b\x1cW\x99*=\x18\x1c\xdf\xf5\xf5r\x80n"\xb2l\xdf\xf5\xdb\xd3sj\xa5\x94z4?\xff\xb0pg\xea\x97mp|[\xeb\xc8\xc8@{;V\x0c\xfe\x8es\x9d\x03\xad#AT\xd7\xf7\x02\xfe\xf7\xd7\xaf_\xbfa\x076\xeb!\xd4F?B\x8co\x17\xa0\x88\xab\xa9a\xdbE\rk\xf8F\xee\x81X#r\x9c\xc0\xf3b\xb2\xf8\xc1\x85\x9e\xafqU\x1e\xde\xc2\xae\xdeK`\x12T\x89\x17R\xf9\xf9\xde\x87\x85\xbbS\x9dm4\x9a[G\x06\xae`!\x13qut\xc6\x07\xba\x9ao 3\x8f\x85#\xae=\xd1\xe8\xfb[6F\xb7P\x01\x05\x8e-\x10 *\x87\xc3Q_\xef\xa8o`A$\xacl\xeeQ\xaa\x86\x17D\x90\xe9EK\xd5\xfe\xe9\xa1\x9e\xffM0\n\xde\xbe\x0b\xb7J)A\xe4%\xd5"s\xc0\x82Z\x97G\x8f\xf5O\x1cj\xfb\x10g_\xdd\xa1p&lt;\x9c\x88\x10Vs\xffD?\xca~{&lt;\xe2\xdf\x18\x8d\xfai\xb8\x02\x81\x80\xc3a\xf3z\x03^\xaf\x1dXv\x80\xd1\'\xe0\xc0\x9a\xbc3\x9c\xcd\xe4\xf7\xebd^\xe4xn\x89\xccs\xa2\x94\x9a\xbe4\xfe\xdf/\xcb\xa3\xdb\x18\xf4\x0cM\xefW\x05\x91\x93yU\x12d=a=)\xcc~\x01\xac\t\x88\x05\xac`\xfc\xe7\xeeD\xe4\\g&lt;\xd8\xff\x9b\x89\xfe\xae\x01\xba\xe0\xc6E\xa3\xa5\xc5a\xb3\'\x02\x01b\xb2{\xbd^#q9&lt;\rL\xad\xc9\xab\xa3\x97\tkN\xc7\x89\xa2\xcc\xf3\x1c\xc7\xf32\'\xa8\xa9\xe2PO\xdd\x7f\x94\x8c\xa0\xc6/\x15\x93\x92(\xe2U\x1c\xaf\n\xd8\xaa\x8ff\xe6\xff\\x|\xf8X?\x8bak\xb6\xbb;\xe6\x0e+(\x0f\'pN\r\xbf\x8d\x9c\x88\'\x90\x98\x0e\xbb\xdd\xeb\xf0z\x13\x89\x00\xb6\x0e\xc4\xcfkR\x8cF\xa0-b\xdd\x1fcX\xb2^\xe4eY\xe6\x88\x8c\x13\x05AL"\x94\xff&gt;-1\xc5\xa0\x1e\x14U\xec\xcb\xe3\xdd\xe0E\xc0\x92euaf\xfew\x8f\x0bw;\xfb\xfb\xb1\xacim\r\x85\xfab&gt;\xb7\x92\xe8l\x0fv!\x0b\x9a\x9b\xb3\xa1t8q.\xe2H\xb0\x11v\'\x12\x8a\xd7\xd6bs\x98L\xb5F\xea\xb31k\xde:y\xf5\xde\xecpW\x0ej\x81\x08T\xa4\x16\x1d\x85$HN\xa3\xcc\xfe\xcb\xfb\xca\x90\xa7\x00\x95\x14-&lt;_\xc9\x8b\xd8Y\xe6T\x11/\x17\xa7s\xf3\xe7\x1f\x16\xc6\x12X/\xb7m\xef\xbe\x12;\x1a\xea\xeb\x83^\xe1x\xa8\x99\xce\xf4\xbb\xfbB\xf4(\xe1M4\xba\xe3n\xb7\xb5QI\xc0OF\xa3\xa2\x18j\xf1e\xf6x\x18\xd6\xe8\xd5\xd1\xe1Ydb~?\xcf\xb0\xe42\x15~\x88\xccc\x83\xbb\xfe9\x92K\x97-\xad\x1b\xbf]J\n\x08\x9b(J\xb0;L\xc93\xb5\xf4\xc5\xcc\xcc\xcc\x93\xc2\xcd\xdaO\xfa\x9b\x9b\x81\xd5\xe7\xf3Q\x9fO,\xd6\x1ek\xedB\x06\x04}\xbeX8\xdc\x980)\xd4\x0fe5z\x91}M\x1e\x83C\xdc7\xb5\x00\x00\x08\\IDATbUj\x81U\xeb\xd4\xb0\x8eL\x9d\xfcrv\x18u+\x9f\xa2Ppz\xf9)\x99\xc86\x16i\xff\xad\xde\x7f\xbc\xe1\xcdR*\xe7P\x8a\xed!ZPU`xd\xa2\x84\x9f\xf2\\~f\xfe\xb7\x8f\x0b\xc3\xed7\x80\x95\xed&gt;\xd3\x07\xa6P0\x14\x8a\xf9\xfa\xba\xbb\xb2!_\xdamU\x12\x8a\xd5ju\xa7\xdd\x8a\x91\xfa\x15\x9b\x9a&lt;F\x05\xb2\x81\xcb`6kX\x93\xa3c\xb3\xb0V\xe6QR\x965o\x81J\xa4\xc1\x14\x10\x05Q-\r=\x7f9=\x95\xa9\xf1\xdb\xbb\x93\x12!\x91\x05\t\x8a\xbdF\x92\x04\x81\xaf\x86\xe7g\xae?,\xdc\xfc\xee\']\xcd\xdb[\xb3\xd93!\xa6W(\x16\x0b\x9d\xc9\x9e\xf1\xa5\x1b\xe1l\xb3\xd1`2)\x8a\xa9~\xdb\xb6\x86\xa6m\xa02\x98\x1a\x1bk\x81\xe5,\x07\xf1\x0f\x93\xf7n\x8e}5\x98\xcb&lt;\x104,\xae,\x13\xafyL\xe4*-R\xeaAo]\xb9\xbc\xd2\xaae\xfc\xd2nU\x90,\x8cI\x1bZ\xd4\x05UET_*\xe6\x10E\x98&gt;\xdc\xdcE\x97\xd3\xf4!\x801\x1f\xbe\xd2i\nfZ1\x19=\x1e\xb3\xc7Lm*\x1aU=u\x03*\xe0r\x1a\x9cNR\xabi\xef\xd4\x17c\x1f\r\x9f\xcd\xe4\xf2\xa5\x1a\x99cj\xe99R\x89\x1d\x88c\x7f\xe58K\xd5\xee\xc1}lq\x81y\x86\x95\x04A\xb0X\xcaH\x02\xe0H2^\xafW\xa9r\xd5 \x8a3\x17\x1e\x17\xc6\xea\x83]]\xdb\xb3Y2\x97/\xedK\xa7\xd3\xeet:\x96v#XF\x1c\xbb\x9eu\xa944\xd4{X\x93\xa2\xa24Z)\x86\x1a\xd6\x91\xa9;\x1f3\xb1\x1e\xa95TMeNO\x83\xb8X\x109\x16P\x1c\x15\x0e\xa3\x93\x91\xa5=C\xc5\x14,N\xf1\x02\n1\xd1\x90h#\xf2\x02J\x18\'K\x0b\x90\xeba\xa1p\xcf\xd6\n\xb9\x10\xc4\xd3\xbe\xa3\x07\x8f\xa6\xdd\x07\xddV79\x0bQ\xc4\xb1\x7f\x02. \x99\xedfD\x94\xba\x14\xa1\x96\xc1\xe040o}v\x7f\xf6\xa3\xb1?\xe6r\x99\xe9\x1a\x1d\'Iz=!\x80\x0b\xa2\xe9\x19\x16\x19\x08G\x15\x05\xb58\xb8\xabb\xd7\x85\xe9\x94*Y\x10*Q3\x16c\xa2A\xfb\x88RR\x95DY_B.\xbe\r\xd3_\x8cw\x91\xb7\xfa\x80\x95\x06\x13\xf5\xfc\x1d\x84fV\xcdB@2\x99Lv\x07u)\xe2_\x98\xb5\x0c\x14FO\xc3\x8f\xaf\xdd\xfdx\x96\xc4\xca\xcfA,d\x92@2P\xbe\x13\x17\x8b\xa2\xc8$\x91\xc0\xb6\xffV\xc5\xef\xe7VT\x11\x02\x19\xcb"\xb1}\xb5W0\xb5D!\x99\x12x=**\x93k\xf8Zt\xa0\xb5;{\x06\\o\xa6\x0fZ\x91\x80\xacI\xf2\x14q\xb1a\x82\xcdP\xdb\x11?\x85\x19\x9e\xb8H\xad\xa6#\xbf\x98\x9d\x1d;\x9b#\xc3sz\xbca\x9e\xbdw\xe2b\x05\x92\x15WY\xcb\x00\xd4\x81d\xc5\x1a@I*\xed\xb2\xa8\x95P\xf6={F\x82\xebPgJ\xf9\xdc\xcc\xc4\xe3\xfb\x95\'\xa3\xe1nj\x89\x02\xd6\xa9Z:\xb0\x82bEM\xa5T8\x91\x8bdt@5Rm\xa0fJ\xa7\x93am=rYs\x16\xc4\x12\xf5\xcc\x1d\xda\xd0L\xc3D\xd3\x06\x0b\xa6X\xa1\xaaR\x99I\xab\r\x8c\x89\x95_\xed\x05\x94\x8bXvB\xae\\\xe6\xd7Ia\xc9\xc9h\xe2\n\xf4:}\xfaMR\x08G55\xbaY4M\xa0\xaa5\xe1\x11\x9c\xd6h\xd5\xb0\x98XFO\xbdm\xe3a8\xebl.\x93y\x80I\x1a\xbf\x95\x9cEF\x16\x17\x0fCd\x1c_~\nX\x80b\xfb\x94\x05\x12\x04\x86\xab\tG\xcf\xaa4osr)\x9fYH\x82\x9f_\xf5Z$\xd6G\xe6:\xf5F-\x19\x07)\xc7\xaco\xa5\xc8Q\x9d\xb7*L1\x83\x81\xc5\x90Z\x01m\xd1\xefm\xbe7\xac\x89\x85P\xc1?O\xc5\x12\xf8gI&amp;&gt;\x1bR\x85T~\xa2\\o\xd9\x9f\xe7w\x12X\xe9\xe2\xe5\xe4BQ\xb5\x90\xf8\xdc\xf2M\xfe\xb0\x8f,\xff\x06B\x04\xa7;\r\x14D\x9a\x0b\t\x0b:\x99\xecF\x83\xa1l6\xa7\x19K\xaf\x1f\xae\x93\xf5\xab\xef\x872\x99\xcc\x82\xaa\xd3\xb1t[\xcc+\xcd\xe8\xcc\xecO9\xf0\x90\xb0\xc4\xe7!\xa4\xb2\xed\xcb\xa4dM\x08*T\xcb*O\x89\xac\xa7\xa9\xe9\xe5\x1f\x050\xcf\x1c\xb4jXf3t!C\xd5\xd2\xfc\xd3h2\xdaQ\xb5\xca\\F\x87=\xe0_\xbf\x92\x97u\xdc\xda\xe9&lt;\xc4\xd2\xebd\x12\x8b\xfdv\xed\xc8\xfc3G?\xe3\xa8\x90\x16\x1f/\xd6\x06A,G\xd5"\xb2E\x07\xceTF\xef\xaf\xae\xd6\xe9\x96TS\x89EH\xab6\xef\xf1"\x075\xb9\xe0/\x90\x19\x9d\xa8U\x8a\xe2Eu\xb7\xe3\x1bF\x03\x9a\xd3\xe8p\x1dxu9\x9c\xac\x93\xf5j1\xbf\xa0\xa2HQ-*\x97\x07\x1c\x88\xe7\x17\x8f\xcd/\xea#T\x90\xa2\xb4\x8f\xf4\xac.\xb07\x834\xc6\x06\x18\x82e\xed\xc9\xc3\x9f\x1f?\xfc\xa2\xbeZ\xaf\r&lt;\xa9[\xb9a\xa7\x1d\x966\xd4\xb2\xc6x\x9a\x8dQ\xb6\x8cf{}\xbdGkC7\x82\xc9\x1b\xe88\xf0\x83*\x1dJfuu\xb5N\xcf\xcf\xcdq:P\x89\x1c"\xa0R\xfe?-^&lt;3\xf5s\xe6\xa9(\xd7wA\x9br\x98\xc3he#\n\x16VP\xf85S\xf7\xbf\xbc{\xfc\xf8\xf1\xcfG\xabe\x9c\x9d\xea\xcaY\xac\xe7\xff\xde\xc5\x19\xac4\x0eEa\xb8\xed\xbdI\x0b\x837\x95jc\xc0I\x07\xc6A\xd0\xcc,\x06\x05q!\xdd\x0c\x85\x12p3Xte\xb1O \x16\x99\xc5&lt;B\x06f\xe1\xae\x0bW\x81\xacf\x1f\\8\x9bB\x17]\xf4\r\x92ltS\xea#\xcc\x7f\xceMl\x9d\x83\x86z[\xf5\xcb\xff\x9fs\xee\xb9Bm~\xbe\xec|\xdc"*\x12\xec\x13\xb6\x1e\x8c\xed\x07\x07l!\x9e\xd8j\x1d\xf4o\xcfO\xea.\xee\x03PJ\x19\xb6\xd8t\xcd\xbb\xe6\r\t\xc0\r}-\x8f\xea\xff\xa1M\xa4R\xac\xea:4j\xf9h\x83\xc7^M\xed&lt;&gt;%sb\x9a\xcf\x8344%q\xe1\x02?\xa5\x14\x95\xbd\xf6\xe9a\x8b\xadj\xb5\xf4\x1b\xf6\xc1\xc5h\x90\xab3\xf8\xd9~_W\xc4\xe4\x82\xcaR\x96\x8b\xfb\t\xd3\xec\xdboCU\x19\xab\xc8\x9a\x95\xdd.o\xb2l\xe2rf\xc8\x1f\xf1F\x00\xa80\x9dw\xfdn\xb7\xab\xc1\xd2\x85\t\x18\xc5l.\xcb\xe6m\xec\x9e\xf5[\xf4\xbex\xfa?\x028}\xd1\xa9\x02\xc7\x1d\xb8w{q\xb2m\xc2;\xe5\n\x97x\x94M\xdf\xf1%\x8d\xa2\xf8\xd7\x87:v\x1fv\'\xcf\x9e\xa2,\x97\xca\x95\xbc\xbc\x8d\xea6\xc62\x81\n;A9L\x02\xbf\x08B\x9b\xc7\xf7\x7f\x15\xcf#J@\x03\xfc:\xdb.o\xef\xfe\xf8\x8a\x93E\x07\x1a\xe1l8\x1cv:\xc3\xe1\xf0\xe8\xaa\xdd\xacH@\xd1\x1d\x08\xdb\x12\x82\x9c\x94\xe2.\x19G\xd1s\x14\xbf\x84\xf55\xca\xf5e\x89\x91zo\xb0\xf8\x11-h\xa1&lt;nq\xd2\xf0\x1e\xae\t\x8a\xc5\xa2\x08\xf8\x92&lt;\x9aTUR\x80\x0cXP\xc26\xd6\x8f\xff\x1c\xd1Q\xa7\x7f\xd8\xef\x03i8\xf8y\xf1\x1d\xe6\x91@\xf9v"l\n\xb5\x1e&amp;\xd1\xf8\x191\x99\x8c\xb2\xb0\x81\xf9AV\xb5\x9b4k\xbd\xcd\xae\xd2\xdak\xe4g0C\n\x13?"\xf6\x99(X\tR\xeci\xc7\xd0\xf9e\t\x06\xa3\xbc\xa9\xef\x9f\x9f\x1e\r\x068\xb5\x0en\xaf.\xf6\x1bb\x13\x9b\xae\xa54\x0c\xc1!\xbd\x94\xe9&lt;\xc5\xf1\x08\x11\x8d\xc7\xe3\xc9t\xf4\x12:\x15\x14\x8e\x85[\xa4lVei\xe5h\xba\x9d\xde\x14\xae\xd2\x1c\xabM*;\x90\xaa\xbb\x12~\xc1\x08\xc1\xc2u\x0b\xaf\x13\x8a\xe1@\x06C]d\xff\xd5\xe5\xe5\xd9y{\xbfa\xda\xdcG\xf0\x02\x82\xb2ilQ\xc25\x9c\xf0%N\xd34&amp;\xaa("\xb8Q\xb2\xd8\xdbv\x9aN\xddc\x97q\xb7J\xd6\x8a\\*-\xabR\xcf\xaeX\xb7\x1eR\xcd\xe1\xf7\xfc\xdek`\x89&gt;\xfd {4ma\x94\xa9\x1a\x95\xf6\x12\x9aU\x9c\xe3\x93\xbdF\x8d\x98\xb0hS\xffTT\x7f\xc8,T\xa2\xb3\xc8R\xd2*\x8a\x08)\xd6\x11\xc5i\x82\xc8\xee\xc3&amp;\xa5\r\xf4\xe5\xc9\x86+\xafTt,)\x0b,/\x8c5\xc4\x12(\xc7\</t>
        </is>
      </c>
      <c r="M524" s="3" t="n">
        <v>45492.67652777778</v>
      </c>
    </row>
    <row r="525">
      <c r="A525" t="n">
        <v>1462989</v>
      </c>
      <c r="B525" t="n">
        <v>1962</v>
      </c>
      <c r="C525" t="inlineStr">
        <is>
          <t>Janderson</t>
        </is>
      </c>
      <c r="D525" t="inlineStr">
        <is>
          <t>Janderson</t>
        </is>
      </c>
      <c r="E525" t="inlineStr">
        <is>
          <t>CA</t>
        </is>
      </c>
      <c r="F525" t="inlineStr">
        <is>
          <t>ATA</t>
        </is>
      </c>
      <c r="G525" t="inlineStr">
        <is>
          <t>CA</t>
        </is>
      </c>
      <c r="H525" t="n">
        <v>189</v>
      </c>
      <c r="I525" t="n">
        <v>39</v>
      </c>
      <c r="J525" s="2" t="n">
        <v>36285</v>
      </c>
      <c r="K525" t="inlineStr">
        <is>
          <t>Both</t>
        </is>
      </c>
      <c r="L52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3&lt;/Attrib:Created&gt;\n        &lt;Attrib:ExtId&gt;02c2c624-27ef-4d08-9d3a-f94031ad5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9\x1d\x89\t\x00\x00\x00=tEXtComment\x00xr:d:DAEewil2SDw:3020,j:132128797826084244,t:23080301\xdf6#\xa2\x00\x00\x00\tpHYs\x00\x00\x0e\xc4\x00\x00\x0e\xc4\x01\x95+\x0e\x1b\x00\x00\x03\x00PLTE\xff\xff\xff\x1c\x0c\x0c\x1b\x1e)&amp;*7#(4\x19\x1a% $0\xff\xfe\xfe\xf6\xf7\xfb\xf6\xf9\xfc$%1\x1d".\x1e ,\xf7\xfb\xfc\x1a\x16\x1b\x1c\x18\x1e\xfb\xfc\xfc\xf9\xfa\xfc&amp;\'4\xdc\x8bd\x16\x17\x1f\xd6\x86_\xc9vL\x1f\x1b \x12\x11\x17\xe0\x90g\xdc\x89_\xd2\x80Y\xd5\x81Z\x16\x13\x18\xccxP\xd9\x88a\xdd\x8eg!\x1f%\xcf{S)-;\xfe\xfe\xfd"\x0e\x0c\xf4\xf6\xf9\xd2~T\xd7\x85Z%\x13\x12\xd8\x8bd\xc4jB##,\xbae=\x1e\x11\x11\xf2\xa6\x8a*+8*\x12\x0e-/=\xf0\xa3\x88\xf3\xf4\xf8\x85\x88\x8f\xd8\x8bj\xdf\x96t\xed\x9f\x84(+6\xed\x9c~\xd1{N\xe3\x92l\xe3\x95v\xc3nH\xce~W\xc9lE\xcbzU\xea\x91m\xda\x8fl\xc3sN\xf4\xae\x96\xe4\x9by\xd7\x82_\xdc\x92n\xe5\x99t\xe4\x94p\x18\x08\x08\xc5qH\xe0\x90m\xf1\xf2\xf5\xe0\x8bi\xdb\x82[\xf1\xaa\x90\xc0lF\xea\x99y6\x18\x11\xd5\x81T\xbejA\xec\x94s\xc7vR\xf2\xa9\x97\xed\xee\xf0\xe5\x9b\x80\xc0g&gt;\xe1\x8bc\xd7vM\xdf\x99z\xcc\x7f]\xbahH\xc5yX\xd0\x84`\xf9\xf7\xf6\xd0\x8f|\xe3\x85_\xf0\xa2\x8f\xb5c&gt;\xbftT\xde\x9b\x8a\xcflD\x08\x04\x05\xb3]:\xe4\x8cl\xde\x8fsG!\x16\xcarG\xc8qL"\x17\x17\xe7\x8be\xd6sG\xdb\xdc\xdf\xc4a:\x93P;\xf4\xae\x9f\xe3\xe3\xe4\xcfuL\xa4V8\xd5|X\xd6zRY*\x1bl4!\xceqG\xe9\xa0\x82\xafmW\xdd\x84`+\x1a\x18Q#\x16\xe1\x81Y\xd6\x90n\xe8\xe9\xeb=\x1b\x13\xbfmM\xb3fJ\xd4\x8ci\xd3\x87e\x9eR4\x9aWB\xe6\x95|0\x14\x0f\x96L/\xb7`D\x84E0y=\'\xf3\xa0\x84\xdc{Q\xad]A\xa5[A//5\xd4\xd5\xd7\xd7\x97\x85\xdc}X\xe8\xa2\x8a\xe0\xa1\x93\x8cJ4\xda\x93t`3\'\xbd\xbe\xbf\xe7\x99\x8b\x12\x0c\x0fv5\x1fhcdc,\x19\xc9~oUY^AEL\xb4\xb6\xb8\xabX8\xe3\x8fx\x8b\x8e\x93N-%\xea\xa6\x92\xce\x82elquz{~24?\xbakS\xacdDJOS\xa4jW\xde\x91\x81\xc9|e9&lt;B\xcaf&gt;\x8dE*\xa7\xaa\xad\xb0\xad\xae\xd1\x84u\x85=\'\xcfrR\xf4\xe8\xe5\xf0\x99y\xbd}j\xdd\x86r\xabbN\xa0\xa0\xa2\xb6sY\xcd\xcf\xd1\x8fZJ\xd5\x7fh\x97\x96\x98\xef\x9a\x8f\xc3\xc7\xca\x97bRwC2\xc6nV\xb2vd\xed\xdb\xd4\xd8\x8cy\xe2\xcd\xc2g=3\xc1}b\xde\x82h\xf7\xf1\xef\xa3_J\xd8\xb4\xa8\xbdta\xc0eF\xc8\x88n&gt;.,0%&amp;\x81O@\xcf\xae\x9d\xe7\xac\x9dF75\xdf\xc1\xb3\xf4\xa1\x9d\xd0\xa3\x92\xca\x99\x84O&gt;=\x82\x83\x87cOK\xc5\x8bx\xcdq`9!\x1d\xfa\xb9\xac\x97\x8d\x8a\xd4\xd0\xcf\xca\xc6\xc4\x84VI\xd5\xc2\xb3\xe7\x8a\x83\xc1R3\xba\x9d\x8f}ol\xb1\x7fn\x99ug\xb7\x92v\xaaE(\xda\xa3\x14\xef\x00\x00 \x00IDATx\xda\xcc\x99\xffO\x13y\x1a\xc7\xe9O\xfcZB\xd0,4\xd4\x90N\xca\xd8\xb4\xa4\xc1@\x83\x14+\n\x9c\x05\xa4J\x15\x85\xf2u\x81+\x92\xba-\x08(\xfd6E\xa6hu\xa9W\xe8\xb8\x10\x01k\x89\xb4w\x91K1Dc6p\x04\xe3FVBr=\x7f`sf\x1b \xe9\x0fW1\x04\xf0\x92\xc3M\xeey\xa6p\xf7\x07\\\x8b\xf7\xa6\x9dv\xa6\x93\xcc+\xef\xe7=\xcf\xe7iIH\xf8\x9f%`\xc5\x05\xe1k\x82 \xe1\xffB\x02\xee\x89\xea\xdeG\xefv\x17\x16\x9e\xed&gt;z\xd4]\x9d\x84\\_\x97\rL:\xd1\xbb\xbb\xf4\xd1\xb7\x19^[[_\x0bG"\x9b\xb3\xcfz\xcf\xb3\xae}5\xa6\x84\x84\xa4\xde\xc9%_d\xbd\xb3S\xc2\x91t\xd2$)\x91H\xc8\xb5\xcd\x95\xc9\xeej\xeeW\xab\xa6\x80\xdb\xfd\x17_\x18\x98:%\x12xH8\xa5\xa5\xa5\x1c\x0eGB\xae\x87\xd13\xee\xd7pL H\xea]\xf0\xad\xd1\x9d\xf4\xd1\xa3\x9d\x12\xb4\x0b\x05\\O9\x12\x82 \xe9\xb0o\xe1.\xf7\xf0\xa9\x9a\xef&gt;\x03(\xba\xb3\x93F\xb7\xd8*\xb2`O\xd9-\x82Efw\xcf\x0b\x0e\xd9\xaa\xea\xc9\xbd0\xcd\x96\x0e\x98\xc0.\xa0b\x8b\xf8\x14\xfc"\xa0\x90PJz}\xf3p\r\x13$u\xafD\xa0|\x98)\x14}\x14\xcd"I\x82\r\x17&lt;\x086bdgd{\xa7\xf9\xf0\x0ck\x9e\x84\xfa\xc1U\xa3Q\xefd3\xcf\xe1\x904M"O\xb4\x9a\xa5\x1c\xb8/\xe95\xdfB\xf5\xe1$\x1f\n\xb8\xb0\xb9\x0eT\x04\x0b\x05\x14\xf0J\x827\x88\x85GI\x12\xa1J%\xd0-Hz+\xb2R-8\x14\xaa\xde\xed0\xc4\x9c$\x08\x02\xf3\x14-\x17\xf2\x90`\x96\xda\xe1\x92"\x15\x88 Y.:\xbc\xdd{\x08\\\xdc\xde\xed50\x82\xb3\xafh\x968,\x18M\x10j}`\x8b\x84ha\xc6\x00\x0b\x9eR\xe9\xdavwR\xfc;\xe8\xec\x1a\xc1^7\xda;K\xc13\xd8E\xabh\xb5\xda\xa1\x0f\x00\xd6\xfe!6oR\x02\xb8\xf6v\xe2\x9c/\xc1\xdd\xd9-\xa8\x1eQz\x80\x05\x1d\n\xd3\x04XR\x97\xc3\xea\xb5;\xd4\xb4\x94`\x05\x15D\\\xc0\x92n\xed\xc5\xb7\x8e\x82\xf3KkpU\xa9\x94\xed\xe7\xa5\xacM@\x04\x92\xba\x80*\x18\xf4\xea\x1dj\xe0p\xb9\xa4R(\x1f"\xe1\xd9\xe4\xd6\xdeNR&lt;[\xfb\xb3\x088C\xa8\xe1\xd2\x9cRR\xeaRKI\x97K\xedp\xa8a\xab\xf7\xbb=A\xcak\xd5\xb3{ 8\xac\x86\xb7R\x17\xfa\xe5\xdb\xe1\xc6/X\xbb\x9b$\xa6\xc5\xe1p\xe8\xe1r\x0e\xbd\xde\xe1R\xdb\xfd\x0cCQ\x14\xe3\xbe\xe9\x1cb\xa6\x187C\xf9\xadV\xbf\xdfo\xb5\xb3\x82S\x90\x8b\xde\xeb\xe6\xc6\xab5&lt;\xf2\xc1\xed\xe6\x92\xaa\xf5v\xab\xd5\x0e\x1b\n\x10\xa6\xe6M\xdaa\xb1V\xab})\xd6\xeaL\xce\xe9\xe1a\x9dn\x1ad\x1aZDQp"\xd8\x07~\xcdv\xc7\'\xf7\x82\xea\x8f4!\xa5\xb7\xf4z\xab\x9fb\xa6\xa6\x98\xa1i@\xd0\xf5\xb4w\x81l\x06\x91B\xa1\x98kgw\xbal\xed6EhX\x0c\x80CS\x14\x05uuI\x89\xf5\xed\xf8,\xdc\x82\xdd\x08\x87\x00\xab\xa0B\xd4\xa2\xd3d\xd2i\xdaQ,GW\x1d\xc2D\xdfv\x19\x01\xab\xbd]\xd1\x83\xd2M;\x17\xa7\xfcv\xf4+\x12\x976!\xa8\x9e\xa5\tH\xb6\x95\xa2\xa6\xe6\xa7\xc5\x9a\x9e\xb9\xffBu\xd5\xfdp\xa0:V]\xf0\xd1\x1c\xcb\xa5\x11\xebL\x1e\n\xecr\xad/\xc5\x03\x8b\xbb\x1b\x01\xaf\x1cv\xff\xd4\xa2S\xa7\x11\xcd\xcd)\xa2Puu? \xd4@T,\x9a\xa5\xae\xee\xf5\x01V\x8f\xa6G&lt;\xe2\xb6\x02\x17\xbd\x17\x87U[p~\x855\x0b2&gt;\x12\x12\x89D\xfb^\x01\xd1\xf8\xf8\xc0@k+&lt;n\xdc\xb8\xd1\x8ad\xe3\xe3`ZW\xfb\xdc&gt;WO\x8f\xd6\xc9\xc0\x9dK\x84w\xe3\x80\xd5\xeb\x03\xb3\xd4v\xc6\xa9\xbd,\x9aS(\xda\xe1\xcf\x86P\xc0\xd3Z{\x03UX\x18\xe5\x02\x8dC1\xd1/\x11\xa0\xcd\xf5\x88\xa7\xa3vm\xc7|\xf8\x12\x08\xde\x85\t\xf5\x96\xda\xee\x1e\xd1\x8a\xe1\xa6\xb3A\xaam\x96qp\xaa\xb5\xf6zaa\xa1\xb2\x10\xb5\xefW\x7f\xeb\x80j\xdcRgS\x00\xfe\x9cH\xd4#\xd6y(=\xb4\xde?u\xc7\x1c+i\x81&amp;\xa1\x81z\x87tb\x8d\xc2`0\xd8l\xb6:\x8bJ\xd5\x9fZ\x9b\x9f\x9f_XUUYYUU\xc5\xfa\xc5*U\x05\x86\xd9\xa0g\x18\x14\xa29\x8d\xd6\xc4\x00\x16V1\xd6\x81o\xde\x86\xd5\xcd\x11`L`\x96\x01\xb1\x8c\x16\x0bBU\xe4+\x95\xe7\xceUV\xe6\xe5\xe5\xbd\xa9\xacB\xcb\xae\xdf\xa8\xad\xad\xadH\xee\x1f\xaf3\x02\x97\x01\xb84\xdai\xc6\xee\x80\xd65\xc9\x8dy\xe2\xf7\x08R\xea\xb0\xba\x0f\xb0\x8cu\x16^\x7f\xf27\xf9r$\x92\xc9\x1e\xcadyo\xde\xbc\xa9D)\xcb+\xae\x97W$\xab\xa0\x8c\xc0e\x03,\xf1\xf4\xa2\x15\xb0\xe8\x85$A\x8c\xa3U\x8d\x89\xd7{=\xd3\xda\xcbe\x06\x1b`Y.\xa9\x92\xcb\xe5\xc55}}\xb2\xec\xac\x0bYY\xd9yhX\x9e,\xaf\xf2\x1cp\x95\x97W\xf4\xab,F\x9b\xcdp\x80\xa5w\x11\xe4\xca\x89\xd8cI]z\xab\xd73"\xbeh0\x1amF\xa303\xf5X\xb9\xbc\xa6\xa6F\x96u\x01\x94\x95\xfd\x10\x1d\x93\xc9d\x95\xe7\xe4\x7f\x06\xb7\x00\xcb|\xd2h4b\x11\xc5\xbay?\x86\xebc\xac\xe7\xfa\xc4\xbf\xfbp\x89\xf6C\xe2\x0b\x0cG\x8c\xc6\x93\x19i\x99\xa9\xe0\xd6\x1fj\xc0\xac(\x16+ \xabT*\x95`V-\x9f\xcf\x13Z,\'\x81K\xa3\xd1\rQ\x10.\x8e/\xe6\xe3`\xb5\x0f\xeeC;5\x0454\xa6\x9f&lt;)\x14\xf2J2S\xcb\xe5X\xc5\xec\x89\x89,\x10@ee\xa3Y\xf9\xd7+*j\xfb\xfb\xfbKxB\xb3\xd9\x02\x95\x14\x01\x16c\xd5\xab\x89\xc8\xa3\x18\x171\xf1\xee\xa6\x1aF\x87\xa9!q\x99\xc1(\x14\n\xd3xi\xbc\x12&gt;b\x15\xf7\xa1KYQ\xb7\xb0\x8eUx/\x0e\x0c\xa8x\xbc4\xc02\x9b3^+Db\xe7\xa2\xdf\xeep\x85c\xbcZ\x0b\x04\xdd\x9b`\x96\x95qB\xe0\xd3O\x99y&lt;\x16\xab\xe2;\xb9\xbc\x12\xf2\x84X,\x97,\x1b\xb1\xa0}\xb5\xaaT\xe3h\x16\x9ch\x06\xac\xcb\xa6y\x98o\\\xe1w1\xc6J\xdc\x89\xe8\xed0\x88:\xb5\x05G\xd23x))p\xbd\x94(\x166\x88\xec\xfd\x1a\x82_y\xd8\xbd\xaec\xe0\x85Bs\t\x88\x07X!\xad\t\xed\n\xefrc\xec\xd6nX\x0f\xb30L4\x80\x95V\x02X\x99)\xfc\xe4\n\xa5\x1c:i%\x8b%{\x98\x85`\x0fe\xd8\xbc\x94\xf9\xc0uIh\xe6!\x16\x84\xfeb\x08\x96k\xab~m2\xd6X\x0b\x01\x98\xffp\x9d\xbeX\x96\xc1C,\x1e\xffx\xf27J9\xb6\xf7\x87\xfb5\x8cn\xb1\x7f\xe5\xc9\xf3kS33\xa1\xcep?\x1a\r\x86\x02Qh\xd8I\xc5\x01k;\x00\x93\x96s\xe4rYYG\x06/\r\xc5?v,\xb7\x18\x93\x85^\xb1DY\xff\xe9\x14\xb2\xbcs\xf9\x15\xc9\xfc\x94\x14&gt;\xbf\x1f\xb1:\xa0\x8e#\x8c=\x1cc\xac\x84\x84\xed\x80\x95\x82\xa6u\xb1\xac\xe3H\x060\xf1x%\xc7\xcf\xe4b\x8fG&amp;\xa0\xb9z\x81})**B\xb6\xdf\xcbj\xe4\xdf\x95\'\xf3KJT*\xb3\xd1f\xc0AB\xeb\xf1Fv\xe3\x805\xe5\x14\x8b/v@\xe2\x81*3\x05\xa8\xeak&amp;&amp;&amp;\x80\x04a\x8aX\xa4\xa8\xae^\x9d\x99\x99\xa8\xa9\xcf\xfd]\xce`\x89\x99g6\xc2 \x81\xa9\xbfI\x05\x9e%\xc5\x1e\x8b\x81\t\x9e\xc5\xca\x10^J\xe1\xdfyR_\x7fmbbf\xa6\xe8VQ\xd1\xad[\x07H\xb7\xa2T\x8f\xaf]\x1b\x1b{\xf2$\x07"\x0fX"\x11\xae@N&amp;\xb0\xd0\x1c\xe3l\xad\x04\xfc\x8b:\x8d&amp;\x04X\xe9\x19\xd0\xe2\x07\xef\xb4\xb4\xb4|j\xf9\xc7\xd8\xd8\xe3\xc7WY\xa0\x03\xb7\xae\xce\\k\xf9\xf4\xe5\xfd\xfb/_~\xfa\xe3\xf3\x1f\x7fl0\xbf6\xa0[q\xc1J\\\n\xf8\xe7ub1`\x19\xd3O54\xfd\xfa\xf3\xedW\xaf\x96?\x7f^^~\xf5\xfe\xd3\xd8\xcc\x05Vl\xbaffZ\xde\xffucu\xd5\xeb\xf5\xaen,/?\xf8p\xffo\x1d\x1d\x1d\x05\xd0\xe9ML`)\xd6nM\xaeR\x805\x1c2\x1e9r\xe5\xc5\x87\x8d\x8d\xe0\xaa7\xa0\xd7\xeb\x03\xde\xd5\xe0\x83_\xea\'\xd8^\x8a\x8dbfb\xec\xa7\xe5 \xfe\x14\x81?\t\xc0\xc7T\xf0\xe6H\x08\xc0\x00+\xe8\x8d5V\xe2\xce\x06b\xe9B@u\xdf\rNX\x03\x0e\xf8v\x16\x80\xaf\xfd\x94\xe7\xed\xf3\xdc\xe2\xbe&gt;lW}}}5-\xb7o\xba\x83\x14\x9c\x82O/\xb5\xea\xa5\x98\xa1F\xc0\xd2\x98\x18o\xcc\xb3\xd5\xfb\x99\x19\xd2\x02V\xc7\x95\x97\x8b~/\x13\x0c\xae\x06\x83n\xb7\xc7\xe3\xf6\xdc\x1c\xbd\xdf\x94\x93\x9b\x8b\x93sqqq\xfd\x93\xe7m/GM\xa6\xd1\x97oo\xa3\xde~x\xe0Y\x9c7\xdd+@\xac\xd5\x98\xb7\xd3\xea\xdf\x82N\xad\x16\xa6\xad\xc6\xa1E\xcf\x83\x0f\xb7o\xff\xfc\xeb/MW\xda\x1a\xe1\xd8p\xe3Y\xe8\xad\xe5\xb9r\xb9&lt;\xf7LN\xca\xe9{\x8d\xd0H\xce65\x0c~\xff\xfd\x9d;\x83\r\xa7\xdb\xee\x8f\x9a\x1a\x0b`\xb9f6vb\xdc\xb7\x04\xcd\xff\n\x82[b\xd1\xd9\xc6\xd1\x97mM\xa7J\x06srr\xf8%\rW\xee5\x0e\x0f\xeb4\x1d\xe6de1L\xaa\xc5gR\x84\x1d!q\x08\xa8\x9aN74&lt;\x1f|\xfe\xed\xa9\xf4\xf4\xd3Mm\xf7\n\n.O\xbb\x7f\xeb\x15\x08\x12c\xfb\x1f\x9e\x7fn\x00\x96Ft\xb6\xa9\xad\xed\xca\xd9\xf4\xb4o\x1b\xe0\xcd\x8b\x17oGGG\x86C\xa1\x0esEq\x1f,C}\xca\xe3i\xff\xa6\xd5l\x7f\xd2\xca\xb38\xdew\xbe5!\x92\x88\x06\x8d1\xa1)q\x9b\x89\x89s#x\x15K\xbd\xad\x81\xc0\xe0\xc8Cx\xa8XQ\xac+\x8c\xc4\x06\x0c\x0f;*[7\x0b-\x10\xf0\x01\x12@f\xe22\xc3\x0b\x89\xf5\x05M%\x9a (\xa4)\x99X\n**mRg\rMZ\xdb\xcd\xa6\xb1i\xc7=\xd7N\xf6/\xb8=\xafx\xcc\xfdp~\xe7w~\xdf\xef\xb9\x90\xe9p\x00\xc2\xcbv{,f\xb7\xdb\x95l\x9d\x8e\xc5b\xb1Q\xc1\xa8\xe1\xe3A\xe5\xc1A#\x91X\x95\xff}\xe5P\xcbp,\xb6\x00E\xd9J\xbb\xf7\xf0\xf0\xd0\xf9\xd4`\x08\xb9M\x1eT\x8cq\xbb\xc0`l\x89\x98\xa4\xaav\xd4cr\x87\x0c\x06\x83\xf30s\xe83\xc19\x8a\x92Y\xedbT\xa0v~\xdc=J,\xa6\x08\xcbWej7\xff\xf1\x99A-\xa3s\xc4,\xc0\xb2\xf9\xdcn\xc3\xec\xde\xde\xca\xca\xde\xde,p\xd9X\x18\x8f\xc9\x04\xfb:&gt;H\xa9\xaba{\xdd\xa1\xd9\xbd7+\xefV~\x9e\x0b\xb9\x1d\x8ee%Jm\xc0\xb1\x0e?}\xf2\xeas\'\x03\x04q5\xa6\xca\xd3\x8fwp,\x19\x87L\xe5\x08\x94&gt;|\x14\xb9\xf2\xee\xdd\xbf\xfe\xf2\xef_&gt;\xef\xccn\xd8\xfbj1\x8a\x1c\x17\xa5\x01\x0b\xad\x01u\xcc\xbe\xda\xf9\xe5\xcd\xdf\xff\xfa\xcd\xbb\xbd\x9f/\xc6\x85t#U\x87\n\xd5\x0e\xc3\xb9&gt;\xa9\x8f\x10\x94\xae\x8a\xca\xddX\xc7\xe8\xc6\\H-\x13\xd29dT\xe8\xdd\x08\xffz\xefo{+\xff\xfc\xe6\xfb7\xff\xf9\xe3qh\xd3\xc72\x9b\xf9\xe3 \x96\x07\x03\xe0\xf0G76\x9d\x9f&gt;\xef\xfd\xf0\xfd\xca\xb3\xa7\xcf\xee\xdd\xc3\xa7a\xb8\xe7\x07,\xb7^\x11\xd0\xe7\x08\xc2j\x1c(\x9f\xebX\xa3\x1b!\xb5\x90\xde\xc1\xa1\x0bG\x1d\x1b\xe1px\xf6\xe9\xd3W\xb3\xa1\x9d\xe7\xa5X\xc6\xa4F\x8d\x96\xc1\xce\x8bE\xb4\x8c\xe8G\x1d\xbeL\xa9\x94q\xbe\xday\x9c\xf1\xb976\xdc\xa6Q\x19\x9c\xd6Mj\xc7\xb2\x91o\xbdK\x14V\xc5\xc1\xdbs#\x96\xf4\x82\x19\x93\xd1q/\xba\xbcl2\xd9c\xa5\xed\xedR\x0c6c,\xe3\x11t\x18\x17\xe4\x17Xr\xfe\xddu\xbd\xda\x03\x9b0V*\xbd|\x19\xef\xb7)G\xf1\x19\xcfd\x87\xacI\xbd,\xe0\x0f\x8e+\x92y\x82j+U:\xeb\xbd\x86\xd9L\xf8N\xe4\xd0\x05B\x8f\xc7c\xb7\xf5\xc7A\x1d\xd8&lt;x\x08t\x93\x16~\xf5\xc5\xc0fpfad]\xd6\xe4\xf1x=\xca\\|u\x95\xa5C\x05J%\x88G\\B\xa8\x1b(\xf2qEG\xbe\x91\xa0\x8a\x7fqF\xb9yE\xfc\x08\xef[ \x9a\xf1\x0b)m\xec\x9cM\xa9\xf4(m\xb9\\2\xa9P\x04\xac\xd5\x9d\x7fb)FF::\xd0\x17\xf8{\xb6\x9cN\x9c\xa4\x8am\xa8\x80N\xa7\x0b\x85\xca\x1a\n\xb3{AG\x14V\xfeL/\xef\xa9o\x873\xa5I(\x84\xf6`\xb3\xb1\xc5b].\xd7\xdf\xb7\xba\xfa\xe06\xc6\xb7(,\x01\xa8x\x11\xc48`M\xdeU(\x92\xc9~\xbc\xc9?\xa8\xab\xc3\xb2\xd8\xa9X \x94\xc9\xe0\xab\x9c\x0e\xca\xcd\xf1,1X\x15\x95\xf9\xb3u\xa6\x88$\xfe\x82\x05?:\xc7j\xaf\xc1\xae\xb4\xb4\\\xe3j\xeaI$\xb95`\xb1\x04f\xc6E[\x10"\x1e@*\x14\x0b\x01\xb3\xc5\x8c\x81c\xe3\xd5\xd7\xf3\x8aX\x9f\x0e\xb0\x9a\x846\x9d^q\xb3\xe7V\x8a\xa8l\xbdP\xf4h\xd6\xcfG\xff\xc4\x82\xe6\t\x1e\x91\xcb\xe525\x10L&amp;\xa9\xd6\x1c\xe0\x0fvnm\xcd\xcfomu\x92\xf8\x96\x05&gt;\x9fb\xe5\x07\xcc\x81\x00\xfe`\xd0J\xc2\xa8t\x19p\xb11E\xa0{j1EP\x93O\xbd|\xe0\xc2\xce\xce=j\x9cK&amp;\x10\xd7`V\xabu|\xbc\x9a\xa9\xe9\x14\x81W\xe5Z\xcdf+O\xd4:\x0f\xf1%]|f\x8f\xab[\xc3\xfb2\xdf\x05\xae\xa2Y\x07\xc5\xd5\xc4\xbe\xc2\x93k\xda~? \x08\xeb\xe0\xa8\xc0S\xe8\xd1\xfe&amp;u\x93\x90.\xe0\xb4WY\x8b\xd6A\xe8\x9e\xdd"\xb0\x89A\xa4\rK\x9a\xad\x9a\x9e\xf9\xabW\xe7\xe7[E\xbc\xc0\xe4H\x92\x87\x0c5#\xaeN\xcd\xc5$u\xc6Z\xc4\x92\xe0`e\xaco\xbb\xba\x07\x8b\x8b\x04aAq\xf9\x15\xeb\xc9\x96\xdbB\xc0BQjm\x1d8y\xbcM\x01\x14\xa8wi69\x99\xc4\xb8=W\xc1^\x0c\xcd\xf7h\x02P\xf0\xe6\xe8\x10\x04\xd2\x83\xb72\xd8\x9dV\xb0?cta_W\x97&amp;`\xf1\x13\xb5\x88\x8d\xa9\xc2\xba\xfeT{\x83\r\xf2\x0eEYU\xa4j\xa8)\xa8\xf0\xd6\xe6\xab\xd7%A\xad\xd9b1\x17\xa3\xc8\xf5\x89\xf7\x13\x13\x12\xc4\xc5\xb3\xce\x04\x02E\x172$\x91\x0c\xc1\xa2\xe2]\xc3\xca7S\xc7Pa\xdf\xad\xb6\x99\x91\x11U\x8a\xb0\xa3:qv\x96l\xf9\xc7\xb0P\x88rt\xedU\xf5\x9a(&gt;\x0f\x99o\xfe\xee\xba\x04\x89\x16\xadE\x9e&amp;\xba44\xf1\x1ebB\xd2&lt;\xd5#\xea\xe4\x15\xb5m\xadC\x12x\x86\xab\x9dN\x1e\x8e\xd5!\\]\x94*\xce\xd6\t\xc4z{v6\xf2\x93j\xb8I\xc8\xa1Rk\xaep\xbb]Hss3~Y\xa96[\xd4\xba\x10$\xf8P\xf2\xfe"$\x08\x94U\xd0\x95Nk\xe1C\xf0\x81\xa1\xdf\xe6\x91\x1e\x8d\x95\xdf@\xe6\x08\xfa\xb2\xc9\xf5\x11s\xf9\x80(\xc1\x95z\x8d\xea;\xd2_\xb0\xda\xab\xb8m\xb0B\xdfI$\x92\x89\xebHK6\x9bv\x05\x1f\x06\x83\xd2 \xbe\x86\x13\x0f\xa5\xd1\xa8ti\xc9\xa5Mky\xbc(p\x01\xd8\x10,,\x9fF\xe6\xa0b:\xdd\xc2\xbb\x7fD\x14V\xe3Ay\x15Kv\xe4\x048\x16\xad\xee\xdb.i\x10\n\x07\x0c&gt;\x92\xce\xb6\xa4\xd3kk\x85\xc8~\xbc\x10\x84Z\n\xae%\xe2\xb1L,\x9b\xd6F\xb5\xd7\x8aX\x1a\x01x\xc9o\x88Kc\xad\xa1rPV-\x13\t\xfaw+\t\xc2\xaa\x18\xf8\xa0\x92B\x1b\x10@mQ\x1b\xaan\xb4I\xf1l]\x97\\\x15\x15\xb3Zm:\x91sln\xf8J\t\xc0+$\x12\x91\x92w9\x97\x8e\xba\xa2Q-\x86i\x10\xd8\x90\xad.\x97\x86T\xcbb\xb3iL\xe4a\x90\xb0n\x8a\xf7\xf9\xd7\xd2\xa0\x94D\x06,#\xa3\xb6\x9e\xdb\xd6\x8a\\\x0c\xb1D\x90\x956W\xfat\xf9\xdc[\x8aD"\xa7\xa7q\xd5\x1d\x7f\x01\xd65\xea\x82\x88\xa6\xf9V\x8d\x14A\xa2i.\x13\xc7Bk\xc6;{\xa4\xc7\x84\x95\x16(\xae\xa3[]L&gt;\x8eE6\xd2\xeax\xddm\x17wQD=SH\xabtJ\x1aM\'\x12k\xfe;k\x89D\xe1\xce\xa2\xbfP\xd0F/\xb0\\mE3_\x03\xa9*\xf2\xe4\x94\x1a\xc8V\x1d\xe8\xd7\xc5&lt;\x81\xf7}\x1a\xf3\xfe\x1br+K \xe0\x8c\x8d1jI&lt;n7\xae\xae:!i\xc8\x142%\x95\xfa\xd7T\xfe\xc5;K\x0f\x97\xd6T\xaaH$\x8b\xd7\x16\x98Y-\x17\xb3\xf0y\x1aM\xd1ZKk\x10\xb3\x87[\xda\xba\xef\xe4\x07\x08\xbc\x87Q1p|\xbf\xba\xba\xfd\x02\x8b\xdcP[U\xa7\xe9\xec\x96\x0f2[\x91)`Z+$"\xdb\xdb\xcf\x9f?Q-\xaa\xa6\xa7\xb7K\xd3\xb1\xd8p&lt;\xdbR(\xb4\xb4\xf0\xcc\xc9\x00(V3\x83\xd1@\x15\xaf\xfa\xfd\xbf\xe7++\x88\xf4\xaf\x97RG\xb7n\xf4\xa3(\x87\x0cA\xab\xc1\xe4\xd5\xf2@-\x13\x12\xf2\x93\xeae)f\xcf\x1c:\r!\xe7\xb6\xaad0&lt;\x06s\xe8\xf4\xd9c\xb8z\x8d\xb7&lt;\xd0%g@\xf8\xe0X}G\xa9\x14h\x1aB\xa9\xe0\xbc\xce\x9f\xbc\x1d\xe6\x80!#\x8f\x19\x8d\x16\x8a\x9co\xac\xbdv\xedA\x7f\xe9\xc9\xa1\xc9g\x02\xa8\x90!\x13I\xec\x1f\x82iu\x1a\x9c&gt;&lt;2\x99\xe9\xf8}\xd6\x0b3\x7f\x81\xc1`\xd0X\xfd\xbb\xc4:\xfd\xff\xb7\x89|Y&lt;f$\x1b\xc7\xc6&amp;-\x14\x8a\xc2\xd8\xb7\xba\x9fq\x1a\x0c\x1b\x0e\xaf7\xe3\xcc\x94"\x89t\x14:\x04,\xe2a&amp;c\xb7;\xdc\x1b\x9b!\xe7\x93\xe1&amp;\x0b\x1f\x92E\xabam\xe7+\xbe\x02\x15p5\xee\xf6\x8f\x19\x19\x0c\xe3\xe4$\x832cd\xf5=q\xce\xce\xc1\xa5c\xa5x$\x02]\x0bZ\x95k\xe9K\xd1\x9f\xc6\xe31\xdfl\xf8\xc7p\xc84j\x06\xac\xde\xcb\x97YoS_\x07\xab\xb1qWLn`0\xc8\x93c\x0c\xf9 \x83\xf5\xc49\x17\x0e\x1b\xa6\xf7\xe3\xab\xd9l\xa2PH\xa7\x8b\xc5b\x1ao\xa8\x91x\x0e\x0f\xdf\xdc\xaf\xe0\xa9\x1dI~\xaf\xe5\xf2\xe5*Vy\xe0\xd2W\x89\xc6\x8a\xdda2\x8d\xc6`\xe0\xd9\x92S\x87}\x9b\xe1p\xe8Q,\x86;\x1c\xbc\xbeO!"x\x94"\xc3J\xcf\xb2{\xf3\xc7pxn\xd3-\xe6\xd3zA;\xb7\x1fW~%\xacF\xc0\xea\xed\xedeLv0($\xd4kpo\xcc\x85g\r\xce\xccv\xe9\xedk\x95\xaa\\V%\xfc\xc7e\xffb\xf9u\xf9\xf5~\xff\xa3\xd9\x1f\xee\xb9\xbd&amp;\xb7\t\xbb\x0ckH\xa1\xdc&gt;\xfaJ\xffx\xab\xb8\x94\xdf\xc7\xb1z\x8d\x93F\n\xc9\xe30y\xbd\xb3\xf7\xf6v&gt;\xffQ&gt;&gt;&gt;99\xfa\xb0{rr\xf2\xe1\x7f\xb4\xdc{LSY\x1e\x07\xf0\x95\x9d\x8e\x1bb(\nm)\x05Z\x9a\xceJ\xba\xfc\xb3\xd9\x9d^\x1f\xb4M\xd3n\xb7@\xcb$(\xa6C3\xb9\xe5\x16\xe2\x96\xd4\\\x97M\x08\xb2d\xc7\xd8dRR[e}$\xd0\x12\xb0C\x19\x9c\xfa\n\x0f\xa5t\xc8\xa0\xd9\t\x08\xf2rEIG\x99%\xa3\x06%\x0661jf\\\xb3\xdfs\xabf\xfe\x98\x9d\xcc\xcex\x7f\x08)\xa4\x81\x8f\xbf\xdf\xb9\xbf{N\xef\xb9\xc5\xe7\xbd\xd5\xd5\xd5\x17/\x9e\x0f\x7fr\xc2\xedb\x8e36\xd1\xd6\xaa\xdc\x0fr]+\xbcm\xc4\xbb\xbdj\xad\xaa*\xca\xdb\xf9W\xb1\\~\xbc\xa5\xc6\xc4\x1c&gt;1\xfd\x1f\x8e\xb5\xb4\xf2\xf4\xe9\xe2\xe2\xe2\xd2\xbd\xa7\x8bO\xc1\xfa\xe6\x9b\xe7#\xc3\xe7nhh\xd6\xa9-+*\xca\xfd@\x9a\xeb\xe4\x8fU\xbbd\xdd\x8a\x83\xaaj\xe7\x9f\xab\xde\x9b\xb1\x1b\\\xc1\x81K\xedWG\x9e\x83\x01\x0fa\xad&lt;\x86\xec!\xea\xb96~\xf5\xf8\x8d\x19\xb6\x8d\xa2\xb6\x19e\xf2,\xa947\xb9\xa8\xda\xc8S\x153WL\x84U\xb4S\xac,\xdb\xa5\x11\xa95\xc1\x99\x1b\xffZ\xbf\x82\xa3\xaf\xf3J\xe7\xd2\x12\n\xf9t\t\xa3\xecS\x1c\x8d\xeb7\xd6g4\xda6\xad\xd9,*\x82JQ\xb4|\x93?\xd6\xa2\xbb\xe0o$]bq\xd6\x0e\xad\xd1h\xd4\xcc8\xd7\xd7g&amp;\x9e\x91\x88F\xbb\xbb\xeb\xbb\xa3\xe4\xe1\xc4\x973\xffX\x9f\xd0\xb0Z-\xed@\xb2\xa4%\xd2,\xd9*Om\x8b\xf4\xd3/\x96\xc5\xa45V\x15X\xf5\xbbvh-\x16V3\x81i\xf3\xb3\xe8\x83\x03\x0f^\xc7\xdc\xdc\xdc\xb3/gf0?\xc5$\x82\xa6H\xb2\xc02\xdc\xab\xdd\xc8\xd7\xd8R\xd5.\xd9w\xa2\x8cU;\xadb\xc5\x0e\xb3\x85e#l\xe4\xd6\xad\xc4\xb39,{^\xca\x0e\xdc\x9f\x8b\x9e\x9f`\x134\x85\x12\xd2\xb4Q&amp;"5\x141+\xfcmQW\xd5\xae\x98\xc4J\xd2\xba\xc4b\xbd\xd6L\xb1,\x15\x89\xd0\xf5\xf5\x89\xe8\xdc\xebx0\x17\x8dF\xbb\xb0\xe6\xa0\xe96\x8a\x8e\xb80\xe0\x15Yr}r1\x93?V\xe6\x8a\xdbT\xa0D\xa7/\x107h\xb4`\xd1t\xa4\xb3\x1ec\n\x94\x97\x03\x0cC\xec&gt;\xa2+\xeaph)\xda\xa7/R+\xb2Dy\x86\xd5/\xf8\xdb?\xbcQu3i\x12\xc3\x85\xe9\x93Uo\xa1)6\xe2\xa8\xaf\x07\x0b\xb0\xfaD\xe2|"A\xbe!\xaa\xfb\xfd]`\xb1\xbe\x01\x97:K!\x97\xe9\x99\x15\xfe\x86\x16\xb7b4q\x17:\x95J\xb1)H\xd1l\x84\\\x18\xee\xef\xbfO`\x9d\x9du\x9d\x9d)\xd6\x81\xf7\xc1j\xa3\xd8\x80\xd3\xa5V\xcb\xf3\xf4\x86\xe5\x9b|n\xb6\xdex\xfb\x9e\xdb\x84\xf9)`\x06\x13\xa3\xa1\x11\x0e\xa8\xb0fD~P\xcaD\x14\xc4\x03\xf8\xf8C\xff\xa16-\x15\t\xb8\x82"\xb5H\xa6d\x96x\xbd\'\x03sz\xb7\xbf!\xe5\xb2\x9b\x9c\x11\x8e\xd5E\x16\xd8X&gt;c\xf9\xba\x97[\xd6\x92o\xba\x1cZ-\x85\x1a\xbaD.\x19\xdf\xc9\x02ki\xca\xefo\x00\x8cKW BS\xf4!\xa4\x8b,\xfd\xdf\x7f\xf0\x1d\xd5\xdem\xbb\xca\xcaX\x8d\xcb\xe5*\x82\x8ays\xaf;\xfcO\xd6%\xbf\xdfD\\\x06\xbb;\xb9\x1c\xa1h\x87\x83l\xb2\xd9\xbbwno*\x90\xb3\xdf\x91]\\%6[\xd0\xa9\x97\xe5\xc9\xf4\xf6\xe4\n\xbfw\x17\xa0\x88\xde\xc35~\x1d\x97/\xbb\x9b\x19\xf0\xb1\x14\xad--\xdd\xb5cG\x94\xf4.\xa8\xe6\xa2\x8e6,"\xcb\xcaJ\x14j\x17\xa3\x97\xc9\xf4zf\x8d\xb7\x13\xcfk\x16\xb9D\xe8\xd7Y\xad\rX\x8f2\xc9\x801BQZ\xed\xf96G\x17@\x84\x15\x8d\xb6\x9d\xe7^\xe9\x85\xca\xc9\x18\xf4z\xd4p\xed6\xef\xac\x9a\xc3\xc3\xc3\x04\xe67\xb9\xddS_-\x07"\x11\x96e\xb1\xb6\xe8\xef\xef"\xbd\x14=&gt;1\xf1\x1e\t\xf5\xc0@\x92\xb1\x1b\x94\x06\xc6\xfd\x82g\x96\xaa\xf6a\xcdK\x97\xdf\xef\xae\xf1N%\x97}8)\xdeB\x1f\xed\xee\xee\xeaBk%\xb6\x04\xcbj4\x9a\xe0\xc0g\x8c\xdbn\x80\n,\x15\xcfG\xe2\xc3\x9aJ\xce\x05X\xcda/q\xd5\xd5\xd5E:\xd1G_\x06x\x8eD"\xe2\x83*\xe9v3vr\ry\xe1\xf1F~o]\xb9\xbd\x8a\xfa\xe9j\x86;\x00Cx\xbd\x0b\xe3\xcbk\x80\xd5u\xe2_\n\xd7Mp\x9du\xcb\xcb\xc9\xa9)7\xc2^`?\xfa\xed\xe3\xcd&lt;\xbaT\x997\x17*\xd1\x1dL\x87\xdb;:\x86\x87\xaf^\x1d\x19\xf1N\x01\xb6\xbc\xbc\x06\xdb\x15\xe8P\xce\x04\xc1\x815\xbe\xe0%.\x8c.\xfb\xf0\xc7\xb1\x9eZ\xfeT\xaa\xdb\xf7\x0eW\xa2\xc3\x17\xe8j\xda;\x8e\x1e=z\xe7\xce\x08`\xde\x05\xc48puu\xcb\x98.\x13]\xdd\x1aT \xa3\x8az\x83\xb2\xc0\x7f\xd2s&amp;\xcc\xd7\xc4F\xa5\xca|&lt;\xb2\xc7Z`0\x18\xc4\xa4\x8eG\x9b\x08\x8c\xc8\xae\x03\x07\x18\xe2\xabd\xf2\xb3\xf1\xf1O\xc7\x01\xf5z\xbdn\xaeA(\xc5\xba\x7f\x96{\x86Zy\xbasEU\xd1\xf3mS\xa5\xce\x8e?U\xd0\x80\x01O`\x90M_\xbf&gt;\x8d\xb8\xe3\x1d\xe1v\xafL-L\x81D\xb28\x85T\xc9\xb6\xe2\xc9V\xdd\x89r\x8fd\x8c\x17\x96J\xd5z!\xf4\xefS5:\xb1A&amp;C\x02L\x80\x91J655M?\x99\x9e\xbe\x8bO\x00_\x05\x87r:]yy2\x19r\x0b\x96\'\xce\xc7\x8d&gt;D\xf5\xb5gw\xd3\x1e]\x03XN\x83\xddn\'\xb0\xe1\xe1\x8e\x0e\x92\xb4\xa6\xa6\xbbw\x9f&lt;\xb9K\xe2\xc94A%\x93@\xb9\x82r\x91\x0cE\xb4\x9e\xd8\xe0\xf1\x08g\xdf\xf8\x8b\x10\xaa_\xa8\xaa\'C\xbd\x9e\xddG\xf6\xe8\xc4J=q\xa5`~\xff%\xff%d\xad\xe5\xc8\xb1\xcfO\x9d8y\xf2D\xd3\x1d\xef\x14\x03\x90\xcb\t\x96(\xa8\x16\xe5\x91\xb1EX\xbd\xf1\xe67\xba\x8f\x85\xbc=\x80\xaau2\x94\xefI\xb1\n\x94zr\xa6\x13\xa3\x83\x1b\x18\x86q3\x0c\xf2v\xfc\xdc\xb1c\xc7\x8e\x9c\xab!W\x82\x03\x81@\x90\xec\xfaq\x890\x07\xcc\xdb\xfa\x92\x95\xff\xf5\x1b\xdd\xc5\x0fV\xc5\xb5\xcb\x83\xa1\xfc^\x8fg\x7fK\xa5\x95L\x019\x97\x81\x1cfN\xc0\x9c\xce\x81\x01\'cgdr\x8d\x85\xb2\x18}&gt;_\x80\xd8\x82.\x97&lt;K\x9e\'S6\xfc\xe6\xd4;\x9e\xde\xbfH\xfa\x9a\xdf\xd0\xcd\xfc\xf8-\xb5\xe1\x9e\xb1\xa13\xa1\xc2\x8c\x1c\xb0&gt;&lt;\xa7\xe3\xa6\x80\xf0p\x85\xd4;\xb9p\x05\x8c&gt;\x0be&amp;A\xb3)V \xa01j\xd4r5\x06\x17\x8e\xc4S\xbf\xf5\xf4fHB\xb3\xcd\xb5\x99?\xf3\x9ey\x157\xa22+\xe6\x87\xfaF\x0b%\x12a&gt;X\xe5\x07\xf7Ur3@\xa2"\xc3GFP\xc8\x0c\xa67\xb4\xf9\x10\xd9\x82G\xb3&gt;\xc2Bhl\x8a,\xac/\xfe\x08V\xe5\xb1\xdd(\xa2\xa4ptpl&gt;\xdc\xfa\xab\x9f\xf3.\x03*\xd5\xef\x9b\xc3\xf3=\x93\xef\x0e\xcd\xc6\xf3\x0b%\x19\x84\xf5\xce\'\xfb\xb8""MP\x05\x83A\xc8\\H\x8c\xd1h\x89Pf\xc7\xb6.\xb0"/QF\x85T\xa1\xc0\xc25\x0f}\xab\xb2e?\xc7\x92\x14\x86\xce\x0c\x9dm\xac\xfei\xa5\xe4\xde\r\xa3z\xfeB\xdfh(\x14\x1a\n\xf7\xc4\xf3%\xc2W,\x9d5\x95,\x8cf\xa3\x852b\xfc\x0c\x04a\xc0c\xca|\xa8\xeb\x909\x12\xe1T\xc8\x95\xed5\xabA\xb7\xef4XB\x89\xa4\xb0\xb08~\xf6ZO\xf8\'\xbc/\x03\x87j=;8Z,\xc8\xc9\xc9\xc1x\x98?\x93#\xcc\xe0X\x1b\x0e\xee\xc3r\xac\x00\xa9R+\xa4\xb6\xd2\xd2\xd22\r\\\x84\xe5\xb3\xf8|\x94\xe3\x90\x03#^\x03\x13\x12h+\x91JS,\x83\xdd\xfa\xa7\x83\xe5\x9e\xfc\x0c\tqm\x7f\xd48\xd678\x19\xde\xfc\xff\xa5L\x95Y\xdb\xdcs!\x16\x12\x08\xd2\xb2\xc1\x1a\x9dl\x9e\x8f\xf7\n\xf3\xc1\xca\xe9-?\xddn"\xc9\x12\xa9\x15%e\xa5$,\x1ar\xcc\xf9,$G\xc8\x98\x05*M\x80\x94\xd1\x98\xca\x16\xb7v\xb5\x9b\x86\x0fn\xe8\xcd ,\xc0\xfa\x1a{b\xdb/\xc6f\xc3\xb5?\xd6\x85\xff\xc0f\x14/\x16\x82(;\x8dc\xc5/7\x87c9\xd9\xf9\x08\xa4\x0bG"T2\x91\xfc\x15\xab\xcc\xa2!\xfb%\xb9\xd2i\xd4jT\xd3h\x0c\xf8\xf0E!\x95J\x01#]\x9ec\x95sE$\x11k\x0c\x0fmI\xdf\xb2=&gt;\xd9X\xfb\xa32\xa6\xca\xacn\xec\x19\x1a\xe58\xd9i\x9bR\xac\x9e\xd6\xe6\xc1l$\x0b\xaa^\xcfG-\x95\xa4\x86Er\x854\xe5"\xf9\xe1\x06&lt;F\xba\x8fca\xbal\xc4\x0f\xc9\x13l\xd2,\x119\xf9\x18\xbe\xcb\x12\xc6\xc3\xcd\xb3[\x8a\xd3\x8b\x05\xc5\xb1\xc90\xf7\x86)\xaa\x1f&lt;\xbd\xd4\x86\xcf&gt;\x8a]LOO\xcb&amp;\xb1\xe9m\xc2\xca\x8e\xcd\xb7\xb6\xce\xbe\xc5\xb1\x90\xad\xfdG\xc8\xd5\xea\xbc"\xf2j(\xe7\xd2\xa2{Z,\x16\x8a\x1c\x80\x11&lt; E4\xb2\xac\xc5h))+\xb3 Y"\xac\x13\x95\r\xed\xa7\xc9\xd8\x12J\x84BIv,\xdc:\x16\x12l\xda\x94&amp;\x10\x14\xc7\x87.7\xfe\xfa\x07z,\xe6R\xe1w\xe3\x18P\xc5[\xd2\x05D%x\xfb\xad\xb7\xc9\x83\xbek\xd5\x15\xf3\xf1l!a\xe5\xf4\xee&gt;\x82\x06\xa1\xdcZ$\x87\xab\x04.3\x85\\aI\x86E?\x8e\xc4R\x8a\xb2\xd8\x90;\x96|!*u\x96\\\x0e\x97\xd2\xd4\xfe!\xda\xa9\x10!\x91\x08b\x8d\xd5g/\x92\xbf\x90-\x14\xa4\xa5\x8f\xc6\x1e\x8d\xa1\x98\xdf\x9f1Uf\xf3d&lt;\x9d&lt;7\xfd\x97\x9c&amp;;\x8d\xb0\x04\xd9\x82\xbek\x15\x15\x8d\x83\xe9\x12\xc2\xca\xef\xfd\xfb\xe7{8Vnn\xae\xc2&amp;\xb5\x95\x95\x12\x16z\x03m\xa6i\xb3\x99\x14\x95\xa5(\xd6\xa2\xd0(,6\x1b\xc6;\xe9\xa7y\xe8\xa7-\x1fyz\x85\xa9(\x1cj\xae\xe89C\n\x81\x10\xa6\xa5o\xdf~1&gt;\xd4S\xfd}\xcd_\xb5\xf9\xda\x7f\xc98\xbf\xd06\xb2+\x8c\xbb\x9a\xd10\x1a\x8d$kd[kK\xb1-\xcf\xee\xc8\x11C\x98\n9a\x9a\xb8!$8\xa1%\xd3\xa4\x89!\x8c\t\xddt\xd3\x87-\x94\x06\x16DP\x17\x12\xb2\xb8\xa0\xa6\x9b\x86\xc2.\xecJ%\x84\x98\xe2"\t\x9cER\xab\x05Q\xb9/e]-\xc6\x9b\xa7\x14\xfa\x90x!\x0f\xad\x03\x81\x92\xb7B\xbfs\xae\x94\x18r\x13\xffe4\xf7w\xbf\xf3\x9d\xef\xdeI\xe24\xdb:\xe1\x04\x0c7\x1c$\x9c\x80,+\x90Y\x07V\xa1\xbc\xd5M\x1e\xe0*\xbes\xf3\na\xa5\xe7\xa7\x12\x89\x04\xd9\x07\x92\x80\x0b\x1b\xcf\x10kq\xe9\xc8\x99\xc3\xb9\xd93\xb3\xc0\x9aM$r3\x8cu\xfd"\x1a1FE\x8cV\xb6H\xfe\x80\xe0\xc2\x04\xb2\xa6\x07\xf4n\xb3Qz\xa31G\xbdjS\xd2\x02\xfb\xb0\xe8r`\x05lw}\xc7+x\xfdZ2*\xaa\xf8\xeb\xcfn\x93Z\x84\x95K\x10\x16&amp;\xcfQ\xb0\x0e\xb0\xf0\x0eT\xb9YP\x9d\xa54M\xa0\x88\xd9\xe9\xdb\x8f~\xc8X\xb1h,\xda\xc5\r\xfb\xb5p\x80&amp;\xc1\x94A\x05\xa6\t\x06\x93\xf9\xf5\x86?\xba\xbf\x94o_-W{\x1d9\x13\x83Hc\xbaa\x84\x034\xc2\x92\xa4i\x9a\xec\xd4\xd6\xbcB\xc1\xdf0\xc6\x84\\\x17\xffJ\xff\x14\x02E\xc4\x9c\x93\xb3\xc7\x8e\x1dc,\xa8s\x84vjx\ry\x9a;\xccX\x1c\xa6LE\xd6\xc2\xcb\x85\xb9jE\x0f\xcb\xb4\x15-\x1c\x0e\xa3\x1e\x01\x85[,\x18\xb0\xbb{\xfd\xf8k\xc1\xde\xb6\x8a\xd5b\xa3K\xc8h\x0e\xdb5\x14\xa2\xd2\xc3\xb2\xe3\xba\xb2\xa20Va\xa7\x13\x14\xbd\xf8\xce\x9f~!\xb0\x12?B0M\x1e\xa3\xc9qN\xc8\x91\xc3\x96\x16\x17\x99\x8a0Y\xa9\x81V\x13\xdf\xe7\x1a2U\xcc^(y^u=\xa0k\xb8y\x18\xf3(\x8a\xce.\xd3\x8dJ\xad\xf1\xba\x90V\xa9X.\xf7\xf2\xc1\x80\x0e\x93\xeb\x86\xe3b\x19\xba\x8e\xcbe\x02\x0cw\x1a\xc0\xb2J\x0b\xeeP\xae\xfb?\xe6?\x9a\x9fbo\xf1\x06\x93\x1b\x07\xc8\xe1\xc3T\xb7\x93\x80\x1a\x1f\x9f\xc9\x01uj\x8a~\xa7\x97\xe7\xa6\'\xae\xdc\xfc\x0e\xaa\'b\xab\xdb\xf0\xbdB\xb1\x19\x0c\x845P\x05u\x1b\x1ap A\x91J}\xa34\xe4\x02\x95\x0fO\x1b\xae$\xc9\x90H\xc2\xd5\x82+\xac\x07\x86X\x05o\xad#\xb0\x0e\x1c\xba\xf19\xcc\x05\xae\x99)\xca.\xde\xf7r\xb9\xa1B9\x1c\xde\xe9L\x8ad ,\xa4\xd6\xdc\xc4\xc4\x89\xbb\x17\xff\x18c\xc7\'\x93v\xb3\xea\x11\x16\xac\x15`{\x05\x83\x02*H%\xb2+\x0b\xe5\x01\x16\xa8\xfc\xd2v=\x9f7\xe5pX&amp;&amp;\x1a\x90\x18T\xf8X\xef\xf9\xc0*\x94\x17\xe4\xb7\xa2\xb4\x03\x1d\xf8\xee\xa7WNd\x97\x05\x17\xc0\xce0\xd6\x9d\xdc\xc7H\x83\x043\x8d\xd3\xcfB%\x88\naz|zb\xe2\xb7\x0f\x0eE\xa3\x02+\xd6\xee\xd1*\x8b-E\x1f\x10\x05E?\xda\x9a\x86V\x0b\xe88\x19\xa8\x8c\xe5\xfb\xbeW\\\xe8:\x8eF^\xe77E\x91M\xd3\xb0QH\xc9\xa9o\x01\xcb\xb2\xd4~m,*\xf4\xbav\xff\x14\xcbE\x06\x9b\xdc\xa7\xd6\x1dJ\xceT:\xcdX`"\xac\xd4\xf4\xf4\xc4\xedO\x7f\x8f\xf3\x87\x10+\xd3,Z\xc0*\xb54[\x1f\xaa\x05\x9b\x19\x86K\x9e\xd65G\xebn\x15}\xfa\xe3\xdf\x82\x87\xbcl9\n\xd7\x8c\x04R\x0cG2MG\xb3\xb1\x9d\xe6\xf3\xddm\x1fT\x96\xeao\xb5\x89\x0b\x91z\xf0\xc6\x87\x13\xd9\xe5\xf4\xe9\xf9\xf1\x01\xd6,S\x81f&gt;\x95J\xcd\xa7\x04\x17\xa4\x13X\xa7\xee\xff\xe6\x83$\xfb\x1d\xa7\x9an\xcf\xc7\xcd\n\xe5=\x9d|\xc2u\xd3\x0cIr\r`\xea\x01E2%m\xa1Z,y\xea\x88\xc7\xb5vu\xbe,\xac\x80\xc51%\x84\x96bk\xae\xe3\xca\x95\x8d2QYV\xb1eGY\xaf\x03\xab7?\xbbD\xae\xc7\xce\x88sB\x02\xba0\xc8\xf8&lt;a\xa5\xb2\xd9yR\x8b\xbe=3?7}\xeaw\xd7\x0e\r\x8d\x95\x81\xb3\nt\xaf\xf2\x1eZ\x10E\xc1l\x8024Eg\xe5tt\xa5\xde\xec\xfb\xe5R\x99\xb0,`\x85\x15\xdbF\xf7I\x8e\xeb8\x8eL\xf6\xd2m\xc3P\xc2\xf6^\x99\xd4\xb2,o\xa7\x96A\x1e\x82+\xba\x1fU\xa7`\x00\x00\x05\xf5IDAT\xfa\xf8_\xa7`\xafej\xc7\xcb\x89\xa9\xd3d\xa7\x1cSeA\x95M\x8f\xc3\xef\xf0\x16\xfc&gt;w\xea\xee\x8d\x831*!\x1f\xb5\xea\r\x9f\xef\xe5oP\xab\xbb\xaeKH\xe1\xf0\xa0\x9c\x01\xfa\x18\xe8\xecx\xbe_\x1e\xa8\xe5h\x00\x07\xb9)\x19|%e\x9db\x13\\\x8b\xb1\xb0D\x7f\xb3N\x9b\x07)\xb6\xfa\xf8\xf3K\xe9e\x8e\t\xa85~:\x95\xe2\x12f\x8f\x03\xea(oM\xc0:\x87\x07\xd7K\x1f\xde8\xf8\xdaX\x95\x85\x12\xddJ\xb5\xfcm\xdb\xa6bH\xbc\xc1\x05\xb9-1!\x02#\x10\xae\xaf\xc1}\xde\x08\xf6\x16*\xa2F*9\xb2\xacA5\x9d\xa8d\x11\x15\x81V\xa9 \xe4R\xcb\xdb]\xc2\xa2s\xea\xea\x83\xbb\xa7\xe6\xc0\x852"\xb6R\'\xf0\xfc\x9f:\x9e\x9d\xc38z\x94\xb6&amp;\x8cy\xf8\x1fZ\xadb\x19\x836\xb4\xd7\xfb\xb4&gt;5\xa4z\x84E\xcd\'\x8aG\x16Sd\x18G\xd75\xa9\xce\xf9\r\xcb\x17\n\xd5\xa6k\x98&amp;\x8c\x87\xe0\xd5q=Z\x11\xbd\xe8j\nr\xa2Yb*\xba]i\xa32&amp;\xb0\xde\xfa\xe0\xe1\'\x7f\x99X&gt;7s\xf9\xf2$\x8e\xeb\'\xe8/\x81\xe6\x04\x15\xfd\xc05\xd70\xfd\xdeO\xaf\xdfX\x8d\r\xa8\x80U\xdf\xf4U1\n[2&lt;nS\xdbsr\x13\x13e\x93\x1e\x96\xf2u\x04\xa5\x05,hFj\xe1\xfb\x14\tD\x05\xd7\xa3\x9c\x90X\x86\xfb\x9b\xc5!\x96\x1a*\xeeUX.\x80\xc5v!X\x9a&lt;\x8f#(Nz \x9a\xcb\xceM\x1f\xfd\xd5\\\xea\xdc\xd4\xe5\xc9\xd9\xc4\xb9\xf7\xde\xbf\xffp\x9fV\x99\xf6v9DC\rYV\xcf\xc5\x86K\xbb"\xf5!\x06mD:!j.cY#\xe8W\xb2&lt;\xda\x02J\x86\xa9\x15\r\xc7\xa4^\xc4\x90\xf2yy\xfd\xbfl\x07^\xa5Umit\x0e\xe0\xa3}\xf2\xe1\xb7\x7f&gt;M\xbb\xf5$\xca\x98%\xaa\xecQ\xaaa\x1aT\x93\x933\xef~\xf5\xe8\xda\x90\nP\xc9J\xab\x18\x0fEB!*\xa2\xdas4\x1e\x86\x83\x18\xc7d\x8a.\x84\xd34\xa5\xbb\x0f\xab\x95\x87\x86T=\xb4\xa2c\xc2c\x8a \xc4^T\xdb\x11\xce\xc2\x08\xa9\x85j\xab\x92\x8c!\x98i\xbe\xd8\x8bG_\xdd9K?\n\x7f\x92\xb6\xe4\xf4|:\x8b\x98=75I\xa8\'\xae?x\x91\x8cq\xba\x8fQb\x19\xad~A\r\x89a\xa9\xbd&lt;1\x19\xc4DPaf\xc2|\xc8\xadz\x03^VG\xaeb\xca\xd2B\x9b\xc4\xa1V\x94\x1cJ7h\xa7P\\ \xe6:k\x05.!\x93YVu\xaf\x0b\x93\xc6\xd8\xfb(\xe4\xd7\xef\xfe\xe0\xc2\x05\x9c\xfcp^\x98\x9d\x9d\x99\x1f\x1e\xf2\'\xdf\xffdX\xc0h,\x98\xc9d\xda\xad\xbe5\xa4\xc2\xe8\xb5\xd1\xf0X\xb5#\x19\x94U\xa0RH\x113oJ\xc0\xc2T#\x98+^\xde\xe8Jb\x18\x06\xd1\xe1Z\xc8\t\xd7;\x86V_+\xbc2\x17\xb0\xac\xe2v\xc7\xc6D\xf4\x0c\x03\x15\x9e&gt;\xfa\xc7//|oee\xf1\xcc\xd9\xc5E\x9c\xbd&amp;\xf9\x7f\xad8\xf9\xd1\xe3\x17\x991$\x1c\x9f\x92\xf1(\xdd\xdd(\x16T\xc6R-z\'\xb04^=\x05\xb9B\xc61\xf3yhRo\x90\x00\xc0R\xe3\xe5\xad\xba\xc9\xce\xc3\xb5\xe8&gt;fs]\\g\xba\xc2\x82\xac\x96\x15"[\x84\xca\x8du7\xc3\x83"r\xf7?\xdf\xfc\r\x0f\xf9+KK++t&lt;\xc5\xf9t\xf1\xe3\xaf\x1f\xee&amp;\xa3\x03Sep.\xa8\xf5J\x16\xab\x14\t\xf1GQDM\xd39\x8a\x14\x83t\xe2z\xa2^\x8c\x15\x02V&lt;\xe4\xf7\xea\xf8\x9edp\xa6\x8a\\u\x08\x1f\x1b\xa8S\xdf\xf4\x06yJU\xa0%\xfb\xfd\x85\xba6\xc0\x8a%\xedg/\xff\xber\xeb\xd6\xad{\xf7n\x11\xdc\xd2\xd2\xc9\x8f\xbe}\x9a\x19\xe3\xf6#\xa1l\xb7\xbe\xb7\xe3\x8b\x16\x8cG\xc8Y\xaf\xb0\xe0\x13\xf8I2\xf3\xed&lt;\xca\t&amp;C\x06\xd6\x1ac\xc5\xe3\xf1\x90\xb7Y\x1f\xc0\x8a\xe1\x92\x9e\xb8PF\xf9\xbb=O\xc4\xa9h\xc6\x10iV\xee\xd5\xf26\xcd\t\xb4L\x06\x82=\xb9u\xef\x8b\xf3\xe7\x01\xb6t\xe4\x9f\x90*\x83\xd3&amp;I\x89\xcct\xe9\xe9\x81\xc2\x85\xa8\xe2\xaf,oRT\xa1.$S\x1bTl\x1b|-\x99\x9d\xb5\xd0\x10\xcbZ\xab\x0b\x11!\x12\x07\t\\\xe5B3`Iy\xc6R\x87Pd0\xec\x1e\xfd\x8dZ\xc5\xce\xd8\xbb,Z\xe6\xe9\xf3/\x7fv\xef\xfc\x17\xe7\xef\xfd\xe4\xc97\x8fw3A\xce)\xc2\xae\xd4\x9b\xbd\xa2\'L\x85\xf7\x84\x857\xe4V\x1eX\x98-\xcf\xc34\x14\xb1o\xe3\xebvg\x07\x0b \xacH(\xbe\xd3y\x85\xe5H\x8e\x08-\x99us\x9c-o \x14\xdc\n\xa9xD\xac\xf2\xcev\xadk\xd86\xd72c?{\xfe\xbf\x7f\xff\xfc\x0fO\xbe|\xfe4\x13\xe4@`\xa8\xce^\xa3\xe8\xab\x03?\r\x1a\x91$S7\xd1b&amp;#\xd1\\\xd4\xf5t\x96 \xe1\x80\x15QC\x91\x91\xd1\xd1\xd1H\xbc\xcfX\x92\xc0\x92\x8c\x01\x16\xbeB1\x87X\x167\x11\x7f\n}\xb1u\xf7\xb7\x9amM\x03\x19m\xc3\xbb\xcf\x9e\xbf|\xf9\xf8\xa9\x1d\x18\x1bP\xd9x\x94Y\xa3m^ \xd1\xaf\x01V$t\x95\xb1(\x0eD@\x92\xc3PN@\xe5\xcd\xce\x0e\xb8#\\\xc4x\xbfFZ\x12\x15;Op\t\x8d\x9dm_\x18\xeb*-[\xc4j\x88E+\xf8;\xb5v\x05\xd5&amp;\xcdl\xcd\xde\xdd\xb5q\xf4\xc1\xb3U\x86\xf6aCjV\x07\x95\'\x91I$a-\xaa\xe2f[\x96dd\'\xf5!m\x89\x03\xe9\x88\xa1\x06\xac\x08\xb0\xe8\x85\xd5u\xd2\x13\xdd\x97\xc7,\x94\x14$\x1c\x96C\x91\xbf]f\xac\x90\xe0\xb1x\xc1\xf4y&lt;\xa4V\x9bm\xba\x17,\xeb\xba\xb4c!}QwI\xa6li\xb7\xf7J\xf1\xc1\x8b\xb0|\x88\x14\xa1\xbd\x07\x9fEPD`\x99&amp;\xa4"\xe7\x93nDd\xd2S\x8eY\xeb\x8fb\x82\x91Q\xc8\x15/\xf7\x16xl,\xbc9\xd6\xbc\xf8\xab\x11\x19\x8d\x8c\xee\x1b\xe5\x06\xbf`\x83\xc7\x1b\x9f\xady\xff\x9f\x00\xd8p\x10\x01\xd5\x00\xa1\x05\x05\xe7l\x00\xdb\xf5\x16\xddV\xa0\xc0\xa9*\xd0i\xc1\x00\x1b\xa52jO\xf3\xac\x9d\x00\x00\x00\x00IEND\xaeB`\x82'</t>
        </is>
      </c>
      <c r="M525" s="3" t="n">
        <v>45492.67710648148</v>
      </c>
    </row>
    <row r="526">
      <c r="A526" t="n">
        <v>1463460</v>
      </c>
      <c r="B526" t="n">
        <v>49202</v>
      </c>
      <c r="C526" t="inlineStr">
        <is>
          <t>Guilherme Madruga</t>
        </is>
      </c>
      <c r="D526" t="inlineStr">
        <is>
          <t>G. Madruga</t>
        </is>
      </c>
      <c r="E526" t="inlineStr">
        <is>
          <t>MC</t>
        </is>
      </c>
      <c r="F526" t="inlineStr">
        <is>
          <t>MC</t>
        </is>
      </c>
      <c r="G526" t="inlineStr">
        <is>
          <t>MC</t>
        </is>
      </c>
      <c r="H526" t="n">
        <v>187</v>
      </c>
      <c r="I526" t="n">
        <v>8</v>
      </c>
      <c r="J526" s="2" t="n">
        <v>36840</v>
      </c>
      <c r="K526" t="inlineStr">
        <is>
          <t>Right</t>
        </is>
      </c>
      <c r="L52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6c388f4-fb04-4a2a-afec-da1777921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\x10\x12\xe8\x00\x00\x00&gt;tEXtComment\x00xr:d:DAEewil2SDw:3528,j:2708207235806215489,t:24020717K\xec\xe5:\x00\x00\x00\tpHYs\x00\x00\x0e\xc4\x00\x00\x0e\xc4\x01\x95+\x0e\x1b\x00\x00\x03\x00PLTE\xff\xff\xff\xb1|R\xff\xe9B\xff\xff\xfe\xaexK\xa9sD\xa5oC\xff\xfe\xfe\xa6qF\xaatH\xae{N\xfd\xe43\xff\xf8g\xff\xecF@:5:2,6/*&lt;61\xfd\xe78\xa2nB%"\x1e+%!\xfc\xe4:3+%\xff\xe9=\xff\xf5a\xfe\xf1]\xf9\xe160&amp;\x1f\xb4\x80S\xff\xefV\xbd\x88^.)%\xb3}L\xf9\xe00\xb8\x84Y1-)\xfe\xeaK\xd9\xa7\x81\xff\xf6["\x1d\x19*"\x1c\xff\xecQ\xd7\xa3z\xb2\x81Y\x9cj=\xff\xfaa\xc6\x8e`\x97g:\xa8{UB6-\xa0xTIB&lt;\xc1\x8ee\x8b]4\xc7\x90g\x1f\x88^tK2\xd2\x9fx\xca\x96l\xa0l?\xfe\xfbm\xb9\x90oL:-\x9drO\x97lA\xaaxLSA2\xc2\x8c]\xcb\x9ar \x8dbH=4\xac}Y#\xa4r\x1a~V\x84X5\xfd\xe7&gt;\x8a`C8.%+\xbd\x86\x1c\x84Z\xd4\x9cqY9\'\xd0\x98l\xa2{\\vR:\xc3\x94n\xfc\xfb\xfbgF+\xb9\x8cfNHB\xaa\x80bC?:\x8fc&lt;\xb8\x87`9\'\x1e\x9blE\xaf\x84^oF-\xa4tM\xdb\xac\x8a\xb8\x82P\x95lPyQ0\x98oH\xcc\x93e\\G7\x7fW@_B/\xbf\x86U&amp;\xb6\x7f@-"\xf8\xf6\xf5\xcb\x9dy\xdf\xb5\x95\x94_8}W5PE&lt;R5#\x1f\x97g\xb4\x8bl\x84]=\xa0qH\x82bJVOI$\xadxy_K\xaasQ\xbf\x98y\xb3\x86d\xec\xda:$\x9cmcO&gt;\x94jDa=(\xf7\xf2gH1$\xfe\xfawUJ@\xfb\xe5C\xec\xe9\xe7\xa8sa\xac\x88j\x99sXgK7\x1c\x17\x13\xf2\xf1\xef\xa1kK\xf4\xe3A\x14vO\xb7\x8ex\xcd\xa2\x80\x97cE\x8cfLpYI\xf8\xf2w\xee\xddG\xe3\xe0\xde\xa3\x81fnS=\xc6\xb44\xfe\xfb\x84\xf2\xe8q\xb9\xa94\xe4\xde\x9e\xe4\xd9j}&gt;\x1f\xf3\xd93\xda\xcd\xbf\xf2\xe4_\x9elV\xe6\xe0\x80\xa1\x923\xf2\xeb\x83\xb0}n\x85lV\xa9\x90}\xe3\xcc7\xc9\xbcA\xc9\xbd\xaa\xd7\xd2\x9f\xc7\xc6\xc6\xfd\xfc\xe4\xc2\xd2C\x8dW6\xe4\xbd\xa3\xc2\xb5\x9f\x94\x91\x8e\x83\x7f}\xd2\xc3\xb3\xe6\xd6D\xd1\xb5\xa2vsi\x95{b^ZT\xfb\xf7\xa3\xd6\xc13`SJjd]\xdb\xd5\x85\x9fc@\x8cK):}Q\xe6\xd8\xcf\xae\x9d2\x91rW\xb8\xb6\xb7\xcc\xc4v\xad\xad\xab\xd7\xcaF4\xb1}\xce\xa9\x92\xd1\xd4\xd1;\xc1\x8a\xcd\xc7\x8e\xc1\xa0\x88\xfd\xfa\xbc\xfe\xfe\xf2-~V\xf3\xcf M\x8eU\xe7\xc7\xb4\xf5\xd8\'\x91\x863\xb3\xa7D\xcd\xecf\xbf\xa9\x96\xef\xe6\x92f\x91`\xe4\xf0d~r3\xb0\x9e\x8bO\x9fv\x91\x90c\xda\xddR\xfa\xf8\xd23\x98lod&gt;\xa3\xa0\x9d\x8a\xaaK\x91\xc8d\xad\xc3Om\xc1n\xe0\xddA\xb1\x8cOQ\xbbz\xbc\xd9e\xa2\x9fUXuQL\xaeg\xba\xb1d\xb4\xb0y\xa5\xd9\xc4l\xc8\xa5\x81\xa3r\xe7\xb8\x87\xaa\n\x11&amp;\x00\x00 \x00IDATx\xda\xc4\x98\xdbK\x1b\xeb\x1a\xc6\rk\xb3g\xdb\x8b9\xd0\x0cs3\x92Y8H\x82-b\x9c\x18L\xc0\xb8L\xc3\x08\x92\x80\xf1\x10\x9d\x1c&lt;uG\x1b-Qk\xc4\xd4!V\x88"\xc1\xaaU\xf0\x04io7\xeb\xc6}\x13hI`\xc5@\xc2\xbaQ\x84\x06\xf6U\xff\x05\xff\x86\xfd|\xd3\xae\xfd\x0f\xec\xc4~9\x92\xa8\xf9\xf9&lt;\xef\xfb|\xef\x97\x96\x96\xffwQX\'\xf5z\xbe^88\xa1\x8c\xd5B\xb5\xfc\xec\x05\x8a\x95\x93BY\xd7*\xbaR)=&lt;&lt;\xdc\xdf\xe5WB?\x95\x8c(\x13:)\x14\xcb\x15EQ4]\xd7\xc8R\xb4Z\xf1\xaeN\xc8~\x12\x1at\xca\xdf\x15\xcb\xba\xa2\xa8\x8a\xa2\xebU=\xa7)J$\xa2\x00\xadR\xbc\xaf\x9f\x84\xa8\x9f\x02\x15\xca\x97t\x80hJ*\x97\x03UU\'\xcfiZ1D\xd3k\xa5\xfb\xfc\n\xf5\xf8J\xd5\x1fj\x8c\x923V\nd\xf0\xb0Z#nF\x88\x91\xbaFG\x94\xdaC\xfeq\x15\xa3B\xf5\x92\x1e\xa1\xe9\x14p\x94\x94J\xd3\xaaV\xad\xe8\x95\x8a\x063Qd\xa9\x88\x82\x0bMk\xe5\xfb\x03\x8azD\xaaB\x85\xa3\x99HJM\xe9*\xc3\xd04\xa3\xe6*\xd5*X4=\xa7\xe7R\xd0+\x12\x89p\xb8\xd2\xa5&lt;\xf5h\x06\xd6\x8b:\xc71\xb4bWSvP)\x0c\xa7i*\x07\xed\x14\xb8\x99R\xed\xb4\x1a\x81V4\xeed\xb9\xf4XF\x86NJ\x02+\xc8\x9c\x1aPU\xf4 \xb4a8F\xe0\xe9\x14\xe9H\x82\x85\x16Ph\x8e\xe3@&amp;\x9b\xa5\xca\xdd\t\xf5\x18Z\x15\xca\x9c\xc4\n\xb4\x12\xb0\x83 \x85\x9bl6K\x12\xcfr4\x80\xaa\xa86\xd8\xc9\xc82+s\x1c+\xf3\xbc\xa4=4\x9f\x8b\xa2\x0e\xca\x8c$3\xa9\x1c#\xb0\x01N\xa5U\x95\xb1Z\xcd\x12&gt;\x9ee\xecj.\x07c\xf5\x14+I\x12\x01\x93%\x10\xcbZ\xf1\xe0\x97fS\xe5K\xc8&amp;.W\xb5\x9by\x1b\xcf\x00\x8a\xb5\xe1\x93\t\x96\x80\xbcHq\x0cK\xa78\x16\xe0\x1c\x03.\xb3\xd5l6\xcb\x91bs\xf5\xa2Bw5\x8e#\x15\xa4\xf2V\xab\xc4\xd24+\xd8\xf0\xc8\n\x92\xc4\xa2\x98T\x85\x16$\x06\xed\xc0\xb0x\x8f\xe3`\xaf\x15\x17Y\xbfo&amp;\x17\xa8t\x86\x85D\xaa\x9d\xb5~\xf8`\xe5e\x81\x91\xac&lt;\xcb\xb0\x01\x02\x02\x13\xed\x92\x99\x97\x19\xe8D\xea\x9dVP\xf2p\xd8,\xd3z\xa1y\xfdH\x85\xee5\x867\xa8\x04\x1b\xa8\xcc&lt;\x96\x8d\x17\x04!\xc0\xd8\x19\xdc\xf02 xF\x10Y\x963\x02\x95\x96y\xbc\x00%KM\x93\x0bZE\x18\x18\xa7\xda\x03\x84\n\\\xc4 \xd4\x94\x10\xb0\xdb\x91_\x01\x16\xc6\x92\xf2\x87\xa5\x02,\x8d\xd0\xc86\x9a\x95Q\xfd\x92\xac\xdc\x87\x9a\x85uR\x86Q\xd0\x04T\xd6\x0f\xc6"\x82\xd9\x04\x01\xe6\t"o\xb3\x19\x8e\xc1S\x89G\xc9\xcb2Gst\x04\x85\x86\x06\x90\xb8Z\xbdI6Rw\x11\xb8\x81\x0ecy\xf3w(\xab\x8d\x17\xc5\x00\xb4\n\x80\x897[\r*\x81\x95\x88o\xa4\xc8\xb0\xfdD\xe8\x08\x04CXD\xcaM\xda\x86B%\x06T\x81\x80 \x1aZYmB \x90L\xee\xef{\x92\xa2\rJ\x01\xcc\x06\x1a\x04+\xa8x#a\x91\x12\x1c\xadD\x18\x98\xc8\xd0Z\xf1\xa4)b\x1dT"h7A\xe0\x89\x85Vqz:\xe9\xd9\xdf\x08z\x83\xc1\xfd\xe44\x01#\xf5\x0f:\xb3\xb1`#IxI6Z\x92\x93\xe1&gt;\xba\xb1\x19b\x15t\x85\x95\x04Q4\xa8\xac\xe2\xc6\xde^0\xb8\xb779\xb9\xbcL\xc0\xa6EA\xfc\x81D\xc2\x8a\xa4\x06\x03*A@\x80Eh\xfc?2[:h\x82\x8dTA\xa7\xb1\xa9\xd8PA\x1f&gt;\xd8\xa6\xf7\x17&gt;/\xcc\x91\xd5\xd77\xde7i\x80\t\xc4?\xab\xd1\x8d\xbc\x00\x10\xec\xe7hH\x18I\xf2\x15%\xa9\xdc7\x01\xeb\xa0\xa4q\xf0\xc5lP%=\x93\xd1\x99\xde\xe1\x85\x85\xe1\xe1t:\xed_\xea[\xde V\xc2\xc6\xefZ\x89\xa81A0j\x8b#\xf1\x8f\xb0\xc0\x93r\xc3\xc3\x8b\x04\xbc\xc2\xa1^\x90\x026q\x7f\xb9o\xf8\xf9\xe0\xfc\xf37\xbd\x173\xa7\x8b\x8b\x03\xf1\x0b\xff\xf8\xde\x06\xb8D\xd1\xa80\x14\x9a(@.#\xec\x89Z\x08\nD\x98Vh\xb8\\y\x1cq\xf0\xf7Q-\xa2\xb0\x1f\x9c\xfb\xfc\xbc\xb5-\xd6n\xda\x1e\xda\x99\x1d\xea\xc6\x1a\x1a\xf0\xf7\xed\x19%&amp;\x92\xf2\xc7\xbd@\xd2\xff\xc7\xd8E\x93l\xc5*6:\xbb\xa8;]\'C0\x83&lt;\xf5L\xf6}\xfe\xf3\x1f\xbf\xbev\xba\x1d\xb1\xa9\xfe\xfe\xa9Xlv6\xf6l\xfbb\x98\x086-\xa2-E\x91\xe0\x89"\xcb\x05\xa0\x184\x03\x16~\x95n\xb4\x8b\xd4JI\xd3H\x81\xd8\xed\x1e\xefq\xfa\xcdik[{\x97{\xd4\xe7{\xe7\x9b\x98p8\xa6\x1c\x0e\x87\xc5\xf4\xf4\xf3\x9c\x01FV2\x89\'\x81\xe9\x80\x10 ;\x11q\x93\x8c\xd9\xb5\x06\xf7"uPS4\xd2U\xaa\xdd\x9bM\x9f\x9e\xce\x9b^w9G].\xdf\xea\xaa\x0f`X\xee\x89\xd7\xbf&gt;}\xb30\x17$`\x08\xd9}\xc2\x95$\xe5F\x02\xcd(~\x86m4VK\x1eG@l\xba\x9c\xea\xf1~\xf2\xcf\x9b\x9e\xb5\xbf\x00\xd6\x88\xcbE\xb0\xc0\xe5\xc6\xea\xb2\x98\xfe\xde\xbb\xd0\xd77\xb7\x87\x15\xdc\xd8\x08\x06q\x97\x9c\xc6nI\xb2_`1\xf0\xd4\x0e\x1a\x1d\xf1e\x0cO\x92@{\xbd\xcbK\x17&amp;\x8b\xc5\xf2\xc2\xe9&amp;X\xe7.`\xb9}\xab.\xdf\xa8\xf3\x85\xe5oO\xa3\xc3\xeb\x0b$6\xd6\xc9\xc3\xc2\xdc^\xd0\xd8\x99\xb0\x11!ZY\xae\x92ot&gt;\x14ql\x90XX8\xbe\xbb\r\xa9\xba \xd6\xa8\xab\xb3\xa3\xa3\xc3\xe5r\x8d\xb8:;]\xa3\x90\xab\xcd\xf4\xa4\xf5\xcf7\xc3\xc3\xc3~\xbf?\xed\x8f\xc7\xfd\x08\xda\xbf6&amp;"X\xa5\xc1\xdb5E\x15#\xf0PP\xbd\xc7[\xdd\xed\x16@9_\x8d\xfa\x80\xf5\xb2\xa3\xe3\x1c\xd7N\xb0\xb9\x9d/\xda,\x96\xf6\xb6\xed\x99ho4\xba\x1b\xef\xe9\xe9Aj,o\x04\xc8ta3\xe4\xd2\xeb\r\xae\xad_\x1e\xb0\xf3\xf0\x02\xda0\x1est\xbdr\xbez\xe5v\xb9:^\xbe|\xb9\x86\x0b\xd8:]#\xa3N\xa7\xc3\x89\x9b\xe5\x9f\xdb\xa73\xa7\xddc\xe1\xf0ax\xc0\xbf&gt;\xb9\xcf\x9b\xb1)\xd9\xc8\xd1\xa8\x9ao\xf0\xd9\x9f\xba\xc7|"\n\xea\xb1\xdf\x04\x03\x015\xea\xeb\x04\x13\xd6\x97\xb55X\t\x17G|n\xb7\xcf\xe7\xf2\xb9\x1d\xed\xedmCC\xe1\xd9\xcd\xcd\xd9\xee\xb7\x17\xc3\xcb\x01\x83\x0bc,]\\ipm\xb5\x144\x8e\x15\x02\t\x7f7\xea\xca\xf9\n]H\xa8\xbe`\xad\xfdP\xcb52\x82\x16 x\xe8JD\xd9\xce\xce\xe6\xe6\xce\xd0\xf6\xe9Eo\x10\x05\xcf\xcb\x98!\xe8\xbb\x86\xef\x89y\x9dcY\xfb\xa7\x1e\x0b\x11\xcbM\xa8\xd6\x0c\xaa\xffa\x8d\x90\xc6\x84j\x84\x10\x92\x91\x90\xdd\xdc\x99\xed\x86\xa1\xebI\x94%\x06\x1bIk\xf8\x80\x1a\xaak\x18N\xd4\xad\x18\x8a\xdd\xe9\xf6\xa1\xd6\xd7\xbe|\xfb\xf6\xed/*\xc2\xe2#X\x1d\x9d\xc4P\xf4\xe7\xf9\xaao\xa2\x1f.\xce\xcf\x9f^,3\x82q\xc4.7|\x9c\xa7\xea\n6\x90\\\x0fR\x14T.RV_\xfe\xf8\xfa\xf5\xcb\xda\xd7s\x12\x11\x86B$]\xcf\xcf\x91\xb0\xef\xfa\xdf\xe1\ty\xdc\x1c\xda\xde\x9e?M{\xc8\x18(IE\xaa\xf1&amp;j\xc0\xba\x8a\xa1\xd7\xdcn\x88\xb2\xfa\xee\xec\xec\xec?g\x1foo/?\xee\xc4&amp;\x90\xa9\xa3\xd8!\xdd\x13\xb1\xa1\xf7\x97\x99\xccU\xe6\xfa\xfa\xe6\xe3\xe1\xe1\xe1\xd9\xe1P\xf7|O\xfc\x93\xca@-\xa5\xd0x\xac\x93\x1aC+\xd7\x16G\x97\xd3\xbdzvss}uU\xbb\xba\xcal-{\xbd\xd9L\xbc;\xe6t\x03\xd7\xf9\xc2\xb4\xbb\x94\xf0\xa8*\x8d\x8b\x92\xcb\xe9W\xd77\xe1p\xb8\xe7\xf7\xcb\xac\x1dz\x95\x1b\xbc\xf5\x90\xb5Rf\xd4\xecQ\xcc\xe2p\x1c\xdef\xb2)\x85|KJ\xd3)\xaf\xc7\xeeI\x8c_v\xc7,x\xc7\xd263\x9e\xf0\xd8\x99\xef\x033vg5U\xdd:\n\xbf\x1f\xfb=\x93\xb2sL\xb1\xf1_\xf1R+E{.\x13\x8eMM]_e\x13^/&gt;[\x901\x12\x06\x98\xa4\xc7\x9b\xb8&lt;5={\xd6\xfe\xacm0}\x0cN\xcc2\x18\xaeI|b8KU\xaf\xc7\xde\x8fme\xbd\xaaz\xd7\x8c\x83b!W\xbd\x0eO9\x8e2\x99\xac7\x91\xc09\x1a\x9f\x8d\xf93\xb9\xef\xf1d\xd33\x83OL\xa6\xa1\xee\xb7\xe9O\t\x8f\xc7\x83\xa1\x06cY"\x0b\xfe\x94\xc7[\xbd\r\x87o\xaf\xb2\xaaVh\x02\xd5/\x07\xe5\xab\x9b\xc3)\x07\n\xfa\xf8S&amp;\xbd4~|\xbc\x8c\xa3\x18n\xc7\xc7\xe3\xe9\x99\xf9\xc1\xd6\xc1\'\x83o\xd3\x98\x1c\xd6\xc71BD\xb1+\x1e\x1d\xdd^n]%\x12\x99\x8f\xe1#\xf8^k\xcay,\xf4p}\xb3\xd9\xbfs\xb9\xb5\x94\xf6\xfb\x17\x17ww\xa3\xbd\xbdd\x80Y_O\xfbw\x07\xe6\xe7[\x07\x07\x07\xdfF\xa3\xfe^r\x18\x8aFq\xf0\x18\x1b\xeb9\x8a\xc7/\x972c\xe1\xb1\xebL\xb6\xd8\x94/GB\xff\xba\xf9\xd8?\x11\x8e_^Fw\x17\x07z\x06\x00\xe6O\x7f\x9f\xab\x86\xa3\xbf\xbd\x1d$C\xcd\xd3(\xa0\xf0B\x1f\x0e\x8f\xe3\xfe8~\xaag` \x1e\x1f;\x0c\x1fme\xee\x9b\xf3\x1d\xc4\xc9\xbf\x0f\xfb\xfbg\x0f{\x16\x7f\x03\xd5\xa2\x1f6N\x925\x87\xebzt\x06\xbd\xd8\xd6\xfa_Z\xcd\xe8%\x95}\x8b\xe3Wv\xdb\xd1\x1e\xee\xe6\xe2\xc3~I\x86\x18\x90\x1d*f\xddIFe\xb4T\xee\x80\x18\x989\xe9\xf5h\x8eVf*Y\x8a\x98B\xa3P"\x874\xef\x16\xd4\x82]o\x12=\xb4\x85\xb8\xe0\x89\x13\xd1\xc3&gt;(\xd2S\x17z\xea\xc5\x97\xfe\x8c{\xd7o\xf6\xb9\xff\xc1\xf4#KD\xf4\xd3Z\xeb\xf7\xfd\xad\xef\x9a\xd1.dc\x14\xbc\x80\xf2\x9b&lt;\x87~\xcbe\x9d\x9f\x0f\xd4\xcb\xe5\xfa\xea\xd3\xf7\x7f\xbf\xcf\x95\x03l\xdccY\x9a^\xdd\x86\xe5*\x9e\xdb\xe6\xd6w-\xa87\xaeT"Y\xe7\xa2\xc6\xe4\xd0Md\x0e\x9c\xd0\xf8A\xc1U\xa1\xf7[\xb7\x1d\x15]\x07V}\x99\xa6\xeb\xf5\x8b\xc7\xc7\xff`\xef2\xd8]\xbb\xed\x95\x1c{\xac\xdej\xddF\x1b\x0ez\xce/s\x96\x1cp\xf9\xbc\x89\xecq\xc8\xa8\xf6\xa4f\xb3\x07\xe01r\xb9\xc6\x8f\xbf\xcf\xfc\xed\xd7\xc3\x9dj#q\x8c\xb0\xf2\xf9\xfa\xe3\x05T\xbc\xf8*\x0f\x1fy\xdf\x83\xa3\x8e\xd6[\xb7\xa9\\\xf5\xe8\xfc\x9f\xbf\xcc\xfc\xf5\xc7y\x12\x8cD\x04\xb6^\xc1\xbe\xb1\xe1\x89\xcbc\x94\x0f8\x1b\x87\xe7\xbb3s?\xbe\x17\x1b+\xbe \xc3\xe5\x11\xd6j\xef+\x96\x16\xfb\x9a\x19\xb6\x06\xff\xe8U\x0f\x8e_\xbf\xde\xea\xac$}\xdeb\x12\xd4i\xa7\x01T\x15_\x84rN\xc6\xf77\xdc\xc6\xcd~\xc4WA\x9e\x07\xd1z\x8bO\xa7V\xabU\x8f\xb0\xe8\xfa\xc5[\xfa\xeb\xdb\xc5\xbd\xa8=\x04v\xf2:Z\xc3\xaeZ\xe0sHex\xe1xk\x0bm|\xaa\x91\xac\xa0\xca\x8ae\x9d\x8a\x94gc\xdf\xad&amp;\xa3\xce,\xe5\x83\x17\x93\r\xca{\x06\xba\x10\xa8\xe79\xce\xef\x87p\xad\xd6o{\xa77\xb5\x91\x88y\xc4\xd2\xcf\xaa\xfd\xd7\xd1C\xab\rM\x02\xae\x81\xa6\xc0j=\xddJx\x01`%\x19\xf1:\x17\x14\x9b:\xcf\xc6o*\xb5aS\x1e\xf4\xfa\x92\xe0\x13}\x11\x10\x08\x10\x12\xa6\xec\x87\x03\xcb\x9f\xcf\xd7V\xf5\xd1\x003l\x89\x18.l4 \xa0\xefk\x97\x00\xcb\xe30\x90D4\xdc\x17\xa2\x02\t\xf45\xbc\xc1\x8f\xa9\x94\xce\rM\xbd\xca\x93JM\x07)\xd0\x8cJ\x042\x9bu\x06\xadz\x04\xe5\xcf\xfb\xf3\x01F"\xd1\xc8\x87M\x11\xa7\x10\xd8\xfdp\xa0s\xab\x8d\x8e\xf6\x1ej\xd9\xc1CD\x83Y\nM\xdc(o\xe2`k2e\xd7\xc5\xd5\xbf\xbd\xee\xab\xdc:\xe0\x02I\x8by\xbd\xa0\xfda\x10-\x86\x13\xb8@#\x18\xc9\xb4r"\x93\x19\x89\x86\x85a\x0f\xc3\x8cD\x17w8\xda\xd0\xa9\xab\xd5nS(\xa4?\xddB\x0e\xf5\xc0e\x95\xa4\x90\x99\x15\xb0\xd4\xee\xb8=\x95"\x08\x1e\x0e\xa6 x2\x86\xe1P\x0eI\x08\x17]\xe7\x94\xd3\xd3\x92\xc1\xf0J\xb4\xe2\xc2\xd6\xc6\xc3\x8clz\xd3\xce\xb6\xd5\xc2r\xb0l9\xbf\n\xf6tUO\xd8\xed\x10\xaax\xdc\xbd\xff\x8a\xa2\xe5\x89\xeb\x00\x12&lt;,d\x0c\x16D\x8aeI\x96\x0c\x81tqJe\x88\xe5\xbb\xe35\xf1\xb0^\xba\x19\xa9|\x82\x10\xb0\x04O\xb8Wb\xfd \x93$i@\xa6\xd1\x13wo\xbc\x8e\x00K\xa5\xf6\x80-r\x98\xec\xb8\x1du\x858\xc9\xb2{{`\x82\xd0\x18\x8c\x9b\xf4\xb3\xcft\xf7F4\xe9\xc2\xd2\xadn\x93\x1f\xc8&amp;\xd9\xb6\xd1\xad\x16\xbc\xaaJ\x8d,\xc4\x1e4\xf0\xc2r\xab\x91\x0f\x02\xac\xfd}\x07D\xceh\x02Z;X$\x16\r\x9aL`\xb4\xfd-\x9a\x932t)\xd4\xef|\x15\x0f+\xdf\x95\xe0\x83f\x94m;\x8c?\xd3\xa8B&gt;\x7f\x03\xf8\xdcn\xc8\xa0G-\x0c#\xdc\x1e\xa3\xca\x01\x16$\xae39&lt;&amp;\xc1"\xed\xb5\xff\xc4\xa2if\xd8\xed+$\xcd\xbeh]\xd7Z\xfa\xa6\x8b\x93|\xdfI\xef9\x90wv\xbb\x05,\xc1!\x82$\xc4=n\x8f\xddn\x88\xebR:\x93}\x93 M\x06\xc9\x04\t~\x03\xbc\x08\xec\xdc=\xa0\x12\xb0\xf2\xfdnw\xd8\xe4\xfb\xdf\xc4\x8b\xd6\xcd\xd0 \x19v\xf5\xed=\x93\xc7\x14G9\xfb3^j\xd3\xb4\x1c\x8f\xbb=\xf8\xe4\x04A\xe2\x9bJSH\xa9\t\x91v\x89T\xa1\xc1\x85XA\xa6\xc1\xf8\xe3\x04`\x95B\xc3\xeep\xc8\xf3\'"\x96\xfc\x80\x1c\x0c\xe5\xffU\x95\x1c\xc2\x04\xc9\xad\x16JlCm\x98\xc8\xc84\x86xJR(\x14\x96$r\xb9\x86\xd9\xdabB8\xdf\xcc\xcc\xf2\x04\x89\n\x0b\x82\x85\xe3D\x08\xb6"\xebPt\xbb\xddA^\xbc\xda\xc2\xeey\x08\x16\x0bX\xac\x1d\xfc\xab\x10-\xd8\x8e&amp;R2\xe8Dy\x89r\xf2\xa0\x9a\xcb\x16\xa4\nE\x94Z\xcf\xb9x=`\r\x07&lt;ap\xa0\x01&amp;I .\xc02-!\xac\x97\xb4xr\xfa\x8d\xe6\xbb]R\xa5.\xb1\xa4\xdd\x0e\xd1\x82\xea\x02\xb1\xc75\xd2L\x87\x8fv:\x0b\xb9\xdd\x15\x9f+\xbc\xb8\xed\xa2*\x15\xaaSc\x98p?\xc3K@\x1f\x1c&amp;\x90\t&lt;D\x94\x11\x161\xecv3\xcf\xe2\xf56pT\x03\xd6\xc0mDXH&lt;\xa1\xbc\xe2\x86\x10\xdf\xec;\xc3\xbc&gt;\xec\xa4"T\xc2\x9b(\xba\\\x89\x83\xac7qQ\x0f\x04\xf8\xc1\xa0\xc9K\xa0\xce\x10\x15A\xfc\xc4*u\xba\xdd\xfe\x83\x88X\xd8+1\x1c6\r\xc6\x12m\xc7\x91~\xc6A\x04\x08\xbe\xd3\x8f8\xe1\x84\t\x9c%\xbc?\xd7%uyy\xf8xQ\xcf\xd7\x99f&amp;\xd8i\xf2\x8c&amp;\x14R\xfe\xbf\xb6\x94\x83f\xa6\xdf|\x10\xb3\x85\xf8f\x90N\x98\x0c\x0e\xa8-\x1c\x17\xe6\xb9:\\\xd2\xccPTG\x1f"\xe9\xd3F\xd2f\xb3\xd8\x92I[\xd5b;:?\xbch\xe5\x03\xd1\xa0\xb3\xdf\xe1!`\x84\x12j\x0b\xa9&lt;)\x97\xe2~\xae,f#\x88\x9d\xb4\x1d\xaa\r\x0f\x0bI\x84\xac\xa4\xec)\xbb]\xc9\x0f\x9c\x11\xa7\x15\xb2sQ&lt;\xda\xb1\xcc}\x9e\xfa\xb4\xfcy\xea3\xbas\xe4\xf0\xe9q\xf5\xdaEe;M\xb9D\xa2\xd4\x10\x10,\xc0\nA\xa9\xd1&lt;s%\xa6[L?\xb7A=\xd9R\xc9\xef\xc77S\xa9M8\x8be\x1d*\xe2\x9a\xbf\xa8?~?\xbf\xdc\x99\xdbE\x17+ff\xa6&gt;/\x7f\xfa\xc7\xd1\xd1y\xf1\xa9\xe8\xf3\xb9\x062\xf9\xe4\xe4\xa4\x12\xcel\x9a\xf6\xe3!\x92\xf5\xcb\xf2bZkT\xf3m\xa3\x91\x04\xac\x10\xa1\x84\x0eeR.Wd"\x95\xe2\xd9\xe3\xd3\xe1\xf9\xd1\xd1\x11\xba\x02[E\xd7\xad\x91\xf9\xb7\xd9vl;\x97\x979oG\nV{\x02\x9a\th\xe7\xfd\xb8\x1f\x0e\xee\xf2sZDW\x86\xad]\x95\x9f\xf7\x1c\x0e\xc0\xd2\x80\xa7\xff\xf8\xf1\xa3T\xaap\xae$/\xd1\x84\xed\xb2qYL$\\\xb0\x0f\x057}vv\xe6mX\xa0\xc8lI\x97L\x0ekbR\xc2\xe5[\xcc\x04I\xd2\xa5\x97o\xa2\x9a\xc5\xb5\x93\xfd\r\xa3Z\xc5\x96\xf2\x1c`\xc9\xa4f\xa9\\F\xe5v L\r\xf0\xce\t/\xf0P?\xaf\x0f{\x11\xe1Y\xc36g\xb1\xd9\xb2\n\x19Zr=G\xbf\\\x11\xd3D\x88\x1d\x89}\xe1n\xdf\xa8v\xdb5%\x9a\x93\x15\x80\xcal\x96\x99}\xf0\xc5\x96\x86\xeb\xec KQ?\xb1\x10\x97W\xf8I4\xe6\x96\xe7,\x97\xb3\x85\x82\xc2\xac\x90\xe9\xb9\xd6]z\xe4\x9f\xd0&lt;\x8b=x\xc3\x1eL\x86\xd4\xe6\xfdm\x9e\xd3j\x15\n-`uV&gt;\xed\xceY\x12\t\x81\x08\x1e\x89\x04\x8aS\x02t\x15\x1cQ\xa5aY^\x9f\xdb\t\xc2[\xb5\x8a\xc2\x12\xd3\x02]8y}\x15}J\x89\x8d\xd8M\xc3hmT\xe2\x14Z\x85Y;k\x96\x1dW\xa7\x96\x97\x93\xe0p\xc0z%:\x9d\xeb|\xabv\xf3R\xaa\xb5\x02\xad\xfa\xd9\xe1\xce\xee2,\xcb\x81\x02\xdek.@\xb4F\xc2-\xbd\xe2O\xdd\xb0\x93\xd1W\x0c;y\xe1\nf\xadV\x0b_\x16\xacNM\xad\xefV\xc1\xea\xaf\x96\x02\xa5V\xeb\xee\xae5\xbe\x7f(=\xbc&lt;\x8f\xdf\xde\xfe\xf8\xf2\xaf\x99\xa9eKB.3k\xc3Q=\xf7\x82t\xe1=&amp;6\x1f&gt;\xa0OM\xdf\x95\xa3\x80\xa4\x85p-T?O}\xf92\xf5\xc7c\xafw\xfbrw\xf7r{?\xbe\xbb\xbf\x1d\xdf\xde\xdd\xde\x8e\x7f\xffuff}}\xdd\xe6Z\x92i\xb5\xe1\x82&gt;\xff\xf0\xce7\xec^\xe5\x97 \x85\xb0\xcc\x0b\xc9\xe5\x19\x84\xf5\xfb\xdb\xdb\x1d\xc0\x00\xd2\x1d"\xba}\xeb\xf5\xbe7r\xbb\xb9d\xae\x9a\x0c\xeb\xa3\x02\x16}\xb5\xf6\xaeT\xd8I\x89)\x84\x81Jk\xceDv!\x87\xbb\xb9\xc6\xf7\xa7\xdec\xef\xed\xa2\'\xacZ\xed\xfa\xf4t\xab\xe8\xf5\x1e\xc4"+\xb1\xa8&gt;\x1a^\\\x8cr\xa5\xf7\xbe)6=\xe6\xa2\x8b\x8b(\\\xb3\xb1j5\xd7\x00[\x9f8\xbb&gt;\xad\xdd\xdc\xb4n\x84G\r~\xd5N\xb7\xac\xc7\x0b\xb1\x88S\xc0\n\xcfs\xe3\xf7\r\x16\x92\xfb\xfa\x12\x8a\xd6lp6\x18\xa9Tb \x9d[\xd7\x08\n\xad\x12\x10\xc1\xf3\xdai-\xc0D\x8f\x9d\xb1`To]\\\xdc\x9e\xaf_a\xef}\x87\xe7\xb7\x1eSX\x04\xa8Y\xed\xecB,v\xb0=\xbfz}]\xab!\x1a\xb4j\xc2\xd3\xdaMY\xc3o\x07\x17\x8e\xd1\xe4p\xd1\xba\xfav\xf2\x97w^Xz\\\x8f\xa2$.B\xe1/\xcc\xc2\xe6\x0fp\xcc5Z\x02Q\xb3\t\x7f\x03\x812`A\t\x86\xe7\x01k{\xfe\xe2\xf6\xddok\xfe\xf0\xe1\x7f\xbc\x9c\x0fL\x93\xf9\x19\xc7mZ\xda\xb7\xef\xd5`\xe8\x84(tX8\xc7n+\xd8\xf6\x9d\x88\x13\x0eZ*\x94?\n1UX\x10\xd2\x8e\x00M\xfd\x1fQB\x1bQ@\xe2\xb0\xc6\x1a\xaf\x9c"\x0c\x144\xd5 Ap\xe3\x123\xc1);\x17\x84\xf3\xcfI\xfc\x1b4\xd3)*\xeen&amp;\xc6\x9b\xd1\xcb\xbe\xcf\xef\xd5\xbb,\xd9n\xb7\x9b\xf4\xf7Z\xde\xf2\'\xe9\'\xdf\xe7\xfb&lt;\xef\xef\xf7\xfe\x9e\xd7\xd3\xbbm\xeex=j\x17\xb8Ln\x83\xd5Zd\xb5\t\xc0\xdaO/\x94UP\x159\x1cVC\xa9\xdb]\n\xac4\xc1v\xe2\xc2\xd475#\x8aEBr\xbc\x89\xd42\xe9\x9d\x06\xab\xc3*\x08i\xbe\xf2\xfdKVa\x1e\xe1\xf14\xf7\x8c\x96\xdb\xac:\xab\xc1PZj`Xm\x0f\x83\xd0k\xadX\xff\xb0\xcd\xe0v\xc7\xb3@"\xf9\xb7B\x17\'f\xf3\xb4\xd9\x93\x99\x9a\xeara\x0eh\xd3YY\x9f\x92` \xb1\xdaN\x06\xa33\xbd\xe0/m\xb647\xd4\x02\x94\xc9\xee,\x95\xe8xjwX\xc6v\xa00\xcfj\xf7\xf8 \xa1Cg\x15\x90\x0e\x82 \xb4\xb5\x1d\x95N=\x95Bq\nX&amp;6\xb02L3\xe8Jt[\xed\xd5\xcb]\xe9\xa94\\\xed\xcd\x82\x01\x0b\x1e\x87CH+\x17\xb1v_PH\x83\x805\xd8f\x13\x9c\rN`9\x1b\x96\x94\x0b\xd6\x92\x92\x12\xc9G\xfb1\xc3Y\xde^\xd8\xee)O\xb3Z\xad\xb5%\xb5\x06O\xcd\xa8\rX\xb6\xb6\xdd\xbf\r\n\xd6\xc9"\x9b\xcd\xe7l\x00\x98sI{\x8d\x8fn\x8e\x96\x18&gt;j\xa0[\x96\xd5\xcd\xe5\x02%b\xad\xd5\xd0\xdc\xbe\xa7\x07X6[\xd1\xc7\xbb\x82\xf2t\xc1\xe9"\x88@X\xce\x86U{\\\x07|\x8e\xda\xdaZ\xa4c\x1a\x8d\xe6\xb4"\xac\xa9\x8bl\xcd\x9ev\x97\xab\xc6\xe7\xb3\xfd\xd1V\xb4mo\x10\x1c\xaf\x98v\xda\x81\x8a\xe0\xa4 \x9a\xe0\xa8\xed5\xa3\x82\xadH(b\x01\x13\xca}P\xb2\xbc\xbc\xb9f\xfb\xf6\xd4\xf4\x03&gt;\x9b\xcfg\xd5][\x1f\x14\xb5\x8e:\x90\xf7\x8c\xcbY\xbd\x9d\x96\xd1\x1e\x9f\xcf7:\xda\xdc\\\xee\xa3\xcd\r\xcf\xaav,\x1c\xd3\xd3\xd7\x19\x0f\x8c\xfa\x90\x94\xef~\x02\xff\x9f\xb0\x047a\xd1&gt;\xa7\xcbhL\xdf\x89\xf5=F\xfb\x81\x1a\x8f\xc7\xb3\xfc@\xfb\x9e=.\xd40\xe3\xd2\xcc\x9a\xf2\xf24\x83A7\x18$\xacZ\x14p\xb7\x9d\xb0\xaa\xd3C\x8d\xc6\xccM;]\x7f\xda\x8e:\x8a\x05c;\xceT*\x8c\x99\xa1K7y\x9a\x9d\xa5\xbc5HX\xd3\x8e\xd6\xea\xcc\x9c\x1a\xd3;Sqe\xea\x8c\x193B3\xd3\xd3w\xa6\xd3R\x9aFf\xa61\x94F\xc4\x0c\x17ma\x9b\xad\x8e`\xa9U\x12+\xe1\xb0\xd02\xe9M\x95\xa9\xef\xcf\x89\x880\xd2\x085R\xa7\x01T\x9a\x11AGT\x84qy\xb1\xddm\xe6\x83\x855\rX\x1a%\xd4\xc2E1\xb1pi\xd4\xcc\x99\x11\xd4DO\x0b0\x9cg\xb0\x8e\xf9\x889sB]\xd5\xf1r\xa5L\xa2s\x0c\x16\x04G\xad\xe8h\x8dL\xce\xb0\x8a+\x0b\x8dsfF\xcd\x89\xa2V\xc9\x88\x08\xb1[d\xe6L|\x13\xeaZ\xd5 WR\xd3\x86.XX\xf3\xa3c5\x9c\x1aX\xc5\xc5\x899\x15\xcb\xd6EQG\xe2\x8f~\xfa\x01\xb5\xa5\xb3v\xf9\x08c\xaa\xab\xba\xc1\x1d\xc2\xb0\x82\xa5\xd6ij\x97T\xba\xc9\xf3&amp;\x02[X\xb8y]\x94\xf8x\x08\xb5\x87\x7f\x10\x91ZXQYlr\x03\x8a\xe7%\xba`\xd5\xad\xd3t\x97V\x06,\x02\xd3\x83\xab\xb2\xa2bu\xea\xd2\x08j\xfb\x8eZ\xfa\x9be\x85\x959\xc5\r\xe4\xf6\xe0b\r\xfej\xbe%V\xcb\x99\xecvLl\xec\r\xc4UY\xf1\xeb\xc2\xc2\xd5\xcb6o^\xbdpa\x05\xa8\xec\xeeR3A1\xack\xc1\xb8&amp;J\x15\x83\xd1\x16K\xb4\xc6\xec\xb6\xdb\xdd\x14I\x8a#\xeb\x18\xc6+\xa7\x1a\xefr6\xaa\xb9R\x06%\xc1\xd0\xc5\x06\xe5R=\xad\xe0s\x8b\x05ri\xccj\xb5[\xadNN\xd6S\x0b\x10\xc8rr*r\xe8]bq&lt;\xb7u+/!*\xadD\xa3\xd3}\xb8+\x18\xb3\xd3\xf5\xfb\xe6\xcd\xb3X\xd6\x94\xc9\xe4j\xb5\\N7\x95\x12\x19M\xe2\x9bS\xb1I\xcd!\x03y\x99\x8c\xf4\xe2u\xba\x92`&lt;\xfe\xaa\xd8\xbb\xcf\x02\xae5e\xbcR\x0e*`\xc5oL\xfcv\x14\x17\xebQEQFe2\x19\xc5P\xa3\x89\x8d\xbd0\xe5O\x0b+\x14\x8a]\x1b,\x16\xc2\x92\xc88\xc2"0\xfdF\x1a\x898\x8a7\xea\xedj\xa5Y\t\xa5dJ^\xa2\x01\x96&amp;v\xb0`\xaa\xb9\x80ua\xb1\xa8\x96(\x17\'\n\xa6\x07\x19\x89\xb51&gt;^-\x0fQR\x00\xf1\x02\x13\xc0t\x1f\x9e\x9a\xdais\xc1\xaeK\x97\xae\x0e.\xb0\xd0XS\xa6\x95)CB8N-Of+l=\xb8\xa0U\xbc\x9acZ\x11\x99D\xab%\xd3\xd7\xb6\x9d\xf9\xfd\x14\xde\xb2\x91\xeez\xfd\xfe\xa7\xd76, &amp;\xaa\xf4|\x88RI7\xb8E\x83Q$\xf5z\x88\x05\xc3\xf3fP\xc1YZ^\xab\x01\xd6\x87\xc2\xd9)|\x9as\xef\xeb\x89\x9e\xcf\xf7\xad\x98oY\x83Q\xa6A\xb2\xd1n\xc0\xdb8\xc2a\xfa\xf8d5\xae\xcf\x12\xb1\x90B2^FXX\x83&lt;\x9d\x98\xaa\xa7\xbe\x15\x05\xaf\xc6&amp;\xb6\xfdd\xc3\x8a\xf9\xd1\x80*+C|\x88\x8b)&amp;r\x89P&lt;\xaf!.DQ\xa6\x95\x91\xeb\x81\xe5xzs\xe2\x15\xfd\xdf\x1a\xd2w\xee\xf5\x82\xabcW\x9eo\xfb\xf9\xe2E\xcc\xef\x18\x1a-\x8f\x9ccXT\xbfh\xc89\x0eeA\xc3\xaa\x96\x84\x95.\xd1\\\x8e\xa7\x19UW^_\xdd\xb5W!\x95\xbe\xd3+N\xc1\xdeWc[\xb2\xae|\xfd\xcb\xc5\x8b\x10\xc32\xad\x88E\xa6W2\x83\xc9\xe1|\xd8JI\xc5\x8a\x82\'\xa3\xca\x85\x13\xa8\x10\xc5\xa2\xaf22&amp;\xb3\xaeL|}\xb8\xff\x1d\n&amp;U&lt;y\xf5z,oK}\xd6\xc4\xe2E\x0bH,-\r|\xaa\x12\xa9H\xf6\xe2J\x95\x90\x8c\xa3}\':\xe872\x16F\x0cp\t\xc3I\x19\xf5\x93\xf5\xf5\xc3\x97[\xae\xf7K\xa7\xbd\x132\xa9\xf4\xc6\xf5#\xcf\xc7\xf2\xf2\xd6fUe\x9d`X\x8cJ+#k\xa1JQ2\x92`x\x85\x98E\x1e\xda\x18chZM\x19\n\xaa\xe7f~FU}}\xd5\xed\x81\xb9?\xdbq\xee](&amp;\x95*\xfa\x0f\xa9\x8e\xfd#o\xed\xda-YU\xf5\xf7W\xcc{\xab\x16\xa4\x92\xc1[T\xbb8\xceMXT^\xc9lf\x96\no\xc4\xc2\xdf\xf2_eg\x03k2\xe9\xbe\x7f\xfat\xaf\xbf\xe3:\xc0\xfe/\x93\x11\xd4\xf5\xc6\xb8\x84\x1d_\xaceXI\x93\x8f\xe6YX\x1a\x92V\xf8h\x08\xc4\xfe\xd1u\x08\xbe\xc7\xc5\x9b#.33\x1dqi\xe0C\xe7\xcd&amp;`UU\xdd\xec\xcc\xcd\r\xf7\xfa[[;\xce\xf5\xdf\xf8\xc1\x92\xc1\x04\x05\xfd\xd7\x0f\xa5\xc4\xc5\xc5%|rE\xc4\xca\x9f\xd8\x1dMT2\xb2;I%\'s\x91\xe5\x93\x93\xd5,\x15Y\xcd0\xb3\xdf\x85\x840\xbd\xd2 V\x12\xb0\x92\x86\x87\xbc\xe11\x91\xc0\x1ah=v\xef\xc9\x8d\x1f$\x99\x94\x94:w(E\x95@X\xfegy\x84\x95\x91\x9d4\xd1\x06,\x99\x8c&gt;\x97E\x90\x8cNWG\x1a\xc8E\xb9\x92m\xb9\x8a\xcc\x84\xa5\xd1~\x9a\xdd\x04\xac\xc9\x8c\xec;\x81\xdc\xf0\xc08\xb0\x00VG\x92\xfd\xef`$\x14\x83J ,\xd5\xecO\xc6\xc0U_\x95\xd4\x94t\xdf@\x11\x0cy;\xc4\x10\x8a\x8e\x97\xbb\xc5\xed\xd6o\xb0\xa8\xdc\xf7 \x84\xf9\x845|\xd0\x9f\xfb^\xe0V &lt;\x92q\xd5\x91d\xfd\x05\xdf\x1f\x8c\tu\xfdPc#\xa3J\x98E\\s\xbfD\x85\x80\\\xf9\xe0\x12x-\xedV\x8bP!$\x10\xc7\xc4\x12\xbdO\x13\x9b\x10QJ\x9a\xd0\x83\x8aae\xe4\x7f\xd1\xeb\x87Z\xb7n\xf9\xc3#\xeb\xea\x02uuD\xd6\x81`J\xbf\x97f\xf8\xa3\x1b\x88^c\xe3!\x1co\xd4\x8aS%&lt;~N\x95\x0balJ\xba-\xf0\xec\x93\xf1\xd1\x08!\xc71o\xd1$G&lt;B\xbe\xa1\xe2\xcd\xe6\x9e\xe1\xb7T\xb7\x87\x02\xde0o\xe0\xd6x\xc0\xeb\x8f\x0c\x04\x88\x8bI\xd6q\xee\xc9\x7f\xf5?\tu\xe3\t\x83\xa2\xd1\x98\x92B\x8a\xc1\\)\xb3\xfe&gt;6\x86\xca\x8506e\xdc\x1e\xe5\xcd"\x16\xf3\x16\xb1\xc9\xdfT.|\x87\x1fS:R_\x7f\xa9g\x18\xc6\xca\x07Vv\xfe\xdd[\x81\xdc\xb0\xdc@\xef\xc1\xce\xbe\xbe\x83\x07\x0fv\x8e\x1c\x1f\xe9\xec\x1b\x1a@@\x8fu\x7fw\xc9 &amp;\xb2\xd4[\xa8\x96\xee\xae\xae\xae\xf3\xe7/^\xec\x00\xd7\x8f\xbfd\x15\x95qM\x8e\x1aD\xbd(\x98\x1c\x13J\x9c\xe2\xe0\xacFf\xb2\xaa\xc5\xf3\xee\xa7\xc3\xd9\xd9\xa0\x82VM\xf7{\x03\x91\xde\xdc\xba\x91;#}}\x97[\xeb\xeaz{\x87\x86\x86@\xd77\xe0\xf7\x7f\x87dR\x16&lt;\xc6D\xa3\xa5\xa5\xbb\xfb\xde\xe1\xc3\xc0\xea:r\xe4\xc5\xa3\xc7\x88\xe3\xe3gkE\xdbg\x83\xabG\xa0\x86\x088\x9bc3g\xfaB\x1d\\\xc4\x08\xbf\x9b\x954\xb3q\xb7\x0f\'e\x8b\x11lB\x08#\xbd\xfe\xce\x17w{\x03\x03\x0f\x1e\xb5\x86\xc7\x04F\xfa\xc2c\xc6c\xea\x86:G\x08\xec\xdf\xfb\x9fAQ\xea\xa50\xa6\xee\xee\xee\x8e\x1d-]GTq\xe4\xf7\xd9\xb3_&gt;\xdc\x11\x970\xeb\xf1\xf3\xb5ycW\xb2\xea3P\xb4\'\xcf\x08\x10\x8c&lt;F"amfG\xdd\xc2\x99S\xbeYNKH\xab|&amp;UFR\xd3p\x1f\xa8\xe6\x8e\x1c\x1f@&amp;\xde={\xf6\x85\xdf?\x94\xba\xb3\xcf\x1b\x18\x07\xeb\xc1\x07\x97\xc3\xc2r\xbd\xde\xb9b\xc9\xf8W\x97\x93\xa1\xe0$`\xb5tu\x9f\xbf\xd7\x98\xd2\xd8r\xf2\xb3\xdf\xb5\xa8T*\xfc\xb0\xe3Tw\x82J\x15\xf7\xf8\xd9\x96-yH\xc8\x8c|p\xdd\x17\x0c\x000#d\x98&lt;$\xff99\x99&amp;\\\xe2b\x0c\x93\x19\togT\x90\nY\x02\xaa\x98\xc8\xc8\xcb/Z\xc3\xc7\x03\x9d\x0f^lZy\xe7\xf2\x83\xed\xbf8\xf38r&lt;\x10\x9e\x9b\xdb\xf9\xa0\xee\xbd\xb0\xb0\xb0\xf0\xdc\xe9\xb3\xbf\xbd`\x82\x89\xd5(\x06\xa5J\xe9\xee\xeah\xe9&gt;z\xf5\x9e*\xe5\xf0g\x97\xfev\x114\t\t\xc0\xea\xc0\x9b\x14\xd5_\x9fee!\x92\x10,\x1f\\&gt;\x03Mc\xa0\x97\\\x1d\x9fl\xc7\x81J\x8f\xa9\rk\xd15\xd8\x9f\xdeLbP\x8c*2&amp;&amp;2\xf7\xe5\xcbp\xefx\xef\x83&gt;\xef\xf1\x95+\x9f\xde\x1dx\xf4\x87\x13\xffl\xd2\\B\xdb\xb8\xa20,\x0f\xa1%\x19M\xa1\xb3\x18\xe6A\xa6 e\x10\x0c\xc6\x90\x9d7\x82\xd2\x80\x88\xcd@\xb4\x0c\x14\n!t\xd3E\xb6Z\xb9\x0by1\x84YtQe5^L\xf5 \x11\x1aQ$\xcb\x18\xe2D$\xc1T\x10\xd4\xc82D\x14GX\n~4v\x93\xd8\x8e\x89\x13\xc7P\xfa\x9f{e\xa7G\x0f\x8f\xac\xc7|\xfa\xcf\x7f\xce=\x174\xb7\xben\x08N\xf6z\x1dT\xb2(\xab\x82\xe5\xffE\r#rf\xa8$\xa3\xf2\x8b\x1b\xae\xe6&gt;\\X\x98/\x95\xee\x9f,-=\xe8\x98\xa6\x16\x8d\x96N\\\x88\x95Hh\xee\xd1\xf1,\x13,\x83\xe5\xa4\xffx&lt;\x1e\xbfx\xee&lt;\x1fPiv\xfe\xe2&lt;\x8d\xc9\x98\xb0.\xff\n\xaaI\xa2\x82\x13\x9f.\xe6\x8c\x98\xa1\xa8\xe1\x10t\x83\x9f\x06\x83\xed+_=9)w\x1e\xfc\xb1][\x8f9\x02\xb0T\xd9!2U\x90L\x80}\x19\xe1\xdd \xaa!&amp;\xa2\x13~cCK\x98\xa5\xfb\xf3\xcf\x9e\xdd\xef\x94\xca;\x0f\x96\x96J\xb6\xae\xfb\x8d*\xf5\x89\xa4\xebnm\xbd&lt;\xce\x90`3\x99\x14F\xa8G?|s\x91\x86+p\xddd\x1d\xe2\xfc\xb9\x8b?\xc6\xe3\xf1\x0b7\x7f^#\xa8\xc9\xc94\xa8\xf6\x16)\x0e\x0f\x07\xa1\xe5\x04\xd7\x0b\xe8\x0e\xcb\xe1\xa3\xa5\x93OO\xbe\xbe\xf4f9&amp;[\xc1\x9b9\xc6\x84\x8b#\x08\x96\xfd\xdb?\x11J\x1e\x83\x82&amp;QP\xe1\xd8mT*\x0b\x0b\x0b\xf7\xaa~o\xe5\xd9\xb3\x87U\xcd\xed4\x92\xe0a\x81\xbf\xfb\x99\xa9\x19\xd6+R\x99\xd7\x9b\xdf\xd3\xcf\xaa1\x8a\xa2.\xd9\xcf\x8f\xc6.\xc6\xb1)\xba\xfc1\r\xad&amp;\xd3iP\xf5\xbb\xb9\xb9\xc3\xc3.\xc0\x0ev\x0e\x16\xf7&gt;\x1cf\x11\xcb\'o\xff\xee\xd6\xaf_\xbat\xa5 \xd5\xb7\x91C\x88\xe58\xaa*PHz\x84-0\x8c)\x99t;E&lt;\xc0\xbd\x9f\xef\xad\xac\xac\xf4Z\xc5\xd6\xdb\x15\xe0\x1d\xed\x1c1 WGhQw\x7f\x96\x1c\xc6\x9a\xd8\xec\xab\x9d\xf18\xdb\xa6\x02\xee\x1c\xa3B^\x7fy\x9aN\xc1X\xe9\xe9\xe9;w\xfa\x87\xa2b y\xa2\xa2d\xdb\x1fv\x0f\x17y\x1c\x1d\x0c\x97\x95Z\x18\x06\xdd\xc2\xa0\xeb(\xa2"\xca\x82%I\x16B\x90\xa4H\x92yzb\x82\xeam\xf7\x139\xac\\\xf2}?_*\x95\xca\xa6\xe6\x96Z\x95bo\xbe\xe2\xba\xbai\xdax\x8bm\xea\xda\x04\x0c65\x03.X\x0c\x80\x9b0X\x9c\xd0F\x1b\xe9\xb1\xab\x8f\xd6\xb8VD\xb5\xd74\x14\x85\x0co\x18\x8aQ\x1b\x0e\xe70r\xe1\x18}!k\xc4^\xc4\x8c \x0c\xb2w\x97k\x86(:\x96\xe3\x80\x88\xd4\xb2"\xc4\xc4z@\xf2v2\xdfi\xf9ZB\xd3\t\xc0\xb6t&lt;\x15u\xf3\xddO-\x1f\xb5\x80\xe4\xeax\x82B\x8f\xba/\x8fgn\x11\x17\x86\x9d\xa9)\x12\x8c\xc0\xc6h\xcbz\xe1\xbb?Y\x02\xa7\x015}gm/KT\x06\xa3\x92\x15\xa56l\xd7\xb39\x1c{\x8e*\x1b\xb9Z\xd0.\x80n9\xa8)\xa2\xa8Z\xa3\x1c\x82+Bg\xc49);\x1a\xb8z\xc5\xaany\x9e\x8d\xffD\'\xa2~\xb5\xd8\xe8\xe4\x93n\xa9\xe4\xe3e\xc85G\xd3\xa3\xc9\xadw\x1c\xeb\xd6\x0c\x81\xfd{#\x1e\x1f\x1f\x1f\xa3\xbd\xc5\xb7\x1f\xd7FJ\x81\xea\xe9\x81\xa30m(D\x11=\x93@\xea]Z\x08\x9b\xddB\xbb\x1d4E\x08y\x97\x92\x1cS \x05\x90`z\xc1\x8a$LKP\x0c\x8c\x1b/^\xa0\x874[\x8db\xb1\x9a\xcf\x97\xcbe\x17L8F=D\xddr\xc5\'\xe9Xi\x00\x8cz\xc6\xd6\xfe\xea\xb5kg`\xafvn\x8c\x93\xbbn\xfe\xfet\xe4t\xca`\x7fQQ\x14\x9c\x96\xb4\x82hTm2)\x14\xb2\x00\x13\xe6/&lt;-\x1a\xf4\x92\x98HX\xd0\x8b$\x8b\x98\xb6#\xae\xaf\x13\xd5\x8b\xbb1O*\x97:\x9dN\x8fn=0\xf9$\x90\xb2x\xba\x00\x00\x03\x1dIDAT\xa3\xa6%p\xa3\xb2@\x82q\xcc\xb8\x90H\x0c`\x9f\xb9\x00vul\xecq?\xc5\xa8X\x06\xa7\xfb\xbb\xb2hp[\xe1\xa68\xb9\x9c\x87\xabD\xbb\x8cl\x16\x9b\r\xc9\xa0\t\'h\xd6\xb0j\xd7\x02OT\x08\x8b\x85\x10I$\xe0e\xc13Df\xccu\x1a\xb5K\x14\xe5\xbc\xab\x11\x86\xe6\xba\xa7\xed\x03\xbaigz\xe9\xe8\xac\xef\xff\xcf\xf5zsg\xf3u*5J`zzm\xaf\xc9\xbd\x1e\xe39T\x9c\xe6\xa0\x1bv\x0b\xc3n\xa1)e\xbb\xcdn\xbdYh.\x87A\xd8\x1e\x0c\x86\xed`P\x13E\xcf\x92\x88K ,~\x12\xd36-x\n\x81j@G3mWw\xdd\xb2\x8b\xe5\xb1U\xa9nT\xfd\x8d\xdb\x1aaMp&gt;\x9d\xb8\xb0\x14=\xff\xcc5\x8b\xfd)Zl*\xcd\x94\x9a\xee\x1f\xe4\x94\x91T\xdcX\x8a\x13l\x87\xed\xe1`\x10\x0eC+\x18\xd4\xb7\xb7\xeb\xdb\xc3B\x18\x0c\xc3p\x10\xb6\xdba\xc1`X\x02\xf3}\x84ZQ\xc2\x84,\xba\xa9\xfbn5\x0f\x84b\xc5.\xf7\xf2\x8dF\xa3\xd5p{\xadN\xab\xf7\x10\x87\x0f\xab\xdcZZ\x92\xd6F\xaaK-\x01\x83=gXT\x90h\x16\xd8\xa0\xa6(\x85\xd3\x93k{\x87\x0cj$\x96\x88d\xc8N\xad[\xc7x\x15\xd4\xdb\x05\xab\x10\x16\x82z\x81\x02S\x17F/$\xf5\xae(\xc6\xa0\x0c/\xc5\x08t\xb1!WB\xb3\xcd\xfc\xbdbq\xa3x\xafQl\xe8\x95\xfb-`\xf5\xe6[\x8dJ\xab\xd1Ctz\x15h\xc4s\x19\xe5\x80X!\xd1)H0P\xb1&lt;2,\xac9\x93\x9b\x8b\xb9\x18\x93j\xa4\x16\xb0\xb0\xb68\x82\xeaH\x18`\xe0\xaf\x1cL&amp;x\x96g\xc0=(\x06\x05\xedT\x91\xc5u^\x8b\x12a\xd9\x96\x84\x9c\x99\xbam\xb6\xe6\x1b\xf3\xbd\x06\xa8*:F\xd2J\xbe\x85\xc9\xb4\x92\xcfW\xcb\xc8\xa6\xce\x1deR\x05\xf0H\xb0j\x882\x87\xad\xae\xae2\xac\x0cE\xaa\x7f0\xa7\x8c\xa0x\x17\xa5\x8e\xc5\xd6a\xc1A\xbbdW\x16\x96\x05\x1a\xa4\x97\x87\xac\xa0G@.\xbaD\xd08\xa9yRp\xa7\xa37\xa0\x95\xd3\xc5e&amp;?\xf5:\xab@hk\xea\xa7\xc1\xe1\xb4\xad\xfd\xf7\xcf\xc1\xb5:\xc5\xf4JQ\xfe@2\xf2\xd4\xe9)\x1dYU\xe5Q\xb7\x94\xce\xa8$\x07\x1aq4\x91\x85\xc5:\x97\xe3D\x04\x89\x88,F\x06\r\xf9\x03\x9b&lt;\xcf\xb4\xf9\x1c&amp;\x97\xcb\xe4I?{\n\x99\x8d\xee\xee\x13\x16\x04\x9b\xcd\xa4\xfb\x8b\x92\x87%N\xe4L\x10\x8a\xc4\xc02\x0c(u\xd4,\x19\x10\x87\xb3\x08\x8bb\x84\xe5Q\x06UY\x8e\xa8*[\x1e-\x018\x1e\xf4C)z\x96\xed\x11#\xc1J\x16\x1c\x80\xe2d\xab(13\xb0S\xac\xc4)\xda\xd1;f\xf9Lzo\x17\xbd\x87i\xc0&lt;C7G\xe1C\x8b\xea\x9cje\xb1;\xa6\x97 \xd3*\xcd\x04C\xc4\x14"\xc7@\x18\xa1/\x81\x97\x08D\xe6\xb1\xcf\x11=\xc7\xf1$Hi\x88\xb0\x076td\x11\xfax\x95\xbe\'\x07\xa3\x962\xe2bh\x89\xf2\xc1qf6\xd3?\xb0%z\'\x1b\xe9\x1cY\xe1\x9d\x1d\xef\xa4\xa0\x85X\xe5+1\x87\xc2\x9de\x8d\x80@\x86\xd3\x89\nQ\xc1\x00\xff\x01sV\x92\xa00\x84#\xa3\x00\x00\x00\x00IEND\xaeB`\x82'</t>
        </is>
      </c>
      <c r="M526" s="3" t="n">
        <v>45492.67780092593</v>
      </c>
    </row>
    <row r="527">
      <c r="A527" t="n">
        <v>1463561</v>
      </c>
      <c r="B527" t="n">
        <v>1974</v>
      </c>
      <c r="C527" t="inlineStr">
        <is>
          <t>Lyncon</t>
        </is>
      </c>
      <c r="D527" t="inlineStr">
        <is>
          <t>Lyncon</t>
        </is>
      </c>
      <c r="E527" t="inlineStr">
        <is>
          <t>UNK</t>
        </is>
      </c>
      <c r="F527" t="inlineStr">
        <is>
          <t>UNK</t>
        </is>
      </c>
      <c r="G527" t="inlineStr">
        <is>
          <t>UNK</t>
        </is>
      </c>
      <c r="H527" t="n">
        <v>186</v>
      </c>
      <c r="I527" t="n">
        <v>33</v>
      </c>
      <c r="J527" s="2" t="n">
        <v>38478</v>
      </c>
      <c r="K527" t="inlineStr"/>
      <c r="L52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\xc6\xf8\x87\xf1\x13\xc0\xdf\t\xbc\x13\xa9\xfcG\xf8\x97\xe2\xbb\x1d\x0fB\xd1\xac\xde\xebT\xd5u+\x81\x146\xd1 \xcb31\xf6\xed\xd4\x9e\x00$\xd0\x06\xcdy\x87\xedI\xfbd\xfe\xcd\xdf\xb1\xa7\x81$\xf8\x83\xfbC\xfcR\xd3\xb4\x0b_-\x9a\xca\xceYC\xdej\x0c\xa3\xfd]\xbc\x0b\xf3\xcc\xc7\x81\xc0\xc0\xcf$\x0ek\xf2{\xf6\xf0\xff\x00\x83\xa6u\xc9.u\x1f\x01~\xc2^\x01\x86\xd6\x0c\xb46\xde7\xf14"Y\xa5=&lt;\xc8m~\xe4@\xff\x00\x0f\x9aY\xb8\xe61\xd2\xbf\x1d\xff\x00i\x1f\xda\xab\xf6\x8b\xfd\xa3\xbcww\xf1W\xe3\x7f\xc5\rS\xc4\xda\xcd\xdc\xbeE\xd5\xf5\xfd\xd6YT6Dj\xa0\xed\x89\x00\x03\n\xb8P\x0e03\x8a\xaeV\xb7\x1aW?R\xfe4\x7f\xc1\xcc\x7f\xb5\x96\xb1\xf1\xb3R\xf1\x7f\xc1\x184\x1d\x0f\xc1\xc8\x86\x1d\'\xc3z\xe5\x84w%\xa2\r\xc4\xd38\xc3\x99\x9b\x1c\x84m\xab\x9d\xa38\xc9\xf2\xfdc\xfe\x0e\x86\xff\x00\x82\x8d\xdbk\x9a\xa6\xb3m\xaf\xf85-nQE\x9d\x88\xf0\xb2\xbc6\xdbF\x0b\xc4Y\xf7\x92s\x92\x1d\x9b\x9ct\xed\xf9\x99\xa5\xe9\x1e$\xd7\xaf\x83\xe9k&lt;\xee\xc3\x07\x00\xf01\xd3&amp;\xba/\x0e|\x06\xf8\x9b\xab\xb3\xc7\x07\x82\xf5"c\x98\xefi-\xdc\xa2\x90pA=\xcd\x15+\xe1\xa1\xe5\xea\xcd\xe1B\xac\xd6\x88\xfas\xc5\x1f\xf0\\\x8f\xf8*\x97\xc4\x0f\x14\xcb\xe2\x1dG\xf6\xb7\xf1-\x84\x17.\xc6\x1b}6\xecX\xc4\xa3\x82\x02\xc5\x02\xa0\x18\xeb\xf9\xe4\x9a\xc0\xd6?\xe0\xaa?\xf0Q\x7f\x10\\)\xd6\xff\x00m\xdf\x1f\x81\x18o-\xad\xbc_:a\x88\xe0\x9d\xa4\xe3\x07\x9eFx\xaf1\xb7\xfd\x93\xfc{y\x98\xec\xac/\x9ax\xd3\xccc\x15\x84\xad\xe5\xa98\xcf\x00\x85\x1e\xe7\x02\xb3\xbcU\xfb\x1c\xfe\xd1\x1a\x0e\x85\xfd\xbe\xfe\x16im\x99s\xe6\x03\xf37\xa9#\xbf\xa6Es\xacn\x1d\xca\xd7H\xd7\xea8\x96\xae\xa2{_\x86?\xe0\xb1_\xf0T?\x03\xea\x8byc\xfbk\xf8\xda\xf5#e#\xcf\xd6\r\xccly\xc0\xdb(`s\xee\x08\xaf\xa4\xbe\x16\xff\x00\xc1\xd3?\xf0QO\x06Cme\xe3m/\xc1\x1e,X\x17%\xf5M\x0c\xc15\xc2\x0f\xef=\xbc\x91\x80q\xc6B\n\xfc\xbcd\xf1\xef\x86\xee\x8d\xa6\xa1\xa4K\x0c\x90\x01\x94\x08z\x0e\xfd0i\x1fY\xd4e\x82K\xc8l\xc2\xee\\\xbcL9\xc8\x1f\xfe\xbf\xce\xb6Ui\xcff\x8eiQ\xa9\r\xd3?\xa6\xaf\xf8&amp;\xaf\xfc\x1c/\xfb;\xfe\xdb\xfe(\xb1\xf8;\xf1g\xc2\x8d\xf0\xdb\xc7\x1a\x89X\xf4\xb8/5\x05\x9fM\xd5%="\x86\xe0\x85\xd9)\xfe\x18\xdc|\xdd\x15\x89 W\xe8h \xf2+\xf8\x89\xf0\xa7\xc4\x99\xf4\x957\xb72\xbcw)\x8d\x9f1P\x8d\x9e\n\xe3\x90A\xe4c\xa5~\xe9\xff\x00\xc1\t\x7f\xe0\xbe\x9a\xaf\x8c\xb5m#\xf6C\xfd\xb5|f\xd7r_\xbcv\xbe\t\xf1\xde\xa7p\x0b\xf9\x84\x01\x1d\x9d\xe4\xa7\xef\xee\xe0G;\x1c\xee;\\\x90C\x0b\xe4n7\x8e\xa6l\xfd\xa3\xa2\x80s\xcd\x15\x00\x14QE\x00\x14QE\x00\x14QE\x00\x04\xe0d\xf6\xaf\xe7\xaf\xfe\x0e\x81\xff\x00\x82\x85|H\xf8\x9d\xfbH\xcb\xfb\x16\xf8WP\x92\xc3\xc1~\x03\x92\x13\xabD\x8f\x8f\xed-VHVO5\xf0r\xcb\x12\xb8D\\\x10\x1b{u#o\xf4\'#*!g`\x14\x0eI&lt;\x01_\xc8\'\xfc\x14\xd7\xe2\xa1\xf8\xf5\xfbr|O\xf8\x9b\xa3_=\xd5\x9e\xb3\xf1\x03T\x97N\xb8R\x0f\x99n.]aa\xe8\xa6 \x98\xf6\x02\x9a|\xba\x95\x14\xdb\xd0\xf1+\xedR[\tcT\x9e9UWf\xd3\xd5\x89\xe7\xfa\xd5\xcf\x00x\x17\xc5\xbf\x10\xb5\xc4\xb6\xd0\xb4y%I\xa6%\xf7\x9f\x93\x19\xeaO\xa0\xf5\xae\xff\x00\xe0\x87\xec\x93}\xf1/V\x8bY\xd6g\x92\r5\\q\xf7Zp\x08\x07\xfd\xd5\xc5}\x93\xf0\xb7\xe0\x8f\x84~\x1aX\xabh\xdaL?"\x01\x1a\x84\'`\x04\x1c\xf3\xd3\xa9\xaf#\x19\x99*K\x96\x1a\xb3\xdb\xc1\xe5\x8e\xb5\xa5=\x17b\xdf\xec\x93\xfb\x15x\x07\xc3\x90\xd9\xeb^&lt;(\xf3\xa1\xf3&lt;\xb8\xce\xd8\xc2\xed\xe0\x9c\xf2\xc7&lt;~=+\xebm\x1fE\xf83\xe1[\'\x9fC\xd0cBWk:B1\x90\x0epO\\\x8e2k\xc2\xf4=N\xea{\xb0\xb3\xa3\x02G\x021\xc6s\xed\xd6\xbd\x0bM\xd0u\xedr\xdeK{\xd9\xd6$o\x9a)\x19N\xd3\xcez\x0fo_S^:\xc5Jr\xbc\x95\xd9\xecO\tN\x10\xb2v=\x82\xc7_\xf8.\x05\xb6\xa9\xa0\xe8\x16B\xeb\xcd\xce\xf8\x9b\x96\xc6\xdf\xde6\xe2\xc7#\xee\xe0\x00\x06\x0f\x15\x8b\xe2\xdb\xaf\rx\xda\xfe{;\x9b=6H\xcc\xe7\xcb\x82\x0bq\xb4\x8crW epNrx5\xc0\xd9\xf8+P\xb1\x99\xef\xb5\xb8\xda\xf28U\x8c\x10-\xe3*\xee\x03\xbe\x17\xa7|z\xd7O\xe1X/\x9bNh\xe3\xd2\x15b\x8c6w\x9e\xff\x00\x90\xfc\xc5mV\xac\\l\x91\x85\x1a\n3\xbf5\xcf:\xf8\x87\xfb\x12~\xce_\x12Vk\xc9\xb4\xe8\xb4\xfdJ\xe5\xf6\xbb\xc4\xea\x04k\xbb;\xb1\xdb\x8c\xe7\x19\xe9\xef^\x15\xf1\xc3\xfe\t\x8f\xf0\xbb\xc3\x9a\x1ak\x1e\x1a\xd4|\xe9$\x8b\xf7\x91\xc4@\xcfc\xc6z\xe75\xf6m\xbe\x82\x93\\\xc0\xd7Q&amp;\xc8A\xc2\x13\xbb\x1cu\xc9\xe4\xff\x00\x9e+\x8d\xf8\xc1\xe1hV\xd5\xae7\xb3\xaa\xc6v1\xc8\xc1\xf4\x03\xf1\xaceRPW\x8e\x86\xca\x9a\x94\xb9d\xee\x8f\xc8\xcf\x8d\xbf\xb2\x05\xef\x84ne\xbb\xd3\xe2\x93n\xe2C\xa8\xdc\xa7\x1e\xbcu\xe0\xd7\x9cxv\xf3[\xf0n\xa7\x02]\xc9\x84\x86t\xc3\x01\x82\xb8=\x07\xd7\x18\xc5~\x92\xf8\xc3D\xb4\xba\xbf\x92\t\xedc\x9a3\xc1F\\\xf6\xeb\xcf\xf9\xe6\xbcc\xe3?\xec\xc5\xe0\xcf\x11i\xaf\xaa\xe8\x9aRZN\x13#\xcb_\x94\x91\xc9\xc8\xf5\xafO\x03\x9bT\xa3$\xa4y\xf8\xcc\xaa\x13\x8bp\xd0\xfd\xf4\xff\x00\x82\x1e~\xd8\x9a\x87\xed\x97\xff\x00\x04\xfe\xf0\xc7\x8b\xfcS\xaf\x1dC\xc4~\x1b\x9a]\x03\xc4\x17\x12\xc9\x99d\x92\xdfo\x93,\x9d\xcb&lt;\x0f\x11,~\xf3\x06&gt;\xb5\xf5\xf5\x7f&gt;\xbf\xf0lw\xedK{\xfb;~\xdb\x9a\xef\xec\x8f\xe3\x9dE\xad\xb4\xbf\x89z^t\x88\xa6\x93\xe4\xfe\xd3\xb4V\x92,s\xd5\xe12\xa7\xb9\x083\xc5\x7fA@\x822+\xdb\xe6\x8c\xfd\xe8\xec|\xec\xa1*r\xe5\x96\xe1E\x14PHQE\x14\x00QE\x14\x01\xe4?\xb7\xdf\xc5\xfb\xdf\x80\x7f\xb1_\xc5\x1f\x8c\x1acF\xb7z\x0f\x825\x0b\x8b&amp;\x90\xfc\xa2\x7f%\x923\xef\xf3\xb2\xf1\xde\xbf\x93\xdf\txR_\x15\xf8\xa00\x8b\xcc\x8d\x9d\x9aY\x1b\xe6\xe0\x90[\xf9\x8a\xfe\x8b?\xe0\xe4\x1f\x89/\xe0_\xf8&amp;\x1f\x88&lt;9o\xab\x0bi|]\xe2=/H\n\x1f\r*y\xc6\xe1\xd4{m\xb7\xe7\xdb5\xf8\xa3\xfb6|\x11\xf1\x06\xbf\xae\xd9i\x9aM\xa2\xb1\xb8\x8dO\x98\xff\x00\xc1\x9e\xacGA\x90x\xed\xf9W&gt;.\xa7\xb3\xa0\xda\xdc\xef\xc0R\xf6\xb5lzg\xc3_\tG\xa3xj\xd9`\x80G\x1bZ\xae-\xc4g\xee\x801\xfdk\xb3\xd3/T\xd8\x8bicV\xdc\x02m\nFz\x81\xfdk\xba\xf1\x8f\xc3c\xe0\x9d?\xfb\x168\x15&gt;\xcf\x02\xf9n:\xb68,}G#\xf5\xaf\x93\xbe\'\xfce\xf1v\xbd\xe2y&lt;\x01\xf0~\xdeY%G"k\xb8\x89\x00\xf6$\x11\xd0g\xf3\xaf\x90j\xa6"\xabM\xd9uo\xa1\xf5\xd2\x940\xd4\xd5\x95\xdb\xd9.\xa7\xd3&gt;\x10\x97N\xd1\xed\xe5\xbc\xd5|Cgi\x04yv/*\x83\x81\xf5\xff\x00&lt;\xd2\xdf\xfe\xdb\xdf\xb3\xf7\x81\xa4k{\x9f\x16}\xb2X\x8e\xdc\xc6K\xa9\x04c\x901\xd2\xbeS\x7f\xd9\xbf\xe2\xa7\x8a-\xa2o\x1e|K\xfb43\xa6d\xb6\x13\x16u\xe9\xfc\xc1\xfc\xe9\x87\xf6B\xf0n\x85 \xb8\x83\xc5\xb3NH\xe5^"X\x8e\xf9\x19 t\x1d+X\xbc\x05\x06\xf9\xea6\xfc\x91\x84\xa9\xe65\xdaj)/=\xcf\xa9l\xff\x00n\x9f\x87\x9e$\xbd\xfe\xcd\xd2\xe4FW\x01\xa3\x94o@G\xb6x\xae\xd3A\xfd\xa2&lt;Q\n\x8b}3A\x82\xe2\xd9\x90\x10\x92o\xc1?U t\xf5\xcd|\xc5\xf0\xf3\xe0\xbf\x80\xaceH\x16\xeb\xe7\x81\xb7D\xf2\x1c\x12x?\x97\x1d+\xe8\x0f\x0f\xeb\x1e\x1b\xd1\xec!k&lt;\x04\x80*G\xb9I\xce\x069=\xcf\xd6\xbc\xecN*\x12\x92\xf6R\x7f3\xd4\xc2aZ\x8f\xefRf\xdf\x8d\xbe9\xddi\x0b\x0e\xa9ss\x16\x9d\x0c\xaf\x85o0\xc8H\xce:\x9c\xfa\x81\xc5g]\xfe\xd2\x1e\x1b\xf1\x05\x8bX\xdd\xf8\x9e\xc6\xf0r\xa4\x16S\xbb\x8e\xa0\xf6\xe0W\x94~\xd3\xd7\x97\xde1\xd3\x97N\xb3\x11\x9d\xb81\xbcd\x06Q\x9f\xa6\x01\xaf\x9e\xb5o\x83~(\xf1.\xa0c\xd0\xf5\xa4\xd3\xd4\xb6\x18J\x0eq\xdb\x9f\xf0\xad\xf0\xbe\xcak\xf7\xb5\x1a1\xc5\xc6\xbc\'j0M\x1fQ\xf8\xdfO\xb0\xd5\xae$\xd5\xf4K\xf8\xa5\x05wyh\xe1\xb1\xc7J\xe1u\xd9nd\xd3\xdd\x86\x04\x84\xf0\x1f\xa0\xc7c\x9a\xf2m+\xf6d\xf8\xdd\xa0[\xc9\xa8\xe9\x1f\x14c\xe1y\x8f\xed.wq\x9eA\x18\xf5\xfaUQ\xaf|s\xf8ey\xb7\xc4\x9e\x1e\x97U\xd3\xf1\x89\xc4\x0f\xbc\x15\xeeF9^+\xb2\x9d\n._\xbb\xa8\xa4\xfc\xf48\xa5S\x17\x15z\xb4\xda\xf4\xd4\x8a\xe3\xc6\x9a\xff\x00\xc0\x1f\xda\x1b\xc1?\xb4?\x84\x8a\xa6\xa3\xe1\x1f\x11Y\xea6\xec\x0e\xd0LS+\x90H\xe8\n\x86\x04q\x90M\x7fU\x9f\x0f|m\xa2|J\xf0\x1e\x8b\xf1\x0f\xc3W\x0b.\x9f\xae\xe9V\xfa\x85\x8c\xaa\xc1\x83E4k"\x9c\x8ff\x15\xfc\xaf\xf8\xce=\'\xe2\x17\x83e\xd4\xb4\xc0eY!f\x8c\xb8\xe5~R\n\x91\xd8\x8fJ\xfe\x8c\xbf\xe0\x93~ \x93\xc4\xff\x00\xf0M\x9f\x82\x9a\xbc\xdfx\xfc=\xd3\xe1n{\xc4\x9eQ\xff\x00\xd0+\xe8\xf02\x93\xa5\xca\xfa\x1f7\x99\xd3\x8cj).\xa7\xd0\xd4QEv\x9e`QE\x14\x00QE\x14\x01\xf9\x7f\xff\x00\x07OiW7\xff\x00\xb1\xef\xc3\xfb\x9f)\x8d\xb4\x1f\x13"\xfbCc\xe5\x04\xd9\\m\x07\xd3\xa3~F\xbei\xff\x00\x82\\x\x1a\xc7Y\xb3\xd4\xfcD\xb1\xc5?\xd9\xad#\xb7\xda\x88\x18\xed\xc1 \xe4\x80F29\xc7J\xfbo\xfe\x0eI\xb2\x17\x7f\xf0M[\xc9\x8cA\x8d\xb7\x8d\xb4\x99\x01\xc6v\xf32\xe7\xdb\xefc\xf1\xaf\x8c\xff\x00\xe0\x8e\x97\xb1\xdfi\x1a\xde\x8f\x05\xc2\xa4\x91\xdb[\x93\x18\xce\xc5\xecN;\x9e=x\xcdpc\xd754\x8f[+\x97,\x9b;\x1f\xdb\x8b\xc3w\xfaG\xc2io4\xe7[[\xadH\x8bu\x9bi-\x1c8%\x88\xe83\x8e\x01\xaf\x88\xa0\x1a_\x844\xb7[\x05KkT\xc2\xdc^\xb0\x00\x93\xc9\xc6}O\xe7_n\xff\x00\xc1D\xfcQkp\xd1\xf8\x1e\xd6gyl\xa0Gr\t\xc7#?\x98&lt;c\x9e\xd5\xf9\xdd\xf1\xf2\xcb\xe2\x7f\x88\xbc\x9d?\xc1Zdv\xb6\xd6\xfbBOp~Ub\xbf&lt;\x80w\x7fs\xd3\xa5|\x95T\xaaW\xf6w\xb2G\xd6\xd3|\x94y\xedy3\xac\xd7~9\xf8\x03\xc3\x1ay\xba\xd55\x8b;V\x03\x11\x9b\xfb\xf5Id\xf7X\xf9n\xf9\xe7\x15CN\xfd\xa6\xfc3\xa9\xb9\xb9\xd2\xa4\xd3\xee\xa3\x05c2\xa4\x85Ab\xb9\x00\x17\\g\x07\xd6\xbc\x93\xc4\xbf\xb3\xc4\xf7~\x13\xb0\xd4\xbe\x1dY\xeb6\x1e.\x10\\\xdbk\xfa\xad\xf4\x894W\xb0\xcd\x1e\xd6\xda\xe7\xe6\x8c\xf5\x1d\x06\x03\x1c\x11^\xe1\xfb&gt;|X\xf1\x97\xc3\x1f\x81\xba\xb7\xc2\xaf\x88\xde\x08\xd0\xbcS\x7f\xaf\xdc\xdb\x9d[V\xf1M\xc7\xdaB\xdb\xdb[\xa5\xb4\x16\xf1B\x80p\xb1F\xa3ql\xfbw\xafF\x18\x1c\xb3\xd8\xdeS\xf7\x8eW\x8a\xcc\x9dEhi\xfdw/^x\xabC\xd54\'\xf1f\x8f\t\xb31DZet\xd87`q\xf55\xda\xfe\xce&gt; \xb2\xf1\xfe\xbfoa\xaf7\xfa\x0e\xcc\xba\xa9\xfb\xc4\x9c.\x7fZ\xf9\xf1\xf4+\xcf\x14\\\xb6\x83\xe0\x9d.X\xacZ\xeb/\nH\xdeLd\xb1;c\x0c\xc4\xa8\x00\xe0s\xc0\x03\xeb_M\xfe\xcf\x1f\x08/\xbc0\xda~\x9f\x11G\xbc\xb8\x91\x0c\xe7v\x15:q\x9cv\x1f\xadx8\x98P\xa5/w\xb9\xebR\xa9Vj\xcfDe\xfe\xd6\x1f\x0bu\xcf\x82\xde+\x8a\xf6\t$:v\xa4\xcam\x99\x94\xe17v\xe7\xa8\xaf\x1d\xd6\xbfh\xdf\x0bxj\xf0\xe8\xcb\xa5$sF\xa7\xcd\xb9\xbcr\x14\x81\xc1*\xaa77\xaf\x1d\xab\xf4\xbf\xf6\xa9\xf8\x11\xa1|[\xf8\x0b\x0f\x85\xfcC\xabB\xda\xbc6\xaabTa\xbe?\x97\x00\x83\xc1\xc8\xc0?\x85~X\xf8\xaf\xe1\xef\x8b\xfe\x10x\x9fT\xb2\xd4\xb4\x0bW\xbb\xba\x82K)\xefo\xad\x9aT\x92\'R\xbf#d\x14\xc8\xe9]\xd8zXZ\x95yj\xe8r\xd5\xab\x8aTy\xa1\xab6&lt;1\xfbg\xf8J\xda\xf5\xec\xb5\xdb\x9b[\x04Y\x02y\xd7\xfa]\xcc1\x96e\xdc\xa3{p\t\x1d29\xe2\xb7o\xfe,x_\xc42$\xf6\x92\xdb\xc4n\x00\xf2nm\xee\x16He\xf6\xdc:\x1fb\x05x/\x81&gt;\x00\xf8\xfb\\\xf8\x87g\xe2\x9f\x88\xbe/\xd4\xfcK`/m\xa6\xbf\xd3.5g/x\x96\xc8V\x14g\x90\xb7\xdc_\x90\x12\x0e\xd5\xc8\x1e\x95\xbb\xe2\xff\x00\x80~:\x1f\x10n&lt;W\xe0M\x16\x0f\x0fi\x97\x93\xf9\x8f\xa1$\xad&lt;\x00c\xb3aB\x9f\xa0\xafN\xbe\x0f-\x84W\xb2\x9e\xbeg\r\x1cNb\xdb\xf6\xb1\xd0\xef-\xb4(\xec\xefo\x9a\xca\xd8-\xad\xec[\x9d\x17\x80\xb3\x0e\t\x03\xdc\x7f*\xfd\xfa\xff\x00\x82-\xee\xff\x00\x87]\xfc\x1cRs\xb7\xc3R(&gt;\xc2\xeep?J\xfc\x1d\xf0\xde\x9b\xa9\x0f\x0c\t/\xe1\xc4\x91\xc7\xb6Q\xbb\xbeG~\xf5\xfb\xb3\xff\x00\x04Ky\x0f\xfc\x12\xf7\xe1&lt;2\x1c\xb4Z]\xecG\xdbn\xa1r1\xfaW\xa9\x95\xcdJ\x93]\x8f\x17:\x8aN-u&gt;\xaa\xa2\x8a+\xd4&lt; \xa2\x8a(\x00\xa2\x8a\xe6\xbe1\xfcC\xb5\xf8K\xf0\xa3\xc4\x9f\x13\xae\xed\xfc\xf4\xd04;\xab\xf1n3\x99\xda(\x99\xd6 \x07%\x9d\x80P\x07$\xb0\x02\x80&gt;g\xff\x00\x82\xec\xf8#Q\xf1\xe7\xfc\x12\xf7\xe2M\x86\x91\xa5\x9b\xa9\xecWM\xd4\x00\x00\xe64\x83P\xb7y$\x04t\xdb\x18rO\xa05\xf9\x91\xff\x00\x04f\xd6\'\xd3|K\xe2k}\xcc\xa7\xfb"\x15]\xe4`\xe1\xfdq\xd7\x93\xda\xbc\xe7\xe2\x9f\xed\x1d\xf1\x1b\xf6\xa1\xf1\xe7\x8c,\xb5w\xd5u)c\xbc\x94jz\xa8\xbcia\xbc"EI\xa5\xd8Wl1\t\xdblHr\x02\xedQ\x8c\x01^\xa5\xff\x00\x04\xd5\xf0U\xdf\xc1\xff\x00\x1b\xcb\xab\xdd\xdey\x91\xdei\xb2[9\x90.wG(u~\x0f\xf7d#\xfe\x01^6#0\xc3Vn\x9c^\xa8\xfaL6W\x8a\xc3%9l\xce\xc7\xf6\xbd\x8a\xd7[\xf1\xce\xa1\x7fnB\xf9\x92m\x93$\x97m\xb8\x03?\x96&gt;\x80W\x86?\x83\xf4\x9b\x87\xcd\xf2\xef\xdb\xd1C\x1cg\xe9^\xed\xf1\xb2\t_\xc5\x1a\x84\xb3\xa9+\xe6;\x02\xe0\x11\xb4\x9e1\xc7\xf9\xcdy%\xe5\xa4S\\\xf9q0T\xcf\x05O9\xfaW\xc7b\xe7\xcbQ\xd8\xfa\xac4\x13I3\xce\xb5\xfd"4\xb90\xe9\xf6m\xc8\xc1L\xe4\x11\xebYV\xff\x00\x0cu\x9drd\x8a{?\xb3\xda\xe0\x19$\x07\xe7a\xe8=;\xd7\xaf\x0f\tX\xc1?\xdac`\xcd\xb7\x00\x16\xce?\xc95*i?jO\xec\xebYy\nq\x85\xc6\x0e+\x9dW\xf7}\xd3\xd1Tbr&gt;\x10\xf0f\x97e\xaa\xdb\xe9\x1a\x1d\x9clC\xaa\xc6\xaa?\x8b5\xee\xb6V\x96\xbe\x00\xf0\xe47\xf287^x\xfbL\xdb\xb3\x8c\x906.;\x8e\xf5\xe3\x11_\xdd|2\xd6\xec\xaeu\xcbY \xdf&gt;\xd8\xae:( \xf5\xcfL\xe2\xbc\xfb\xf6\x90\xf0\xdf\xed%\xf1\x9b\xe2\xcc\x17\x9e\x1f\xf8\xeb\x07\x86\xfe\x1fXZ\xae\xcb]9\xb6\xdc\\\xdc\x13\x8c\x7fx\xe4\x9e\xb9\x18\xc7\xbd\\)B\xa4\xfd\xe9YZ\xf7w\x7f\x97S\x9d\xb9A9(\xdd\xdfm\xbf\xa4}\xb4\xbe*\xd1d\xd3\xda\xf6\xf2\xfagak\xbc#6r\xd8\xe9^)\xf1\x13I\xd2&gt;#\xd8\xc9\xae\x0b\x08_\xcb\x95\xa1\x95J\x03\x95\x1c\xf7\xaf3\x8c\xfcY\x87\xe19\xf8qg\xe2k\xf8\xae\xcd\xac\x96\xc3\xc47\x18i\xa3B?\xd6ryl\x1c\x03\xcfJ\xe1\x7ff}\x07\xe2W\xc2\x0f\x11\xeaZ\x1f\x8c?h\t|b\xfa\xc1X\xec\xb4\xe9\x17;%\xcf\xdf\xe7\x90@\xe0\x8e\x95\xb5:T\xdd\'.mV\xca\xcf_\xf2.\xadG\xcd\x15\xcb\xa7]v:y\xfe\x10\xdcY\xde\x9b\xbf\x0e\xccQI\xe2\xdc\xa8\xe3\x1d\x87\xf8V\x8e\x83\xa7]\xc5pl5k\x16\xc88\xf5\xfcy\xafB\xbb\xf0\xfd\xe6\x84~\xd1&lt;L\xc8\x8b\x99\x0e\xd3\xc1\xe9\xf9\xd5=Al\xa4\xf3/\x1e5UA\x8c\x81\xd7\x8c\xe7\xde\xaf\xdb\xb6\xac\xf52t\xe3\xd0\xe0\xf5\xcd\x13\xfb.k\x88\xadc\xd9\x0c\xab\xcav\xcd~\xcc\xff\x00\xc1\x11\xaf\xed\xee?\xe0\x9c^\t\xd3\xe3\x90\x97\xb0\xbe\xd5\xed\xe6B\xb8\xf2\xcf\xf6\x95\xc3\x81\xff\x00|:\x9f\xa3\n\xfcz\xf1t\xcd;\x88\xc9\xd8\x19\x0e\xd6\t\xde\xb8\xa5\xfd\xa6\xbe7~\xcd\xff\x00\xd9z\xaf\xc1\x7f\x1fjz5\xfc&gt;!\x8eT\xba\xb4\xbbtXSz+\x12\x8a@q\xf7w)\xe1\xd4\x159\x1cW\xbf\x94\xe2\xe1J/\x9f\xad\x8f\x99\xcd\xb0S\xc4\xc9*{\xa3\xfam\xa2\xb9o\x82\x1f\x11\xed&gt;0|\x1e\xf0\xc7\xc5+,\x04\xf1\x06\x83k\x7f\xb0\x0clibVe\xfc\x18\xb0\xfc+\xa9\xaf\xa7&gt;@(\xa2\x8a\x00+\xe7\xbf\xf8*\'\xc4\t&gt;\x1c~\xc5\xfe)\xd6\xe3\xb2\x13y\xb2\xd9@\xe0\xae\xe0\xa8n\xa3f\xc8\xc8\xceU\n\x8ez\xb0\xeb\xd0\xfd\t^k\xfba|\x19\x93\xf6\x81\xfd\x9a&lt;c\xf0\x9e\xce8Z\xf7S\xd1\xdd\xb4\xaf=7 \xbd\x84\x89\xed\x8b\x0e\xb8\xf3\xa3\x8f8\xe7\x19\xa9\x9an\r#JR\x8cj\xc5\xcbd\xd1\xfc\xfc|\x07\xb9\xd4\xfc/\xfb7/\x89&lt;?qlo|Kx\x92\xdd\xcf$bR\x91\xdbM4\x8c\x19{\xa9\x92Tb;\xf9c\x8e+\xd1\xbff\xdf\x88P\xf8\xab\xc3\xb7\xfe\'\xd2\xb5\x06h\xed\xef&lt;\x87/nP&lt;\x8a\x9f\xbc*\t \x0e\x13\x1e\xcc+\xc2d\xf1&amp;\xa9\xf0g\xe1|&gt;\x10\x96\x19\x92\xde\xe3U\xb86\xff\x00i\x1f4q\xca\x12U\x8d\xb1\x9c\x10\xb2`\x8c\x906\xf7\xaf_\xfd\x9e\xf5{\x19&lt;)c\xa0\xe8q\xb2E\x1c\xb3\xc9q2/\xc9$\x93\x02s\xc8\xea0\x8b\xd3\x1cW\xe7\xd3\x94\xe8\xe2\x92k\xaf\xfc9\xfa\\\x97\xb4\xa1\xcc\xba\xa3\xd0\xfcw\xe3u\xf1*\xc3u\x1d\xc8\x89\x9bi\x91B\xf0\xc5z\xfb\x0c\xe0u\xae\x16\xde\xf9\xde\xe29\x19\x03(\x8c\xb1\xed\x93\xe9\x8f\xd6\xa7\xf1s]i\xb7\x0c\x92\xc8U\x03\x12\x88\x06{\xe3\xe9\x9a\xe4\xce\xaf:K\xe7\xbb\xaa\x17\x7f-\x9b?p1\xc7\x1f\xa0\xacq\x94\x9c\xa7\xa14f\xa2\xaev\x93kP\xc4\x82@\xb9g\x00\xf5\xce&gt;\xb5\xbd\xf0\xf5\xb4\xfb\xeb\xff\x00\xb5\\aA \x9c\xb0\xe3\xfc\xf3\\Hh\xaf\xa3\xd8\x1c\xb6\xcce\x99\xb9\xef\xc5r\x9e$\xf8\xbb\xa8i2M\xe1\xaf\x0b\x02\xd7\x89\x16\xdf\x91x\x0e{w\xc9\xe4V40\xceQ\xb3F\xb3\xc58=\xcfY\xfd\xa5~!\xfc:&gt;\x0b\x9b\xc2\xd76\xd6\xf7\x17\x063\xe5\xa2\x80\xcc\xac1\x83\xc7O\xad|\xbd\xe1\x1f\x87\xbf\x13\xfcG\xa9\x7fn[\\0\xb3\xb6%\x93\xcf\x97b\xae=\xcfS\xe9]\xc6\x8f\xe1\xbb\r\x01\xee&gt; |[\xd6\x15Q\x90:Z3e\x9c\xaf\xf0\xe7\xb7j\xe6&lt;E\xfbI\xc9\xe2\x9b\xcf\xb0\xf8{A\xc5\x9cNV\x1bp\x08Lq\x83\xf2\xfd\xe3\xf5\xafJ\x85\x0b\xabCn\xff\x00\xe4g\x05:\xb3N\xa3\xf9#\xa8\xd5\xbcK\xe2+\xdf\x0f&gt;\x80\xe9p\xf7Y\xd8\xec\xb3\x821\xd8\xee\xcdr\x1aN\x85\xf17\xe1\xff\x00\x89b\xf1\x85\x9cq\xdd\xc5jC\xc8`!\xc8\xe4\x1e\x08\xe4\x1a\x82/\x1ax\xbcF\xb3\x1f\x0e\xdc/\x9a~O.\xdc\x95\x0b\x90};~5WH\xf8\xd7\xae\xf8\x7f\\\x97Q}5\xe1@J\xcd\x0c\xd1\x90\xac\x99\xe4\x11\x8c\x1f\xfe\xbdu\xac\x12\xa7\x0fu\xde\xfd\r\xb18x\xb8\xa7\xaa\xf3=\xe7\xc3\x7f\x1e\xec&lt;}\xa4\xcdi;&lt;wv\xc8&lt;\xfbY\x06O\xd4z\xd6T:\xdc\x93G/\xd9\xa5,T\xb6\xd5#\xef\x1fJ\xf2\xbd[Q\xd3\xbcU\xa8\xda|D\xf8Sy\x1c7\xbb\x89\xbd\xd3\x93\x19\x07\x198\xcfPpx5\xb3\xe1\xcf\x16.\xbcn\r\xd4f\x19T\x94\x9e0\xdbB7\x1c\xd7;\xc2\xc7V\x95\xbc\xbb\x1ez\xafR2\xe4\x9b\xbfg\xdc\xe9|G\xa9M\x1e\x9a\xa6I\xcb\xb0R\x0b\xb7Q\x9fj\xe0\xbcu\xa3\xe9\x9a\xf7\xc2\xf958\xee\xc2\\@.$\x9d\x8f;\x98\x02W\xf5\n+k\xc4\xfa\xc3=\x93\xab\xb6W\xcb;q\xd7\x19\xc6MU\xf0\x9d\xa6\x99\xf1#\xc1\xd7&gt;\x01\xd1\xac\xe5\xb9\xd5~\xd9m\x1cQF\xd82\xc8\xf2\xa0\x11\xf4\xe0\xb1\xf9s\xce+XS\x94)$\x96\xad\xa1FqU\x1c\xde\xc9\x7f\x91\xfb\xd7\xff\x00\x04\x95\xf8\x83\x7f\xf1\x1b\xf6\x04\xf0\x06\xab\xa8\xe9\xbfg\x96\xca\xca};\xe5\xce\xd9\x16\xdey#W\x19\xf5\x00\x03\xee\r}!\\O\xec\xe1\xf0wN\xfd\x9f\xfe\x05xW\xe0\xd6\x99p\'O\x0fh\xd0\xda\xcbp\x10/\x9f0\x1b\xa5\x97\x03\xa6\xf9\x19\xdb\xfe\x05\xd4\xf5\xae\xda\xbe\xce\t\xc6\t3\xf3\xfa\x92R\xa8\xe4\xb6l(\xa2\x8a\xa2\x02\x8221E\x14\x01\xf8\x83\xff\x00\x05]\xfd\x9b5o\x83?\xb4\xbc\xbe\x10\xb5\xf8G\x1f\x88\xbc1\xaa\xea?\xdb\x1au\xaaDD\x93\xda\xdcL\xc5\x91\n\x15,a\x95\xde\x16\x03;#\xfb1\'2W\x9a^\xc1\xa1h\xff\x00\x17o\xef\xf4\x0f\x07\xc7\xa3xw@\x86srcf\x89$\xf9J,q\xa9\xe0\xb0r\x06y\xe0\x13\xe9_\xb9\xff\x00\xb4\x0f\xec\xfb\xe0O\xda/\xc0\xff\x00\xf0\x87\xf8\xc9&amp;\xb7\x9e\xd6\xe0]h\x9a\xdd\x81U\xbc\xd2n\xd4\x10\xb7\x10;\x02\x03`\x95e \xab\xa328eb+\xf3\xc3\xf6\xe0\xff\x00\x82D\xfcA\xd0&lt;\r{\xf1\x08\xfe\xd1+\xadh\x91\xdd\xdb\xae\xaf\xa76\x88,n\x92\x19\xae#\x85\x9a)\x15\xe4Ga\xe6);\x82\x9c\x069c\x81_9\x98e\x15*b=\xb5$\x9f_C\xea2\xdc\xe6\x9ch*5\x9b\xd3E\xd7\xd0\xf8\xf3\xe2|\xf1\xdci\xedsk\x0c\x7fg*\n\xba\x9c\xee\xc8\xe1\x8f\xa7\x07\xf9W\x99^^\xc2fGxC"L\x0e;\xe40?\x97\x1f\x95z\x7f\xc5\xed\x12\xd7\xc0^\x17\x9b\xc3v\xd7+"\xe9\xc6("V\xce|\xbd\xbbS\x93\xd4\x85P\t\xff\x00\xeb\xd7\x8bMy\xf6\x96\x0b\x04\x8a\x11\xd3\x07\x03\xa6\x06:\xd7\x97^6\xa8{\x94\xe5\xcd\x13\xd0\xfc\x1b\xa8\xc2,\x9e\xf5\x8a\xb9\xd8w\x11\xd1\x9b\r\xc8\xcf\xe3\xf9W\x05\xa7\xdbMai}\xac\xf8v\x016\xa9;9\x12N\x01X\x899\x1f\x8do\xe8\xba\x94\x1a\x17\x87dGd\x0e\xd1\x95\xef\x8c\x9c\xf3\xf9\x9cVV\x8d\xa8Ch\x1e\x11!c&amp;w\x90\xbc\xe3\xdb\xd2\xb9\xe6\xdc\x16\x86\xb1\x8cd\xf5&lt;\xde\x7f\x00\xfcX\xf1\x96\xa2d\xf1\xce\xbf\x04\xf1\xc7&amp;R\xde9\x0e\xce\xa7\x92\x0fZ\xf4\xff\x00\x87\xfa\'\x82\xbc5o\x15\x96\xb5\xa1Z@\xc7\x1f\xbci\x94w\xc9\xc9=\xab\x13Sd\xd5\xe6\x95\xacge\x90\x9cF\x13\x90}\xff\x00J\xe5\xb5\x9f\x84\xfe \xf1\x18k\x8b\xfdF\xe4\xa3\x1ev\xc9\x80\x07\xa7\xbdtR\xc4\xbbZz/CZr\x9d\t^\n\xef\xd4\xf7\xc9\xbe#\xfc5\xd2d[\x19u}\rSx\xdc\x86\xedN\x07\\\x1ez\x9ek\x9b\xf1\xfe\xad\xe0/\x10X\xad\x8e\x83\x1e\x8dr\x8a\xa7,&amp;\x12d\x11\xcez\xfa\xd7\x97\xf8{\xf6`\xf0\xc3\xe8w\n\xfaK4\x99\xc8iGV\x00\x7f\x11\x1c\xf7\xab\x11\xfe\xcf\xda\x87\x87m\xfe\xd1a\x7f* a\x98\xfc\xce\x14`c\xa7\xadl\xf1t5Qz\x9du1\x98\xaa\x94\xed8+3.\xdf\xe0\xe6\xa7\xe1\x7f\x1b\xaf\x8c&lt;!\xe2\x91j\xab(\x92M:\x00\x0cd\xe3\'\xdc~\x15\xd2\xcdz\x97\xda\xd5\xd5\xf0\xb5X\xa5p\x04\xfeX\x003q\xc8\xfc\xab7@\xd5%\xd1n\xdfJ\xd4\'\x04\x958bs\x8f\xc7\xf4\xa9&amp;\xb8\x89.dh\xca\xe5\x8f$\xff\x00\x10\xeci\xd3\x9dJ\x93\xbb&lt;z\x91\x8f.\x9d\xc6\xeb\x97\x0bq\x19fn\xa3\xcb\xc8\x1d3\xc9\xfa\xf6\xaf\xac\xff\x00\xe0\x91\xff\x00\xb3/\x83~1~\xdc\xba.\x9d\xe1-\nu\xf0\xef\x87\x16/\x12\xeb\xf3\\;7\x9c\xf6\xc5\x0cK\x93\x9c\x06\xb8hARyR\xe0\x0c)\x15\xf2\xcf\x82\xbc=\xe2\x8f\x1d\xf8\xe7A\xf07\x83\xbc5s\xadk:\xb6\xad\x05\xae\x97\xa4Y\x80f\xb9\x99\xdc\x05U\xcb\x01\xdf$\x92\x14.X\x90\x015\xfb\xdd\xff\x00\x04\xcf\xfd\x84\xad\x7fb\xaf\x843\xa7\x89\xbe\xc7q\xe3?\x12\xba\\\xf8\x8e\xe2\xcb\x98\xad\x82\xe4\xc7g\x13\x1eY#\xdc\xc4\xbf\xf1\xbb1\xfb\xa1\x00\xf4\xf0\xb8WR\xb4e%\xa4u\xf9\x9e.c\x8bThJ\t\xfb\xd2\xd3\xe5\xdc\xfaP\x0c\x0cQE\x15\xee\x9f0\x14QE\x00\x14QE\x00\x15\xe3_\xb7\xfc\xe6\xd7\xf6L\xf1T\xe1\xb1\xb5\xb4\xff\x00\xfd8\xdbW\xb2\xd7\x8b\x7f\xc1B\x90\xcb\xfb$x\xa25\xfe)\xf4\xb1\xff\x00\x95;JOb\xe9\xff\x00\x11z\x9f\x8c\xdf\xb5\xbf\xda\xd2\x0b\x8dZ\xd8\xba\xa1\x97d\xe1\x97fA9V\x03\xd0r?\x1a\xf9\xd5\xf5\x87\x8ed\x95\x0f\xca\x08\xc9\'\x8a\xfa?\xf6\x98\xd5m\x1bQ\xbf\xd2\xef\xc9h\x9a \x8e\x83\x91\xdf\x91\xf9\n\xf9\x1f\\\xd5\'\xd1/Y\x03\x16\xb7\xdcx\x18\xe7\x9a\xf9J\x90U$}\xbcg\xec\xe2zD:\xb4wv\xc2%\x93\xa9\xdc\x07\xae3\x81\xd2\xb15\xdb\xb9b\x9d\xe1\x82B\\\x8f\x94\xa8\xfd9\xaegN\xf8\x8b\x12\x15\x8d\xa5\x01{\xf3\xc0\xfdkWE\xf1v\x9dq}\x14\xd3yn\x03\x10\xc5\xb0qYK\x0c\xda\xb8\xd6%7c\xa5\xf8{e\x15\xc4\x9b.\x87A\x90{~U\xe8v&gt;\x1c]Q\xd2\xd6\xecC\x12\xed&amp;B\x1b\x90\xa3\'&gt;\xd8\xe2\xbc\xd3Y\xf1\x87\x87\xf4;v\xbe\x80\xc7\x0b\xa2d2\x10I\xe3\xf5\xae:\xfb\xf6\x95{y\x1a\xc2\xd7V/\xbf\x86b\xfcpk\x8f\xea\x95\xab6\xad\xa1\xd7\x1c]*I^Z\x9fQ\xf8Z?\x87Z|\xad\xa3\xc9\xa9\x19\\\xa8\x018\xf9O \x9f~\x9f\xa53\\\xb0\xd04ig\xd3&gt;\xde\x93\xdb\xccXF\xb2(%\x1b\x1c\x0e&gt;\x95\xf2\xd3|r\xb6\x88\x89\xa5\xf1\x08\x96]\xf9\x8d[\xa0\'\xf9b\xa7\xd5?h{E\x9cC\xfd\xb9!vO\x91w\xfd\xdfS\xcf\xd75_\xd9\xf3N\xd1\x89R\xcci\xb8\xeb#O\xc7VF\ra\xee,\x18af&lt;(\xe4\x0c\x9e\xa6\xb2\xa5\xd5\x12\xde@\x0c\xe0\x82\xb8\xdd\xfe\x15\x997\xc4KK\xcd\x0ei\xd3\x1ed\x92(\xc9l\xe7?\xce\xb2\xb4\xb8\xb5\xbf\x12\xde-\xa5\x94o$\xd2\x90\xaa\xa0\x12K\x1e\x8b\x8e\xa4\xe7\xd3\xaf5\xec\xe1\xb0s\xe4\xbc\xb4H\xf2+\xe2b\xe5\xee\xb3\xf5\x1f\xfe\r\xdd\xfd\x96\x7f\xe1d\xfc`\xd7\xbfkO\x17i\x92\xb6\x9d\xe0\xd8F\x9d\xe1v\x96\x1f\xdd\xcb\xa8N\x8e&amp;\x901\x18&amp;(\x0e03\xcd\xca\x9e\n\x8c\xfe\xc7t\xe9^]\xfb\x16\xfe\xcf\xde\x16\xfd\x97\xbfe\xef\x05\xfc\x13\xf0\xa6\x8e\xd6q\xe8\xfa\x14\x02\xf8K\xfe\xb6k\xc7@\xf7\x12\xc8{\xbbJ\xceO\xa7A\xc0\x15\xea5\xef\xd3\x82\xa7\x05\x14|\xa5z\xd2\xafU\xcd\xf5\n(\xa2\xac\xc4(\xa2\x8a\x00(\xa2\x8a\x00+\xc6\xff\x00o\xc8\x9ao\xd9K\xc4\xa8\x9d~\xd1\xa6\x11\xf8jv\xa6\xbd\x93 \xf45\xf3o\xfc\x14\xef\xe3\x9f\xc3\xff\x00\x86\x7f\x00\xbf\xe1_k\xfa\xec\t\xae\xf8\xc3S\xb4\xb5\xd0t\xc3\'\xefg\x11]C&lt;\xd2\xe3\x04\x84D\x8c\x8d\xc4m\xde\xf1\xa9 \xb8\xa5/\x85\x9aRM\xd5\x8a]\xd1\xf8\xcf\xfbR\xcfr\xde \xbb\xb8Q\xd5\xc8#\'\xafs\xcf\xbd|\xed}\x1b\xcc\xc6\xda\xe20T\x03\xbbr\xe7\xff\x00\xd5^\xfb\xfbI\xdc\xcfy\xe2I\xad\xe4\x00"\xc8I \x0ey\xf5\xe7\xaf\xf9\x15\xe7\x16\xde\x11\x8bS\x01\x8a\x85b\t\x04g\x9a\xf8\xba\xb5\xbd\x9dV~\x83N\x87\xb4\x86\x87\x90\xea\xfa\x1cp\xcc\xf1\xb4[T\x1e\x08\xe0v\xaaVa\xac\xa6\r\xf6\xa6\xd89\xdas\xf2\xd7\xadx\x83\xe1\xa4\xb2[\x89\x8cE\x83t c\x07\xf0\xae7T\xf0\x1c\xd6\xe4\xef9\xcf@\xa2\xb5\xa7\x8b\x8d\xb4g=\\\x14\x96\xc8\xe2\xfcmw\xa9\xea\x16$[\\\xb32\xe4\xae\xd7\xce}\xab\xca\xaf\xbc#\xe2\x97\xbci\xe2R\x0c\x8d\xc9\x12`\xd7\xbb]\xfc!\xd5\xef!\xf3-%m\xad\xcf\xca95\x96~\rx\x92X\xf7+\xb1Rs\x87R\t\xef\xcf\xa5z\x14s\nPVM\x1e}\\\xba\xa5I]\xa6x\xdc\xfa\x07\x89c\x85\xd5|\xcd\xe4\x10X6{v\xa7\xe8\x1e\x10\xf1\x1d\xf5\xe4iq&lt;\xa8\x02\x80\xac\xc0\xf4\xfa\xfeU\xea\xdf\xf0\xa9|P\x93\xf9"3\xcfL\x02\x7f\x9di\xd9\xfc#\xd7,!3]\xb3mQ\x82\xbbq\xdb\xfck\xaa\x19\x85\x0bj\xd1\x83\xcb*\xefgc;\xc3\xba\x0c0D\xb6\xc8\xc6L\x1e=\x00\xff\x00\x13^\xeb\xfb#x?S\xf1\x1f\xed\x15\xf0\xff\x00\xc2z6\x9e\xf3\xddj\x1e/\xd3\xe1\x86\x08T\xb6\xf6{\x85\x00q\xd0z\x9e\x80g\xb75\xe6^\x1e\xd0R\xda\xedbi&gt;\xeb\x02}}\xab\xea\x1f\xf8%\xb6\x94\xba\x97\xfc\x14_\xe1\x16\x91\x01\x18\x7f\x14\xac\xbb\xc9\xfb\xbeL2\xdc\x1f\xae|\x9d\xbd\xb1\x9a\x1e\'\xdbV\x8c\x16\xc5J\x92\xa3\x86\x9c\x9fD\xcf\xe8\x99F\x07\xe2ii\x13\xee\x8f\xa5-z\xc7\xcb\x85\x14Q@\x05\x14Q@\x00\xe4f\xbc\xef\xf6\xae\xf8\xf3\x1f\xec\xcb\xfb&lt;x\xb3\xe3\x93x}\xb5W\xf0\xe6\x92\xf70i\xe2o,O)eDVl\x1d\xab\xb9\xd7$\x02@\xce\x01&lt;QE\x00~Kx+\xfe\x0b\xb5\xfbb\xb7\xc0_\x18~\xd4\x96\xa3I\xbd\x9bO\xd6\xff\x00\xb3uO\x0c\xea\xf0\x07\xb0\xb57\r#ZMc\xe5\x85\x95\n&amp;\xd8\xdd$\x91\x95\x84a\xbefrG\xcf\xbf\x00\xff\x00ho\x1f\xfe\xd8\xff\x00\xb4\xb6\xa9\xf1g\xe3\x17\x89\xaf\xf5]s\xec\xa9rn/\x19H\x8c,\xa7\xf7q\xaa\xe1c@\x1b\n\x8a\xa1@$\x002rQ^M*\xb5*Q\xad\xcc\xefi\xb4\xbd4=\xdc\x1d*q\xa9\x16\x96\xad\x15\x7fhA\xe6x\xb6\xea_4\x9c\xcexa\x9f\x97&lt;\x0e\xbe\x9dk\x9d\xf0\xf2\x8f$aW9\xce\x08\xe2\x8a+\xe5q[\x9fc\x85\xd8\xe9b\xb4K\x98~\xcc\xea\x06\x06\x1b\x1d\t#\xf9W7\xe2_\x0cY\x90\xc4D\xa3a\xf9\xb1\x9e\xe3\xb5\x14W\x05&amp;\xfd\xa1\xdfY~\xed\x95l\xed!\xb5\xc2D\x07\xdc\xf92;\xe0u\xfc\xe9\xf6)cq)/\t]\xb8\xfb\xb8\xeb\xd6\x8a+Y\x1c\xd4\xfe#Z\xe3I\xb1\x8e\xddfX\x15\x9d\x80\xcb2\xfe?\xce\xb8\x8f\x19jJ\xd25\xacP\x04\xc9\xcf\x1d=?\xad\x14V\xd8Mj"q/\xf7f\x16\x97d\xbb\xe5t#~\xc6%\x8fs_g\xff\x00\xc1\x04\xfe\x17\xd9\xf8\xe3\xfe\n\x07i\xe2\xddLB\xeb\xe1\x1f\x0cj\x1a\x85\xb4n\x0e|\xe6X\xed\x95\x86;\x81t\xde\x9fN\x05\x14W\xd0\xe0\xb5\xc6D\xf9\xbc\xc9\xb5\x80\x95\x8f\xdd\x0e\x94QE}\x19\xf2!E\x14P\x01E\x14P\x07\xff\xd9'</t>
        </is>
      </c>
      <c r="M527" s="3" t="n">
        <v>45492.67792824074</v>
      </c>
    </row>
    <row r="528">
      <c r="A528" t="n">
        <v>1463902</v>
      </c>
      <c r="B528" t="n">
        <v>1999</v>
      </c>
      <c r="C528" t="inlineStr">
        <is>
          <t>Talisson</t>
        </is>
      </c>
      <c r="D528" t="inlineStr">
        <is>
          <t>Talisson</t>
        </is>
      </c>
      <c r="E528" t="inlineStr">
        <is>
          <t>UNK</t>
        </is>
      </c>
      <c r="F528" t="inlineStr">
        <is>
          <t>UNK</t>
        </is>
      </c>
      <c r="G528" t="inlineStr">
        <is>
          <t>UNK</t>
        </is>
      </c>
      <c r="H528" t="inlineStr"/>
      <c r="I528" t="n">
        <v>21</v>
      </c>
      <c r="J528" s="2" t="n">
        <v>37396</v>
      </c>
      <c r="K528" t="inlineStr"/>
      <c r="L528" t="inlineStr">
        <is>
          <t>b'\x89PNG\r\n\x1a\n\x00\x00\x00\rIHDR\x00\x00\x00\x96\x00\x00\x00\x96\x08\x03\x00\x00\x00\x0b\xdf\x81\xd0\x00\x00\x00\x04gAMA\x00\x00\xb1\x8f\x0b\xfca\x05\x00\x00\x00\x01sRGB\x00\xae\xce\x1c\xe9\x00\x00\x03\x00PLTE\xff\xff\xff\xea\xee\xfa\xec\xf0\xf9\xed\xf0\xfb\xe3\xe9\xf6\xf3\xf5\xfc\xe2\xe8\xf5\xf0\xf2\xfa\xf1\xf3\xfb\xf3\xf5\xfb\xe5\xeb\xf7\xe8\xed\xf7\xe6\xec\xf7\xe0\xe7\xf4\xee\xf0\xf9\xef\xf2\xfb\xde\xe5\xf3\xe7\xec\xf8\xe9\xed\xf9\xea\xee\xf8\xf5\xf6\xfb\xdd\xe4\xf3\xd7\xdf\xef\xd8\xe0\xf1\x12\x0e\x14\xdc\xe3\xf2\xa0_K\xda\xe2\xf1\x90VF\xb5s`\xbava\x0e\n\x0e\xd2\xdb\xed^5-J)#F$\x1e\xd5\xdd\xef\xff\xfe\xff&lt;\x1b\x16\xb6pZ\x90Q?\xc8\xd2\xe8\x96YH\xd0\xd9\xec\xabjZ\x17\x13\x18\xce\xd7\xeb\xc0zd)\x13\x14\x1b\x18\x1f"\x1e&amp;V3.\x9c^Np@6k=2\x9bZF\xaam_\xcc\xd5\xe9\xb0o_\xachTgRU\x8cO&gt;{I=\x87PC+%*\x8bSE\xa4i[\xb9s^\xbbye\xafl[\xb2jT\xa5bM?# \xc5\xcf\xe5U/\'Q*!\xb3mX\x85L&gt;\x07\x04\x083\x14\x11\x80MA\xa1bS\xfb\xfa\xfb\xa8iX\x9feW~D4yE8\\-#r`c \x0c\re9/\x7fH;mY[\xfd\xfd\xfd\xa4fV\xaawmb2&amp;\x95\\O\x80rvvA4W:7\x9bbT\xc2\xcc\xe2\x94UE=*,J.-\xa9eP\xb5{o\xbfs\\\xc0}j\x85I7\xc6\x82oSBDl9-\x88M;\xaedL*\x1b\x1eueiuG&lt;\xafsf4\x1c\x1b\xbb~ps&lt;.N&lt;=5%(_NR\xad\x8e\x90b&gt;6\xabpc\x8aWK\xb4wi\xa7}xibgB03 \x13\x15\x18\x0b\x0czND}jlJ67\xa1[EfD?\x96U?^FF\xb0\x82{\xd1\x91\x7f\xc7w\\hLJN%\x1b\x8a]T\xcd\x80g\xbdmSc[_\x94pm\xbb\x85yxosmH@\xbd\xa2\xa2ogl\xa7si\xd7\x95\x81\xd1\x86l\xd7\x9a\x8b\xe2\xdf\xe0\xf2\xef\xf5\xa8`J\x95\x8b\x91\xf1\xe4\xf1\xb7\x9b\x9d\xb2\x88\x84\xd0\x8bv\xbc\xc6\xde\xe9\xe4\xeb\x99\x91\x98\x87x}\xf9\x90\xa1\xf4\xd3\xe2\x9cws\x9f\x9b\xa1\xa8\x88\x87\x97le\xb7\x92\x8esRM\x80VOYHKi4(1-5\x9ch]*\t\x08J\x1c\x14\x93dZ\xaf\x95\x98\xaf~t\xc5}g\xf9x\x8a\xac\xa8\xac\xe8\xe8\xf3=7&lt;\x90\x84\x8a\xcb\x8c|\xbc\xb6\xbe\x88\x81\x88\x9f\x80\x7f\xc4\x87w\xa8[A\xcb\xc5\xc7\x8cgb\xf4\xde\xe8\xd5\xd2\xd3\xf7\x95\xaa\xa2nc\xf5\xc3\xd4\xcb\x85wEAF\xd4\xc8\xca\x7fz\x7f\xde\xa8\x9bMJP\xdd\xda\xea\xb5dH\xbe\xa8\xaf\xfb\x86\x97\xd7\x8fw\xef\xec\xec\xf6\xa5\xb8\xde\xd3\xe1~]Y\xc2\x90\x89\xd9\xcc\xd4\xcawy\xed\xa1\xb3\xf6ds\xf9n}\xcf\x8e\x86\xc5\xbe\xc4\xb3\xbd\xd6\xf8\xbb\xc9\xf9\xb1\xc0WSZ\x93yx\xa4\xad\xc4\xea\xcc\xd8\xf4R]\xe0S`\xc1gh\xdb\xb8\xb3\xaaXW\xea\x81\x95\xe1\x9a\xa7\xea\xb7\xc1\xc9\xb4\xaf\xb9__\xbf9@lqz\xc8\xbf\xd5\xd7\xa4\xba\x93\x18"\x8c\xdc] \x00\x00 \x00IDATx\xda\xcc\x98\xddOZk\x16\xc6{\xdb\xfbsA\xc8.\x04\x88@\x88D@\x10\xa2\x157X\x95\x80(\xa8\xa0\x05\xa5\x100"*\xa2P\xa5\xa0A,_~5N\xe5\x08b\x99\xceQ\x9b\x93\xc6N"\xe3\xa8\xa5\xa33\xc60\xadSk\x9a\xa6\xd4\x18/\xccxwza\xff\x82^\xccz\xb7\x9d\xc9\xfc\x01\xdd\xf6\xac\xc0\x16\xaf\xf8\xe5Y\xcf\xfb\xbckq\xe3\xc6w\xa9\x92\x92\xae\x96\x96\x96\xae\xae\x92\x92\x92\x1b\xbf\x97\xfai\xfd].\x97I\x9d^F"\x87\x07\xefVZ~\x17P+/\x8ay\x91\x90\xcf\xe7\x8bp\x91H\x84\xe3\xf9\x93\xcf\xe7?Z\xb2\x96\x95\xc3\x82HH\xa1\xf0\x85|\nz\x8aP\xe5OOV~(\xd4\xa7L^H\x00\xd1)\xe8A\xa7\xc0\x7fB\xa4\xda\xe9\xc1y\xd7\x0fS\xea\x04\x07&amp;:\xbd\x89\xe0\x11\x82h\xf0G$\xfa\xa6Xn\xf5\x87\xb4\xf2\xa7\x83\x02\x88Do\x02(xP\x00\x90\x8f\xda\x08b\t\t\xb8|\xf6\xdd\xf5\x0bVr\x9e\x11\x11J\xa1\x02\xbd\xf8\xdftCM\xbc\xea\xa3PTxs\xdd\x87\xb2\xe4}\x91\xcfG\x86j\xfaV\x148\x8a|h&amp;\x9d\x0e\xcdD\xd6G\xaa\x15\x0e\xae\x97\xabk\xe5\x14:\x052\xfd\x0f\x0b&gt;\xa2\x96\xd2\x01\x8f8\x92\xd0Gx\xe5\x0f\xae\x15k=\x02NBV\'\xbaH\xbf\xfa\x84\x98\xae\x88\xae&lt;\x86\x1cV\xbcN\x7f\xfdt\x02\xdf\xdcD\xb4\x8c\x12\xa7\xd3\xe3\xf1\xb8@ \xb8\x1b\x13\xc4b\xf1\x98/\x16C\xcd\x042\x10N\x88\x17?_\x1bW\xc9\x1b\x1c\xbe\x15\xf5\x8d\x1fC&lt;w\x05\xcdl\x15\x0b\x95Z\xada\xf9\xfd~AL\x88b\x9f8\x96\x97+\xd7\x95\x13\xeb\xa7(:\xe9\xf1\x98\xc0\xafRi\xd4\x0c\xab\xd5\xfa2`4\x9b\xb5n\x83\xc1\xe0\xb6\xdb\xed\x15\x00\xe7\xf3\xf1\xe9|\x94c\xa9\xf5\xeb\xa1Z\xcd\xe0\x10\x06\x14&gt;@\xb1\x98\x1a\xb5Ib\x97\xd8\xed\x00U]\xcd\x85\x17\x17\x1e\xd5\xc3\xe6\n\x06S5\xe6\x03\xbdp\xfc\xe4\xe6\xb5\x84{\x0e\x07\xa8X\xcc\xe7W\x01\x94\xda4\x04\xf2\xd8\x8d@\xa5\xe0r{\x88Bd\xc3f\xa3Dbb\xfa\xc0\xf6\x85g\xd7\x11\x13\x90Xt:@!\xad\xd4j\x86\xa9\x02\xa0\xecFm5\x17\x03"\xa9T*\x96\xf2x\x88Lk6\x9b\xed\xe5&gt;\x18,\n\xef\xaf\xe5\x146Q\x90T\xaa+_\x99\x02v\xa3\xc1l\x1e\x86\xf6\xf5H\xf5P\x16\xbd\xbeM/\xe6a\x88K&gt;\xc2\xf0\xf3qQd\x95\xf4 =\xc0)Mq\x02J\xc5d\xaa\x19/\x87\x02\x06\x83Y\xabU@\x03\xc5z\xa5L6:11!\x93\xb5u\xdb\x145\x04WH\x00\xb7\xd0\x01\xd9)\xb1z\twLl\x8c\xc0\x02\xb5\xac\x80eGX\xd56\x1bO\xaf\x9c\x98\xe8\xeb\x1bE5a\xd1\x8b\xb1\x1a\xb3\\.\x1fa\xc6p\xfc\xf4\x9cd\xb1\x9e\x89\xe0v\xf19U\xce+\xb5 \x19\xec\x06\xad\xb6\x06S\x8e\xca\xf4\x96\x89\xd1\xbe\xbe\xbe\xc9IxO(\xf5z\x9bB\xab\x95\xcb\x13!\x9f\x08\xcf\xe7\xc8\x95k\xa5\x08\xf7Kl,\xeat\xaa\x98\x90\x0e\x1a\xc02\x18\x80\x8ag\x91\xc9\x94\x95\xa3@\x04\xb5\xf4\xe0A\xdf\x84R)\xeeQ\xd4\xe8\xe4\x89\x04\x13&amp;\xe9Sr\xc7Up\x16\x9d\x1fsNG\x9dL&amp;\xe4C\xbbu\xc8npWc\x18\xcf\xa6\xd4\x97\xfe\x17\xeb\xc1\x83\xa5%\xb0\x18\xb4QA\xc85\x06\x03\xfe\x0b2\xe5jIA8\xf0}\xd1\xe0t\xb4\x97\xc9Dj\x81\xe3\xdd\x10\xa2=be\x8f\xbeT\x06\xae\x9a\x9c$\xd8&amp;\x91\xbb@.\xb9.1\xd2\x0bX\xa4\x1e\xc6\xf3\x02\x9a\x11\xc6\xa2\xc1\xe0\xf4\x15\xd6\x95\\\xc3\xd5=b\xb1\xd8\xd2Z)\xab\x9c\x1c\x1d\x05\xd1\xc0\xf3J\x8b\rR\xa2F\xa7K$\xcaq\x1c/\x92\xd8\xc5\xae7"4\x1a8\xa3AO\xb0\x97\xc9b1\x174\xed/\x91\\\\\x9e\x98\xaa/\x85\xaa\x1c\x95A\x95\xcaZ\x95\x16\x8bXl\xc3\x14\x88ky\x0c\xcf\x939y\xb5d\xd1\xcc\xe2\x8bN{\x10\x16\x93\xb5\x00X\xd6\x80\x01\xc4\x92R\xf5\x96\xd6\xaa\xd2\xbaJ\x19\xa0U\x96\x96B\xa6\x82~ \x97B\x97\xd8N8A\xaeC\xf2\xcc\xb5ZD\x13\x96/\x18\xfc\xa6\xd67\xac\xea9)\xb5\xc1RUUWWW\td\xb7nU\xd6\xd5\xb9\x08*\x1e\x06m\xdc\xdev\x80\xb9\xbe\x92w1\xae\xa3K\x9a\xff\x7fXL\xd4D7w\x8e\xea\xaa\xaak\xe4@\xd5rjieee\xb5\x8dUT)\x15\xc4\xc20\x85"\xbc=\x0bg1r\x93L,\xe4xO\xd0\xb3C`\xb1\x08\xb1\xdc\\iC=\xa7\x96(Z\xd9\xc0\xe0\xc7\xe7\x1f\xcb\xfa\x17\xbdk\rT\xa4\x16\x16\x0e\'\xb7\xa2\x90\\\xe4\x8d]+\xe0x\xbe\xc8\xb9\xb3\x83\xbc\xc5\x82\x93\xd8n\x1a2\x0c\x83XU\x1c\xda\x9d\xb2\x81\x81\x01\x02j~\xfe\xb7\xdf\xf6\xcb\xfa\xeb\xaf\xb8\x14\xe1dr;H\xe6Q\xecBX0\xa7\x8c\xdf\xde!\xb0\xd4j\x88\x077&amp;\xa5\xba\x1ao\xdd\x01\xa0\xd7\x83o_\xbf~=\xff\xf4\x97_\x9e&gt;}\xfesY\xe3\x1aU\xcaS\xd4\x00Vr\xd6\x89\x17\xffM\x9eZ8l\x80\xf9\xe2\xf8\xf8\xb8g\x1a.D\x14Z\xe6a\x8cG\xadj\xe4\xd0\x06\x06_\xcfC\x01\x13\xd4\xd3\xf9\xf9\x8f\x03\xb4\xc6\x06*\x15\x03\xac\xcd\xbd-\xcfX\xfe\rij}\x82\xa54_\xf0\xdc\x1e\x07k\xf5\xc2T\x03e\x92\x8c\xc8\x15\xe2\xd6\xbaF\xda \xc8u\xc55\xbft\xef\xc3\x87W{\xaf^\xb5\xc1H\x08M\xdc\xdc\xdc~\x1c%\x0f\xeb\xc6g\x98\x80\x0b\xc5\xf1\xce\xf1\x1dOo\xaf\xca\x0fKO\x1c\x86gUyH\xc7k\xe0\xa0\x13\x88\x9c\xf5vr/\x11\x9a\x9e\x8eF\xa3\xd3\x8e\xd9\x11\x1d\x16N\xeem\x1eoyH\xcc\xd3\x9c\x10/\x14/3\x11\xf0\xd6\xb4?\x1e\xbf\x8b\xb6\xc28\x90\xa9\xca%5.\x14\r\xfb\xfb\x83\x03\xa3\xc9\xc4r\xaf\xd3\x19-\x04\x83\xd1\xa8\xa3\\\x12N\x1eo\xa6/\x1e\x17\x9e\x91\xd6\xc4\x17\xc2|\xf12{x\x1f\xb0\xa2\xb0\x8d\xb1Yj\xa6\xca\x1f\x83=Q\xa5\xb6\xf3\xaa $@\xb0\xca\xeedx\xa4\x9cY&gt;\xbb\xb5uq\xb1\xbd\\^\x1eJ\x1e\x1f\xa7\x8f/&lt;_I\xc3\xca\x89\n\xa7\xa9l&amp;\x02\x96w\xfa\x99V\xbb\x16\xe3ar\x06\xab\xb9\xb9\x99e\x95\xf3\xa8\xaeZ\xda\x9d[\xadJ\x18\x97u5\xe1nY\xdf\xd2R_]w"\xb4u\x0crM\x8d\x93\x86U\x92\xc3\x8b\x97\x91L65\x9e\xf28\xd5\xedC\x06\x18\xb4\x14\xba\x8a\xf6\x056\x9b\xbd`2\xcf5\xd4\x96\xd18\xadblXk4j\xb1\xb6\xd1\x07o\x078\xf5.\xc5\xf2q:\xfd\xf0\xb8\xf3\x84\xbc\xf5"\x0fb\x9ddR\xa9\xd4\x8e\x83\xc1\x08\xd8\x87L\xa1\xe5\x8b\x8b\xadr\xf6.p\x05\xaa]e\x83\xfb\xfd.\xe9\xb0!`m\xb7\x9aFj\xba\'h\x1c\xaf\xb7*y\x91N\xff\xebK\xc7!y\xbf=\x14.\t\xacl\xea\xf6\xe3\x90\x89\xc1b7\xdf\x8d\x15"S\xe9-\xf8\xc4nw7\x0c&lt;\xffS\xbfwn\xd8(\x1921\xd4\xe5\xb3\xcb\tE\x83\xd7[7\xba\x89\xb0\xa6\xfeI\xde\xe6z\x9a\x02\xacl*\xdb\xd1y;\xa4a\x0b\xf0xS\xfe\xf20\xb7\x95L\x80\xbfv\x03\r\xb4\x9f\xff\xb0\xe8\x95ba\xa3\xc9\xb1\x13\xa3\xe4cL\x93\x91\xe7\xaa\x9a\xfc\xc7C\x84\xf5\x82\xbc\x94\xbf\x8c\xa4"\x19xw\xdc~\xac\xf6\x0b\x9c\xc58=\x7f\xf9\xf5\xd3\xaf\xb3V+\x1b\xb0\xe68\xfd\x8bgk3\xa56\xc9\xd6\xb3T\\\x94\x13\x9dNk\x02b\x8b\xac\xef^\xfa\xcb\x97\xa9\x1cy\x13\xc4e$\x12\xc9F\x80\xea\x91\x83-\xf0;\x1e\t\xe2\x14\xfc\xe4\xef\x0f\xb7\x19\x9a]6`\xd5/\x9e\x9d\x1dI\xc5\xc9\xe4\xde_:\x04\x14a,\xf3g\xa6f\xa4\xcd2qo\xe3Kz\x8a\xbc8]\xcdd\x11W\xb6#\xa4f5CXY\xd5\x9a\xd0\xf6\xf1^r[\xae\xd9\xdd]\x08\xcc\xb9\xea\xbdGGsb\x1b,\x16#&amp;\xc7#G2&lt;\xb4\x10\nS-\x7f\xdc\xd8\x98"\x11\xeb\xe6a6\x05X\x99N\x86\x86\xa5R\x113\xa0.\xb9\x17\x0eoW,@\x05\xb8k\xde\xb3\xa3\xa3\xa3\x19[\x8d\xc4.\xd7\xc1U\xd8\xddSm\x84\xeb\x87\xfaa#=u\x9f\xbc;\xb1\xe5\x05`e\xb3\xd9N\x86\x1a\n\xed=\x01\xa3\\\x17N\xca\xad\xed\x9a+,P\xeb\x08\xda\x18\x96K\xe4\xe1\xee6\x0b\x95\xd7\x83\xf1z\xa4m\x08\xeb3i\x01\xd1\x92\xcb"\xaa\xec\xe3\x10\x8c\x0e\x15\x15&amp;S\x85\xdd\xac\xb0\xd9t\x81\x97\xd6\x85]\x8d}n\rQ\x9d\x9d\x9d\xcd\x88\xbb\xbbma-&amp;\xd6S\xa9Tx\xeb?\xa4\xd3\xa4a\xad\xbc{\x9f\x03\xa6L\xf6\xfel\x88\xf8U\xcbl\xd6* \xe7\xddnw\xa0}\x97\xcdp\xcfx\xd7\x8ef\x00kqq\xd1e)\x85\xc5\xac\xd5RZY\xd7\xeaj\xa0\xbe\x82\xdb\xe7\xdd\x8d\xae\x16\x12\xb6\x9fO\x1d\x8f\x1c\xc1S\x84\xd5\x11b\x84$\xe8\xf7?\x8c\xc7\xe3\xcdq\xe7\xe6\xb8/\x17\xd8\xac!\xae\xb7\xbe\xde;\x03r\xf5\xef\xc3\xcc\xcci\x84\x15\x88s\x8bF\xe3T\x11X\xe9\xcf\xeb\x7f}\xf8\xe4\xbb\xffrs&gt;\xc5R9\xfc&gt;\x0f`u:\x10\x96\x96+\x85\x165\xac\xcd\xcc\xcc\xb8\xad\xbb,\x8dQZ\xbf\x08\xb953\xe3\xdd\x9f\x9f\x7f\xfeq\xbf\x7f\x11\x16\xa1Z\x1a\x8dV\xef\xa2von\xa47&gt;\xe8\xdblO\xbe\xb3^]O\x18\xec\xbf\xa9\xfe\xc3\xab\xbd\xfe\xa4\x99f\x01\x00\xf7\x8f\xe8\x87\r\x11\x124\x021&amp;\x90p\x91\x00j*\xa0\xc6K\x15\xf1\x82J\xa1 \x06\xe5\xeae\x80b\xe5"\xd6\x08\xca\x88P\xd1"\x14qF\x03f$Q\x06/\xd1\x16L\xb3Zql\x1a\xe3\xb6L\xc6t\x93:\xfd\xe0|\xe9n\xa2f\xc6f\xb3\xd9\xf32\x93\xec?\x80\xbcy\xff\x80_\xces\x9e\xf3\x9c\xf3&gt;o\x1fi\xfc\xc5\x82\xce$#cim\x830\x1c*\xaa\xf0x\xa6\x02\xa5i\xaf\xab\xc5j\x96\xe7\xbc!\xef\xdc\xd0\xd4\x14~uqq\xf1\xa3\xd7\r\x8f\xd7\xbb\xaf\xaa\x1aBX\xeb=L\x8eBS\x99\xe5\xf9\xa7\xf9\xf9\xce\xcb\xbd\x8e\xc9\x91\xfe\x85\x05\xdd4\xc2\xea\x1e\xfc\x165\x84W\x11\x89x\x06e\xa0\x1d\xb6\x80fY5\x93^t\xc3\xf1\xb3\xac&gt;\\E\x86\x8c\x90\xd7\x1b\ny\x81\xa5\x00V\xca\xc0\t\xb9US\xd7Y^\xc3\xad\x81\x97\x8d{\x8f\'M\x1f\xa4R\x96Lf\xe9\x1cn%,\xd7\xab\xf6\xb5Z\x8e\xa8\xbb\xee\x11\xec\xca\xb6\xa9\xb9\xd0\xc7\x90J\x05\xb0\xaa3\xed\xd9\x0c\x04\x0c\x9e?Y\xa2\x1fS1\xe5\xe1\x92;4\x14\xc82\xcb&gt;\xfc\xb2\xb1\xb1\xa3\xd7t\xf4\xe1\x83\x10X\xb4n\xcd\xb7\xcbxh\xde\xcf0e/\x0b\xb14\xac\xccI\xa8r\xbb\xf1\xa5\x04\x85\xca]\xcf!\xe2U\xabK\xe94\xb2\x96\xc0\x1a\xa2\xaf\xa7\xcc\xca\xc5\xf4\\\xa8\xea"\xbb\xa9\xf5\x17\xab\xa3\xff\xe8(*\x9c\xb6\x00k\xb0tH\xb5\x7fv\xa6E=\xda\xc3a\xeb:&amp;z\xf5\xbc\xfa\xfa\xe2:\xdcK\r\x93\x89\xc1/\xff\xa4ZM\xa7\xd3K\x1f\x91\xa6\x82I_\x8f\x99\r\xee\xd0\x9c7\xcb\xac\xbc\xefg\x91E\x9c\x98\x98&lt;:8\x10LO;i\xadeSU*\xed\x8c\x96\xaby\xb6\xb7WPHz\xf0\xa0\xc6.\xe9))\xe1\xb5=j(!\xb2Q\x9a\x9f\xe6V\xd3\xd7\xe9\x8f!\x84e\x1d3\x9bQn\xef\xdc~\xb6Y\x0fS\xd0\xbb\xecMtl\x1f\xac\xac8X\x1e\x0f\x15a\xb1\xd9Zvik;\xae\xb1\x11\xde\xbd\x8e\x02{\x0fGKT\x10\xaa\xdd*7\x86\xd0:\xa5ZLgXx\xae8\x16\x8e\x97\xfe\x02\xfbt9\xcb\xac\xa2[,\x0e\xb7\xd7\xd1(&lt;X[\x91\n\x85B\x7f\x1b\xb0\xea\xf1x\x1e\xa1u\xa7\xbd\xfd\xd93\xe8 \x9e\xd5\x95\xd3\xd5j\x95\n\xc9\xfa}"\xa3\xab\xb5z\x7ff\x11R^\x851$\xcd\xe18z\xce\xfb\xb1j*\x90\xed\xa3\xc7\x89\x83p\x15\x98\x8e\xd6\xd6\xa2\x0e\x87\xc0?\x0cgMU=\xb3\xb4\xacu\x07\\\xed0\xf8\xb7\xe6\x8blZ5\x91\xa8b\xab\x80\x85\x11\rh\x98\xfb\xa0bc\xd4\xcaH8\x10\xd7\xba\xdd!\xcc\xd4m\xb6/U&gt;!,\xf2ttm\xe5@*u\xf8\xa9\xb0\x13\x15\nT)\xa1u\xe0\x11rs7\xa0)Vp9\xdaC-\x91\x8dgC9CS(]\xc5\\\xb6j\x0e\xcd1F\xe2\xe1\xf0\x85\xd6\xeb\xf6\x12y\xef\xb3=\xf6\xa4\x10\x16N\xe6@X\xd1\xe8&amp;\r\xf9\x08(\x97\xcb\x1b\xba\x07`\xceAX(.\x1a\x8d9\xd6\xa2\xb9|&amp;\x1em\xb3\xf5HZ$(fU\x15\xd7\xe6\x8b\x03\xcb\xb7\n\x1b\x11\xc3\xff5\xdb]\xcdy\x01\xa4\xf5^\x8d`ee%\x9aai\x06\xcb\x06+\x1a\xdah\xb5u\xcf\xda\x1f\xed\x0c\x97\xa1J\xb8L\xae\xd1\xc8\xe5Sx"\x11\xddp:jm!\x94./s\xc5\x88*|\xb1\x08,\xb6!\xeb_\xb9 \xb9\x80E2\xc1V\x94J\xa5\x9b\xc8\x07y\xe4\xce\xd0RP\x83+l\xdf\x19\x18\xd6\x10\xa6\x14\x0c\xa5\xcf\x88\xc1s\x99\xa8b\tt\xad\xaf\xe8r\x88\xa85\x19\xc9\xb0\xd2\xde_\xbcL_\xd6?\xcf7\x7f\x81\xfe\x1d\xea|\xf4\xff\xac\xee\xce\xda\x82Bd\xa4\xae\x83\x94\x1f\xee\xee\x92\x04\xc5\xa7-\x12\xb9\x1cU\x8d\xba_N\xd5\xdb{(\x04B\xbeX\xec\x8a\x00K\xa9\x1e\x9a\xab\xaa\x0ed\xbd\xe3z\xf8\xde\x89\xcc\xab\xdf,\x00\xcb!\x15P\x875\x15\xd4\xba\x02r-2\xba\xe2j\na!iM\xb3\xa3\x15\xdd\x03\x03T}WY\xf1}ZA\xed(4\xf3\xf9\xa7\xc1d$\x11\x8eS0x\x14\xcf\x9a\xed\xd4B\xc2u\xe2)\xc4\x91HO!\xb7t:\x87\x7f\xa0\xac\xa7\xbc\x0e\x8b\x85\x10vtt\x90p\x85\x05\xed\xb4\x8aW\xc9J\x9e\xbc\x0b\x1a\x8aN\x1a\xb5\x93\\P.B\x11\x8a++\xc5\x10-_5\x1e\xcd7\x04\xee\xe0+x\x11\xe2j$\x99\xd6V\xa2\x02\x81\xc0\xd39H\x97X,\xe4\xc7\xa4\x89\x07\x13\x8f\xc9\xce\xad\xad\xa0\xf2\xe2\xbf\x7f,].\x19m\xa3\xed8\\\xa1\xccI+G+$\x92\x96\x16q&lt;\x108&amp;\xd6\xb31\x17wr\xadX\xd4\xfc\xde!\x9b^\xdbX;\xd0\ta\xda\xefb\xd0\xedv;\xb9f\xe2o\xa4&gt;\xe7\xa7]\xd7\xed\xf5\xef\x7f|\xf7\xef\xf4\xf5\xd2\x92\xebG\x12\xa9\xb6\xa2I\xd2\x84\xe6\xee\xf6PDI`)C!\xed\xe5\x9d\xfd\x12q\xef\xbb\x7f\xde{\xbdv\xe0\x10\xb2X\x9e6\xbemt\xb4\x89J\x1e\xf9\xc7\xdf\xe7\xe7?\xc4R\x1b\'\xd7\xef\xbf{w\xfdfcccm\xb26_"\xa9\xac(a\x04[(\x95\xaep\xe0\xe4\xe4\xe22}\xa7\xff\xe6=&lt;\xd9X\x91\nX&amp;\xa1\x9f\x82\xb0`.\x93\x8d\xff\xfc\xf3\x7f\xbe\xbcx\xfa\xfa\xf6\xf6_on\xd7&gt;,&lt;}[!\xe7IJ\xf8\xf9|\x83\xb8\x07e\x8d\x84\xcf\x7f\xc8k\xbew\xc7\xf7\xd5\xef6 \xe7\x85&amp;\xd6\xe6}\x86\xa4\xa9\x1c[\xdb\xb93\xdcF\xddz\xfb6v\x1b\x08\xdc\x9e\x04\x02\xeb\xbb77\x14\x1e\x8f\x8f\xe6\x173\x95bJ\xb52\x1e&gt;\xbf\x97w\xe7\xcf\xbb\rd\x15\xa7YB\xbbH\xa2\xd7w\x16\x90\xb1\xd4.\xf9\xcd\xcdM$\x108\x0f\x9cG|\x8c\xab\xaf7&lt;&gt;\x13\xcd\xe0QD.\xb1\x88\xef\x8a\x07r\xf1\xff\xcf\xaf\xc0\xca\xac\xe2\xe6\xa8\x84\xdaI#[\x9cNj\xc3\xcd\xd7\xab+\xe3\xe7?\x9f\xab+.\x9a\xc1\xc60D\xd5\xf4\xb1 \x94\x87\xc4y\x0e~\xff):YY;\x88:\x84\x1e\x16K?\n(\xacss\x93:\x9cq\x01i\xe9\xf7\xcb\xab+\xce\xb1\x1aC\xe4pKDbq\xd0\xea2\'\xce\xbf\xcf\xcb\x01\xeb\x08*\x97\x03\xc2\xc5\xf2\x94\x03\xcb\xe2\xdc\xfcd\xa7\xb6\x12n\xbe~\xfd|\xf6\xf9\xec\xec3Q;3\xa3%\x12m\x0c\x865)\x86\x12o\x0e\xbf\xbe\x97\x0b\x96\x14XR\x1d\xb0X~\x9a\xcc\xe9t\xfa7\xed\xfa\xb6\xd629J\xc1\xe0\xa8\xd5\xc7\x8733\x87Z\xb5\xdaf`$\x93p \x9a\x13\xe1D\x0eX\x0fO\x1c\x07+G\xd2\x05\x01\x0bX\x16\x99\xc7\xef\xf7\xdb\xf5\xf6\xa6\x8aQ(\xe8\x95\x06\xe3\xf1\xe5\xe5\xe2\xe1\x99Z\xad6\xdal\xae$\x1c\xd3\xe6p"\xd1\x9c\x8bh9\xa2\x07\xd0\xa0\xea\x90\x92j\xb1x&lt;~}yyS\xd3\xa8d\x17\x0ee\x9f\xcf\x97\t\x16\x87cT*]\xc9d2\x123\'\xcc\xb9`\xe5\x9d\xe8\xa2G\x07Q\xe9\x02\xe2r:3\xac\xa6\x8a\xfb\x10*\xab\xd8w||x93s\xa6\xc5p\x8cF#\xb0 X\x89D,\x91\x8b\xff\x03\xdf\t\x1c\xd1\xa3(\xf4\xf3\x028\x19\xa7\x81\x85\xdcY\x14Sxt\x83\xcdw\x08\xb1Z\x84\x84GX&gt;W\xd2\xe5\x8a%\x12\xe6X8\x07\xac\x87\xef\x84\x02\x07t\xf3\x0b\x0b:\x81\x10&amp;F\x8f\xbf\xbc\xab\x8cP\xcc\xe3\xdblJ$V\xab\x88\nX&gt;_&amp;Xfsl,\x90\x93h\t\x85:\x9d\x14\xc2\xa5{\x91q\xf9\xdb\x1a\x06\x07\xe5\xc5&lt;\xba\xcdf&lt;&gt;&lt;&lt;\xd3\xee\x13\x91h\xf9\\\xae\x08,!\xa8\xc6\x02E9YD\x96P\xa0\x93\x02L\x97\x89\x97_\xdf\xd0P\x96/\xa7T\x1a\x0c6\xe3\xe11\xa0`J\xe4\xf8|\x91\x8c\xca\xec\x1a\x1b;\xcf\xcb\t\xcb\xc4\x9a\x9f\x7f\x01\r\xfd\x82\x03\xc9{\x8f\xbe\xaba\xb0\xacXD\xb7A&gt;\x1d#\x05&gt;\x13\xacH&lt;\x12\x07U\xc4%\xce\x19\x0b\x9e\xf9\x17\x0bR\x87\x0e\xa9\x13\x9b~jWCC~\xa5U\tE\xc1wl\xe4p \xb5|\x17\xf18\x92W\x11\xa8]9b\tM\xdb\xdb\xfd\xdbO\x1d\x0e\x9d \xe3\xf2XhP"z\x82b\xf1\xe9\xae\xd8\x87\xfc$eP\xfe\xa5\x8a\xb9\xe0X\xcc\t\x0bv\xe2v\xff\x93\xc9\'\xa6\x17:H2\x1d\x94\xfbi2\x96\xa6\xd7\xcf\xbe:\x9d\x9d\x1d}\x15&lt;\r\x1av\x83c\xf1\xb09\x96\x8a\xc5\xc6\xc4\xc1`p\xecM.\xa2\xf5\x1eX\x93\xe3\xbdO\xe6\x05\x02\xd66K\'\xd5mO\x92\xe1\xc4\xde\xdc\x9a\xf5o\xd9\xed\xb3\xb3\xb3\xbb\xaf\x9e\xc7`\x07\xa6R\xa91\xb1\xd5j\xcd\x11\xeb7`\xf5\xf5&gt;\xee\xed\x9f\x9f7m\xf7\xb3t\xba\xed\'\xe3\xbd}pf\xfb-\x16\x99\xd3nwn}\xfa\xf4%\x96ZO\xa5\xd6\x83V:=G\xac\xa2\x0c\xab\xe61\xb8L\xa6mXL!\xab\x7f|\xa4w\x92,\x93Y\xc8\x88N\xe6\xf4\x08\xbe|y\xbe\x9e\x1a;\xa5\xf3K\x10\xd6o9`5\xbfaM?\xe9\xab\xc1\x91\xbe\xe9\xedGVs\xbc\xdf4=922\xd2\xdb\xd7G\xee\xeb\xed\xfd\x1f\xef\xe6\x1f\x13Ez\xc6\xf1sYf\x97Yf\x99\xdduv2\xccB\x06\x19\xc1e\xb7\xeb\xa6\xb0\xc8.\x02\xb2\xb8\xca\xf2#\xe2.\xa5\x02](\x11\x10h0\x86l(\x06\xeeW(x\xe5N\xfc\xa7IM\xda\xf8GIi\xa2\x16\xb8\xd0\xda\x04\xcf&amp;\x96^&lt;\x93\xc3\n\x89\x7f\x10M\xe4b\x81k\xb8\xa4B\x135G\xf4\xfa}\x06\xff\xb9K{9=\xf1\xc9\xb2,\x1b\x08\x9f\xf9&gt;\xdf\xe7y\xdfy\xf7};GF\xfa\xfb\x8f\xcd\x9d??55\x1f\x8c\x06\xc1\xf5z\xb0b\x7f\xdb?\xda\n\xac#\xde\xf8\xc0\x08&lt;\x06\xa1\x007p\xe0\xc0@GG\xc7\xc0\xc0\xd0\xd0H\xff\xa9\xcf\xe6\xa6\xcfOO\xcf\x04\xdd\xd1h\xb4\xa0\xf9\xdc\xa7\xafC\xad-,p\xd5{A2\x10\x8f\xc7;\xb4o\x07\x08q\xa0c\xe8\xd4\xe8\x9f\xe7\xe6\xe6\xa6\xaf\xcdD\xdd!\xb7\x9b\xb0\xee\xbc\x0e\xac\x0f\t+3\x13i\xac\x1f\x8e\x0f\xf4y\x87\x87\x87\xbd\xf1\xf8\x0f\xe3\xf1\x81\x81\x03\xc8\xe5\xc8\xe8\x95_]C\xcc\x04\x03\xa1P\xc8]Pp\xe1u`\xc5"\x97\xb7\xb02\xb3hQ\xc4\x1b\xf7\xd6\x9f\xf9\xc1\x993 \x8c{\xe3}\xe5\x9d\xad\xbf\xb9rmf\xe6\xda\xb5\xb6` -\x10\x80\\P\xeb\xc1kPk\xecc\xc2\xda\xa5q\xd5\x9f\xa9\xf7z\x87\xeb\xeb\x81U\xef=\xd2W\xbe+\xf7\xed\xdew1!\x9cik\xab-HCP\x12/\x0cn?V\xe4ww\x7f\t\xac\x8a]\x08\xe2\x02\x8e\x06\xe6\xcd\xca\xcc\xac\xcc\xc0 DT\xc0\xaa\x8d\x06\x08+\xa4Y\xfe\xce6Olv_z+\xa3\xf3\x98\x86U\x89\xd0\xb8\x86\xbd\xde#G\xfa\xb2vU\xfc\xd4W\\\x92\xd3\xd2\xd6\x16\x0c\x06k\xdb\x9aBi\x1a\x16Y~\xf0\xf3\xb5m\x9d\x07\xc6\x1e\x16e]\xed\xd0\xb0*+\xe93t\xf2\x17\xa8\xfa\xb2\xcawU4\x1c\xa7\x0f\xa7\x8f\xd6\xd6\x06\x0b\x82mmM\x81\xb4\xf4\xf4\xf44\xf2|\xf3\xe0\x97\xeb_l#\xd7\xee[\x9b?\xbezuH\xc3\xda\n\x8dK\xa3B\x02\x1b\x1dG\x9b\xa2M\xb5$Vm\xad;\r\xf3\x9b\x83\xe9i\x81\xd0;\xcd\x83\xef~\xb5\xb1}\\\xb1\xc8\xe7\x9b\x1f\xd5\xd7\xff\xfd\'[X\xb43\x90\xb8\xfa\xfa\xca\xcb3++2|%y\xee@A-\xe5\x10\x86\x0f\x00\x0b\x91\x16p\x03\xeb\xbd\x8f\xbeZ\x9f\xdc.\x7fE\x9eln^\xad\x1f\xee\xd8\xff\xe6hnnnFF\x03"\xa3"3\xab\x9c\x8e\xb0\xe46\xf8\xaa\xdb\n\n\xe0\xaa\xb6Z|\x05\t\xab\x1b\xf3A`]\x18\xbc\x02\xac{\xdbs\xaf\x18\xb9\xf5\xf8\x9f\x1b\x9bG\xbc\xc3\x03o\x8e\xb6\xe6V\xe4\xd2F\x88\xfc\xfc\x86\x8c\xcaL:\x83D?\xd6\xe4\xd1\xd1\x10\x8d\xaa\xd6\r\xac\xeenR\x8b\x86\xea+\x19_\xae\xaf\xbfz\xdb\xef~#\x06\xa8gK\x8b7\x86\xfa\xbc\xf1\xbf\x9cj\xcd%\x0c\x9f\xcfw\xdc\x97\x9f\x81\x8a\xac \xe5\xf2\x8b[\xe0\xa9-k\x91\xe1\x91\xc2\xbd\x07\xd3\xb7\xb0\x8e-\xad\xad\xae\xacE^i\x1e#\x9c\x14y\xb2\xf1\x9f\xa7\xa2(\x8b\x9f\x94{\xe3\xfd\xfd\x94\xc3\x06_o\x1d\xc2\xd7\x00\x9bav\x9a\x9f\xef+\xc6\x9d5Q\x05\x83M\xd1@:\x90\xf6\xee%\xb5\n.L}\xf6\xa1\xcd0&gt;\xb12q\xeb\x95q\xc5\x0c\xf6p\xbb\xff\xe1\xc6\xe6]\x8f(\x8a\x92\xff\x17}\xf1\xa1\x91N`\xe5\xfb\xea\x8a\x1bkj\x8a}\x19\xb0\x19\x94\xeb\xed\x05V[\xad6ipG!\x16\xb8\xa8C\x14\x04\xe7\xa7\xe6\xc2\x06\x83qlau\xf5\x15\xd5c\xc4\x06\xa8\xb0_]\xda\xd8x\n,U\x94n\xf4\xc7\x87:;I\x1f_oquIIIq&gt;\xed\xb7\x01T\xb1\x86\x15\xa53\x06\xeeP\x1a\xdd\x95\xa1\x9d\x06\xdc\xee\xe0\xfc\xf9?2\x06#\xe2\xd6\xc4\xcaZ\xec{\x0b\xb6{\xa7Yq\x86\x9d\x1eU\x94\x17\x1fm&lt;#,U\x96~\xaf\xcd\xf7ra-Z\x10)-\xa9\xf1\xc1Wx\x8d\x00\xd6\xd1(q\x85`x$\x90\xb0B\xee\xe0\xcc\xf4e\x9d\xc1\x98\x04\xae\xb1\x89\xdb6\xe3\xf7rXl\xa7Mr9\xdb\xfd\x8a\xaa(\xa2h\x7f\xb6\xf1\xc8\xaf\xca\xaaK\xe4\xfd\xbf~\x8e\xa5\xad\xd3\x94\x96V\x1f\x87\xaf\xe8uI\xa9\xa3%/\x8f\xb0B\xeePYz\xba6\xf8\x04\x02\xc0:\xff4%\xc5hLL4\x8e\xdd{"[t\x86\x97^\x84\x8b\x98\xed.\x973\xdc\xeet\xb9&lt;.\x92iic\xe5\x01\xb0&lt;\x8a\xc8\xff{\x04X\xda\x16\xeb\x9a\x12\x07\xe4\xaa\x83\xdb{\x1b\x89*\x87\x96\xbd!Va!m\xae)+K\xd3f6\xc1\x99\x9b|JJbR\xa2\xd1\xb8p\xfd\x92&gt;\xd9\xbacG\xe2KY,2\xebw\xfa\xfd\xed\xeda\xa7\x13j\xa9.\xbf\xc8\xb0\xcb\xeb\xcb(D\x97G\x91\xe4O`y\xcdZP\xcb\xe1(m\xf4\xe5\xe7\xd7i/\xf7\xa56\x81\xaa0ZXE\x9b~\xb2\x89\x0b\x95\x18\x9c\xbe\x91\x92`LJ\x02\xd7\xc42ccL6\x9b.\xf1%\xa0x\xbf\xd3\x19\x0eoQ\xb9\xc0\xa2\xfa\xed\x1c\x07\xb9\x96$`\xf9U\xc6\xbf\xbfU\xbb_\xdd\xc2rT\x03\xcb\xd7XZ\x9a\x93\x93\x97\xda\xd4\x14-\xec\xea*&lt;t\xa8\xaa*\xbbJ\xa3\n\x14\xcc\xbf\xc5\x18\x13\x90\xc2$\xe3\xe4\xf5%\x9e\xb5\x9alV\x9b9\xf2\xe2J\x01\xa8\x1dj\x85\x9d~\xa7K\x96$\xbb\xcb.\x8b\x82\xb0\xbc~_\x10T\x8f\xd3#\xb17F[\xdf\xf6\xd1\xca$\xbc\xe5pP\x16\xf3\xe9\xd8\xe4\x89\x9c}\xa9\xa9\x87\x11\x85UU\xday\x91l\xe2zg\xf0A\xca\x96Zc\x13\xf7g\xf5\xac\x8e\xd5[u6\xdd\x0bq\xc5\xcc\nD\n\x83\x08\x8a\xf9\xfd\xaa\x84PU\xc1.r\xfaK\xd7W\x97x\xd9\xe5t\xaa\x9c\xfe\xf2\x07\x1f\xf4\xf6\xa2\xf4h\xb3\x9b\x96E\xdf\xf1F`\x9d\xa0\r]\x00+&lt;\xa4aU\x11VZ\xf3\r]JBJ\x12\x0c?y}\xdc\xa0\xd3Y\xad\xc9z+\xf2\xf8\x02\x1f\x01\xed\xb4\x87\xe1p"\xf2@,\x05R\t\x82 \xf1\xa2\xdf/\xb3\xa6\x87+\xcb\x8c z\x9cp\x9a\xf41\xad\x97\xd6TkX\x8e\xea:\xdf\xf1\xba\xe7\xc79\xf7\x91`]\x1a\x17\x1eH\xe3\xcf\x7f;kL1S\x0e\xc7&amp;\x16t\x06\x83\x89em\xd0\xcb\xb6\xc3\x96\xf4\x1d[X\x84ow*\xa8&lt;\'Z\x15\xfe;\xa4\xe2\xf0\x00\x97B\xc6gM\xcb+\x0f9AEfEv\xf1f\xcd{5ZO@\x944b\x10j\xac\xa6C\xc29\xb4\xd5\x0c\xe6\xaa\xd2";;=\xfdO\x92\xd1\x80:\x84\xb3\xd6&amp;f\xcdf\xb3\x95\x93\x92mV\xc8\x05\xb2\xef\xd2(b\xb3.\xf4\x03X\x8a\x9c\xae\xaa~\x95\xe7!\x15\x9e$\x94\x9f\xe8RDa\xf1\xd1\xf5YFR\xfd~E\xb0,\xde,\xa1@S\xc8q8\x1a\x89\xaag\xcb\\\x9a\xb7\naz\xd8&gt;\xbb\xec\xe0\xb9\xa5\x14#\x06\x1e`\xdd\xba7iI\xd6\x99\xf4\xac$\xb16$\x11`;\x8c\xb17\xbe]\xb1\x98N\t\x87=\n%\x10\xe1R&lt;"\xcf\xf1\xbc,p\xbc\xdd\xefQ\x14\xc5.\xa2\x95&gt;\\\xbdO\\\x1e\x8f\xca[\x96\xa6\xdeu\x80\x8b6-:z\x1a\x7fD\x87\xaa\x9fc\x91^\x94\xc5\xaa\xec\xf4\x83\xa7\xff\x95\x90hL\xd1\xfc~{\xcd\xa6\xd3Y\xf4\x1c\xc3\xf2\x1cc\x85`V\xcdaI\xdf\xd2+"\x06\x93\xbf=\xachd@\x83\x1e\xa2\xc41\x92\x9dg\x18\xd1\xe3R\x15\x97"\xcb\xaa\xaar\x0b\xab\x0b,#\xa8\x90\x8e\xb1\xfec\xaa\xc5\xb1\x85\x95St\xb2\xf1$Y\xeb\xacV\x89\x84\xa5u\x88\xf4\xbd\xa7\xef\xce\xd2Xh\x84\xe1\xbf\xb8?f0[x^\xcf\xe99\\.\xdcee\t-Yo\xfb?E\x191)a\x97\x07@NT\xa1K\xb0\xd3p#s\xd0I\xe0\x18\x0e\xc3\xb3\xeaR\xa9\x1eE\x815=y4i\xd1\x0b\xf4\x0b\x8c\xf5AsK)u\xf6\xbc}\'\x8aN\x9e\xec\xe9!,\xa8\x052J"2\xb8\xb7\xfb\x0f\x8b)\xe8\xed\xc6\xc4\xa4\xa4\xc9\xdb\xe3\x06\x83\x99\xe58\xd6\xc2\xcb\xf0\xac\xc8 \x91z41\x0b#\xf0\xa6\xff\xb1\x1f52\xebl\xa7PT;|\xee\x91%\xb8H\xe0\x91=\xd9\xce1\x8c\xa2\xca\x8a*r\x9c\x8ag\x86e-\xcb\x13\xe3V\x96\x83t2\xb3\xe3\xce\x85\x16m\xbc\xc9\xcb9\xd1\x83("\xac\xf7\xc1\xd5u\xa8\xea\x10e\xb0\xfb\xdc\x83\x04\x1a\na\xac\xf1\x89I\x1d\x86k\xb3\x9e\x979\x96\n\x89\xe3\xd0\xbd\xac\x0ck2\xb1\x8c$s\x16\xc37=\xd6\x8e\xd6\x19\xa6\xfe\x19\xb6c\xec\x93\x91"Y\x06\x0f\x8f,2z\x11#5\xa5RF*\xe9\rNz\x0c.\\\xa1(\nz\xdb\x9dy:\xc2\x19=\x9c\xbaoOQ\xcf\xc9\x9e=g\xcfn\xf5\x074\x07\xd2\xaa\xf9\xa9\xd5\x98HRQo0\'\'\xdbtf\x1b\x07\x06\xfc=\xcf\xe9%\xcej\xb3\xb0\x18"-\xac\x85\x91\xf4\xdf\xac\xca\x8b\x17Qz\xda\xc3%J&lt;/\x92\xa1A\xc5\x13\x04\xa6\x0e*i&amp;\xa2o\x88\xc8(\xdeY||{\\ge\x05Q\xe6Y\xdb\xa7\xf3G\xdd\xa1P\xa8\xebpNQQ\x0fa\x9d%\xb9\xba\xaa\xca\xca\xca\x0ev\xff\xec\xae\x1eU\x08\xbb\x1b\r0\x96\x89\xe1X+\x9a)#I\x0c\xca\x10`\x02\x8b\x1a\xb0\xb1h\x17\xb8L\xc1\x92\xf8\xf56v\x11R\x85]\n\xf5P\x05X\x92\xa8@\x16A\xd2\xeb\x19^qa\xde\x07:^+&gt;\x99\x13DU\xe1\x89+\xc1\xaae\xc2b\xbb\xd3\x1c\xd2\xb6\x07\xa7\xe6\xec\xa1$\x9e\xd5\xbc\xd5E7\xae\xdd\xa7\xff*\xea4_\x19\r\x0b\x13\xe3:\\)\xa3\xf5\x05N\x12\xc0\xa5K\xe6\xf4\x00\xc5\xcfV&lt;Y\x04\x991\xe9\x0c\xb1\xafa\xb5\x87=\x18\xeaTU\x91y\xd1\x0e?2\x9c q\xc0\x92\xfe\xdb\xb4\x19\xbc\xc6u\x9dQ|\xe6\xce\xcd{o\xee\xbb\xef\xce\x9bw53\x8c\x1e\x18-\x06\\\xa3 /\x8b\xe2\xa5\xc1F\xe0U\xf6\xa1;-\x84\x8d\x96\xa1\x1b/\xdae)t\xd3EVN\xe3 \xf0\x08&lt;\x90?\xa0T\xd5\xa2\x10\x8a\x10*!\x18dd\x12,\x81l\xb0\x03\xc1M\x17\x85\xfe\xce\x1d\xc5\xcd \xc6\xa3\x19i\xde\xd1\xf9\xcew\xce\xb9C\xb2&gt;\x1bCZ\x8d\xe67fS\x10\xb2\xa3k\xd5\xe4\xc5\xbb\x84\x8b\xbf\x901|\xf3\x19\x07\x9c\x9b\xb7\xef\xec\xac\xfe\xf1Wi\x15\x81uK\x87\x9e\xdf~\xb5\xd9\x0c\xb4\x83E\xb18&gt;\n\xaevnd\xb3a\xe3\x86U]y\xe1\xf3\x08\xc5\xc1W\xc9w\xbc\xdc4C\xf3\x0b\\J\x9au\x95P\x94&gt;\x1a\xaf\xcdj\xcb\x06#\xab,\xd3\xa0*D\xda\xce0\x8c\x89\n\xce\xc6\xc6\x04\xb5?{z\xbc70CW\x8dl\xd7|\xff\xdd\xd7\xff\xda\xfd\xdb\xb5\xebw\xbe$x~\xfd\x07\xfca\xf5\xc3k\x0fv\x1f\xfc\xfe\xbf.\xd5\x86&gt;U\xf9\xc4\x18\x0bW\x19\x8b\xd4x\x17y\xec|\xafg\xbc\x1dYc\x04L\xa4\r\x87\xb1\xf7\xf1\'\xef\x81\xa9R\xa9\x1bS\r\xeai+]\xb1&amp;\xb5fXa}YE\xee@\x15\xce\xb5F{\x9e\xcd\xd8\x0b\xff\xf8%\xb8B\xd4\xbaw\xc3\x8b\xbf&lt;y\xf2\xf9\x9fE\xd8\x8e\x1c\x9e\x19^\x7f\xb0\xbb\xfb\x9b\x7fT\xdd\x81\xe4NQ~\x15B^\xe2W1\xc3L\x87,\x9f\xad\x9c\x1f\x02\xc7\xa8z\x99\xa0G\x0c7c\'\xba\xef\x9b\xc5\xe6:\xd6@\xa7\xda\x9c\x10\xcar*\xe6\xc6\xfa\xdav6\xb2\xdc\x10\x18\xc2\x1fMGZR\xd6\xb2\x9d\xa1\x82C|\xa2\xc8\xf1\xec\xcc\x99\xf0\xc5\xb7O\x00\x06a\xd7A\xb6\xc3\x0c\xaf\xed\xee~\xfa\xf7\xb6\xa1\xcc \xacpvv\x88\xc6r\xa6\xe7|Yf\x16\x95\xf9\x86\xf7\xb5\xa6\x17\x82q.\xe4&amp;\xe1j*\xcf\xa6f\xe1\x93NbL1\x0c\x05\x1c\xb6j\x14\x8f\x05\x90\x83\xd69;\x19\xd7\xd6[9\x05\x1c\xb1\x01\x90W\x8d9m`\x88\xc6\x1c\x9e%\\\rN\xd6\r\xfb\xdf&gt;\x7f\xfe\x1c`7\xef\x83k\xf5\xee\xf5\x9b\x0f~\xf7\xd7\x993\xa9\'#\xf7\xa3\x1c\xc7\x02\x97\'\x0f\x9d\x14\xee\xf1Q\xc1"\xb8\x03r\xe3^\xb4\xf5\x08I8\xab\xcb\x95A\xfe\xc1\xc7\x9du\x864\x1b#u\x9a\xc2\x94\xed@\xc9n8\xf4\x90\x0e6\xd1\xceS\x19\xa0\x9c\xd3p\xdb\xcc\x97\xd2\xc2\xde\xcbS\xe1\xea6\xc3\xa6;8\xfc\xf1\xd1\xa3G\x7fz\xb2{\xf3\xde\xce\xdd\xd5[\xb7\xaf}\xf4p\xcduQVQ\x0c\x16\xa7\x8b\x08&amp;\xbe\x029c\xcb\x10&lt;_\xec\xa0gz9L\xf9\x98\xe7zM\xe6\x11M/f\xdet\xbbM\xb7C\x92\xc0\xd6\x98\x10\xac\xa6\x16\x19\xb7\xb2^\x8f\xea\xbd\xb7\xd3Z\t\x06&gt;\x971\xcf%T\xe49t\x99\xdb?\x86\x86A\x8f\xf7\xe8\xf6\x06\xe1{\xfd\x7f\xa5\x9f\xc3\xd6\xea\xdd{\xb7?z\xf8\x0c\x8b\x1a\xe8\xa8\xb3w\xfc\x8a_\xe0\xc2XE\x88\xb64\x11,1\x98F\x8a\xe2\x0bDF\xf7\xf9r\x8eVR\xcb\xd1\x7f\xd3\xd9\x94k\x81J\xdb\x07\xb7\xa4\nL\xdb\xb6\xf2`\xa9\xc7ZLn\x00\xe3\xbe\x84)\t\xc1\x11\x01~\xff\xe9\xe9Q1`\xa1z=p}\xa1\xff\xa8\xfa\xfe\x9d/Wo]\x07U\xd3t\x05\xabx\x8c\xb0 \x97\xee\x9e\xf82\tU\x10?9`\xb9z\xd0#\'\\A\x9ea#\xdb\x91~\xae\xb3\xa9\xc3\x049\x9c\x11y\xdegSR\xa5\xf1t\xb5!\x0e@\x12R\x91\xad&amp;\xc9\xdd\xd4\xa2\x00\xde\xb5\xf1\xd3v\x94\xf9C\xe1\x82\xb0^\x18\xf0\xb6\xfb?\n\xd6\xce\xce=Pu{=\xcd\xf0\x83\xe2\xe4\xe9~d\xe4h\xdd\xa4c\xb5\xf0\x08C\x9epX\x06\xa6G\xde\x83:\x0fv\x98\xb8\xd2K=\xd3\xc1\xdf\xb7\xb6\xc7m\xcd\x85\x1dt\x94\x84{\x83\x10Kp\xb5k\xc9\xc6 \x11\xe6\xaa\xa1\xb5M(%P[O\xa7\xb5\x8d\xfb\xc7\x07\x0b\xf8\n=`\r\xf2\xc7\xdf|}\xff\xce\xad[\x1f&gt;|\xc6\x8aA d\x11\xd0\x01\x17(\xbd\xd3\xf5S\xc51\xa5\xf9\x19\x9a\xf30\xa1\xf9B\x94\xc841\x97\xdatkl\x87\xee\xbe\xb5\xd1")\xae&gt;dH\xd5\xda\x98)F\th\xb6\x8e\xcb\xbb\xa9^jJ\xa1+Y\x19\x96\xba\xd6\x8d+\xed\xbd&lt;X\xd0\x88\xc1\xc0}\x11^|w\xfd\x0e\xa8z\xbc\xef@\xc7\xe8\xc7\xc7\xaf\x0f\rW\xf3\xa8\xb4\x14*\xbe\xd1\xef_\xd1\x95CW\x15\x057\x84"Wt\x86\xf7/T\x9d\xad9\xdd\x8f\x80\xe3\xaa\xd0e\xf2r}\x13\xf3\xc6z\xe9\xa1\x13\xb9a{S\xf2\x00\x00\x04\xadIDAT\x02\xb5f\x18\x85\xc6\xb2\xd92d`\x8djI?\x1e\x9e\x1d\x9c\x84&lt;\x91\x95\x83c\xff?\x9f~\xf5\x0c\x9e\n\xe1"\xa0\x8f\xf7#p8U\x0c\xbd+y\x96!\xb9$(\x80\x0c%s\xde2}:\x91\xa7H\xef_\x8d9\xd8X\x02kNi\x19\xc9\x0e\xc6#`\x99\xf1\xd6H\xae\xdbd\xe8\n\x0f\xd3\n\x00\x92\xbdq\xac"!\xe6\\\xc9\x9eF\x83{\x94\x87?\x1d\xbcz\xcc\x1b\r\xd2-\x8f\xff\xdc\xc4\xdbi\xc99\x04\x9e\x9c\x1eE\xd98p|\x12\x17n`\x98\'\xd4\xa0\xea\x98FF7-\x12\x9cB\xb0\xfa\xc5r\xc04\xa0\x0eU\x8b\xaa.\xfd\x8c\xd6G\x88/\xd47f\x98\x88\x1f\xda1\x9dF:O\x83\x800\xa3\x001\x9c\xa8,\xe5-\x82\x8d\x06\x90\xbf\xba8\xdbK\x90\x10\xd9``\x14\xcf\xdc`oqp\x92+\x87K\x83xJ\x80\xc0\x11-F\xf4E\x19)\xd7\xc6P\xbdI,\t\xd3\xcaJ\xbf\x88Wc4\x1d\xfa;e\xbd"\xa8F\xe3\xca\xe5\x85q76\x88\x01\xce(\x95FhM\xae\x8c\x18U\xc9\x18h\x94\xcaq\x87\xf3(\xa6H\x8e\xf8\xf6\xe2x/$51\xb8\x81\x91\x89\n\xd5\xd1\xc1q\xc9\xdb\xc3\x13\x90\xf2\x02\xfe\x19#\x84\xf3X6\xc1s1aX\xb2\x04\xa8\xa2\xbf\xd2\xefGy/?m;\xfa\x00k\xb6\x95E\xd7N\xa6S\xcf\x0fr\xda\x00\x8b\xc1\xb5Hz4eJ\xcf\xe6i|lB\xc9\xb3\xa3\x8a\xe2\x84\xe3fY\x19\xa2/\x17\xef\x0e\x16\xfc\xf5\x98W\xf1\x7fXG\xa7\xa7{&gt;\xf1$\xba\x8a\x82\x7f\x1d\x97\xd4\xce\xa1\xb5$t\xad\x9eP\xad\xf4\x13W\xfdbE\xb8\x8a\xb4\x9be\x87\xc3\xe1l6\xb7\xd1\xea\xe3\x06\xcbsfm^C\x16\x99\x03\x14\x98"\x18\'\xb5Z\x1b\x1eM)An\xc0\xaa\xb0[j\x9d#_\xcd\xfe\xbb\x8b\xd7{\xb2/\xc9\x8a\xe6\xce\x15\x17\xa7@%X\x98\x15\xbb\x17C\x11\x19=\x7fc!\xaeXL/\x95\xff\xccU"K\xe8\xf8\xd2R\x06\rq\xbe=\x1e\xcf\xe6\x95\xa9g\xf5d}\xc4\xb3f6\x1f\x93\x03\xd4\x9a\x0c\xae\xa8\xdb\xa2\xcd\xda\xd1T\xed\x12\x83\xa7\xc5\x19\xc7\x80\xad\x1a\n\x81[\xfa\xfd\x7f\x9f\x1f\x1f\xf5L\x82%\x17EW\x07\'\xb1df\xa5fE\xcf+r\'\x7f\x91\x19X\x04\x86\xd2C\x91\xa22i*\xdd\'\xd6\n\xc3\x86\xf0\x95\x03\x8b\xc2~95v\xd2\x8e7\xc7\x10n\xc6\xf3u\xa7\xd6EGk\x92\xbe3\x1d9\xda\xd6)\xe2IK\xab\xc6[\xd5^\xf5\x1c\'\xa3\x9ae?\x9d\x83\xa3\xb7\x84\xa5\xcfn\x0f\xdeb\xa2\xe8\x81\t\x86\x12\x93\x8f@\xb4\xce\x88#\xbc\x9d\x8da\x0e?\xaf\xdfJ\x92U"\x8b\xf1-]-\x00k:\xde\xb8\x9c`\x08\xf5l{f\x8a~\xde\xce\xe7\xd3\xd6\xca\x17\xe8E\xb4\x18\xfc\x93\x83\xdd\xa4*S&amp;\x96\x8al\x82\n\xbb`\xacp\xa9\x96Q\xbd}w~\xb6\'q\xe1\xa2\xaf.\x0e\x16\xdek\xeb\xd0\xa5~\x83G\x11\x97\x082\xce&lt;R\x05\xa2\x8fK\xd7\xbfRU\xdaBT\x1f\x11\xa3\x82\x08X\x97s\xce\xa6o\xd6\xc8\xc9\xaa\x9doHr\xd5\xf6\xe5\x8d\r\xf9%E\xa1\t*h\x9cX\'\x95\xf5~H\x1f\x8d\xc13@gJ\xe8\x0c\xa6\xa2]{\xc7\xfd\xfe\xcb\x1f.N\xc2\xa0G&lt;\x9f?\xddS?gZ\xccQ\xc1\xc1a,\xe5\x9eB\x99\x82\x90T\x9a\xbf7\xab\xab\x19\xea3_\x8d/y\xaa\x11\xac\xd1\xec\xcd\xa6\xf4\xd2\xce7=X\x1d\xb0\xb67l\xc4\xf61\x8aH{\x1b\xd1\x05)\re\x065\x12X\xa5\x05Ue\x92\xba\xb8\nM\xca\xc6\xb7\x07?\x9c.\xc2\xe2\xf4\xfc\xf5\x1e\x1c\x95\n\r\x97\xf7\x89\x1bdn\xb4|\xd1zpEv\xa5TS(\x8a\xf7Li\x84|\x97k\xb2\x1aa\x08\x9d7\xf3Q\xbd\xf6\xe6\x86\xd7ay~\x03\xe3*\xe2\xe6\xe5\xf6|\xcc\x90\xb8.\x95Q\xe5\xab\xe5TH\xaf\x80 \xc4E6\x94:\x1a\xb0\xa5*\x16YR\x0b`\xf7_\x9e_\x9c^ 2\xe5\xf3\xb2\rE\x05!o\t;\x18)R\x17\xfdT&amp;\xc2,\xef_\xdd\xf2\xfe\x12\x16\xf2\xd1\xcf.[\x06\xb0\xa6\xd5\xec\xcd6\x95\xb6n/\xb7\xac\x9e\x9f^^ngZh\xd3\xe8\xef\xf6\xb6m\xa7\xc2SU\xa5f\xa7]\x88\xa9\xc29\x15\x9eT=\xa8)0\xb18;=;*\x15\xac&gt;\xa1\xf2\x98x!;^~\xdc\x86\xbb\xd2B\x98\xa2u\xd0" i\xfb\xfa\xc5\xf2^\xe0\xf3\x94\xd7\x89\xad)l\xcd\xb3\xa1\x9dN.\xb7kV1d\xdb\x97kB\x95\xa8*K\xd9i\xc6\xf6\xe1WF\xa9_)`\xd5\x8c\x14\xb5\xaa\x87\x048d\xc5e\xa3\xc2\x0b\xe5\xb6\xf4Yz\x12\xd6\xd0Osat\xcaEN@\xd8\x84\xfe\x84e\xe4\xac,71\xff%\xact\xfb\x1f\xfc\xf8\x97L`D\xb3\xc6\x00\x00\x00\x00IEND\xaeB`\x82'</t>
        </is>
      </c>
      <c r="M528" s="3" t="n">
        <v>45492.67841435185</v>
      </c>
    </row>
    <row r="529">
      <c r="A529" t="n">
        <v>1463904</v>
      </c>
      <c r="B529" t="n">
        <v>1999</v>
      </c>
      <c r="C529" t="inlineStr">
        <is>
          <t>Gustavo Neves</t>
        </is>
      </c>
      <c r="D529" t="inlineStr">
        <is>
          <t>Gustavo Nunes</t>
        </is>
      </c>
      <c r="E529" t="inlineStr">
        <is>
          <t>MC</t>
        </is>
      </c>
      <c r="F529" t="inlineStr">
        <is>
          <t>MC</t>
        </is>
      </c>
      <c r="G529" t="inlineStr">
        <is>
          <t>MC</t>
        </is>
      </c>
      <c r="H529" t="n">
        <v>176</v>
      </c>
      <c r="I529" t="n">
        <v>22</v>
      </c>
      <c r="J529" s="2" t="n">
        <v>38099</v>
      </c>
      <c r="K529" t="inlineStr">
        <is>
          <t>Right</t>
        </is>
      </c>
      <c r="L52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8&lt;/Attrib:Created&gt;\n        &lt;Attrib:ExtId&gt;0e5368ab-7d18-4973-8203-f07bbf2d58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Z\xdb\x04\x00\x00\x00\tpHYs\x00\x00\x0e\xc4\x00\x00\x0e\xc4\x01\x95+\x0e\x1b\x00\x00\x03\x00PLTE\xff\xff\xff\x1f\x17\x16\xea\xc2\xa8\xe3\xbe\xa5\x0c\x06\x05\x11\t\x07\xe6\xc0\xa7\xff\xff\xff\x06\x03\x02\xfd\xfd\xfdZ;-$\x1c\x1bV8)\x15\r\x0c\x18\x12\x11\xea\xbe\xa3^?/\xd8\xde\xf9N0#\xc7\x9d\x86\xd9\xe3\xfbmI7\xe7\xc3\xaeJ)\x1c\xd2\xd8\xf2\xe4\xbb\xa1\xe2\xad\x8fT3%\xec9C\xdb\xa4\x87uTE\xd5\xdc\xf6a:(\xdf\xbb\xa4\xe8\xc6\xb1eF7rL:\xdf\xb8\x9f\xe2\xc0\xabkD2bB2\xfb\xf9\xfayP;\xed\xc6\xb6\xcb\xd1\xec\\6$\xec\xc4\xae*"!\xd7\xdf\xf7e&gt;-\xdc\xdf\xfa\xcf\xd5\xef\xce\xa6\x8e\xbc\x94}iK?\xe3\xb6\x9a\xe2\xb2\x94\xdd\xe5\xfbx_X\xe1\xef\xfc\xf6\xf5\xf5\xdd\xea\xfc\xa1u]\xe0\xa7\x8c\xdb\xe2\xf7\xd0\xd4\xeb\xe9\xb9\x9d\xc7\xcc\xe9\xe9\xb8\xa6\xad\x81g\xc1\xc7\xe4\x8a^HS-!nPD\xc1\x9a\x82\x97iQ\xda\xb0\x97\xda\xaa\x8c\x7fe_\xda\xb7\xa3\x7fU@\xd4\xa2\x89\x1f\x10\nyYK\xe1\xb1\x9c\xca\xa2\x8b\xce\x98\x7f\xea\xc0\xb2\xd5\xa0\x83\x85YC\xe0\xab\x95\xc2\x88kwG1\xe7\xb3\xa0\xe3\xb6\xa5\xcf\x9e\x81\xe51=\xe6\xb1\x92\xd2\xae\x98\x91cL\xb9\x8et\x9coX\x80]LG$\x17nWP\xe9\xbd\xac\xdb\xb5\x9b&lt;$\x1a(\x15\x0e\xcb\xd0\xe7\xa7za?\x1e\x11\xb0w\\\xe8\xb5\x97\xca\x91ur\x02\x0e\xaarW\xd3\xaa\x91\xbb\x80e\xd0\x96y5-,\xb5\x86l\xdc\xdc\xf4\xa2hM\xc6\x95|\xd5\xb1\x9e\xdd\xbc\xabd\x03\n\xed\xbf\xac1\x1e\x17\x9abF\x87dS3(%\xc3\x8ct\xe2\xe0\xe2\xb6|^\xdb\xae\xc56\x16\x0b\xf1\xef\xef\xcd\xa9\x96]E=\xdd\xd6\xd8\x93[C\xdf\xb1\xa2\xb9\xc0\xdc\x82N6\xad\xb2\xcb\xe5\xb9\xab\xdb\xa9\x93\xd9\xd8\xef\xe5\xb2\x98\xd9\xa9\x9al?+\xb3\xb9\xd5\xd9\xa2\x90\xa3mU\xd3\xa7\xbe\xcf\xb3\xcb\xeb\xe9\xe9L7.\xda\xc9\xe0\xed\xca\xbfV@8B-%\xdd*7\xdc\xd0\xe7\xe3\xe9\xf8\x7f\x04\x13NGE\xd7\xbf\xd7\xcf\x9b\x8b=43\xc6\xc0\xc0\xe5\xac\x9b\x8fm\\\x94yp\xd3\x9e\xb7\xe1\xe3\xf5\xdd\xb6\xcd\xc8\xcb\xe0\xb8\xb1\xb0\xa2}k\xbd\x84s\xa5\xa9\xc0\xde\xc1\xb6\xd9\x95~\xe2\xd6\xea\x87ql\xea\xd3\xc9\xda\x9f\x80jcb\x8dT&lt;\xb3\x8cz]2-\xe4\xce\xe0\x8f\x8d\x94\xaf\xa5\xa6\xe5\xc4\xd5\xad\x86r\xd7\xc9\xc6\x9a\x9d\xb2\xe4\xe1\xed\xd2\xcd\xe5\xb2wn\xd4\x88\xa1\x89\x84\x85\xf3\xe4\xe1\x81IBwrr\xcf\x83\x90\xd5\x95\x99\xd0\x1e1\x8e\x04\x15ZQO\xc3p\x80\xdd\x96\xac\xb2\x0c#\xc2\x14*\xd0\xce\xcf\xe4p\x84F&gt;&lt;\x98WX\xcd\x97\xaf\xc5\x8a\x7f\xe1\xa4\xb9\xe7\x8d\xa1\xdas\x8c\xa0\x9c\x9b\xe9\xae\xb5\xcfSn\xaa\x93\x8f\xa2\x05\x1b\xe5cl\xc7\xb4\xb3\xe5OX\x9f\x86\x85\xea\xb4\xc4\xabai\xe4&gt;JV$ \xc1\x9a\x97\xc8\xc3\xd4u58\xdf\xa9\xac\xee\xee\xf8\xca&lt;VI\x08\x08\x91!,\xe8\x9d\x8d\xe5\x82x\xbc\x7f\x93\xb8R\\f \x1e~\x16%\x96=I\xb25&gt;\x8c\xdd\xad\x1b\x00\x00 \x00IDATx\xda\xc4\x98_OZk\x16\xc6\xbb\x1b\xf6\x0c\xb8\xf9c4G\xd3mhll\xab\x1c#\xc4D\x85\x9c\x10I\x08\xa6\xd5\x96z\xa0(\x14\x14\x82\xd3\xaa\x14\x92#\xa6Gw\xa3\xa7\x11\xdd\xd5\xd4b\xcd\t\x06M\x9bH\n7\xe4`\xf5F\x93I\x1a\xb1\t\xc6;\x12n\xbc1\xde\x99\xcc\xcd\xdc\xccG\x98gm\xec|\x81\xd9\xda\xb7\xb2\x85\xde\xf0\xcb\xb3\x9e\xf5\xac\xf5z\xe3\xc6\xffwT*\x15^\x86\xea/&lt;nHon\xfc\xc8S%Z]&gt;\xdb\xdf\xdf9[\xde^^;\xc3s\xdbj5T\x01\x7f\x10\x93\xca`\x00\xd4N\xb9\x98\xcf\x9f\x9e\xe6\x8b\xe5J\x11\xcfb\xa5t\xbc\xb6j\xb5\xfe\x182\xfaV\x03\xf4\xd9/\x9fk\xb5Z\x86\xc31\x998\r\xab\xd1h\x19\xa1X.\x1d\x9f\xad\xfe\x00\xcd\xf0\x85\xd6\xe5\xfdR\xb9\x927\x01\x8a\x8e\x961qZ\r\x10\xb5\xacB\xc1jM\xf9\xf2\xd9\xb6\xe1\x9a\xb1\xa0\x94u\xa7x~~^0\x81\x07:\x01\x0bG\xc3\xb2\xacF\xabQ(\x14\xe03\xe5+;\x86\xeb\xd5\x0bR\xedT\x04\x86\x13D\t\x87\x01\x17\x9eZ\x85B\xa9T\xa0\x8eTK\x102\xe7\xa5\xb5\xeb\x04SA\xaa|Ad\x80\xc3qTC\xceD\xf5\xd3\xb0\xc0R*\xaa\xef\xe8\xb0\xdc\xe9\xf1\xb2\xf5\xda\xc0\x0c;E\x13#\n&amp;:\x1cQq\x1cC\xc5\x93\xb0\x94\x1a\x06\x9f\x88\x8a\x94\x13\x8a\xc7\xdb\xd7\xc3\xa5R-W\x04\x14N\x94\xa0\xb4\xd5F\xc4o\xf8\x8a%,\x85\x16X\xd2;\xa9\xa2By\xf9z\xb0\xac\xfb\xa7&amp;\x13\x89E4\x1a-5\x1e,\xaf!OU\xcbH\x1f\xbfs\xb1\x1a\xaerf\xbdr.\xa4\xd5N%_\x10D\xaa\x1cB\x81\xc1\xf7\xa3\x80R`1\xec\xff\xca\xc8I\xfe\',\x96\xe5\xf2\x17\xabW,\x98\xca\xb0V*\x16\n\xc2e\xfdL&amp;\xc4\x14\x0bm\xb4R5\x81H`\x90\xcb\x04{\x01\x0b\x9c,\x15\xf2\xd8z\xb5\\\x86\xb5\x8bsTP$\x93\xb3\x94\x0c\x9c\x96\xa2\n\xfaP/\xb2JV#a\x91r\xca*\x16\x19\x8c\xcd\xef\\\xa9\xefUk\xe5S\xe1r\xd0(Y\xb2:p\x18\xb7[\nw|\xbdB\xa3\x912\x02\xe7\xb2\x86\n\x89MS\xd9\xbeJ,\xeb\xc5iA\xe0\xa4\\g\x89\x8ask4\xeeX,\xc6H\xd9.\x95L!\xf9\xa9\xda\x93RdH\xffo*-\xab\xae.\x1a\xce*\x02\x99\n\\\x00\xc1\xc3\xed\x06U"\x91\x88\xb9\xd9j\xb2C275$jG@\x8a*\x1c:B(\xad^\x15\x97j\xbb$\xd0\xf4\xd3hM\x14\xee&amp;\xe0\xc4b\xd1\xba\xda\x9e\x16u4\xe6v_\xfe\xc4\xf0`\xabD\xca\xefX\x98\x92\xe7We/\xd5\xea~\x9e#?\xc1\xe0\x1a7\x93\x10s\xb9\\c\xcbR\xef\xc1I_\xefRM4\x11ml\x9c\x98\x98h\x9c\x88\xfe\x16\x8bih\xfe(\xbfg\x17\x89\xa7-_IJ\xa8T\xdb\xc7yJ*\xac\x0bX\xac\xdc\x89\\\xa6\x7f|i\xf7\xa4\xbek\xc3\xe9r\x86z\x7fj\xdez\xf6`d\xabud\xab\xb3\xf9\xe1\x04IV\x9d\x91Ji\x0e\xa1\r\n\xfbW\xc0\x85\x91\xb3\x9fg\xa4\xde\x93\xda/Q\xd3\xbft2\x1fr\xf9-&lt;oI\xfby\xdf\xcc\xabO3\x81W\x8b\x8b\x8b\x1f&gt;\x1c\x8dtL\xfc\xf6.F\x86\x93Z@\xc2Rj\xf2\xfb\x06\x95\xecT\xab\x17E\x81z/\x86\xa8\xe4\xdc\xb1\x9e\x83\xe7\xf3.\xa7\x9e\x8f\xa7y\xa7\xc5\x9e\xe6m\x87\xb3\xd3\xb3\xd3\x81\xa9\x95\x95Ws\x8bG\x7fnu\xa0\x98\t\xb7$YU-\xa5\x82)[\r\xb2\xa7\xfb\x19\x06!v\x03&amp;&amp;\x8a\xd1D\xa2\xe6\xc4\xe5t\xf2\xbc\xde\x96N[\xa0\x96\x85\xd7\xeb\xf5&gt;\xdf,\xc0V^-\xce\xcd-~\xf8s\xa4\xb9\xa3.\xfa\x8e\x14S\\\xfa\x9f==\x93\xbb\x8a*\xeb\x85@\xd5\x8b%\xa2\x99\x9a&amp;\xf5\xdd^\x97\r\xc5\xe3m\xb6\xb4=\x8c7N\xfd\xa1\xcd\xe6\x0b\xcd\x06\xa6\x03\x01\x80\xcd}\xfapD\\M\x8d\xa4\x18K\xfe"\xbd\x18\xb9C\x15~\xafpT=1\x9ak\x19\xffGo\xb7\xcf\xc6\xeb\xf9\xb4-\x1c\x8e\xc7QH{\x1c\x9fx\x9b\xde7\x8d\x03\xb0\xa99\xa85\xb2\xd5|\tV]\xbe`\xb2\xc2\x8e\xdcXgy\x8c\x1c-#F\x1bo\xbfx\x1d\x82\xa9 \x12\x1c\xc5\xc7\xf1\xb2\xdba.P\xe9\x9dz\x1f\xca\x18\x80\xbf\x16\x81\xd5\xd9\xdc\xdc\xdcTW\x97K\xc4\xbe\xb7\xa4i_V,\x18\xfe\xb8\x806d\x12\xd1\xa8\xfa\xc1\xcc,\xcfC&amp;\x9e\x07L\x18?\xbc\xd9\xa1\xb3\xa7\x9d\xfai\x9f/\xe4#\xae\x95\x95\xa99\xb8~\xab\xb3\x13r\x81+\x1ac\xab\xb1\xca]\xc8\x8c\xb5V\xc4\xd4\xe1L\xb9\xbaZP\xe9I$\x0b\x1f\x8eC&amp;;\x1e\x0b\x0bAO\x9a\xd7\xcf\x1e\xfa|Ngh:03CU\xdcjE\x825\xd7\xa8\x01\x06.\xaa\xa1\x82+\xc9zG#\xb1hI\x16\xd5\xe3/\x02z=\x01\xc5\xe3\xe9x\xdc\xae\xbb\xa9\xbbi\xf4\xb6\xb7\x1bS\xc1/\xe8D_\xc8\xf5q\x98\xd4Z\x99C\x15[[!\x17a5\xe5\x12ni\x94\x93\xe7eu\xd6)GX\xb9\x96\xbey=o\x83\xcf\xe3i\xfb\xa8\xe3\xe6B\xfb\xc2McC*\x18i\x8f\x04=_\xfc\xfa\xe1\xe9\xd9\xe1\xc0\xca\x8c\x84u\x84\xc4\xef\xec\xac\xe9P\xe3d\xe0{I\xaf\xfc\x99\x9cX\x86c(e\xe2\xc4\xdc\xafoCh\xb9p\x9c\xea\xb7\xd0\xde\xfe\xf9s$\x18\x89\xaco\x8e:&lt;\x1e\xcf\xa8\xc5\xe9;$\xad\x023+S\x8bG0Wg\'\xc9\x85\xa3\xae\x8b&amp;\xb0\x80a\x8f\x90\xd3\xf3\x08\xad\x82\x00o\x89-}\xbe\xc3CJ\x05`\xe9\x8c\xed8F\xa31\xe2\x18u8\xfcHT\x9b\x1e\xc1\xb52\x83\xb3BC\xe8h\xab\xb9\x03\xbd\x08\xaeZu]#\xd9\x9e\xd5\x88\xc7\x06\x99\xb1\xb0\'gvC\xc0B\x17\xf2a\x8b\xf9;\x96\xb7!\x95\x8a8\xbe\xa4\xd1\x8a\xbe\xe1Y)M\xa5\xd9\x08\xcfw\x10VM-\xe4\xaak\xccQ|a\xa9\x97\x11\xeb\xef\xab\xe5s\\*\xc4\xe4\ta\xd9\x90T\xe1x\x95J\x92+\x98\xf2FFG\xcd~)\xb5\xa6g\x033\x88\xd3\xea\\\xbcT\x8bl\x0f\xb9\xb0\xfc\x0b\xfb\xf2\xaa\x95\'\xc3?\xed\x0e\xf9\xf4TE\x8b\x85\x9c\xd5n\x8cx\xbd\r\xc6H0\xd5\xeeu\x04o\xd9-~g\x88\xa6b\x00b\xbd\x9a\xfb\x80\xe1\xd3A`\x84\x05\xae(]B\x04\x99\x8bx\x8e\xfbjvw\xc0\xe9D\x96KX\x94\x0b\xc6\xc8\x82.\xed\xf1{"\xc6H$xKgN{\\\xc3\xa8#:q\ny:\xb2\xd5!\x1d\xa2\x92L\x8f\xfb\x90x!+VI0\t\x99\xb6\xdd!\x0b\xb8l6\xeaC\x9dqaA\xe7\x18\xf5\xdb\xf0\xcf\xec\xf7\x8c\x8ez\xfc~\x8bg\x83\xb0\xde\xceL\xc1\xf3(\xa2$W\x87\x9a\xb0j\xd4\xb9\x04\x83e\xbb$\xe3\x05\x1b\xbb\x96 \x162=\x07\x8f\xcd4v\xc2|\x1a\x8d\x08*\xf3\xa8\xe3\x8b\xdf\x1f\xb6\xf0i\x7f:\xed\x87\x8cH\xd4a\x97\xcb5\x1c\x98A\x11\x9fU\xab\x08.uMm[[F\xe4\xb4Z\xae,\xe7E\x03\x9dX\xc8d\xc7O\x06oYhg\xb0X,i\x9d\xcex\xd3\xeeXp\x00\xcc\xa6O\xa7\xd3_\xe8\xb7&gt;\xa4wm\xf8]\xc3\xd0\xeb\xd3\xe2\xb3\x9f[\xc1\xd4\x84*\x12V2\x99\xc3mI^\xac\xd5\xb2\x90\xcb\xf6\x8c\x7f\xbbs+\x1e\x87V\x16\x84&lt;\xb0\x8c\x14X\xf7PH\xbf?\xed\xf7x6\xfc\xfe\x8d\x8f\x1b\xfe\xc7\x1b\x1f\x87\xdf\xbe]\x91\xb0hT?l\x02V[K\xffd\x12\x17LF^\xac\x8a dZ\x96\xbao\x99\xed\xd5E\x06X\x0b\xc6\x85H\xc4\xdb\x9e\x8aDR\x91\xa0#\x15\\\xff\xb8\x01{\x81nc\xc35\xff\xf6\xf5\xa7G\x0f~\xbd+\x8d\xc4\xa6&amp;`\xf5L&gt;y\x92\x17\x19y\x87"\xb0\xc4\\\xff\xee\xc0=s&lt;m\xa3F\xb4\x84u:\xa4\x03\xa6\xcfg\xaf\xd7\x0b&lt;o*\xe8\xf1\x0476\x83\xeb\xbf\x7f\xec\xfak\xfey_\xef\xa3g\xbf\xde%\xb9\xb0\xda\xa8k\x92\xfd\xbf|\xfdZ\x149\xa6(\xe7\xe5\xdaZ\x16\xc4\xcc\xed\xde\xfa{f\xcc\x18l\xf0Hy\xbb\xfdo\r\xde\xcf\x84\xd5p\xffN\xc3\xfdT*\x18\\\x0fnn\xaeo\xd6\xd7\xd7\x0ft\x9f\xbcx\xb4\xf4sk-z\xb0\xae\x0e\x8b\xcd%V\x81\xe3N\xd7\xe4\xc4*\x89\xc0:\x18\xbbg\xe6\xe1y\xfeP\x1f6\x9b\x83\xf7\xdf\xbc\xf9\xe7\x1bz\r\xde\xb9\x7fg0\x883\xf8\xf1\xaf\xae\xa1\xee\xee\xee\x93\x83\xdd\xdb-\x19l\x7f\xb1\x18-\xff\xb9L6\xdb\xf3\xcb\xd7\xbdb\xc1\xc4\x9d\xef\xc8\x18\\\xc0\x12\xd4O\xbf\x8d\xbd\xc4-\'n\xc1]\xc2\xf5\xfe\xfd\xfb\xff\xfc\xeb\xdf{_\xf7\xf6\xbe\r\x0c\r\x8d\r\xbey\xb3\xbe\xb9\xb9\x19\x9a\xaf\x1f89x\xb1t;\x99\x8b\xb9\xb5\xd2\xdf"Xw,\x91\x03\xd6\x13\xa8u.r\xb2N\x1f\xa9\x13\x97\x06\xc6\x1e[\xc2\x16\xdc\x0bC\xcf\x0f\xf6\xf6\x9eL&amp;\xb3\xc9l6\xd9\xbf{p\xd2=68\xb8\xe9\xea\xea\xa2\xfa\xf5&gt;x\xda\x93\xcd1\xb8"\xb2\xac\x06Ow,\x96\xc8d\'\t+\x8f\xcb\xd3\x85\x8cyj%\xac\xdd\xa1\x97\x8f-\xc8\x07\xe7|\xef\xd2\xd3\xc9\xc9l&amp;\x93\xed\xefI&amp;k\xc0\xf5\xad\xfe\xfd\x1f\x7f\xfc\xee\xaa\x9f\x7f\xfe\xba\xefAkK&amp;\x1a\xa3\xbf\xe3D\xa39L\xe8(n\x95\x89\x0ca=\xc9\xa3\x8a\xe5U\x19\xbdU\x11s5K\x03/\xcd\xe8A\x9b\xb3\xbb\xef\xe0\xe0doo\x17g||\xfc\xa7\xb6\xa7\xd0\xeb\xf9\xd0X\xd7@}w_o\xef\xb3Nu.\xfa\xee]\xb4N\xdd\xd6\xd2\xd6\xd9\xf1\xb0\xb11\x97\x132Ix\xabrZ\x10M\x95m9;\xb1\x80\xd8\x1ax\x8c6\xb4\xfd\x97U\xf3{M+O\xc383eS\xe2\xbaM0\x84\x839X\x9c5\xa9\xc6`\x17!\xd1 %\xc2r\x82\'\xd1\x93\xc9iON\xf4x~\xd0UW\xad%\xbabtD\xbbX[7d\xb0\x8aD\x12Q\x98\x10{S\xd2\xda\xdc\xa42\xd2\xa6\x89\xec\xd0\xb9\x08\x13g\x06\xba\x17KJ.\xb6\x14\x962\x04:7\xbdZ\xf6\xfd\xa6\xcb\xfe\x03Q\x08\t\xe4\xe6\xc3\xfb\xbe\xe7y\x9f\xe7=\xd2\xec\xc0\xf8\xf8\x9d\xf1\xe5\x85\xa4oj\xc9g\xf7x\\6\xcf\xd3\xa5\xe4\x00\x0c{:\xe9\xb3\xd9\x86\xe1\xe1\xc3\xe0\x83\xab\xb5ZH\x19\x90\xad\x150\xf2y(\xd7\xdck\xb0G]\xc5\xfa\xd7\xe3\xba\tf\x0b"=\x9dKzg\x17\xca\xe9tz\x05\x14\xb3T\xe2K.\x0f\xf0y\'\x16\xc6\x07\xbc&gt;\x9b~\xd0\x80\xceI\xe1p\xd8O\xf6\x0f\x0eB\xca0\x90\nE=\x10\xb0\xcc\xcd\xbd|\xfd\xe8\xf1\xfd\x97\x7f\xeb\xe2!\xf7\xbb\xcd\xfc\xe5\xa7\xb3\xe3`\xf4\xd2\xcd4MW\xe9t3\x19\xf3\xe8\xd5\xa4\xdf\x8f\x19\xf8Bm\xda\xeb]X^\x98\xce\xce\xa3#Rx5\xbc\xba\xba\n\xb3\xb5\xb9\xa9 \xe5\xa8\x8d\xb2\x80\xe5\x7fX_uSOGw\xa1\x87\xcf&amp;\xc6\x9dN:\x97\xa3)\x95\x14m\xd6l\xc3d\x18\x84i5LVJ\x85\x98W\xa2\x97\x97\x93Y=\x8e\xa8VW\xc3\xe1\xd0\xdd\xcf&gt;\xbbt\xfd\xf6j\x08\xc3\x14\n\xb9\tqY^?:\xee.\xd6\x93:\xcc\xf5,\xedd%\x16\x05\xe7\\\xcce\xc4 \xc3\xff\xe6wwCP\xad\xfdB,\xc7q\x0e\x87;\xc5\x9f\xd5*\xec\xf7?\x84\xc2|u\tD\xeb\xf6\xaa\x1f\x84\xbe\x8e\xb8^\x06\x00\xab\x9b2\xdf\xfb$\x7f\x0f\xd4I\x92$\x96\xa6 5\xc7\xf4d\xe8\xf6\xa5\xc7`\x83Cu\\\xdd\xb1GV\xd2\x93\x9c\xa8\x8cf+\x18\x9a*(P\xe0\x87G\x7f\xf8\xed\xf5\xebw\xef#.L!\x07\x99\xb7\x04\xa0Z\x8f\x01\xabk\\\xbd\xff\x9c\xb9\xf7\x0c\xe4\xdc\t\x1eO\x82h\xc3c\xa1\xfb\xa0A\x97.]\xaf[f\x06m\x87\xb9\xa8\x93\xa2\x99\xb2\xbbP9\x1bv\xcc/\x9b\xfb\xfb\x8f\x0f\xef\x86\xfc\x9b\xf5\xd0\xa7z\xc9\xf3\x08\xeb\xf8\xf8\xf8\xf5\x83\xd1\xae\x05\xfe\xde\x07\xcf\x9f\xbe\x9a\x9d\x95h\'\xad\x82\xd8\x9c\xaa\xf8C\x96\x1f\xea\xe8\xcc|\xf9\xe9\x9f=@\x95pZ9\x81\x8e\x14\xa0Z\xaba\x0c#\x8d\x97\xef\xcd\x81\xa6\xcd\x9btx\x08@1\xf40Z\x02\xf9\xe3\xe3\xfa\x8f\xbb\xbb\xbb\x0f\xbau\x14\xfc\xfa\xdd\xd4\xc4\xc4\xec\x02-\xa9()\x1aO\xf1\x86\xe1\x9dw\xef-33\xf36\x9b\xcb\xd7\x848\x94p\xaa8v%\xcb\x7f\xc22\xf0\x1d\x9b\xbd\xe6)\xec\xf3j\x90\x07x\x14\xa1\x8d3\x80U\xaf\x1f\xbf\xaeo\xe6\xdfwg\xec/\xf6^\xdb\xdd\x01,\x89e)Jb!\x06\xd6\xa6\x92\x07\x07\x07\xcf|\xf6\xc2\xfe~\xf6\x90\x05\xac\xbd\x84*\xb1\x12\x9b\xff\x84\xa50j\xf5\xf3\xfb\xf3\xf3\xbcV\x8d\x1b\x8cFH\xd5\xd0\xc5@ \xff(\xff0t\xd7\xdf6\xedve1^\xec\x1d}\xb2s01\xcb\xb2ij\x92\xa2Y\x08\x83\xb9\xa6;\x0e!\xb5\xb0\x9f\xadE\xa0\x87*U\xa2e\x8d\xae\xa4J\xf0$\x861\x9c4h\xf5z^\xaf/\xe9\xf9a\xfd\xbc~P\x87\xc3\xc3\x08X\xf9|(\x84\xc9\x14\xe4N7&lt;\xea\xe8\xb5o\xbe~p\xf0\xea`"\xcdJ\xb0\x14)\x15\x08\x17\xcb\xe6\xdc+\xb5H\xdc\xed\x8eJ\xceVkh(\n\xf5Z\xd9\xaf\xa0\x86\xf9\r\xdaJE\xcf\xbbj\xf6\x9a\xddc\xf7\xd9mz-\x94K\x16\x08\xcc\xe471\xac?\x80\x9d\xde\xf8\xfe\xfc\xf6\xa6\xf7\xe8\xaf\xcc\x9d;\x13\xdeW\xde\xb4$M\xae\x03\x17\x85\xce\rl\x02\x06\x1d\x9d\x97\xab\xd6\xbd\xbd\x9b\xd6D"\xd1\x8aC\x92&amp;I\x9cT\xebK\xa5\xfdR!U\x8bA\xbbc5\xbbkP\x071\xc3\x04\xe5\x82f\xf6\xcf(N\xdb\xef\xae\x9d\x7f\xdc\xaf@\xd7Z\xac\xe4\xf5\xb2N\'Tk\xd2\x8c\x0e\xcb\t\x95uO\x05Q\x96+\x97\xad{\xf0\x1b\xfeN\xb8!J\x1b0Y\xa5\xc2\x97\n\xd9l*\x15\x83p\rd\x05\x17\xf2\xcf\xfd\xf9\x80\xc5\xb4)\xd3\xc8\xf3\xf8i{\xe7\xdc\'\xe7\xde\xa3j&lt;\xaaRQT\xda\xcb\xd2*\n\xa8\x94\x7f\x1c\xa2\x86 \xabB\xa9\xac\xd6\x86\xc0@\x16R\xedY\x1b\x8d=7:&lt;\x90\xb8\x96/\xedg\xb3\xb1\x95H&lt;\x0e\x1a\x17\x89\xd4\xa0\x8b\xba~\x84\x15\xa8\xf7\xeb\x142\xd9\xe9\xe9\xf3\xf3\xbeV\xef\x1d}\xd1\x8a\xb3\\y\xbd\x8fJ;U4\xb5n6+\x05e\x0f\xa4C\x00k9\xab\rBX\x1f\xfa\xcbM\xb0\xf7*U+\x1e+h\r\n5l\xa3l6\xb2\x12w\xe7r\xe8\x04\x07\xeb\x13\xac\x97\x0c\xbc\x8d\xc5\xa4\x91\xe1r\x1dy:\xd7\r\xac\xe8\x06\xc1\x8c\xf40\x10\x99i\x8a\x9a$\x88\xe0\xd5\xb1\xb1\xa0\xd0\xb0Z\xf7\x10\x16\xc1\x08\x19\xc1\xaa\xbai\xb5V\xa3\x91T\xc9\x80\xe1F\xbe\x90JEV\xdc\xf0\x89F\xe3\xb5BgX\xa3\xd1\xe9\x00kn\x06\xe5\xc6\xfe\xf6\xf9\xb1.\x02VK\x14\x82WE\x91\x86hAM\x9a\xcd\x04\xa4\xd6\xb1\xc5\x8cP\x85&gt;rBO&amp;\x93!\x1aV\xf3X\xb0\\u\xc6S%5\xd9V\xab\xf5\xa8Xqw4\x17\xcd\xc5S\x9e\xce\xa0F\x937\x99P\xb5py\x9b\xd4\x18O\x9f\x7f\xd3\r,a=su\x84\xa1\xc1&gt;\x0c\rMN2b\x10\xb0\x82\x02Gq\x8c\xd0\x03\x85#\x84\xc6\xfa\x85\xad-\x81s\xba\xb3\xbc\x81l\x1b\xd5j&gt;\x1b\xc95\x9b\xb9h4\x19\x8f\xd9\xf5F\x1d\xc4jp\x82\x01\x13\xf4\x90\xec7\xb6\xdf\x9d\xd7\xd1\xff\x1fK\xc9I\x92S\x02q03\xe2\x1a\x8a\xd2E\xa6\x0c\xd9^\x19\xcc\x10\x82\x00\xa3\xb6\x16,\xd3l\x04\x8a\x85\xb7\xd5\x06\xd2\xc0g\x93\xe9t.\x97\x8eGb\x85a\xa3F3\x03&gt;\x10\xb6\x95\to\xe3\xed\xb6\xe9\xdci\x11\xcd\xd6\x9e\xc0e2\x9cS\x1a\x90\x9cTy\xd2,@\xb6_\x1c\x0b\x8aE\x8e+S\x1c0e\xd6\xd68\xb0a\xf4v\xda\xa3\xc6\xd1\x87\x04I\xd5\xfb\x9a\xa8^\xcdX\xaa\x03\x13\x8f\xa8\x00\xcb4\x88\xfe\x8b[\xce\xednzG\xb7Z\x1f\x85FFH\xb8\x9d\xb4D9\xcc\x8cYD\xd7\x87\xb1`P\xa4a\t\xb1e\xaeA\x04\xc5\xaa\xb4MW\xb7\xa7y5\xc4\x0b\x126\x90\x9f4\xea\xb3\xb1\xf8\xc9I2RsiAC\xe7\x80+`\xd2hH\xb2\x8d\xcb\xde\x9f[\xb6\xa0\x89{\x1f\x8b\x02aMD9\x87Tf@\x1f\x88\xabg\xe7\x10\x82\x81%\x18I;\x98b\x83\xadu:S\x0b\xe3^O\x05[\xbd}\xe6\x991R\xcd\xcf{"\xcdf2\x92ri\xfbu0\xee`\xb8\xf2&amp;\x19P\xcbM\xdfuaU\x1fq\x1f\tB\xb0&amp;X\xf3\xad\x01\x9a\x19Q\xf6\xf5]\x85\x81_\x13\xcb\xe9\x95B\xa1\xb9\x01\xa5\x13O\xb2\x857\x87\x03\x03S\x1d\x032\xf2\x80\xe5\'I\xb5v\xde\xe3\x89%\xa7k\x05\xdeh\xd4\x808X,\xa6\xbc\x0cE5\xd9\xcc\xbf\xbb\xb0\x12\xaf\x8dA\x9b\x84\x8f-\xee\xf3/\x07h\xc7\xad\x91\x1e%A\x14\x83ke6R(\xd5\xc6\xaf\xa0w\x19\xc46\xcbno7\x0b\x15\x94\xc6\xce\\3`Ux\x97\xcb\xbe4\x1d\xf3t\x8c\xfd\x1a\xcbs\xa8V^\xe6\xf7\x83n\xb5o|\xdf\r\x7fz\x14\xb46\xaa\xad\xd6\xe2\xd6\x97\x12mV\x8a\x9f+Ea#X\xa4sY\xbe\x90+.\x8e\xfd~lk\xb1X\xaen\xe7"\x05\x1e\x19\x08\x0cyyH\xaf\xc6a\xbd\xcb\xe3Y\x9a\xae\xb9\x8c2\x84\x15\xb0\xe4\xe5\x18~Y\x83wa#~\x9a.\xa2\xd1h%\x16_|K\xb3\x0e\xa5RD\xd5"6\xd8X\x89\x8f\xb1\xc5\xb3\xa3[p\x8da\xe84z\xb7Y\x01\x0b\x81\xa1b\xc9\xd4j#\xafw\xb9&lt;K\x10\xffe&amp;\x88c\x08\x0b\xd7Y4d7z\x88L\xe0\xd1"l\x9a\x167\xb6\xf8\xa7\x81\xb2\x99q\x88\xc1\xa0\xc0T\xc1\xc5\x94\x96\xb6\x19\x91C\xfa*n\x80h\xe5"1p16\xd70\xba\x01\xaa\xe1\x07,\xaa\x9e\xf7-\xd9\x00\xeb\x06`\x05\xea\n\\7\xa3\xd3\xbc\xff\xe6bw\xb2\xfe\x16\xc1\xads\xd6u\xb3c`\xd9av\x88k\xa0\x9e\xdb\x91\x12\xefI\xb2\xe5r\x95c\xc4\xc5\xc5\xb5bq\xa3\xba\xbd}r\xd2&lt;&lt;\xf4\xd9:Z\xa3\xba\r\ne\x1c\xd6V\xa6\xa6\xed\xd0\xc4\x00\xc2\x92Cw\r\xba\xe7\xddJ\x8a\xa3P.\x861\xf7\xf51\x0b\xcb\xb7\xccf\xb1g\xa4\\N\xa7\xf8\xf9X&lt;A9\x8a\xe2\xafo\xdf\xbe\xfdu\xe3\xe7\x9f\x7f\x02\xa6_~y\xf3\xe6M\xe7C\xbbM\xa2\x01#\xa1h\xbe\xa4\xdd(\xc7M\xf0 \x06\xe4H\xd4L\xbb]\xfb2\xc4\xb5\x17\xa2 \x8e\xf4e\x94\xe3P-\xe2\xc2\x9a\xe8`\xa4\x1a\xd8\xcf\x08;RD&lt;?\x9d\xfc\xe3\xf0\x8c\xe8?\x9d\x0f\x1f&gt;\xb4OOO\xfd\xfep(\xe4\xf7\x1b\x8cjO\xd2\xae\xc3\xe5\x90^-7\xe48\xa9\x90\xedt/\xed\xf7\x1e]!\x88/\x94\xc2\xe4\xf2\xf2\xad\x91\x0b_\xf4\x88\xca\x11\xc0\xca\xfe\x97\x97\xf3\x0fm\xe3&lt;\xe3x\x91\xd8\x05\t\x81n\x96O\xe10\x139\xebN\xbfL\x04\n\xfa\xe1\x1a#\x8a\xa9P\xf4\xc3\xd1\x05Iq\xbd,\n\x93l1\xdf\x82\x96tQ\x87\xb7\xc8\xe9f\x924v\x1c\xb3:\xcc\xe0@J:H\xc0x1\x05\xdb\x13\x8ba\xf6\xe2Y1\xde\xec9l\x19\x04\x827\x1a\x0c\x9eS\xea\xb5\xa5c\x1d\xe9\xf6}N\xce\xfe\xda_\x9bo\xaf\x84\xd1\x9f\x1f\xbe\xcf\xf7\xfd\xbe\xcf\xa3{e\x84\xe9$\x80H\xa0\xa7O?Z\xed]_O\x8b\x8b\x1f/""\xae\x9e\xa1\xaf\x01\xaf~\xe7\xb0\xf3\x1b\xe1\xfe\xa8\xb1\x01\xe6\x02W\xf0\x90/x\xbf\xb6\x8f7G\xc0\xc5\x98\xcd\x1d\xad\x9deE\xcfK\x82$I\xe5\xb3\xd7\xcf\x9f\xbdy\x13\x05[\x7f\xba\xba\xbc\xbb\xbd\xbb]\x9b\xd9\xdaZ\xda\xc2!s\xed\xda\xfb\xf4\x10\xf8+g\x88\xaa\xd0\x13\x91\x1b\x0e\x1a\xe9{\xf9\xe9\xa5\x9d\x9d\xa5\x91\xfd\xbcgch\x9f\x17\xcc:]\x88\xb0r\xbc^\xe2%\xe5\xd2\xf9\xfe\x93\xe7\x7f\xf9\xc9\xc7\x8b;\xdb\xb5\xda\xc8\xe5\x91\xcb\x97GjO\x9eL}\x88\xb1\xb6\xed\x0f\xef\xfd\xf4\x87g\xbe\x8dQ\xc3\xf3\xe3ROX\xc4\xb8\x83\xadxl\xeb\xd6\xd0\xd0&gt;_\xf54\x0cU\xf5\x90\xebt6\xc9\xeb\xf5&lt;\xcf+\xca\x85\xb3\x97N\x9f\xd8\\]?\xb6=22r\xf9\xd6\xe5\x15p\x8d&lt;\x99\x9a\x99\xd9\xa23\xf9\xda\xe2\xe2\xa2ODl\xf5G\x06\xd9\x83MF{\xba\xed\xd8\xcc\xfe\xdf#&gt;`\x18\x9a\xb7\x86\xc6\x87\xfdIe@Q\x92\xa8\xe2\xe9+ov\xde\x18?5\xfe\xe8\xd3O\xdf\xa9\xd6\x80\xf6\xa465\xb5\xbd\xb4\xbb3\x0b\x9f}\xf4t}\xf1\xa8\xb3;\x9a@&lt;p\x98\x11\xe1\xad\xe2\xb1\xda~\xdfG"\xae\x03\xee\xb5\xf9\xf9\xb5\x81\x8a\x92\x1b\x95\x14\xbcn\\\xfa^k\xa6\xcf\xda5F\xf1@\xeb\xd1\xa3]\xac\x8d\xc7\x8fi\x13\xac\xfb\x8e\x1e\xf6\x14\n\x89RX6b6d\x83\xc5\xb6im.-b\xe47\xb8k\xf9rfT\x90\x94\x94\x90|\xa33\xe4\xf5Z\xad\xd5\xae\xe7\xb7\x9f?\x7f\xf6\xc7\x8d\x8d\x8d\xc7\x8f6~\x83\xb4x\x0c*\x8c\xf7N\x195\xec-r\xa6\x83&amp;\xd6n+\xb6-\xb5\xbf\xa2\xcd\x825\xd6\xf2\xa7\xcb\x8a \xe0\x9d\xecTx\xaf\xb7\x0bM\x0e=\xfay\x0e\xb16\x1e\xd1R\xa9\x9c\xa6&amp;\xa3(\xcbr4\xca\x19\x1b\x0e\x9a\\6[\xfa\xfe\x13\r/\x9e\xaeU\xfc\xf9JE\x12\xf4\x12\x9az`\xb5x[\x9a\x1d\xd5j\xd73*\xe2\x1e\xd5\xf5u\x1f&amp;\t:\x10E\xd9\x06\xac\x06`\xa5\xd3[\xfbt\x12\xfe\xe7\xbc\xaf\xfa\xf3\xa9d2)\xf0\xa1P2\xf3v\x9fz\xed\xa0yl\x8cN\xc4M\x9c\x88s\xab7\xaf\xcb\x9c\xcbdt\x8a\x1e\x0f\xe7\x13\xb9 kb]A[\xf1\xfe\x94[;\xaaW\x0cUK\xb9"%\xcb\n/\xf0\x12\xffz_\x9f\xce\xda\xdcl\x1d\x1b\x1d&amp;\xa8@\xff\xf2j\xa4\x94\xe8\x169\x1f\xc2\xc1\xe3\xe40\x87\x01\xcb\x0e*\x84\xd6+Zb\xd5,\x96\xe1|9/\xa1\x8ez\xc9_A\xf6\xf3c\x10kbsuu.\x10\x08,,,\x87\x0b\xb2\xec\x91\x0b\t\xcf!\x17\xeb\x8a\x05Y\x17\xfc\x9e\xbe_\xd3\xf4\n\xb8a&gt;\x1b\xcf\xfa\xcb\x8a\xa2\x90\xbf\xca\xa3:\xb3\xf9\x94\x94\x1b\xcb\x8dN\xce\xcdmZ&amp;-\x98\rW\xc3\xbd\x89\xc4\xcd0\x86V\xd6h\xb7\xc5\xecA{,\x9d\x9e\xd6\xf8\'\x06\xf3\xd9@\xc0\x92-\'\x95$\xea\xc8\xf41\xbc9\x94y\xbd\x8f\xf4\x9a\x98\x18\x1f\xcd\x94\'O\\\xb8\xd4\x7f\xfeJ\x7f\xa9\xc0\xb1F6h\x0b\x06m\xd8\x86\xe9\x9d[\x1a\xabU\xb6\xc4\xe3\x16\x7f\x1e\xb6\x97\xc0\xc5\xe8\x99S_?\x95\xeb\x1a\x1b{6\x96\xcb\t\xb9\xcc\xf1\xc9\xc9\x13sg\xdf\xea/\xc9.\xa3\xd1\x8e1\xda\x96.\xa6\xd3m;C\x1ac%\x8f\xc7\xe3\xfer\xd9\x8fcHJ\x81\xab\xeb\xed\xcc\xcf2}\xea\x98\x9d\xcbe2\x13\x90k\xee\xec\x95R\x823\x19\xd9X:\x86\x02\x12\xd6\x87\xda\xfe\xbc\xc0=\x9f\xbcq\x1aj\xf9\xb3\xfedRI\r\x08\x18\xc8\xfa2\xeaw8}\x80\xca$\x8f\x1f\x7f\x93.g\x14d\x97\xc9dO\xa7c( \x8axL\xe3_=\x18n\'3\x9d~\xd41n)\x97\xf3\x95\x81\x94\xd0|\xbb\x85\xa0ZZ\xbar\xa3\xa39\xa8u\xe9\xad\xd5\xf3\x05\x91e)\xae\xd2\xea\x8a\xc5\xda\x96\xdcZc!G\xcb\x00\xb3\xf8\xb3\xd9\xe1|&gt;U\xad\xb6\xd0\x04\xdbBS\x06\xd6\x04\x9cu\xb3 65\x90\xdfm\xdf\x82\xdfm\xf0W\xdb\x8c\x96a\x8a"\x02\xab\x83W\x92~\xc8e\xb1d\xb3\xfe\xca@\xb5\xea \xb1\x88\xaa2&gt;\x89\x16\xac \xfb\x0e7\x98\xae\x05Q\xc0:U,=8\xa3\xf1\x0fjn\xb7v\x84\x18^)g\xe3\xb4,\xf1le`\xa02\x8a\xc3g|b||x|\x93\xe61\xe7\xd1&amp;\x13\x1b$\xb7\xabTv\xb4\xa6\xdb\x06\x8d\xd5\n\x85Bz\x04|\xd2\x9f\xb5\x04\x02\xf1@`7\x95\xcag\xfd\x93\xfe\t\x8b%\xb00\xb9Y\n\x17&lt;&gt;#\x82\x14Xu\xad\xec\xae\xff\x07VG\x08M\xbd\x95\x04#\xe7\x07\x16\x02\xbb\xc3\xc3pZv2n\x89$\x16\x96\xa3Q\x9bhw\xd5\xa1b\xa2\x18\x84\xf3]\xa2\xe6X\xed\xcd\xe7:t^\xafN\x07\xbd\x92e\x12laa\x01l\x90-\x1e\x9f\r/\xcf\xa2\x9b\xb1\xc5l1\xf2\x95\xc8qv\xd6\x84\x1e0h\xd3\x1akH\xffM\xde\xac\xf3\xea\x18\x1d#)\xea\x8e\xecYX\x9e\x9d]V\xe1\xc2\xf7f\xc3\x83\x14S\x08P\x9b(rv;\xdb\xf0\x9e\x91\xc5\x99\xa89\x96DX:\x86\x11\x04\x86\'\xc1\x00\xb6\xd0{\xafw\x96\xd6\xbdA\xbc\xa2\xc5b4]\x94\t\xcaNW\x92X\xea\x98\xb5\xc6Z\x0b\x9dcPDXKa\xc0%)J\xde\x1f_\x88\x94J\xe1\xde\xde\xde\xc4 \x16\xb0\x8a6\x94\xcf\xe5r\xb1t\x9f\x19j\xa5\x07\xefMi\xdb@\xac\xf1\x1d\x10K\x872\xea\x19\x9c\xd3\xb4\'\x15\xbf%\xb0\x1c\xee-D\xd1f\xa1r\x9c\xc89\x9d\xa4\x14\xa8\x9a\x80EaOX\x07\xb4\x8c\xady\xba"o6\xab\xae\xe7\x19\x9e\xd7\x03-\xa5\xe4-=\xfd\xa5\xde\xa8,:\x9dh\xb2\xb0\xf9\x08\x8b56\xd1s:\xb2\xd6\xe0}m\xb1\xdc\xd5\xd6\xd09\x15\x0b\x8a\x99\xcd\xa4\x16c\xb5Z\xf5B\x92$C\xbf\x8c\xfe\x1d~\x02\x96\x8b\xa8\x9a\x80\xe5"\xac\xe9\x9a\xb6X\x8e\xd6\x0e\xba\xbbo\xd61j-QH\xf4\xf2X\x8c\x90,[zJ\xbd\x05\x99\xf35\xa9XF\xba\x7f\xd7d$\xb5\x8aZc\xb5;B\xa4\x15\x94bxF\xc5\xd2\xedqY!X\x9c*\xe9q\xaaEd\xe9YXC\x93\x11\xbd\xa0\xadX\xd4\x18k\x88\t\xa9\x96\xaf\xdb\xdeJ\\zF\xa5\xb2\xea\x15\xc8E\x17(E\xa7\xcf\x8e\x1cm"\xbf\x9b\xea\xed\x8d\xc6X\x07\xd6\xf8:\x96J\xe5\xd5Y\xbd\x04fm\xa6\xa1\xcc\x81\xa3\xf1B\x8f:\x8e9\x9d{XF\xba5\xcc\xd5\xb14\xfc\x95\xa9a^\t\x99\xcd\xa8\x1e\xa3\xd3\x93\xe9udw\xbdUU\xcb!\x8c[\x02=\xa5\x02\\\xeft\xeee\xd6!4\x83v\xce\xa6z\xcb\xdd\xee\xd6\x8a\x8b\xba-\xec?3\x8f\xe9P\x87\xb7\xd7j\x85XV\x82\xd23R\xd9\x12\xe8\xc7\x90\x88\x94@\x96\x1e"\xa9X\xf6\x90\xab\x8e5uk{\xab\xe6\xd6\xa8\x90\xed\xb7)\x1ex\x89\x9a\x083\xafb\xd5\x97C\xef\x10\xe0\xad@D\r/z\x04\xcc\xb2&gt;\xbc\xc8\xfd\x84uokz\xf1\xe2\xd3\x11M\xeax\xc0\xbd\xc6\xb4\xb6\xc2[\x0cO\xce\xf2\xe2\x14bT(\x0c\x1a\x8e1!5\x9e\xedQ\x93\xcb\xa9r\xf9\\&gt;\'\xfd\xb5\x8b\xc0\x1a\xb4_\xfd\xfc\xe2\x8b/\xb4\x98\xca\x0c\xed\xcf\xfe\xde\xd9\x1a\xea\xd0\xd3Q\xedm\xc1&gt;\xb4\xd6]\x05\xbb;\x1c\x03\x03\xa9\xbc\x055\x04\x16\xb8\x9c.\x9f\xcfI\x1f\\NN\x84\xe5\x07\x17\x81u\xf7\xcb\xaa\x06X\xeeg\x7f\xf9\xc7\xd7ZC\x14[\x08-\xb8J\xc7\x08*\x97\xeaw!\x95\xf2\x07"\x89n\xd9\xe3\xc1V\xe4\xb0&lt;\xa4\x1b\xa8b\xc8\xadA\x96\xb0\xfe\xf6x\xff\xc72\xc3\xda\x9f\xff\xf9\x83\xa4\x9a\x0f&lt;OF\x87\xcb\xf5/\xc3\xc1\x01\xaa\x8aZC\x99\x0elN\x14=\xf4\xf5\x16\xe7\xb4\xe3#\x15\xb1\x8e\xf5e\xcd\xb0\xdf\xbf\x04l_\xd9^\x8f\xc0\xef\xc8\x07\xea\x1c\xe0v\xa8\xe6\xa8g\x03\x95\x105\x04V4\xda\xdd\xed\xc1\x92\xbb\xbb!\x1c6%:\x8a\x7fc\xfd\xfe\xc5\xea\xd0\xber\x19\xdcCwF\xa6\x13\xc7\xe9\xe4\xa1\x03G\x92\x90\x0c\x8c\x83\x1c\xdf\xdc\xecH\tz\x885\xac\x86&lt;\xb8d\x0f};\x19\x8d\x92\\\x1c\t\xb7W\xc4\xef\xde\xbd\xfb\xe2\x8b\x91[\xfbXH\xf7\xd0\xca\x9d%\xf9dk\xa8\xde\x9aB\xae\xfa[\r\x07+&gt;\x08\xc0\x8a\xf7D\xea\xd7v\xe5\xeeh\xb4P\x88vS5\xc9d\xc0r\x11\x16\xd6\x8b\xf5\x9d\xa9\xfd\xd9\x8f\x07\x10\xd0\x9f\xdd\xf9\xe0\xd5\x9d\x1f\xbd\xf1\x93\x10\xafG\t\x89\x8b\xb0\x04\xa1\x1e\xa5\xb4\x11S\x95&lt;Z\x9b\x08\xba\xd4D\xb4\xbb\x90H$\n\x90K\x14\t\x8c\xaah\x07\x15^X\xeb\x0f\xa6\xf6\xe1\xff\x8f\x18\x0c\xee\xcfVV&gt;hl|m\xe7l\xa7\xc2\xc3Z\xd4\xfa\x11\x9a\xeaxU-\xa2\x02V6\xd0\xb3\x1cA\xf3Lw\xc9\xf0\x87\xaa)\xaa\xedj\xbaX\xe4H,\xa2\xba\xf8\xc9\x83\x87?\xff\xeb\xca\xffv\x12\x19\xdckk\xbfZ9r\xe4\xc8W\x1b_\xdb:yC\xe2\xeb\x8d\xf2\xdeb\xea\x96o\xa6\x8dX\xa9\xe4\x11\x10\x91\xd2,}\x17\xa8^\xc2\x8e\xca\xf5\xb4P\x83\x8b\xfb|\x8f\xeab\xdb\x83\x07\xbf}\xf8\xee\xbbOn\xfd\xb7\x8f\x7f \xd4\xda\xaf\xff\xf4\xce\xf7\x1b\x1b\x1b_ml\xfc\xc5\xaeE\x92x\xfdKc)\x12\x81\x11V3\xe4\xa2|\x18\xce\x06\xfa\xfb#d\xaf\xdep\x18p\x85n2=\x82K\x94\xe5\xb4\xef\xa5X\x17\x7f\xf7\x00\xeb\xe1CHv\xf9_\x95\x9cah#i\x19\xc7\x03\x85\x85\xf5\xdb\xd0Qf\xa10D.\x11\x8f(s\x93\xf4 \xd4\xac3\x96\x8dP\n=?dQ\xd43\xd4\xbd/\x85\xf4\xc3\xedU\xd9\xb1\xed\xb7+\x83a\xddZ\x1d\xd6\xba\xc92\x1f:]\x06&lt;\x9cL\x94\xed\xe5\x93\xc4\x1bv\x13rB\xed\xd2\xb4\x86\x8bI\xd8\xd8\x18\xbb\xe1z\xb6\xec\xdd\xee\xea\xf9\x7f\xdeI\x97]O\xf1|\x9a6i\x1a\xe8/\xff\xe7\xff\xfc\xdf\xf7m\xda\xfe\xff/L\xd1\xbf@\xfa\xcaM\xef\xd0\xb3D\x99\xe7\x13\x89\x92\xeb\xfe\xfd\xfa\xb9\x11\x1c\xc3|g\x9d!\xc2p\x98\x12\xde\xcf\x87%\x9c\xcc\xc6/\x11\x16\xdax~~\x9e\xbc5\x8c\x88\x17^|\xe5\xe5\'C\xac\xcbO\xde\xbd\xcb\xea\xf6\xdd\xdb\xb7\xd7@F\xcd\xfc\xb4{12\xf9\xf1f\xb9\xd529\x99\x8f\x03\xca;\xd4\xcb\xa5\xad9`Q\xeb\x90\x0cgFB\xa1\xf0\xd3\x9a\xa1\x9fC,\x02\x8b\xa8\xf0F\x9a\x11\xd6\xb7X\xa4~\xf6\x85\x97?\x83t \xac\xcb\x97?\xf8\xfd\x10\x8b\xd5\x9aO\xf6)\xb8\xce\xfa\x83W(\x98\xf5\x96\xc5\xc9\x9aQ\xb5\xddV\xab\x8c;\xae.\x9f\xc3\xf9+DP\xd0+\x14\x1a\t\x87G\xe8\xafV\x82\xc1l\x16\xce\x1a]\x04\xd6&lt;\xea\xc2\x05:7"\xc1\xbeN\xc9J\x11\xf1\xa5\'\xa0\xf2\xeb=\xe84d\x02\x14\xd5z\xb1r\xfc?\x06\xc0gB\x1a(\x86\xed\xe8\x86a\xdan.\xa7\xebe%\xbeY\xd9\xdc\xbc\xba\x15\xc6\x91ux&gt;\x84p\xc1\xe5p\x08\x8bapfvv6\x96b=\xf4\xa9p}\x1e\x01vzt|\xe9\xc9\xad[C\xac\x7f\xfcmH4dZ[___[e`\xffM\xb2\xb3_\x04\x13T\xd1dY4\x9dZ]\xcf\xeb\x8e^\xb6JJ"\x91\xe0\xb5\xca\xc4\x04\xb8h\xfe\xa0R\x90\xb0\x80\x14\x9a&gt;\x17\x0cR:\xb0\x1f+\x91\xb5.\\\xb9r\xe9\x12\xe2\xfe&lt;E\xd7\xf7Y\xd2\x83\xea\x1e\xa3\xbau\xeb\xde?\xef\xae\x01j\x9d\x01\x11\x12juu59\x99Q\x0b\xff\x91\x0c\xf1t\\)y\xae\xab\x9bQ\xc1\xce\xd5\xeb-]\xd7\xbdr!As\x18O(\x16\xb0\x88+\x1c\\\xca\xce\x80)\x18\x1aaX\xa1\x99\x19\xda\xd3\x00\x0b=\xbc\xc4\x98\xc6\xc7\xaf\xcc\x9f\x7f\xe3\xc6k\xf4\x9b\xb0\xaf|\xe7\x0b/}\xf0\xf0)\xd5\xbd\x07\xa7\x12\rk\x95\xa8V\x93\xa8b\xc6\xd8&lt;~~4)\t\\\xd3\x80\x8dlW\xb7\xf3\xb5Z\xde\xb44Q\x928\x19:qR\x9cOX\xe6\xe6\x04\xd5\xca\x9d\xe5\xdf\xfd:v\x86\xb8\xa0\x13\xdb9\xccP\xc2gS\xa3\xd8\xc9C\xb0\xf1\xa9\xa9\xa9\xf1+P\xeb\x86\x1f^/\xfe\xe2\xe1\xde\x01a\x11\xd4\xc1\xc3w\xd6O\xa9V\xfdJ2\xa6\xe4$\xabHF\xad\x0cmFAP.\x97MPq\xa2 T\xf5Z\xcd1EM\x129Q\xc4\x1c\x12\x17\x1f\xb7\xbcJ"\x01\xb5&amp;&amp;*W\xff\xfa\x97,"!\x0c\xf3\xa3\x7fh`\x90a\xc5Rh\xe3\xd48\xbd\xc4\x81\x03\xd0\x85\xf9\x1b\x98G\xf2\xfdO\x1f\xee\x1f\xdc#\xa9\x00u\xb0\xf7\xe0\x19\xa2\xe4\xb0\x18\x0f+\xdc\x80j\xfe\n\xf0\x87\xb2W\xb64\x8e\xe34Q4,\xbd\xd6\xa9\x9b\x1a\'\x8b\x92\xa8\xe1N\x8a\xac\x84\xac\x9avi\x82\xb0&amp;&amp;\x8e\xa9\x91\xcb\xcb\xe0"\xc1\x98\xdfg(\xe1\xb31\xb4\x11\xc955\x9a\x8a\xc5\xe8\x0f\xee^\x83\xf5\x7f;\xff\xa3\x9f|\xbc\xbf\x07\xad \x15\xa0\xf6&gt;n&amp;\x9f\x17\xe9\x14*\x1a\x89F#\x99\xccdr\xed\x9dG\xbb\xef_\xfd\xf1\xd9\x80kZ\x1c\x95(\n*\xa0j\xb6$\xa28\x91\xee\xe1$)1\x91\xb0\\\xdbH\xf8TT\x95\xc3;[\xe0\xa2`\x18\tM\xcf\x91\xdf\xb3\xb3\xa0J\xa5\xa6\x16\x17Gc\xa8\x8bd\xf9\x0b\xb0\xd9\x0f\x1e\x9f\xec\x80\xcaWjo\x7f\x7f7YL&gt;\x05zF\xa8(J\x88f\x8a\xf9G\x8f\x1f?~\xf0\xe87G+\x81R\\\x06\x94$\nU\xb7\xd6i\xdb\x1a\xa3\xa2\x0e\xfa\xd7|\xa2\xe0\x95\x15\xa6\x9a\x0f\xb6Y&gt;\xbc\xb9rg\x8b\xb8\xa0\xd8\xf4\xdc\x12\x05|\x16E\xae\x9fJ\xc5\x90\x15\x17{M\xb0,\x00\x00\x04\x8aIDAT\xbf\x8d\x91\x84\xcb\xfe\xdc\x1b\x80\xea\xde)\xd4N7?\xf9\x0c\xcf\xe4)\x94 \x80\tj\x15\x9d\xee\xc9n3\x0f\xf0\xf5\xd5@&lt;\x1eW8\xcd0\xecZ\xa3\xe6\x1a\x12\xa8\x98tt%\n\x84U\xf2\x12\x9b\x98\xc7\xf8\x10l\xe5\xb0\x0c6\x80\x8d\x04\xc3?[\x9e\x9b^\xc8\xce.\xa4@\x85\x1e\x8e^\x8c\xc5\x16\xa6\xe7\x16\xbe\xf7&amp;\xc6q\xf1\xe2\xdbDu\xc0\xa0\xc0\xb4\xb3s\xd2\xccL&gt;W\xbeP\x02\xb0\xc0\xa5\x1em\x9ft\x9b\xb6\x9a\x01\xf5*\xc3\x92\x04\xc3j5\x1a\xba!1\xad\xfc\x96\xfa\x1f5\xc9\xd0\x81\x91\xc0Z-\x11\xd7f\xc1\xf3\x8eI\xb4\x9bW\xefl\x9d\x19Y\x9eY\x00\xd6lv\x88\x15[\x88M\x87B\xd3\xa9\xc57_\x07T\x7fc\x7f\xef\x80\t\x05\xa6\x9d\x8dA\xad\x08W\x93\xb1\xfd\x8f\xccS&gt;\x95 D2\xf9\xdd\x93\x8e\xad\xaaj\x84|\x9f\x0c\xc4\x15M3\xccv\xa3n*Xj(\x15\x9e\x8a\x05\xb5T\xdbq5\xca\x06\xca/&gt;\xa1(\x9e[\xd8\xc42P\xa9\x94\xca\xf7\xdf\xba\xb6\x1c\xfc\xf97\xd06T6\x95\x8a-\xcc\xce-\x8d\x9c97\xfd\xcd\x1f\xbe\xfeQ\xaf\x9f\xde\xd9\xdf\xdbc\xcd\xdb\xd9\xd8H\xa7\xfb\xf5j42,\xd2)s*\x15S+\x93\xebv\x9b&amp;n\xc0\xfd\xc4\x15\x90%\xd1p\x1b\xbd\xc3\x02/)\xd8W1,Ndp\x92\x9ao:\xb6\x81\xfe\x11\x97bX\x96e\x1f\x96K\xa6\xe9\x1d\xb6Y\xdd\xdf\xba\xb60\x9a\x9a\xf5\xb9f\x97f^\x1d\t\x7f\xee\xcb_\xfb\xea\xdb\x1f\xf5\x07\xe9\x8d\x9d}*\x9f)=\xe8\xe5\xd4(M\x1c\xe3\xc9d\xe8BTQ&lt;w4\x10\xb6\xea\xe6T\xe61\x86\x9d\x0c\x88\x9aU\xefu\xbc\x82\xa2\xc0\xd8\x8a,I\x04\xc6Z\xc8\x99N\xd3F\x98q\xc4U(\x1f\xb6Zu\x07\xd9\xdf\xc2\np\xe8!\xeaJ\x95\xca\xfd\xc6\xf5\xec(\x06q\x89jf9\xfc\xf9\x91\xef~\x08\xa1\xc6\xd2\xe9\x8d\x8d\x1d\xd6:@\x8d\xa5\xc7\x06\r\xb7\x9a\xc9\x10J\xa6H5I\x9f\xa8*\xeb_TU\xab\xb5\x93\xae\x8e\x06F#j\xc6\xcf\xaf\x80awzmK\x96\x81\xc4\xc7\x15\x05Q%\xf3\x12y\xcb\xd0\xb7\xebH\xfd&lt;+\xbd\xd5\xbe\xefy^\xc9\xb2L\xabT\x80\xfd\xe3\xf1\x02o\xb4\x1amo\xe5WK\xef\xd3+e\xa1k\xaf\xbe\xf5!c\x02\x06\xa86\x18\x13)56\xd6o\xb4\xf2N\xb3\xd9\xcc\xe5\x8f\x8e\x8e\x8a\xc9"]\x8aE\x80E\xa1P$s\x04\xaa&lt;\\\x95\xf1\xabH\xdej\xf5\xe0u^\x96\x15\x05K_B\x91\x84j\xb5j\x9af\xd5\xaeu\xbb\xf5\x9c\x9eC\xe5\xf39\xdd\xf5\xe0\xa6\xc2\xd0c&lt;\x1e\xcbKf\xa7\xdf.\xc3i+\x7f\xda\xba\xfeK\x00\xf5z\xfd\xc1\x18\x15P\x88\x8b1\xa5I\xaa\x96\x8bE\r\\\xb5\xed\xdd\xddG\xcd\xdcQ\x91}{4Q\x05]\xd5\xee\x9cl\xdb\x06\xa9\x06\xbd\xc8h\x93\xc9b\xa0\xd76\xb1e\xe0`|M+\x95\xb0\x93\xd1\xa9\xf2N\xa7\xa3\xdb\x96\x81q\x80\xf15\xbc\x0b\x86Y"\x8bA\'\xb4\x9bS\x0c\xb7\xd3\xad\x97\xe4\x02\xf6&lt;\x13+\x7f\xec\xf7\xc7\x9e\xa94u1\xed\xd7\xa0W\xb7D\xc1\xefU\xd1\xce5\xe9w\x83jM\'\xc7\x9a\xe0`\xf9\xcd\xef\xee\xe0\xf9\xe7\x1c\xc7i\xe2\xdd!\x15\xf2G\x01\xd7\xa0\x85\x87\xecl\x95\x80eZFA\xd3,\xa7\xe3X\xa2\x14\xc7\xe1B\xc6T"\xcd\x0c|E\xa3-\x0e\x81\xf1\xbcf\xd6\xba\x1dW\xe3$E\x91 X}0\xf6|1\xc1\xf06\xe8w\\\x83\x98\x98\x16\xe4\xa7\xaa\x9d\xcf9\xd0m\xbb\xe6\xe0\xd9\xa3\x11\x08\x86z\xdd\xc9\xb5r\xa7U\xafm?\n(\x1c\xb9\xdc\x80.\nKLlcx\xab\xde\xd1%\n\x7fL\x01\x1bM\xd9\xa8Z\x1ana.\xe81\x8a\x06\xa9j\xa6B\xad\xa79\xe1\xda\x83\xc1\'\xb06\x08\xaa\xd12\x19\x95J\xeb\x8b\x1a\x89\x00-\x12\x85\xf4j\x15\xcf_\x92\x84h\xbe{\xd2T\r\x8dN1\xc0\xa0\xb3\x0c\xbe\x97\x9d\x0f\xd0\xe4\xe1\xc2\xd3$R\xe2\xc36\xa56M\xa6,\xe1\x81&lt;qI\x92f\x19\x9c\xcc\xa2C\xa2G).\xc2WS$\x10\xc5iT\x8c\xce\'\xa8\xe0\xac~\xa3\xddrU\xe1\x94\n\x9e&amp;\xbd0j\xf8L@\x04Ib\xb4\xda\xecv\x9d\xaaj`\x97 \xd2T\x1a"\xe4\xa1\xd4\x0c\xf0\xc3\xfc\x04\x19\xdb\xf0a\xbf\xdcnx\x90\x8c@i0\xc9\xe1\x90\x12\x85\'Dz!S\x1b\r\x8f\xf8y\xf6(9\xfeoXd\xf3~\xa3\xa6c\xefF\x19\x80,bD\xaa\x9f\xa5\x84(\xb0\x05W\xa86Ov1\x82X\xe3$lY\x04C\x15\x90\xe7\x94d\xc2\xbf\x00\xb8\xbd9\x89\x0e\xf6\xd4\x06\x00\x00\x00\x00IEND\xaeB`\x82'</t>
        </is>
      </c>
      <c r="M529" s="3" t="n">
        <v>45492.67842592593</v>
      </c>
    </row>
    <row r="530">
      <c r="A530" t="n">
        <v>1463905</v>
      </c>
      <c r="B530" t="n">
        <v>1957</v>
      </c>
      <c r="C530" t="inlineStr">
        <is>
          <t>Ryan Gustavo</t>
        </is>
      </c>
      <c r="D530" t="inlineStr">
        <is>
          <t>Ryan Gustavo</t>
        </is>
      </c>
      <c r="E530" t="inlineStr">
        <is>
          <t>UNK</t>
        </is>
      </c>
      <c r="F530" t="inlineStr">
        <is>
          <t>UNK</t>
        </is>
      </c>
      <c r="G530" t="inlineStr">
        <is>
          <t>UNK</t>
        </is>
      </c>
      <c r="H530" t="n">
        <v>173</v>
      </c>
      <c r="I530" t="n">
        <v>37</v>
      </c>
      <c r="J530" s="2" t="n">
        <v>37816</v>
      </c>
      <c r="K530" t="inlineStr">
        <is>
          <t>Left</t>
        </is>
      </c>
      <c r="L5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a9a09d5-ee4d-48c7-be3b-bd5cd61b179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b\xda3\xfb\x00\x00\x00\tpHYs\x00\x00\x0e\xc4\x00\x00\x0e\xc4\x01\x95+\x0e\x1b\x00\x00\x03\x00PLTE\xff\xff\xff\xf1\xf0\xed\xed\xeb\xea\xc5\x8ep\xef\xef\xef\xf5\xf4\xf1\xf0\xee\xec\xff\xff\xfe\xf5\xf5\xf3\xf6\xf5\xf4\xf8\xf7\xf5\xe9\xe8\xe7\xf4\xf4\xf4\xeb\xe9\xea\xf3\xf1\xee\xfe\xfe\xfd\xf2\xf2\xf2\xce\x8eq\x9dbE\xf5\xf5\xf65"\x13\xf7\xf5\xf2\xcc\x8an\xee\xed\xed\xca\x91t\xee\xed\xeb\xe7\xe3\xe1\xb7y^\xc0\x8dq\xcd\x92t)\x18\x0c\xf1\xf0\xf0E.\x1c\xbcza\xa1fG\xe5\xe0\xde\x98^@\xbf}dM3 \x9cgJ\xb3tX\xa8mR\xd0\x92y\xde\xd7\xd4A)\x17\xbb\x81d:(\x1b1\x1d\x0e&lt;&amp;\x15\xfc\xfc\xfb\xaftV\xeb\xea\xe8\xca\x8dq\xe8\xe6\xe5\xb6\x80c\xb1x\\\xcc\x95w\xc4\x8bl\xd2\x8fwS7"\xb3wbM6&amp;\xb9\x89o\xc5~f+\x1e\x13\xe0\xdb\xd8\xa2jM\xab~i\xc0\x89l\xd9\x9c\x87\xb2\x83j\x93Y=\xd8\x93|\xc3\x91vR;(\xb9xXE1"\xb8\x8e{\xaayd\xfa\xf9\xf8\xd3\x95{\xcb\x8d}\xca\x82i\xaaqV\xc8\x90r\xd1\x8ct\xd0\x94uX=\'\xdc\xd3\xcf\xb8|i\xb5\x8auW?/\xafr_\x9beS\xc5\x83l\xc8\x86e\xcb\x88i\xbf\x83j\x91`M\xb2~_\xd5\xcd\xc8\xc3|]\xb9\x84h\xbb\x8cv\xd5\x98\x81\xc8\x89n\xc1u\\\xb5xV\x7fN8\xd2\x91s\x9bo^\xe3\xdd\xda}H2\xb9s_\xb5\x88o\xad~a\xaay]\xa6m\\\xb1\x86p\xadmSM.\x19\xc5\x94|\xd2\xa5\x93]8"`C*\xbbrX\xf6\xf1\xee\xc6\x8cy\xb1\x82d\xbf{Y&gt;, \xc4\x80_\x96cDU2\x1b; \x10aJ:\xc0\x84cO:-\xbc\x93~\xda\x98\x82sH/\x8aU=2$\x19\xa6eL\xca\x8bv\xd1\x89p\xbf\x8fzg;%\x87O7\xa1pUtK:\x97[G\xa6t\\\xd0\xaa\x9cjD6\x94fU\xba\x97\x87\xc8\x9e\x8b\xcb\x94}\xac\x84p\xc4\x89t\x8eZC\xc7\x82b\xd6\xd0\xcd\xcd\xc3\xc0!\x14\x0bG+\x15F6*`C1\xce\x84l\xca\xa3\x96\xa8mI\x7fUD\xcd\x9b\x83\xdc\xa0\x8dsA+\xc1\x84q\xc3\xb7\xb3\xc5\x97\x84jO?\xaftN\xeb\xe6\xe4\xb1{jYC6VJD\xd2\x93\x82\\&lt;+\xadgN\xda\xa8\x97\xbb\x80]vS&lt;\xa2ZB\x18\x0f\x08rWG\xa1}l\xba\x82r\xc7\x83v\xb4nR\xb9kfkA-\xa2gS\xd1\x9e\x8d\xa1xekL3\x87eT\xa1]M\xd5\xba\xb0\x83qd\x88ZJ\xb4g]fG-\xae\\K\xb8\x92\x80\x8dQA\xda\x8cs\xf0\xe3\xde\x90n\\{eV\x9f\x85x\x95xg\x7f^L\x81Z7\xbcui\xc0ok\xd4\xb1\xa4\xd0}c\xdd\xc5\xbd\xe2\x95zo`U\xe8\xaa\x92bTJ\xbf\x9c\x90\xe4\xb1\x9f\x97QHyja\x9dM:\xab`Y\xa0\x92\x88\xc7lY\xc4xp\xb4\xab\xa6\x91C/{*\x18\xe7\x9f\x86\x83zu\xea\xcc\xc4\xc6\xaa\xa7\xab\xa0\x99\xe4\xb8\xabL?6\x8f\x81}\xad\x8b\x82\xb6xw\xef\xd8\xd1\x84:$\x8a0"\xa8T0\xe8\x00\x00 \x00IDATx\xda\xcc\x97oH\x1c\xf9\x1d\xc6\x93\xbeh.Iq\xba2,\x89\xe2v\x12\xe3\xa8\x9ba\x1c\x8d\xc1\xb2\x93!\xabV&lt;\xc6A\xbd\x88N\xda\xed\xa9-\xda\xea\xb9&amp;\xc2\tno\xf7^\xb8\xba\xbb\xeeuw\x9b\xb0\x0b&amp;\x9cw\x9c\x89\xcensi\x17k\x8fU\xdb\x13\r\x88\xdc\x19\xd8\xb2\xf4E\x8cY\xb8\x17b@\x10|!\x88\xb97}~\xa3\x1cm\xe9\xab2&amp;\xf7\xf5\x1f.\xc2~|\x9e\xe7\xfb\xfc~s\xe2\xc4\xff;\xa7\xfekN|\x1f\x86\xfa\x1f\xf3}\xa0*\xcf9y\xbe\xf0va\xf5\xed\xbc\xbc\xbc\xc2\xcb\xd5WO\x03\x8bz\xd3J5\x15\xce&lt;\x7f\xbe\xf14\xbd\x91^O\xa7\xd3\xdb\xdb\xe9\xbd\x9d\x99\xbc3\xe5o\x90\xeb\x14U\xfeV\xf5~z\xd6\xc1r\x02#\xb1\x9cWQ\x1c\xb3\xcb\x98\xf4\xce\xcc\x15\x80\xbd\x99\x90Q\xe5\'\xbb\xf6\xd7g\x1d\xb2\xc2+qIR\xbc^\x85\xe7\\bfmm\xf1\xc5\xfa\xfe\x17Mo$e\x14\x95ss\x7f=\xb0\x96XP\xd5\x05\x0c\xab\xc4\x83\x0eY\x92YV][\\[\xdc\x98\x98\xb9y;\x87`Q\xaf\x97\xea\n\xa02\x81\x84*\xab\x89\x84\xaci\x8c@\xd34\xa3f2\x1e\xc8\x95\xf1\xa8\x1eH\xf6|\xa6\xb0\tX\xd4\xa9\xd7Guu\x07\xf6\xa9\x9eD"\x01\x8e\x8c\xaa\x8ajB\xe6\xcb85\xb3\xb6\x98-.\xce.z2\x8b\x1e5\xb5\xbe\xd3u\xbe\xe9\xb5yI\x9d\xe9z\x15pH\xb2\x83(\x93\xf1x\x16T\xd1%z\x12\x1e\x91e\xdd\xa1\xec\xe8\xe8\xe8d\x16F.z\xe0\xe8\xf2\xc6\xfe\xd4\x95\xa6\xd7"\x18\x953\x95\x0e8\x1c\x8eD\x82\xf0\x08e\x18\x0b\xc6.0\xa2\x07\x90\xa1l6\xe3vg2k\x1eUd\x1811\xbb1s\xb2\xfc\xd8\x15\xa3N\xfcdw\x1d\xe6!V,\xc3q\x02AZ\xc2Xh\xd6\xb3\x96\xcdfCn\xb7\'#j\x9aO\x05\x16\xfe\x82a\xc5\xc0NW\xceq\x83Q\xe7\xf77\x03\xc8\x95\xca\xb2\xc89\xcf0\x0cg\x9f^Z\xb2+jf\x11P\xa1\xa8\xcf\xe7\xd2X\x17\'h\xe0\x82^\x02\xc72\xec\xf2\xce\xe5\xa6\xe3\xc5j\x9aZ\x0f8XQf9\xba\xac\x8c\xe69N\x91eY\x92\xd4\x04b\x96\xc9D}\x9a\xe0\xf7\xd3e\x02\xc3\xf99V\xf4xTV\x009#o\xee\xff\xf08\xf5*?\xbf\xbb\x9c\x92X\x18H[,\xbc\xa2(\x92\x9c\x98E%\x88@\xf0\xb8]\x9a\xa6\xf9\x89\xad\xf62Z\xa0\x116U\xf5\xc8\x8c\xc2p\x02\x97\xda\xeb:sl\xd1?u\xe6\xe1F\xc2\xc1J2\xc3C+E\x96X\x85ae\xc4L\x14E\x97\xcb\x05\xa6\xa3\x05\xb0XPd\xc2\x91`\xc0\x12\x04i{&amp;\xe7\xb8\xb8\xa8\xb3;\x01\xd2\xe6\n\xcf\xd3\xe4\x10\x94\x18\x85T\xbb\xa8\xea]\xe1\xd34N\x17\xcb2m\xb1\xd3d\x04F&amp;\x01#\xbb\xe1U\x02\xbb\xc7d$\xd543\xebH\xe1\x1c\x14x/#\xcb\x0eU\x7fO\x86Em!\xef\xd9\xa8\xcf\xc5\xf9\xfd\x96\xe9\xe9\xe9\xa5\xe9i;t\xa3\x05\x9e\x91\xc8\xca\n\x1c\x8e\x01oj\xe7\xe1[\xc7\xd2\xee\x97\xb7S\x0e4)\xfe{\xbc\x1d\x98D}!\x05A\x13Q\x0ed\x0b5\x8e\xe8\x05\xae\xa5\xa5i\x120\xde\xee\xc5J(\x02\xc7\xd3X\x90\xf8\xe6\xee\x8f\x8d\xd7\x8b*\xdf\x9fM\xa5\x02A\x89e\xf1\t&amp;\x19\x80\xa4"4\x17N\xe8E`\xb94\xc4\x08\x9b\x08\x1bu0\x9a\x01\x17"\xc8\x11\xb5h\xdc2\xb6f\xceP\x86\x8b\x95\x97N\xa5R\x0e\tC\xaa\x94\x93\x1c2C\x97\xf99\rd\x8c\xcb\xe7F\x93\xfa8?\x12\x85\xee(#m\x86\x92\xe5h{D\x91Y=i^\xaf7\xbe}\xd3\xf0\x06k\xda\x0f\x04\x83AI"7\x18\xec&lt;\xe2.)\xe0"\xd1\x16t\x14\x12\'R[xE\xdf\xc8\xe9iK\x99@\x13\xd1h}\x05x\xaf7\xf8\xaa\xda`,\xea\x8b\xb4#\xa80\x12\xce\xc3C,\xdc\x1b&lt;\x0b,\n\xea;\x8c%\x02\xe2\'\x884\xed\x07\xab\x1f\xdf8d\xcdB\x92\xc5\xf3\x11\xde\x1b\xdf\xda7\xd8F\xaaz=\x88\x1d\xc4*:\xd0\x90\x1a\xc3.x\x16D\x1f2\xc6\x92w\x06\x0fi\x06L\x19\x81\x118\xcd\xe7\x83\xaf\xd1\xa8\xdb\xa7\xe9\r\xab\x0f\x1f\x0f\xa4/\x1b\x8bujj+\xa8\xd0\n\x8aKf\x18\x8d\xd1\\.V\\Hd2\x0b&gt;\x97@z\xd4\xaf\xd7(\x81\xe2\xf4\xa0\xad\x86BNg6\xeb\x0c\xad\xba9\x1d\xd9\x8e\xcf\xc8\xc1\xe6\xae\xc1j\xed\xa6\x82|$\x88\x0b \x1a\x94E\xa9\xfb\x16p\x07\\\x0b\x85V\xa3n\xfcF:\x0bL\x9a\xcf\xedsG\x81\x14r\x86\xc3\x93\x97F\x8bG\'\xc3\xce\x90[\xc3\x0e\x90B\x03\xd6\x8c\xb1\xa5zz\'\x15\xa4\xbd\x01\xdc\xb5$E\xe7\xf2\xf9\xa2D\x10\'\xf4\x88\x12\xb3\xc8+\xbeh2\x94\x1c\x88\xc5\xc2\xe1\xfa\xfa\xd1\xdc\x1aLiM\xf1\xe8hv\xd5%\xe8\x17\xa0H\xdc`,\xd4CP\xf1\x06\t\x96\xccJ\xa2\xe8#X\xc9\x01g,\x1c\x1b\x806I\x80!I\xa1\x18f47\xf7\xe2\xc5\xcf?/\x1d\x1a\xaah\x19\x1a\x1a*\xad\xa9)\x9e\x0c\xa9\x1c\xb9\x99\xd9\xbds\xbb\x86&gt;GR77\xe3\xbc\x02,\x9c&gt;\xe4h&amp;\x10I@\xd5\x87\x9d\xce\x18\x14KB\xb2U\'D\xaa\xcf---\xad(\xe9kh\xe8\xc3\x94TT\x0c\xb5\xe0\x85\xe2\xac\xdbO\xc3H{\xfc\xd5Y#\xe5\xa2\xba\xb6\xf0DH\xd4\n"[\xd82P\r\x84\xeb\xc7\'c\xe1\xc9p\xcc9\x00\xae\xa4\xb3\xfe\xd2\xa5K\x17\x87*J\x1a\xbe\x1c\x1b\x1b\x1b\x19nh\xd0\xd9J*ZZJk\x9c\x1aMc!\xf9-#O \x1c\xd3\xa9x&lt;\x8e\xd6B\x9f\xb2.\x1dk V?\x1e\x0e\x8f\x17\x8f\x86\x9d\x03\x03\xc9\xd5P\xac\x1e\xe6\xd5\x944\xf4\r\x8f\x8cu\x8cut\x8c\x0c\x7f9&lt;\xacs\x95@\xb4\xe2U\x81\xb6\xdb#$]?2\x8c\x8b\xfa\xc1\xab`0\xeeE\xb3\xe3\xca\xa0\xe9\xb9\xd2\x93\x15\x9b\x1c\xc7\xaa\r$\x93\x08z}\xee\x1fZ\x86\xf2/4\x0c\x8f&lt;\xe8 3\xd2=|\x84U\x85\x8f\x8aI\x11\\\x91\x887\xb89eT\xa5RT\xe1f\\\xc1-Kb\xc9i\xacc\xe93\xe0\xd4\x07\x80\x90j\xa8$\xbfh\xec\x01a\xea\xec\xec\xe8xp\x88E\x8c,\xc9\x07V\xcbc\\\xb5\xa1\x97\x12L\xdf4(^\x14U\xbd\xe5\xe5\xed\x16\xef\x82\x88~\xf2\xbb4Wt`\x80h\x94\x8c\xae&amp;C`\x0b_\xbaXZ\x92\x9f?\xd6\xde\xd9\xd9K\xa8\xfe\x1dKw\xb1\xa4j\xf0\xdd\x8c\xc4\xa3\xefy%\xb0s\xda\x18.\x8az8\xc7G\xec|j\x16G\r\x1a]\x8b\xc6rs\xc7\xeb\xd1\x981\xd2R\x93\x93\xb95%\x90\xaa\xbd\xddl2\x99u\x07\x016\x02."\xd6\n\xa2\x05\x1b\xab\xee-\xaa\x8a\x9d&lt;\x03\x04\xb7\xab\r\xc2j\x9a:@ZS\xcb\x04\xcbb\xd1B\xb9Cp,\xbf\xea\xda\xb5\x96\xe2\xf1wK[~\x89_\xf2/\xb4\xf7\xf6\x16\xb4\x99\xccD)p\x11\xb9t."V_UU\xe3\xbd\x7f$\xa4\x08\xd4\xf2J\xb3\xbb\xe5F-\xe2A\xc4;\xb7\xfc"\x81|\x08\xee\xc9\x96\xfc\xa2\xeb\xd7\xdb{+\xef|\xf6\xd9\xaf~~-\xff\xda!\x94\xa9\xbf\xa0\xad\xedP\xae\x07#\x0f0G6\x92\x8e\xa8\xaa\x1a\xbc\xf7\xeb5\x19A\x88\xf0\x8ac\xef\xa41j\x95O\x1dx\x0fR\x9bO\x97\x13\x0b\x89\xc7\xf7~\xf3\xb3\xf6^3\x1c\xab,(\xb06[\xef\xdc\xa9\xec\xed5\x9b+\xfb\xdb0\xfd\xdfa\x8d\xe8X\xdd\xef}\xf8aC\x03\xb0\x06\x1b\x1b?^\xd4\xb1\xf0\xcc\x94\xce3,[\xf1\xb9\xad\xa7O\x9ell&lt;\xf9\xc5\xef\xceUVV\x9a;;\x81R`\xb5\xbec%\xd3V`\xb2\xb5Y\xfbA\x05\x17\x11,0\x91lu\x0f\xbf\xb7\xf2\xb7\x95\xbe\xbe\x8a\x8a\xc1\xda\xda\x8f\x17\x1d^\\o\x80\xb5y\xd9 \xb5\x1e\xce\x1d\xccmn|\xfb\xf2\xe5\xa3G\x9f|z\x0e\xf2\xf4"\xdd&amp;\x9b\xb5\xd9f\xb3\x15\xd8l\xbaL&amp;P\x11\xa6N\xf3\x11\x16\t\x17\xc1\xaa@=\x0c6\xd6\xdez\x1c\x88G"v\xbb"oM\x19e"\xb0\xd6\x9fO&lt;\xba\xff\xcd\xfd\x0f\xfet\xae\xd2l\x06C?\x90l&amp;[k\xab\xad\x15P\xfdf\x8c\t_\x9d\x87ju\x8ft\xeb\xd9\x1a^Y\xf9+\xc4j\xac\xad\xbd\xf5b\xd6\x81\x9a\xb1\xf3R`\xca\xa0\xc8\x13\xac\xed#\xac\xaf~\xda\xd6\xaf\x8f\xad\xd5f\xb3\xce\x83\xcdJ\xf8`\x9f\xf9\xee]`\x11\xb0\xff\xc0\x1a\xd2=l\xbc\xf5t\x19r\xd9\x91\xf9\xad.\x83\x1e\xc6\xa6\xb6\xe6\xe6\xd2\xcf\xbf}I\xb8\xbe\xea\xd1\xa1\xda\x9a{0uu=\xbf\xefinn\xb6\xb5\x9a\xfam&amp;\xf3\r\xe2\xed]s\xe7\x8d\xa3pa\x13\x89Z-\xc0\xaa\xfd\xfa\xd9\x8b\xd9 L\xc4\x93\xd9C\x83"_\xbd9\xb7\x05\xac\x89\x8f\x1e\x01\xab\x19P\xcd\xcd\x84\xa8\xae\xae\xee\xcf\xf8\xd1\xd3\x83\x8c\xb5Z\x9b[[\xe1\xa3\t\xdf\xfe\xd8y\x03\xdbx\xa8V\xc3JEK\xc5\xe0\xfb0\xf1\xd6\xb3e\x071Q\xd9\xaa6\x08\xeb\xec\x1eI\xfc\xc4?\x7f\xfb\x97\xfb\xdf|\x00\xb5\xde~\x9bH\xd53\x0f.B\x05\xbd\xac\xe8\n+\x82f\xd6\xdd\xec\xbcq\xfdzQQQw7\xee7d\x0f\x91\xad\xafo={\xf6"\xa0D\xf0\x04\xb4Yh\xd0\xa1xuon\xfb\xd5\xc4\xcb\x89\x8f\x80\xf5\xf7\xba\xe66\xd86?\xff\xe9&lt;\xa6n\xde:\xafs5\x93\xa2\x80\x97&amp;3\xf6\xb4\xbd\xe8\x02\xe9\xd8"\xf4Ww~\x15Y\xc4\xf7\x1b\xc1\xf5\x14.\x02k\xcf\xa0;\x17\x95\xb7M\x12\xff\xf2\xd1\'\xffb\xd5\xfc\x9f\xd2\xbe\xef8\xbe\xbb\xed\xe6]\xb7\x9d\x0b\xd7s\xddH\xb2\xe0\x85\x08^\xf5\xa2M\xa5!\x9fH\xa6\xe1K\xa7P\xf9p\xb4\x07\xe1\xc3\x02\x89\xdf8\xc3$\nD&lt;cj\xb2v\x86\x18\xc0((D\x14\xb7\x9d\xc1#\x84\x9a\x9b\x06a\xa1\x89\xf1\x84\x9cv\xee\xf0K\xb2f\xd7\x19\x13k\xe3\xd5V\xd3,iz\x89{\xbd?\xb8\xee\x0f\x80\xd7q\xc7\xaf\x8f{\xbe\x9e\xef\xd7\xfb\xf5|C\x02\x0b\\\xeev\xbb\x9b\x9b\xfb*\x9b\xc50\xb8\x82U$\x19\x89\x95\x91Q\xadT\xaa\xe8\x18Y\xc0E\x7f\xbf\x84\xca\xea\xea\xea\x82\xa3x\x1b\xdcu\x08\xb0\x06\xbe|\'Uj=J8~\xb0\x075Q\xaaT\x05\xc6\xc6\x86\xb5Z\x97\x9a\x10\xa9\xfa\xac\x00\x16,\xcb\x06\xbd\xd8[\xf6T+\xe1&gt;\xd2G\t5TT"1\xe6\x97\xa0\xf5\xa1\xab\xab\xae\xb8\x17\xa6\xf1\xdd\x91\x96\xf3\xb9\xdf&gt;M\xd1B\x9f\xf7\xc67$Vw\xf7`7\x0c.\x8cPOO\xfb\xae\xa2\xc7\xaeK&gt;B\xaf\x90\xf5\x89\xb3\xdd\xe0-\xe8\x9f\x92\x96\x1f%&lt;\xf6\x89\xf7v\xc1\xc28\xea\xb4\xdbk\xd4L\xe4-0\x17\xaf\xf8\xe6\xa7w\xc0\\\xb9\xd7\xfe\x9c\xa2\x85+\xef\'\xff\xc7\xfa\xb7\xa9p\xfa\xfa\xd5\x11\x08B\x90\xdfsK/\xd9k|\x84\xccJ:\x1e\xa4\xa23\x1dm5\x13\xfb\xd0\xe3\xea\xf9\xdc\xd7\x01m_\xa3=KR_\x8f\x9a\xd8\xdb\xfb\xe9\x9d\xab\x03\xb9-KGS\xb4\x9e&amp;\xb0f\x06\x11Uw\xaf\xcf\xe9\xbct\xe8P\xeb\xfe\xd2\x1d-\xb9;\xde\x1b\x1du\xfa\xf4\x01+\\\x8f\xef"\xac"\x0f\xe4\xd5\x13\xbb_\xdd\r+\xf6oQF\xfa\xc3\xae\tO\x17`\x89\x8a\r\x80uc\xa0\xa5\xe5\xd1\x9b\xe9\xa9l"\x89\xd5\xdd{\x158\xa6]\xb7o\xde\xd6\xba&amp;}v\xbb}\xc2\xe9\xd3\xaa`\x9bxw\x1b\xf4\x90.9\xd3f\x9f\x98p:\xafO\x82\xf5\xc0|&gt;\xfbD\xe3\xc44x\x1e\xa9\x05\xe6jmiy\xf0fJ\x9bx\x11a]\xbc\xe7\xf4\xb9\x14\xb2\xb1fq3Z\xb6\xea\xf5\x9d\x84\xda\xa5W\xed\xc9~-\x1b]\xd4tV\xd1\x19\x8fG\xddY\\\xd9\xe0n\xee\x0b\xa8d\x8a(Q3a\'\xc8\xa3\xb8\x89\xf5\xcd\xafS\x8c\x05us\xda%\x92\xa9\x02VwPl\xe5\xd0i\x90\xb5\xf2\x15\n\x16`\xc1\xe4\xdar\xf8w\x7fc1\xb3(L\xac\xa2\xcf\r^\xb3V\x1fT\xd10ET\xedS\xebE$\xd6\xcd\xbb#\x03\xdf~\x9d\xaa\x04\x9b\xf7\xc6s\xf2\xa66\r\n\xb5\xdabY\xa0\xcfj\xb5\xf6\xd1uF\x0bT\xc8\x98\xcf\xa2\xe6\xec\xdd\x06X\xc7\x0e\xf7\x97\xe4\x17Q2Y\xb2\x02\x16K\x01;55G\xa5\xa2\xd3X\x12\xc2\x05b\x89D\x08\xeb\xc3\x81k\x7fJ\x15V\xfa/\x11\xd6\xe7\xdd\x83=\xbd\xb7\x87+\xdb\x9b\xad*\x0c\xab\xa8\xc0\x98\x14~\x07D\xb1"\t\x8b\xa6\xda\xc3\x16\xcc\xd9\xf0\xd3%L\xca\xceL\t\xd3\xe1Q\x13.\x17A\x10Q\t\x96C\xc5\xc8\x83(\xba\x9d\xc0Z\xfaM\xca\xb0~\xf4\xe5\x12`\x99z\xce\x1axc\rC\x01L\x81\xc9D\x04\x8a\xd35\xb5\x90|\xb2\x98\xac?f\xb0\xe7\xe6\xbc\x0b\xe5\x8cL~\x87#\xab\xad\xcdwn\xb4u`\xc7&gt;\xa7\x0f|\x86\x15\x1c\xa9\xe3\x19\x8a\xc9&amp;\xc2\x84\xb8v4eX?\x7f\xba\x89UY\xd9&gt;T(\x1a\xc6\xd4\x13\xbbZ\xb6o\xff`W#\x84~P&amp;\x9f\xa6\x94\n\x04\xb6\x05MhgG\xad\xc7\xe5\xb92\xfaa\xe9\xc0\xf9\x8f\xffr\xe0\xf5Q\x9fO\xcd*8\xc5\x832\x80\xe5\xef\xdchM!\xd6O\x9f.\xdd\xfd\xe7\xa0\xa9g\xa8\xbd\xb2}L\xdf\xab\x9d\xd8\xff\xea\xf6\x03\x1f\x1f(\xbdq\xbd\xb1\xb1\xd6!aJ\xa8\x1c\xef\xdc\xe2\xdcBS\x88_[{\xa6\xedB\xa3O{}\xc7\xab-\x03\xa5\xfb?\xd8=z\x0e\xb8\xeaN\x19z\xd1\x80\x98\xbc\xd1\xfa\xe0W)\xc3z\xe5\xeb\xef\xb1\xb6\xd6\x8b\xd4\xfbJ\x97FZra\xfb\xd5\xba\xce]\xb8\xe2\xa1\xb2\xfe\x87\xa5\x01\xac\x0e\xfe\x15\xfb\xb4\xda5mw\xa2\xbap\xe2DcM\xe7\xa9S\xbc\xe3\x86^r\x9e\xb6&gt;\xfaY\xaa~+N\xcf\xfbh\xe9\xeew\x08k\xeb\xc1\x8azO\xe3.\xe7\xbd\xc9\x91C\x87.\xf9\\\xeaY\x0f\xa1/\xa02t\x1c\xdb\xf7X\x94h\xf10\x18\\\xaf\x05\xcb\x130\xd6\xfeU\xeb\xc9\x92\x9c\x92\xcb\r\xa8\x8b\xf7\x06\x9e\xff\xe2\x95\x14m\x10i\xe9G\x1f&lt;\xf8\xce\xd4\xdd\xd3p\xb0\xa2\xa0szr\x12\xd4p\xddq\xa9\xd5\xe8\xac\xe9ET\x1d\x83\x86\x03\xd6"\xe9\xad\x0e~T\x0f\xa5\xc0\x86e2Y\xc1\x91\xfa\xce3mmpZy\xc7y\x06\x03tq\xe4\xf9G\xff\xf9d&gt;%\xb9\x1a\xb6\xe6G\x8ffL\xa6\x18\xc2:~\xf1s\xe10\x94aX\x1f\x8d\x12\x0e\x0f\xa1\xa0\xeaH\xb1\x1e/\x82\xb7"\xfc\x0e\xbe#J\x16\x93)\x91H\x98YE\xcc"\xf4hY\xc7\xe3\xc9\xe5\xa0\xd6\xa5s\x1d\x0ec\xf7\xc9\x14\xfc\x8e\x97\x9ew\xf2\xe8\xf3\xbf_4\xf5\xc4\x86~\xb8\xf7\xed\xa1\x9e\xa1\x86\xf6\xad\x95[\x03p\xb18&lt;\x8e\xa8\x82\xa6\xd1\xd03\xa4s\x8f\x1f"\xac\xcc\x9d|&gt;\xc5bT(\x14z&amp;*\x00c@\xaef\x02\x96\xc8 \xef\xd5\xd6\\Y[\x19\x0f\xfd\xe3~\xd2+Wz\xfa\xfc\x93e\xae\xfc\xe6ES\xcct\xf9\xad\xd7\xdc\xee\x86\xb7\x0fV\xc80\x85q\xca\xe1 \xba0\x1a\xa7\\\xa3\xc1\xa5R\x01\xc2\xd2\x842)\x91\x88\xc58\xae\xa3n\x16\x8d\xa6kb4\x95\xe43\xbb\xeaD\x06a\xaf\xb6\x8d\x1f\t\xc5W\xd6\xc4I\xca\x95\x96\xf7d\xd9\xbf\xb88wlk\x0f`\xc5`\t\xcd~ko\x0e\xa6\x90 \xfb\xc8\x02J\x0e\xce\xd1h80L\x17\x1f"\xacq\x8b%B\t\x8d75i\x9a4\x1a\x1a\xca\x19\xe8\x19b\xdc\xc8\x92t\xd6\x03\x96\xa1\x8bb\x01\xaa\x95\r\xdd|r\x7fBK\x9f_\x88\xc7W\x17\xe6\x16\xcb.\x9b\xa0`g\xdf\x06\xcb\xbaR\xd9\x17\x08\xf4\xc1\x97\xd7f\xc39\xf8\x96l\xc1\xe2c\xc0\xb2\x95\x8f\x87BpM\x02\x12\xa2\x81/\xb2\x00\x0bz\xd9Ug\x10\xcaE\nF(\xb2\xb6\xb6\x11\x7f\x91\x94Z V\x1cJ\x87\x0b\xaa\x86z\x00\x0b\xf2\x17J\xf48\x0e\x1f\x1c\xaf\x86\\\xcd\x96\xda\xd8\x10c\x1fC\x91\xf34d\x1cg\x94\x94s\xf0\xfer\xc4\x96\xc0kb\xc0\xc4\xad\x07,!Of\x8cD\xd666V\x9e$\x89u\x7fuu\xf5\xb3[\xcaj\xf7PO\xccd\xf2C\xec\x91Jm\x88\x89\x83g\x00U\x99\x00eF\xee\xc3M,\x8d\xd1\xc24\x96\x94\xf7\xe3\xb8\x17\xa2"T9\xf9\x96D\x862\x84e\x90M\xad\x00\xd6z\xd2XO\x00\x8b\x13\xcc\x1677\xf4\xc4\xc2\xe1\xb0\xd9,@\\^\xaf\x17\xb7I\xd9eUf\xb3\xb9\xac\x8c\x1b~\xe6\x87&amp;\x9amx\xf9x&amp;\x9c\xc3\x92~hn\x82\x0b\x04\x03\xb1\x18\xc0\xc5\x1a\x96\x83ZXd%\xb2\x924\xd6\x0f\xd2\xe6\xbd\xab\xab\xe2\xaa\xaaX_;\xa8\x15\x0e\xfb\xcd\x02\x01[\x80^E\xa4l\x81\x99\xcb5\x0b\xa4\x19e\xfeg\xcf\xfc\xfe\xe5e\xb3\x17\xa73,\x99\x96\xcc\xd0\xfb\x87!_{A\xd2~\x90\x0b"\x19z\xd2T\xf0\x00k\xd8h\x89 \xacH\x92X`y\xc0\nV\xc5\x9a\xdb\x87\xa0\x89\xe10\xb7J\xb0Yf\xae\x9f+8\x96\xa1d\xfb\x97\x11\xd6\xb3eP\x0b\xf6U\xa3\xd1B1\x9e\xb6mJ\xda\xcf9MC\\,\x16\x8bW)\x14v\xae\xc1|\x88l\xac\xc7_\xa4%\xd9\xc4\x85\xd5\xcf\x82e\xec*\x12\x0b\xba\x08\x02\xa1\xce\x99\xd1\xf3\x03W =\xac\xbc\x85\xa8\xc2\xfe\xf0r\xd8\x0c\xb9\x16\xb8J\x8c\x8e)\x86R\ng\x01\x1a\xd9\xdf\x7f\x9aN+\xa1\x02\x17\xc6\x13\xce\x08g\xd7\xd7\xe2\xa1\xf8Z\xb2\x03"-\xef\x85m\xd5\xcbe\xb3m4\x1e\x89e\n\xfb\xb9\x00\xe5\xe7\xfa\xfd~.\xdb\x86+\x95\xc1\xe5\xe5e?7\x18D\xfd\xacV\xc1\x96Lo\xa28,T\xa5\x14a!.\xf2=\x82\xca:\xc2\x93\xcf\x08=\xebk\x91\xb8ee\xa3\xf9d\xb2s\xcb\x0cX\xb0\xe25a\x9b]DOGf\x92J\x90\xc1\xe1TW[\xb9\xe2@\xb3X,\x06\xb3Y\x03\x81@\x8e\x8e\xd6\xe4pX\xc6u\xde\x84\\0Ri\xb4\x1c*\xf5H\x01R\x8bX\x7f\xb9\x12\x89\xc4\xd7\x06\x93\xfc\x85%\xed\xc7\xfe\xd5\xaf\xc0\xe76\rV\xd9\x00X$WP @\xbe\x92\xe24z\xb5UI7~1K\x8c\x89\xad}\xd6\x80J\xdfQ\xdb15\xc5w\xc0\xfd\x03\xf7\xa44\x81E\xa7\xe7\xe4\x14\x14T\x14\x9e\x9d\x11\xea_\xbe\\[\x89\xc4W&gt;Iv\xb79\x19^\xfd\x8a\xebg#,\x90\x0b\xf51\x16\x04\xac* \xc5i:\xfa\x1e\xab\x12\x8b\x12\x84\x87\x18C\xa9\x909[[;;\xdb6\xeb\x98\n\x19i\x1c\x9b\xd4\x9b\xc0\xca\x81*(\xac&lt;;3S\xff\x12q\xc5-O\x92\xbb\xaa\xd3\xd2\xde\xb9\xbf\x80s\xb9l\\\xa3\x93\xb77\\\xbe|9\x16CX\xec`\x90\xed-\x1fg(!\x9a\xc9\xf4\x84\x1e&gt;\xc32\x8c\xe9p\xcc\xce\xd6\x9c\xab\x9d\xfd\x02\xb0t\x1crx\xe1\x1c\x1a4\x11\xaa\xb0\x1d\xd4\x8a\xae\xafC\x1b\xe3\x8a\xdf\'\xb9\xa0\xa6\xa5\xcf\x0bl\\4(\xe9ra\x83\xdb\xed\x06\xae\xaa2\xb6\x8d]&amp;\xe54\x85\xa8\xd5\xd5\xb7\x022\x91\x16\n\xc5/O[\x8d\x1dv\xe5\x1aR-\xc4\x85\xa8\xe8\t\xb5*\n\x85gg\xe4\xb3\t\xac\xb1\xbf&amp;\xb9o\xa5\xa5\x9f\x0cK\xb9\x02\xef\x7fi9\xff\x9f\xb4\xf3;\x8e7%WR\xb3\x8c\xc3]\xcd\xadrK\xf1\xca\xa9\xe54\xe7\xc5\xe1l\x84\xe6\x84Qq\x82G\xb57A\x8a\x82L\xc6bi\xf9\xda\xb1\xac\xc59S\xbf\xdcY\x1d-J\x85*N\x96\x9a\xc6k\xb1\xa6:\xedNc\xa5\xd4c\xc84g\xab\xd9\x8c\xf6\\L\xe7\xe2\xcd[\xb6s\xddj\x97=\xdf\x1f\xbb\xed\x0f(\xbcB\xd4\x1f\x1f&gt;_\xaf\xf7\xeb\xf5|\x7f\xde\x9f7\'&gt;?6\r\xb9z\x1c=\x1f\x8f\x8d\x1d9\x99r\xf4h\n\xe7~\xbbF\xad\x0eN\x8f\x10,X\xd5\xb9A\n\xaa\xb3s\x10X\xed\xe7\xeef\x1c;A\x1a\xfd\x0b*\nKx\x16Xh]\xb7\xf7\xbd\xac\rD\xe7:ZT\xf49f\x9bB\xa9\'r\xf5\xf4\x8c\x1d\xf9E\n\x93y\xe2|Z\xa6B\xb1\xa2\x98\x1e\x19\x91E"P\xcb\x0b\xb0\t@\r\xce\xf5\xf5uu\xcd\xce\xb4\x9b\x08\x16\xdb\x94\xca\xab\xadE\xc1\xeb[[\x17d\xff\xfe\xebq\x18\xae\xf6\xab\x07^\xd6\x05\xd2\x19\xcf?,z\x84V\xff\x17\x05\xc9\xa2\xc3\t\xb4\x8e\x14\x033\xe5\x07w\x8f\xdb\xc8&gt;v\x9a\n\xf8B\x15*\xac\x8b\xf8\xfb\x99\x198\xc4\xae\xd9\xae\x19\x0e\xd5\x1e\x14\xbc,\x80\x01K*\x95]I+\xc8l\x9fl\x7fysJ\xb2XT\xf4\xe8\x04\x9c\xb1]\xear8\xfc~\xb9&lt;7\xc5\x90[}\xffJ\x9dG\x05\'\xd8\x81\x9e\xd5\xd1\x11R\xaf\xac(V\xc2&amp;\x12\xec\xd4\x8c\xbb\x00\xeb\xeb;\x07\x93\xc8a\xf3\xb2jI{\xc0\xe8Y\xb0\x97\xe5eeNNN/\xbe\xbc\x93\xa73\xd6\x8a\x1e\x91&gt;\xf5\xbe^\xe9\x92\xf8\xfdA\xa7\x93\x1cFq&amp;\x1f\xcc\xa9T\x1a@\x85B\xa1\xad\xd0\x16b5\x1c\x0e\xaf\xac\x10.\xb6)#\xad\xab\xaf\xae\x8f]}\x8c\x93\x8a\xba\xaa\xe1\xed\xf6\x07a\xd9\xbby\xed\x93\xaaX\\\x8e\xab\x17\xd7\xff\xf8\x08\x06a\xdd\xa1t\x11.\xa7\xf3HJ\x8a\xe1{W&gt;2\xaa\xd8j\xf5\xd6\n\x15\xe1\xf0\xfc\x7fcss^e2\x9dK\xebj\xab\x9beW5\xa7f\x89j\xf3jj\xd1\x1fZ\xa5\xd6\xc2\xb4\xb2\xb4I\xe7\xbexPa.\xae\xffm\x1dX\x1fc):\x9c\xe0\xea0\x18\xaa\xef\xdf\x9aCa\x15\xa8l\x9b\xb3\xb3\x1b\x1b\x9bT|F\xfd\xfdpccc6\x13&gt;"\xb9m\xa6\xb9\njixy5&lt;3\xda\x9623\x13;\xc6s\xd7\x0e\xc4\x05\x8bq\xe1)\x85\xf5]\xbd\xde\xe5\x90\xf8Y~\x9a\xa1\xba\xea\xeeY#\x98f\x1f\x9e\xbdu\xe5\xe1\xc3Y(\xb4\t&amp;@\x918{\xf9V]WWzfW&amp;\xb3\xea\xe7\xa95\xb55\xc0"\xdd\xd4\x9e\xd6&gt;;S\xa0\x89\x95\xc6\xe5eO"\xd7\xfa\x9f\xd6o\xfe\xd0\x85\x9a\x97HX4ZnJ\xf5\xfd\xb6\x11\x85\xea\xe1\xe5\x8b?\xee\xbe\xb7\x13F\x81}*\x0f\x87wv\xc2a\xd7\xce\x8e\xcfx\xf9\xe2\xc5\x07]\xed\x19\xc9\xaa\xd3U\x9cw\xf3x\x14\x16\xfaC/\xf6=\xe7\x14\xd7\x16\xe3\xf3\x0c\x82\xc8E\xcc\xcb\x87N\xbdK"\x91\x88D4\x1a\x93\xf9\xb3v\x85\xa6\xe0\xca\xc5o\xfd\x1a\x9b\xf7\'\xb1Oo\xe8bryl\xed\xc6\xed\xc0\xf6v\xe0\x8b\xa9\x86_\x8d\xcfd\xa4\xcehNW\xc1\xd1\xd4\x00\xab\x96\xb4-\xe1\xec\xfd\x8cT\xe7Z\x9c\xde\xbd\xa6C\xae\xa77\xe1\xb2\xfcX\x8a\x0e\x16K\x94O\xcbeVgd\x19\x82\xb6\xee\x7f\xfe\xfd\xcb~]\xa0"\xb6v\x86{u\x9b\xcb\r\x0cq\x03\x81\xfe/\xff\xdc\xc2\xdf@\x9f\xc8{\xe3tU\x16\xef\xffX&gt;a\x06\xc7\xb9v\x80\x1e\xa7\x07I\x18\xd8_\xdd,*:\xa9\xb1\xeb\xa1\x16K$\x12\xe5\xa70\x7f\tS\x13Ri\xff\xf5\x8f@\x7f\x7f\xbf\xae\x9f[\x11\xd0q\xb9\xfd\x81\xfe\xc0\xd0\xd0\xb3\xb9\xba\x8dy6;U\xf3~J3\xb0\xf2H\x0e\xa5\xad\xad&gt;\x1d7\x16{~ \x8e\xaf$\xe5,\xfef\xecd\x87\xcb\'\x95H\xca)\xac\\&amp;\xb3Y\xedG\x13\x9d\x0fK\xb7\x87\x02\x01\x9dN\x17\xd0\x01\x0f\x19\xdd\xb1\xcdn|6\x7f\x1ej\xe5~P\xdd\xcc#\x95\xb5[Z7\xee\xe4$\xc5\xf9"P\xd2\xf3\xa7\x8fcg\xd6\x16Hq\xd1\x00\x96o8\x9a\x82A\xbd\x12\xdaB\x0f\xdd\x91\xfa\xb6\x87\x86\xc8\xe7\xc6N\x18mbs\x97\x8a\xfd\xc6\x07\xd5\xe8\xf0\x04\x0b\x1e\xb0\xd5\xb7}!\xee7m\x18\x8c\xd2\xa4R\xc6\xde\'\xc8b\xb9\x84\x06\xbd\x0cL\xa6\xda\xa0\xde\n\xc9C\xe8\xee\xab\xab;;;\xcf\x9e\xedlm\x85I;\xdd\x9c\x9f7\xfd\x08.+\x97\xd9LZ|\xdeni\xf9bI\tx\xdb\x9a\xc1\xa03r\x1eK!\x17\rX,T=\xccV\x08\x13\x12\\\xabr9\x19=\xab\x18@\xc0\x9a7\xb1\xa9\xd1\x98\x95\xdf\xfc\t\x8f\x94\xbc\xb5\xde\xac\x97.\xf8\xd6\x92\x12\xf36?\x9dQ\xb1\x80\x1eAC\x16\tV\xae\x01#:\x04\xbdV\xc3\xa1\xb1\xb1\xd0*\t\xa8\x15\x86\x1de\x9b\xceC\xad\xe6fP\xf1j,\xf5b\xb1\x19X\xba\x04\xdd~\xa0\xd3\xef&lt;Q\xea\xa9\x86\x8a\x8f\x81\x99K\x065\xf4\n\xae\xac\xaeR\x93\x9a\x0ck\x93i\x85\xc3a\x13\xb1\xb2\xb0\x0cI\xd4\xd4\x8b\xcd\xca\x04b\xeda$\xc5\x94\x98@.\t\x8bE\xcb\xcf\xcf7\x10S#\x97;\x9d\xfe 5\xad\xc3&amp;\x18\x08\x95\x89M\xb0(\xff\xfe\t\x05U#6\'\x18+\xa7B\xaa\x04\x16F\x10\xb0D\xf9Ny\x0f\xc1\n\xea\xf5\xf0\xa8\x05\x05\x05#2\x99\xca\xa6J%\\\x98\xd0\x94V\xf55D,\n\xab"Q\xb7\x04\x19\x8cE\x9f\x19zIv\x13)\x928\x9d\xf2\x0e`\x89G"\xc6\x08q\xce^\xa3\xdbV\x00*\xb2e\xad%u\xc5\xab\xb7Zv\xb1\xa4&gt;n\x02\xb1\x9e\x98\xcd\x02\xbd\x9eE\x8a^"\xd0\x13\x97#\xef\x08b\x97\xe1]\x8a"\xbcFOA\x96\x86\xd3\x0c, a\xec \x85\x96z\xb3\xd9\x0ck\xea{/\x81X\xd7\x94v\xa5^@\xb0\x10\x02=\xe4\x92;;\xfc\n\x80E\x97\x97\xa3F\x99B\xa3Qs\xc8v\x87g\xb5\xd6P\\\xf5\xf5b;r\xb8\xe0;\x938\xac\xbd7\xa4v\xfc\xf3\x02\x81\x08`\x02\xa1\x9eT\x97\xdf\xd9\xe3\xf4O\x0b!\x98\xd13\x12\xf4\xfb\xd5\xc78[\x9c\x02\x0b\xc1\xb2\xd4\x03\xcbB\x16"\x92x\x86\x910\xac}W]\xf6^;\xb0\x04P\xcc,\x14\xb8 W0\xd8\xe3t\n\x84\x11\xa3L(\x03\x96zK\xad\xe6\xa4\xaa\xdcn\x0f\xc8,\x16\x0b9\xf0Q"Z\xdfL\x18\x16\xfd\xc2\xe3V\xa5\x1dX\x14Xo\xa4W\xe9r\xcaI"\xfd\xd3\xd3\xe4hC1\xa2\xd0p\xd4\xa1\x15\x95\xcd}\xca\xeb\xb1Z(,\xb1\x1dXf\xb3o1QW\x90`\x08\x1f;\\\x14\x17\t\xbb\xd1\x18\x11\x8a\xa7\xd1\xb7\x9c\n\x15\x88\xe0\xed\xc9\x86VQ`\xc3\xce\xdf\xabu\xefj\x05\xb1\xb0\x14\xc5\xe2\x85\x84a\xeda\x1c\x889\\z3\xb8\xf4\xc0\x12F\x97"\xf7\x94zj\xfbJ\x84R\x15\xc0\xde\xdbT\xb6S\xda9\xad6\xba\xec\xb5\xeeR\x91CN\xfcj=\x98P,\x87\x84e\xee\xc5r4\x9b\x85S\xcb\xe0\xea\x15\xcal2\x9bm$8\x8d\x9d\xf5\x8c\x96&lt;\x8c\x98\x98\xe8\x9c\x98\x98X\xb2Z)*\x04d\x13\xfb\x12\xa8V\xd2\x1a\xc1\x82^\xa4\x88\xed\xcbMS\xcb\xd1\x88Q;\xe7\xd5je\xc1\xe0\x88\xcd\xad%ol\x90\x13\xce\x81\xa6\xe1%\xab\xe5\x05\x92\xb5\xcc\x03\xac;\t\xbb\x0e\xc8(\xfd\xea6\x06\xa2D`\xb7\x03\xcc\x1e\x1d\x1d\x1d\x9e2.-O\x0c\x0e\xce\xd9d#6\xaf\x96:t\x1d\x18\x1f\xe8.\xe67\x19\x91C\xc2d-\xcb,t[\x81\x95\xb0{\xb0\x8c\x9c\xe7\xb7\xc9\xe4A\x1a{\x91\xc8\xa5\xa6\xd1\xa6\xa9\xe8\xf2\xd4p\xe7D\xe7\x9c\xd7K\x9e\xd9\x00k|\x9c\xdc\x1e.\x19\xb6RL\x1eOYazzb\xb1\xe8h\xf3H"\xfa\xbb\x80\x9c\x89G\xa6*+\x9b\xa6\xa6\x86\xbb\x07:A\xb6&lt;7\xd1\xd9\r\xa1\xc6\x8b\xf9\xc5\xfc\x12~\x94@\xb9\x11\xe9\xe9\xc9i\x85\x04kO\xc2\x82N\xb00\xa5Y,\xbd]x\xaf\xf7\x0f\xc3--\xa3\xc3\xc3M\x95\x03\xc3M\x03\xdd\xc3\x03\x95-\xfc\xe2\xf1\xef\x17\xf3\xf9\xd9\xd9MF\x0fa*,l&lt;\x9c\x9c\x9c^\xe8\xb1$\xb0\xb6\xe8\x8c\xbd?q\x94SX,\x81Y\x18\x89D\x9b\xae_\x1f\x05V\xe5\xe8hKeSK\xc9\xf5\x92\xb7\x8a\xf9\x87\x1a\x1a.\xb5D\x81\x04\xa1\x1a\x1b\x0f\x03+\xad\xd0#\\x3q\x97\xac1}$\xe5\xe50[ \x13\xd81p\xa2\xa3\xd7\xaf\xb7\x0c\x14\x17\xf3[\xf8--%\xd9\xd9\xd9%%\x87\xde\xc9\xce.\x1eL\xf7\xa6#\x1a\xc9\xc5\x91\xc3\xc9iinYo\xec\x95\x84}-\x03i\xf3\xc0\xa2\xe5\xc3\xd8@/\xb10\x12\x1d\xe67\x94\x1c*y\x0b?Au\xe9\xd2\xa5\xecK\xaf\x1d\x1a\x1fl\xa4\xa0\x1a\xfb\xfa\x0e7\x12\xaeB\xb7L\xf8\xfb\xc0\x9b\xfbr\xe8\t\xeb\xa7\xaf\x13\xac|\x11\rmU \x16\xcb\x8c\xcbM\xfc\x86\x86\x86\xec\xd7\x00E^\xf1~\xe7\xd0x\xe7\\#\x05\xd5\xd8Grx\x1cY\x04Vd\xf9\x0b\x1d\xf7`b\x14\xa3\xb0^/\xcf\xcd\x17iDX\x91z\x81^ \x96y\x07\x7f;^\xf2v\xf6\xdb\xd9\xe4\xe2\xf2xw\x1d`\xfe\x87u\x1cA\x8a+\xdd#\xeb\xfc]\x80[Qqg\x7fNi\xdc\xd1\x18\xfbc\x8e\xef\xbc\xc0\xa2\n_\xc2\x12\xd4Z&lt;\xa7\xe6:\x1f&lt;\xf8)\xb9\xd6\x06\xa6t*\x7f\x14\x17\x98\xda\x08\x15\xa9yY\xe7\xd4\x10\xb7B\xa7\xe3~\xf3\xe0\xc1\xfd\xfb_I\x02\x1c=&gt;_\xb4\xc1\xc8)}u\xed6\xc9"\xf6=4jAB2Qm\xbd\xd5\xadm\xa3.\xd7\xb4\xbd\xa0B\x14\xa67\x1e\xa6\xb4\xda]\x8an\xcfG\xc3C\\n\xbfNG=H\xd1U\xbc\xf7\xed\xaf\xc7\xe5\x0b\x10\x18\xa5\xa5\xdf\xf8\xda\xabk\xd7\x80Un\xc8\xcf\xa5\x95\x97\xa3\xec\t\x96\x80\x08\xe6\xd6\xfe\xa7\x94;\x08m#\xbd\xe2\x00\xee\x19i\x86\x19\x8d4\x91l\x94\x19I\x19D\xad\x80\xf1\n\x1d\xe2\x91l\x19\xf6"\x13\xba,\xa5%\xb0\xaa\xd1e\x0fY\x8c\xc1\xe4\xe0\xdeJ\xba\x90\x93\x17|X\x9f\xda=\xa4]\x1b\x82}\xb20K\x8c}\xf4\xa1\xbd\x14z\xf0\xb9\x85\x1eB.9\x05\xf6Pv\x0f\xbd\xf4\xff\x7f\xef\x9b\xb1\x95\xa6\xa5\xbb\xfd$M,]\xfc\xe3\xff\xde\xf7f\xa4Dyqpp\xf0b~C\n\xb8\xb1\xb1!\xc3aO6"\xd6\xd2W_\xfd\x99\xac\xc9\xf1\xf1\x96|\x90rr\xb25\xe9\xd8\xff\xf7\x1bm$\xb5\x80\x15\xbd&gt;&lt;\x1a\xf2\xa3\xe6\xfe\x0e\x1a\x1f\xac\x8f\x85\xb5\xbd\n\xd8\xa7\xe0,/o,o\x08\n\xc3]P\xeaZZ\xfa\xf4\xb7\x7f$\x8b.\xb3\x8e\'\xdd\x8e\xed\xff\xf8O\xe1\xee\xdcy\x00\x94G\x96}}xv\x94@\xb5N\xd6zA?\xc0\xd9\xde\x86\xec\xc3\xb5OVV\xf8M6\xba\x16\xa1\x02\x88#~^Z~i\xef\xf3\xbf\x9d\x08k\xc2:R\x05Vw\xb7\x93\xa2\x96?\xa6\x98\xc8\xa9\xe4;e\xcf\'\xeb\xf2\xd5\xe1\xd9\xd90\x89\xfb;\xfdB\xbf\xc0\x06\xe3\x1b\xc6m\xb8\x1eo\xaf\xb6Z\x1f\xca\x17\xec\xc8\x9a\xd7\xac\xc4\x84\xdb\xfc\xd2\x8b/\xfe\xb1\xd5\xa5\x8b\x0b$\xacnw\xb4\xdb\xe94S\xe7\x07\xefM\x9a&lt;\xcfq|_X\xe5\xcb\xe7`=Jj`a\xc14.\xdc+0\xaem\xbc]m\xad\xad\x91E\x18 \x9cX\x1c\xf0\xb8\xe3\xb0\xf7\xbb\xcf\xdf\xc2\x01\x17d]1M\xba\xa3Q\x07\xac\xcbK\xdbr~\xc8\x07r@\xf909\x8e7\xc3:\x1b\xd6\xfaw\xef\x82\x15s\xe2\x17\xee\xad\xc3\x857\xf6\xad\x96\xa8\x94\xb5D\xd7}IjqJ\xe4\xaf~\xff\xedd4\xea\xe6k\xc4\xc5\xb0\xc0\xbaLS\xbbay\xffKhl\xa8\xd2\x02\x92z\xf6\xcc\xa9\x1b\xd5B9\xfd\xee\x1ci\r\x13\xbav\xee\xf6\xe3\xbe\x94\x91\xae\xdeO\x18\xd6\xca\'\x90\xad\xf0\xbb\xa5\xdc\x7f\x9a\xd5\x14\xc7\xfb\x1f}\x83\xd6\x1a\xa9K\x8e0a\x815 \xcan\xd8i\x9a\xbaU\xbf\xf4_\xb7\xc0\x1d\xee&lt;d\xe4S\xc5\x12\xe2AVt\r\xd6\xd1\x07\x1f$\xfc\x06\rY}U=|\xdc\xeb\xad^\xb5ZO\xd6h[A\xdb/\x8a\x8a\xa6\xe9t:\x7f\xff\xe0\xcb\xb7\xc7\x9a\x10=&amp;\xa9\x8e\x86E\x96\xeb\xba\x84!4\xff?\x7f\xb2s\xe7A\xc9\xf3K%\xbf.Y!,\xd0$-\x8cS\xd4\x10\xae\x1a\xbf\xd7\xd3O\xe2\x82\xf6=\xc6\xfe~\xafwu\x05\x19\\k\xba\x1d\xa7\xd9BZ\x07\x7f\x7f\x99\xa9\x94%\xf5\xe3\x02\xcbn4\\\xdc-\xd7Fl\x80\xbd\xbf\x98D!\xa9:Q\xc2r\xc0Z(\x97\xcb`\xed\xbeao\r\x93\xa4\x86\xf5\xcbZ-!j\xacg\xef\xfd\xfd\xfd\xde\xaat\xfe\xda\xca\xaf\x97\x97\x97\xa7\xd3\x8b\x8b\x8b\x8c\xf5\xf6XD4u:#\x96\x0f\xac\x01\xd6e\x90\xb1\xe0\xd2\x15\x96\x1e\xbcg\x9a\x13\x85\x88D\xe5\xb0\x84\x0e\x8a\xe8A\x05\x96\xfd\x8aq\r7\xd5U\xab\xc58s\xf3\xc1\xc4\xd6I\xeb\xf5z\xadV\x8b\xff\x08\xfbB\x97\xb0&gt;\xfa\xebK\xe9%\xed\xa7\x8e\xa2D5\x08X:.x,\xcb\n\xc5\x16\xfe[O-\x94\xd9S\xac\x9bC\x94\xc3\xa8\x84\x05X\xb9Z\x9d\x1cjZ\x86\xd5\x8f\x93x8\x84K6%\xdb\xec1\xda\xec\xaa\xf5D\x96q-\xce\x7f\xf6m\xd7\x88:\xbb\xcd\xa6\xe9\xaa\x01\\A\xa0,Z\x00\xa2\n\xb4\xd0}\x07U\x92F\xf7\xeb\xbe\x88\x9c\xba\xdc\xc9*\xcb\xaaV\x1b\xd7O\xc1\x12\x97\xc8\xd0_XC\x9c\x92p\x8c\x19\xd9\xc3\x87l\xb2\xab\x9fA55\xac\xcf\xdeN\xd4$\x1c\xa6\xd5\xd4\xb0\x02\xb6\xb9t\x14\xa3"+\xa4*\xb4\xdeA\x95%)\x140\x14U]u\xc8\xael\\\xe5\xdd\xd3#\xb0\x86\xce\x19\xfe\xde\x00\x00\x03\xd7IDAT\x9b\x12\x16tq\x02\x11\x02\xe3\x8bCn\x81\xf5\xc7\xfb\xfbteqM\x17\xf7\xfey\xdc\xc9Q\xfc?\xd74\xa9Y\x95\x84\x85\xb4\xdea\x01\xe5\x9bEIHS\xc6\x82\x8bI\x95\xab\xe8\xae\xf6\xe4\x90\x84\xcd\xb8_\xe3w\x1d\xb0$(]\xb1\xe6\xb5O\x98a!+\xaa\x9af\r\x06\xcd,*SAa\x99\x867,\xcb\x9a\xd9}\x18\tF\xa5\x15$\xcb\xcf\xe3\xaa\xea=\x9a\x1c\x8e\xc1\xa2\x88\xdf\xe1\xdc\xc4\x1926y\xc5\xf2\xfec}}\x9f.\xed\xae\xe9\xde\x1f\xbe\x9f43\x08(\x03\xa45\x98e\xc1\x94\x17\x11G\xa4\x15\x9a\xbf;Y\x90\x9e*\xc9\x84r\xa4\x82$\xd5\x8d\x12\xf3\xd4CXY{MNAH\xc6\x9bIMdLLa\xa6\xef\xe9\xd22\xaeL\x97\xfe\xf4r\x97c``T\x01\x81y\xbb\x07\xa9Fe\xb6\xa1\x84e)\x8b(%ISI&lt;L\x8d?bPh\x1d=O\x8a\xc8[\xb5]\x1c\xe1\r\x10\x9a\xca\x04\x96$cnE\x99\x122\xc4\xe8\x12\xd5\xc5\xf2_\xbe\xdf\x92_\x1f\x04\xca\x08\x06Yl\x83\xa0\xa2a54\xac\x9c\x15\n\x8b\x8d\x9e\xb3\xcc\xee\x93\xbe\xe2\xbc\xf2\x19\x98vWVC\xacv\xfb\x12W\xa9\xe381uL\xfac\x1d\\2\xf3\xc7\x85\x9d\x1d\xc6\xd5ZY\xfe\xc5\xd7\'\xcdTB\t\xcc\x1ad( +i\x1ahk\xb9\r\x19\xf2\xdaZ\xcf\x9c\xd0\n\xe70\x12J\xb7;]\x1b\xaa.S\x81\xaf\xd5\xf5e_\xc7\x96\xaa\xda\xedb\xe7\xf5\xe9\xd3\x826\x17\xba+\x89\xa5\xad$\xad\x18gJ\xa4\xf5d\xed\xa7oN:8\xd1\xd9i\x057.\xe82\x92dU\xc96\xa2\x9eztl\x85\x9aV\x16\x94TK\x86\x14\x93\xe2\x19G\xfb,gy\x9a\x97q\xb5\xa3\xce\xeb\xe7\xe7\xe3\xda\xe6\xe6#\xd3\\Ll,\x11\xf6w\xd6\xafV\x7f\xfe\xddV\x93\xbf\xb3bWd\x11\xa0,1\xe1Vy\x1fK\xc6\x83%,\x01\x08K\xfb\xbb./\xe5\xdb0;z&amp;-\xb0(+6\x06\x93\xeb\xdf\x1c\r\x1fi`\xb1\x8ez\x04\x87\xb0\xee\xbd\xb9\xee\x06\xb8ZA\xe3\x00V\xb1e5\xec``\xbaLP\xd9\xebd\xb9\x91e\xba+\x94\xfe\xcaXTx~\xd6\xee\xf8\xc13\xcc\x9b\xbboZ\x9e&amp;\xadd\xd1\xeeL\xae\x9f\xf3d\xd4\xef\xeb\x87\x00\x0f\xc7\xf1\xd1\xd9\xe9\xf5V\'mDQd\xcb\x83\xc7\xa8\xc1K*i\xaf\n\xdb\x8aK\x1a\x0bl\xdb\xd5\x93\x8fk\xb5\xf3\xcd8\xa7\x9d\xed\xdc\x1c\xea2\x16&lt;\xe7\xa6\x8ezw\xbc\x85,.-\xa3\xc8\xa2\nd\xafN\x0f\xcf\xcf\xcf\x9f~\xfc\xf4\xfc\xf0\xf9\xab\xd7\x93f\x05\x8chf\xe1\xa9Q!\xa9\x81VU\xfb\xfd\x16\x8b\xa3K\xce\x8a\xec-\xa3\xc9Xf2x,k\xbe\x13\xb4\x8e\xd2^\xca\xcaaE\xac(h\xee\xf22}\x0b\x97\xe7\xcd *\xe2\x86%\x07s\x94\xb8\x0c\xaaR\x91\xb4\xa0d\xb7)\xcbL\xd40cYs~v\x950\xcb\x92M\xa0\xe5\xe4\xdd\x0c\xfe\xac\xbd\xda\xb7\x02SZ\xd1u\xe9)\x8a\x89\x7fDE\xf3Dq\x8d\x94aU\xc4\x14\xe8\xc8bo\xa5\x8d\x9c\xa5\xa7\x9fPz\xcc\x9dSN\xde\xee\x86\xe4;3,\xc7\x0c\x0f\xc7\xec\xc5\xdb\xa8vQ\xc3!M(\x91\xca"\x89\r\x7f\xba\xec\xb0\x8a\x0c\xafJ\xa0Q\xe1\xc7T[^\xae\xb4\x1a\xb6\xd6\x107i\xad\x8c\xe5\xcc\x92h\xe4\tg&amp;*\x8e\x13\xe4\xf5\x0e\xcb\x94*[\xedb\xf6$\x92gx\x8a\x18m\x19\x06J1\xed\x1e\xa0\x8a\x15;\x1b\xf2\xc2\xb2BM\x0b\x9d\xef\xce9\xb3\xac\x9b\xe8\xf4i~\xe2v\xc2j\xd8\x06\xcc\x9c\x80r\x14\x7f\xbbD\xd66U+\xdeR\n\xab!\x93\x8b\xe3\xd4\x98\xe4)\xe7\x99\x9d\xea\xc5\x83\xb4|dY7\xd7\x82s\xceM\\\xb7\x1e\xb9\xecf\x85pU\xdb\xe1\xed\xadhHy\x7fiF7"\x1a\xdd\x86\xd6\rQ\xb1\xdb\xf5\xa0,\xfb6+\xd2\xd3\x8fa\xfd\x0be\xd5A\x90Gnq\xef\x00\x00\x00\x00IEND\xaeB`\x82'</t>
        </is>
      </c>
      <c r="M530" s="3" t="n">
        <v>45492.67842592593</v>
      </c>
    </row>
    <row r="531">
      <c r="A531" t="n">
        <v>1463909</v>
      </c>
      <c r="B531" t="n">
        <v>1984</v>
      </c>
      <c r="C531" t="inlineStr">
        <is>
          <t>Newton</t>
        </is>
      </c>
      <c r="D531" t="inlineStr">
        <is>
          <t>Newton</t>
        </is>
      </c>
      <c r="E531" t="inlineStr">
        <is>
          <t>MC</t>
        </is>
      </c>
      <c r="F531" t="inlineStr">
        <is>
          <t>MC</t>
        </is>
      </c>
      <c r="G531" t="inlineStr">
        <is>
          <t>MC</t>
        </is>
      </c>
      <c r="H531" t="n">
        <v>188</v>
      </c>
      <c r="I531" t="n">
        <v>8</v>
      </c>
      <c r="J531" s="2" t="n">
        <v>36596</v>
      </c>
      <c r="K531" t="inlineStr">
        <is>
          <t>Right</t>
        </is>
      </c>
      <c r="L53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7&lt;/Attrib:Created&gt;\n        &lt;Attrib:ExtId&gt;7b6a5003-e881-4ae7-be89-8588649c1a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2V~\x17\x00\x00\x03\x00PLTE\xff\xff\xff\x18\x19\x14\xfd\xfd\xfd$%!\x10\x11\x0c\x15\x16\x11"#\x1c\xff\xff\xfe\x13\x13\x0e\x1f \x1b !\x1e\x1d\x1d\x19_&lt;\x0e\x0e\x0e\x08b&gt;\x10\xed\xc26U4\x0eY6\t\xe7\xb81\x8fd8\xa2xNkF\x1a\x14\x13\t\x9aoE\xe7\xb2.\x18\x18\x0f\x88^3\xf2\xc8&lt;hB\x18\x83X-{R\'\xf1\xc27\x94i&gt;\xef\xc59\xa9|X\\:\n\x1b\x1c\x16\x87W/oH\x1b\x8fe?\xa0tG\x7fV2\x95d;\xfa\xf9\xf8\xeb\xbb1\xdf\xa4)\xed\xbd4qJ \x8c`6\x96kC\x9epF\xa8}Pe@\x13Y6\x12\xf3\xcc@xP\'\x1d\x1a\x0f))%\x9dsLjC \xa5{QuL\'|O,~V*\x81R+\xa1uL\xac\x80PuM\x1f\x84Y5\x88`&gt;\x91e0\x97fA]8\x12\x9ajE\xa3|Y\xf6\xc5:\xe1\xab*\xa3vIc?\x1bT2\x08\xab}]!\x1e\x13\xe8\xbd5\xe0\x9b\'M-\x0b\x9foJ\xb8\x92npE!b;\x15\xac\x83bxP!\xa6yL\x87])\xf5\xf4\xf3\xa6vS\x98nL~T"2&amp;\x10g&gt;\x19\xaf\x80_\xe1\xb12\xb3\x8bk\x8da-\xa6xW\xeb\xb6.\xa3rN$\x19\x08\x98k3\xe3\xb70\xed\xc01\xe8\xa6,;#\n)\x1f\rP5\x1a\x90lN\x91`7\x91gF\xea\xab.\xef\xb62\x9aj&gt;\x8d[2\x89[:uJ"\xa6zE\'&amp;\x1c\xf7\xca&lt;\x1b\x16\x08\x9emB{K$\x90^=\xec\xb10&gt;(\x14E0\x1a\x7f\\&lt;\xb1\x86c\x9fvR\xdb\xa7+3+\x1d\xf1\xc3/\xab}H\xe3\xaf)V&lt;!sR4\xf7\xce-\xe5\xa0)\xec\xec\xe8\x9eq:\xad\x87h\xb3\x88[\xe4\xe1\xdc,.,\x83Y#\xa5\x82_C)\x08\xda\x9f%\xf7\xc51wF!dD+*"\x16\xf1\xf0\xed^:\x1c\x80bD\xb3\xb3\xb05!\t\x88fF\xac\x81XiL4G/\x0f\xf4\xbe6I7\'/\x1a\x05\xbf\x9f\x82\xa2\xa1\x9b\xef\xbc.o@\x1b\xc9\xca\xc9lL#A;1\x8d\x8a\x87\xd9\xda\xd9\xdb\x97$\xbb\x98v\x95\x96\x96\xb0\x85S\xe3\xe5\xe6\xb0\x95~\xe6\xb7%HD:c[RUVU;3&amp;_D!mF+\xb6\x8de\xea\xc4@\xd3\x94"tZC\xc0\xc3\xc3\xbc\xa9\x91&lt;?A\xa4w?\x7f\x80\x81\xb0\x8f$GKN454\xad\xaa\xa2\x9cnT\xd5\xcb\xba`dg\x80zs\xdd\xb5(\xda\xbek\xc6\xb6\xa0\xe2\xda\xcfSB0\x9e\x89s\x9dvXrnf\xb6\xba\xbdVJ&gt;\xd9\xb0,\xd3\xd1\xce\x82gS\xd9\xb6@\xc7\xbd\xae\x8ct]\xe9\xc2)\xc2\xa3.\xd4\xc0\x80\x95p\x1d\x99y_\x08\x08\x04\xd5\xc3\x94`RE\xe3\xbeUpdY\x9c\xa3\xa9mry\xc0\x95#\x7fP=\xa4k`\xaf\x8cu\xf7\xd2G\xde\xcf\x96\xef\xda|\xce\xa8*\x9f\x85%\x95`Pvd"\xee\xe4\xb6\xa7wm\xae\x7fu\xed\xce[\xef\xeb\xd6\xee\xe2\x9c\xa9\x8a&gt;\x8d\x06\xc5E\x00\x00 \x00IDATx\xda\xcc\x98\xd1O\x1a\xe9\x1a\xc6\x9d)\xe3L\x97e\x83\xa9N3F\x8d\xe1\xd0R\xe5\x82\xca\xa9q\x84\xc2\xd6\xac\xc4B\xb2\xd8I\xb4\x94\x9c\xb0\x1cl\x8c\x91s!X\x13-!\x08\x81\x96\xcc\x05&amp;\x86\xb8\xb1\x89\xa2\xa2\x07Cjj\xc1l\xd3\x06\x96z\x81\xd9\x98]7\x87\x1b\xaaK4\xe9M7\xc6+\xff\x83\xf3~3\xf6?\x00\xdb7\xc1\xe1\xc2\x84_\x9e\xf7y\x9f\xef\xfd\xa6\xae\xaeZ\xa5\xdeY\xa9\xfb\xea\nwl\x1f%\xd5d]\x1dYG\x92_\x0f\xd5N\xb6R\xc8\'WH\x92T\xcf\xab\xbf\x16.\xf2\xed&gt;\x8fa\xf5\x99\xec\xce\xc2\xf6Vv\xcfA~I\xc5H\x1cu\x0c5\x0eO\xe6X%\x811|\xfe\xacR(\xe4\x0f\x16\x1c_P\xb1\x9dm\xb5\xfa\xed\xce[\x07\x8e\xef\xe4Y\x8a\xc00\x8ca\x18ZB\xd3\xbd\xf9,\xea\xe7\x17\xc2:(\x1d\xec\xff\x9a9\xdbJn\xe59\x02\x8aB\x1f\t\x05x\x98?\x97\xc4\x91\x92\x97\x8fF\xd6%3\x99z\x86\xb8\x9a\xc9\x14XZ"\x01&amp;\x0c#(\x99\x84\xa20\x82\xe1\xf2{\xf3+\x0e\x87\x1a\xbft,r;\x13@\n\xd1\x1cGKd2\x02\xc9D\x10\x12\xc0\x92J\t\x82\xab\x1c\x95\xb2\x07\xc9\x9dK\xe7\xc2\x93\x85\x00\x05*Q\xd09\x04\x03O%\x86\x1e\x98R\t\x84\xf5,\xcb\x16*\xd9\xcb\xccX\\\xedp8\xe6K\t\x80\x90\x10\x82D\x80%\x90\xa1Nb\xe2_\x0c\x00\x13\xf9c\x9c\xbc\xbc\x98\xca\x1e\x1d\x95\x8e\n\x18\x81\tX\x94\xc8D\x11\xe0w\xe4}\xd0\x0c\xd8\x80\x8bbr\x7f]\x1a\x16\x89o\xe78\x9a\xa6\xd1\xcf\xa3\xd6\xa1\x19D:\x81f\x00\t\x8d\x04N\xa5\xc0E`\xfc\x81\xe3\xb22\x0c\xc7\x93\t\x065\x8cB\xa6\x82\xfe!"\xf8\xc8\xd0w\xd4;\x11\x15\xfd\x07\xa6\xcc\x1d\xed\x1f\xcc_\n\x17\xeex\x93\x10\xbc\x0e\x14\x12\x80\x01\x0f\x89H2\x99\xe01\xd1\xfe\x17^\xc3\xa4\xf5\xb9\xbdK\xc8/\xd2\xf1v\xaf\xc2\xc0\x8f\nF\x97\xfd-\x93\x89_e\xc2G&amp;\x94\x04i%#\xae"\xf7K\xbf\xa9\xdfw\xd4\xdc`\xa4:y\x96\xa1%\xa2P\x17%\x11\x03\x82\x12\xb5\x13\x05\xa4\x84\x86\n\x03 \xfd#Yk.\x92\\yS\xa0/@\x046\xc9\x05\x99`)\x94Z\x82\xeb`D\xc5.\xa2\xb3RY\xd9\xda^\xc1k\xaa\xd5\xca\x02`]\xf4\xec3\x96D\xc8\xd0z\x7f\x82c\x85\tTb\x17\xa9qq$I\xfd|.[C\xdf\xe3\xea\xbd\xd2Q\x8e\x11\xfa\'\xc8$\x11g\x8e\xe0\xb8\x04\x1f)D"|\x02\x8ac\xa5R\xa5 \x970\x0e\xa8\x93\x14w\xbaP;\xb9`\x83aD\x9d\x04C\t:1,\xc7\xf3\xe9\xd82\xaa\xd4r\xcc\x1b\x8bE\xc2\xae\x04\xcfs\x18%\x0c&amp;&amp;D\xbe\xbf4\x8f\xd7l\x06W\xb6xZ4\xd3\xdf\xe2\xe0\x11\x9c+\x1c\xf6Z\xf56\x9f\xc1g0\xf4\x18^\xbf6\x18\x0c\xbb\xbb\xcb\xefc\xde\x88\x8bc\xc4e\x07\xf9\x8b;}\xb3]\x9b6\x92\x8e\x83R\x8e\xf9&lt;~\x82N\x1eW\xa4\xfb\xd1\xc8+\xa1\x96\x96\x82A\x9f\xaf-\x18\\\x82\xf2-\xd9\xf4\xb1p\x82C&amp;C\x01\x0b\x8d\xf6\xe7\xde8\xc8\x9a$\x03\x04\x032\xb28xnW8\xe2\xed\xbe\xff\xe8\x02\x0b\xa8\xee]Tp\t\xa1\xd9l\xabH1\x0e\x1d\x91`3x\xe4vj\x815\x7f\x16@\xcb\xa7\x80EQ\x1e`BP@\x85\xe4\t\x02\xd4\r\xa1\x042#\x88f\xb3\xe9\xf5Vo8\x81\xce&amp;\x94c\xb4\x7f\xab\x16r-\xe4Y\xe1\x18DT\x84gS\x0eP#\x8fFF^\xf9\x82P7&gt;\xd7\xcc\x8d\x1b\xad\x08\xf0\x9e\xd1h\x00\xdc]k$A\x089\x06\x06\xcbmW?U\xc9\xe3S\x0f#rI(OX.GJ\xb5\xe8\x9bl\x06#\x085#\x10\xcd\xcc&lt;\xb9=s\xbb\xb9\xf9\xc6\xd3\xa7O\xfb;\x8c\xc6\xa5\xa0\xcff\xf5\xba\x85X\x85q\xe4\xb2+d\xd5\xad\xb5\xe5b\x19\xe1\x84\x91I\xd8\xf0\x90\x1c\xb4\x1aii\xb2\xf9\x82mF\xa4\xce\xcc\x13T\x9d\x9d\x03\x03O:C\xa1\x81.\x95\nq\x19\x82A\x9b&gt;\x12\x90@\xd7\t\xa9\x92\xab\xbe\xeb\xc9\xb7GnZ\xd8\xd4e2:\x11\x91w#\xaaW6M\x0fh\xd5\x8adBL\x00u\xddl\x1e\x1e6;\x9d]S\xa1\xfe\xfe\x0eh\xe5\xd2\xabU\x17:\x16$\x98\x94\xe0`\x99\xa8\xf2\xea\xb7s\x8a\x1c/C\x0b\x0b\xeb\x02gY\xf5\xd0@\x9b\xaf\xa7\r\xa8\x90V\xd7\xda\xdb\x07\xa6\xb5\xbaa\x9dN\x17\xb5X,\xba)\x95\n\x1a\xd9\x01\x0e\xd3{\x03Hc\xec*\\\x88\xb2\xd5\xdd\tI\xf28\x13`\xc4]\x8a\xe2P\x0f\xad\xfa&amp;\x8d\x06z\x88\xb8\x00\xec\xf65$\x96\xb6\xafO\xe7\xd4E\x0f-\xd1?\x9dS*S\x7f\x7f\xbf\x11Fr5!b\xc1\xfd\xf6\xd7\x85\xaab\xa9wJ\t\x1a\xedU\x90YlbS\x8e\xb0l\x1a\x8d\xc6\xe7\x03s\tmDMl\xbf&gt;&lt;\xec\xec2;\xfft:\xa7\xa0T\xa6\x10\x18l\xc9f\x8d\xb0hm\x84d\x95\xe6\xf6\xd4\xd5=\x0c\x0b\x01ZX\x18\xe0\\vm\x0e\xca\xef\xebm6\x8d\rJ\xe3\x13\xba8\xf3\xa4sz\xc0\xac\x1d\x1e\xd6\x82\xbb\xba@*(\x13\x0cd\x07\xc8\xa5\xf7&amp;\x18\xf0\x96\x12cX\xfeh\xa1\x8e\xac\xe2\x18z\x80\naQ\x0c\xc3!k\xdd\x1fA\\H\xad6\xc1\xf1\xd0B\xb3yvV\xab5\x0ft\x0e\x84BS\xaa\xa7&amp;\x93\xe9)t\x11\xb8l1\x9e\x81\x84\x80}\x87b\xf8d\xf56hr\xa5\x14\xa0\x85q\x82\xdcb&lt;\x13Ch\x10\xf5\xd0EC[[+j`\xe7\xf4\xec\xec\xec-\xed8\x94y`\xa0\xf3I(\x14\x02\xb1B(\xbe \xf1m\xde0+\xbc9A\xe7h\xa9z\x91\x8a/\xe4y\xe0Bo\x1a(\x9a\xf5\x84\x87\x06\x91\xb7\xf4\x9a\x9e{\xad\xcd\xd7\x80izz\xf6\xc7\x7f\xfd4&gt;\xfeS\xe3\x98b\\\xab\x9d\x9d\x05\xc9B*\x13\xeab?\x84\x97\xcd\x1a\xe6\x18tS\xa3)6\x91\xad\xa2\xe7WJ\x95\x04p\xc9hFB\xbb\x91Z \x97\xde\xd0\xd3\xd1\xd1\xacjo\x9f\xd5\xcej\xfb\x14\x8f\x15cc\x8a\xc7\xcf\x9f?\x18\x83\xe7]\x08\x8a\xe1.\xd0\xcb\x04j\x19 Q\x13J\xb4IHh&amp;\xb7]\xc5k\x10~\\\x8a\xb8A-\x9a\x92\xb0\xae\x89\x17r\xc0\xb2\xdaz:\xfaM&amp;UWW\x97N\xd7\xf8 \x1e\xb7?\xb7?\xb0\x8f\xfe2z~~&gt;jW(,Q\xdd\xf5\x81\x90\n&lt;o\xf4\xe9#\xbc\x12\xf2\x81\xa0i\x7fus\x1e?&gt;s\x01\x17\x14;\x01-\x84\x13\xb1\xe5\xf5\xdc\xb3\xb5\xb5\xb5\x8dI(gt1&gt;\xfa\xf0\xe1(P\xbd\xfc\xe5\xe5\xcbw\xef\xde\x9d\x9f\xc7\x17\x0f\'a\x1aC\xa8\x8bzo\x84c\xeb\xa5\x0c\xcd\xe6\x17\xaazZ\x93\xea\x83t@\xc0r#\xad\xe4rX\xa6\xd2\xe5r\xb9R&gt;-\xae\x01\xd8!\xe2\x1a}\x0eX\xc0\xf4\xee\x83X\x1f\'7`\x1c\x8d\x06\x83O\xefu\xb3J)\xc3\x14\x0e\xd4\xd5=|\xc8\xbd\xb2\xa8\xd6\xfa\xd0\xe0\xa0\xbc[\xbe\xe9\xe1x\xbf\xbf\xb7\xd7\xcf\x172\xe5Jq\xd2b\x8f\x8bj\xbd&lt;\xff\xf0\xe9\xec4\x0futV,\x16\xe7\x9e\xf5\x03\x97\xde\xeba\xd9z6\x93\xadn\xc8\xd7\xe1\xe4qE\xc0\nL\xc8\x1b\x06\xe5\x9ba\x8f\x07\xdd\xbf\xd0\x9a.\xad\xef\xe5\xd3E\x9d\xc2\x1e\xb7+\xec\xa3\x0f\xdf}\xf8\xb8V\xc9\xfc\x8c\xea\x8f\\%W^\x9eC\x9b\x845\xecf\xb9\xccA\xd5\xf7@XN\xddh\x14\xc5\x1e\xae{\xe0n\x93\x86*\xf0\x1c\x0bW\x9ftjC7\xf6_\x05L\xe2h\xfc\xd3I9\xcd\xfb\xeb\xaf^\xf9\xa6\xb7\x97\xcfd\n\xb1\x94\xd1h\xd4G&lt;L\xa2\xfa\xebV\x1d\xbeRb\x91X\x9e\x17\xf2\xc1\x86\xc1uW$\x96*\x16\xd76\xd6\x8a)\xb8\x80\x85\xc3\xef\xe7T\xba\xbe\xbe\xb1\xc7\xf6\xb8e\xb2X)\x03o!\x93\xcbe\n&lt;\xefO\xa4w{ Q=\x81\xc2_5\xb8\x93\xa1W\xa5\x80\xb5&gt;\xd4\xd0\x00\xce\xf2\xbe\x9f\xeb\x80p\x80\x1d\xe6p\xb2\x03n\x87\xab\xbb\xfd\xed\xe6q\x8b\xdd\xae\x88N\x02\xee\xda\xc6\xc6\xe4G\xa8\x93\xfci\x99\xe7c\x86\xa0\xa6\xdb\xe5\xce\x1c\xd7`\x95\xc7\x1dYO \xe0\x9e\x10\xb0\xe4\xd6\xd7=\xad\xcd\xed\xb7\xee&gt;\x7f\x08sw\x92Z]\xb5\x1a\x9a\x07\xc6\x1f\x8c\xc6-pJoLM9\xd1\xd2\xb5\xb8\x18\xff4yr\x9a\xf6\xf6\x04}\xab.Oe\xa16\x172\xfe\x02\xeb\xdb\xef\xee4i~\xf8ws\xfb\xf5\xe8\xe1\'\x94\x04\')owKk\xa7V1:\xba\xe8\x84Cz\xca\x19U\xd8\xed\xf1x|\xd1\x12\x9d\x9c,.\xf7\xf4\x00V\xa2T\x93{"\xbe\x9d\x0e\xa0\x83\xa7\xe1\x1f\xdf~\x07\x1b\xa0\xa6\xed\xfbgs\xc53\x88\x81\x93\x93\x93bl\xa8\xdb73\xfd\xe3?\x15\n\xa7\xc9\x04ju]\xd7Y\xe2\xe7q\xfbXc_tj\x0ea\xad\xf3I\xbcFXn\xf7\xfa\x0b\x84u\xa7\xe9f\xd3\xcd\x96X\x8c\xe7\xa4W~\xce@\xa2\xce-\xc3\xa6\x13\x9c\x99\xd6\x0e\x8f;76\x9eu\xcc\xa5R\xa9"x\xeb\xf0ncc\x9fY\xf5=R\xebt\xbe&amp;/\x05\xf1\xe3\xb2\xc73\x81\xb0@\xac\xa6\xa6o7]\x1c\xdcg~\xfb}\xff\x7f\xe9rj\xd9z\x7fdif\xfa\xd6\xac9\xfaicn9\x16\x81\xe4\xf0\x17NO6t\xd1F]{k\x9b\xe6\xfe\xe6Vm^U\x92\xf3G.\x11\xeb\xce\xcd\x1fZ\x1a^\xb8\xd9\x8c\x9ff\x94\xbf\xed\x97\xf2\xe9\xc8\xea\xc8\xa3W\xc1\x99\xff\xc0\xd6\xe5\xb4\xac\xc5"\xe9|\xee\x8a\xf4wi}!\xb5;\xd5\xd8\xf7\x7f^\xcd\xef5\xad4\x8d\xe3\x837Yv]1\x18G8\x9cs\x10E\x8f\xc7\\x\x8e\x8d\xb8\xf8#G\xc7\xb8j \xd1\x0bM\x8ci\x8f\xad\x12\xe4l/:1BL\x16\xc6Hr\xcc\xc5\x12!\xa4\x81\t\xd4V\xb7\xc6\x12\n\xd9L\x97\x0e\x84\x99]-t\x02e\x19C!\xe9d[\xa6\xa47)K\x17\xd2^\x05\xd2\x9b}\xde\xd3\xb2\x7f\x81\xfa6\xb9\xe9M&gt;&lt;\xcf\xf3~\x9f\xe7\xfb\x9e\x87\xc5\x00\xab\xf1\xf7.a\xc9~\xde\xb9/a\xe1\x16\xdfP\xf4\xd62\xf4\xc4\x9d\x9dW\xef\x90\x1e\x94SA0\xfd\x064\r\x06r\xb5\xc6\x8b\xff\xbc\xf9\xe1\xcb\xdf\xfc\xf6w\xff\xfa\xe1\xeb\x95r\xd2\xabaHK\xfcM\xd7\xde\x03O\x9b\xf7\xb7\xb6\xc2\xfdr5\xc9\xa9\xabA[\xb3,\xfaa\x80x]\xab\xd1\x93\xf1\xf8\xee\xee\x1dO\x1e&amp;\xc2\xc0\x02\xdc\xbdr\xa3\x02\r\xe0\xbb\x7f\x838\xb4r\xab\x0e\x8c4\xca\x7f\xb9\xd6\x1d,\x99\xectM\xc2R\x189\xcc\xad\xc6\xe3\xe3N7=2\xe2\xaf\xd5EK*\xb5\xbb\x8b\xdf1H\x0e\xb6\xb8P\x17[\xe5\xb2\xf8\x1a\xd4\xf4i\xd9=\x9c\x1b]\xc5H\xb5\xe2\xa0+_\xcb\xfa\x067\x7f\xfd\xf9\x05\xe4\x10a\x91\x84\xddG\x920\x9c\xfa)*\x97\x1bq;\x01+\xb5\xeb1\x17\n\xf3\xe04\xc0`\xd4\xca\xe7\xfe\\\xfb\xec$\xeb\xf7\x17\x93\xa3\xab\x0c\xa9\xc6O\xbb\xf21Cv\xfa\xba\xd2h\xccF\xa5\x8aO\x90\x1c\x0c\xf1Z\x8d\xd7\xe5\xd5h\xb1\xe1\xc9\x14:\x8b\xe6\xb1\xe9\xe9\xe9\x989\x14\xc8\x17s\xc9l\x0e\xa606\xc0\xc2\xf4\xecrQ\x9cz\xefWY\x17dKv\\\x1b\xaf*\x95\xd1h4\x0c\xfa\x90 \x81j\xde4=V\xd0\xce\x19&lt;K\x93\xbb8\xd4\x96\xc1\xf4U\xfa\xf6\xed\xdb\xb1@\xac\x98/\x86\xda\'\xa3\xd2q94^/\xc5\x19\xe9cY\xe7\xb3\xd87x\xa0\x8c\x06\xe3A\x1b\x8c\x0fH\xe3Q\xb0\xe0\xd6\x99\xe7\xf2\x06\xc0rO\xe2\xf1\xd4\x121\xf0d\xe2\xe1\xc1\xe3t \x80\xacbH\xe0\xd3\xa5\xa9\xa9H\x86\x174Z\x15a\xa9\x1d\x1e\x1e\x1d\x0fv:X\xd7~\x89\x86\x83\xf1\xd4\xb8-lC\x1d\x91\xe4 \x87\x00\x95\x87\x1f\x83\x87\\\\\xf2\x10W=\xe6\xed\x89\x83\x83\x89\x92\xabX\xcc\xc4\xc0\xca\xc6\xf8\xedR)\xad\xe3\x85\x10\x83\x11\x16\xb7\xe8^\x1a\xdd\xecp\x1ee\xebo\xc2\xc1\xa1Eu\xca\x16\xee\x0f*\xa0\xb8\xb8\xab\x18\x83^\x1d\x10\x16\xb1t\xfd\xe6_\xfe\xfcGbn\xfa\xc9\xc4\xc4\x93\'%]L\x88\x0818\xfcv\x1al\x9a\x10Ra\x84\x8f\x04+\xeb9\xeap\xd9\xcb6\xc5p0e\xc4\xf1~H\xa2\x1ca\x11X~n~\x1eq\x19\xc8\xa5\x9b\x9a\xf2\xca\x8d\x1b\x8d\xe9\xdbO6\xb2\xb5\xd1\x89\t]d\n\x92\x07\xff2\xe9\x88\x0e|6c\xb0c!\xb3gw\xbf\xc3\xcfH\xb2\xc3qe0\x05=\x1aaA\x12}$q\x15\x03\x91\x9a\x9f\x87\x92\xdfM\xdc\\{\x0b\xe7\x06\xfb\xd5v\xed\x0fo\xff\xf4\xe2\xe4\xb6n\xa6\x04@p2\xba\x08\xaf\t0\x84\x9d\x8a\x15\x8b\xf9\xfd\x0e\xfb\x1e\xd9i8\x9c\xf2\xf9p[\xf8\x13\x16\x84\x0bj\x1e&lt;\xbeu&gt;\x7f\'\xb5d\xae\xdc\xfd\xe6\x9b\xe5(]`\xcfw~\xff\xf6\xcb\xea\x15\xf0\x1a3SS\xe9t\x1a,6\x1f\xd3b\x04\xc7\xc6\xe0&amp;|\xb8\xd6\xe1o=G\xd1\xa0\xcf\xa7\x88n)\xa5!\x107\xfa\x12\x04\xa3-\x14L\x82\xc0\xbaS\xa9a\xbf\xd8h\xb5\x9cw\xf2\xd4\xea\xc9\xeb\xa7\xe7\x0b1\xb0\xd73\xe0\xb3?\xdfDVe\xe0(\x16n\xe8hgwI\x10V\xca\x87\x87\xb7\x94\xf1~4n\x01\x97\x85\xc4\xa01\x8f\xf1|\x92nUmUg\xabQ\x16i1\x0bj\xd5N\x16\x93\x004#\x81Et\x19/\x12\x08\x8e\xd2\t\x81Pl\xb3\xa3X\x90D\xa5\x13\xb7E\xa3\xe3j=\x1aN\x87p\x18\x9a\t\x95\xb90vE`\xc0\x06\xb6\xaa\xd5\xe6Z\xe3\xf5\xd9Y\xfb\xec,{N/\xf0\x91H\x1aL\xf6\xc6\x0c`\xe9\xbcV\x96"\x08\x7f\xa9\x04\xaaq\xdca\xac\xe3\xb2\x13$\xbe\x8a\xab\xe5\xa8\xb8\x14\xb8Z\r\xfd\x9a\x997\x8d\x05\xd0\xa7\x01{emm\xad\\?;\xab\x8b0\xe5d\xdb\x82\xc0\xebJ33\xa5\xa9\xb4N\x18\xf0Z\xb5\xaa\x11\x8aM?\xd6\x15;\x8e\xb5~6\x1e\xdd\xaa\xb6\x9cx\\\t\xddG\x81C\xb8\xc0\xfa\x98\xad\x05$\xf3\xee\xe6\xec\xcaJ\xd3\x9fL\xb6\x93\xfer\xa5Q\xcb\x85@\xe3#p\x19AL\xbd\x03\x90D?\x9d\xf3\xea&amp;\xd2\xc3\'\x1d\xdeS\x92\r\x1e8\xa3\xb7l\xcef\xb5\nX(\x8b8\\F\x839\x907\xd0\xc3\xee\xe6\xdaZ\x83.\x06B\xe8I\xbe]\x879^dQ\xef\x01\x89p\rxMV\r5B;2\'\x91\x99\x91\xfd\x8ew\x9fCz\xd2\x16\x1c\x8fFQW\xd4+\xa0\xe8\xd5\x80\x05\xa2\xe5\xb1;\xabU\'M\x15\xe1\x04\x92\xed\x93L\xe4$[i\x89\x14(=\xc4jzlL\xa3\xd1\xa88z\xf5\xc3T(b\xee\xb4\xca\x7f\xd1\xb7YW\xab\xf1\xc9\x148\xd70*z\x88\xd7"I\x10\x1e;\x84\xaa\xea\xa6iz\x04\x9aK1\xd9\xce\xb6\xdb\xa3\x91\xacX.\xfb\xa1\xf5\xe8\xf81\x93\t\n\x1e\xb3\xd3S\x0f7\x8a\x81\xccq\xc7\xc7\xf9\xc1\xfdx?`\x05\x95\xe1\xb0\x1e\x8aK\xae\xc0\x8dv\xcen\xdf\xab\xac5\xcb\xc3\xad\xc9a\x9a^8_(\xe6r\x17\xd9\xf6E{\xb4\x0e\\^\x17/\x8cY5\x1a\x96!\xdct=G-\xcd=\xee\xfc\x97\xa8\xbe\xe3\x9a\xdc\x99\x8a\x07\x83Rm\xa1\xa3N$,\xcefs\xcf\xdd\x1a\xafVZ\x95\x16\x0c\xca\xe7p\x16\xea\x0b\x0b\xd9\x93zY\xcc9\x04\x93\xd5\xcaj\xb5\x08\x8b\xa6\x02T\xec\xa8\xf3\x03*\xb4E,\x1e\x8c\xe3\xf1\xcf\xd1\x92\xcbq\x8b\x05oV\xc4ruvvv\xe7\xd5\x8f\xef\x9e=z\xf6\xfc\xd9\xf3w\x8d\xca\xf99\xed\xcf\xd6EJ#X\x0b@\xa5\xc28\xbb\x9f\x12(:{\xdc\x85i^6x\xe8\x8f\xe3F\xbc\x15\xd4\xcb\xe5\n9h\xbdQ=\xde\x14\xc5\xe6\xf2\xf2\xf2\xce?\x1e}\xff\xfd\xcb\x9f\xfe\xf6\xf2\xe5O\x7f\xfd\xef\xf3W\x95J\xa5U\xaf\x89I\x93\xb5\xa0U\xa9\x18\x8c\x1bq\xf8\x1d\xc9\x91\xfd\xaex\x1f\x88W\x96\x16\xf7\x0f\xf7\xf4\n\xf9\x90\xa2_\x0e\x97Q\xcd\xb1T\xe3\xee\xdd\x7f\xbej\x9c_\\\xbc\xbf\xfc\xf8\xf1\xf2\xfd\xfb\xcbG?\xee\xec,7!^I\x89J\xa5\xf2\x93T$\x99K\xae\x1ewg\xa3\xa5\xafo\xfd\xf0xp\xbd\x06\xc1\x1aR\xe8\x11\x96\x05c54\x8a\xcdp\xb1\xfd\xfe\xf3\xb9\xb8\xb8x\xdah\xd4X\x87Fc-\xcc\xab\x18F\x85\xd1p-\xb5\xd4Q\xb7\xf6l\xfadp\xae\xed\xcb\x91n\xc10\x08w\x11\xd3j\xb9=g\xabu\x8eb\xf5\x01=2\x7f\xbc&lt;i\xc3mt\x0c\x0c\x98\xa4\x1c2*\x15\xf6\xed\xe1F\x80}\xd8\xbdMT\xb4I*\x83,\xa2p\xc1\xaf\x91\xc4\xd05\x9bt\x0f\x8f\x04\xda\xef/!\x89\x1f?|\xbc\x8c\xc0\xd4\x90qA\x8b6Y\xa5`\xa9T\xa7\xb2\xf5\xc3\xc3{\xdd\xdd\xa9\x04a\x95#\x85@\xd3`\xe2*\xfc]P/\xdaPD\x9f\xc5.\xda\xedL\xa4\x04\xbd\x10\xcd\xa5\xdb\x03&amp;\xabv\x8e\xc1T\x8cF*\xaa.op\xc9\xee\x9d\xe9?c\xe1&gt;\x82a0\x03A\x10\x8c\x8aA\x1f\x9d\xe8\x85\x10\x1f\x81^\x08\x01\x03,+\x0cZ\xa8\xb4\xbe\xbd\xd7\x83}]\xd9\xe0&gt;R\x07\x05\x1ao`\xb8\xc1\x18\x06}x\r\x84\x1c\xc9\\\x8e\x8d\t:\xc0J#,\xd7\x80\x95e\xcd\xc0\x85\xed\xf7b\x99\xb2\x0fa\xe9%\x9d\x1f\xb2\x80\xbb\x06.s`\xbe\x00&lt;\x11D\x94.\x819D]\xda\xe5\xd5\xb0Z3\x14&lt;q\xd0\x8b\xd5fp\xb2z\xfd\xff\x8b\x8b0H~q\xde:}e;\xfd\x89\n|\x058\x1e\x84\x85\xa8TWGN{\x82\xb5\xfeF\x0f\x03\xbd\x02I\xfd\x90\x8f#9\x032\x8c\xb1i\x9e\xcf\xf0`\xbf\xd2\x10\xab\x0c\xbf\xcag\\h*U\x99\x19\x0e;\xee\xc5"e\xdffV\xde\x0f\xfeG\xc22&amp;\x12\xa4\'?g.\xc4b\x02\xe2\xe2u\xe9\x12\xd4\x15\x18\xd7\x01\x97\x83\x85\xc2\x82\xce3z\xaf\x17k\xa72\x10\x08\x14.\xb9T\xf3\x16\x9f\xddc\xc8C\xc5\x03V&amp;\x02\xc1\x9a\x02,^\x10\x1c\x0e\x14,\x0c\xc3\x88\xeb\x07\xd7z\xb0\x05\xde\'\xdb\xac\x01\x16\x94\x97\\\xf2\xb1F\xb4o\x00\xd5\x15\x122\x91)\xf4\x89\x00y0\xe9\x05B\x03\xd7\x103p\xd7\x8fz\xb24\x0fX\x88J\x8a\x16p\xa9\x8d\x8b\xa4\x871\x9b\x03\xbcN7\x85\xb8\x908\xf01\r\x1bB9\xc4\x08{o\xb0\xa4h\xf5K\\\n\xd4\x1c\xc1\x03-z\x18p\xcc\xab\xd0r2\x99\x08`EVWs9\nM4PY\x89D\xcf\xa2%\x07\xcb\x8f\xaaK\x8f\x0c6\x1a$8\xe0\x122p\x13\x01k\x03\x86\x18Q\x14\xfdPW\xa0\xffv_\xe2\xa0G\xd1\x12\xf5\xb60\n\x97^J\xa5\xd2\x16\x1f\xdf\x1b^\x08\x08\xe8"\xf2\x99\x8d\xd1\xa4\x1f\x1cF\xa5l\x87\x9e\xc4\x91vKo\xb0\xbe\x90\xb0\xd0[\xa5\x1c\xa2\xd5\xdf\xaf\x0cG\x1f&lt;\x98]\xdb#\xcc!\xab5\x16\xf3:rb\xa3Qy\x01\xffCr$\x99\xb0\xb8\xc9\x1eF\xeb\xd3\x83\x12p)\x1f&lt;\xb8u\x1f\xed\x9eVq7a H\x12\x1c\xf6\xce\xca\xca\xf2\xca\xec\x9e\x1d\x8ee\xcfN\xf6D P\xb4\x82J\xa5\x12\xbd\xcf\x83\xd2+\xb7n|\xfd?^\xce=\xa6\xad\xf3\x0c\xe39\x9cp\xe0\x9c\x03\x19(6\x96\x11X^\xe2`;\xfe\xc3`\xc3\x0c\xd8\xd8`\xee(&amp;\xcaD\x04\xc3  \x9a\xd0\xe4T\x02\xaaJ\x11\x109\x9aHKW\xc2\x10\x8c\x980\xa9M\x86\x83\x90&lt;:H\x90\x80\xa6e\x91\x12\x11C \x0b%\x89\xda \xd2d@\x97,\x83H[.j\xa5\xa4\xdd\xf3\x1e\x93]\xb4\x8b\xba\xb5\xe1\x05\x8e\x8dd\xfb\xfc\xfc\xbc\xcf\xf7~\x17\x7f\xc7\x1eO\xe3{uuumMMCC\xc7\x8f\xe3^#~\x9aF[r\x8dV\xeb\xa8C\xf5\xc1\x96`E\xdc\xfa9\xe6\xb0\xc8\x1d\xc0\xe0\xb0\xd82\xbf\xc7\xeb\x8dS\xa6#\x1a\x1b=\x07\xbc\x9e\xc6\xf4F?\xed\xdc\x95\xcbKa:\x87\xfd\xcf\xd5[1\x80\x08\xbb3\x1a\x13#\x81!\x08l\x7f\xbf?\xd0\xe8IO\xf7z\xd3\xbd8\xa6C\xa9Rky\xb95\x01Tz\xbd]uj+\xae\xa9\xc1\xa0Y.a\xd1\xb4\x9f\xb0PUccw\x14\x95\xf9\xeb\x1a\x1b\x1b\x1b\xda\xda\x8ewZ[,Y\xc6\xd1Q+}$\xa4\xd7\xab\xfe\xb05X\xf7\x12\xc0D!aE\x91\xc3\xa8\xaa&amp;\x9465]\x84J-v\xb4@K\x16B\x9f\x9f\xaf\xcd\xcb\xb6\xbf\xde\xbd\x15X\x86{\xa5@*\xa2H\x8b\x95VR\x11\xbfI\xca\xadUY\xf4yy\xfax\xda\xe0\xe6\xb0\xab\xec\xf6\xbc|\xad\xba\xb09\xdb\x9e\x7fr+\x066\x86\x9bQ\x84UQZQQ\x94\x86\x196\x86\x11II\xb9\x16Gb^~\xfe\x9b\xa1\x8dwz\x8a&lt;\xdaBU\x98\xbc\xc7\x9e\xb7\x15Xa\x86\x9b\xbbc\x81UZZ\x81\xdf\xa2(\t\xab\x12P\xd4\xe1\xfc*?\xff,\xed\xea\x84d\xcdZ\x85BAX\xd9\xfa[[\x82u%6\x96\xc4B$\x1c*\xad\x90\x96w\x1d\x89\xf1\x90\xea\xcd\xfc\xb3g\xcf\xa2\x93n\xd6&amp;\xc7\xc7kQ\xf0\x8b\x0b\x0b\x93\x13\xb3\xed\xd7\xb7\n\x0bTV)\x80\xb5#A\x9e\xa4JL\xd6j\xdf\xc8\x7f\xe3\xf5\xdf}ZS\xa3\xd6b\xf4\xa06\xd9l\x99\x8aBu\xf2\x1e}\xf6\xbd-\xc2\xda]Tq\xc8j\xcc\xca2\xa26\xd1\xba \xb0\xe2\xd5)555\x9f\x96\x94\xb4\xd7`\x16\xa6U\x9bd\xb2\x9cLSq\xa16&gt;\xdbqek\xb0v#\x87\t\xe5F\x8b%+)IN\xeb\x82\xf2\xdc\xbe*5\xac\xd4\xfe\xa3S\xed\x99\x98\x86\xa9\xf1O\x8e,\'\xc7d*\xde\x19\x9f]{\xea\xf4\xab\x9d(\xd2\xe4\xd8p\xf2\x13X\xebP\xb9\x11X\xa8\x9a\xf2T\xdaB\x92[KX\xa6]\xbf\xd8\x05\x14p\xa5(t2\x1b\xb8\x0e\x16\xefl\xceVe\xfd\xfe\xe4\xab\xe4\x8a0t\xdf\xba~\xed\xb34X\x8b\xb0Z,*U\x8b&lt;!\x15X\xc6\xca\xbe\x9d\xc7\\\xb6\xb7\xde2\xd3z7\xe4J\xd1\xc9\x109&amp;\x0c\x9c\xf5vk\xdd\xc7\xdd\xaf\x8e+\xa2\xfa\xe6g\xef\x0e\x05&lt;\xfd\xb1E\xa5\t\xd6$c\x96Ee\xc9MBy\x87Z\x90\xeb\xb0\xcb\xd9;\xe8\xd6!\x8e\xa8SRLn\xda]s\xb0x\xef\xce&lt;\xbb\xd5\x1b9lxU\x17\xcd\xa3\xbc_l\x0bx\xa3\xe3\xdaBX$\x96%77INT\x95\xc0j\xed\xed5\xbb\x10:\xc5\x11\x85Ng3\xbbe\x07\t+&gt;\xbb\xdcs\xff\xdc\xad\xea\xee\xea\xb0W\xb1\xd9-\xec\xf4\'\x9e\xb8\xfb\xf7\xa3\x1b\x87b\xa3\x0eY1Cl\xc9\xb2\x84\xb0\x8c\x84\xd5\x07\xacA\xb7\xcb\xe5&amp;\xac#\xc0\x1a4\xcbt\x94\xc4=\xd9-\xfe\xe8\xb8\xaf\x9f\\\x1f\x1f\x81\xf5\xbf\xe3M\xfc\xdb\xc2^|\xf9\xa7\xfbD\xd5P\x16\x1b\x95\x80\xc1\x14\x92\x98EY\x94cf][[\xdbW\xdf\xd3J\xfb \x08Ka\xcaq\x0f\x0e\xdad.\x1d\xb0\xe2\xb3[\x9a&lt;q\x17_{\xb21?;b\xf8\x0e\x97\x94"\xf0&amp;\xab\xbf|~\xb7\xf3~t\x9c\xc7\xdf\xd0\x0f\xb5\xe4Fc\xa5\xca\x82\xd1z\xa5\x11\x1dbm\x1f\xa2\xbeg\xa6\xb5\xc3mv\x82\xcb\xa4s\x9bw\x99m99\xc0\xda\x99\x9c\xd8\x92\xe6\xf7\xd6\xad&gt;\x1f\xe6\xb9\xe08-u}\xeb}\x1a\xf4\xd6\xf02\xd5w\xce\xff\xfa\xe1k\xab\xfeh\x0c=%\xacT\xb9\xb1\x12\xd6r\x00+W\xc2\xaa\xaa/8\xdc\xa3s"&amp;\xe0/\x9d\xcbLX\xf4\x91\x9d\x1aXYg\x1a&lt;\x9eg\x97n\x06y\xce7\xb7qmd\xb2\x9a\x92\x19\xf1-\xa0\xc2\xc2\x0c\xddcK\xb3\xf3\xdc\x07\x0f\x97\x1f\x05\xbc\x1e\x88\xd5\xd0\x1fCX\x96J\x8b\xc3\xe1\x90\xe4",P\xcd\x98\'&amp;\xc0\xe5\x86X.\xb7\xd9lF\x85\xd0\x99\x8a\xf7\x02\xab\xb4!\xe0\xfdb\xe5\xc1\x02\xcf\xf2,\x13\x9e15;0\x06\xff\xff_\xe9$\x13DT\x8fM\x8f/\x04\xf9\xedJ\xf6\xda\xda\xf2#\xbf7\x10hhk\x18",Z\x13QIX\x18?\xd4V\x11V\xab\xd3i6;\xcd.\x05\xb0 \x97\xd9f\x93\xe9\x14\xc5\xea\xe4&lt;Ki\x7f\xc0\x13\xb5xcV\x10D\x9eSn\x0fg\xb8\xb9\xd9\xa5\x93\x86\x97\xdf\xdb\xf0?-u\x1b\xaa\xef\x00\xc9\'2\xa2\x92Q\xce/\xad-&gt;j\xf0lb\x15%\x10\x96\x8a\xae,@\x16!V}AA\xcfL\x87\x94C\xf2\x96\x0e\xde\x1a\x1c$s)\x14j\x14.\xc2\xea_}8\xce\n\xbc\xc8\n\x9a\xb8H\r/\xf8\xe6n\x0f\x8fU\x1b\xc2\xbe\xa9\xd1\xa4E\xee\xea\xc9\x91\xf1\x85y\xf6\x80F\x14EM8\x13\x1e$\xac~\xbf?\x80$JX\xc6J\x8c\xb1\x12\xab\x12\x1d\x84%\xa5\x10bMP8\xcd\xa8\xa9n\'Z"\xe4B\xc9\xa7z\n\xac\xc0\xb3K\xc3&gt;\x8e\xe7\x05\x81\xe5\xc3\xa3\xc3\x05\x96\xe3Y\xdf\xd4\xf9\x81\xb1n\xc371\x1a1\x8d-\x9d\x9f\x9a\x17EN\x00\x93(\xd2%\xf0s\xd37\x16\xaf\x0e\xb55\x10V\x19\xc6\x80(\xa1\x95\xb5\x89U\xf1U\x0e\x95TJ\x91\xc2\x8e\x89\x89\xde\xde\x89\xde\t\xb3\xdb\x85\x96\x88|R\x99\xa71D\xb3\xbe\x1c}\x83\xe7\xd9\x0f\xaf\xf8x^\x14XpEFG\x8a,\xcb\x8a\x1a\r\x1b\xbc=&lt;2\x19\xf6\xdf\x0b\x1aqw/}\xfc\xa1\x0fo\x86\xe3\xf0,\x12\xeboXM\xc7\xff\x11K\xe5\xa8B8j+\xa1V=9\x0bT\xe0BC&lt;f\x82\xb7\x9c\x83\xb6\x9c\xcc\xcc\x83\xc5jms^V\x19\xd4\xba\xfa\xbd+\xf3\xbc\x08,\xfc\xf2L\xf4v\x8d\xc0"\xa9\x1a\xa8w\xee#\xfaz\x92\xff\xdc9E\x18N\xdf\x19\x9f\xfa\xedQ\x8e\xe3!7\x94\xc2\x9fFC\x97\xd9\xcd-\x01\xab\xb3\xa9\r\xe6\xea/K\xab\xa0n\x10b\xd5\xd7\xd7W\x11V_\x95\x84Ej\x01\xeb\x18\xad\xef\x12\x96\x0cX\xe8\xb7\xb5\xcd\xf6\xb4\x80\'f\xf9\xd2=\xc2\xe2X\xf8\x8b\xf2\x18\xc7\x10\x97 \xf0&lt;w4\xe3\xdc\x02\x8c\xf6\xef\\F\x8e\x9a\x1c\xb8=\x0f&amp;\x8e\xc7cy\rQ\x11\x16\x03\xac\xf9\x01`\xbd\xdb\xd9\x06s\xf5\xc7\xfc\x1d\xab\xa0\xa0\xbe\xaf\x92z\x9e\x82\xc33\x92\xb3\x9c\xce\x0eW\xcf\x11)\x87N8&gt;\x93F_\x85?\xd5\x9f\tx&gt;_y\xbe\xe4\xe3\xf1\x9a&gt;N\xc3C\xa6\xc8\xe8\xed\x8c\xc0q\xc0"\x05\x8f\xb2\x19\x1f\xceNw\xffK2Aur\xf8#\x1fG\x0f\x04\x14\xf1\x88\xc2K,%\xc3\xaf\xaf-?5vB-`\x15I\xbb3$\xb5\n\n \x17\xf5&lt;\x05\x90\x0bM\xb1\xa3\xa3\xb5\xa7G\xa7s\xd9\xc8Z9\xe0R\xa8S\x8a\xb5\xfa\xa2\xc0\xd0\xf2\xca\xe3uV`\xc29\x9f\xa0!\x83\x89q\xd0\x8b\xf88\x9c\x06\x99d\xd9\xa3\xe7n\x0fL\xfeS5\x83R\xdd\xc3S\x04\x15\xa2\xa2\xe4\xf1|\xe8\x96\xd4RF.\xdc[F\x16\x8f\xfb\x03\xd4\x10S%\xc7\xf7IjU\xf5Q\x87\x08w\xcdt\xb4R\xe8\x08\xcbm\x0b9&gt;\xd3\xa4P\xd4\x14k\xed1\xfe\xcf\xbb\xbe\x7fkC\xe4\x99\x0c\x01("\xd2(\x88\xf4U\x12&lt;\xcbr\x82t&amp;\x96\xcd`\xb9\xf9\xa9\xe1I\xc3f\xc9\x80\xd9\x0c\x93\xc3S?\x030\xcf\x87\x1e$\x8a\x9b\x07\x91a\x18\x81.gB\x16O,\xf6\x11VYLTB\xa8\x1f$,\x92K\xba\x8b\x121\xd3\xda\xea\x02\x97I\xa1\xa3\xb2j&amp;\xcbgf\xd6d\x1e\xd4\x96\xf7\xa7\xaet=\x19\x99\x17\x85\xe0\xf4z\x105\x82\x17\xc8\xed\x91q\x91\x0c\x0f\xcb\x84\x82c)|s\xe3\x92\xc9\xa8\x83\x99\xbc6E-\x0f\x8f\x0e\xd9\n@\x1c\x1d\xf0|\r3\xb7&gt;\x15\xa9T\x86o\x8c\xdc\xbd\xf04\xb5\x01Xi;\xa8\x1dB!`\xed%\xac\xbeP\x97HXH"\xaa)\xd5x)\x89\xb2\xf6\xcc\xf6vE^E\xff\xd5\xae\x1f\xbc\x18gX\xfe\x8f\x8f_\x0c\x04\xf1\xd2\xa8\xaa\xbc\x10\xe2\x82^\x12\x16NFd\x19l\xf0\xfc\xc8i`A\xa9\x0c\xf29\xa0\xa4\x1bQ\x02\x92\x0e\x02\x13\x19\\z\xfc\xb5\x17r\xb1\xeb\x0f\x96W\x1e\xc5\x00\x8brX)Q\x91\xb7`\xfa\x97X\xa0rv\x98\xcd.\xc9\xf12\x14S\x99\xac\xdd\xd6\xde\xae\xce\xda\xdf\xb7\xd2\xf5\xd5\xd8\x9c\xc8r_\\\xb8{}d}#\xc8\xd25\xfe\xe0\xda\x1e.\x86NJX\xe0\xe2$\xcd\xce\xdd\xde6\x19\xf2\x149J\x10\xb8\x97\t\xe4\xd1{\t&lt;#\xceoL\xaf\xbd\xfd\xb4\x13\xdd\x8f2\xb8D\\\xfb\x1b\xca*0\xd6\xa2n\xb0\xbe~\x93\x8bd\x0baQ\xf7\x83*oFI\xc5\x14Cf+)9U\x92\x99\x97\x9a\xba\xdc\xf5\x97\x17\xe38\xdf{\xcf\xde\xbf\xf0\xe3\xbb7\xd6n\x0e\xcf\xce\xb1\x8c(\x88\xe1\x91J\x91\xdb\x14L\xe0Bd$\xd9\xb6\xa9\x0c\x96\xdd\xb4\xba\x10\xf2\x15O\x8c\xd4\n}\x0b\xeb\xd3\xd7o\\\xfe\xe5\xe2\xb3\x03J\xa52rjzm\xdf\xcajTY\xe9\xe8(mv\xab\x8f\x97\xa0\x80\x85[\x94y\x1an\x85\xb00\\\x0e\x05]\xf6P\xa2M\x92\xafvu}ug\x0e\'\xa9\xbb\xfa\xfeO.\\x\xe7\x9d\x13o?\\\xbb6;\x97\x81\x8e-\\\x94\xfc\xce\x87\x92EU\x0cGv\x1b\x87\xa6\x00\x0e\x1c^z\x8f2\xc80lpv\xe0\xc1\x8dK\x8b\xfb._\xde\xb7|\x11X\x0c\xb30\xbdvbe5\xe9\x8cu\x14%&gt;&gt;9\xf9\xafU\x9boh\xdb\xf8\x19\xc7]\xb2\x9a5}!P:"W\xdb~\xd1\x08\xbb\x1cH\xe2\xd6\x1b\xc1.9\x8e\xf6\xba\xbc8+c\x96!\xe3\xd6\xb2\xae\xe0\x14\x81-\xd3\x1bX}Q\xeb\x8dv\xf4|\x8a\x86\x9d\xd2K3\x07\xb6Q(5\xb4\xa6\xa5u\xb2`(G\x1c\xda\xb4I\x8f\x85\xa4{s\xe4\xf0\x91?\x10B\x9a\x17ISR\xe8\xf5\xf6}\xa44c\x0fqb%q\xfc\xd1\xf7\xfb}\x9e\xdfO\xc4&gt;\xdf\xd6\xdb\xe6s\xf5\x06X\x8f\x07Q\x80\xf2\xa9N\x04b\x8d\x9c\xfd\xf9\xafg\x8a\xc5\x17\x13\xcf\x0fA\x92O\x9b\xb2!\x9b\x92\xa9\x95\xeb\xd5\xc6\xc2\xda\xed\'X\xe3\x0ev\x86\xdf\xeaEdA\x0f\x84\xa8\'p\xb8\x97;\xff\x07\x07\x7f\xdc:\xfd\xfc\xf6\xb3\x85\xe6T\xd9t\x8d2\xe4\xda\xf94\x12\x05\xd8\xdc\x9d\x95\xc5\xa5\x9dk\xff\xfc\xc9\x07\x1f\x9e:\xfa\x1e\x90\xc0\x95N\xf7\xee\x8b\x85\xc0_:\xdd\x87k\x1e\xf4 bET\xc7\x7f\xf6S\xa2\xfa~#\x86\xa7H\xac\xbenT]\x17T\x9e\xc9\xb9u\x01~&gt;\x1a\x9f\x1b&gt;\x082\x1a\x03\x87I\xa9 P\xa1 P~\xb6\xfc\xf1\x0e\xeff\x9f\x80i\xbd\\\x96\x95)\xafjxZ9#.\x9f\xdb\xe3Z[\xac/^\xfb\xedG\xef\x1emkk\xf3_\xe4\x90\xeeh#\xae=\xb1\xb0m\xee\xeb:AY\xa7w\x0b\x7f&lt;r\xfc\xe8/W9\x04\xeb\xce4=\xe5W\xcdFCr\x99\xa0h\x06\xe0dAS\xf8Fc\xe1\x11\xf6\x05\xad\x9d$X\xe2p\xd0va`\xedI\x87)\x07\xa6C\xb4\xd7\x80w\x9eg2\xcfS\xa6j\x9e\xe0yZj\x9e{y!\x12=\x10=\x08\xaeT}\xfe\xcc\xef?&lt;\xd5\xd6\xf1+\xc2\xeaHw@\xae\xf3\xe9t\xda\x97\xebR\x00\x85=\r\x94\x1a\xf9\xf8\x08\xa8\x96\x8a[\xaf\xee?\xc0Z\x98?7\xc3\x19N%nh\x9a\xc7\x9b\xa6)\x144U\x14mW^_\xfb\x0e\x9a\x1d\xf6\xe7\xbd?$\xc2\xe1\xd0\xa1CA\xcc\xc2\x91H\xeb\xd3\xb9{_\xaf-\xa4\x0c\xaf.\xab\xb2\xcbT\xa1VK*T\x05M\x9f\xb9\x19\x89F#\x07\x1f\xf8\\\xab\x1f\x9cz\x07\xd7\xa8\x1dm\x1d\x1d\x17\xdb\xdb/R\xb6\xfcN\xec;v\x8c\xae\xf2{|\xa5FF\xda\xdf\xfb\x08T\xdd\xaf&amp;\xe6p\xe6\xf9\xf0\xaen\x1a\x9ea\xe4J\x8a"T8\xd9\xf3X\xdc\x14E\x16\xaf*\n:\xe0\xdelk\xa7\x1f-\xe2\xf2\xb1pt\x80\xe2\xf4\xdd\xcaB\xc3\x94\r\x9e\x17x\x19\xd9d\xccI&amp;\x93YM)\x94\x0b\x1a\xbfL\\\xd1\x03\x0f\x1en7\xeb\xf5\x99w\x7fCX\x1d\x1d\xe9vl\xdc\xaf\\\xb9x\xe5\xd8\x95\xaeK\x81\x81\xbeR\xf4\xd1~\xf4O\xabu\xa2zB\xc3(\xfc\xd9\x8ek\x08N\xd5PjeM\xb0\xe2Lf\xb6)\xb3x\x1c\xf2\t\xae\xa2,\xac\x8d\xcf\xb6$\x90\xc0@-\xdf\xbb\xa7s\xb7\x9f\xad\xac\xf3\x90\xc84e\x9dG\xa9\x9c\xaa\xb2\xb8U\xaa%5\xc70\xc0\xe9\x12\x17\x16\xc8\x07\x0f\xff\xdd\xac/m\xf6\xbes\xb6\x9d\xc0\xda\xfbz0\xa9\xfaN#V\x83\'\xdf?\x82y\xe5\xff\x03\x8f\xa8\xce\xfc\x01T\xe2\x9b\xa1{4\x89b\xf9\x97\xb6[\xadV\xf0\x17sL\xe2d5n\xdb\xcc\xffl\xe5\xb2Y\x05M \xafoc\xb0\x07\x93+\x84e/6\xfb\xe4\xd9\xf6\xfa|]\xc8\xf0\xaa\xcc\xf30P\x97e&lt;\xa2bY\x8e\x95K\xc2H\xc7q\x0cY\xf2\xf5\x8a`\xef\x05.w\'}\x16\xbb\x16\\\xa9\x9e&gt;I\xbb\xbf\x93{\x93\xb4\xa7\x07P\x03\xf4~\xa8@\xab\xe2\x9b\xa1\xf1\x18Q\xb5\xee6\xe2\xcceV\xb2,\x8b\x12\xc3)\xab\xccV!\x98m\x95\x92\xc9\xb2"p\x92\xe8\x9a\xebk\x18\xee\x94\xfe\xd0\xcc\xe8\x83\xcf\x00\x00\x04\xf3IDAT\x8fb\xcf\xaf\xaf\xad\xebu\xa1\x0e\x892B*\x95\x12P\x86\xac2+\x8br,KPj\xa8\xa4\xc6\xbb\xd4\x8f\xd1\xc8\x81\xe9\xeb\xdf.\xd4\xdd\xf9\xc7&gt;W\xd7\xfb7\xaeNN^\xf5\xeb\x86_\x97\xe9\x15\xa7#\x7f\x06\xd5|q\xf4\xcd\xd0\xc60\xa0b\xf9\xaf\x9a\xb6\xc4\xaa\xb9d\x8e1\x1dL\x9cd\xc3\x8c\n\x1c$?xN\x14%\x15\x8ex\xa9\x95\xaf\x9f\xc7"\xe1\x10\xa0\x9a\x05\xea\xb6T\x06\x81"4\x8a\x96\xe5\xe4\xb29\xc7\x11\xb2%|AJ\xb3J\xb2\x863\x9a9w \x1a\xed\x8c&lt;\xdd\xb8\x0f\xae\xcc\x0fg!VW\xcf\xd5\xc9~z=\xfa\xa4\x0f\xf7\xc9e\xa2\x1a\x80V\xd7@\x05\xad\xae?%\xaa\xd8_w\xc4x\xc5(\x95,\xa6\xf2j\x1cR\x89q\x9b\xb0\xa0UIP\xa5nP\xc9U\xfc\x86\xcc\x90\xfe\xb9\xe1\xd0\xf6z\xbd\xee\x15\xca\xa8\x82\x97!\x07I\xdf\x1c\x84\x05\x90\xa5\xca\x8e\x0ffU-GQ4\xc1\x9c9\x17I`\x1b\x1d\x1b\xbf\xbfB\\\xd8\xb8t\x9d\xbe\xda?6\x06\xb0\x81\x81\xc9\xc9\xcb\xa8\xc9\xfe\xb1\xfeO\x8e\xf7\x9e!\xaa\x17\xff\xf8\x86\xa8\x86[&gt;[\xb6\xdd\x8aS\x82T\x16\xd2.2\x86\xa8\xdbv\x05IKf-&amp;\xda"\xa7\x9b\x92\x88\xac\xd9\xdd\xae\x92\xda\xbe\x1e\xcaT\x91rA+OM\x01LC\xb4UV\xc9\x82\x8a\xaa\x94sTK\x80\x95\x00S-\r\\\xd0+\x9a\xe8LDZ\xc6\xefo/\x11\xd7\xe7]}7\x80E`\xc45I\xca\x8d\r\x1cI\x9f_]\xf4\xa9\xa6[\x86\xa1\xd5\x173\xcc\xc8\xe5\x04\x04#\x97\x03U\x9c1\x90\xd9\x08o\xb6V\xcb\xb2\xad-[\xe2\xe0\xaah\xaa\xaa,x\xbc\xeb6B\x19\x19\x93\x8dS\x05p\x11\x98\x00,A\xf04\x0c\xab2\xc2\x0e0\x87\xfc\xcc\xe5(d\xa06\x89\xebp\xa2\xb3e|b{i)3\xf8\xf9\x91#7\xfao\xa1\x0060@\xa2\xe1\xf6\xbb\xf6^\x9fj\xe8\xe1\xb4\xef`\xfe%\xfa\xdbd\x1c\xc2\xe0Xq\x9b\xa8`\xa9\xe5d\xe1\x80\xa3\xaa[["Q1\xf4\x1bR\xcd\x89\x92i\x86\x90%\x93\xc3C\x10l\x80A/\xf4\xa0\xaa\xf3\x99T\nhID\xbdDP\xb8\t\x8e\x81\x07\x19\xdc\xcbs\x89\xc4\xa1p4\xb61\xb1m\xba\xf3\x83\x7f\xec\t\xb0|\xb0\xa0.\x9f\xb8\x98\xfe?\xaa]\x9dIXk\x90\x07\x0b\xad\x17\xf7\xab\x82T(\x82\x8c\xac3iK\x94\x88\x8a\xc6\x92dK\x088\x0b\x99zF\xe7\x00\x1bp\x95a\x14\xaf\xaa\xf8\x86\xae\xeb\x19\x90%!Y\xb2T\x82\x8f\xd0M6\x04\x83\x87\x8f\t\xba\x88$\xae\xa5bj\xf0\x177.\xdfzt\x8b&gt;n\x8d\xf5\xd3\x9b1\xae\x0e^I\xef\x10\xd5\x9d\xd9V8\x88\xbd\x9f.qF\x16\x7f\x04+\x0f\xa0*\x15$\x03\xe7\xac\x01B\x14\xbb\xd1\x83\x08&lt;E\x1e\x8c\x08\x19/`\xc6\x86LN\xcfd8\x89IXA},\r-\xa9s\x92$\x11\x1b\x1fhF9\xa3\x84\x01\xcb0\xcc\x99\x0b\x9d\xb8lK\x0c_\x9fx\xe1\x82k\xf0_\x93cc\xbeZc\x04u\xf2\xd2\xe3\xf4\x8e]|=\xf4\xed,v\xc0--\x9dwu\xc9\xd0\xdeB!\xe5hk:{\x19\x93\xaa;(\x901\xce?\x04\x14\xa8\xc4*\xb08\xd2K\x92\xe2,U\x9b*\xa7\xb4B\x01`\x19\x1d\x12\x12\x99\xbeG\xe6w\x00\xfc\x04\x17\xaf\xbe$\xbd\xf2\x87\xa7\xbf\xf9\xf2u\xb1X\xc7x\xa1\xa9\x92\xf2k\xb1\xb0\xb3\xb995Z|\xfd\xfd\xfd98\x88\x0b\xfa\xbbMSP\xd0\xd5\x15r\x0ey*a\x99\xf5\x02\xa1\xf6\xa0\xba}\xcdpO\xd2A\xa5\xc6\xe3\xb2\x10\xc2\xf339\xa3\xc3]Q.L\x95\x85\x02\x15\r1\x02\xa3S\x90\xa0\x99\xa0\xed\xa3A3\xcc\x89\xbf%\xf2\xe1|\xe7\xec\x9d/_\x8f\x8eV+\xa3o\xab2\xeaV\r\xcd\x1b\xc5V\xc6\xa7\x8a\xe5/\xdc\xcd\xc8\xd4}$\x141\x01J\x13\xf4}\xa1|\x0fE\x91\xa3C\x11\xb6a\x12\xc4mU\xf0B\x9c,3\x8e\xa71+\xb2\xd4\x94"\x90\\$\x18\x14\x03Y \x1a\x91Q\xd0\x82\x1e(+\x9e\xbcy3\x91\xcf\xe7\xc3s\x13\xff\xe9.\x8e\x9a\xee&gt;\x17\xb04\xcd\xc5Vf\xe2y+Q%v\x1bb\xe5\x7f:\x11\x13\xcf\xbd\x95\t$\r\x91\xb2\x02\xa7@\x07*d^\xb41\t\xe4\x10\x87U\x93\x9a\x00\\qY\xc9\xf1j\xa0\xd7b\xca\x07\xf3\xd1\xf6\xdcD\x0b\xa4&lt;\xad\x004,a\x9b7\xc3\xc4uo\xe2U\xb7=Z\xad\xee\x81U\xdc\xaa\xa7T\xed\xadWCObH{\xfe\xef\xab\r\xdb\x1ee\x94\'Ls0\xa9L\xdagjHR\x83\xe6UCjt\x93b\xfe\xfe\x00\xf2\xc9\x82,\x85T\xacEL\n\xb8\x98\xe0\xe00\xb3\xe8\xfb\xe8\x81k\x1f\xcd\x97\xcc\xd4e\xdc\xe5i\xaa\x15\x84\x99\xbf ^\xf9\xd8\xc6\xd0\x0b\xdbv\r\xa3\x1a\x94\xe1\x95\x8d\xa2\x8d\xe5y\x18X-_\xacr\x0c\xebCvj\xb3\xb6Y\xd6x=\xb3\xbc\xbc\xdc\\nvo\x11\x13\xe7Cq\x8d\x99\xdd\x1fv\x9b"\x07\x048\x03!U\x81g\xe6\x7f\x01\xaf\xbfG\x91\x17\nP\xf5\x00\x00\x00\x00IEND\xaeB`\x82'</t>
        </is>
      </c>
      <c r="M531" s="3" t="n">
        <v>45492.6784375</v>
      </c>
    </row>
    <row r="532">
      <c r="A532" t="n">
        <v>1463916</v>
      </c>
      <c r="B532" t="n">
        <v>1958</v>
      </c>
      <c r="C532" t="inlineStr">
        <is>
          <t>Kauê</t>
        </is>
      </c>
      <c r="D532" t="inlineStr">
        <is>
          <t>Kauê</t>
        </is>
      </c>
      <c r="E532" t="inlineStr">
        <is>
          <t>MC</t>
        </is>
      </c>
      <c r="F532" t="inlineStr">
        <is>
          <t>MC</t>
        </is>
      </c>
      <c r="G532" t="inlineStr">
        <is>
          <t>MC</t>
        </is>
      </c>
      <c r="H532" t="n">
        <v>174</v>
      </c>
      <c r="I532" t="n">
        <v>25</v>
      </c>
      <c r="J532" s="2" t="n">
        <v>38281</v>
      </c>
      <c r="K532" t="inlineStr">
        <is>
          <t>Right</t>
        </is>
      </c>
      <c r="L53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31&lt;/Attrib:Created&gt;\n        &lt;Attrib:ExtId&gt;b85b782f-764d-40d1-88c0-e5c5e7d548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M\xa5\xcf\xd6\x00\x00\x00&gt;tEXtComment\x00xr:d:DAEewil2SDw:3771,j:6021736145789610233,t:24033122\xa6\x89\x97\x8c\x00\x00\x00\tpHYs\x00\x00\x0e\xc4\x00\x00\x0e\xc4\x01\x95+\x0e\x1b\x00\x00\x03\x00PLTE\xff\xff\xff\xd9\xa0\x892&amp;.91&lt;\xf6\xf4\xf96/;0(3\xff\xfe\xff5-81+6\xf2\xef\xf6.$.$\x18\x1b\xf4\xf2\xf7\xd5\x94~\xd6\x9d\x83\xd6\xa0\x87\xda\xa2\x8e \x12\x16\xd1\x95|\x1b\x0e\x11\xf8\xf6\xfa\xda\xa3\x89;5?3&amp;&amp;\xdc\xa6\x91,\x19\x19\xdc\xa6\x8c\xd2\x90y8-4\xe0\xa8\x8f,"+\xd4\x9c\x86*\x1f&amp;,\x1d\x1f\xd1\x96\x81\xe1\xac\x93&amp;\x1b!63=\xfe\xfd\xfd\xcb\x90z\xce\x92\x7f309\xd6\x99\x7f5)0:%#C1/\xc9\x8cx1  \xd8\x96\x82\xdd\xa3\x8b&amp;\x14\x14\x15\t\r4,3\xde\xa7\x93:++\xd0\x8ft\xd3\x9a\x80\xec\xeb\xef\xde\x9f\x87\xdb\x9b\x84:08\xd0\x9b\x83\xfc\xfa\xfa\xe1\xa9\x98\xea\xe8\xeb\xc4\x8au\xe4\xb4\xa0\xe2\xaa\x91\xd6\xa3\x8a\xe7\xa7\x99\xdb\x9b\x89\xc0{d\xc3\x8f|\xe8\xb6\xa6\xc7~d\xe5\xb1\x9dB+(\xd6\xad\x98\xcf\xac\x98\xe8\xac\xa0\xdb\xae\x96\xe3\xaf\x99\xe9\xb1\xa3\xf6\xf3\xf3\xbd\x8d|\xdf\xb2\x9a\xbew_&gt;8A\xc5\x84oI86\xf0\xee\xf4\xdc\xab\x90\xf9\xf6\xf6D&gt;D\xde\xaa\x97\xbe\x85o\xd5\x8dp\xe1\xa3\x92\xc6\x82h\xcc\x89p\xcc\x85k\xdf\x94\x84\xbe\x8at\xb7xb\xb3}k\xe0\x9f\x8e\xd9\xb1\x9d\xa9dO\xc1\x7fj\x90`U]UX\xc6y]\xed\xb8\xab8 \x1eR&lt;:\xd2\xa5\x97\xe0\xad\xa0\xb6r[\xb5\x7fu\xd5\xd0\xd2\xda\xa8\x9d\xe4\xa9\x9c[2)\xf2\xef\xef\x7fSI3\x1a\x18\x8ag_\xde\xba\xa4\xd5\xa6\x91aD@\\93\x81\\T\xd1\x86g\xdc\xa2\x95\xd1\x87se&lt;4\xbalO\xc2\x96\x8bN,&amp;\xe1\x99\x8bO2/\xd8\x91u\xc9\x87s\xca\x97\x80\xd4\x9c\x8d\xd0\xa2\x8c\xcd\x96\x89\xdb\xb5\xa2\xda\x91}\xe2\xde\xe1r?4\xb9\x84o\xd7\x95y\xc0\x93\x83\xd3\xaf\x9d\xadnZ\xc7\x9c\x8a\xa1nc\xd7\xa9\x8c=3;\xf2\xe3\xe0\xe0\x8e\x97JEJ\x8aM&gt;\x9afY\xd6\x98\x87\xc8su\xb7heqPK\xe2\xa3\x8a\xa8vhzJA\xca\x8es\xc5}umHB\xd3\x7fl\xc6\x91\x82\x93qi\xa7[G\xe6\xa2\x92jdf\xcb\xa6\x93\xdb\xd7\xda\xb2hW\xe8\xe4\xe8\xd6\x88w\xcd|}F"\x1c\xec\xd7\xd5\xbe\xba\xbc\xcc\xc9\xcb\xce\xa0\x98\xd4\x8a\x8e\x97ND\xb7\xb3\xb6\xd3\x85\x83\xb7\x91\x84\xb8\x89y\xc1oneMJ\xaa|q\xa9\xa4\xa6\xb1\xab\xad\x82{}\xc0rT\xd9\x9b\x92\xcd\x9d\x91\x9dwm\xcd\x81`\xa6i[\xccxf\xa8[X\xb4\x89\x80\x8c\x87\x89vqt\x9f\x98\x99\xb6tm\xc6\xbf\xc1\xb4cH\x9fbOTED\xab\x87\x7f\x9cXGQLP\x98\x90\x8f\xb9\x9c\x8b\xa3~x\xc9\x89\x80\xdc\x98}\xc4n[\xc2\x9f\x95\xfa\xec\xe9\xd2\xa2\xa4\xec\xc5\xb7\x8bWL\xee\xbd\xa2\xeb\xb0\x93\x9e\x9c\xa1\xbf\x83\x81\xda\x8b|\xd8\xc3\xc2\xe5\xc9\xcb\x83D7\xb4pctYS\xef\xcd\xc4\xdb\x80\x88\xc7\xa7\xa1\xd0pT\xc6^C\xd5\xb3\xb1h(#\xdf\x9d\xa3wgb\xacL1\x0b7\xb1l\x00\x00 \x00IDATx\xda\xc4\x98\xddO\x1bW\x1a\xc6\x037\xbd\xb1\xdcb\xbc\xab\xc9\xac\xa1x\x90e*2\x93\x81\xb10\x89Q\xa0\xa4\n\x043\x01\xc5\xec",\x91\x04\xb0\x17\x9b\x1a\xc3\xfa\x0bl\x83\x11\x98\x10\x82\x05%\xa4\xc5\xb8\xa1\xdc\xd4T\xe2K,A\x84te\x01j\x04\x82\x04\x8a\x89\x04A\x80!\x94e\xa3(\xd2\xf6\x82D\xeaEU\xed{\xc6\xd9\xfd\x07\xd6\xa6/\x1f\x19\x86\x8b\xf3\xcb\xf3\xbc\xe79\xef\xe1\xcc\x99\xff\xb3\xa4\xe5M\x9f\xf6\xcf6B\xcd\xef\xcc\xcd76\xf6_,\x97J\xe1\xf5\x99\xdf\xab`\xe5\x0f\xca\xfbw\x0eW_\xcc\xd4\x85B/\xbf\xbd\x91\x90\x10\xaa\x0b\xbd\x9c\xd9z2\x8b\xc8\xa4\xbf\x0f\x99T\xda4\xfblu\xe6\x06\x86Q\x18&amp;\xc701|\xc4\xc6&amp;\x88\t,\xa1n\xf5icX\xb4Sg\x92^\xdc\xd9\xaaK\x90H\x00\xe9\x9c\\.\'$\x12\x89X\xfcql\xc29x\x91@\xa9C\xbf=m,9m0\xa9\xb4d\xe7\x05\xe8\x84I\x80\xe3\x9c\x18\xa3i\x9e\x84\xc7\x13K\x10[ll,F\xa9\xe54m\xdej\xcc&gt;\xcd\x1e\x03\xa8\xc6\xd5\x10v\x0e#x\xf2\x04$\x12&amp;!\x08\x82\xc7\x93\x00\x9a\x80\'\x06Z\x8a\x02c1\xf9\xcb\xed~\xe9\xe9uzv\xff\xe1\xb7\xa8\x85\x08\x82\xc6\xc4B\xa1\x00\x80\x081\x00\xc1\x87P \xe6\x01"M\xcb19"\xab\x9b\xcf&gt;-\xac\x92\xb9:\x0c\xfc\x12\x13&lt;\x82&amp;xB!\x02\x93\xf0dBx\x04,\x80#\x08\x1c\xc70\x9a\x82\xbd \xbc1\xf7\x87S\x81\xca\x9e\xddRC\'\x11\x12p\x8d\x10K\x842\x19\xa0\x10\xa0\x13\xc2\xe2\xa8\xb8\xc2h\x82\xc0\xcc\x14F\xbc\x9c;\r\xbd\x90T\x18\xcd\x13\xa0B\x8a!,0\x11\x03&gt;D\x05P\x04\x11V\x8c\xc1I9\xa56\xcb\xc1Gi\xb4\xdb\xaai[Mc\x04\xcd\xc8\x84\x88\x06:\x9cSK \xe4a\xe1\x07x%\xc6xh[B\x7f\xe18M\xa9\xd5\xf2\xba\xd9\xe8\x06\x85T\xda\xbf\x8a\x11\x90Q\xd0Q2\x99\x0c|C\xff\x84U\xfa\x18\x00\x91\x80\xdc~\x14\x86md\x18\x86T\x87\xcc\xf2\xd5\xef\xa3K\xd58\x83\xb6=FHP+\t@\x1d\x04\x87\x1eA&amp;\x82\x11\x82\xb5\xe1O\xf4#\x81\x1a\x1f\xa7IJMa\xff\x8e\xa2\x8d@UGsT\xbcpc\xc9\x84\xe1n\x82\xfd\xc7\x13\xd08h#|\xff\x86K1\x1c\xb8\x18\x1c\x07.\xb2\xae1\x8aX\xb334\x06\xc7\x0c\xcd\x0b\xc7\x80\x80s\x91\xe1\x1e\xc1&lt;\xe8p\x9c3\x95\xd3\n\x84b\x80\x89\x01\xb9\xe4fJ\xbdu1Z\\\xd2\x8b\xab4:\x91\t\x14\x01\x021\x02\x00a`i\x1cG~1\x8c\x8b4\xb9\x18\x04\x86`\x81\x89C\xc3I\xc0R\x9b\x97\xa3\x96^\xd2g\x18\x01\xc9\x10\x96J\x1c\xeeu\x06w\x99P\x05&lt;\x1e\x8f\xd3\xdd\xe9\xf6x\x10\x99L\xc61\xa1\x9d\xc8\xd0$\x8d\xd4R\xcf\xccF\x89\xaa\xbf\x0e\xfe\xe78\x8fA\xf9$\xc3\xa1\xd9\x85\xae\x80\xc7\xe9\xec\xec\xec\xf4z\xbd\xe3\xcdo\x8c\xc6\xe1\xe1a\xa3\xdf\xebt1@\x8e\xe3&amp;\x93\xcb\x84"\x82&amp;\xa1(\xea\xb0$:\xe1\xfeL\x0e\x0b\x80W\xb0&amp;jl\x99\xcb\xe9\xf5\x1f\xec\xed\xed\x19\xe0\xd30h\xd3W\xdf\xd2\xd7\xd6V\x95\xda\x0e\xbc\x01\x97+\x00\xe5\x01Sq\x06\xe2\x8bd\xe5\xe8p\x8cJx5\xbd\xa0\xe5&amp;\x1a\xbc\xe1\x0e\x17\xc6\x15\xe8\xf4\x1b\xee\x86k\xf7\xee\xdd\xb5\xfa\r\xed\xc4\x84\xa6j\xa3~\xed\xee\xf4\x89\xf7\xd7\x13\xbf\xf7W\xa7\'`"qd\'\t;E}\xd8\x14\x05,ic\x08\x93\xa3E\x08\xd0\x8a\t8\xbd\'\x07\xd3\xbb\x1c\xd4\xda\x1a\xa2\xaa\xdf\xb8\xad\xc9\xd4h\xaa\x94J\x00\xdb\x85\xdf\xecN\xfbO\xbc\xce\x80\x0b\xe7\x8c\xa41\xf5L\x14f\ti\xf6S\x8c\x86xg\x18\xc8wa\xc0\xfb\xc3\xf4\xf44,\xbe\xb6\x06@\xa866nWTdfj\xb4Z\x0e\x0c\xde\xfek\xcd6h\xf0;M.\x084 \x83\xc1\xf0\xf0Si\x14&lt;$(\nZ\x8b\x07cB\xc0{`\xd8\rS\xd5+7\x94\x80\x04UQQ\xd1\xd3\xd3\x03h\x15\x1amU\x15\x87W\x95?\xe8Gz\x01\x16\x03\xa1\xfa\xdbNv\xe4\xa34$\xa7X\x9c\x11@\x1e!\xadv\xefrP\xa0\xd2\xff\x98|=\xbec\x9f\xcf\'\xf2\x89\xe2\xf9"\x11\x18\xaa\xd1\x94U\xe9\xfcN\x92@\xd9fb\xd9\xd0v\xc4\xe5\x92\xee\xa8\xe5\xa4\t\x17\x08\x19\x97\xd3\x7f`xl\xb3\xad\x85\xad\xe3\x90*@\xa5\x1e\x9f\xef\x18\xb0R}&gt;&gt;?\x8d\xcf\xe7\x8b2E\x99\x13\x13e\xbaq\x8f\t\xc2\x16\x85\x84yu6\xe2XO)\x92D\xc7\x1e\xee9\xd9\x03\xaa\xb5\xd2R\xf0\x0faqT&gt;\x1f\x87\x95z\x9c\x95\x95\xcaGX\xc7i"\x8dH\x942\x91\x9b\xab\x07.\xe8y\x93\x89\xa5\xde\xedD:\xea\xb3\xb7X\xb8\xca\xc0Ybr\x1e@H\xd9J\xf3\x95J\xe5{*h)0\x0f!e)\x14\xf0-\r\n\xd4\x12\x89\xe2\xe3S@/\x9b\x97t\xb9\\&amp;H\xd4\xe5\'\xe5\x11\x16\xab\xe9\x05k\x82\xc3\x90a\x02\xde=DUZ\xaaD\xcd\xae\rc\x81N@\xa4P\x8c\xc2WV^^\x16\x87\x15\x8f\n\xb8\x06\xde8I\x93\x894Ql\xe8i\xa4\x93\xbe\xbf\x0e,\x84\x83\xd9\xe5|3\x88\xa0\x10V\x95\xf2\xbf\x1b\xd0w\x9c\xa5\x18\x1d\x1dU\xa4\xa7\x03\xd7{,&gt;\x1fQ\xc5\xa7\\\xad~\xde\xe91\xa1\xbd\xc8\x9a#\x8e5\xaf&amp;]8P\x81X6]i~i=2QYu[\x8b\xb0\x8e9\xaaD`\x8a\t\xbb\x98\x9c\xc6\xff\x84\x1fV\xeb\x93\x94\xab\x03\xcdn\xd6\x85f\t\xf5v\x84\xb1\xa4sj\n5\xbc\xc93\xfe\xdc\xa6\xd3\xe5\x97\xa2\xde\xaa\xafRj\xb5\xda;\x15\xa0\x15`%&amp;\x8e\x8e\xa6+\xd2\xc3\\Yi@\x85\xc0&gt;I\x8e\xef\xad\x1e\xee\xecf\xa11i8\x7f"}N\xc3-\x19\x17\xd0,x\xa8Cj\x95"\xad\x94\xca\xbf\x03\x15gazb"R\x8b\xeb.\x05\x87\x86lLNM\xbep\xe1R\xef\xd8\xa4\xbb\x9bD\xe7\xcfad\x87A\xc0R\xcbi\x01C\x06\xdc\xef\xb1@\xac*N\xaa\x9e\x1e\x80R$fdd|\x96\xae\xc8R\xd4(\xf2jjjFk\xe09+5\xed\xc2wy\x1f&amp;]\xea\x1dh\x06\xb9\xe0\x96m\x8e&lt;V\x88E\xd7\x05n\x1f\xea\x90\x85\x08*\xf3N\xc5?z\xbe\x02\xaa\x98\xb8\x0c\xc7\xf5\x8ct\x14\x10yy\x95\x9599\x19\x19g\xff\xf4\xc7\x98\x98\x8f\xb2b&gt;\xea\xeb\xbbtux\xdc\xcdRpg&lt;,\x890\xd6\\\x88\x85i+\xe0\x19\xdf3\x0c\xea\xf2\x11\x95F\xab\x11\xf5\xf4\x88\xbeBb\xc5e\\/,\xbc\t&amp;\xd6TVV^qX\xad9\x8e\x9bgof\xc4\xc5|\x98\x94\xd4\xd7\xd7\xd7;fl\xf6P,L\xf4\x11\x9em\xa4\xf3\xcb&amp;4e:\xfd\x06\x83M\x97_[\xa6\xbd\x03\x87\x0b\x9f\x9f\x95\xf6W\x90\xa7&amp;\xc7z\xb9@\x95s\xfd\xb3\x9a\xca+99\x8e\xeb\xd7\x1d99\xf6\xb3g3\xce\xc6%%\x81Z}}\xd5CFw7\x85\xb0"=1\xcf\xa0Hd\xdd~N\xac\xda\xb2/4\x13\xf1III\x95qq\xe0\xd9\x95\xe2\x82\x82\xbf\x15\xa8\n\xe3*\x1d\x0e\x87\xb5\xd0j\xb5\xda\xed\xe8\xab#\xee\xde%\x80jm\xed\xd5\x0fO\xc2@\x1f:\xbc\x18\xe9\x94_\xa5\xd0D\x0e\x13)\xe4\x03PM\x9cOI\xbew\xef\xc7\x8e\x9b\xb0\xbe\xc3\xa1*(P\xa9T\x85\x85\x85\xc57[;\xacv\x8bea\xe1\xf5\xeb\xd7\x0b\x0b\x0b\xeb\xdf\x00\xd6\xa3\xd6\xbe\x81!c\x9b\x1a]\xcb"}&amp;n\xabI\x92e;O Mu\xb7\xcar\xcfOAuu\xad\xdb\xedv\x0b\xa8s\x19\xb8\n\xd17\xfb}\x8b}\xa1kq\xff\xe8\xe8h\x7f\xffh\x7fq\xb3\xcb\x02\xd5\xda;\x10\x1c\x81kY\xc4\xe7f\xe9\x135P\xb1\xce\x13Pk\xa0Z\xdf\xd0\xb0\x12\x0c&gt;\x0c\x06\x83G\x9b\x8b_\xaf[\xad\xc8\xc3b\xd0\xec\xb2\xa5k\xbd+\xd8&gt;\xd9\x06e^~\xd7\xf20\xb8hyd)\xba\xd6\xda7\xd6\xde\xa6\x0em\x97D\x1ak\xde\xcca\xf9\x07u\xfa\x86\xa1\x96\x96\xf6\x91e\xb4\xf4\xf2\xc8H\xcb\xd1\xe6\xba\xb5\x00\x84\xea\xb0\xaa\x00\xeb\xcf\x9b+-\x90\x9e,i\x02\xcf\xdbF\x82\xbf,,v\x15\x15]\xbb\xb6\xd4\xfe.\x14\xdan\xfa \xc2.\xce.\xb3\x94\xc7\xe3}n\x03\xa5\x9aG\xda\xcc\xe6nX\x9ae\xbb\xdbFZV6\x17\xac\x97U\x97\xed\xd6b\x95\xca\xf2u\xc3\x90\xb1y\xd2\xed\xeeF\xe5n\xf9\xc5\xb2\x19\\,\x82\xfa\xe6a{\x1b`EZ\xad\xefg\xa8\xeen\xefs\x9d^?\xb6\xd4\xee\xf6\xb0hcz&lt;\xee\xce\xe6f\xe3\xd8\xd2}\xab\xaa\xb8\xb8\xd8Q\xac\xb2\x02\x96^\xff|\xd8h\x1c\x1a\x1az\x18&lt;zey\xd5\xf5\xeaAQ\xd1\xe7\xd7\xfaVZF\x96\x9fE\xfc\n\xdb\xb4\xaa6w\x1a\xf5\x03\xb7V\x8cc\r\xe3\xde\x91\x91\xc9v#\xbaG?\x1f|\xdb\xf0\xcf\xfb\x1d\xc5\x10\r\x08\xab\xf5~nY\xbempPw+7\xe5\xea\xd4\xba\xc5b\xb7\x7f\xf9\xe5\xa3G\x0f\xaeY\x96\x82\xed\xef"\xff\xe7\xca\xf2Cs\xdb\xf8\xd8@\xf5\x12\x98\xd4\xf0\xf3\xd0\xca\xfeXu\xee\xadZ\x1b\xd4\xe0\xdb/\x92\x7f\xccq\x00Xa\xe1_2R3\x95\xb6\xc7\x06\x83\xe1\xadN7\x90{\xff\x9e\xdd\xfe\xb9\xf5\xc1\xab\x9f\xc0\xc5\x9f\xf6["\x7f\xf5\x91\x96o\xb7M6\xeb\x07\x96VV\x1a\xdeN\xad\xff&lt;5\x95[V[\xab\x1b\x04\x00\x9b-\xff\xfcw\x1d\x8e\xe2bH\x88\xc2t\x9f\xd6\xf6\xf8\xe0\x07\xc3\xdb\xb2\xf3\xb9\xfa\x01\xbd~\xea^\xeb\x7fh5\xff\x9f\xb4\xf3;\x8e\x87\x9f\xfce\xf9\xb4\x84\xacY\xb3O\x163\xbb\x14\xe2n\x9f\xd0%\x9dKI\xf5\xe0\n\xa8\x1c\xa8\x14\x08K\x9b\xb3\xf8\xad\xf2m\x98\xb4r\xd5Q\xb5h\x91\x81\xa0Eb+\x96\xae\x89\xa0U\x04\x14\xd2\x10\xa8[\xea\xac\x9ew\xd3k\x01\x939\xa9\xe6\xac\xb5F%r\xa73\xd56\xeb^oz\x7f\xc2\xe7^\x1a5\xea\x0f\x0f\x9f\xaf\xe7\xe7\xf9~\xbd\xde(\x14\xba\xde&lt;v\xb9\xd6V&amp;&amp;\xbe$\x1d\xeb\xe7\xdf&lt;2h\xefJ$sn\xbff\xdd\xd1\xcdX\xdf\x8f\xc7\xe3\x03\x03\xa9A\x08X\x99\x06Gs\x03W,&gt;\xcb\xabnT\x87\xa6B\x91\xfdz\xfd\xa8V?^9\xc0\xa6\xf4\xb4\xa9\xa0\x8b\xa2\xc7\xcf\x9e\xbf"\x1f\xab\xf0\x9f\xffm\x1f\x9d\x91,\x8e\xd6\xaf\x13\x8c\xe2\xca\x81$\xd8z\xdb3\x1a_\xdd\x1bTGd&amp;\x8cY[\xab\xe0\x8a\x15\x98L\xbd:5\x95\x8c\xc3\xc3hy\x12x&gt;w\xf7*;\x97*T\xb9D\xae\xb7k++_^&amp;\xfbI,\xfcO{\xcb\x9cD"\x99\xa9$\x18\x8c\xbb\xa9\xb86\xd0u\xf3\xe6\xe7\xc6\xbe\xc1\xc1=\x10\xa7\xd4\x14\xcd\xd4\xf2\xc2\\%\x0e\x1d\x1c\x9c\x9aj\x7f\xf4\t\xbad\xbee\xd4\xce\xd4wSO\nU"\x97h\xed\xd9\xda\xf7\xa4\xc7i\xe1\xf7-\x1e\x84U\\\xcc\xa0\xcbSZ\xc3\xad\xaf\xfe\xf0\xdb\x9f\xfd\xfaO\xafZ\x00"\x14\x9aO$\x82\x99\xdaZ+\xab\x00Z85\xa8}\xf3\xdd\xdf~\xf3\x8b\x97\xff\xfbf\xa2\xd9P\xd7}\xbc\xad\\(\x14\xb9~*\xac\x96\x19\x80*\xee\xa6\xb3\x07\x06\xfb\x9a\'\xfe\xfd\xf2\xe5\xefo\xfe\xee\xeb\xb7\xee\xa9\xd5P\xc8\xbc\xb1\x01\\\x99Z\'\xae\x0eE\xa6\x92\xbbo\xbf\xfb\xfc\x93.\xe3\xca\xbbE__\x8a\x9e{\xa1\xed\xd2\x03\xa1kmm\xed\xef\x7f!\xbf\x89--\x8b\xc0Et\x8fU\x0e\xec=1\xfc\xf5\xdd\x84\xe5\xc9\x93\xaf\xde\xbe\xd1\xa7B\xea\x90\xd9|\x18\x0cF3\x19\xd3\x15\x19\x98+\x99t\xeb\xb7\xfb\x0c\xda\x95Ws\xf5\xf5\x03W\x81\xeb\xc1\x03\x11\xc4\x04\xc8E\xf6\x1cx\xf9\xeb\x96\x89EI\x1d\x9b\xa0\x8fiR{}\x83\xee\xc5\x95\xf6&gt;\xdf\xdcJ&lt;\x99\\\r-/o\x04\xa3N\xa5\xb56Z]%\x93\x99C\xea\xc8@d@\xcf\x1ew\xf48\xba\xc7\xc6\xf0\xfc\x13\'\x1e\xb4\x89\x00k\xe6\xfe\xc1erO\xc5O\xff\x05Xul\xf6\xd8X5\x1f\xe22\xbe\xa4\x1f\x1d\xf5\xc4\xd5q\xb5:\xd2\xb8\xbc\x1cID\x9dV.W\xc9\xac\xae*\xe57\xaa\xa7V\xd5\x91}?Ag0\xc6\xe9\x0c\x0c\xcb\xa7\x9c\xb9pG\xf4v\xad\xbf\xf8\x18w\x92\xdci\xfe\x1f\x7fny\x0eXr\xf9\x98\x9c/kl\x94\xaf;\xd6\xf5\xfb\x11uh\x15\xa41/oD\xc1\xefee\xdc\xb0\x136\x0f\xbe\x0c\xbe\x1fi\xe4\xcb\xedv;A\xc7\x98X\xfe1\n\xe5\x8eP\xb46N\x7f\xad\xb3n\x92(W\xce\xe57\x8fZ\x9e?\xab\x93\xcb\xab\xec\x1a&gt;\x1f\x06T\x82\xb0\xcb5\x91\x10@E\xcc\xf3\xe6D-\xc2\xe2r\xb9#\xb6+\xd1h\x8d\xe6\xe3\xef\xc8\xe5r;\x1d&amp;\xfe|/\x8fJm\x13\xf5w\x1f+8:&lt; Q\xae\xd3\x93\x95)\x0f\xa8%\xd7Ti`\x92\xd7\xf0\xaf\xf2\xaf\xca\xd0\xd9\xd7(k\xdc\x80\n\x02V\xb8\xac\t\xb8\xacN(\x93\x1d\x15A\x8c\xd9\xabM\x19\x1cc~\xc4\xba\xdf})\xff\xf0\xa8\x8c\xbc\xa4\xcf\xd9\xb4\xea\x1aS\xa33\x80\x05\x05T|\xd8\xabe\x8d2~v\xebOl$\xa2\x08K\x0cr\x95}\xc6b\xc1\xd7\xce\x02{u\x01\x86\xe3\xa6\x1aS\xd4\xc9\xf4\xe6\xe6R\xa8m\x8f\x1f\xdf\xd9Iw\x1cEI\xebbNa\x899\xc1\x1f\x18\x95 ,\xe8\xa3\xa6\n]\x8c\xf0\xabJu:\x88\xab`B\x87\xb0\xac\xe12\xd4\xc5\x8a?\x9e\xcbr!\xa2\x9a\x9a`\x16+7\x8b%z|!\x9d\xae=:|H\x1a\xd6f\xc7F\xb4\xe6j}18\x1e\xb6\x9e\xaa\xd2\x84N\x06o\t\x94\xa1&amp;\x93\xa9#h\xca\xc0\x91\x08O"7\xcc\x15\x08N)\x94V+\x93\xc5tF\xa3\xf0\xc3\xa8\x93\xc5\xa3\x00\xd5I\xa1Hta$\x1c&gt;&lt;: \r\xeb\x00\xc2\xf2\x8a]/\xa9\xcc\xba\xb8&amp;\x91\xd0!C\xe9\xe0\xc4\x89B\xa3LWL8\x0e\x11oUZ\x01\x0b\xa6zn8\x0c\x03\x05\xc0YA7\x1e\x0f\x8cE=\xd9\x86\xb0\xd2\xe9\xb4\xedh\x8b,\xac\xc2\xa6\xa3`\xf05cFR\x89\x16W\xbb\xbd&amp;\x98\x80\x02\xd2(t\x08\xea\x1e\xb8\xda\x89\x8eD\xebHXP\xd2\xd0\x80L\xc6\xe5\xc2\xde\x0fx\x00\xa88{\xf6\xec\x17\xe5\x80\xc5\xb6\xa5wF\x0e\x1bHK\x87\xcc\x11tK~\xf7#\x16Q\x80\xba\x135\xe1N\x9b\xd3\xc9S*\x94&lt;\x0ca\xa1\xc1&amp;|N\xd9$(\x13\xc0\xa0\x8a\xb8\x9a\xb8\xd9OE\xa8\xaeKUB!\xfb\xc5\xc8\xceNG\ti\xd6\n\x1e\x95\x06K\xab\xefJ\xea4r\x82 \xe8\xb83\xe3t\x02\n\x93\xc7S\x9e=\xe9\xc5p\x13\xceD\x96o\x10\x83D&lt;&amp;K\xa9\xa0R\x95\n *\xfb\xb8x\x94\t\x04\xd7{UB\xd7\xf1\x8e\xd7\xe9\x9ds[\xa4a\x1d\x02\x96\xadt\x1f\x9eD;L[\x00\x04\xfd\x02\xd3X\xc1@T\n\x03\xc4\xcb *q\x03\xf4\x8f\xab\x04\x8f)xy\x98\x17\x81\x01\x96\x18\xdd\x04p8\x80%\x92\xdal\xact\xfa\x80\xac,\xddL\x1c\xd58m\xcb\x91g\x128\xa9\x19yL\x16\xcb\xaa\x0cchNf\xb1\xbc\x98)\x83\xec\xce\x05\xa6\x86\xad\xad-0V\x19\x9c\x8dL\x8c\x86\xf1\x14\x80\x85Xa\xdb\xe6p`Bm\x1d\xe9\xb0\x9dKO\x92\xa6V\xcdr\xa6\xb6c\xb9Q\xd2\x9f\xc5B7k\xdc&amp;E\xd6U\x18\xd3\x14\x05\xdd\xa8\xb7\x8b\xc4\x08 \xcb\xd6 F\xf9PP\x8d1\x95?r!0\x84\x95\xee\x806&gt;$\xcd\xf2\xde\xf9\xd7N\x9d\xb9r\xa6\xbf8\x8b\x05P\xb0\x7f\xdd^\xf0\xa2\xd7\x04\xec\xd3\xd6p\xd1\x8d\x1b7P\xbf\x1a\xc4\xe2\xeb==J%\x13c1\xc7\xe4\xd5\xb87\xdc\x84n&amp;\xb2r\xa9\\\xae\xd6\xf4\x8b\x176\xf2\xb0\n{M\xb6\x1a\xf3&lt;1\xd3/!\xe8yL\x9e\x02-\x85E\x0b^\x1a~\x0f\xc3\xec\xfei\xff\xd2\xd2\xee\x02\xda_\x9b\xae/,\xa5\x92\xfb\xeb^+\x8f\x89WW\xe3Le\x11x\x8b\x83\xa8\xa4BWo\xc9\xc8\x8bC\x9bx\x93\xb4\x83\xfa\x07\xbcc~YG\x07\xb5@,/OQ\xd4\xd4\xb4\xe0\xf52\x0b\xd0\x85 \xee\x9f\x8d\x0c\x0f\x03\xd7m\xa8o\x1d\x8e\xa7\xd3\xeb^\x88\xd0\x8f\xaf\x18\xa0\xbf\x00\x02\xb6\x84#\x05\xacV\x08-\x1d\xab\x84&lt;\xacI\xec\xc5\xf2\x07\x1d\x9d-)\x1eGXTE\x13\x17\x82\x00/\x00.\x08y?RK\x0f+\xbfc\\?\xa7\xd7\xebw\x1d^\x00\x03,HZjQ\x93\x00\xfc.\x95\x96\x0bU\xad\x9c{W\xee\xa5\xb7\xc8{\xdd\xe7S\x87\xec\xc3\x07s\x01!\x81a3\x0f\xb8\x94E@E\xa3\xe1\x00f\x87\xb1ki\xc9\xed\x86\xa5\x11\x06\xd6m\x9fa\xdb\xb7\xed\xd6K\x1c=^\xc2\x8eQ\xce\xe7\xa2\xcb\xde\niy9\xc2*\xcfO\x8b\x7fu@\xda`\x93s\xf9F\xe9\x87\x0f\xcb\xa5\x0c\xc9x1\x03\xc9E\xb9\xadDj\x14\xd8a\x16\\Z\xf2h\r\x81\xce\xceN\x9fV\xef\t\x18\x8d\xb7\x8c\x81@\xbb\xd6\xbd\xbb[W\xbf\xe4\xa52r\x8b\x04\x15\x82r\x84\xd5\xdb+\xdd\xd9)\xf9\xe2!ic`N\xe1VTf\x9e\x8f\xd0\x8b\xc7\xc1\\\x8c&lt;\x16\x85J\xf5\xe6\xd1\x089\xbb\xae\xde\xad\xd5\x1a\x8c\x01c\x97\xc5\xd2\xec\xf3\x0c\xf6\x01^s\xb3\xd1g\xd0\xba\xb5-n\xb7\xbe\x87\xca\xa0TT\x08&gt;\xaa%\xe5\xec\xec4\x90\xd8\xc3\x9c\xd3\x938\x8e\xd9\xaa\x10\x16A@B\x9c\xa1P\xce\xc3n\xad\x9f\xf3@\xd7\x02\xb7,\x88\xc5\xf2\xbe\x0f\xf6\xe9\xd5\xa9\xed\xbd\xbe=\xcf\xb6g\xd4\xd0\x190\xb4\xcf]s\xd0?CX\x97\x84\xaa,\xd6\xd6C\x12g\xe6\x9c\x8b\xd7\xd8^\xe6k\x1a;\x8bE\xcbg\xb1r\x19\x0e\x89\xbb\xe5\xd1\xad\xe6\x80\xaf\xaf\xb3\xb9\xcf\xb77\xb8:&lt;&lt;\xeb\x8fNO\xc7b\xb1\xe9\xa7`\xff\xd1\x80\xa5\xab\xb3]r\x87~\xa6\x02\x0c_\xaeBX\x1c\xce\x01\xa9\x97#\xa7\'\xdbx\xf9\xf9\xf9\x04\xec\xd4\x04\x9d\x06_\xd1\x8ag\xda\x1f\x05\xba,]\xbe\xedx|\x7f\x7f\x18\x98\x86\x86b\xd3?\xd6\xd3\xa7\xde\x85\x9e]\x9f\xa5\xcb\xf8\xfc\xda\xf9\x13\x80%\x95\xf6\xf6\xaa\xcaKJ\xb66\xc9]\x13\x0b\x0f\xce\xd1\xf2\xf2\x88\xcan:\x9dA\xc3\x98\xf9x\x9d\xb6\xb3\xd3h1\x1a\x92\xc3\xfeX\xcc?4\xe4G*A\xf9\xfd\xfe\xa1\xd9Y\x8d?\x06\xb1\xe13Z\xda\xbf\xcd=qJ\xaa\x92\x82\xe1\x85m;[\x9b$/\xfb9\x9b\x1c9#\x8f^?\xde\xcd`0h4\x1a\xbb&gt;`16w\xa6\x86\x87\xf7\x97fg\xe1}\xc8\x8f\xc0b\xb1\xa1\xe1\xe1$T(\x99L\xadj}\xc6\xc0\xfd\xe3\xbf\xac@Z\xb5\xf6\x8a\xee\x93N\x05\xae\x7fX\xd2\xe3e\xc4\xfb\x1d\x0e\xc0\xc2h\xecQ\x80\xf2\xa5"\x10\xf0\xd9\x02\xae\xd8\xd0\xd0\xd0n\x0c}\x9c\x8d\rO\xed\xbd\x7f\xff~\xd5\xe33\xf4SO\t8\xaa\xde\xd6\xd6\xdew?\\\xfc)\xfe\xf7\xe7\xe2A\x11\xdb\xb3x?\x8b\x95\xf7\x7f^\xce?\xa6\x894\x8d\xe3\xd44Kn\xfd\xd1\x99%v\xad\x05\x1chM\xdb\x15[\x96\r\x02\xae\x8e\xf2c\x12\xebB\xb9\xb2\x05\x85\xb4\xd0\x1cnz]\xa2$\xdb\x12\xe8\t\xd6\x16BL\r\xb1-\r6eK)\x88\xc8\xb1@\xe8f\xeb\x11\xb7{\x94\x15(\xa7\xa1\xc6\x88\xbf\xb2\xc7\xe9B\x0e\xd1dM{\xc7j\xa2\\\xeey\x07\xefr\xff\xde\xads\xcf\x0c\xd3\x7f?\xf9&gt;\xcf\xfb}\xdf\x97y\x9f\x91\x0c\x9c&gt;\xfd\xd5\xa5\x8b\x17\xffv\xe9\xce\x95\x07\x0f\xae\x0c\xce&gt;\x08\x87\x9f_\x0b\xc7\xe2\xeb}\xeb}\xe1\xf5\xeb\xb3S\xdf\xbe\xfe\xe1\xa4{\xe0\x94\xbd\xa6\xac\xb8\xb0\x02a\xc54\x89\x0cP%\x884\xa1\x97\xb7\x026o\xa7\x00\xd4\x92\xf4\x9c;\xf7\xec\xd2\xc5\xd7gN/\xda\xe2\xab\x93\xf1U[\xe8I|5\xa4R\x85b~\xf8\x9d\xbc6\xf5\xfa\x8e@ \xd7y\x9d\xc22\x18\x81\x80u\xd6\xcf\xd01\xbcDQ\xf3\xc3{?F\x1d\x84`[\xae\xb8\xbc\xe5\xd4\x0f_\xfea\xea\xf5\xc5\x97\xb1\x89P\xfcI(\xa6b\xabB\xf9\xec\xed\xcd~Us(\x7fu\xf6\xce\x9d\x0fq\x8a\xf4\t\xd5PY\xc0\xe4:\xfbT\x93\x90\xc0\x14\xd7\xa1\x87\x80\x85\xe4\x12\x90=\xc3nm\xe5_\xa7\xa6z^ML\xf8\x9b\xf7O\xa8\xd8l\x95\x8a\xad\xd1\xbc\xbb\x9d\xed\x8f\x87\x07g%\xfb\x0e\xef\x13\x16\x97\x81X\x15\x85\x08+\xc4\xdcY\xcaDQ\xfe\xcb\xa8\x03\xe4J"0\xbbN.\x96]\xb8\xf2\xf5\xd4\x9dx\xd7\xd5\xfd\xfb\xf3\xb7\xb2\xd9\xecw\xd9[\x9b\'&amp;\xe2\xab\xe1\xf0\xb5\xe5\x9a\x1a\x98u\n\x8b\x91i\x9du\xd5A\x0e\x13\x18\x0cM,\x1a\xed\x04.\x01A\xd9I\x92\x14\x8f\x82\x1d&lt;\x7f\xbe\x12{\xd8\xd4\x14kj\x8a\x87\x9ab\xabap\xd3\xeb\xd7\xe7\x0b+\n\x1b\x94\x15\x15B\xb5\x12\xec\x81\xc9\x1cn\xbc\x86\xed\x8ev:\x9d$\x89\xe1\xb8\x85\xa2H\xd9(2\x87\xd9\xc1\xe7\x93\x93\xcf_A\xac\xf6\x85_\x84\xe7\xc3\x9d\x8e_\xc32\xcb\xa5PV\xa8\x01\x0b\x06\xa2+\xc4\xe81\xf0D\xd5+P\xcbA\x90\x18\x85\x93N\x1eN,\x8f\x02\xd4\xe0\xe0\x0b\x88p8\x0c\xcf\xbe\xf9v\xc02}\nX\r\n\xa7\x92\xc6\xaa\xabs\xf9\x99=\x04.\x8aOvv:H2\x8fEy\x9d\x16\x1e\xde\t\\\x83\x90\xb6\xbe\x7f\xc5\xfa\xfaz8lr\x15\x96\x156\xd4M\xd2XJ\xd8]0\x8c\x95\x98\xe0_\x8dv\nH\xbb@\xe0\xf0z\xa3\xc6\x1a\xfc\xb2dt\xf0z\xdf\x7f\x04\x14V{!\xd4:\xecu\x82Fz\x01XW\x1adZ\xad\x04\xcd+\xafMb\xb7\xdb\xc5\x9d\x1e\x9b7Z\xb3\x0fw8\x96G\xaf]\x7f\x81\x88 \x870-.\xb77\x00\x16l\xc1\x82\xc6\x06\xa5B\xad\xb0\x04\x83\xa5Lc%\x1e\x8a\xd9l@E\n\xec\x9e\xe9\x95\xa8\x85\xc7\xc3-\x8e7\x05F\xcf\x87\xa3\x92v\xb4\xb0*..T\x94\x96\x1a\x9d\x16\xa5"X\x1a,\xad\x0b1\x8d\x15\xb7\xd9\xc6\xc7\xed\xa4}\xdcf[\xf1z\xa1\xbcp\xca!\x19\x9dEk\t\xb8G\x97\x1d\xca\nH!\xcc\xcfPRA\xaf\xc5h\x04*\xc0:\x94\xc84\x96\xc7#\x1f\xb7\x8f\xcb=6\xdb\\\xa3\x83\xc7\x82 \x05\x92e:.\xcf\xb7\x83\x8f\x16\x97\xd5\x14W\xd4\xb9\xa0\xb8\x82\nc4\x08IT\xfc\xcc0\x96(\xee\x19//\x97\xdb\xed\x08ka&amp;j\xb1\xb0\x0e|\x8e\xe3\xed\xf3\xf3\x8e\xf9y\xd8\xc3\xee;|\xb8\x0c\xa8`1\xe3ruO\x96*\x8cA\x1a\xeb)\xb3\xed+\xb0\xdd\x90\xcb\x01k\x1c\x1e\x9e\xe9i\x8f\xcdh\xc1\xb9Yx;`\x01\x98c\x1e\xe7\x01\xd5\xe1\xe2\xa3g\xeb\\\xdd\xa5P\\A/\\N\xc0\xd20\x8dU\xae+\x07$y\xf9\xcc\xdc\xe2\xe2\x82\xc7\x1b\xc5q\x1e\x0f\xed\xf4\xdbM\xe8\x01\xfb\xc2\xb2\xe2\xa3\xae\xee\xe0\xcb\x95\x15\xe0\x8az\xbd\xde\xa0O\xa18\xabb\\-my\xf9\x0cz\xe39\x1c\x08,-x\xa20\xdcj\xdaM&amp;t\xdc\xe7w\xe8\\Ka\xc3Q\x971\xb8\xb0\xb8\xb4\xb8R\x1a\xf4z=^\x8bZ\xa1\xa8{\xc2\xaco\x89\xfc\xf2\x93:\x9d\xce=S&gt;\xd3\xd3\x160\xdf\x9a[\xf4\xd8\xa2&amp;\xa3i\xd2\x08X(\x8e64\xb8\xbaW\xa6\x03\xe6\xb5\xc0t\xd0\xeb\xf1l`)\xfd\xccciu:\xbd{ff\xb8em\xa8\xcd\x1c\x08\xdc\x9a\xb6EW\x11\x16\\&amp;\xa3\xc2h2\xad,\x06\xd6"\x7f^\x9b\xf6\xda&lt;r\x98\xa3\xd4\n\xa5\xc2\x9f\xc84\xd6\x91\xda\xca\x02\xad^\xafo4\x1b\x0c\x915t\xccfiazz\xa5\xdb\xb4:9\xe9\xb5\xc1\xf8\\X\x0c\x0cY\r\xd2\xc8\x02*B\xa7\xc5\xa7V\xaa}\xa1\x04\xe6\xb1N\xc8\n\xdc\xfaa}\xa0c\xaf\xc1\xdaj\x1dj[[\n 4\xdb\x8agnzi)`6\xaf\x19\xaaR\xa4\xe6\x85\x99\x99r\xbb\xd3Gc\xfd,\xfa\xbf`\xe9\x80\xebTG\xa6\xd4P\xd5a\xb5Z\xcdm\xe8\n,\xdd2/\x99\x03mcC\x11io\x8aa\xa9\xd1\xad\x1bw\xfa(\x9fZ\xed\xf3=ex\xae\xf6\x8f#,\x9a\xab\xc7\x9a\xbe\t\x9d\x90\x94vXQ2#Pik\xe6\xa1\x88\xd5\x101\xe4\xec\x90\x8e\xcd\xb9ur;\x05T&gt;\x84\xc5\xb0\x9f"\xb5&gt;\x93\x01\x97\xdb\xado\xd9\x9b\x8e\xda\xb7\xa4\xd2\x0e\x83\xd5\x00\x11\x89\x0cE\x0c\x86\xaa*\x8343\xb3\xaaM\xaf\xd3\x89I\x8a\xe2\xab\x91Z\x0c\x1bW\xc2F\x12\xc5\xb2\x02\xad\xd6=\xd0q\x86\xee\xe4\xc9))\x91JsP7\xa2\x01\xb4\xcb\x91\xe6\x00\xabu\xc0\xad\x13\'q\x00K(T\xf3}\xaef\xc6k\xeb\x93\xca\x0bb1`i\xf5C%g&gt;J\xdf\xb23sGF\x1a\xea\xc4E\xcd\\poN\xcb\x94v \xb1\x92\xf28\x187U\x88\xd4b\xd8OE\xfe\x82#\xb5\xb5\xc0%\xd3i\xdd\xee\xe1\x96\xf3\x99\xa8\xd94}G\xda\xee\xb4\xcc\xdd[Pwbzz\xdan\xa9\xb5m\xce-\x97\'q0\x8c\xab\x16\xaay&gt;\x9f\xd1\xcf&lt;Vee\xe5\x86\\\xee\xe1\xb6\xf3_\xec\xdc\xb2\xe5\xbdt\xba\x83\xf3#\xd4\xf6\xb6;\xad\xe4|\xcb\x80\x1e\xca\xddNb\x18\x8b\xafF9\xf4Y\x98]\x08\x02\xd6\xb1Oj\xd1\x0b\xf2\x02\x08\xadv\xb8\xe5\xf4\x99L\xba\xdb\x155\xbc\x02\xda\xce\xbd\xad-=Z1\xac\xf6a\xdb\x06b\xa5\xbe\xc1\x8a3\x8eU\xfb\x19P!2\xad\xf6\xa4\xf6\xc1\xc0W\xe7\xbe\xfd\x82n\xca\xda\x99\xb9soI\xeb\xb3a\x99\x00#H\x01I`\x14\xc5\xe5\x03\x16\x9f\x0b6\x11ct!(\xf2\xeb\xc0 r%\xe2\x0b\x950\x18\x0b\nd\xb2\xc6\xc6\xc6\x96\x96\xb1\xb1\xd6\xd6s\xe7Z[\xc7N\xe9\xe5H$\'\x81\x9e,\xa0*\x02\x7f\xe0S\x14\xf5\x8a\xc9\x15\x17,lh\xac\xe4\xe4dY%Jc\x81X"\xb1\xcb\xe5:w\xcf\xed\xbf|y{\xa0G\x9e\x87Q\x16\'\xc5\x02(\xecc\x84\x95\x9a\xaa\xe6s1\x0e\xd6=!b\x14\xcb\rX\'r\x93\xa1\xe6A\xaa\x11\x99D"\x90\x90\x84\x1d\x8cL\x8c\xb2*`A\xea(\n\x1e\x80\xc2\xe2\xa2\xb6\x83T\x84\xe5\xfc\xf1F3\x83\xff\xb49\x14\xd3\x83\x9d\x9e\x18\x11\xa3\x90\xc1-\x01\xb5\x04\x10D\x1eF8\x08\x02C:!0\x8a\x05PY\xff\xc6\xc2l\xff\xf8^%bL,\xd5\xcb\xdf\x1e\xa9&lt;\x91\x9b\x0bP\xc9\x12\x99x\x83K,\xb9|\x99`\xe1(X,\x82\x05Z\xf9(.P}\x9c\x05I,J\xe5\xb30\x0ea\xab\xaf\xbf\xc1\x14\x97H\xf40@c%\'\x01\x8b\x04\xa8FdI\xb4V\xe8\x0c\x06\x8enH"\x0c&lt;&gt;\x97\xcb\x07\xad\x00\xab\xa8\x88V\x8b\xe3\x89\xf4\xd7\xdf`3\xd1\xd2)B\x1f7\x18\x03\xac\x91\xe4d\x80\x91\x08P\'\x8f8\t\x0c\x8a \x1c,\xdc\x81\x7f\xce\xc31\x16J\x1f\x8b\x8f"\xf5\xf7Y@Esq8\xf6Hu\x7f\xfdO\xfb\xdf:\x97H\xd4\xdc\xf4\xb8?\xc5\xfa\xf7#\xb5#\xc9I\xdb\xb6\t\x92\x04\x1b\x1dF\x02\xe4Q\x84\xc3\xe1\x80=\x10\x0b\xb0\xa0\xd2\xb9Y|\x9eZ\re\x05L\xc0\xc5\xe7s\xf2\x10Vu\xff\xdd\xabo\xf9\x13$\xa0\xd4\xcd\xfa\xde\xec\x14\xc3\xf0\xc9\xda\x91\\\xd4\x83\x88\x1a\x8c$\xa8\xc5\x08\xa0P\\\x86\x0c\x82h\x14\xedW\xc8\x19Ri\xa6"!\xc8\xc5!=\xd6\xea\xea\xea\xfe\xfeo\xee\xff\x11*L\xf4Vd\x82\xd0t=\xee\xefMII\xc9\xe8\xb8}\xe4\xe4\x05\xf4:\x18u\x89\x89\x93\xe8\xca"\xdf\x80\x11,(+.\x85F \xe4\x10\x86a\x91P\x98*|\x83e\xe8=\x8e\xc0\x1e\xd5\xff\xd4\xac\xf9\xa5\x92\xd1H\xcd]M\xf9]7\x0ff\xa7dddl*\x19\x80$\xd2X\x82=\x90C\xc16DE\xe6\xe5q\xf28\x1cX\xc6\x80-pQ\x8f\x0f]\xef\xa0\x14@\x15\x81\xa1r\x88\xc6\xaa\x834\x17\xa4\xf2\xfb.\xfaK7\xa2_\x02\xa5\xb9z\xe3f\xfd\xcd\xabM\x8f\xb2A\xaaM\x9b6\xed=u\x0c\xb0r\x01k\xcf\x9e\xbc&lt;\x90\n\xcc\x94\xc00\xf8\xe3\x10\xd8\xc6\x84\xc3\xe7\xe3x\x16\xfaAT\xa0U*\x9f\xcf%oI\x0f\xf6\x02\x17\x90}ps\xff\xbd\xfa\xc7\xffk.\x01i;\xfa\x80N\xfd\xfb\xbfJ\xbb\xdb\xf5\xdd\xf1\xec\x0cD\xb5y\xc7\xb3c\xb5h\xee\xd9\xf6\xe1\x81\x03\x1b\\$\xc2!XpC\x80u\xf1y&lt;\x9c\x97\x95\xc5C\xe6\x00X4\x15fo\xc9I\xe9=\x8e\xae\xea\x0f\xbe\xd9z\xff\xfd\xfe\xfa\xbb\xdf\xe5\xff\xb7\xdfc@2\x1d\xcao\xfa\xd3\xbdG\x07\xb3\xdf\xd9\x95\xb6\xf9\xc6\xc4\xfdw\xb2\x11\xd5\xae]\x99-\xe0\xf24\x16\xa8\x05yC\\\x18\xce\xc37l\x0b\xe7m\xc4o\xe8\x8a\xa7s\xc8G6\xcfqw\xe4d\xf7\xd2q&lt;\xfb\x9f\x95\x9c\xefk\x1b\xf7\x1d\xc7\x13\x9d\xee|w\xdaM\x0eF\xbah\xae-+\xb1\x94\xec\xacy\xc1pr\xa4F\x89\x95\xd4\x0f6\xea\x82\x83\x1a\xae9G\n\xac\xd0\x84\xd1\x08\x96\xb0\xa9\xcc\xa64\xf1\x83\xd0\x11X\x9e\x880\x92\xcc \xf2\xa0\xa3\xa1\xb4 \x8c\x9eX\x0f\xc4F+\x1b\xba\'\xb3\x8c)Ea\x0f\x03~\xb4?`\xef\xf7\xe7\xe4t\xb0\xdf_\xdb\xb2e\xcb\xbe\xd7\xbd\xdf\x9f__[\xbeV\xb9\xeby\x19\xbb\xd9\xef6b\xff\x87\x97\xa7\xe4\x9a&gt;/ZM7\xa2\x85\x92\xa9tz\xb0\xd9\xee\xa7\xb2\xa1\x08\xb4J\xa6\xee\xdf`\x81xml&amp;*XQy\x8e]\x82\x15&gt;\x97\xc8%\x12\xb9\\n:\x97xc279\xb4\x90997\xf3l\xc9u\x8b\x01\x96\xd1\x8f\xedW&lt;\xdb\xf3*\xc8\xcb\xfa\xff\n\x06\x9dV\xeb\x07}2i\x1a\xa1\xd2\xc9\xbdvi\x87W\xf3\xa1Z\xe9\xdf&lt;\xa6Z\xfc\x1b\xacP\x91\x0b2\x81\x0bD\x0bUY\x92\x7f+C\xaaq\xbc\xfea\xec\xd3yw\xa2\x18p9{\xa7:\x95\x0c\xb0HV\xdb\xed\xac^\xf8o`\xbc\x0eT\xac\xd1\xdd\x19\x18\x91\x08\xa8"\xa0\xfa^*\xdd\xdcl\x17\x0e \x15^\xf1\x89\x1f\xbc\xfc\x19z"\xd5\x8aF\xf3\x90\x0c\\\x08\xa9\x1c\xe2i\xe1\x90\xaa:\x9d\x00\xd4\xf2\xf42K\xd7\x1c\xb0\xce\xdd|\x90\x15\xac"\xde\x9c.\xb0\xd4\x0c\xb1\xecL\xc6\x1e\xec\xec3\xc8N\xfd\'\xf3\x8e\xacv^\xd4&lt;\x00E\x0cH\x15h\x95n5\xda\x85N\x85\\\xc4J\xdf\x7f\x9f\xbd\xfa\xb5\x19\x00\xe5\xf3\xbc\x8d\x12\x0b\x0e.\x80\xebr\xb5\xba\x9c\x9b\x84Z+Un\xc4\x10Wss\xf1\xf8\x8f\xd7\x96&amp;\x88E.\xb7\xb2yj\xab\x02\x9e\x00\x0bk\xd0\xef5\xfe\xbd\x95#\x17\n\x0cr\xdb0@\xa5\xea\xa2U:\x95\x8c\xa4\x88\xb5Y\x8bp%O\xa4R?\xfa\x86r\x9d\x1d;\xe4\xc2\xae\x0b\xc1\x95\xc8A\xa7\x85\x05`I\n\xbe1\xc9\xc8\x1f\x9f\xc3 \xf1zt\xec\xf1\xbdlvB\xb0&amp;&amp;\xb4V\xe1B\x972\x91\xca\x01\x95c#\xc8z\x9b\xff\xfa\xfaS##e\x98\xb7\xa1\xea\x90)\xa2\xa9\x8a!X\xa9\xa4\xa6\x11\xabT\xea\x1fb\xa5O\xdc\xbf\xf1\xee\xd9\xe7\x82\x85*:3\xc3\xdd\xe0\xe8b"\xb1R\xad^^ \x15\xc7,\x14yvk\xf4\xe8\xd1\xe8\xcc\xf5\xb5Y`\x81\xaa\x88&gt;\xe1\xf6\xc2\xb1\x1eE\x02\x96\xa2f\x82\x8f&lt;\xaf\xb6W\xff\xa7J62r\xea\xc2\xb5\xed\x8a\xad\x14\x8b\xc0\x8ah:\xc5\x12,\xcd\x05V\xbb]*l)\x82\x95\x82\x82g\xd6\xde\x01\x16\xb8\xf2\x8c-\xc6&gt;\xf0F\x17\x11\xf3U\x94,\xf4D\xb6jv\x9fc\xe3s\xafG\xa3c\xef~so&gt;\xe4\x8aZ\x13\xae[\xa9\x9b\xb1\x9eC\x9d\xc0\xa5:\x8e\xc1\x8f \x1d\xa3\xff\xbb\xa6$\xed\x05P\xe5R\xcb!\x16\xd2\xcf\xd0)\x99\xa8\x85\xb8\x0f\t\x96\xdfn%\x871\x9f:\xb1\xf4\xf4,]\x1c\x13\xb1(W&gt;\x8f\xb6\xb8xt\x0eP\x18\x96\xd1\x83\xb0P\xf0\xe7\xc6\xe3\xe7\xf2c\xcf\x7f\xf9\xe9l\x16X\x04\x83X\xbb\x053\xd6u\x1cGU\x15\x1bX\x00s2\x8a\xa2xL\xcb\x17\x9d\xc3\xc9\xfa\x1aV\xcc2}ss\x90\x01\x96N(P%\xa1V\x8a\x16j\x91T\x9fXfO#\x15\xe5J\xa5\xee\xdd|.\xff7\x8d\x12q\xee\\\x9eT\xa8\xf7\xe7i&amp;\xa1\x16\xe3\xbf\xc7\x18\x18\xe5\xa8\x1c\x9d\x19;}\xf3\xe5\xaf\xe7CYR\x81K\xaft,3\xd6\xa98\x8a\xa2\x83+\xe38\x82\xa5\x92\x0b\x8a\rz\xabA\xe9\xb7\xb0\xcc\xb2i\x86;\x1e\xbe\xa6\x80IW\x14(E\xb1\x92,]\x91\xf4N\xa9T\xf0\xfdF-9\xb41\x95:s\xff\xd1\xc9&lt;\xc5b\xbf\x89\xd2\xc3)\xde\xcd\xe7\xa7\x885\xcan\x1d\x97|\xc8\xe7\x9f?zv\x7f)\x14\x12($\xa3\xb6\x0b\tb\xf5\xa6\xcaC!\xb2\xd4@-\xd5\xd0\x15\x1a\xe9\xf5\x1b\xa52\x7f\xe7d\x9a\x96\xac\xd8\xb6\xa1l\xd8\xc4Ru\x06\x16\x84\xa1V\xc4\xda-\x10\xab\xd0\xf5\x86r\xa5N\xa4\x8e\xaf\xbdw\x12\x07\x15\xac\xd1\xa8\xd0\x08\xdc\xd4T\x94\xbf\x0ea\x17\x8c\xe6eJ|\xff\xf1\x9b\x9e\xbe\x18\x00\x00\x04\xdcIDAT\xdal(\x92\xcd\xba\x00s]m\xb0\x19\xf6\xfdp\xbd\xe9\xa8r(\x06\xbcJ,\xdd\xc0\x1d\xbb\xe2\xb5\xda\x85B\x19\x82Ya\x8b\x7fg\xb6b\xbb\x9a\x88\xa5\xaa\xc4\x82\x8b\x94\xca`Z\xa6_\x14@\xe5\x97\xda\xbb\x1a\xfa\x0f\xb8\xce\xa0J\xfcb\xfd\xf3\xbc\x100\x8a\xa60\xd0\xd0&gt;\xcc\x10SQ\x19"\xe2\xb4o\x0c;\x91w\xfev\x0b\xf1\x1e\x12\xac\xa2\xeb\xea\xbd\xb0\xe5\xfbV\x80\x05\x92\x80+#.\x19,\xb1\xb5\x06\x0eV\xbeF\x13\xc3\xc4\xf2\xfb*\x02\x9e&amp;\xab\x12\\\xa8\xf2x\xef\xe2\x04S{\xab\x14\xcb/4ZI\xe9?b\xe3\xd2\xfaO09,\x8a0SS\xc7\xe2qn\xc2\xe2\xb2o\xe5\xe7\xa2\xc1\xf5\r\xae\xdfx\xf6\x99Pe\xc5E\xad\xdf\x0eC-\xab\xd3\x94\xb3\xa7Z(\x12\x082\xa8e %mo\xb0Y\xc0\xf2\x81\x15\x0b\xd3\xc4\xfa\xc0S\xb8\xf0h\x03Q\x0f\xf7tT\x0b\xdd\xd5\xdd\xa4`q\xd5k\x91\x90\xf8\x98\x14\xae\xdf\x8d\xc6Q\x15&amp;1]\xa1l\x8dc\x9e\x01\x0ed\x93\xedE\xf4\xfb\xd8}\x80\xea\xe9\'\xc8\xc2P6$Xz\xadn\x85c\x96o\xedW\x14f\x96\xae;jF\x1d:\x84\xc3\xaa\xb6\xdd\xac\xfb\xa0*\x1c\xe1\xe3L\xd3\xf7\xb7m{\xc3\xde\x10,\x8d:\x19z\x11/\\C,&gt;h\xbf\x19\xc9R.*v\x1cz\xb1Gcj\x18O\x04o\x89cq\xec\x11\xb9\xe7\x81Z\'\x7fx\xfa\xfa\x8d\xc7\xeb\xa4\nAtwBw+[1x\x03\xac\xad\x8aM\x10\x9d\n\x81)\xd0\x02X\x8a\xd2\xacS\xad\xc2\x11\xf8g\x99\xc8\x8e\x83\x8c\xb7\x81\xfa`\x88X\xa0\x97\x13\x80X:M\xf4\x05\x0b\\[\xd2\x1a\x8f#\x1d\x92\xa9\xd0\xd2\xda\xdb\x0f97\xac\x8c\xaf\xac$d\xb6\x19\xa7\x99\xdc^\xc4\xa3\xf9\x93\xa7\xaf\xdf\xbc\xf1\xf2\x01\xa9X\xb4\xb0\xec\x9eO*`umI.cx(E\x0e\xc6\xc2\xaa67\x87X\x12\\\x96u\x80V\x00,U\x95\x87\xaaA\xa9p\xa5n\x01\x0bH\x82\xe5o\r8\xa2F$\xc4\x8e\xcf~\xf2\xab\x879\xb6d`%\x8e\xcd\x1d;\xca]+d\x9b\x9eD\xc8\x9f\xbe\xf8\xde\xcd[\x0f\x0e\xc3\x1di\xe8\x1d\xf8A\xd2\x9bfw\xc3\xf6Tu\xa8\x80\xa20\xbe@E\xac\xc1wX\x12\xf2\x07\x9e\x17\x84\x96\xc6\xd0\x12,)\xf5\xa8\x14\xbd!\x165\xb3:5\x14~\x1c\n\\\x91\xd0\xfc\xdd\xaf\x1e&amp;\x96\x97/OOW\x13\xe88G\x8f2\x05\xb8?\x9c\x1b\xfd\xed\xc5\xeb\x8fn=\xa0R\xe8\x86\x1b\x1b\xc5\x89\xcaA\x00\x05\x13\xcd.\xaa\xa7-\x99\xa5I:J\xc8\xb3\x809\xc8\xc4\x12\xb1\x82L\xb4\xac=\xa8%\x06\x07\x1e\xb3\xcc\xc1Q|\x9f\xee\xf6VMY\xbe\x80m\xee\x00\x0bA\x8cb\x11\xca\xce\xde~\xfauu\xf9\xcae\x0e\x0e\xc1\xc0\xbc\xc2\x958z\x1eT\x88+\xc9@N\x7fz\xb3\xeb\x87\x03*1\x11E\x9db\r\xb12Ap\x01\xab\xd5(\x91\xeb\xb0@\x84\x0f\x02,\xdd\x81T\xb6"\xf8\xf2}\xba\xf2\nk\xc8\xd6&gt;hj\x9a@qZy\xf0\xe1\xc79pU?\xa8r\xb6\xc1\xc4\xbc\xbc\xbc\\M\x9c?}\xf1+\xe4\xa0\x16\xcc3\x98H[\x1d\x13D\x02\xc6\x90\xb7\x15\xdbS\xa8\x80\xf4:\xd4S\x1cK\xd4\xea\xb7\xff\x01+\x86Y\x03\xed\\\n\x1c\x13C\x15*\x9e\x0c\xect\xb7\xcb\xc4\xb1\x0e\xb9|\xb3\xd3w"\x80\xe2\xbe1;1\xfb\xe5\xb7\x1fq&amp;}\xab\x9a\xabR\xb5+?\xbfR]\xfc\xfc\xed\xa7w%\xacD\xab\x89\xcan#&amp;\x11\x1c\xc4Vxk\x83.\x06\xd6h\xc4blq\x19\xbb%YGD*b\xd9\xccYU\xc9\xa8RH\x02(9\x97P\xb7\x1c\x00YC,\xdf,m\xd7\x1844\x13\xc1|u\xfd/oU9\xc9\xf3\x99\xc2o^\xbat\xf9\xa3\'\x7fZ\xbf:/\xd0\xd0Jqk\xdd\x82\xb8w\xc8\x15\xde\xb2\x8bE\xdb\xd6\xa5\x10\x11K\xd5\x03\xae\x8c\xb3\'Tm`\xc5b\xc4\xea2\x13%\xe8\x1d)\x0e2\x0f\xd2H\xdd\xdd*\x0b\x91\xe4\xd0\xd0H\xb3qPs\x82$s\xf5\xe2\xc6\xed\x0f\xffx\x07\x16\x02\xebM&gt;\x13\xe9\xc9\x9f\xef\xceK\x05\xe5\x84\xe5\xd5\x0e\x1a\xc3l\xe7\x0f\x08\xd4B`a|0`\x8b\x11\xd1\xc0\xc3"!\x93j\x8fP\xedR\x80\x85\x1b\xee\x91l[\xa8\x82\x02\xa1jRVU\xb5\xb8\xcf\xf34\xa5\xbc\xe1&amp;\xa8aV\xb8\xb1\xdd\xaf\x84\xb2\xd8&gt;f\x016\x7f{\xfd\xdb\xaf?\xb8\x02\xaeK?\xbd\xf3WD\x95\x84\x156\x99^\xab\x07\xff\x86X\x94\x9aXV\xd7S91 \xb9\x80\x151\xa8VF\x91\tz\x1bPmQ\x0b\\ \xab7\x05\x0b\t\x88NN\xd5t\xb1\x90g\xb1\xffJ~\x1a9,\xadX\xa5\xfa\x0e*\x1b\x93\x92f]\xfd\xec\x8b\x8f\xef,\xdfy\xf2\xc5\x97\xb3!\xf1\x0f\x1b\xc3\xc1\xee~\xfb\x95urR\xf8\te3\x8cL\xe4\xb4\xe5h2\xac\xc8\xdc)\xf3j\xc6\xdbjs\x95\xfe\x0eQ\x93\x17\'\xc5\xeb\xd41\x00\x00\x00\x00IEND\xaeB`\x82'</t>
        </is>
      </c>
      <c r="M532" s="3" t="n">
        <v>45492.67846064815</v>
      </c>
    </row>
    <row r="533">
      <c r="A533" t="n">
        <v>1464248</v>
      </c>
      <c r="B533" t="n">
        <v>37</v>
      </c>
      <c r="C533" t="inlineStr">
        <is>
          <t>Luis Guilherme</t>
        </is>
      </c>
      <c r="D533" t="inlineStr">
        <is>
          <t>Luis Guilherme</t>
        </is>
      </c>
      <c r="E533" t="inlineStr">
        <is>
          <t>UNK</t>
        </is>
      </c>
      <c r="F533" t="inlineStr">
        <is>
          <t>UNK</t>
        </is>
      </c>
      <c r="G533" t="inlineStr">
        <is>
          <t>UNK</t>
        </is>
      </c>
      <c r="H533" t="n">
        <v>175</v>
      </c>
      <c r="I533" t="n">
        <v>11</v>
      </c>
      <c r="J533" s="2" t="n">
        <v>38756</v>
      </c>
      <c r="K533" t="inlineStr">
        <is>
          <t>Left</t>
        </is>
      </c>
      <c r="L53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5a53cc41-16e0-4a88-b37f-3a81152783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P\xcc\x7f\x00\x00\x02\xf7PLTE\xff\xff\xff\x16\n\x06\x11\x07\x04\x01:&amp;\x00=)\x08\x03\x03\x0c\x07\x07\xff\xfe\xfe\x00O7\x00L4\xf2\xf7\xf8\x80@%\x1b\x0b\x06\x17\x12\x12\x11\r\x0c\xed\xef\xf2\xc2sR\x00P;\x01I1\x00@,;*#j6!\xbblK\x04\x01\x01\x00C,\x00S9\x01U?\xf0\xf2\xf5\xbfpNU\'\x14\xfc\xfc\xfc\x9f\\D\xab`A[+\x16f2\x1d\x00E0"\r\x07:\x1e\x12\x01@)\xafcCq9"J!\x11:\x17\n=$\x1a\xb1gI5\x14\x08y?\')\x1e\x1aO)\x1a\x1e\x13\x0eW-\x1dw;"4\x1a\x10\xb6hH\xfa\xf9\xf9B0((\x0f\x07I92\xe8\xeb\xee\x83E,4"\x1b@\x1e\x10-\x16\rE\x1d\rO#\x11a.\x18\xb4lN\x88E)%\x18\x14\x006$\xca{XG\'\x1a_1\x1f\x98ZB\xd8\x83`\xb4eC?\x19\x0b\xdb\x87fD"\x15\x03YE\xd1}Z\xc6vU\xa5aF\xa6]@ZH?/\x10\x06\x8eH+\x1e\x1a\x1a\xbapP\x91WA\x8cL4\xabeI\x93Q7\xe0\xe6\xea\x9aU7\xb9iL\xf6\xf4\xf4\xd2\x81_\xa3Z;K1%\xe9\xe5\xe5U5(\xadjP\x85M5\x92M/\x88S&gt;\xc7sO\xc4yZ\x9cW=\xcbvR\xaa\\:E*!\xd7\xdf\xe2\xacp[\x07bP-&amp;$\xce\xd8\xdb{G0p@,\xcfyVhSJ\xac\x8e7`;-\xb2_&lt;\xb6\xa8\xa3\xd8\xd5\xd6\x93\x87\x81\xbf\xb5\xb2}L8\x9bM1iH;\xdf\xdd\xde\xe0\xcb\xc4\xc2kG?78\x02H6p5\x1b\xaf\xa0\x98\x02-\x1d\xbd\xc8\xcdU&gt;3\xa7\xa7\xa7m]U\xa8\x96\x8e\xf4\xf8\xf9\xd8{UMA=aYW\xc9\x80`\x13E)\xbcfA\xa3T5\xcb\xc7\xc7ZOL\xc7\xce\xd4\x9f\x99\x9b\xe3\x92o\xb3\xb3\xb5\xde\x8cl(O*\xbd\xaf\xa9\xb2\xbf\xc4\x9f\x8d\x85\xe4\xd6\xd2\x8a]L\xa3fP\xf1\xec\xec\xb8\x81n\xb9tY\xd4\x87f\xc9oH\x8e~w3.-\xcf\xa7\x99\xe7\x8aa\xc8\x9f&lt;\x7frl\xa6\xad\xb3vd\\\xdb\xc4\xbbrH6}ZNWg2\x97aL\x99\xa0\xa1nhj\xd2vN\x17W6\xd6\xba\xb2\xe4\x98}\xd3\xce\xce\xcc\xc2\xbd\xdf\x83Z}kcCm&lt;\x7fxx\xc5\x87n=[/\xc0\xbd\xbe\xc4\x9c\x91\xb8\x99&gt;\xa9\xa3P\x93\x8f\x8fOIJ0b9\xcd\x98\x83{\xa2\xa0|x6\x01\x1d\x14\xd2\xb1\xa6Su?\x97\x99J\xd3\x8fv:ke\xc8\xbb\xb6\x9bkY\xaeye3}rko3\x1bYL\x8f\xb1\xaf\x84\x8eHzSC\xbd\x8f~\xeb\xde\xdb\x8auld}C\x90\x87&gt;\xd8zi!l`O}x\xbd\xaaO\x9f\x865d\x97\x91\xdd\xb6J\x8dl`\xd2\xb0H\x16$#u\x86E\xa2{p\x92v(g\x88\x85\xa2\xbe\xbd!D?\xef\x97o\xf2\xa8\x8e\xde\xb1A\xdb\xa9\x99\xdd\xb9\xac\xe8\xb9G\xf0\xc0O\xc7\xb7[\xe5\xbdQ\x13(\xaa\xc9\x00\x00 \x00IDATx\xda\xc4\x98\xdfO\x1ak\x1e\xc6;$\xc0\x050\xe5\x02\xe9E\x15\xd1@PQ\xc6A~\x88R\xd4e\xe2/\xd4\xd8\x82rTB\x01\xb1\xa8\xb54\xcd\x045\x1a\xa8\x1eVb\x13\xb5\x06\x8cBPs\xe2\xd6\x9e\xb2\xa5\x89\xdb\xe3\xc6\xb0\xe9\xba166\xc1\xab\x93lR\xaf\xda\xf4\xfa\\\xec\xd5\xde\xef\xf7\x1d\xd4\xfe\x01;\xd8/:\x1diS?&gt;\xcf\xf3&gt;\xef;\xde\xba\xf5\xff\r_&amp;3\x18\x0c\xb7\x9bn\xcbd\x9e\xf5\xf5\xa6&amp;\x8f\xc1 \xbb\xf5\xc3\x87o\xf0G\xa3\xe1\xd5\\\xe2tg\'\x92\xde\xd9YM&gt;O\xfa\x7f\x10\x17\x9f\xff]\xab\xf0i$\x97\xa0E"g6\x1bKe\xe3\xa9\xd4i2\x19\x95\xf1\x7f\x04\x96\xe1\xee]\x0fX%\x03\xdf\x92\x89l"\xe6\x04*xec\xcc5\xb7\x1a\xf6x~\x80`\x86\xf0\xd9q4\xeaoj\xf2G\xd3\x05$\xf8\xc0q\\\x84\x06\x17\xd1\xe7\xa7\xa7\xf9\xe4\xfaM\x83\x19\xa2I\xf0)\x9c\xce\x1f\x1f\xa7iQ\x01F\x84\xf3\xe0\x85\xc8\xd0\xc5\xe9$\xce\xcfn\x83d\xfc\x1b\ry\xf8x\'\x9d&gt;\x8f\xe5\x121\x91\xe8R&amp;\x9c\xc7\xe3\xf2x&lt;\x1c\xdd0`\xa9|:\x19\x8e\xde\x98\x99|\xcf\xeb\xf0j&gt;\x91\xcd\x82u\x05\xefp\x84\x03/.\x02\xc3q\xe6\x82\xc0\xe8\\&gt;\x97\x8e\xcan\xdd\x84d|YS\xf2,r\x9a\x15\x15\xdccD\xc2\x196.\x83%\xc2\xb9\xdc\xc2;4\x9d=\'\xb2\x89U?\x9f\x7f#q_\xfd\xdb9\n\xfa\xa5N\x88\x82I\x16\x17\xdd1_\x17\xb8@/\xb42\xe9\xd3\x1b\xa8\x0b\xbe\xe78\x9dH9\x0b:\xa1\xe1\xde\x01\x91\nLp\x8b\x88\x18848\x8e\xfe\x1d\x9d\x88D\x8b\x1e0C2\x9fp:\xaf\xccc\xb8\x10\x1a\x0c\xf7\xfb\xa07\xaf\xac\x149\xcfs\xa7~~\xb1\xbb!\x1dG\x12\x88\x90Y&lt;d"\x8e\x08\xee0\\\xcc\xcd5\x1b\xbaE\x92\x81\x8f\xb1dQm\xe4\x1b\xc2\xf9\xb8\x93Y}\x97&gt;\xdd\xb9\x86\xba\xc3\xbd\xa2\xfbN\xc5(\x06?C6\xe91\xf0\x8b\xb8\x08\xc3;\x89\xebX\xe1\xc0t\xe7jP\xea\x0bL\x80\xc9\xe1q\xbf\xbf\x0fkS\x94J\x16\xb3\xbf\xd6\xfd\xab9\xfa\x92\n\xc3PO\xf1\xd0\xb7f"\xc4\xe1@\xe01!\x07\xfe\xe4\xf18&lt;\xeew\r\xe1\xaf\xb3\xb9\x9d\xb3p\xd1\xf4Z?K\x9f3\xc5\x00\xdf\x98#\xe2p0TV\xa8\x1c\xb8\x18\xc6\x11*\x84\x8a\x01\x8bB\x88q\xd0p\xaf\xb9\x90`\xb83\x16K\xecx\x8ad\xa1?\x9f\xcb\x8a.\x83\xc5\x81\x1b\x12\xe3`0\xe0\x9aE\xa7\xbbW]\xdd\xd2r\xef\x9e\xce\xa2hT\x08\x85B\x00\xe5q\xaf\xf5\x12\xe1N:\x95,\x8e\\\xfe\\\x96(\xacA\\\xc4\xc3I\x92\xa2H\x92\x04\x02\xa1EW\xad\xd5jK`*+;+\xb4e\x88\xafn@!\xe4\\\n\xc6\xe3\xe0\xe88\x96\xf7\x14e\x15\xa6Q\xae\x9cLa\x91\x98\x90$\x95J\xb5Z\xa9\xec\xd3v\x96L\x874\xcdh\x04\x82\x86\xaa\xaa\x92\xb6\x8a\x8a\xb2\xfa\xd6\x96{\xbaF\xecR/\x06\x8b\x88\x1f\x17A.~4G8\t\xa7\x88\xa9t\x92\xb4\xf4i\xe7\xa6\x0fC\x81\xd0\xc2B \x10\n57\xc3\xa7@\xd0,hhh\x00\xcd*\xb4\xf5\xd5}}J\x8b\x90\xc7P\x91"\x8ctRt\xba\x08r\xc9\x8e\xcf\tT\xef\x1c\xdc\x89sH]g(0\x11\x80Y\x08\x85\x02\x88,\xd0l\x85\x114\x08\x90b%\x9dZm}\x07\xc3\x85\x8c\x04q9\x14E\x99Sgl\xb7*TV\x8ev:\x9d\xd0\x04@\x86)\xab\x86\x87\x03\xc3\xc3.\xf8Dl\x81a\x97k||p\xd0\nP\x02\r\xc3\xd5\t\\\x1d}\xbaF\x052\x12\xc70\x92$\x08\xc9\x1a\xdb\x9b\x10\xdf\x13!H\'R\x0b\xc3\x84\xcaN\xcd\xb0\x0b\xa0\\Sn\xf7\x14\x9a!\xf7\x94\xcf\xbd8&gt;h\xd5 \xb54\x80U\tX\xf5\xf5\x1dJK\xa3\x10\xb5\x05G\x84\x81\\\x84\xe9\x8c\xedR}\x9d\x03(\x82\xc4E\x18\xa7/\xe0\x02$ \xf2\xd9\xe5*\xb9\\e\xd3\xab\xecv\xdf\xd6\x16\xe8eE\xf1\x82|\x15l\x04\x1f\xa1/\xa0*\xb8P$\x94\x99\xa2\xb2\x11\x96\xd3\xc5\xbf\x9d#\x08\x8a\x80F\xe0\xe8BC.\x17\xe8c\x07"@\xb2\xe9K\'KU\xc1\xad\xad\xad\xc5A\xeb\xa5\x8d(\xf6\xc8\xc6\xfa\x0e5\x14,#W\x01\xeb&lt;\xccg\xd9\xc4&lt;MASQ\x98bnbhh\xa8\x0b\xa8\x80I/\xd5\xdb\xa4\xe2R\xbdM\x15\x040\x17\xa4\x0b\xc4\xd2\x80\x8b\x95WX:\x8b\x90\xa9}\x0cJ\x8e"b\xcfY\xde\x82\xd6Wc\x14A\x10$\xa6&gt;\x04\xac\xae\xaer\xd0J\xff\xf0\xa1\xdef\xd3K\x1f\xda\xe4\xf3\xf3A\x18\x9f{\x1c\xb84\xa8\xbc\xae\xb0\xd4L\xba0\x1e\xda\x0fH*q\xc6\xb2\x8b\xaf\xf34C\xa5\xe8\\\x00(\x10K\xa5\xaa}\xa8\xafU\x81\x8f6\xdb&lt;s\x99\x0fn\xb9\xc7\x07\x19\xae\x12X\x8aLI\x80\\\x94\x02\xf6($\x18N\xc6\x0e\x9e\xb3\x8b\xc5?N\xd1\x04Eq8\xca\xe9\x89\xa1\xa3\xaer;J\x16\n\xbc\\\x1e\x0c\xce\xdb6al\xf3A\xdf\xd6"\xca}\xb3Fs\xa5V\xc7S5\x05\xe9\xc20\x1e\xc9\xc3):\x1e\xf1\xb3\xbb\x1f\x9e\xc6h\x9a 9\x8a&gt;\x84\xf5\xe0\x01`\x8d\xc8\xe5v\x9fo\xca\xe7\x93\xcbm\xfa\xcd\xa5\xcdyF\xaf\xad\xc5\xc5a\xe8\xfa\xaak,\x89\x19\xa5\x1e\x0c$I\x9ad9\xf3P\xf1\x12\x82\x92\x80\x87\xf5!\xc0*\xb7\x97C9\xc8\xedr(\x86)_\x10\xad\xc8\xa5\xcdK\xc5\xd0\x82\x140r\x15\xb0\x8c\x88\x0b\xe5\x8a \x9c8\x99\xdd\xe1\xb3\xb9M\xaf\x9a\x8c4%!\x84\x16mh\x01\xb0@-;\xaa,\xf9\x88J\x0e"\xd9T\xaa\xa5\xd2%\x98\xcdM\x86k\x10\xf2u\xb9\x03=\x1dE\\p\x1c\xa3@m\\D\xa4Y,T~S\x8e\xce\xd2\xf0\xf3\x92\x80\xf5\xe5\x152Q\x8eR^\xab\xaa\x95BkI\xa5KK\x93O&amp;\'\'\xff\n`\xb6\xe0Vpk\xfc\x12l\x14\x8dQ\xa2\xb6`\x18!\x91\xd08ID\xd84\xd1\x9f\xc8\xc6\xcd\x04e&amp;\xccs\x0b\x13G\xfb(Z*\x1b\x10\x89\xdb\xfb\xdbg\xda\xc5\xa5\x804\xf3df\xa6\xbf\xff\t\xe2\x9aGM\xd1\xdc\xac\x99\x9e\x1b\xd3\x8e\x8d\x9aLF\xa3\xc9L\x12f#\x81\x9eeY,.\xa4\x16\xea\x07\x89Y=\x1dx\xb5\xbf?\xf2@\xae\x97N\xce\xcc\xcct\xf7\xeef\xbc^o; =\xe9\xef\xed\xf6zg&amp;K\xf5\x90|\xe8/MU\xa5\xb6C\xdd1\xb6\xb2\xb2bZq8$f\xb3\x84&amp;i:\xcf\xe6!B\x96L\xd1f\xf8\x8f%\xa3\x87\xaf&gt;?\xdb\x1f\xa9\xd5K\x01\xa9\xf7\xb1ww{{{\xb7\xb7\xbb\xdf\xdb\xdd\x0f_{\xbb\xdb\'\xc5RD\xd5P\xa2\xad\x87sM\xa3E7\xea\x80I\xcd\xa6$j\x93\x91\xc8\xc6\x92l\xfeB\x82\x0f\x05a\x8a\x11F\xe3\xd8\x97\xa3\x8bg\xfb\x8f\xa4\xe2\x99n \xcal\xff\x13\xcdvo\xa6\xbb\x17\x84\xeb\x05\xdd\xc4R\x95\xcf\x15\x98\xee\x843\r\x1c\xa7\xa1\xdfI\xa3c\xf6\xe7\xd9\xb5\xf7)\xa3\xc9(1\xa6\xa2\xacn&gt;\xfe\\&lt;n4\x1b\x9f.\x1c=\xbb\xb8x\xf4\x93\xb8\x1d(\nL\xffE\\\x99\xdeL\xc6\x0b\x1f\xf7Kk\xed\xae\xd0tg\xbdN\x88\x1e~8\x18:\xeaKf\xd7f\xd7\x0e\x0e\xe2FS,\xb6\xc6n\x9dzv\x12\x0e\x88\xee\xf4\xe7\x8b\x8b_/\xde\xbcy#\x16?\xde\xf8\xf8\xef\x8f\x1f\xe1\x92\xd9\xdd\xde\xcd\xa0\x84y\xfb\xef\xeb\xe5\xeeaM\x89\xb6\xc3\x82v\x1bac\x1d\xcc\x80Ba|\xbf\xf6\xfe\xe0m"n2\xc5\x0e\xee\xb2\xbb\xf9\x84\xcf\x1d\x0e\xd3\xe8\xab\x8b_a\x9eM\xc0\x1c\xed\x1f\xbd\x9a\x98\x18\xeaz$n\xdf@L\x1b\xfd\xed\x93RD\xd5\xd9\xaaT`\xf0\xccX]QY\xd9V\xd1\xdaRc1\xcf\x9e\x9c\x1cD\x0e\x1c\xf1\xb8\xe9\xc0\xc3:\xd6\xacc\xe5\xf3\xd7O_\xbf^\x1c\xce\x1d\xfe&lt;7\xb72\x063\x1d\n\x94\xd7\xfe$~\xfc\xd8\xbb\xd1~\xbfT\xe5\x1b,\xa9\xa8\xee\x19P4\xd6\xb4V6\xc0\x01\xa7\xb2\xad\xac\xb5E\xa9v\x1c\x9c|\x8b\xec\xcd\xa6\xd8\xc7\xf2\xe7\x1c\x10\xdd\xaf\x9f&gt;}\xfa\xfa\x05U$t\xa4\xb9\xaf\xa3^\x0b\x0fcSz\xa9\xeaO\xde\rq)\x88%\xa8h\xa9\xa9\x1b\xa8k)[\x16X\xad\xcd\r\xcbm\xad\xd5-\xf7:\x1c\xdf\xbe\xbd\x8d\xbc\\+\x02\x96a5\x95\x9a\xfd\xe3\xdd\xef\xef\xde\xfd1\xc6\xcch=0Ui4\xa1\x90Un+m\xf7n\xdc/\xd5\xcb\xc7\x97[{jjjZ*\x96\xad\xe3\x8b\xe3V\x01\x83\xd5\xa3v\x9c\x9c\xbc\xdd{y\x00\xe9:\xf5\xb0\xba\x12\xf9\xb2cXN\xff\xf9\xed\xc3\x87\x97?\x8f\x1dv\x95?\x18\x19\x19\xb1\xbb\xc7a\\\xe3n\xbbm\xd2\x9b\xd9\xdd@b\xb5\xf5\xd4\xd5!\xaaA\x9f\x1c\xda\x0ba\xb5\xf4\xd4(Wf\xd7\xbe\xed\xbd\x88\xbcO\x99"\x1e\x96O\xcd\xafOSk{\x7f\xfe\xf0\xfb\xc9\\\xe8\x81\x14\xc5|\xa3]\xea\x83\xc3\x95u\xd1\x17\xb4M\xf6\xf7\xeen\xa8\x16\x05\xcb\xadu\x03\x03=e\xcbV\xb7\xdb\xed\x1a\x06\xaa\xb2jPO\t\x95z\xb0\xf7b\x0f\x16c\x9em,Y:\xb5\xf6\xf2/\xbf\xfd\xf2\xf7!x\xa6x\xd2\x9f\xc9d6\xc4\xb5&gt;8\xbe\x0f.\x06mK\xff\xe8\xeem\x9f_l(\xabi\x84%\xd8VU\xb5p\xf4y"T\xd5\x86,\xad\xab\xd3\xa9M+\xef\xf7^\xbc\x8c\xac\xc5_\xb0\xfe\xeb\xa4\x7f%\x00\xeb\x7f\xb4\x9a\xcfOZi\x17\xc73\x93\xcc\xcb\x82.Xx\xe9\xe6^\x11\x03\x91\x9f\xbe\x0c\xa2b(\xe5G\xdf\x08R\xb8\x01\x04\x06\xc1H)R,\x14\xc9dR B\xbd\xc5\xc2\x1bI\xac\x84\xa9\x9165\x86@\xab\x16G\xd2\xc8t1\xc4VM\xcc4\x997,L\x883\xabV\x13w\xb3m\xd3.\xe7&lt;8\x99\xbc\x7f\xc0\xed1\x91\xed\'\xe7\x9c\xe7\xfb\x9c\xefyn6\xfdG\x04&amp;\x85(\xba\x0cW\xdc\xe3\x90-\xe0\x9a\x99\xad\xd5\x9a\x89\xf0\xackQ\xe3\xe4]rj\xb5\xda\xf8\xbb\xb9\xe1\xff \x95\x10IA\xbcD\xe2\xd8\xc8\xf2|!?\x7f\xf8\x84\xa2\xdbWw\xdf{\x94\xacT\xb3{-\x1b\x8c\x0bM\x93)\xb2\xf5&lt;$\xd0qu\x03\xae\xa9Rf\xb5\x96\xab\xd5R\xd0\xf0\xceK\x97\x9cf\x8dZ\x9c\xfc\xe9\x97\x1f.\x7f\x834\x95\x07\\|q \xb9]\x80*\x1e\xee\xd3\xbeD\x9d\xde]\x06\xacF\x8b\x95\xc3\xa3\xa3\xecq\xfb\xef\x0b\xa4B\xaa\x11\xeaTS\x83\xb3\xa5\xd4*`e\x98\x84\x14\xb0\xa4\xbc\xab\xcb\xf9\xff\xc1\xdc\xff\xf5\xb7\xff\x86q\x99\xe7\x94\x8a@\xba\x0e\xe7\xf3\x95\xf9\xed7\xb4o!\x86\xb6\xa1\xe5\xb3{G8\xcebOM\x85\xe4W\x1f\xfd\xf0\xcdW1Rc\x9c\xc4\xafgR\xb5b3Wr\xf5j\xa0\xb7\x94\xca\xe0\x9f\x85\xed+\x97\xbe\xe2!;\xc6S\x02\x96Z\xbc\xb4&lt;\x0f\xcdUy@w\xb2\x18\xdd\xe9\xddB6\xfb\x19\xb0\x06]\x13\x18\x7f\xf8\xdb\xff~\xf7\xb5r\xe1]\xfc\xb6G?\x9bYm\x16\x8b5\xd4\xf3f\xa5\xd2\xac!\xe6~~\xb5\xa0\x96\x9aIP\x07\x91\x1a\x05\xb9\xb4\xbc\x9d\xcfW\xf2\xb4?\xb40\x18\xf7^\x02\xd6N\x04g\x97&amp;\x8d\xd2\xe4Y\x17\xb4\xb4\xfa\xdd\xcf\xf7\x9f\xf7\\\xcf\x94j\x07\xf5zs53\xc0\x15\x8a\x9cR\xb8\r\xb1\xb8\x00\xe3\x12Z\xadPK\xc8\xd0\x8e\xc4\x10L\x9e\xe5\x0b\x05\n\xb0P\xd0z\xffT\xf2\x8dF+\xe2\xbe&gt;%\x10\x1a\xef\xff\xfe*\x10\x10bq\x95\xbdo0UZm\x02V1Wbr\xb5j\xa9T\xa3[\x1c\xe8,\xba\x16{!\xc0i\xc8e\xb1\xa0\xe3,\xfft\xfedc\xe8\x1eEM\xd3\xd9`\x8c\x1b\xe5|c\xef\x88\xe5\xee\xbb\tR\xe9\x19{\xf6\xecY(4yg\x1c\xf9\xc3\\\xf1\xe0\xe0\x00\xb0\xae\xf5\xca\xc8\x8b\xbb\x87y\xad\xb3\x86\xeb\xec\xba\xd0U\xb5\x04X\xf9\xe5\xc3\xa7\xdbO\x1c\x8eC:\xcd"\xa3\xfb^\xb9q|\xe4\x06\xa3\x03!\xb9\xc5\x99\xe0H\xc0T\x83\xa3\xce\xad\x86\x8b\xcd\xe2A\xb16;#\x90\x93")`1]3\xf0\x87\x16q\xfdql\x0e\xb8:X\x8e\xae\xae\xaeX\xcc\x108\xbbA\xeb\xe4L5v\x8eX\xacp\x18\xc7q\xb6\x9be\x83\x99\x81\r\xf6\xb0\t\xa2\xd5\x04\xac\x83\xe6jI\xd5+3K\xcdh~\xb8\xe0\x82|\x01\xd6\xdc\xd2\x92#y\x98O;\xae( D\xc2\xb9}Z\xab\xf88\xbbs\x14\x01\x1c \x8b\x8e&amp;\xa2\xa3\xd6D4\x0c&lt;\xcd\x1a\xfc\xafCs\xad\x96\\\x18\xa4K$\xd4\r \xf5\x07*\xc0BU\x04\xeb\xb3\xfc2_~r\xe5*\xcc\xab"\xa1\xbcBg\xba\xba\x1f ,\x9b\xcd\x16\x05"\x13\xb8\n\xab\xb5X\x84\x9fZ-\x07-\xff\xe1\x83\xa56\xeb\x02\x1b&amp;\x14\x99\xb9\x8b\x03\xd0Y\x17\xcb\xd4\xc5^9`%\x93\xdb\xe9\xf2\x13\x05\x121\x91\x86xE\xdf\x12\x15\xce\xf5\x06`mE"\xa3V\xeb(\xf8\x1c\x8b\xc5d\xf2\x83\xe3I@\x11\x81\xea\xe3\xc7\xd7\xcd\x94\x0b\xeb\xc50\xae\x19\xd2\xf5O\xcf/\xead\xf2\xa0#\xb9[I\x97G@lA\xc74\xc4\xc2\x1bzD\x82\xc1\xe8\xbe1\xd4}\x81\x05\x99\xb2\xac\xd7\xd7\xd7\xd7\x91C4Y\xfc\xd1\x1a\x92\x07\x84\x15\x9de\xeat\x02\xe6"\xa1!\xb0\xfe\x0e\x14\xa2\xe2\xcad\xc1\xa5\xe5\xdd\x02E\xfd\xc4\xe39\xcd$i\xd6\x1a\xcb\xf4h\x04c\xfa\xf8\xed\xdb\x9d\xb7\xd9\xe3\xa3\x95\x95\x15\xbf\xa9\xbe\x86\x02\xa5\x0b*\x99@\x05\xac\xd7\xd7^[\x91\x9e\x12\xbd\x82^\xc2\x0c\xd2\xc5d",\x01\xcc\\ZC`)y\x96\xa6\xa8.\xc0\x12iH\x92\x90\x17h\xc1bl\xecl\xaeD\xb66a\x80\x00.?$gm\xed\xc3\x9a\t\x85\xdfd\xaa\xd7\xfd~\x13\xe8V-\xe5\x12\x08\xa5&lt;\'A\x88\x90\xc5`^(*\x97\x10\x1ab\xc1\xe4\xfc\xc9\xe3\xf4\x88\x12L\x9a\x884\x10\xf2\n\x1dX\x0cF\xf69\xf3\x8e\xde\x1d\x01\x95\x07,\xebA\x87\x0b\x92e\x81\x16[7\x1d\x94\x84\xa4&lt;\xce\xf1\xdd\x9cb\xf2\xffu\xf92\x8f \xa4H\xbb\xfa\xd1*\x1c\x83\x1a\x92\xa4!\x90\xac\xec?~\xe8\x10w.\xee\x80\x9c;O\xc78\xc8\x18\xda\x9b\xcc\xe4\xc2\xb8\xbeQ\xdd\x01\xcb\n\xe7\xef\xe0\x001Y:X\xa3\xb9E\x91H\xe9\x14L\xa9B2\xf0\xd2\x97d:\x8d\x12i\xc4\xc5;\x0bW+$\xc5\x86\x91da\x7f\xff\xa9#\xe0T:\x9d"\x83Q^\xa1\x07\xeb\x18\xcd\x08k\xee\xe3\xea\xe7\xd6\n(\x16\xd2t(`\x87\xcb\xc4\x9a\xbd605s\xd3\xd6\x13\xea\x07:\xa5\xd3,\xe2)\x91\xd0\xa3\xce\xc2z\t\xad\xd0\x00\xd3\xe9n\xf9\xe4\xe47\x87\xc1\xect*\xa5\x869zz\x8b1\xf4\xa9\x04sq1\xb7s\x9a\x05\xac(D"\x81\xda\x1dq\xf9#7\xaf\xb9zpkB2\xd9\xaf\xd3q5\x08\x8c\x8b\t\x06\x98*\xb4\x9f\xd7\xa1\xce\x02\xac\xb3\xf2\xfe\xaf\xbf\x8d\xf05`A\x00+X\xa6\x0b+\x91k\x16\xa3\xadS\x90\x08\x84\x15\x8e&amp;:\x82\n`V\xbc\'3SZ\r\x8f\xe2}v\xef\xd45\x8c\xd0\x82\x98\x82\xa5f2\xfb\x05\x02hx\xad!\x16\x1b^\xda\xa6~\xa5\xb6\x87\xf9\xe08\x9c\n\xd9\xdcB\x95A\x0f\xd6\xecy\xb4^\x8f~\x7fZ\xfd\xdc\x06\x8f\x11\x06.\xeb\xc59,\x16\xa3h\x9d\x9b\xb3E\xf4w\xbcn\x8eG%\x00S\xcb\xec\x87@kJ.\x81\xb2\x15\x18q\xccS\x14\xf5rX*5K\x9d\xfc\xe0\xdc\x9f\x1b\xb4\xe8\xc3\xd0\xe7\x1e\xbf\xe9C=\xb5uZ\xcd\xb6",\x1c\x87*ZQ\x98\xac\xc5D\xa2\x19\x0e\xb3Xn\xef\x98j\xec\xb9G5\x80\t\x04\x03\x1d.\xb4\x05\x97\xcb\xb4$PA\xc7\x97\xcb\xe5_\xc4J\xa7Z\xc4\'\x83s\xf4\xf82Fw\xd6\xe7_\xfbPL\xadT\xa1\xb9\xb6p\x16+\x1a\xb5B\xc2lVk\xa2X,Z\xa36\x96}\xcc#\xe8\rM\x807$\x08\xae\x11m\x01\x04\x18&amp;\x97\x13B\xa1:\x10\x00\x9bXH\x97\x1f&gt;\xba\xaa\xe4\x1bb|ql\xe1\rMW\xcfi\x84\xb5f\xa9\xa5V\x1a\xd3\xd5\xe3\xcd-\xdc\x8d\'\x12\xb8\xdb\x86RV4YGYzN(\x04&amp;Z\xe0\x99Ta\x84\xd9,\xd4\xca\x8dXg3o\x10\x1a\xf8\xe2\x91\x91\xa5\xc3B\x9a\xca?Q(\xd4\x86\x00\x9f\x1f\xa0\xa7\x86H\xe5\xdb\x91\xf5Dn\x16\xff4]\xdd{\xbf\xe5\xd6\xfb\xa2Q\xb6\x1bQA{E\xf4\xf6\x89\xbb\x9eq\x89\xa4\xaf\xd4c\xf7\xa80\xb9\xda\xac&amp;I\x19\x97\x8b\x1e\x14IR\rX\x0e\x84\xf5\xf4\xc7\x0eV,\xb8@\xd1\xb4\x9c\x87\x9eo[r\xb3\x99R\xeb\xb4\xda@X\xfa0\x0eC\x97-Q\xf4[\xf5\x9c\xdb\x13cc\x12/\x87#\xf1\x8d\xabP\xed\xe0\xf0\xf1\xaf\xf2\r\x10$\x89\x9e\xff\x03([y\xea\xe1\xb0Bl\x08\x04\x17^\xa5i\x9b\xb6\x18\xd9\xf6z.\x93I\xbd\x00\xac\x9dM\xb7\xde\rm\x8f\xe3 \x13,\xef\xed\xfb!;0q\xbc^/\x9c\xc3P?&amp;\x97\xc9\x84`4\xf8\x902R\x8c\xb0\x86G~&lt;,\x94O\xd2#\n\xb8\x1c\x17\xb6\xf7\xe9\xa3bl\xb4^G3\xaeT_\xb6\x9a\xdd\xd9\xd4\xeb\xd9l\x9f\x8f\x8d\xb3\xa2,o\xe8\xee\xfd1\xbb\xe7\xf6\x98\xdd+\xe9\x1b\xbf\xe3Q\xc51#\t\xee\xd0L\xc2\x99\xeb|(!\xee\x1a^r\xecV\xca\xfb\xe5\xddX,\xb8\x9c\xde\xa0\xd1\x8f\x81D\xbc^\xb7\x8e\x9a\xd8\xc7\xd3\x8d\xe3\xf7[z\xb7\xdb7\x88\xdeU\xbc\xb7\xe3\xf1P\xa8\xff.z\xe6\x9f\xccd\\\xccE\x9d\\fv\xf2xR\xa1Q\xc6G\\b\xc0\x1a\x01\xac\x93\x13*O=\xa5\x1e\x0c\xd1\xeb\x12O[/`\xc4\xf2\xefld\xf7\xdeo\xfe\x8d\xc5\x92\x8c\x85\xe2\xc8\x0b\nT\x9e\x0c\nWf\xc6\xa3\xeaGKy\xfe\\\x1c\x93!,\xf0:\x08k&gt;\xbdO\x95a\x92d\xd0\xfdX\xfdie\xa5\xdd~\xd1\x9a\xce\xee\xbd\x85*\xea\xf5\x83l\xdf gl\xa2_\xa8\x91\xab$\xe7\x96\xf3\xf3\xf3\xb0\xcfwn\xf3\x8dO\xc4\x8d2C\xf0o,\xb0`]\x17X\x8f)j\xa8\x9b\xfe\x15D\xb6}\xd4~aiWQ\xcf\x7f\xaf\xd7K\x06\x07\x07%v\xbb}\x02\xaa(\xb1\xae}\x84\x99\x19\xc8^\xb7Y\xe3\x1e\xcc\x88\x94An\x94)\x14\xe2\xae\xd8E\xb6*\xe9\xc7\xe9\xfd/\xf0i\x19\xe3\xc6\xe7O\x9f\xda\xeb\xeb\x8d\xd3,4\xd7\xad[\x12\t\xa0y\xbd\x92[^\x8e\xd7\x1d\xb1\xa0\xd7\x8cu\xe0J\xf88w\xc1\x94\x99\xd5B9\xa1U(\xf8\xff\x97\xad\xf4\x9b/\xf2\xa5\xd4\x8d\xd3l\xdb\x1f9\x06\x9do\xfd\xd1\xc1r\x03\x97D\xef\xd3{\xd96\xeb90\xd9|&gt;\xdf\xf8\x9d\x10&amp;\xd7\x98\xcdj-\xc8\x04`\r\x0f_`U\xa87\xe9\x07_\x04\x8b\xc1\x18:\xcdV7@\xe7\xff\xe2\xe5l_\xda\xce\xb28n\x1fX\x17u&amp;\x11c(&amp;\x9a\xc4*1\xc6\xe7\x1ac\x9e\x9a4ZmP\xb4&gt;\xb4\xc4&lt;\x98b\xaa\xb5\x186\xd1\xc6\xae\x88\xb6E\x07\xdd6ZEYh\x95\x80i\xd5\x16d@[E\x07JK\x11\x14Z(\xdb\x17\xd6\x96\x8a\xd3\xbe\xb0 e\x10g\xfe\x81\xfd\x9e\x1bm\xdf,\xbb\xb3S\x7fs /\x92W\x1f\xbe\xe7\xdcs\xcf\xb9\xf7\xdc\xac\xbem\x05\x97\xd9lUe\xb8\xccB\x97T.o\xf0x&lt;\x0e\x1b\xddm&amp;\xd3)nf\xba\xd1dR\x18\xf2\xf3\xf5\xa4\x96W3r\x9b\xd4\xba\x18\xc1\r\x16\xf5\x8a\x91\xd3\xc0z\x00,;\x9c\x98\x91A\xf3\x19\xf2\x1a\x87\x0e[44\xda7\xa3\xc2d\xa2k\x95\x93z\xc6\xc5\xb0\xaewq:}*\xea}\xbc\xfa3a51\xac\x0c\xb9X\xac\xaaqd\xa1\x978#;C\xd9\xe2\x94\x0c\x96\x98h2d\x02K\x10\x0e\xae\xd1\x99\xae7]\xd3\\b\x15|x\xbc\xfa\x80\xbc\x082p\xc9U\xa8s\xc4V\xbb\xc4a\xb3\xb5\xeb\xa2u\x97Pr\xa1(\x95%\x92X\xcc\x89\xf8hF\xa1\xd6\x04\xa7XI\x17\x81\x05/N5\xd9\xb1\xe1H\xa5eH\xab\xfc\x92\x96\x96\x87\xd2\x066\xfa\xa3\xd3\xe9P\xff%*H\xac0\x96\x1eX37\'\xde\\\xe0tT\xf7\xc2\x9d\xd5\x9d\xb7\xad\xadSS\xc8Zt\xc5/\x14\n\xc5---V\xa9\xa4\xde\xe1(\xd2\xb1\xe6\xf0LN\x85!\x9f|\xa8\x16\xe8\xb3\xb3\xf5}\xa3\xcbC\\c\x15&lt;]\xddi\x05\xd6"\xca\x06I\x8dT\x85]\xa8\xaa\x85\x8fb\xa7I"\xb18\xda\xb1\x18\xa9\xdf1\xa4\xe6\x9f\xcc\x170\xacb\xbdftv\xa8\xebMA\x04\x97X\x91\xbd];\xeb\xeb\xebS\x8b\x16\x8bER#\xcf /V\xf1\x1f&gt;\x04\xa9\xc4bk\xa7\xbe"GQ\x01\xac\xfc=\xb1\xb2\xd5#\xa3\xcf\xaf\xdd\xe4\x16+"\xe2\xe2\x04a-.Z\xea\xea,\x12i\x99J\x8c\xe0\x02VS\x93\xa4\xce\xd6~\x15RU\x18\x0c\x86\xd4T\xa2\xd2\x90X\xd9\xea\xda\xd1\xdb3C\\cM?\x1b\xfa&lt;9\xb98YG\xf3e\xd5\xd2\x1a\xa9Ph\xb775-\xd6]jG\xb5%K\xa4&lt;\nS\xaa\xd5\x1a\x8d\x00b\xe95\xb5w\xef\xce\xde\xe3\x18+\xb2\xe0\x87\xeb\xd7\xc0\x05\xa3\x013\x8b\xc4S]\xed\xb8|\xf9\xf2\x8d\xabi\xf1yg\xb0\x15R\xb0S\xb8k4#\x0c\xeb\n\xf0\x90P\x9fq\xacV\xd2\x0fOn\xce&lt;ZX 0\xbaM\xaf\xb3\\\xbe\xd1\xde~\x95F\x90*Js\x0c\x86\x93)\x85\xb9\xb9\xc5\xfa\x81Z\x8d\x86\xc5\xd6\x15\xca\xa8\x1d3\\cE\xde\x7f2q\xef#\xb8\x16&amp;\x1767/\xcf\xdf\xb8q\xb5\xb3\xb3\xb3\x11\xad\x17\xeaQ,\xc0\x146\xe8\x8c-G\xa3V\xd30Z1\xfc\xa8\xae\x9dy\xc6\xf5\x8b\x8c\x0f\xaf\x7f\x1c\xday\xbe\xc0ls\xb3\xa7\xa7\xb3\xd3]\xeaV\xe6##\xe0S\x18\x13\xc3\xe69\xb1\n)\xdesi&amp;\xbb8[02\xcb1\x16\x9a\xd9\xd7\xab\xab;\x9f\x17:\x166\x89j`\xc0\xeb\xd6\x17\xebO\xa6\xa4\xe4\x16\x02\xea\xd0a\x9a\xf2/\xce\xa6\t\xc7b\x1a\x11\'\xb0l\x81\xe69\xe7X\xd3\xaf\x7f~\xb0\xb3&gt;\t\x9d::z\x80\xa5\xd6\x17\xc7\xb0\x19y\x1a\x93\x87\xfd\xe5p\x0c\xd3\xa88\x17?|\x7f(\x86a=z\xc3\xb5\x13\xa7\x9f&lt;h]_\x9c\\\xe8\xe9\xe9\xd9$.\x81&gt;\xf7\xbb\xef!\x13{\xf4p\xf8;\xf80\xacQ.\xcd\xfe\x1c\xa6!\xf6b\xbd\xfa\x11\xd7y+\xe2\x02\xb0\xa6\x16\'7\xe7\xe7{\xc8:\x07\xdc\xfa\xb0\xbfb\x0e\x91f\x87\x08+&amp;\x97=1`\xef\x0fR\x08\xeb\xf6\xf5?\x07\xab\xee\xf2\x8d\xf9y"\xc3*t{\x95\xa9\x94\xad\nSRR\x18\x19sjx&gt;\x97\xa4#\xac\t\xae\xb1\n\x1e\x03\x8bq\x85\xc1\x88\xab\x94\x1a\xfb|\x06\xc6\xb0\x98h\xfbX)\xc0\xea\x98\xb8\xc0\xf5\xdb\xa8\x1fP\x9e\xda\xab%u7\xc0\x052\xa4\xad\xf0\xd8&gt;\xe5\x870\xd6\x1e\x13a\x81*\x059\xbf\xa3\x8bc\xac\xc8\x82\xfba,\x0bv\x1c\xb2y\x1aN\x04\x17\xc9U\x98\x12\x13\xf3\x05i\x9f\xaa\xf0O\xc1J\xba\xbfJ\xc5&lt;\xb8\xea\x00Fl\xedW;\xe9\x90\xad\xc2\x90\xbe\xc7\xb57\xc7\x0c\x0f\x02\xaa\x90v\xc8Znky\xda\x14?\xac\xa2\xaf\xb6\xefq1\xbb\xd4N\xd5C^\x8e\xc2\x90\x9eY\xf8\xd5\x91\x0c\nT\xa8\x08ko\xd2Y\r\xb7\xe5&lt;ae\x00Kb\x01\x18\x158\x0e\x87\xedR;M\xc0&amp;\x9a\x8c\xe54y\x17^\x8f\x04\x05\xaas\x0c\xeb\xe9\x9d;\xdd&lt;\x0e\xc1"/\xfeHX\x8cK\xc2\xaa.*p\xea\xd1\xbff\xb1\x0b\x82\xf2L\xa6\x17\xa2\xaa\xf0\xdc\xb9\xccs\x99\x99T}\r\x0c\xbd\xf8ivf\x9c\xbb\xb7d\x11\xd8}ZA\xa5\xda\xd7\x0bP\x1e*\xec=\x8eKt\x07l*\x0f\xfb1\x86]&lt;\xa5\xd3\xe0b~\xaaRsm\xf9\xe5\xcb\xdb\xcb/\xba\xb9{\xab\x08,4\xfb.:\xb2\x01\x16\x19QU\xd7H&lt;\xb6\xe84\x19\xba\xfds\x0c\xab\x10P\xd4d\xa7\xa7\x03K=\xb3\xdc\xd7\xf7\x92\xf4\xe2\x88+\xb2\xe0\xe2\x93\xb7\x84\xe5\x82\x1f\xed\xd0\x8b\xd5\xa8\x12j\xcf\x1c\xb6\xe8\xe4D\x05\xcd\x07\x82\x0bZ\x95\x1b\x8cF\xa3\xa1\x9ca=\x9f\xed\xeb\xeb\xfbi\xf9\xc5 7\xff4\x00\xaa\xa7\xc02\xd3S\x0c\xb4\xd5\xcc\x8fa\xb5\xaa%\x1e]V&lt;\ruf\x82\x8b&lt;h4*\x14\n\xa3\x01r)\xd5\x1d\xcfG\xfa\xd00\xbe\x18\x0f\xf2\xb8xLV\xc0\xeb\xbeNj\xb9\x84.\x95K\xa5\n\xc7\x17\xeb\x19\x81e\xcb\x8ag\xf3\x80\x99\xec\xe6\x90\x1d\x91(\x14\xectW]{\xfbe_\xdf\xdd\xe5\xf1\xc1\xc1;\x1c$\xd6$\x91\xf6\xce8\xa9\xe5\x12B/\xab\x8b\xc5\x17\xc8$\x08{\x8f\x03\x8d\xbe\x8c\xa6\'\xc1\x05*S"\x0c_S\xd3\tk\x14j\xbd\xbc\xb6488\xf7\xf4\xc0\x97cd\x81\xc8\xb92{\xfdAS\x93Y\xe8B\x9f\x0f.{5%\nZ\x89\x1e\xba\x8a:E \xb4\xfe\x0c\x8aDY\x18\xcb@X#w5\x82+#/\xe6\x82\x83\x83\xc1\xee\xa4\x83\xdex\xa2D\xce\xe0\xe8\x10\xc3\x12\xba\xc4|\xb1XHy\x82\xe2]\xe2\xb18(s\xc9@BG\xf3\xa0\x92\xc9\x08\x12\x9d\x7f\xaa\xd2=P\xab\x16d\x8f\x8c\x87Bs\x07\xcf\x954\x1c%\xd2\x06kw\xe88\x10b\xa1\x9f\xaeb\\vlE\xd5\xecD0\xcce,/7\x9aN\x91\xa1\x9d\xc5Z\x04\x16zY\xbd\xfen0\x10\x9a\x83\x1f\x83\x07;-U\x10%"\xac\xf5\xd6&amp;\xb3\x99aUU\xf1\xf9\xc2\x0c\xa9].\xb7\xdbk\x1a\x90P\xb3\xe8\x04\x8e\x8e\x06i\xd6\x9a\x0e\xe1\xc0\x88\xde\x1fXj\xa5^?\x1b\x18\x0b\x10\xd6\xd2\x8a6\xe9 ]\x08,\xdeJ\x07\xc32\xbbH\xac\x92\x12\xc6%\xa7#\xb8\x1aO\xfd\xde\x06d2\x1a\x13\x93\xe95,a)\x0c\x06\x83\x92\x9e\xd6\xe8\x05\xe3c\x84\xb5\x04\xb0\x95\xe9\x03\xd3\x0bT\xe0\xe2=}\xb4\x18V\x8b\xb0\xaa\xfe^R\x05\xae\x0c\xe2\x926|u\xa3I\x16\x9f\x96\x96\x16\xc62\x1a\xd8\xcd\x81^?\xb2\xe2\x1f\x83\x13\x97\xc6\x07\xe7V\xc6.\x1c\xd0\x95F\xe4p\x18\xabwf\xb2\xb5\xd5lu\x85\xd5:[\x02\xc1\x84*\x15\x92\x98\\\xdaP\xef(\xd2\xb1\x81tY\xfc\tz\xa8H\xb1\xa5`^\x14x\x95\xcae\x9f\xcf\x1f\x1a\x84Zs\xc1\x95\xb1^^\xc1\xb7\xcf\tFR`1\x139\xc7\x17\x08\xcbl\x16\x92Z%g\xcf\xd2\xa3\x1a\x9a\x81c\\\xcdEY\xffH\x96\xc9\x92\xd3h&lt;c_-`y\x05Jo\xd0\xe9\xf4\x07\xc9\x87\xc1@\xc0?\xb6\xb4\x01\xc5\xbe\xa9\xd2\x89\xa4?\xf7\xd9\xa3\x12iW\x08\x0bTV1\xc5\xd6Y\xe8E\x89B,T\x951\xach\xd0\x9c\x8a?\xc1\xa6F\xf6c\x0b\x89\xcb\xab\xac\xedv:\xc7(\xb4\xe6B\x811\xbf\xff\xd5\xfb\xad\xdd@T\xe47@\r\xfb\xfc\xa2\xa8}\xe3\xf5~\x9cz\xf8\xd0j\xb5\x8a\xc5b\xfe\x1e\x16\x13K%\xadaj\xa5\xc5\'\x83\x8a=qcy\x0bjUx\x81\xb5\xec\xd4\xfah!\x12\xd5\x98\xdf\x17z\x1f\x1b\xfb\xfe\x953\xe9\x8f)\x06\xa5|\xaf\xdem|\xc1\x82\\]\x93\x84e\x06W8\xb8\xaa\xaa\xc4\xd8"\xcb\xca\xf6\x9c\x08\x95@UD\x03I\xa7\x12\x11[\x15\x15\x15\xa5^\xb7\xd7\xbd\xc2s\x02k0\x18\n@,\x9f\xd3\xb7v\xbc?\xb6r7\xe4K\xfa#\xc3\xa8I\xbc\x8d\xb5\xca\xb6\xc0\x17\xb1\x86E\xbc\xee\x8fM\xe0bX\xfc\xaa\xb3%-4\xbe\x88\xa0/\x93748\xce\xeb\xb2\xb2N\x9c\x88.:\xcf\xd4\xa2\x8b\x03\xe2*u\xbb\x95\xb7\xb5Z\xa7?\x10\x0c2\xad\x80\xe5|u4\xeex\x7f\xe5\xd6\xdav\xc0\x19\xf5\xff\x15\xfa\x90\xca\xbf\xdd\x16\x1b\xbb\xe5#\x9d\xbe\xca\xb5h\xdd\xc7\xe2\xb7\xb4\xb4\xb0\x88G\xc0\x93X\xe7\x8b\xe8\x99|Q\xb3\r1\xc6^\xca\x9brL9\xa5\xdeF\xaf\xbe+\nXc\x01HE.\xf4i\xb5\x81\xdf\x8e\xc4\xc5\xf5W&amp;$\xbc\xff\xf4*\xc0K\xfa\xdd\x92\x01J\xbb\xb1\xd5\x96\xd0\x1f\xbb\xa6\x15}\r.\xc8\xf5\xb9\x89\xcf\xb7\x8a\x11\xf3p\xe3W\xac\xbf5\xd4\xd777\xdbl:]\xb3\xa3Y\x17\xcd\x16",/\'\xc7\xdd\xe8\xad\xed\xe5i\x9d&gt;?1\xc1|\xbdN\xadv\xf7\xd6\xd1\xa3q\xfd\xfdpe\xe5\xd6\xa7\r\xbf\xe8\xf7\xdc\xce\x02\xbe\xc0\xf9\xeb\xa7\xb6\xca\xca\xd8\xfe\xd8]P\r\xc3\xbe\xc85E\xdb\x8e\xd5\n\xb5\x80e\xb5J\x98\x0f\xe5\xc4\xe5p4\xdb\x1c\xc0\xa3j\x82n\x7fd\xb2\xbc\xbc\xbc\xc6\xc6\xd2!\x1e\x0f^\xf4\xc1 U\xb7\xcf\x07\xac\xd0?O\x1f9z&lt;\xee\xd8q"k\xdb\xda\x0e\xf9D\xff\x03\x0cP\xc3\xfeW\xef\xda\x12*+\x13\x80\xf5\xeb\x1e\xd6&gt;W\xef\x8e\x15X|rbUI\x8b\xd5\xec\x91\x97\xc9\xcb\xca \x18\xd6b=\xbd\x05G\xed\x15\xc6\x92\xc9\xe8}nc\xe3\xc0S\x91\xc8\x89\x1c\xcf,\x18B%\xb1\xb4\xfb\xf2\xd6\xad\xd3G\xe2\x8e\x82\x8b\xc0\x12*\xdb\xdem\x8f\xf1\xfeK\xfc\xc3{\xbc\xc06\xa0\x98\xc5\xf6\x7f\xd2jy\xe4\xc4=,p\xbd\x99\xa2\x05HhUt\x89\x01\xb1\x80%\xa4\xb5\xd8P\xe3\xf1\xd4H\x1bP\xe4\xc4\xa3\x80\x90\x9dJ\xa6\xc1\x96F\xf7sghiw\xed\xb7_\xbe\xda\xbf~\xb9\x05;\r?\xc6\x1d;F\x8a\xf5\x03lmw\xc37\xfc\x1f\xb9(\xa1;C\xdb[m\xd0\x89a\xfd\xf5}\xc0\xe9\xe4Qp\x85\xb1D\x94\xea\xef\xf1\xff\xdd\xc6\x19\x85\xa6q\xc7q\\8\x19w{\xb1\xde\x91\xe2\x9d\x85e=8_J_F_\xdc\xd3\x1e\x1a\ne\x98\x10\x18\xdb\xc0u\x86\xbc\x94B\x90\x90\x95\xb9Q6\xd6\x81\xb4&gt;\xec\xa5\x07#P\xaeRJ\xc9C\x90R\xb8\x97\x1b\x0bH\xddN0\xb1hdD#\x05\xa5j\xaddm\x02am\xf7\xb0\xef\xef\xff\xff\x1b\xd3m\xbfx\x9e1\x06?\xf9~\xbf\xbf\xdf\xff\x1f\x8c\x99\x05\x17m!(\\4J\xa7!\xd7\xc5\xd8&lt;\xbd\'6F/2\x9e\x9d:\xfd\xfe\x05Pa\x8e}\xf3\xc3\xd7\xb7\xf3\xbd\xc6\xc1\xe3\xc7\xef&lt;\x9e\x14A\xc1E\xe2\xd2H13+\x87\x8d\xe5\xe5\x1d\xa4\xec\xff\x84"\xf7\x9e\x92y\xe10\x0e]\x0f\x1b\xcf\x92\x82\x8bC\xc1\xcc\xe8\xcf\xf7fS\xb3\xb3lh\xcd\xcc\x80+\xb6D\\\xecM\xcd\xb1\xd8\x99s\xd3_|\x02\xac\x8f.L}p\xf6\xab\xef\x9f\xdf\xf8m5\xdf;\x90n\n\x18\xc7qnr&amp;\x89\xa8\x18\x96f\x9a\xc7\xbc\xfc\xef\x96*\xb9\x0f\xa1\xa0\x94\x11\x96\xe50\x1d:\xf0\x1a\x0f\xd2\xe8E"\x8a\xc6\xd3\xab\xb9\xfc~.\xfd\xdd\xe6\xf6\xa3T\n\x0b\xf5L*u\xeb\xca\xc9\x8bKK\xdf\xc6\xa8\xa6\xb1A&lt;q*F\xbfn\x9c&gt;=u\xf5\xf2\x1f76\xae\xad\xe4v\x1b\xc1\x9b\xa2\x9c\xe6\x0b\x94\xebp\xa5,\xceEN2\xc5T\x16\xff\x7f\xbf\x1e\xbd\xb2\xbb\xc3\x99P\xb2BXr\x18t\xd9l\xe3\xe5\x83\xfcj\xee6\xe5\xe3@3\xc3\xadg\xe9\xe8\xe2\xdd\x87\xeb\x9b\xb7\xe8\xcfv\xd7n\x9d8\xb7\xb4\xb0DB\xd1\xbbb\xe7f\xe6.-|\xfe\xe1\xd4\xd4\xd5\xe776\xae\xd3\xb0\xdam\x9dg\xfa@!\x9b\xa8\xaa/\x06\xd5R\xc9\xb6\xa4\xa0e\x11\x98\x16\xb4\xc8\xc8\x88\xc9\xbc\xcc\x86\xdf\xc2z\x97z\x8f\xdc\x03\x15h\x14\xf0(\x8aL\xa5\xa8\xa6f\x1f\x1c\x94\x9aU\x97\xfdt\n\xfayk\x05\x13l\xf1\xee/\xeb\x9b\xdb\xdbks\'\x11\xf6%\xea\xc6\x93s\xb3\xa9\xd4\x95K\xf3\x9f]~\xfe\x13\x98\xd24\xa5\xb6\x0e\x08\x88\x1d\x0c\xcb\xb5\xed\x92\xd3\x1c\x0c\xaaM\xc7\xb6-&amp;\x99\xc6\x03FX\xe0:\xaeTz\x8bbn$\xb8T\xc0\x02\x12;\x18\x96\xea\xd5\xda\xfd\xd1a]\xe5\xdf\x8al&gt;\xddM~Ii\x8b_\x7f\xb8\xfe\xe8\xd3\xd8\xfc\xc2\xc2\xf49,\xde\xa9\x8f\xa1\xde\xfd\'w~]dc*\x99\xcc\xf5\x820\xec\xbc(\xa9\xf4b\xd0t$\x9c3\x19\xdf\xcf\x0c\x8a\xe4$W\x8b\xb5$if\xbe\xb5\x1es\xa5\x0c\xa1\x14!)\xacd\xc5\xf4\x8a\xed\xfa^\xb13\x1a\xd5U\x15\x010UUN,/7v\xe3\xefR\xe2\xb07\xdcxr\xef\xbd\xf9\xe9K\xa7fRkk\xdb\xeb\x0f\xe9_\xd2%ym\xb5\x82\x88\xf6\x04Kr\xaa\x03W\x92\xdcL&amp;\xd3uY\x95l\x90E"\x96\xedV\x9bn\xc5D\xfc\x8fv.\xc72Ea"\xefT\xf0\xb0\xc3+\xee\x95\xfb\x1dOU\x8b\xa4\x96\xa2R\x81VO$\x12;\xfbh\x054i4\x14\xbfv\xe7\xcf{gN]Y\xdb\xfc\xeb.\x98X\x01j\xbfa2\xaa#.\xba\xe9\xd8\x8c\xaai[@\xc4\x8dA\xd5\xb5-\xdb\xe9\x16\n\xbe\xbfg;%\x87\xfd}\x03\xcb\x94\xa0\xe2\xdd\x17f\xfe\x11\x121\xd5\xcb\xc3C\xdf\x03\x0f\xc3R\xc7X\x003\x12\xad^\x0ebEC!\xb0%7~\xbf\xbf\xfe\xe3b&lt;\x14\xa7\x85\x06T\xf1|/\x1b$*\x06s\x9e\xa1q@\xc9AL%\xcb\xaez\xa1\x14\x84\x00\x00\x02\xedIDAT\x02\xaa\xda\xcc\x14\n\xb5R\x17\xd7\x19\xf4\x01\xcc\xcd`\x87.&amp;Bb\x9c\xa9\t\x96,{\x95\xbdr\xbdS\xa9\r\x0f\xcb\x9e\x925\x8b\xc3~g\x8c\xa5\xf2\x87\x00l+MTT\xd1\xf8u\x101*\x02Ko\xb5L\xea\x10\t\x1f\x0cG\xe2bQ\x05%8\x17\xb4\xa1\xd5`0\xf0\xc1S-\xa0\xfc\x9a[\x02_&amp;@\xee%\x98RlP\xb1\x0bC#\xb5\xbc\xf2pT\x04@\x11X\xa4\\\xa5S\x11\x1e\x12\x185\x03\xf8\x8dp#\x1f\x1aW|r\x03\xfee#\x1a\xc7"\xb2\xb1\x93\\;\xba\x1f\xd3\xa1\t\xb1\xdc&amp;ud\x13P\xddN\r]\xd0\xad:\x81\x1d&amp;TB\xc7\xd4\x94y\xe9(\xe8T\xa3\x8c\x8f\x08GQ\xa1V\x1d\'\\\xc8&lt; \x99\x82\x0b\x0f\xc6t3Z[G\\Q\xae\\&lt;\x9a\xeb\x19\x11Mc\xd3\x92 8\x934)\xba\'h\xd9\xa5\xae\x9f\xc9\xb8\x11\xcb\xf5\x0b\xbe\x1b\x89\xd8\x94/\xd7\rP\xf7\x19b|B\xa50Ay\x95Z\xbd\xdc\x1f\x0eG{\xc3We\xcaP\r\xe6)G%\xb0X\x8f\xf2\x9f\xc1H\xbcL\n\x91\xa2T\xa1\x10\xfc\xcbb9\xc1\xf8\xc6\xb8\x94\x84\x93\xd2X3\x86\xc5\xefF\xd2\xdd\xa6c\x95\x10\xac\x0e\xba\xb1\xe4\xe3\\\xf5\x03\t\x83c\x91qx\x8a\xb0\xc2"\xde\xaeUj\xa3\xc3Q{\xf8\xaaNS\xa2R\xf3x\xd6d\xe5-\xb5\x14\xae\xad\x0e\xae\xdeJt\xac\x16\xb8V{Yz\x14qi\xcc\xc7\xa3\x12\xc2\x89\xc5\x90\xddeS\xcc\xfdB\xdb\x8eD\x1c\xd0\xed\xa1#\x03l|2,a]\xb9\xbcW\xac`"\x94\x87\xaf\xfa\x84\xc5\xbc"Y\xe4\t\x95\xc0b.\xca\x82\xab\x91\x8fr,\x9c\xf6\x9f\xd2h\x01\x16\xe3\xb2\xf8jli\x16\xad48\x05\xb9\x80&lt;_\xc1H33\xc0`\xed:\xa0\x82\x85\xddR\xc9\xf5\x19\x96n\x18\xcc\xbaN\xad\xc6\x988\xda\x88\xb0F\x1dR\xc4\xe0\x9a\xc8:7QX\xa9\xf0\x95I|-\xd1\xda\x15X\xf1\xddV\x98=\xc2\x14\\\x9a\x18\xe1\xa0\xa2\x83/\x83\xec\x1aW\x9aV\xa2\xd9Uu\xb0\xf2T\xba~\xbd\x88\xd0\x17\x02|K\xa5\xeb`\xe9\xd7\x8b\x9eW\xab\xf71\x11&lt;\x18\x07\xacN\xa7B\xcf\xc9\xc8u!\x96X\x8d\xb8\xa3B-\xa6\x9a\xd1z\x86\x89\x05\xad\x9e\x19\x9c\x9dc\xd1zB\x8b\n;\x93`\x1a\xc7\xa2\xd01XM\xb3\xb1\xd3\xa1\x9d\xa0\x19\xb1\x1d\xdb\xa9v\xbb\xdd\x00\xf6T\xbaG\xfa N\x15\xafR\xfe\xbb_\xf1\xc8\xccz\x1f\x94\x84\x04&amp;4*=\xb7X\x89dN!\x16q\xd6\x8c\x1cMG\xc0B\xd1\x95\x9e!\x16-Xm\n2Spa\x85!,\x967\xc2\xb2\x88\xd8bDT\\N\xdb\xb6\x03\xba\xecu\xfa\xfdv\x11\xdd\xd7.\xd7\xda\xaf_\xb7\x11\xfa\xf6\x9b7e\x08e\x90\xbd\xd4\xa9\xba.2%\xe2$\x8b\x9c\xe9\x13,v1vr\xf9FX\x1ew\xac\xa9\xaa\xc7\xb0L&lt;#C#\xcdx\xd8i\x9bei\x13%\xb9\x88\xf8\xec\x1f\x0b@\x82Y1\xc702\x00\x00\x00\x00IEND\xaeB`\x82'</t>
        </is>
      </c>
      <c r="M533" s="3" t="n">
        <v>45492.67891203704</v>
      </c>
    </row>
    <row r="534">
      <c r="A534" t="n">
        <v>1464519</v>
      </c>
      <c r="B534" t="n">
        <v>1961</v>
      </c>
      <c r="C534" t="inlineStr">
        <is>
          <t>Isaac</t>
        </is>
      </c>
      <c r="D534" t="inlineStr">
        <is>
          <t>Isaac</t>
        </is>
      </c>
      <c r="E534" t="inlineStr">
        <is>
          <t>PE</t>
        </is>
      </c>
      <c r="F534" t="inlineStr">
        <is>
          <t>ATA</t>
        </is>
      </c>
      <c r="G534" t="inlineStr">
        <is>
          <t>PE</t>
        </is>
      </c>
      <c r="H534" t="n">
        <v>177</v>
      </c>
      <c r="I534" t="n">
        <v>32</v>
      </c>
      <c r="J534" s="2" t="n">
        <v>38100</v>
      </c>
      <c r="K534" t="inlineStr">
        <is>
          <t>Right</t>
        </is>
      </c>
      <c r="L53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44807a-5e94-42e9-ba51-d2a11b8c88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r5\x0c\x00\x00\x00\tpHYs\x00\x00\x0e\xc4\x00\x00\x0e\xc4\x01\x95+\x0e\x1b\x00\x00\x03\x00PLTE\xff\xff\xff\xad\x82qxXG\x8ci_&amp;"\'\xfd\xfd\xfd|[H\xff\xfe\xff\xb2\x86s#\x1f$\xb1\x82h\xe9\xe8\xefsVF\x83_K\xf0\xf0\xf7\xa1n^\xb3\x86l\xb5\x8aw\x7f^L\xa1~o\x9ajY%BD-(-!?@\x8ceK*%*oSD\x8aaU\x88aF\xad\x7fd\xa6u`\xa4q`\xa6re6TR/TT\x98wi\x8cdZ\x92f[\xa0sX\x9ek[\xb1\x80o\x87aK\xec\xec\xf5vZK\x82^G\xabyg\x83bP\x9doU\x93sg\xbc\x91z\xaa|`\x96kQD::\x8ddRjRC\xfc\xfb\xfb\xa7m^\xe7\xe5\xeafM@R=&lt;\x87e]\x94gU\x90fM\x97i_\xb7\x8e{\x9czl\xa8wb\x90dV8di\xba\x8dt\x89cO1NOw%7\x1e\x1b \x8djU\x8c_N\xb6\x8aq~-:2XX}`R\xacteoXK\xa0oe\xbe\x96\x81\xf8\xf8\xf8y^N`G;qK@\xaap`\x87fS\x92pa\xa7~m\xa3jZ\x9blb\x7f^Y\x99mT\x95eQwQB&lt;45\x93iO1,/\x8ao^\xa4u[,FG~TH\xa7\x81s\x86`X\x91kX\x840&gt;\xe2\xe3\xef\xad|k\xf5\xf3\xf3\x7f%;\x88[K\xc1\x96}hD=\xa0xg\x97v`\xae\x85wn#5\x9ao]r[Q\x82i\\|YN\x88&amp;?\x91&gt;E6`eD43\xa4xex\x162x_U8./\x9fhV\xb3zn&lt;ZX\xf0\xee\xee\x94oZ-JK\xe3\xdf\xe2|dW\xc5\x9c\x83dNI\xb9\x92\x82\x99fV5/3\x9e\x82xh\x1f1\x84]S\xb0\x8e\x82\x9ase\x94xnvTO\x8b9C\xe1\xde\xea\xb3yg\x84WF]HE\x7f\x1e7\xadvloPK\xa4rj\xd3\xd0\xd2\\=5Dc_\xa8zh\xe4\xdb\xd9\x9et`\x9a.IVCA\x874@\x90(F\xdb\xd9\xe7\x98LUIBC2))\xd8\xc9\xcb\xb7~t\x86\x177\xec\xea\xeb\xdb\xd8\xdc5Z]\x94_R\xc5\x95\x84|5@\x87TV\xca\xae\xae\x81cU\xbb\x85s\xcd\x9f\x90\xcb\xc8\xc9O504KI\xc2\x8f~gTN\xa1Q[{tuSMM\xde\xd0\xd3m\x191Kgg\xa9\x87}\x97AG\xc7\x98\x8b\xce\xb6\xbd&amp;;&gt;\xb8\x80k]YX\xbf\xa0\xa0\x9e\x8b\x85qG7\x9b{q~P@mfj\xb2{\x8a\xbf\x88{\xa3]i\xae\x93\x8d\x8cHO\x8a\x88\x86\xbc\xb7\xb5\xd4\xc2\xc4\x94\x93\x93\xb9\xbd\xc0\xec\xe3\xe2r-=\xc8\xc2\xc2f`_\x9c\x9c\x9c\xae\xb1\xb5{DK\xd3\xd5\xdfYqt\xab\xa1\xa1&gt;))\xbd\xc8\xd3\xb0u`B?H\x9aex\x90Qd\x92\x80w\xb5\xab\xaa\x88qhI[W\x92\\J\x97\xa4\xab\xbc\x9f\xb8w\x85\x8a\xb0jsh}{\xbd\x8c\x96CRO\x87\x95\x9db-=QOX\xa6~\x95\xb3\x8e\xa2\xeb\x93\x00\x07\x00\x00 \x00IDATx\xda\xcc\x97\xd1K\x9a}\x1b\xc7Wj\xb7\xc2B*\xb9\xc1\t)\xa8h\xb4z\x06\xcf\xcf|K\x9bo\tBu\xe0\x14[h\xd3\xa7\xdd\xdcA3H\xa2\xf60\xf3\xc0\xe1\xbd\x87F"\t\xd2#\xbc\xbb\x99sDx\xa2\x8c:\xeb\xa1@\xf4\xf4\xe9d\x1e\x15\r\xca\x1dl\xb0\x83\xce_\x06\xefu\xfd\xee\xf6\xfe\x03\xef]{/\xdd=\xb1\x03?|\xaf\xef\xef\xba\xbe\xbf;w\xfe\xe7b\x9c\xceP(\xa4rB\x85\xf6\xf77Uw\x18\xe6\xce\xffA\xa9B\xfb\xe5\xa3\x83\xd1\xd1\xf2\xc5\xd9\xe7\xcf_\x8e6\x9d\xa1D\xc8\xa9b~\x1e\x1c\xfc2J\xb5u\xd6n\x9c\xb6\xcf[MRm6\x1bW\xe5\xb3\xf6\xd9A"\x91p\xfe4\x9d\x9c\xa1\xcd\xad\xf2\xe7\xf3\xcbf\x95TI&gt;\xcf\xb2&lt;\x9f\'M\xc27O\xcf\xce\xca\x89\xd0O\xd1\x8bq&amp;\xb6&gt;}9o4I\x9e\xe5\xf3&lt;\x0fLXyV\xa3aI\xf3\xe4\xfcS9t\xeb\x8d\x84\xe69G\xcfN/\x9b\x84cY\xa5R\xaf\xd4h\xf4&lt;\xab\x87O\xf8@\xd5\xaa\xad/G[\xce\xdb\x05\x03\xa56\xcbW\xado\xf9&lt;\xb0\x00\x96\xc4\x02\x80\x1a\xe0\xc2\x87\x9e\xcds\'\x8d\xf6(\x1cQ\xe6\x16\xa96/\xda\xad&amp;\x07 zI\x1f\x00\xe1\xf5\xca\x1fri4\xf8\r\x9b\xff\xde.\xef\x87\x9c\xb7\xc6\xc5l\x9eA\xfb\xf2\xa8\x13\xfd}\xe5\x14p\xe8\xa7\xa6\x80\x87\x12\x81^\xf8V\xf2\xd5\xd6\xd9V\xe2\xb6\xa8\x9c\xfbW\'\x1c\xf4O\x0fR\xa1&gt;T\xa0),\xcd\x94\x06&gt;h\xf4\xd7Xz\x9e\xbb&lt;/\xdfN\x1f\x19\xe7\xfe\x97\x13\xec\x1f\x96^)\tv\xcd\x85j\x01\x1a2\xd1V\xb2\xd0\xc8\xf3\x83\xdb\xe0b\x98\xc4\xa7\x13^B\x82\xdf\x9fR*%\x12\xc4\xd0\xa0x\xd2W\xca\xeb\xd2\xf3\xcd\xf3\xad\x1b\xb7\x17\xc3\x84\xb6\xae.ap\xb2\x94\x03\x04Bg\xa1N\xd4Q\x02\'\xf0T-\xaa\x1c\xc5\xd3(\xab\xa0\xd7\r\x83\xa9\x9c\xe5\xd3j^\xea\x1e\x8b\xa6\xd2#IM\x0fU\xab\xd5\x04\xe2"i\x01\xff8\xf5\xa3\xa5x"H\x03\xfax\xb3\xb6\xbah\x10\xdaAP\x81\xe5\x05\x8eK\xbb\\\x15\x17V\x05\xdf\xf0"\xe4\x18\xd0j\xd4t\xd4jz\x96%\xa7\xe5\xc4\r\xca\xa5J\\\x9d\x10V\xa2\xd2\xe8Q\x1bR\xc9\x15\x8b\xc5R\xa9H\x9fX"TN\x04\xd58N`\x95\xf4\\\xea\xf9j\xe3\xe2\xe66$\x13*78\x16\x1bF}\x94vUr\xa5b\xaaP(\xe0\xbfB\xbc\x10\x8f\xc7\xf1\x83\xdf\x7f\xe8/\x96r\xa2X!\x02\x8b\\J6\x7fr\xb5\x7fc\xc71t\xd1\xa8\xc2\xb6\x81]\x0c\x13AH\x03\x94\x9fr\x18\xe0\x157X\xadV\x8b\xc5`QD\x1e\x98\xcd;\x11\xf7\xa1?\x93\xa9\x8b$\xafD.=i\xdd\x94\\\x0c\xb3y.QM\x81Ri\x97XJ\xc5\x0e\xe3\x86\xb8\xe1\xba,\x00e\xa0X;\xe6\t\xf3\x8e\xd9l\x9eX\xcc\xd6+\x02uX\x8d4\xca7s\x1a\x19g\x19&amp;\x034\x10\xa8\x88K\xcc\x15c@%\xb1\x80\\\xf8F*\xaf\xd5\x1a\x81zn\xee{\xf6\xaco\xe2\xc1b\xa6\xc2\xd5p\xc0\xd5\xc8\xe9\xd6M\xb4\x91I\x1c\xb4\x894Cy\x02P\xa9X,\x86T\x16\xaf\xc5\xebE"\x07&gt;\xbc\x86i\xc0z\x1dy\xfe\xdc&lt;1\xd1\xd77a\x8ed\xeb.\x017T\xad\xda\xbe\x89\xfc\xe5&lt;j4y\x18Tp\x049\xb1\x94\x89\xfd\xa0\xb2\xd2\xf2\x1af\x10\xcck\xf0z\xbd\xcb\xcb\xaf_G$\xc9&amp;&amp;\xcc\x8b\x1bT0\x98i\xad\x03\xf9\xdb\xe8\xdclCd@,%\xebB\xaax,\x1e\xa7P\x1e,+\x02\x19\x1c\xf8t8\x96\xc7\xa7\x97i\x81h\x91E\xe0\x12\x91\x8b\x83-$7\x16\xb3\x7fv\x89v\xc7\xe9\xc0\xd5cT+\xc0\xb2z\xa2\xd1`0\x18\x8dF=\xa0\x18\x94\x03\xb1hMC\x85\xa7\xa7\x97\x15\x1b\x1b\xd9d\xa5\x86i\xa2\xd9\xdedd&gt;\x85\xe5\x16\xc1\xbc\x0e\x19*_\xc9\\cY,\x1eO\xf4\x1dT0\x8a\x82Y\xc7\xb1\x90m\xc613\xe3s\xf8|\xbe\xe1\xe1p\xf80\x9b\xcd\xd4\xd3Je\xadFZey]\xcf\xa8.NP,X\xd0\x82+G\xa9\xdc\x14k\'\xb8\x13\x94\xe4\x8aF_\xe8t\xbam\xdd\xf8\xb8n\x1c\xa8VW\x07\x06\x06\xba\xbb\x87{\xfd~\x7f6;[\x81\xb5\x99\'\x97G\xf2\xba\x8b\t}:\xc1\xd8\x07\xf9)])IbY\xdc\x16\x05\x18+\x1aD\xb9\xa0L/t6\x9b\x0e\x0b\xb0VW\xef\xdf\x07\xac\xde\xdeTj\x16\xb829A\xa3\xe4H\xf5J\xd6\x95\xcd\xa8\xf6\xcf\xab\xd25\x90KW\x02\x94\n\xa0,\x92\xb7$,S\xd0f\xd3j)\xd86p\rt\xdf\x87\x17`\r\xa6f3\x19\x7f\x80(5,\xc7\x9d\xca\xba\xb1\x19\xd5V\x83\xb0x\x9bI\xa7\x89\x98t\xbb\xdd@\xe5\xc6\xf1\xf0C,4\xbeVk\x04,\x9b\xce\x06\x8d\x04\xae\x81\xee\xae\xde\xae\xaeN\x90\x0b\xb8\x92\xa2\x00\xbb\x9do\x8d\xca9\xba\x18\xd5A\x0b\xee\x83y\x01\xc6{\xa5\x1es+\x00\x0c\xb4\x92N"\x10\x81\xe3\xa3Z\xad\xd6d\x02&amp;\xd4\x0b\xe4r8\xa0\x85]\x9dP\x83\x83\x83\xc9\xd9d\x8e@\x90\xe0\x9bG\xf2b\xe1\xde\xe1\xf3\x02\xe7\x12\xeb\xc9\x18R\xb9-8\xb5&lt;V:\xb8\xa2\x1e]4\xaa5\x9avA.\xad\xed\x17p\x17\x9cH\x89\xeb\xee]\xca\x95\x1c\x81Y_\xe3I[\xce\\\xcf\x84&gt;7\xc1Z\x02\x07b\xe5\x92n\x85\x02\xc0\xae\x87)\xaeD\xd8\x83V[4h2\x99\xb4\xb4\xd0_\xc8\xe5\x1b\xee\xa5`\x81@2\x19p\xa5\x05^ \xa7\x9brb%\xdaUV\xcf\x13\x08\xa0b.\xe3\xbe\xa6\xc2q\n+\xd1K\xb7\xcf\xb6M\x0b\\\xa8\x16:L\xa7\xb3\x8d//O\x87\xc3a\xf0&lt;p\x01\x96H8A\xe0\x1ar\xeekf\xff\x14\xac%P\xadb\xd7Tq\x0bf\x19\xec`\x14G\xa9\xc7\xa65\xbd\x1b\x02.\xad\xb1\x1f\xb0l/\xa0^/\xc3\xa0\xf7\xcf\x0e\x06\xb0\xc6\x00\x8b\xe3.\x0fd4\x173\xda\x00kq\x84\x8817m!P\x19\x10\x0b,O\xa7\xa9\x07z\x18|\xf7\xf6\xed\x90\xd1h\x9a\xecG\x83\xd9^\xec\xad\xaf\xef\xe0N\xdc\xf0\xcf"V\xce\x95\xae\tB\xf5L\xc6\x81\xaa\x02,\x1e\xb0\\I\x89\xca\x1d\x834j\x91\xb4\xa2\x03\xc2\xe3\x81\xff\xde\xda\xed+&amp;c\xff\xd0\xa4d/\xe4\xea{\xd6\xd7\xd7\xf7`1\x9b\x0c\x04\xeab\x1a\xaeF\xd5\xcfNY\xd5\xe2\x10\x8b\xfa\xea\xdaYV\x0b*\x06\xdd\x83\xcdc)\x15\xadQ\xcf\xbb\x0f\x1f\xecC\xc6\xc9\xa1\xa1~\xa3\x16w\x10\xb4qo}\xfe\xd9\xef\xcf&amp;(W\xce%\xd4j\xcd#\x19\xbd\xa5\x02o\xf1y\xe2\xaao(\xae\xb1\x14\x1eO\xa1\x84\x17\x0c\xbc\xf1\xe4\xc4\\)\x1e/z\xd4j\xfb\xca\x10\x148\x0c\x83!&amp;\xaf\xe5\xd7\xcf\'\xfa\xcc\x92^9\x90\xeb\xa4\xac\x92o\xfd0\x9b\xa7$\xcf\x91J\x12\x98"\x88\xe5\x8eX\x0c\xf1z\x0e.^\xb4D\xcc\xaa%\x85]=499\xd9?i4j\x0bw\xef\x8d=~&lt;v\xaf\xb3w8\xbcH3\x17\xd8\xab"\x08\x97\x07r\xaa\x05X`\xf8J&amp;\x12\x91\xd4R\xf8\x8b\x85\x07\x7f&gt;\x88\x81`pG,\x15\xe3\x05\x90\xcdcW\xafL\xf6\xf7\x03\x94v&lt;\xd5Y\x1cs\xa5\xe1"R\x01\xb8\xc1C\xcc\\\x81\x80\xc8\xc9\x8fEHU\xcc((\x96E\xe1/\xf9#\xf3\xbfw\xf4Ea&lt;\xbc\xf0X\xa1Y0\xba\x82v\xbb\xfd\x91\x11\xfdn[\xf0u\xa7F*\xc7\xe9\xafP\xc06\x02\xd9&amp;\x19H\xe6\xd2\xc2\x89\x9c\x89\xcb\x998\xadV\xabb=+a)\xdc\x05\xeb\xbaZ\xdd1?\xff\x12\x16\xb4M\xb7\x00\xf6\xde\xdb{\xb9\xbbb\xb7O\xfe\xe3\xc9/\xaf\xb6\x17\x16\x1c\xbe\xee\xae{cb\xe5\xbd\xeb\xf8\x18\xb8\x92\x99l&amp;\x90\xac\x03\xd6\x91\xbcj\x01U\xae\x9eQHbEv\xd5=\xea\x8e\x95\xf9\xdd\xf9\xdd\x97A\xdb\x02\xa4\xab\x99q\x9d\x91b=y\xf5\xea\xb7\x85\x87\x0f!\x08b\n\xec\xee\xee\xea\x04\x93UJ\x01\x08\x11\x99\x00\xe1dU\x0bNb\xb5\x8a{\x87b)v:z\xfe\xd9\xa3\xb6\xdb;:\xe6\xd7wt\xde\x87\xabo\xde\xbcY\x1d\xd7\xbe\xb4S\xac\xed_\x1f\xce\xd0o|\x10# wA\x12L\r\x8e\x8dd\x01\x8c\x90\xcb\xb2\xdcjUDI-\xb7\xa2\xaf\xa7\xa7G\xadV\xaf\xec-G"\x87\x9dsssO?~\\\x9a\xd1\x99@\xad\x7f=\xa1TKKoVg\x1c\x18\xeb!\xd0\xfb\xc2a\xff\xc8H\x16\xec\x05X\xb2Z&gt;qN\x9b\x98\xc4\xa4\xa5\x88\xcc\xab\x81\xabc\xc72|\xef1\x9e\xb6\xe3\xf7\xef\xd7\xe6\xe6\x96\x0c\xda!\xfb\x87?\xfa_\xfd\xfap\xe0\xcd\xd3\x8f\x80\x85D\xbe\x01\x9f\xc1\x17\x1e\x0e\xcf\xde\xcbd7\x92\x84km\xc9\x8a\xd5\xc6\x1e"\x16\x88\xb5\xbe\xbb\xa2\xee\xe9\xf0\x14R\xb9\n\xfb\xed\xbbFY\x15\x8f\x8f\xd7\xd6\xe6Vu&amp;\xfb_\x1f\x86\xb4\xbf9\xee?\x9d{\xba\xb4\xd4Y,\x8d\x8d\x8d\x8dt\xf6\x86\x87\x87\x87\x0f\x07g76\xc0[\xadQ9\xb1B_\x9a\xcdf.G\xa7\xfc\xce\xee\xcaJGG\xb4\xf7\xf1\xf1\xe5\xbf\xbf\x7f\xfb\xa6d[\x8d\xca1\xe8U\xb0j\x87\xfe\xb2?\xb2-t?\x9d\x03\xf5\xd6\xc4J\x1a\xb6\xcdW\xd7H)\x05\xb7\x1f\xc0Z\x04\xb5\x1ar\xe6-\x95\xf3\xaa)\x8a\xff\xc5\xda\xdd\xdd\xb3\xa6\xd6\x8e\xbf\xd6\xcf\x1bp]\x16Z\x7f\x96\xde\x1f\xaf\x95\x0c^\xdb\xa3\xbf\xff0n\xcft\xce\xad\xad\xad\xbdw]6\xbf\x7f\x9f\xd2|\xfb\x0f\xad\xe6\xfb\x93V\x9a\xc5\xf1rwEv\x16C\xb9\xe5\xcdJVH,\x85\x86\xc2\xe8n[ok\x1d,\xc6&amp;\x03MdE\xbc\x97\x11f\xb8\xbb\xa1\xa1cb\x83\xa2\xb1\xf2b\xcc\xe4\x12\x8d\xa50\xc6\x1f\xcdB\x83\xadA\xb3\xc9\xda\x81\xb4\x81Hq\x08u\xd6\xa4\xc1\xb0\x96\xa1\xa2\xdd:k|aR\xc3\xeaLc\xb2\xc67\xdd=\x0f\xb6\x9b\xfd\x03\xae\x07#\x89\xbe\xf9\xe4{\xces~&lt;\xe7\xf9[*\xd5\xce\xc7M%\xac\xaf`\xc6`\r\xab\xbc\xbc\xae\xee\x9f\x7f\x7f\xf6\xec\xd9\xddg\xa8RO\xb8f\xfb/\x88\xc7\xe0|MMA\xf1I\xd5\xdf\xbd\xdc\x0e\xd1uo\xacIN\x05\x02D\xccI\x03U\xea\xab\x97o^\xfe\xeb\xfc\xaf\xbey\xf9\xef\xbb;\xa9i\xbe\xc9\xd4\x82\xb0\xce\xff\xc8\xde\xf5H\xd9\xe3\xc8\xc3\xad\xef\xe1|\xbfWkV"Bs\xbd\xa6U#vO]\xec92\xd2-n\x12P\x01\x83\x05a\xb5\xf7\xa4\xa6?\x7f\xf1\xfd\x1f\x7f\xf3\xed7/\xff\xf1uj\'uY\xa94=\x05\'&gt;\xfa\x99\xbd.pf\xbd\xfa\xed\xe4m\xa5\xf9i)\xe4\x7f11\x88\xba\xe2\xa6\x06\x98*\xac\xb21\x07M\x92\xb9\x1cI\x8be2\x91\xc0\x100\x10~\xbd\xa3\xa7\xbd\xbd\x07\xdd\xa6\xde\x87\x04\xff\xecv{*U\xdf^\xc9W\xb6\xd8\xbf&gt;\xff\xe85kX\xb7V~?&lt;!v\xb8\xcd\xe6?\x00\xd6g\x9f\x01\x96\x04\xea1\x14?\xa8&lt;~}0\x9f\xcf\x07\xf5"(\x84\x02\x0be\xa0\x08&amp;\x16$\xdb{H(\xe0S\x10c\xd3@x\x19\x1dH\xbe\xd2d\xbf\xf3\xe8%{ik\x93\x17\x0cwwLh\x86u\xb7!\x9d\x02V\xb8\xaaJ\xab5P\xa8\x03\xf5\xc7bPyb0_H\xa5\x14a!(\xf8es\x82\x80\x0e\x87\xe3\x1eY2\xda\r\xdd&lt;\x1f\xc4j\xb1\x0f\xfc\xe5\xc7\x99\xad%v\x06\xeb\xf2\xcd\xdf\xed7{\xbby\xe1\xd9\xe1\xa7\x10Z55\xae\x0e\xd4\xea\x81\xbb\xe4~?`\xc5br\x0b!5\x84&lt;\x06\x820\x18\xdec\xd1\x15\xc0\x1b\xa4\xc9\x1cIB\xc7\xd5\x82\x9bL\xd0\xdb\xd8\x07\xee\xbe\x9d\xb4\xd7l\xb5\xb1\x12\xf0\x9b\x1f1\xb5^\xe0\xfa\xedlI\xab\tWX\xa52\xa8\x02\x9e\x00\x05e\x99\xb1X,R\xa0\xf2xB\x94\x05"\x9e\xa2,~\'Mcgm\x0cc\xd3\xa3\xc0#i\xcc\x8d\xe3j\x9d\x1d\xec\xeee&gt;F\xaf\xb3\xb2\xc9+\x7f\\kI6{\xbd\xcd\'\xb5\x9d\xa0\x15`\rB\x0b\xaa\xf2D=\x06\n\x98\x08\x82\n\x85@\xab.\x83\x05B\x0b\xd4"\x10\x16\xed\xd03r\xc6\x0f\x8a\x817\xb9\\\xb5\xaetmiWVbtn\x85\x15\xb5N\x0cy-Y\xb0\xeb\xcd\x1f\xf5\xbe\xc7\xaa\xd2\x82X\x1e\x0fb\x00*\n\xb8\x80\x0c"\xabDEX\x90H\xb43\xc6 0\x9b\x1eY\xe7\xecl/X\x8d\x9a\xcb\xcd\xe9\x97\xd8i\xe6\x872\x96@\xb1\x98mnnv!*\xa4VW\xd6\x93\x8dz \xbc\x08\x90\x0b4\n\x19\xa4\x10X\x01\x15\xf8\x90*R\xb6 \x92\xcbiC\xf7J\xa8%\xb4\t\xaa\x06\x07\x81\xaa\xba\xd7|\xf6\\n|\x88\xa5\x04\xb1\xc0\x14\x8b\xc9\xee\xa2\xb6\xb6\xa3\xfaH\xad\xaed2Y(\x14\xa2\x1e\x08p\x06q\x81ZR\x01\x08W\xa4\x8a\xc5"\xc5\xe8\x1d\x18`\xc5\x18PRb\x913rH(%\xacj\xdd\x85`&gt;\xc1\xd26\xa3-\xc1PYo\xb7\x85\xf8\x80\xd5\xc5\xabM\xc73\x99L:\x1a@I\x01|\'\x95\x12\xfe\xd8~\x8c\x08 +\xa2\xb3\x88\xd4b\x90[\xc1\xaf\x12B\xa2\x1dD^\xbc\xday\x8e\xce/\xb34\xbf\x96%\x18\x7f\xb37]\x8c\x02Vu\xcd\x84\xabC\xd1\x1c\x8fg\x16\x16\x162\x05\x14\xf6 \x89E\x0e\xbe\xb40\x84\'YH\xc7\x93EB\xde\xe4\x80\xceF\x8ft\xf4\x80\xab\r\x06m\xd5\x11\xd6\xf09\x92\xde`k\xac\x8eH\xf6\x15\xdd\xc9l\xa1\x96w\xb5\xba\xda\xd5\xc1\xb9\x9e\x8e\xc7\x11U&amp;\x9dDz\x11\xcc\xbe_\xe0I&amp;\xb3\xc94\xa2-\x04\x8a*AS0\xe8\xc8\xc7 \xdc\x10\x16\x05E\xa1\xe4\xc5\xde\xdek\xb4#\xc2V\x9e\x9f\t\xef\xab\xb2\x01O\xa1\xdbxu\xf2\x87S\x1c^mw\xba\xe4\xc4L!\t9\xd4\xb2\x1f\xdc\xd7\x84J\x9c\x0b%\t\x03\x01\x15\x1a\xf6\x9d\xb9\xdc&gt;\x81\xd4\x02G\x0b\xce \xb9\x86{\x87uy.kXC}1-A$\xd3^/`\xdd\xeck\x8c\xc7\x0bH\x18$\x96\x01\xa4\xca\x07\xe5\xad\x9e\x85\x85x\xb2K\x91F_\x81\xe2\r\xb9\xa4\xea\x86-\x97\xca\xd9\x0cH,\x86\x11h\xc3\x83.\xc0\xd2\xe9\xce\xe1Kl\x15\xeb\xb6\x95\x06\t\xc3\x10\x86n\xef\xa9\xc9\xd1\xe7\xe3Fo&lt;\x9eN\x17\xd2i\xf0\x1beATp\x10\x0b\xd1X~z\xfa^\x1f\xb0\x06\xa8\xfd|\xde\xd9\x00X\xd3y\xc6@\x95Nk\x15\xc4&lt;dT\xf5\xd9\n\xf3\x0ck\xbd\xe9\x86F\xa2\xd5\n\xf6%q\x84\xe5\xcb\xc4\x8d\xc0\x059"\x0bT\xb1|\xd0\x1f\x8aF!AH\x1f\xb4N\x9cj\x8c\xa7\xb3\x06?\t]!\x8d\xe7\xa6\xa7sz\x0b\xa2b&gt;\xbeQu\xa3\xbf\xb3\xd3\x8e\xd1\xdc\xb7#\xacam\xde\x14\xf5\x19\xbbU\x83\xc6\x9b\x93\xa3\xe3&gt;\xa3\xb1\xd6\x08X\xd9l\xa0\xeac[0\x1f\xa3\xa2\xd1\xa8\'\x14\xf2D\xa3\x85x\xbcV!\x119\xc8\xcaJ\x12\x8a_OO\xcea\xb3\xc0\xe0\xe8\x17\x9d93\xdb\xaf\xd3\xd9\xe9\x1c6\xfa\x98\xb5&gt;\xb0-!r\x19\xa1Z{o"\xb5\x8c&gt;!\x12%\xa0=\x03TA\xa7_\x85\xb0\xa2\x1ed\nEH\x10\x83\xe4\xc0\xc7\xdcn\xdc\ru\x1aj\x90\x1f\xf2\xfc\x17`\x9df\xb3\x0e\xa3\xd5o\xd8\xdb\r\xd7m\x8e\xbb8\xdd\xdd\x1f\xb0\x1ay\xc2F\x85V \xf2C\x0f\x18\x0c\x8a\xbaJD\xa1\x10\xdaII\xe5\xfe\x18\xcc\xae\x0e|L\xacV\xe3\x0e\x9a\xce;\xf5\xfa\xd8\'\x9f\xfc\xa9AwA\xad\xb6\xeb\xcc\xf6-\xf6&amp;\x9f\xf2\xb6\xc8\xf3\xc10\x87\xc7+\x85\xbc\xaf\xb1\x8f\xa3P\x01UC\x83\xd3\x19\xd4\xb7\xa2B\rL\xd2V\xab\xa6\tzB\xf8\x9b\xc3Q!\x16\xab\xc5\x15\\\x8c&amp;\x83h+\xe5&lt;{M]\x81\xab\xed\xbd\xe6\x9a\x196\xf7\x05\xb7\x12.\x99L6&lt;\xf1\x01\xabK%\x81\xdeT\xef\xd4\x8b\xad\xa1.\x0f\xc4{i\x93q\xfa\xa8\xbfB\x85zll\x0c\xc7\xdd\x80E:A\xd2sx\x05\xce\x85f\xde\xde\xb2~\x8b\xd55\xc6\xa6\xcf\xd5\xdf\xd0_\xfd\x03`\x8d\x97\xd4\x92\x08$\xa2\xa0Lf\xedP(\x14]a8\x87h\xab(\x9bwl\xc3\x07\xcc=6\xa6\xc6\xb9\\.F\xd2\xfa \xc6\x85\x9e\x0b\xc3Z\xec\xe6\xc9\x87\xac\xae\xab\xcb\xeb\x962\xc2\x93\';&gt;`qTZ\xa9\xcav\xcd\xaaqqxB\x1eO\x81\x16\x9dV\xab\xe6\xcby\xb0W\x8em\x92\x9cr\x8f\x9d&gt;\x8dC[\xca\x05\xb90\x0cQa0)\xbef\xf9\xcdTy\xdbL"\xb3\xb02\xfa\xfc\xc8\x89\xe0\xc5.\x95\xbe\xd3j\x1d\xe4\xf0\x1a\x85\x1d\x9a\xf9\xff\xb3\xed\xed\xd2\xdc8\xe5\xfe\xf2\xa9\x1a\x9ae\xcca\x03&amp;.\xc6\xc7\x9e\x0e\xfc4\xc3\xfa\x9b\x83\xba[\x8f\x87f\xd6A\xacq!\xc2\xeaR\xa8\xf4\x1a\xabL\xa6qi\xc6\xdcG&lt;{{\xf3{H\xadm\xf2h\xa2\xbd\xacT\xab\xcd\x9d\xb8\xa3\xa1\x82\xcf\xc70\xbe\xf2\x8e\xfd\xcdq&lt;\x00*?1\xb4\x82\xb0\xc6\xfbx&lt;\x0eDTC\xbf\x95\x9eF\xb7H\xf3{k\x07k\xc8VW\xd7\xf6vwA/\xb0\x1e\xf8\xd7EL\xa9v\xbbKX0\x92\r\xbc\x989\x9e\xe7R\xb7VF\xc7Ql\xf5A\xb2\xe0)\xfa\'d=;\x9f\xa6\xb6\xf7VW\x0f\x13\x87\xab\xcb+\x87KK+\xab\xcb\x91\xc3\xdd\xd5\xdd\xddw\x9f\xdf\xdf\xf9v\xa7\xfe2\xbf\x12\x17UT",\xd3\xe4w\xc7\xf3\x9e\xb8\xac-\x81\x12\x84\x0f\xbc\xa8\x80H\x1f\xb4\x8a\xc9\xfa\x9d\xfb\xef\xde-/G.E\x96\xff\x1c\xd9\xb8\x04_##\x1b\x89\xc8\xca\xcf[/\x06v&gt;\xfde=\xff"yA\xc4\xad\xe4\x83^w\xde\x1c\xd3\x9b\xca\xb2\xba\x8d\x12\x96O\x08j\t\x85*\xb9\x1e\x9b\x9a\xea\xd9\xfd\xcf\xf2\xd2\x93__\x1a\x81\x9f\xa1K#OFF\x96"K\x1b\xdfE\xd6\xaf\xd4\xef\xd4c\xeeJ\xac\xbf\x01\xa4\xe2+\x95\x03\xaf\xcb\x8e\x0bk\xe9\xc5\x07,\xa1\xf0\xbaB\xa0\x1f\x13[\xc5\xdb\xf3\x0f\x0e\x13\x91\xa5\xc8\xc8%\xf8\x00\xd6_\x9fD"\xcb\x89\xf5\xd3\xd0GLAF\xbd\xd0\x7f\ra\xf1Mo\x1f\x1e\x0f\x15\xc4\xfc&amp;\x1cEh!\x1a\x85\xa5\xabf\x89^/\nsZ\xe7\xe7\x16\x17\x1f\x1c&lt;8\\YY^^N\xc0\xcf\xfa\xf3\x07{\xaf \xe8I7\xde\x82w~\x81\xa3\xc8\xe2\x9bF7O\x1c\x17\xd7\x10d.P\xcb\xd7\x08v\xfd\xa4\xb6I/\x08\x0b}}\xad\xb1Eds\x8bkk\xadp\x1e\x17\xe7\xc0\xe6\xaf\xdc\xbb\xa7\xc6a\xca\x1f\xd6a(;([\xde\xb4\x1d\x17VY\xdbk\x08\xaeF\x1f\x92\x0b\xd4\x82z-P\xf1|\x19\xa3Gzp\xb0zx\xb0\xf8?\x9b[\xaby{\xa5S\xa7\x86\xc4\xa5\xc31L\xc9W\x9a\x06\xb6\x8e\xed\x15^y]dt\xf4y_\xa3\xaf\x11\xdd\xcbs\xa0\x16JT\n\xa11\x83f\xb3\x83U\xc0\x9a+\x19|\xc9&amp;\xaa\'\x86\xd1\x15\xb3Ym\xc2\x94&amp;\xa5\xd2\xf4\xd3\xc8\xf1=R/\x9by1:z\xb3O\x88\x12=\xaf\x8f\xd3\x11\x0e\xab\x14\xd7\xd3h\xe4\x89{\x0e\x8e\xbc\xf7\xea\xd5\xab\xb9\xb9Xkxp\xb6\xb3\xf4\xf2\x07W\xfe\x97\x97\xf3\x8fi:?\xe3\xb8\xc5\x946-\x85\xfep\tA\x18nuX\xda\x8a\x14\x06\xac\x1cT\xc0\x80\xa4WSI\xa9I\xe1\x14\x16\x02\xa4\xe9\xa0\x84\x00-\x0c\x92\x9e\xffP\xc1hdJ \xcb]\x82\x03\xb2;XX w\x08\x17\xb2\xed\x0c\x08\xf1\x0f\x1a2/\x109\xc1\xdc\xbc#\xcb&lt;`\xd3m\x97-\xba\xf7\xf3|\x8b\xb7\xdbv\x9b\xee\xac\x0f-\x84\xff^y?\xef\xcf\xf3\xf9\xf1}&gt;\xdfh\x03\xa8\xceoE\xb0\xc5S2\x12Z\xb9\xe2v\x8b@\xd5\x86\x10a\x16\xd2)\x8b\x9b/\x12\xd7G\xbf|\x9bV\x81\xef\xbdw\xf9H\xf2\xd1\xc6\xe1\xd1\xa0\'\xcb\xe5\x82X\x06r\x16r\x18\xc9;\x10\x84\xa5\xd1\x00L\xe4f0\x14{\x9d\xcdD\xdb\xd6\xf7M\xb0[\xe3\xd1C\x87\x0e\x05\x02\xc3\xa0\xa2\xe7\xfa\xae4\x97p\x14H9\x8c`\xbf5\x92\x88\x1d\xac\x86\xc0\xdc\xee\xb6\xf0$\xa4\x93~\xd4\xfc&gt;vbR~(&lt;&lt;\x1c\x08`\xb3\xea\x0f\x12\x96Z\xedt\xc6$\x00\xabw\'\x92m\xba\xfbF\xae\x08X\x1a\xb7\x86\xb8D"\x9dR\'\x93\xe9T\xbf\xc6^\x88\x1e\xec#\x92\xa9y\x04XV\xab5\xcd\xe9\xb43\x96s{$\x92T\x92\x91+\xe9\xfd\xd4!Im\x92n\xca%fGH\xd4(\xfd\xe0\x03]\xe3i\x14\x0cD2\xb7\x8dx\xac\xd8U8I,`u\xdc\x8d\xe8\xed\x1a1\xb0\xd2\xb5_r\x91\\R\x95\xae\xa8\xe8h#)\xf5\x83d\x96+\xeeHUu~\x96\xd5J~7@\xac\xb2\xf3\xa1nI\xa4\xd5\xd2\x12Xa\xa1V\xbb"p\xc1RX\xd9\x1f:M\xe9\xc3f\x83\xb4\xba\\m\xc9\nc\xc5\x18\xca\x0c\x86\xdd\xa1\xc8^\xac!\xb5\xb4\xe0\x02\x986\xbd\x7f%l{\x95\xee\xf4\x1bo\x80+\x99\xa0\x98\xeau\x8b\xc5\xea\xe1\xfe\x1a\x94\xd2\xf6\xf6Pw$\xa1\xf6I\xa0V\x05\x11U\xa4k\xfb\xfbI\xaeE\xc6*\xd0\x9d\xe6\xf4\t)\x8c;Pm\xa9\xa6\x86\xa44z0fow\xb6\x87"|{E\xccX\x85\xac\x17q\xb9\x17\xc1E\x93\x91\x94\n\xd6!\xb8\x9d\xc6\xe1\x81\xfc\xea\xfc|\xaaZv\xa7\xbd\xf7|{{\xc4\xb1\xa0V\xeb\xb5B\r\xeb\x85!\xb9\x82\r\xda\xe2\xa2\xaa\xa0\xe0\x92JG-,\xd4\x80\x97\x9cL\xbd\x81D\xe5\x9a\xb5\xdb{\xed\xedeee\xaf@\xad\xd6\x16\r\xb5PC\xaf\xfe\x15\xe6\xc2\xe2\x9eV\x86\x8dP\x89\xfaN\xa9\x1b\x89\xdab\xad\xaeY\x84\xdd\x90\x90\x9d\x9d\x1dio\x89\xe75\xd7Z4\x95\xc0\xd2\xf6k9H/\x02\x03\x96\xa0V\xdc\x918\xee\xc0s\xd9\xed{T\t\xdb\x11\xc6\xca\x99\x00Ve%\xd7-\xb6\x18\x1c\x06\xb0\xb66\x95(@X\x07\xf2/s?\xec\x89\xac\xb44\xe7\xec\xac\xb3\x8c\xa8\xb2\xcb^\r\x96\xc8\xed\xe6\t\x08\x9a1\x19O\xdd\xc3\x818\xff\x01\xa1\xa99\xffD\t*\x96s\xd6\x90-D\xa4\xd5\xc2\xd6\xa7\x10T(\nn\r\xdf\x1e(\xd4V\xd4\xd6\xd2\xb0\xd4T\x06\xfc\x1e\x8fGh\xfe.Q\xfc\x18K,CLvn.S%lOFX\xadu\r\xb0\xb0\xd8\xaa\x14\xb0 W\xc5\xfe\xda\xdaZ|+\xb0\xb8*\xa1\x1ef\xbb]\xe8Q\xcc\xce\xdd\xa3\x8a&lt;\xd6\x04\xb0\xc0E\xddH\xa4\x18\xfb\x0bT(\x05v*\xe9a \x8a\\\x0ePe\'\xc4\xf4o\xbc\x02,\xa8E\x13\xa1(\xcc\xa5\x05W\xc7,\xf5q&amp;P\xec\x01\xe5\x9e\x11\xa8\x101\xbb=\x91\x9d\xa9\xf7\xd4\x12\xd1\xfeUJ\\,\x18\xdd\xea\xc1\xa8\xa3a\x97{\xe6\xcbx\x86\xd51\xf5*\xb0\xa4$\x96\x94v?\xb4He\xe3\xefwQ\x89\xca%\xa8\xeb\xd7\x19\xe9\xcc\xf53\x94@\x01k&gt;\xc2Xa\xcbS\x161\xe7@0\x8cJp\xb5\xb42W.A\tT\xd4\xb0HP1X\x06&amp;t\x0c\xbd\x12,\x1d~\x88\xcb\x04\xb2\x02\x95\xdb]Y\xd9R\xe19\xac\xa6\xc6\xb6p\xf6\x04_\xc5p$$\xf4\xceE\x14K\xec\x9d\xd1hh \xea8\x8d\xe0r`\xdf\xaf\xc2\x06\xc8\xdd2z\xfc\xa0"\x1a\x08\xb9\xe1jEPQ\x02U\x84\xb1$9\xf3W\x0b\x19\x8b\xa9\xa46U\x81\xc3\xe1\xa0\x13\tdsx\xf4\xc0\x89\x83?\xa1Ft\xb6\x13&gt;t\xf6\xf0C\xfa7&amp;\xb2X\xe2\x91\xd5t\xc2\x02\x90\x0eTJ)c!L\xa6\x02\x9b\xa81\xe0\xf7\xe7g)\x8cQQ|T\x1a\x13\xc5w\x0bX\xb0\x88aI$\xe2\x1c\xef|\xa8#\x8c\xc5\x87\xa7R[q\xb1\xc9\xe1\xb8\xe8p4\x9bL\xc5\xc56YQ\xf2\xb1\xfc\xacT#\x9fvG\xefET\xe4\xb0r\xca\xbb\xcdSs;\xdb\xbd\xc0\x12\xa8\xa4\xd8\x1e*mLu\xf1"\xb0\x8am\x05\xc56]QJUV\xaa\xc2\xc88F\xfe\xabf\xc6\x88`Ir\xf4\xf7\xb7&gt;\t\xed\xf6\x9e\x17\xb0\xa8\x8d\xd2\x06.\xa5Ti3A,\xc8\x05\xacb\x9bM)`)\x14F5&gt;F\x85bO\xae\xde\xfb\x92\x97\xb9\xd5\x97 \xc4\xe2\xf2\xd8\xa1\x9b\xed\xe7\xce\x9d\xb3\x9f\xeb\xc8K\xd7P}W\xd9T\xcc\xa5\xa4c\x11Ds3\xa0lJYQJM\x89\x82\x83\xa0\x14\x82n\xb0\x97\xfd.\xbdO\xe3\xe5\xbc\xed\x03D\xe5\xderD\xac|\xe7\xfc\xb9\xbc&lt;,\x81\xf3\xf6\x03\x8b\xa8\n\x80EjIm&amp;\x81\x8b\xbd\x95\x94Re\x89O-\xe1[Z\n\xee\xd1U\x08\\\x86\xd0\xfd\xf9\x91\x8dn\xef\xcb\xe85\x90\x94\xf7L\r\xca\xf5\xb1\xb1\xb1\xe6\xd0\xc1\xc3\x87=\x87\x0f\xe7\xe5\xd5V\x00\x8bk\xa8T&amp;\x93)\xc9]\xcd\x0e\x01\x0bT\xdf&gt;V\x1d\x9f\x18_\x12Ow\xdaR\xd3\x18.\x8c\xd5\xb1\x1d\nm\xed\xdc\x9d\xfb\xc6\x9bkq\xf9\xc8\x17O\xc6\x98\xaa\xdc\xbc\x9a\xf5=O\x10\xab\xbc\xfdPKZP`2\x99l\xca\xa4$\x19\xb9\xde$\xc8e*VB\xacLK\xfc\xeb\xf1\x08j\x83\x05\x95\x11\x99d\xcf\x1bz;vw\xfb\xb7\xb7Cs\xe5\xdf\xb0\x9c\xcf\xaf\xde\xd8|8\xa8\'\xacX\xfdN\x96?\xe8\xf7\x1f\x0fVTh+\xa5(\xed\x0e\xe2\x92\tz\x99\x9a\x11\x10K)\xcbH\xc9\xac\xb6\xd4X\xe2)\x91\x0c&amp;d\x91\x8a\x97\xb3\xb7\xa3vw\xf7\xe6\xcd\xad\xff\xf3\xfa&gt;\x99\\\x9239\xb1\xfa\xa0\xaf\xcf\xf7\x84\xb0\x00V&gt;\x97\xee\xe7\x0b2~,\xe4\x19\xcb\xc1\x1c:\xe2\xa24\x02KIX\xf4L\xba\x06bA*\xe2"\x7f\xd1C\xc5hl\xf9\xd3\\\x15\xe9\xbb\xbf\xbd\xb93IG7\x92\x1759&gt;\xde\xf9\xe5\x95\x07\x7f\xef\xf3\xf96\x1f\x87\xd5\x8a\xedY\xf5\xc7\xf9G\xfd\xfek\xd7Z\xdcR\x95\x89\x0b;\xc9\x95$\x13\xd2H#\x11Xu\xc7\xaa233\xa1W\x18\x8b\xe4",CtT\xb4:\xcd\xda\xaa\xed\xf8\xcd\xc7=\x93\xde\x9c}/\xf4\x92\x1b\xd4\x82\x1c\xef\xc8\xcc\xe2\x8d\x07\xd3\xd3\xd3\x9b\xbe\xbe\xcd\xc7\xf0\x96\x00\xb6^8\x1a7\xda2:\x8a\xe5\x83\xaa\xe0\x92\x83\xea:c\x81\x0b\xae7Q\x16\xe1\xad\x8c\x94cU\x00\xabas\xb1h\x8cE7\xdc\x0cj\xb5+\xd8\xda\xda\xbb%7Ov{\xbd9\xe2\x17\xa0\x02\xd3\xd5\xe3k\xd3\xd3\x02\x15a5p\x121\x16\x97[F\x03\x81\x96\x96@\xa5\x94\xb1.\nX\xc4\xa5\xfc\'\xac\xba\x94\x94c\xa4V&lt;\xf4\xa2\xaf\xc2H\xd7\xdb\x08+\x9a\xda\x03[G\xad\x845\xd933\xef\x15?\xa7`\x12\xf1\xe4\xf2\xd9\x07\xefLO\xe3\xb3\xb9\xe9\x13\xb0\xc2\xe6\x8a\x8d\x9d\xba\x1a\x08T\x0e\xe3+b\xb1\xf6\xb0\xc8\xf5\x98\x19\x8by\x08\x00\xab\xae.\xa5\n\xc3\x91\xb2H\\TS\xd5\xeagX\xc1*\xeb\x0eam\xac\x9e\x9d\xd9x\xce\xc7\xc3\x92\x8dU$o\x80\xa5\x02\xd5\x02c\x8d\xe9\xc3Y\x8c\x9dk\x03\xd6\xf00\x1c\x7f\xc9\xb1gy\x96\x0b\x83\xd1f\xe3\xff\x04\xb5\x08+51\x91\xd5\xe2\x0b\x9d&lt;/F\x93\xb9\xaaj\xd2\xe7\xe4f\xb3|rfm\xed\xed\xe5\x91\xe78\xb7\x94H6\xee\xac=|\x08\xa6S\x9b\xa7J}\x0b\xbe\x85\x85\x05\xdf\xd3Ad1,\x97\xfc\xb6fX\xd4\x88y\xba\x80\x9aYL4\x03\xca\x94\x9cD\x8cF\n\x81\xaa*\xb3\xa6\xc6\x92hLLL\xa4L\x1a\x11\\PA\xa5.\xb1f\xc6\x87\xc6\xcc\xc0\x92\xaf\x8f\x0ft\xad\x9d\xfdb\xe2\x7f\x9d&gt;\x8bsF\xee&lt;|&lt;v\x1b\xc6:ET\x88\xbe7\xdfz\xd20H\x05U\x90\xcb\xbc\x83\xad\x05\x1d\xb1\xa1\x98\x12\x95M&amp;`Q\x1a\xd9fLU\x13\x9f(\x04\xe7\xd0\x18\x1d\xe6rF\xa7\xa5\xb9\x82\x99\xb5\xf7\xcc\x83\xa4\xd6\xfaxW\xd7\xc0\xc0\xda\x87w\xd6\xff[\xfb\xbcD\xe2\x9dx\xfa\xf4S\xb9\xf9\xee\x8d\xe9\x1f\x85\xa9\x16\xdel\xea|8\xd6@\xee\x12\xf2\xa8\xefY\x16\xf1B\x19+xZ/\x90@\x9c\xc5$\xc2JJ\xca\xa0q\xf8\x8c\nb%&amp;\xb2XFx\x0b\xferY\xadA\xcf\xaa \x96|f\xadk\xa0\x0b\xb1\xf4\xe1\xf2\xc6\xd7\xbe\xafH\x92\xd3=\xf7xB/\x1f\xfa\xe4\xd6\xcfa\xac\xbe\xbe&gt;P\xbd\xd5\xd4\xd9\xf9\xf9\xba\x9c\xd3\x18&amp;\x9bZ\x95\xaax\xbf\xa3\xb2\xf12F\xc9%"##\x89\xff\xd4a\x10Z\xe2\x13\xff\xf4U*\x84Z\r\xdb+\\\xd6`p\x85\x9c\x05,\xf3\xcc\xda\xc0@\xd7\x12\x83\xb5\xdd\xfe\x9a\xf7WH\xbc=CSr\xf9\xd0\xa3\xcf\xbes\xe1\xb5M\xb6\xfb\xc2BiSSS\xe7\xc0c9\xd2\xc8z\xc5\xd2\xaf\xf9UZ\xd4\x14cM\xa3$*\xc1\xe6\x19\xc4Etu\x8c\x15\xff\x0c\xcb\xf8S\xa6R\xa8\x15\nzR\xe6i\xd5\xde5\xcbY,\xc2z\xa7ki\x89\xc9\xc6\xef\x8c\xfc\x07\xc1\xc4Xx\x9a\xe5S\xf7&gt;\x06\xd4\x85\x93\xaf\x95\x96\xfa\xa86,\x94\x96\x02\xac\xf3ICC\xc3\xd8\xbdO\xf5{`\x13\xab\xb4\x04\xc4\x82\x86=\x1e6:\xb0\x92\x08\x0bzUQ\xcdb&amp;\xc2\x12\x82&amp;Fz\xac\x18l\xdd\x1a\x04\x11Q\r\xce\x8c\x93Z\x88.\xe6\x9a\xff\xf7+\x07z\xb9\x19L\x7f\xfd\xe3\xaf\xea\xeb\xebO^\xf8~)W\xac&gt;_)\xcb\x05s5\x0c\xfe\xeeoc\xe1&lt;\xea\xe5\xebW\x19ID\x96"\xbb\x0bX\x00\xcb`,\xe2"\xc50[#\x87\xf4\x03\xacT\xd2\xca\xe5\t\xaeN\xe9\xe5\x1c\x83\xe6\x99\xa5\x81\x81%!\x90\xc7\xf1\xbf\xdc\xf6\xfek\xd5\xef\x99{$0\xd5\x7f\xab\xfe\xc2\xc9_\x00\x8a\xb8\x04\xacw?\x1f\x02\xd6\xbd[\x8f\x06\x9fq\xdd_\x1c\x06\x8c\x8e\xb2\xc6`{\\\x14\\\xe2I/\x0b\xd6\x11\x94I`\xa1p\xa5\x96\xb8J@ue\x88\xa8\x1aH\xac\xb0\xb7\xc2r\r\x84\x9d\xff\x15\xac?\xff\x0c\xc9\xab\xe7\xb8p\xf2\xbb\x7f\xa02Jj\xf9|\xa5M\x9d\xef\x8e\xdfF\x16\xe7&gt;\xbb\xf5h\xcf\xf7\xfa\xdf\xdf\xec\r\xc8\x1ae\x8d\x04S\xc4f\'\x95\xea\xf0\x8b&lt;\x8f\x19\xb1\xc6RS\x93\x99)\xa8\x852\x81p\xb9\\VP\xcd\xc9\xf5\xffh\xe2|C\x9b\xb8\xc38\xde7{\x15P\x90\x1d\xf1\xc5\xb8p\'T\xec\xe8\x02\x0be\x84a\x07!x\xa1\xd0\x800_\xcc\x17\xbb\xb2`\xf2\xc2D\xf3nn\x9c\x87\xd7\x17\'\x89\xef\xf6f\xcd\x8b{!Q\xbbk\x1c.\xf6\xa0(HP\xdb\x1d\xa3G\xfaf\xa5\xb8\xcdl\xd36\x81\xa02B\x1acZu\xdf\xe7\xf7\xbb\xb4}\xee\x0f\xb49\x92\x0f\xdf\xe7\xfb\xfcy\xd1\x94\xe7\xb0T\n\x10\x16+E\x8a9\x1b\xca\xbd\xbe\xf7\xf7g\x077\x8bZfH\xa5(\x05\xc2"\xad~`\x82\x81\xeb})\x97k\xf6\xcd=\xaefO7g\xaf\x90\x95b11-~\xca\xac&gt;:JCg\x94\xb00\xa7S\x11b;\xfa\x91o1,\xab\x13\xa0:\xf6g\x80\xa70Z\xc1[\x92\xe5m;\x9b\x05\x9cm\xe3\xb6\xb1q\xfb\x11\x81\xedo\x16&gt;\x93@j\x15\x14`\xfd\n\xa1`|H\x86D\xae\xe3M*=I*w+c\xd8&amp;J;\xf1\xb8n&gt;;{c\x9ca\xc5\xc8\xed\x845\x0cJb\x84\xef6\x00;q\xf4\x04\xad\xaaS\xe8X\xc7\xfe\x8b\xf2\x14\xe6\x1a\xed\\)\xbav\xd9fX\x9a\x8d\xe6\x9dXz\xb2\xbdro}\x83\xc0\xbe\x1cNp\x00\t\x82\x97\xf1&lt;\xc2\x92_$\x0c\xc3 [\xe5\xb9\xf1_]/\x95J;&amp;\xe7\x1a\x0bl\xba:\xb8\x9c\xfa\xd9+1\x91\x82\xdc\x85\r^U\xc3\xc4\x14fk\x8d\xca29\xc9\xb0XL\xa5\xa6\xce&lt;f\xc6B{x\xd0k\xc3\xaeo\xe6\xc0D\x01(\x9cOV1D\xee\xac\xbd\xde\xf8eo\x82\x0b,&lt;\xcf\x13\x98\xe5\x13\x86\x85F\x9a\xd5\xf2y\xea\x14\xdfna\x89(uMEVL\xd4c\xa3\x15\x07\x15\xb8:\xdf\x1f\x16\xe9{"\xcc\xf7b\x18,a\xca\xa1\x1f\x11\xf2\x16|Ol\x93\xa9\xa9\xd4\xc4\xe9N\xb9\xd7dv\xbf\xdes\xa1Vi\x9dSMC+\x9auK\xef\xaf/F\xb1l\xfe\xb5\xb6\xfef\x95\xb7}\x82\n"\x00\xe6e\n\x9f\x83J[\x98\x9f_X\x00\x98\x85d\xbekV*\x8d\x0e\xb0\xc0\xb5\xd9\x8f\xc7\x19W\\\x1f|\xf7\x05\x07C\x1e\xd3\xea$\xfcD&lt;$\x19\xed\x10*\xf5\x89\x14\x12\n\xffG"\xa7\x1e\x0e\x9c\xa4\xd9\x05T\xa0\xf8t\x00\xac\\\x85c\x81\n\x138;\xbdd\x7f\xdd\xea\xeft\x1f\x14\x0f]\xfc{euu\xe5\xea\x07&gt;\x96\x17\xf4\x84 \x0ea\xd70,P\xcd\xfb`\xf9\xfc\xab\x7f\x9b\xcd\xb6\x8brPd\xd3\x8d\xef\x85n\xd6\xcf\x87B\xe9P\x08hb\x98&gt;]U\x99\xbb\xd2\xdc\xf9T\x8f\xe7OR\x01\xa4\x8e,KIY\x96\xdd\xcd\\`\xf1iG\x02V\xb4HX\xdc]\x0c\xcc\xde\xaa\xbbe\xb7\xd5\x7f\xdeX\x0c\\\x8d\xde\xbcY\xbc\xb8\xa7\x16E\xc6\x03\x96\xa1q\xae\xf9\x05mA\xd3\xec\xedJ\xb3\xd9\x13\xc8x\x05\xd9\xd1\x99V\x84\xa5;o\xef\xd3\x7f\r \xc50uR\xdc^\xac&amp;\xd9p\x84Z\xaazR\x8d\x9c:=\x90\x89J\x96[\x8d\xe6\xf3B*\xfb\x94\x00\x00\x02\xc0IDAT\x8e\xa2\x94\xdb\x81h\xf1\xcd\xe59_.H\x95E\xab\xf8\xd1\x05\x17\'kF\xefF\x8b#\xc1\xe0\x10\x0c\xe6\xfa\x86\xb0\x0cK\x1b\n\x06\xae\xedR\xa5\xf2&lt;#\xc0z(T\xc5\xd1\x87r\xe9\xce`\xf6\xc3\xc3\xd0J\x1c\x1f\x17\xd5\x14s\x17B\x14\xd3!\x1a\x8e\xa4\xdf%5ufY\xf1\xa9\x92\xc9\xd6\x1f\x9d\x1aj\xa7\x11\x08\xdc]\xfb\x8d\x1a\x84\xcd\x9a\xc3\x1c\xdd\xb6:DUF\xb8\xfd\x1dh6\xe2K\x054T\xe4\x8b\xddj\xd5\xb0\x0c\xec4C\xc5\xd0\xb9*\x95\xcd\x1aU\x04=\xc2\xb8tv\xe9\x0e\x12\x19\xe3X\xe4\xf201\x89\xf4m\xeftx\x86\xbaWX\xfd\xe4\xe1@\xde\xa3J\x9a(hI2\xbbl\r\xc4\xbae#\x8fY\xf2&lt;\xae\xa5e\xd34\xcb~\xb8\xfd.\xc3"\xb9\x04\xa1\xe6\xf6\x1e\xffcU\xab\x96\xb5/\xd8\xbc\xb6^$\xcf{^\x90s\x15\xa4\x03\\\xc9\xb7\xd7nq,uf\x86a\xc5\xc6\xc7c1$q&amp;\x129\xf9\xd5\xc3\x81\xc4\x80\x88))K\x92RS\x14I\xeaa\xe7\xba\xf3\xc8f\xbd!\x9bOP)&amp;\xf2\xd3?\xd7j\x12\x03c\x92\x95G8\x95 (no\xb3\xf9\x8e\xb0\x18\x17\xc0\xa0\x15\xce\x97+\xa5R\xdb\xf5\xe81\x96\xe7\x82/\x98\xce\xb8\xcc\xfa\xfdK\xf0\x178f\xd44\x11"b\xf4\xd3\xe4\x11\x0e\xc5tBH \x02\x96$\xd5\xfaM`\xdd\x86\xb1\xf2\xd3y\xe6.D&gt;\xf1S\r\\\x12\x13\x0c\xba\x99\xcc[\x05Avz\x9b\x95\\\xf4=a\x19\x0c\x8b\x04\xa3xu\'\x90k\xb7P\xaa~\xaa=\xa1 9\x90\x8ba\xe9\x8el\xd6g\xcf\x1f\x1e\x85Z\xc8\xa2x\xe1\x02\xfd=\xea\xf1\x99\x13\x1f/\x0f|Sq\xa8\x1a\x88\x14\x05\x1f\xacdZ\xed\\\x00jih\x8eYp1\xe3\xe7\x13\xbb\xf4\x1a\xf4\x92L\x16#d\xa9\x82\xd3\xea\xb6sc\xb9\xc5\xf5,\xa9UeX\x86QE-.`C\xc5T\xf4|\x07\xe2\xccp\x8bq\xb9\x1c\x07\x9f\xd9\xa9_\x9b\x80Z\xc7C\xe28\xb8.\xdc\xba\xcf\x84\xe2\x9eb\\&gt;\x15\xd5\x8cR \xac\x95\x8d\xac\xa6\xb1\x06\xa4\x91\xb5\x10\xbb\x03\x93\xb8\x98\xfbp`Tg\xa4\xd6N\x1b\x8bU.\xb7\xf22_\xad\x1e\xe4\x02\xd6\xd6\xea\xa1\x00a\xb14\n\xfc\nz\x19R\x8c\xa8\xc0\x052\xb3S\x9f\x9d\x08\x87`\xad\x1bg\x9f\xd5MI\xde\x0f\xca_-\x03.N\xa5\x14\\\x865\xcd\xb0,:\x12\t\xcb\xb2v_Hd?)\t\xa6\xa4$\x8d(\x9d\xd6N\xa3I-8\xb0\xb8\xb6eU\x0frU\xc1\xb5\xb4}q\xac\xd2\xf3&lt;_,\x86\xc5&amp;\x82"\xeb-\x17\xf6\xf2\xc3\xec&lt;;w\xe9\xdc\xef\xf52\xff\r\x019\xb8\x93\xd1)\x94\x02\x1d\x00\xcb\x94\x91\x97\x9b\x1b\tm\x9f\xcbbXX\xab\xe8q\x1e\xff\x03\xe2\xe6\xd1\x00\x86\xcc\xdc\x19\x00\x00\x00\x00IEND\xaeB`\x82'</t>
        </is>
      </c>
      <c r="M534" s="3" t="n">
        <v>45492.67621527778</v>
      </c>
    </row>
    <row r="535">
      <c r="A535" t="n">
        <v>1464653</v>
      </c>
      <c r="B535" t="n">
        <v>1980</v>
      </c>
      <c r="C535" t="inlineStr">
        <is>
          <t>Abner</t>
        </is>
      </c>
      <c r="D535" t="inlineStr">
        <is>
          <t>Abner</t>
        </is>
      </c>
      <c r="E535" t="inlineStr">
        <is>
          <t>ZAG</t>
        </is>
      </c>
      <c r="F535" t="inlineStr">
        <is>
          <t>ZAG</t>
        </is>
      </c>
      <c r="G535" t="inlineStr">
        <is>
          <t>ZAG</t>
        </is>
      </c>
      <c r="H535" t="n">
        <v>189</v>
      </c>
      <c r="I535" t="n">
        <v>23</v>
      </c>
      <c r="J535" s="2" t="n">
        <v>38095</v>
      </c>
      <c r="K535" t="inlineStr"/>
      <c r="L535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da\x0b\xf6\xb3\xfd\x99?e\x1f\x0e/\x8b?i?\x8f&gt;\x15\xf0E\x84\x8d\xb6\x19\xbcI\xadCl\xd37&lt;F\x8c\xdb\xa4&lt;\x1e\x14\x13\xc1\xf4\xa0\x0f\xcd\xbf\xda\x87\xfe\x0f\x0b\xff\x00\x82m\xfc\x16\xd6/\xbc7\xf0O\xc1\x9e2\xf8\xa5ug,\x91-\xf6\x93m\x1e\x9f\xa7\xcc\xeb\xb8ef\xb8&gt;aB@\xc3\x88\x88 \xee\x19\x1d~y\xd5\x7f\xe0\xf8?\r\xae\xa0N\x8b\xff\x00\x04\xee\xbek2\xdf\xbb{\xcf\x89\x08\xb2\x10:\xe4-\x89\x00\xfe&amp;\x80=\xeb\xf6`\xff\x00\x83\xc7?\xe0\x9c_\x18\xb5\xdbO\r|x\xf0\x07\x8c\xfe\x15\xcbtv\xb6\xa9\xa9[\xa6\xa7\xa7\xc2\xdbs\xf3Ik\xfb\xd07|\xa1\xbc\x9cr\t\xda3\x8f\xd3/\xd9\xeb\xf6\xac\xfd\x9a\xff\x00k\x1f\t\xb7\x8e\x7ff\x9f\x8e^\x17\xf1\xc6\x96\x84\t\xae\xbc7\xacEs\xe41\xe8\xb2\xaa\x9d\xd17\xfb.\x01\xf6\xa0\x0f@\xa2\x80\n(\x00\xa2\x80\n(\x00\xa2\x80\n(\x00\xa0\x90\x06I\xa0\x0f\xc5\x7f\xf8-\xb7\xfc\x1d9\xa6~\xcd&gt;,\xd6?e/\xf8\'|:v\xbd\xe3M6I\xac\xfcM\xf1\x02\xfe8\xe7\xd3\xf4\x89\xb6\x85\xf2\xec\x97q[\x99\xd1\x89\xdc\xce&lt;\xa5)\x8cI\x93\xb7\xf9\xef\xf8\xc3\xf1\x9f\xe3\xff\x00\xed\x19\xe3\xdb\xbf\x8a\x7f\x1c\xbe&amp;k\x9e0\xf1\x05\xecL\xd7Z\xc7\x88\xb5\x17\xba\x94\xa63\xb1L\x84\x84\x038\n\xb8\x03\xa0\x03\x8a\n\x8ce-\x8eUt\xbb\x88\xed\xc4\xf2Z\xc8\xd2\xb2\xb0\xc7\x92~S\x9fs\x83\xf8g\xad:\xeb\xc1\xba\xc5\xb7\x96\xb3[6Yw*m;\x8a\xed\xc8\xc7\xd6\x80\xe5d3xK[\xb6\xb8\x92\x0b\xad2x\xda\x19Lr\x0f,\xfc\xac\x0f#\xd35\xd9|\x05\xfd\xa2\x7fhO\xd8\xff\x00\xe2\x9e\x9b\xf1W\xf6\x7f\xf8\x9f\xaex3\xc4\x9a]\xcc3Cy\xa5\xde&lt;&gt;n\xd3\xb8,\xa8&gt;Y\xa2=\x1a9\x03#\x02A\x04\x13N\xc4\x9f\xd2\xf7\xfc\x10\xfb\xfe\x0eT\xf8_\xff\x00\x05\x01\xfb/\xec\xe9\xfb^\x9d\x1b\xc0?\x17\xd5c\x8fK\x9b\xed\x02\r7\xc5{\x80\xc1\xb7\xf3\x0f\xeenNy\xb7$\x86\x1f2\x13\xca/\xea\xb5 \n(\x00\xa2\x80\n(\x00\xa2\x80\n(\x00\xaf\xc7?\xf8:;\xfe\n\xe9\xe3\xcf\xd9\xff\x00\xc2P\x7f\xc1?\xbfe\xbf\x10\xcdc\xe3\x0f\x14i\xebu\xe3\xcdz\xc6\xed\xa1\x9bJ\xd2\xe4\x07\xcb\xb5I\x14\x8f-\xe7\x00\xb3\xbe\xe0V\x11\x81\xfe\xb4\x15q\\\xc0~\x1a~\xce\x7f\xb1w\xfc-\r2?\x17\xf8\xaes\x1e\x9fq\t\xfb6\xe6!\xa6?t1\\\x0e3\xc8\x19\xc9\xeey\xaf\xa6&gt;\x1b\xff\x00\xc1?\xbe\x11]%\xbbjZu\xc5\xdb\xdb\x80!I\x8a\xb6\xfey\x19*F\x0e\xd0\xbd\x0f\xb6NM|\xde33\xaa\xeb:t\xfd\x0f\xd02|\x8b\x0e\xb0\xb1\xabWv\xae{\x15\xa7\xec3\xf0\r\xed\xe1\xd2\xa4\xf8Y\xa3\xd9\xeet\x06\xe1a,\xcb\xc62\xbc0\\\x1c\x92\xc3\x1d\x08\'\x1dp&gt;8~\xc0\xdf\x06\xf5\xbd&amp;\xce}/\xc3)kqenc\xb3Q7\x11\x00IV\xc2\x90\xcb\x83\x8f\xc3\xb1\xe3\x18,F*\x95\x9d\xeezu2\xdc\xbe\xb4\\\x14-~\xa7\xcd\xfe)\xfd\x8a\xfc.\x97\xcen\xafu\xcb}\xb2\x01$ivJ\xcaA-\x96\xf9x\xc0#\xdf\x19\xf5\xcdyo\x8c\xbff=\x07B\xd1\xee4\xfd+X\x9em\xcd\x98c\xbca,q\x0e\x9b\x86\x17p;W\x1dGn\xb8\xae\x8a9\xb5yN\xcd\x1eV/\x86\xf0\xb1\x874w&lt;\x97\xc5\xbf\n\xfc_\xe0\x0bX\xfcMd\xcc\xc2\r\xb2-\xd5\x9c\x85Z\xd1\xd5\xf2\xa4\x1f\xbc\x08\xe0\xe4c\x07\x9c\xf1_\xd3\xff\x00\xfc\x1bC\xff\x00\x05\x84\x9b\xfe\n\x1d\xfb3\xc9\xf0\x07\xe3\xa7\x8b\x05\xd7\xc6\x0f\x86vQE\xaa\xdc]\xdc!\x9b\xc4\x1aa;`\xbf\x18\xfb\xee\x83lS\x1e~}\x8eO\xefp=\xda5Uj|\xc8\xf8\xbcV\x1aXZ\xbc\x8c\xfd9\xa2\xb59B\x8a\x00(\xa0\x02\x8a\x00(\xa0\n~#\xd7\xf4\xdf\n\xf8z\xff\x00\xc5\x1a\xd4\xfeU\x9e\x9bg-\xd5\xdc\x87\xf8#\x8d\x0b\xb1\xfc\x005\xfcm~\xd2\x9f\x16&lt;c\xff\x00\x05\n\xfd\xbd\xbcS\xf1\xf7\xc7m)\x7f\x1bx\xb0\xdc\xb4\\\x85\x86\xc4\x15KkQ\x8f\xe0H\x925\xc9\'v\xd0O\xa9\x9a\x92\xf6t\xa5/#|-?m\x88\x84;\xb4}o\xe1\x0f\x0c-\x99\xb2\xf0\xf6\x8c\x15Dqy{J\xaa\xc5\x12\x0e\x06O\x18\x15\xeb_\x0f\x1b\xc3ZL\xe2\x1dn\xe1V\x11\xf2G\xfb\x86\x93q\xc8\xec:\xf7\xed\xff\x00\xd6\xf8\x95\xcb\xcd\xcd\'\xd4\xfd\x86\x94}\xd5\x18\xad\xb4=\xd3\xc3Z\x97\x805\xcb6M\x17\\\x85\x1a4\x01\x9ek\x7f-W\xb6&gt;`23\xd8\x0e}qX\xff\x00\x14\xbc2\xbaW\x87$\xd6`\xd2\xacnUc\xdc\xee\xaaIN\xa0t\xe9\xeb\xc8\xfc\xb0+i\xd4\x8f.\x84\xc2\x8c\xb9\xb5\xd0\xf9o\xe2\xb7\x8c\xf4y\xad\xa4\x8d\xfc=n\xad2\xb2\xc9"+\x0c7\xf0\xbf\x03\x04g\xb6\x009\xaf\x1f\xf1v\x87\xa0\xeapm\xb1o\xdf\x94\xdcZ6\n&gt;\xb8&lt;\xfa\xff\x00\x93Yad\xa52q\xd1\x94i\xd9\xf6&lt;\xcb\xc7\xdf\x0f\xc5\xdf\x86n\xac\xe6\x1f3\xdb\x93\xf2\xf4\xe3\x93\xf5\xc8\xe3\x1dy\xfc+\x03\xfe\t9\xfbF\xeb\xdf\xf0O\x8f\xf8*\xc7\xc2\xbf\x8a_\xdb\x12[\xe9\'\xc5\x16\xdaW\x89\x16\x196\xac\xba]\xf3\x8b{\x85l\xf0B\x87\xf30\x7f\x8a%9\x18\xcd}&gt;\x06Z\xf2\x9f\x9e\xe7T\xefi\x9f\xd9\xa0 \x8c\x83Ez\x07\xce\x85\x14\x00Q@\x05\x14\x00Q@\x1f:\xff\x00\xc1\\~#^|)\xff\x00\x82d\xfcr\xf1\xa6\x9ds\xe4\xdc\xc7\xf0\xdfS\xb5\xb6\x93\xcc*VK\x88M\xba\x90G \xe6^1\xceq\x8ek\xf9N\xfd\x954\xfbK\xcf\x8a\xb6\xfe\'{-\x91\xc6\x0c+$7\x05\xe3\x8e]\xbbp\x10\xfc\xc9\xd0\xb6I\xeb\xb4\xe0\x02\xa2\xb9\xf1\x8f\x97\x077\xe4zYL=\xa6aMy\x9fe\xd8\xfcJ\xf0\xb7\x87u\x7f\xec\xf2c\x92i\x9cCo\xbd\xce\x06p7\x1c\x0f_A^\xb5\xf0\x7f\xe2w\xec\xb6n\xa3\x9b\xc7\xdf\x17\xf4F\xd4$\xdb\x17\xf6e\x8cl\xc5\\\xf2\x14\x00\xa4\x86\xc6;\x01\x8ek\xe3\xe9\xe0\xab\xe2e\xee\xec~\xa1,\xd3\x0b\x81\xa7\xefo\xd0\xfa\xb3\xe1w\x88\xbfeO\x88\x1aM\x9c\x1f\x0e\xbcIkx\xd26\xc6\x85\xa1!\x81Q\xc8\xc3\x80~S\xc1\x07\xa7\x1cc\x15\xe97\xdf\x01\xfc\x15\xe2\x17\x9bEIU`h\xc1y\x94\xe018\xc0\x03\x1dq\xces\xc0\xfcj\xa5\x87\x84g\xec\xeeTs\n\x95)\xfbk\x1f/\xfe\xd5?\xb2O\xc1\xcf\x00\xe97\x1a\xce\xbb\xe2\x88\xedQ\xbfw\xe6\xcd X\xd7\x9f\xe2$\x81\xd7\xfc\x8a\xf8K\xe3\x0b|\x12\xf0]\xd7\xda&lt;5\xf1\x8f\xc3\xadp\x89\xbe;[\x8dZ\x10\xd2\x0er1\x9e\xbb\xb8\xf7\xed\xdf\x19`\xf0\x98\xa8\xd6\xbc5W\x16g\x99`jQ\xb5_vV\xd0\xf2\xbf\x15\xfcG\xd35\xfbE\x08\xc8\x9f\xbc\xc4\xcdo"2\xf3\xfc`\x8e\xa0\x9cg\xb1\x19\xfa\xd7\xcc?\xb4\x94\xf1\xe9\xfe=\x8fQ\xd3\xa5\x90\\Z\xb2yrm\n\xab\xb4\xee\x04~\x87\xf1\xaf\xa8\xc1G\x96i3\xe0\xb3iB\xa5\x17(\x9f\xdb\xff\x00\xc2?\x13j&gt;4\xf8S\xe1\x8f\x18\xea\xfao\xd8\xee\xf5o\x0fY^\xddY\x86\xdd\xe4I,\x08\xed\x1e{\xed,F}\xab\xa1\xafL\xf9\x90\xa2\x80\n(\x00\xa2\x80\n(\x03\xe7\x9f\xf8+7\x81%\xf8\x91\xff\x00\x04\xd3\xf8\xdd\xe1H`Y\x1d\xbe\x1d\xea7J\x19\x0bm6\xf1\x1b\x8d\xc0\x0er&lt;\xac\x8fp+\xf9\x88\xfd\x9a\xfc5e\xa7\xda\xcc\xedl\xa2\xeba\x12oa\x95|t\x03\x03\x03\x80G\xaf\'\x92k\xcf\xcd%l+=\xee\x1f\xe5\xfa\xf2\x7fq\xf6\xff\x00\xec\xd1\xf0_\xe1\x84\xfe\x13\x95\xfe/i:M\xcf\xdb\xb6\xfd\xb9u-\xaf\x13\xa9\x1fw\x12u\xe1\xb1\xd7\x92M{\xf3E\xff\x00\x04\xe9\xf8W\xe1(\xedm\xb4\xdd\x1fE\x8am\xd6\xf1\xc9g\xe1\xf3\x18\xf3\x18r\xa1\xb6\x00X\xe3\x9e\xfcrp\x00\xaf\x84\xc3\xe318\xaa\x95c\x1b\xa4\x9fC\xf5\xacf_\x82\xc0\xd1\xa39\xd9\xca\xda\xfc\xf5\xfdC\xe1\xd4\x1f\r4\xab\xa8\xbcC\xf0\x9bO\xd3\xee!\x0f\xe5\xc3\x7fg\x10\\g\x82\x1b\x00\x1c\xfa\x8cdW\xaex\x96\xe3\\\xb0\xf0\xd4~(\x96\xf3\xcb\x16\xb1\xee\x0e\x93p\xac=\xbb\xfaW\x1d\x1a\xd8\x8fh\xf5\xd4\xf4*a\xf0\xb1\xa3\x16\x96\x8c\xf8\x8f\xf6\xaf\xf8\xc3g\xf1\xb7P\x93\xe1\xde\xb8\xf1\xcdk\x1c\xe0\xabIpUCd\x80\xde\x9b\x81&lt;{\xf6\xac\xb1\xfb\r~\xc6\xbe\n\xf0_\x91\xf1\x1b\xc2\xd6\xbfo\xbc\x89Zi\xb5\xcb)\xa2m\xc4d\x11\xb9\x17\'\xe6\'\x9e9\xf7\xae\xbf\xaefT\xe88\xd1oC\xca\x96[\x94V\xc5s\xe2R\xb6\xc8\xf9\xeb\xf6\x98\xfd\x8a\xbfg\xfd\x0b\xe1\x9e\xa1\xe3\x1f\x85\xf0\xb6\x8b{g\x11\x97K\xb8\xb3\xb8i!\xba\xc09\xe0\x9c\xed&lt;\xe7\x18\x18\x1d\xb85\xf9\xfd\xf1R;\xff\x00\x11\xebvk"f\xee\xe8\xacc\xb6\xe6\xe0s\xf8\xd7\xd6d\xd8\xaa\xb8\x9a1\xf6\xbf\x12\xdc\xf8N&amp;\xc0\xd0\xc0\xd6\x94h|\x0fc\xfb\xaa\xf0\x9d\x87\xf6W\x85t\xcd/\xfe}\xb4\xf8b\xff\x00\xbeP\x0e\xdfJ\xd0\xaf\xa0&gt;\x1c(\xa0\x02\x8a\x00(\xa0\x02\x8a\x00\xf9\xaf\xfe\no\xfbg\xfc\x16\xfd\x94~\r\xc3\xe0\xff\x00\x8c~\x18\xf1\x06\xaf\x0f\xc4\xabmGA\xb7\xb5\xf0\xfd\xbc2H\x91\xb5\xa3\t\xe5\x7f6D\x1bU\x1cp2\xc4\x9e\x07S_\xceo\xecm\xe0V\xd4|A\x1e\x81\xa8\xc0\xd6\xeb\xfd\xac`\x92\x19\xdb\xee\xac\x7f+\x12y&lt;\x95\xe8zt\xe2\xbc&lt;\xe3\x11\x05\x87\x95&gt;\xabS\xeb\xb8c\x03ZX\xa8V\xb7\xba\xdd\xbeh\xfa\xdb\xe2\'\xec\xff\x00\xaf\xeb\xde"\xd2\xec|\x07\xe3\x1b\xa8\xaclo\x01\xbc\x16\xa5c-\x160\xf1\t\n\xb6\xc6`H\x0c\x14\x90{\x8e\xb5\xcf\xf8\xdf\xfe\t-\xa0\xea\x9f\xb4\xce\x8f\xf1\xefD\xd2\x9a\xcf\xe1\xe2\xebV\x9a\x8c\xde\x0f\xd5\xee\xe6\xb8\x9aIa\x89VH\x96\xe6U\xdd,nS8\x1b\xb3\xbc\xe4dd\xfc\xaeG\x8b\x8c=\xa4b\xb5\xee~\x8b\xc4\x99|\xaa\xfb*\x92zt^vG\xd3\xba\x17\x86&lt;5\xf0\xf2\xc2\xe6\xc7\xe1g\xc3\xb9|;\xa5\xcb#yzL\x97\xcft\x96\xec[\x95\x8d\xe4P\xca\xbcgif\np\x14(\xc8\xaa\xdf\x1d\xf5\xcdf/\x82Mo7\x88Y\xa6Y\x18\xc9\xf6\x7f\x97\x1ct\xe9\xd3\xady\xb5\xaa%\x88\x94\xb6=\xec=\x1b\xe0\xe1\r\xff\x00\xe1\x8f\x9c&gt;\x02\x0f\x0c^\xfcb\xd0\xbcG\xe2\xed2r\xb6\x97\xde^\xady\xa4\xaa}\xa7\xcb1\x9d\xb2\xc0%\xcci&amp;p&lt;\xccoP\xcd\xb0\xab\x90\xc3\xcb?l\xff\x00\x82v\xfa\xef\xed\xef\xa5\xf8\x8a\xf7\xc6z\xf4\x7f\td\xd5&gt;\xd5\x0e5\xbdJ\xe6\xf5-\xf8ch\xeb\xe7&gt;\n\x1c\xaa0\xc2\xe1\xcb\x16&lt;\x81\xf4\x18&lt;e,.\x1eq\x92\xbd\xd9\xf1\x99\x8e]_\x1d\x88\xa2\xe1+Yk\xea\x8f1\xf8\x83\xf0\xc3\xe3\x0bx\x96\xeb\xe14\xfe*\x9a\xf7J\x9ae\x9a\xd6\xfe\xf2\xddm\'\x866\xdcB\xcb\n3.v\x95&amp;E\x0b\xb8\x93\x95\x1dO\xcc&gt;\x1e\xf8i\xe1\xbbo\xdb+\xc0\x7f\x0f&gt;(x\xbfO\xd0t\x14\xf1\xb5\x8c\x1a\xf6\xbb\xabK\xb6\xd6\xce\xc4]\xc6f\x9eF\xc1\xf9DYc\x8c\xe4t\x07\xa5z\xd9\\\xa9\xaa\xcf\x93c\xe6\xf3\xeauc\x86\x8a\x93\xbbZ\x1f\xd8\xa7\xecu\xfbi~\xcc\xff\x00\xb7\x87\xc2\x1f\xf8]\x7f\xb2\x9f\xc4\x98\xfcQ\xe1\xa8uI\xb4\xc9\xaf\x16\xc6{f\x86\xea%Fh\x9e9\xd1\x1dN\xc9#q\x95\xc1WR:\xd7\xabW\xd1\x1f\n\xd5\xb4aE\x00\x14P\x01E\x00\x14P\x07\xc0\x7f\xf0^\xbf\x08]x\xf7\xe1\xdf\xc3_\x0c\xe8\xbe\x0f\x87T\xd5\x7f\xe1$\xbb\xba\xb1\x9aN\x1e\xccG\x02\xef\x91\x0fc\x86\x1d\xc0\'\x00\x9ek\xf2#C\xf0O\x8c&gt;\x12|o\xd5\xfc+\xe2+\x0bH\xf5\x9b+\xaf\xb4\\%\xbc\xe6DW\x964\x9418\x1d&lt;\xc1\x9ct&lt;s\xd4\xfcFyW\xfd\xb6\xac?\xb8\xbf3\xf5^\x14\xa3l\xb3\x0fR\xff\x00nZ\x7f^\x87\xdd?\x01\xae|)u\xa5[\x9dHF\xd2pX\xcc\xc0\x96c\xc1\xfc\xcf\xf3\xeb_GxW\xc3\x1aw\x88,\x92\r&gt;\xc6\x1bx\xf6\x7f\xadX\xd4\x90\xbf\xe7\x83\xfd+\xc0\xc9?ux\xf5g\xdaq\x04\xbd\xa4#&gt;\x8a\xc7\x9f|v\xf0\xdc\xba~\xa9a\xe1/\x0cZ\xfd\xa2\xea\xe1XEo\n\x80cQ\xc1\x91\xb08\x1dEs_\x13\xbe\x04\xf8;X\xf8B\xb7\xd7\x9e!\xb2\x05\xa3h\xe6\x80\xc9\xf3/\x19\xc9\xed\xdf\xf0\xac\xf1\xd4c,D\x92\x95\xac\xbe\xf7\xd8\xe9\xca\xeb\xf2P\x85\xe3\xcd\xcc\xf5\xb7Em\xcf\x90\xfe\x0bx#X\xf8\x7f\xfbC\x8f\x87~:h#\xd3\xf5\x8bw\x1a\x05\xf3H\x04w\x8a\x08eX\xd8\x8c\x17\xc6H\xeb\xc2\x9e+\xdb~&amp;|7\xd3/\xf5\x04m^\x14k\x88c;nc\x8cb~\x06\x0bz7\xf8\xd6\xd8\xca\xb7\xa7\x16\xba\xa5\x7fS\x9f-\xa3\xfb\xe9\'\xf6[\xfb\x99\xe0\xdf\xb5w\xc2\r\x0bK\xf0{x\xf7B\xba\xb7\x86\xea\xcd~W\x8eL\xb1;@#p#\xd78\xfc+\xf2\xdf\xe37\x8b4Ko\x8a\xdf\xf0\x95\xf8\x92\xd1$\x85\x8b&amp;\xd9\x17r\x97`\x06\xe2\x06zrN\x01\xe9\xd0\x9e\xbe\xf6C\x1a\x8e\x9d\xdfS\xe3x\xae\xa5\x18b\x12[E\xdd\x9f\xb0\xff\x00\xf0g7\xed\x1fy\xa5\xfcY\xf8\xdd\xfb#k\xa8\xfe^\xb3oi\xe3O\x0f\xc9\x1d\xd7\x9d\tEak:\xab\x7f\x16U\xed\xf0@\xe4D\xc0\x80F+\xf7\xae\xbe\xca\x97\xf0\xd1\xf9~.&lt;\xb8\x89z\x85\x15\xa1\xce\x14P\x01E\x00\x14P\x07\xc0\xbf\xf0[\x8f\x8e\xda\xbf\xc0\ro\xe1O\x8b\xa0\xd1&amp;\xba\xb3\x9f\xfbr\xd6I"b\xa1$e\xb3e\xc9\n\xc4\x12\xb1\xba\x8e9-\xce:\x8f\xc9\xff\x00\x8b\xff\x00\x17\xb4\x8f\x1c\xfe\xd5W\xdf\x12l\xb4\x0b\xed&amp;=v\xce\x16\xba\x8fQ\x98J\xcf0\x8dU\xddYp\n\xb3(\xe82\x0ex\x1cW\xc8\xe6\xb4e,eV\xd6\x8e+\xf0\xb3?L\xe1\xdcE\x1ayN\x1d\'\xef)\xb6\xfem\xa3\xe8\x8f\xd9\xea\xf3U\x7f\x10\x8bY.Vh\xe4\x926\x83n6\xaa\x15Px\xcf\x1c\x8f\xd7\xf3\xfb\x8b\xe1&amp;\xbd\xa5i\xfaT\xbf\xda\x13*\x18\xad\xf6\xec&lt;g#\xaf\xd2\xbeW\x07(\xd2\xc6j}\xfec\tW\xcb\xec\xbc\x8f\x9e\x7fl\x7f\x0c|]\xf8\x89\xe28t\x9f\x87\x1f\x18\xa7\xf0.\x87\xa8m\xfe\xdc\xf1f\x9e\xf05\xdc\x11\'\xfc\xb1\x8a9\xb2\x18\xb1\xe4\x11\x902\xdcg\x19\xf9\xeb\xe3\xe7\xc2o\x8d\xf6\xdf\xb3\xb4\x9f\x0b~\x02\xfe\xd0\x8b\xe2\x14\x86\xc6Qy\xe2\x8f\x16H\x91\xdd\x06fm\xcc\xc9m\x08W\x00\x10\x14*\xe78\xc9\xef^\x94i\xd3\xad\xf1\xc6\xeb\x9b\x9a\xfd}\x0f:u*\xd1\xd2\x9dF\xbd\xde[id\xfb\xed{\xa3\xc0\xfe6\xfc/\xfd\xa1\xbc?\xfb*\xf8w\xe1G\xc2\xdf\x1c\xf8\x8b\xe2\x97\x8a\x0e\xad\r\xcd\x9f\x8a\r\xb5\xbd\xb2il\x840\xf2\xd8I\xb968\xfb\xcer{\x8a\xfbi&lt;I\xa9K\xf0\xfbI_\x1a&lt;2\xeb_\xd9\xb6\xed\xaa5\xba\x82\x9e~\xc1\xe6\x01\x8e\xdb\xb3\xed\x8a\xe4\xc7{:\xb1Q\x82\xb3\xe6n\xdd\x96\x96:\xb2\xb5S\x0e\xdc\xa5\'$\xa2\x95\xdfV\xb7&gt;R\xfd\xb6&gt;#\xd8\xe9~\x1e\x93\xc3\xf6\xb2\xaa\xac\xf1\xb0\x94s\xf7\xb6\xe4c\x03\xd0\x1fN\x01\xfaW\xe5G\xc7\xadb\xd7R\xf3aX\xbc\xc9d\xb8P\x8d\x83\x85\xe4\xe7\xf1\xe3\xf9\xd7\xd5d\xf1\xb4cc\xf3\xee$\x9f4\xe6\xd9\xfa\xd3\xff\x00\x06^xf\xe2_\xdb\x03\xe2F\xb9\xabisy\xda_\xc2\xa5\x86\x19\xdcq\n\xcf\xa9\xc2\xc1O\xa1`\x8cG\xb0&amp;\xbf\xa3\x8a\xfaJ\x7f\t\xf0\x98\x9eoig\xbd\x97\xe4\x14U\x9c\xe1E\x00\x14P\x01E\x00x\xa7\xed\xdd\xfb\x19\xe8_\xb6\xdf\xc1\xb8\xfe\x1c^x\xb2O\x0f\xea\x9an\xa4\x9a\x8e\x83\xaeGk\xe7\xfd\x96\xe1U\x90\x86\x8fr\xefGGe#p# \x8eF\x0f\xe4\xbf\xfc\x15\xb3\xfe\t\xdf\xad~\xc7~\x0f\xf8k\xf1\x0f[\xf1\xca\xf8\x8a\xf3T\xbe\xbc\xd2\xf5)\xf4\xdd%l\xac\xac\xc2\xa2M\x02G\x1e\xe7b\xe4\x8b\x97i\x19\x8b9\'\x80\x16\xbc\xbc~\x125/V\xfb-\x8f\xa2\xc9\xb3)\xd1\xe5\xc2\xdb\xe2\x92w\xed\xe4yw\xc0\x1f\x88gK\xbdK\xa3pD\xb2[\xc6\x9fh\'8\\\xe4c\xafNOj\xfa,~\xd0Z\xb4V\xcb\xe1\x9f\x0e\xc5%\xe6\xa1v\x14+4\x99U\x07\xaeN}\x0f\x1f\xccW\xc0}U\xcb\x17\xa1\xfb\x0cq\xaa\x9e[\xcc\xcf8\xf1\xaf\xc4\xff\x00\x83\x8f\xaf}\x93\xe2O\x8e\xaf\xbcU\xab,\xdf\xb9\xf0\xde\x9bu/\xd9\xa3ebB\x14\x8c\xe5\xdb\xefw\x03\x83\xc1\x1c\xd7)\xf1k\xe3\xd7\xec\xa9\xe1\xa35\xb6\xa7\xe0\x85\xf0\xfb^C\xff\x00\x13K\x19/\xaeaic&lt;\x06h7\xed\xc8\x03\xae9=\xc9\xaf\xa7\xa5\x86\x8ci\xa4\xd1\xe1*x\xacL\x9dJk\xd7\xcc\xf2\xc8\xfcu\xf0\xd7J\xd4\x13[\xf8\x03\xf1M\x96&amp;P\xf3xoV\xb8\xdc^,\xe7\xf7lNA\xc3\x0f\x95\xbb\x1f\xbd\xd8\xdf\x97\xf6\x9e\x96\xda\xd3}\xf5\xd3G\xb9\x8a2\xb3d\xc7\xfa\x8c\x83\x8e\xbd\xfd\xfbq\xd7\xcb\xf9\xa6\xa4\x914\xf3Ia\xefNW&gt;\\\xfd\xa6\xfe&gt;\xdb\xf8\xc1\xaf\r\xbc\xaeUAU\xdd\x82X\x96a\xd0\x8e&gt;R?3\xdb\xaf\xa3|\x07\xff\x00\x83s?l/\xdb\x87\xf6H\xf8o\xfbe~\xce\x1a\x9e\x8f\xab/\x89\xb5mJ-w\xc2\xfa\xe6\xb44\xf6\xb5\x82\xde\xe8\xc1\x05\xcc.\xe8\xca\xe8\xfb%.\t\xdc\x06\xc2\xa1\xb7\x1d\xbfA\x97Q\xe5\xa7o#\xe1\xf3\xac_=D\xde\xd7?u\x7f\xe0\x88\x1f\xf0H\xbd\x0b\xfe\t?\xfb:\xea^\x18\xd7\xf5\x8b\x1dk\xe2\x0f\x8cu\x05\xbd\xf1\xa6\xb5\xa6\xb3\xb5\xb8\xf2\xd4\xac\x16\x903\xaa3E\x1a\x96;\x99T\xb3\xc8\xe7\x00m\x03\xedz\xf5\xa3\x1eX\xa4|\xbdj\x9e\xd6\xa3\x9fp\xa2\xa8\xcc(\xa0\x02\x8a\x00(\xa0\x02\xbe3\xff\x00\x82\xf4|-\x1f\x11\xbf\xe0\x9d^ \xd7\xa3\x0b\xe7x7[\xd3\xf5\xf8\x99\xb1\xf2\x84\x90\xdb\xc8G\xfd\xb2\xb9\x93\xf0\xac\xebG\x9a\x94\x97\x91\xbe\x16~\xcf\x11\tvk\xf3?\x16|#\xae\x9bS\x1cvN\xc1a&gt;dm\xfc\'\x91\x9eq\x93\xc0\xed\xfaW\xbfxn\xd7P\xd5\xe6y.\xa1\x83\xec\x93[!\x86F\xb8`\xb2)L&lt;L\x13k\x0c\x8c\xf2\x1b?w\x1e\x83\xe3c\xcb\x87\xac\xea5\xb1\xfa\xa7&lt;\xb1XuM&gt;\xc7\xab|-\xf8\x8b\xf0\x1f\xf6w\xf0\xe4\xc9\xa1~\xcdw\x16\xf6\xeb\xbaI\x97\xc2l\x8c\xd3\xb2\x9e\\\xef`\xccI\xc9\xe5\xb3\xd6\xb0\xf5?\xf8*\x8f\xec\xa5.\xafq\x16\xa5\xfb?|N\xb7f\x05\x04\xff\x00\xf0\x8b\x87X\xb0\xb9 mvb\x00\xcfL\x8c\xe6\xaa\x9f5h\xb7\xfa\x9e\xf5,\xd6\x9e\x061\xa57k[e{\x9f&lt;\xfe\xd6\x7f\x17\x7fe\x7f\xda\x03Fh\xbc7\xf0w\xc4\x97\xda\x84\x93n\xfbN\xa5\xa2\xa5\x9c\xb1/o\xf4\x9f\xbf\x16=\xb9\xed\x8e\xb5\xf27\xc7\xeb\xbd/\xc2:\x15\xad\xbf\x86 \xfe\xcf\x12L\xc9\xe45\xe3J\xaa\xab\xb7\x8c\xb8,\xdd9bFq\xdf\xb7f\x12&lt;\xb1\xe5g\xcbq\x06*8\xccO\xb6\xa6\xac\x92\xf4&gt;|\xd5\xf5\xcb\xedZW\xb3-\xb9\xa4\x99\x9dc\x8dG\xde\'\x18\x18\xe9\x92zt\xe6\xbf\xb1/\xf8\'\'\xc0H\xbff\x0f\xd8?\xe1\'\xc0\xa3b\xb6\xf7^\x1f\xf0\x16\x9b\x16\xad\x1a\xf7\xbfx\x16K\xa6\xfcgyO\xe3^\xee\x16&lt;\xa9\x9f\x07\x98\xd4\xe6\xb2=\xaa\x8a\xeb&lt;\xb0\xa2\x80\n(\x00\xa2\x80\n(\x00\xaf\x9b\xbf\xe0\xaf\xf1\x89\xbf\xe0\x99_\x1a"*N\xef\x04\xce\x06=w&amp;*g\xa4[4\xa7\xadH\xaf4\x7f6\x1e\x06\xf8\xa97\x81\xf5\xa7\xf0W\x8d\x1dar\xb1\xbd\x84\xf2\xe7\x17\x11c\x87\xfc8\x07\x1d\xc7\xe3_\\\xfe\xcc\x9f\x12\xf4\x9f\x1b\xd8\xae\x8fy*"\xac"%c)\x18\xc6\x06O&gt;\xa4\xe3\x07\xa0\xe6\xbe_\x15K\xddr\x8fS\xf4\x1c\xaf\x15j\xca\x9c\xde\xa8\xf7_\x85\xfa\x97\x81\xbc5\xe2\x9b\x8b-g\xc4\x16\x97\x8b\x1a\x86\x86\xd6i\x82\xefa\xb9\x8a\x8c\x9c7\x00\x8c{\xe4\xe0sY\x7f\x12\xbfi\xcf\x84\x1a\xaaj\xb6\xbe\x17\x96\xc1^\xde&lt;\xc8\xb2\xa2a\xb2\x07\xdd\n\x0f\xaf\x07#\xa1\xf4\xe0\xc3\xe1\xe7\xec\xb5:\xf18\xea^\xd96|\xc3\xe3\x19\xad\xbc\x7f\xaa\\[\xe8\xfe#\xfb/\x97&amp;na^\xac\x07|\xf4\xee\x0fQ\x8ezc\x8f\x92\xff\x00l\xcdcJ\xd0/\xa0\xf0\xf4w\xcb5\xc4\x130\xda0v.=s\xeb\x8f\xf2*\xb0q\xa9\n\x9c\xad\x1cy\x9dj50\xfc\xe9\x9e3\xf0B\xc2/\x14|q\xf0\xae\x99(\x8f\xc9\xb8\xf1F\x9f\x1d\xc39%p\xd7(\xb8\xeb\xd3\x07\xa7\xe3_\xdb\xf0\x01F\xd5\x18\x03\xa0\xaf\xa1\xa1\xd4\xf8|f\xad0\xa2\xb78\xc2\x8a\x00(\xa0\x02\x8a\x00(\xa0\x02\xbeh\xff\x00\x82\xc6\\-\xb7\xfc\x13+\xe3\x033\x95\xf3&lt;2\xb1\x0cw/s\n\x01\xf8\x96\xc5EO\xe1\xbfFm\x87\xff\x00x\x87\xaa\xfc\xcf\xc0\xdf\x18~\xca\xd6\xff\x00\x1b~\x10Z\xc7o\x11\x87T\xb5\x8b67*\xbf8\'\x1bO\xd0\xf4\xc7A\xf8W\xccv\xbf\x19\xfe6~\xcb\xb2\xdeh6\xfa4M}j\xca\xa2;\xe8\xc3\x92\xc8xp\xc7\xb0\x1c\xf4?{\xa61\x8f\x0b\x06\xe3Z&gt;\xceG\xd7f\xd4\xeaak,L;\x1c\xa6\x93\xfbh\xf8\xecj\xca-\xfcB\x8dwo!X\xf5)\x07\xcc\xb1\x9c!|\x95}\xbb\x81\xfb\xdc\x95\x1e\xe0c\x17Y\xfd\xb2|[&gt;\xb1%\xee\x99\x14\x1e[m[\x88\x02\xbc\x82\xe0\x9d\xa1\x8b|\xc1\x88\x01N\x14\x9cu=\x18\x03\xee*\x11&gt;bX\xea\x92\xd1\xfa\x90\xda~\xd6\xbe=\xf0\xa5\xa4z\xc9\xd7Z\xe2\xf2\xe26\x82K_\xb4&gt;`@\xaa7g\x86\xc8\xc8\x00\x11\x83\xb0\xe0\x9cf\xb9_\x14\xf8\x93\xc4?\x11|J\xda\x8e\xa3~\'\xb8\xbaeweb\xca\xbcqX\xd4\xa5\x1ao\x99\x15\x1cUJ\xd1\xe4g\xaa~\xce^\x07\xfe\xc6\xf8\xf1\xf0\xd6\x02\xaa|\xff\x00\x1dh\xe1\x97\xa6\xef\xf4\xd8z\xfdk\xfbF\xaa\xa1\xf6\xbdE\x8e\x8f/"\xf2\n+\xa0\xe1\n(\x00\xa2\x80\n(\x00\xa2\x80\n\xf9W\xfe\x0bm#G\xff\x00\x04\xbc\xf8\xac\xa8~i,t\xe4\x1c\x8e\xfa\xa5\xa0\xfeU\x9do\xe0\xcb\xd1\xfeF\xf8]qP^k\xf3?&amp;\x7fd\x1b\x8b\xdb\x9d:\xdfN\xbf\xb4V\x84\xa6\xd8c\xee\xbc\x05\xcf\\\x9e1\xdb\x1c\x0e\xb9\xae?\xfe\n\x03\xfb\x15\xf8#\xc4\xdaD\xbe2\xb7\x8b\x0bq\xca\xdc\xdb\xe4mbG\x07\xfb\xa7\x9e\xe7\x9ez\xf3\x8f\x93\xc2\xd4\xe4\xbc\x8f\xd2s\x0c:\xc4S\xe4\xf9\x1f\x95\x7f\xb4\x7f\xc0\xcf\x13|\x18\xd5&lt;\xbb\xfb\x01ykz\x84\xc7y\xb4\x96]\xa7\xbe0\x01\x03\xea9&gt;\xd8\xf2\xbb\xddr\xe2\xea\x0b{i\x88e\x866\x8d:\xe7\x04\x93\xcf=\x8fJ\xfa\xac=h\xd6\xa6\xa4\x8f\xce1xiak:l\xe9\xfc\x1d\xf0\xf3V\xf1u\xbcR\xc3u\xb6/9\x0b~\xf0d\xe0pq\x92F2\x7f\x0cq]\xe4&gt;\x0f\x83\xc2\xd7\x16\xf6\xd2\xaf\xcd\xc3\xb6\xe6\x18a\xc7~\xde\xfd\xf9\x15\x9dj\x8bc\xaf\x0b\x87\xb7\xbc\xcfk\xf8!u\x13|z\xf8gz\xf0\xb3G\x0f\x8e4o0\xb0&lt;\x81}\x13q\x9e\xd8\xfc\xeb\xfb\x1a\xaa\xc3\xf53\xcc&gt;(\xfa\x05\x15\xd0y\xe1E\x00\x14P\x01E\x00\x14P\x07\xc5\xff\x00\xf0W\x9f\xf8)\x87\x8b\x7fb\xbf\x81\xfa\xb5\xb7\xec\xd9\xa0\xe9\xfe$\xf8\x8cm\xe3\x16v\xb7\x04I\x05\x8bI2B\xad \x07\x97\xcb\xee\xdax\n\x84\xb7\x04\x03\xf8\xef\xfbP\xff\x00\xc1G\xff\x00\xe0\xa6\xbf\xb4o\xc2\r?\xc0\x7f\xb5\x9f\xc5\xbb\t\xb4\x8dCR\x8ek\x8d\x07\xc3\xda\x1c\x166\xf2\x98\xc8e\x12\xb2(y\x94\x1ev\xb1\xdb\xb8\x03\xb7*\ry9\x86+\x92.\x9a\xea\x8cx7\x1dO\x88\xf3l\\\xa8J\xf4\xf0\xb5\x15\'\xb5\x9dNX\xc9\xeb\xfd\xd7.W\xe6\x99\xeb\x1f\xb1:X]i\xf6\x97\x12\xbe\xf0\xa8\xb14n\xc7\xe5&lt;\xe0{\xf7\xcex#\x8c\x9a\xf7/\x8d\x9e\x06]c\xc1\x97PA1\x91f\x85\x8e\xc5\xf9\x92A\x800F\x0e8\x07\xe9\xdf\xa5|\xdd6\xbd\x8bG\xec\xd5\x12\xf6\x89\x9f0\xeb\x7f\xb2\xf7\xc3\xcf\x89\xbf\x0c\xee\xfc7\xe3\x8d\x07O\xbax\xd1\xd6\t.\x06\xd6\x8c\x90&gt;\xeb/$\xf1\x8e{\x0ey8\xaf\xcd\xdf\x8e\xff\x00\xf0M\xff\x00\x18x3\xc4w\x1f\xf0\x84\x06\xb9\xb3\x84d\xee\xc6A\xf4\xc6s\xfaw\xafK\x01\x8ct!fxy\xb6[O\x15.x\xadN_\xe1\xa7\x86\xb5\xff\x00\x85\xda\x84\xdaO\x8cty2\x89\x95T\x1dr\x01\x07=\xbf\n\xb9\xac\xea2\xf8\xa3\xc56\xd1\xae\xd8\xd1\x1cF&gt;\\\x00\xb9\xc9\xeb\xd4\xe3\xdc\x93\x9a\xf4\xa3R5\x1d\xd1\xe1\xfb\x19\xd1\xf7Z;\x81\xae^|8\xbc\xd1\xbcoe\x07\x9dq\xa2\xdfAy\x04.\xdc\x16\x8aU\x90\x02H\xe8J\xfb\xe3\xdf\x15\xfdB\x7f\xc14?\xe0\xb0\x7f\xb2_\xfc\x14\xcf\xe1f\x97\xe2\xaf\x86\xfe\'\x8b@\xf1]\xc4e5O\x01\xeb\x97q\xa5\xf5\xb5\xc2\x0f\xde\xac\\\xff\x00\xa4\xc6\x0ep\xe9\xc9\\\x16U\'\x15\xd5\x87\xa9\x18\xddK\xab&lt;&lt;\xdb\x11J\x8dJjn\xdc\xce\xca\xfd^\xe9z\xbb3\xea\xea+\xb0\xe3\n(\x00\xa2\x80\ne\xc5\xc4\x16\x905\xcd\xd4\xe9\x1cq\xae\xe7\x92F\n\xaa=I=(\x13\x92\x8a\xbb&lt;{\xe2\xa7\xed\xc7\xf0?\xe1\xd4SYh\xfa\xda\xf8\x8bT\x8d\xb6G\xa7\xe9-\xb9\x1d\xbd\x0c\xd81\x8cw\xe4\x9fc_.~\xd2\x9f\xb7W\xc7\x8f\x17\xf8&gt;[=\x06\xf2?\x0b\xda\\\\,3\r"C\xe7\xf9o\xbb\x831\xc1\x04\x85&lt;\xae\xde\x98\xefEH\xc9Q\x94\x97D\x7f=x\x8d\xe2\xed&lt;-:\x99vE5)Z\xd3\xaa\x9e\x91m\xda\xd0\xee\xed\xaf6\xcb\xa6\xba\xaf\x975\r\x0bM\xf1\x07\x87\x1fL\xd5 y$`\xcf\'\x9a\xb8\xf3$\r\xbf$\xb0\x07\xe6nI\xf7\xef\xd4\xfc\xa7\xfbtGm\xaax\xafE\xd0\xb4XUS\xed\x1ef\x13\x18\x11\xa8\xeas\xd3\x92?\xc85\xf1\xd9\x84\x9cg\x07\xdd3\xeb~\x8a8\xdau\xb2|\xdb\x07\xcc\xdc\xa3V\x13\x7f\xf6\xfaj\xff\x00\xf9/\xe2z\'\xec\xa2\xcd\xa1\xc3\x14L[\xcbe\xf2\xfc\xd1\x19RTq\xff\x00\xd7\xe9\xde\xbe\xaf\xba\xbf\xd3\xf5O\x0e\x9bV\xf9U\x94bP~f\xe0p:\x83\x9e\xc3\xae=z\xd75\x18\xa9Ql\xfe\xb7\xa8\xf9j$\xcf$\xd4\xf4\x9b\x1d\x17\\\x96\x19\xed\xfc\xb8\xa4R\x8du\x0ce\x93obPw\xf4\xc6Ep\xbf\x11&lt;5\xe0\x8f\xb0\xdcK{\xad\xa7\x95\x82\x15\xb6\x0c\xed\xeeH\x19\xc9\xfc\xb3\x8e\x07\xaf$\xab8\xeez\x14\xe8sk\xd0\xf9\x87\xc6\xbe\x0c\xf0\'\x8c\xfcA\xf6m\x1fO\xb7\x8e9\x1bh\x92H\x80\'\x9f\xa7\'\x07\xa9\'\x07\xbdr\xfe&lt;\xfd\x92\xbc\r\xa0"_\xad\xf4\x9es6\xf1\xe6(\xc8\xe3\x82\x07\xe7\xd8\xf4\xad\xe8b\xaaG\x95#\x8b\x13\x81\xa18\xcaV&lt;\xef\xe3\'\x81#\xd3|\x1a\xeb\x1a+\x0f/\x01\x98\x1c\x9e1\xcf\xafO^\xc3\xb6+k\xfe\t\xff\x00\xf0[U\xba\xf8n\xbe,\x94\xddZK\xfd\xbb=\xde\x97=\xbc\xcd\x13\xc7\xb0\xaa\x87V\x04\x10w\xc6pF:W\xb3\x88\x93\xa9\x86\xb7\x9a?\x98\xfcv\xcc^K\xc2\xaa\xa4\x1d\xa7\xed \xa3\xf77\xf8\x1f\xb3\x1f\xf0O/\xf8(\x07\xed;\xf0\xe3\xc0\xff\x00\xf0\x8a|J\xd7\x7f\xe18\xd2\xedfsj5\xeb\xc9[Q\x8a \xb1\x92\x82\xe9\x8b3(\xdep$\x0eF0\x08\x1c\x0f\xb9\xfe\x13\xfe\xde?\x01\xfe&amp;E\x1d\xbe\xa9\xad\xff\x00\xc29|\xdc5\xae\xb4\xea\x91\xee\xf4\x12\xfd\xcf\xcc\xa9\xf6\xaf\xa1\xc3\xa9K\r\x19&gt;\xc8\xf8\x0e\x01\xf1{\x0b\x8f\x8d&lt;\x0ep\xd4g\xb2\xa9\x7fu\xf6R\xec\xfc\xf6}l{-\xa5\xdd\xad\xfd\xb2^X\xdc\xc742.\xe8\xe5\x85\xc3+\x0fPG\x06\xa4\xad\x0f\xdec(\xca7[\x05\x14\x0c\xf9\x97\xe2\x87\xfc\x14k\xc3\x96\x08\xfa\x7f\xc1\xbf\n\xbe\xad&gt;\x08]CT\xddon=\xc2\xfd\xf6\xfcv~\xb5\xf3\x97\xc5_\x8d\xff\x00\x17\xfe0\xc8\xcb\xf1\x1b\xc5\x92\xcfk\xbb\xf7zM\x9f\xeem\x90\xf5\xfb\xaa~o\xabn&lt;\xfe\x15\xd1N\x9d\xb5g\xf2g\x88\xde,b3\xc8\xcf/\xca\x1b\x8e\x1fiKiT\xf2\xef\x18\xfe-o\xd8\xe0/\xb5\x8b=\x10,\x10E\xfb\xdf3\r\xd3*\xbd\xf8\xdb\xf8pj\xfd\xf9&gt;2\xb7\xba\xf0\x8e\xaf*G&amp;\xa9f\x06\x9b\xe663:\x12\xd1\x8e\xddr\xc3\xe8\xc0q\xc6:gG\x9a\x9b\xf3G\xe1\x98|b\x95od\xedm\x13\xf9\xdd~l\xf2m"W\xb5\x94\xc1\xb5\x95\xa3\x90\xee\x0c\xc4\x95 \x90G&lt;\xf1\x81\xd7\x9e\xbd\xab\xca\xbfh\xbf\x86:m\xee\xb9c\xac\xdb\xdb\xe7\xed\x07`\xf9rcL\x8f\x94z`\xe7\x8f\xee\xed\xaf\x80\xcd)\xb7\x87S_e\x9f\xd0\x1fF\x1c\xfa9O\x89\xf5\xb2\xba\x8e\xd1\xc5\xd2v\xbfYB\xd2_\x82\x92;\x9f\x86\xbf\r\x8e\x9d\xa1\xacV\x916\xe5\x84H\x9e\xeb\xd3\x00\xf7\xf4\xfc\x89\xf5\x1a:\x8f\x8c5\r4Mc"\xb41\xc4\xa5w)9^\xbf\x97\x1e\xfdz\x8f_&gt;\x84\xb9i\x9f\xe8Uh9V\xb3G\x9b|N\xf8\xd7\x1d\xa5\xaa\xc9=\xc1\x8d\xbf\xe7\xbb\xee\xc9\x19\x19V\xe7\xd8r1\xdf\x8c\xe0\x8f\t\xf8\x87\xf1\xa2\xdf\xc4\x92Ki\x07\x8a\xa6X\x1d\x82\xed\x8eBU\xb8\xe3\x9c\x122\x7f\x87\x1d\xeb\x19EM\x9d\x11\xa9:*\xdd\xca\x1f\x0c\x1c\xddkhl!\x8e\xe0}\xff\x008\xa9m\xb8\xe0\xf3\x8c\x92s\x8e\xb9\xf4\xc5_\xf1\x96\x9b\xa9x\x8fWh#\xdd;1_/v\xe5T\xe7\x07\x8c\x0c\x01\x8f\xa7\xbdkF+F\xcej\xd2\x97+]\xce[\xe2\x17\xc2\xfb\xedKF]\n\xd2#-\xc5\xd3\xac\x10\x85\xe8Y\xb0\xa3\xbf\x19\xff\x00&gt;\xb5\xf4\xdf\xc2\x1f\x86&gt;\x0c\xf0\x07\xc3\r7\xc2\xbaV\x9c\xaa\x96v\x91\xdb[\xe3*$\xda\x06\xe9\x0eA\xe5\xdb,N1\x97\xe0\n\xf6)\xdaQH\xfe&amp;\xfaRc\xfd\x9f\xf6~^\x9e\xeeu\x1f\xc9r\xaf\xc5\xb3\xda\xbe\r[\xfd\x8a\xe7\xca\xb1\xb6"1\xf6\x84%T\xb2\x83\x8b|dv\xcf=}\x08\x04\xe2\xbb\x0b\xa2\x86\xe2K\x7f)\x96V\\\xc8\xb2/\xcaGr+\xeb\xf0\xb4\xff\x00\xd9a\xe8\x7f(\xd1\xa9*t\x93i\xadt\xf3\xba5\xfc\x0b\xf1\xcf\xe3?\xc1\x89\xfe\xdf\xf0\xe7\xc7Wvq\xf5\x92\xcfp\x92\x06\xc1\xfe\xeb\x82\xa4~\x19\xf7\x15\xf4\x1f\xc2_\xf8+=\x98\x96\x1d#\xe3g\x82\xfc\xb3\xc2\xb6\xa5\xa3\xe0\x1f\xa9\x85\xdb\x9ez\xedn\xfc\x0e\xd4\xe7E\xee\x8f\xd8\xb8\x07\xc5\xaco\x0eN\x18,\xc1\xba\x98o\xfc\x9a\x1f\xe1}W\xf7_\xca\xc7\xd2\xdf\x0f?j/\xd9\xff\x00\xe2\x95\x91\xbd\xf0o\xc5]"b\xab\xba[{\x8b\xa1o4}\xbeh\xe5\xda\xc3\x9e3\x8c{\xd1\\\xf6g\xf5V\x03\x882\\\xcf\t\x0cN\x1b\x11\tBJ\xe9\xf3%\xf7\xa7f\x9ft\xd5\xd1\xf0\x0cz\x14\x91[\xb4\x92\'\x93\x1cx-$\x93\x15@=\xf3\x81\x8a\xe5\xfcC\xe2{-\x1fJ{\x9bH.\xb5\x06\xfe\x15\xb1\xb5f\xdc\xd9\xc0\xda\\\xe0\x8e\xf9\x07\xa7\xa9\xafN\x9d&gt;k\x1f\xe7\xd6"\x84\xa1\x03\x81\xd6\xf5\xaf\x1b\xdf\xde\x7fh\xd8xN\xdfO\xda\x07\x97u\xacj\x04*\xe0\x7f\xcf5\x03\x07\xaf\xf1\x0cc\xa7a\x15\xd3|N\xd7\xef \xd6\x17\xc7V\x97w\x16\xea\x0cV\xba.\x9e\xb1G\x19\xf9NC\xcb\xb8\x93\xc1\xe7w\x1f\xcb\xbb\xd9\xf3X\xf3\xa8\xc2\x8e\x11IGY6\x9e\xbeBYh^*\xf1\x05\xa5\xd7\x8d4\xef\nj\x11\xdb\xe9\xc1f\xd6Y\xbf{\xf6vfUff9&lt;\xb3\xa9\xceO\r\xc7z5M#L\xf1\x16\x84\xd6\xad\x1e][1I"\xff\x00\xaa\x93\x9c~\x1d\x88\x1d\xbf\x03_\x17\x9a\xe0\xe3\xed*S[Kc\xd6\xc3fX\xee\x13\xcf\xb2\xfe!\xa6\x9f\xee\xe7\x19\'\xb5\xe2\xa5\xef/M\x1a:O\x85\xf6\xd3\xcf\xe1\xd7\xb70m\x9a\x12D\x96\xe5GU\xf4=\xfd\x88\xc6z\x82:\xd5_\x18\xfc2K\xed6\xe1\xda?-\xdf;cf\xc7\\dds\x8f\xaf\xb8\xaf\x8b\x8ceN*/\xa1\xfe\xbbey\xa6\x13&lt;\xcb\xe9f\x18ysB\xac!8\xbf)+\xaf\xc1\x9f4\xf8\xdf\xc0Q5\xf5\xd5\x85\xfa\x06\xf2\xd8\xf9\x88\xf1\x0c\x03\xe9\x9c\xe3\x8f\x7f\xfe\xb5y\x87\x88&gt;\n\x9b\x96\xfb\x18\xd0\xe3V\x92L,\x89\xe9\x9e\xa5\xb3\xd3?\xfe\xbe\rs\xca\xa7\xbc{Q\xc3\xae[\xb3\xd8\xfe\t~\xce\xda7\x86&lt;\x1bq\xaa&lt;\x91\xee\xf2wH\xc5\x81\xdb\xed\xef\x82;\x10O\xd7\xady|\rb\xadq{gk\xba@\xbd\xf0N;\x9e;ds\x83\xed\xea+\xa5T\xb4Q\xc6\xe9\xc5\xcaW\xe8s\xff\x00\r|/\xaa\xf8\xff\x00\xc4\xd7:\xfc\x9aw\x97\xa6\xc31\x83M\x91\xd7o\x99\x8e%\x99x\xe9\xc7\x96\xa7\xaew\x9f\xe1R}\xeb\xe1\x1f\xc3\x1dc\xe2\x87\x8f\xf4\xbf\x87\xde\x1a\xd2\xc3\xcd}v\x96\xf6\xbf \x012p\xcf\xfe\xe8\x19\'\xd9y\xe8q\xef`i\xba\x8a+\xbd\x8f\xf3?\xc7\x0c\xe2|W\xe2\x8d\\5\t]Bq\xa1\x0fT\xed/\xbem\x9e\x8d\xff\x00\x05\x02\xf8M\xe1\xff\x00\x83\xbf\x1b"\xf0\xc6\x87\xab\x9d/A\x87A\xb2\x96\xd6\x08\xe4\xd8f\xda\xad\x1b\xcaH\xfe&amp;x\xd9\x8bu\xc8\xcfz\xf9\xb7\xc4?\x1b5\xed\x12\xdeh\xbe\x1d\xf8\xb7P\x9ax\xc8\xdb\xe7\xcd\xe6B\x9c\xfc\xc0\xf9\xa1\x91G\x1c\xf1\xd47\\\xd7\xe8tc\x18\xd2K\xc8\xfc\xe3\x89\xb0R\xcb\xf8\xbb\x11\x83\xa6\xadF\x9dF\xb5\xd9$\xff\x00]\xcb\x9e\x12\xfd\xa2&gt;.\xca\xa1\xfcE\xa0X\xea\xd1\xb6\x0c\x8d\x0cf\xdc\x91\xee\xeb\x94\xcfl\x84\xf7\xc1\xad\xabo\x8e^\x15\xf1#\xc9\x05\xff\x00\x87\xef\xacd\x1c4\x8b\xb2h\x94\xf5\xc1pCv\xec\xa7\xf0\xaa\x95\x1fv\xe7\x81\x8a\xa7\x86\xad\xcd\xec\xe5kt{zy\x12iZ\xda\xf8\x9e\xe2\xe2\x1f\x04\xc8\xda\xa1\x84\x83&lt;v6\xe6g\x8f9\x19u\xea\x07\x1c\x1e\x99\xcd\x15&gt;\xc6\x99\xc9\x1c6y\xff\x00.\xe8\xcd\xae\x8e)\xb4\xfd\x19\xf7\x87\xedm\xe0/\x07x;\xe3,\x9aV\x8f\xa4,V\xa3O\x82H\xe1\xc9a\x19\xdb\xb4\xe3q\xeap\x0f\xf9\xe7\xc6\xfe,i3\xf8g@mgJ\xd4\x19[p\xdb\xb9FW\x95\'\xb7\xeb\xd6\xb9\xe8\xcd\xb9F\xfdO\xd38\xef/\xa3\x83\xce\xb1\xd4\xb0\xeb\x95R\x9b\xb2\xf2\xd2\xcb\xe4g\xf8\x7f\xf6o\xb6\xf8\x91\xa0G\xe2={\xc4\xd7\x11\x89\x90\x99#\x8f\xe6b\xd8\xea\x19\xbe\xbe\x9f\xe3\\?\x8a\xbfg\xe4\xf0\xfc\xea|!\xa8\xc7\x1e&gt;\xec\xd7l\xec\xdcg\x1f.J\x8eT\xfe\x7fZ\xec\xa7\x8a\xf6\x92\xb5\xb4G\xc6\xd5\xca%G\x07\n\xdc\xf7\xe7\xd5\xa3\xe9\xef\xf8&amp;\x7f\xc2_\x15\xaf\x8b&lt;A/\xc4\xaf\x11\xda\xebz~\xa1\xe1\xb7\xb6{#\x0e\x15\xd0\xbcY\x0c0\x01\x18\xcf\xb8\'\x8cW\x8e\xfe\xd7\x9f\x07t\xef\xd9\x8f\xe3U\xf7\x864\x8b\xd6\xbc\xd1\xefQn\xac\xe3q\xfb\xd8c\x93$!\xecJ\x9c\xa8=\xc63\xcfO\x9f\xcd\xad)s\xf6?E\xe2^\x1b\xa7S\xc1\xfc&amp;6ms\xd3\xa9(\xbf8\xcd\xbd&gt;M&amp;\xbdY\x97\xe0_\x12\xcd\xe1\x1dO\xcb\x82\xdd&amp;\x8a\xe0(h\xe4Py\xea\x0f\xe9\xf8\xfeX\xee\xac|A\xe1\xbd~\x19\x12\xf3E\x91d\xe0\xb3F\xc3\xef\x11\xd4s\xfd\x05|^*p\xa7\x8a\xb3Z3\xfa\x9f\xe8\xbb\x9fbs\xcf\x0c\x16\x1a\xa4\x9f6\x12\xa4\xa9&amp;\xfa\xc6\xcaQ\xfb\x94\xac|\xb7\xf1\xe7\xc2\x7f\xd9\x1f\x16\xaf\xb4\xdb{\xbd\xb6\xf2*N\xc8\x8a\x06w.\xecc\x1e\xf5\xd9x\x0f\xe0\x1f\x86u\xd9\xad\xe5\x16\xd0y\xa1C\x86\x99Y\xb9&lt;\x0e\xff\x00\x9f\xb7LW\x89*&gt;\xd3\x11c\xfa\xadV\xe4\xc2sz\x1d\xa6\xa3\xe1\xebc\xe0=j\xd5a\x8a8\xad\xa4\x86=\xb1\xae89\'\x1f\\W\x90\xf8\xa2\xff\x00Hk\x08\xfc#\xa7\xe9\x9e[]:Bn\x18\x0f\xe2l\x03\xf4\xe7\xa7\xb5t\xd4W\xe4H\xf9\xbc\xe35\xa7\x92\xe58\xacuD\xda\xa6\x9c\xac\xba\xd9\'mZ\xfc\xcdx\xb4\xfd+\xc3\xf6I\xa5Y\xdaac\x8cC\x1e\xdc\x0c\x01\xc5}M\xff\x00\x04\x9f\xf8w\xa4x\x9b\xc5\xde$\xf8\xa3y\x1a\xf9\xfa$0Yi\x91\xf3\xfb\x96\xb8\xdf\xbaA\xee\x11\n\x8f\xf7\x8f\xd4\xfd\x96_N1\xab\x15\xd9\x1f\xe5o\x86\xb1\xa9\xc4\xde(P\xc4b\x9d\xefR\xa5G\xfe(\xc5\xce\xff\x00\xf8\x16\xa3\xff\x00\xe0\xaf\xff\x00\x06|\x1b\xe2\x1f\x17\xf83\xc5\x9a\xbd\xb3&lt;\x92i\xb76\x92\x058%#ut\x1f\x81\x91\xbf?z\xf9F\xdf\xc1&gt;\r\xd3ti4\xfd+EH\xd6X\x99\x16FP\xcc0\x83\x9ex\xe3\'\x1f\xd2\xbe\xaa\x9dI{8\xa8\xff\x00Z\x87\x8b\xcf\xd9x\x89\x8d\xa2\x9e\x89\xc1\xdb\xa3\xe6\x84[\xf9\xdc\xf3_\x1a\xf8\x9fJ\xd3\xaf\xcf\x84\xfc7\xa4\xb7\xda[\xef\\_&gt;\xe5\xc66\xf4\x1c\x1e\x9e\x82\xb9}OJ\xbd\xbfS\xa6\xdb\xdfyk\x1a\x8f\xb4;w\'\xd0\x0e\xdf\x8fz\xef\x92\x94b\xa4\xfa\x9f\x07C\x96\x97,\xa5\xad\xf5\xb7\xe4}\x1d\xff\x00\x04\x82\xf1E\x97\x85\xbfio\x10xoL\xb6\x9aF\x9f\xc13\xcd=\xc4\xce9h\xef-\x17\x00\x0e\xdf\xbc4V\x12\xf8\x8f\xea\xaf\x0e+\xd4\x8f\n\xd2SI\xbb\xc9\xfd\xee\xe7\xff\xd9'</t>
        </is>
      </c>
      <c r="M535" s="3" t="n">
        <v>45492.67645833334</v>
      </c>
    </row>
    <row r="536">
      <c r="A536" t="n">
        <v>1464966</v>
      </c>
      <c r="B536" t="n">
        <v>1974</v>
      </c>
      <c r="C536" t="inlineStr">
        <is>
          <t>Rayan</t>
        </is>
      </c>
      <c r="D536" t="inlineStr">
        <is>
          <t>Rayan</t>
        </is>
      </c>
      <c r="E536" t="inlineStr">
        <is>
          <t>PE</t>
        </is>
      </c>
      <c r="F536" t="inlineStr">
        <is>
          <t>ATA</t>
        </is>
      </c>
      <c r="G536" t="inlineStr">
        <is>
          <t>PE</t>
        </is>
      </c>
      <c r="H536" t="n">
        <v>185</v>
      </c>
      <c r="I536" t="n">
        <v>77</v>
      </c>
      <c r="J536" s="2" t="n">
        <v>38931</v>
      </c>
      <c r="K536" t="inlineStr">
        <is>
          <t>Left</t>
        </is>
      </c>
      <c r="L53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af73f19-adef-41a1-a65c-29be50bba55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a\xa6&lt;*\x00\x00\x03\x00PLTE\xff\xff\xff\x03\x03\x03\x01\x01\x01\xeb\xed\xf1\xf0\xf1\xf5\x05\x04\x05\xff\xff\xfe\xf1\xf2\xf5\xf2\xf3\xf7\xea\xeb\xf0\xe3\xe5\xea\xed\xee\xf2\x11\x14\x1a\xee\xef\xf2\x0c\x0f\x14\xf3\xf4\xf8\x0e\x12\x17\xee\xef\xf4\x9d`Ph&lt;4\x16\x1b"\xe9\xeb\xee\x13\x17\x1e\x1a\x1e%l?7\xe5\xe7\xec\x9a]N\n\r\x11\x8cRD\xe1\xe2\xe8\x89OB\x86M@\x82J=q@7 $,uC9\x1d!)\t\x06\x05\x90TF\x13\x0b\t\x91VIzF;\xe7\xe8\xed\xa1eT\xe8\xe9\xee\x06\x07\t\x94WH\x94YL\x0e\x07\x05tE&gt;]4,J) ~F:B#\x1af90\xf7\xf8\xf9\x98[L\\1%\x1a\r\t\t\n\r\xde\xe0\xe5b80xHB\x8dUI\x98_Tl=2\x8aSG\xf5\xf6\xf9V1*\xa5hWP-%\x1e\x11\x0fF\'\x1d~I?]71%\x12\rd;4\xa5g\\&lt; \x19\',5mB;#\'0\x81LA\x9ebWf?:O* Z2*b6*L&amp;\x1b\xa8nc\xadpd2\x1a\x13\x84NC`:4}C4\xa0aQ\x96\\P\xa1dZa1%\xf5\xf6\xf6|LD\x86PE\xdb\xdd\xe2j:-\x82SLU60\xa6k^\xfd\xfd\xfdI.*h5(\x81OG\x83H7\x9c_T@\'\x1fzA:\x92\\Q\xfa\xfb\xfaU-%U*\x1f(\x18\x15\x97YI9\x1c\x14\x8bWNW&lt;9\xb0o`w@2A,(\xb1rg\x9dg]\x8eZVP1)a4.\x86VQG*$\xb6vi\xb1ui\xbaymX1$\x8fXN\x91R@\x8aL;\xf1\xf1\xf1|OJY- \x94b[6;Es=/p8-\xe2\xe4\xe7lF?\xablb\xb3yn\xacl\\6\x1e\x18-\x15\x0e\xa1mcqLGI"\x18\xa5cT.2&lt;\xa1j_\xa8i`\xbd~s\xe7\xeb\xeb\xaagY\x85\\Ys;5f5.P84\xba\xbc\xbf&gt;CIL1.9%#{UR\xb6}tA\x1d\x140\x1f\x1f\x7f\x83\x85]B?\x99cZ\xd6\xd9\xde\x9d\xa0\xa2\x90_Y\xc2\xc5\xc9\xc0\x82v\x99ib\xc6\x88|PUX\x9f]K\xdc\xd6\xd6\xe2\xdd\xdd\xe9\xe6\xe5nt|BHO\xce\xc7\xc8\xb1dk\x83FGk65\xa8sj\x88NO\xa3\xa6\xaa\xc4\xb2\xb2\x0f\x10\x0f\xcc\xbe\xbfcim\xd1\xd4\xda\x8euq\x92RO\x93\x97\x99\x8dig\x89ba\xb7\xaa\xa7\xee\xec\xec\x99[^\xc9\xcd\xd3X]fnRM\x94\x80~\xcb\x91\x88yyv\xd1\xd2\xd1\xb2oxgHE\x81ke\x19\x1a\x18t]X\xba\x7f{,-+\xaf\xb5\xbb\xb6rc_ML\xa9xt\xa5dg\xa7kotnn\xaa\xad\xb1\x9f\x8c\x89\xaf\x80\x88\xb4\x96\x94\xa4\x83~\xa4Z`\x8a\x8e\x92\xb4\xb4\xb3;&lt;9\xa6\x94\x92\xd9\xcd\xcc\xbb\x9c\xa2^^\\\x14\x15\x14\xa1sl\xbe\x86|\xc9\xaa\xa5r3"c&amp;\x16~&lt;+\x9cL7&amp;n\xab\xf2\x00\x00 \x00IDATx\xda\xcc\x99]LZi\x1a\xc7\x85\xe4\xb0W\x9bl\xcaE\xc9\xa4i\xb5\xdd\xd33^\xd0\x01\x11\x9d\x83\x03jC8V\x90\x90*\x82Pp\x8b\xba0Zt\x19\x14\nJ\x85\xae\x1f\xc5*\x1a\xadmQ\xe9\xd8\x0f\xd7\xfaU\xb1\xae\xba\x86\xed4\x9dd\x1c\x975\x8du{\xd1\x89\xc6a\xc7l\x9bt\x9aM\xaa\x9bho6\xfb\xbc\x87\xcet/\xf6n\xc1\xf6\x1f\xbe&lt;9\t\xbf\xfc\xff\xcf\xfb&lt;\xef\x8b))\xff\xafX\xac\xff\xf5\xf1CPMv\xd7\xc3\xae\x8a\xec\x0f\x06\x8a\x95]qea\xee\xf5\xcc\xfa\xca\xee\xca\xcb\xf5\xd5\xb1\x8d+\x15\x1f\x00U\xc5\xc6\xcc\xcb\xc8\x97\xb1\x1c\x06\x13\x89\x11\xdd\x1a\x8f\xaco\x7fU\xff~\x9d\xea\xda^\x1f\x8fr\x11\xcf[!\xb6\xe8Vd\xf5\xab\x9a\xf7\xc6T\xfft.\xb2\xc5e2\x98q\x9a\x9f\x84\xfe\xd8\x1b\x9f\xd9xO\x8e\xdd\x9e\x8b\x1cDH?1\xfd\xd7\'d\xd9\xce\xccF\xf6\xfeC\xd5o\xac\x1fd21\xec\x1d\x0bF\xeb\x1dYt|\xf5\xc1\xbeF\t]\xe0\xca\xeaN\x14A\xd1\x004\x1a"\xc4\xde\xa1\xc15,\x16Y\xa8\xd8O\xaa\x8a\xb1\xdd\xd8\xdb\xfc\x10\r\xe3g $\x06\x16\x8f\x13^\xb8\x90\xe4\xfe\x19v{u+\'\xbe\xf8~\xce\x0e\xcb\xc9\xe1b\x18\x97\x1b\x87\xa2\xd9\xe8\x1b\xa2\x91\xb1}\xaa0\xd6\xc6\xcb\x18\xf3\xad\x1f(0\x8c\x8b\x88\xe2X99x\xdc1\x06\x86\xd36\x82a\xcb])\xfb\xd0\xfb\xeb\x17"\\\xe6[\x9f\x901\x0c,\'\nD\xc8)\xc4\x15\xc5y8\x12\x03\xe3b\xf1\x8c\xb7V\x9f&amp;\x9f\x8b5\xb6\xc3\xa5\x03\x8a\xc7\x07\xe6\xe0\x04\x81\xe3&lt;"JP\x14A\x10&lt;\x1e\x8f@Bd\xf1\xda\xc3b3\xc9\xe7\xdax\x84\xd1Ht\x95\xe3\x04\x908\x9d\x14E\x85\'\'\'/L\x86/\xc03&lt;i\x9btR"\x11\x10\xe2\xf4m\xcc\xd8\xea/\x92\xcb\xc5\xba\xb2\x9b\x03\xdf\x03&gt;\xe0\xc8!\xcai\xb3\x9d\xbb\x7f\xff\xee\xdd\xc6\xcdg\xcf\x9eM\xc1cdj\x08\xd4o8g\xb3\x05\x07\xe4"\x14\'x\xbb\xb5\x9c\x9d\xd4\xcepe}\x8fIW\x14O$\x97\xeb\x952iI\xff\xd0\x14\xd2\xda\x13\xd0cx\xae\xad\xad\x8dL\x05\x86\xfaK\x14\xa52\x81^.\x02\xc7\xa0\xfcv\xc6\x92\xd8\'X5\xab1(\x16\x1c\x98\x06\x94\xc2\x02Yi!P\x01\xd6\xc8\xc8\xda\x08p\xad\xc5\xa1F\xc0\xb1\xfe\xfe\x92\x12\x858C\xaaV\xca\tTcx\xe4A\xd2bd\xa5,\xec\xc0\xc2\'h\xa6\x02\x81\xac4\x8e\x15\x08L\xb5\x00\x18\xe8\xc9\x93\xf9\x11\xa4\xa9@\xbf\xaa\x84\xcdV\x88\xc5b\xd2\xa1\xa4x\x10{t=Ym\x82\x95r{\x85\x0bPz\x1aJ h(-T\x00V `\xb1X\x10\xccZO\xcf\xfc\x08\xe2ji\xb1\x0c\xf5sT\x08+Kc"\xa7E\x88\xeb\xe8vM\r+9X\xcb\xbff\xf2\xe4.\xa0\x02(\x99L*\xe6\xa8\xfa%\x01\x1a\xcb\xd2\xd2\xd2\xe2\x9b\xef\x99\x9f\xf7\xf9|\x80\x15\x08HT*\x15\x87\xc3\xce\xd2\x90\xa4V\x8f\n\x8c\x1b\xd9H\n\x16\xd4\xfb.\x86\x89\xf4J\xa5P\xa0\x06\xa8\x8cB6G\xc5\xaf\xb4\xc4Uk\xf1\xf9z@\x88\x0b\xdc\nH\xf8*&gt;_\xc5a\x03\x96CHsEW\x1e&amp;%\xc6\x1a0\x0b\xa7\xcdR7H\xa5\xd2B\x05[\xc5\x97\xd4\xd6\xd6ZZ\xdc\x00\xd2\x02T\x8b\x80\x85\x1c\x03\xbb$\x12\t_\xc2Oc\x8ff\x90d\x81KN\xf0p\x881\tX\xac\x94\xdf\xee20\x826\x0b\x8a\x1d\xca]\xc1\xe6W\x02\xd4Iw\xae\x1b\xa9c\xbegv\x16\xb0\xc0.\x9f\xdb"\xa9\xac\x84\x07\x9f3J\x92d\x83R/" \xc6\x95\xae$P\xd5\xcf\xc50\x9c\n",)@\x15f\xd0X\x16w\x07\x12`\xd9\xed=\xb3\x8b\xe0\xd5&lt;*0\x881\x00`|N\x16\xe9\'\xfdB=\x05X\xcc\xad\xb1\xc4\'\x98\xf2\xc7q\x06\xce\x93\x03\x96M--\xcd0\x14f\x889\x90\xa1\xbb\xc3n\xcf\xb3\xdb;:\x00\xca\xeb]\\\\\xa4\x93\xf4\xa1X\x03\x95\x924v\x96\xc9\x0f)\xeaQ\xbf\xc7\xa2\xeb5\x89wk{\x0f{\xdb\x1dd\xd2B\x83\xc1 Vp\xa0\xe0\xdd\xf6Y\xa4\xbc&lt;\xafwx\x90\xd6\xe2\xe0b\x1c\x0b\xea&gt;-K\xa3!\xfd~\x81k\x80n^\x91+\t\xae.VJ\xf6k.\x9a8A\xba\xbb\x1b\xa0\x85\x8b\xd9*I-\x98\xe4E\x9a\xf5\xd2H\xc3`\xd7\x9b7\x10e\x0b\x92E\xc2A\r\xa2\xa1A-\xd4;aK\x81RL4\xd6g\xbb\xf4 tAm\xc92\x0c\n\x85X\x01\xeb\xd0b\x9f\x87\xe8\x86\x87\x91Ueee\xc3q\xcb I\x1f\xa2\xb2TrFM\xdd\x0eG\x83\xba\xc05 \x82\x91\x1d\x9bK8\xd6\xc2\x16\x94\x96h\x00\xb0\x94\x02\xa9Aa\x10\xd3M\xcb\x9e\x07P\xc8\xa6\xe12\x84\x85\xde\x96\x96\x06\xbdty\x01V\x1a\x8d\xe5\x08M\xeb\x07\xa0\xd53\xa2\xaf\x13\x8e5v\x90\xc6\n\xba\\q,\xf61~eU\xeeo\x8a\x8b\xaa\xab\x11Q\x99N\xa7++*B\x1f\xda\xdbu\xc0\xe7\xed\xb1\xbbk\xd3\xf3\x01K\xab\xd5N\x83[\xa8\xd3\xcf$\x1ck;\xc6\x84M\x9f\\\xaf\x0f\n[Q+=v\xeat\xd5\xc7yg\x8b\xaa\xaf\xea\x9au\xf0\x84\x97\x9bg\x8bt\xed\xd7@\xed::\xd1&lt;7\xd8\xd5\rTj\xa10\x88Z\x04c=\xd1?3\xb1\x96\xf7\x18\xf4\x1e+\x18\xb4\x9d\xfb\xdc\xc0I?Uu\x12\xbc\xaa\xbeY\xadkkk\x06\xb557]\xbd\xda\xd4|\xed\x1e\xe8\xda\xd2\xd2R\xd9\xe0\xe0\xac\xfd\xe4\xa9|R\r\\\x05\xc2 j\x11\xcc\x95D\x1f\x1bY\xcbQ\xc0\x02\xb7\x82\xcaV\xa9\x02\xd6\xe0I\xb7=\xaf\x18\xf2\xd35_\xba\x04\\mm\xf0\xd6\xd6\x86\xa8~\xf8\xe1\xde\x8b\x17/\xde,.\xce\xd7V\x9e9\xcdi\xd0jC!\xa1^\x0e-\x82\xb1\x9e\xe8i]3\x17E\x0b\xd1\x89\xa8\n\r*I\x00\r\xc1\xd9AX\x7f\xbak\x97h\xaa[\x7f\xbau\t"\xbcw\xef\xc5\x9b5\xd8&gt;on\xdeo&lt;g\xfb\xbc\xd2\xcdVk\x0bBB\x17\xecS1|=\xd1S\xb1~.\x07\xe3QN=P]\x9c\x84C\xc4\xc4\xdd\t\xd8\xc1\x97\xf4\x07:\x8a\xcb\xda\x9b\x9a\x9a\x00\xeb\xd6\xadk\xed\xcde\x83#\x9b\xe7\xc2p\xe6\xa0\x9c\xe1p\xd8\xe9lU\xf13\x80K(\x94\xc3XLt\xc9\xb3h,8Q@a\xd9`;@\x88(\x11\x11\x85\x93\x17\xa5\xe4\x9c&gt;\x93{\xe0\xc6\x9d\xa6\x7f\xa0\x14\x9bg\x03\x86 E\x1f\x14y\x84srb\xd2\xe9\xb4]\xcc\x90\xd1K\x91\x12\xe1\x89n\x104\x16\x8c\x9e\xa0\xcd6\t\xdf\x8a\x8e\x81\x0ct\xd4\x80K2qiC\xfe\xe5r\xc4\xd5\xdc\xec\x95\xc8`*\xf3x"\x02\xdd;q\xbf\xb1\xb5\xd5\xa6,\x90\xa9\xd5B\xd7\x80\x9c\xc0\x12\xdeNQm\xe1\x04\x98\x15\x14\x11"\xe7$}\x0e\x04\xc9\x07\\!Xi\x9a\xce\xf3\xe57\xae75U\xbb\xd9R\xa1\xd2\xa5\xd7\xbb\x94\x05\xea,\x0e\x7f\n\xce\x1a\x06\x9bK Cm\x1e:\xc4\xc1\xe5\x84\xf7\xad\x1f\xf70\xc2\xa9\xb49E\xfa\x8b%\xfd%\xa5j\x7f\x06\xe9P;\xbaA\xa4\xc6\\w\xf9\xfc\x8d;\xd7\xaf\x17W\x1d\xcb7\x9b\xadV\x93\xb5\xd7X\x97z\xc8\xee\x1d\\\xf4U\x1a\x84\xc0(P\xa2\xbd\xcd\xd6B\x12\xb0\xc0-[\x90\xd2K+}\xbe\x93\x99\x9e\xba\xba:c\x9f\xd5\x8a\x18\xcc\xbd\x99\xc6\xce?\xdf\xb8S~&lt;\xdd\xe3\xe9\xed\x03.O\xe7\xe5\x13\x1f\x9d\x859\xb44\x9cW\x95\xd5\x1a\x14\xa8\x95P[\xbcG\x9f%\xa1\xcb\xe3\x84\xde\xa6\xd77\xf0\xdd=y\xf6C\x9d\xa0:\x8f\xd5d2\x01Y\x9f\xc7\xf3\xef\x13\xe57\x0e\x1c\xf9\xc2h\xec\x85k\xc8\xac\xc3\xb9v\x98\xe2\xde\xe2\xe2\x8fR\xb3`\xd3!\x1c\xa0(b\xf7\x97I\x18\xd5\x08K\xe9\xcfO\xaf\x82\x9d\xdf\'\xc7\x0fw\xa6\xd6\xa5\xa6\x99 C\x93\xb5\xcfh4^.\xbfz\xf3\xd3#\x99\xc6&gt;\x93\xc3\xd1m5[{\xbf8v,\xfdT\xfa\x91\x13\x9f\x1e7\xfa\x05\xfe\x02=E\x89^&amp;\xfa\xc8\xcfJy\xf0\x08\xe79m\x05\xe6\xb4\xfc\xb4S\xe9\x9c,3\xd4\x10G%\xf6;BZ\xbf\xc6\xec9\x92\xdaY\xae\xab&gt;\x7f$\xd5h\xed\xee\x86\xcd\x05\x9bt\xb0\x87\xf8fS\xb7\xd5\xd8y\xb9\xb3\xd7_*\xd3\x8bD\xce\x99\x9a\x84c\xdd^\xc1yz\x81Lc6k\xd4\xb0\x9d\xbf(t\x05\'\x1a\x1b7K\xb4\xd3!\xd2d\xce&lt;|\xe8wE\xe7;\xa1\xde\xac\xa64\xd5D8L\x11\xe1pPM:\x1c\xa6^\xb8h\xd6\\\x84S\x86\xf3u\x12~.\x9d\xc1\x89\xa0\xac\x81\xd4\x90\xd3\x03\x03P\xbf\x04\xc1;\x1a\xbe0Q\xc2\x87Y\xec\xe8\xeeKM\xfd\xf8\x93T\x8f1\xb3\xca2\xcanml&lt;\x9a\xc3\x84\x95\x0b\xbb\xc6P\xb7\xd9S\xe7\xe9\xcd\xf2\x83[\xe1\xb9$\xfc\xb6\xfcc\x8cP\xfa\xfd\xe8\x90\x0cs$\xb6\x87q\x19\xbf\xda\xfa\xee{\x19G2\xea\xd0\x86HO\xae7\xb7\xb7\xaf\xcf\xf3\xade\xf4\x1b\xfew\xafv\x18L&lt;\xf6\xbc\xd1I\xc8C&amp;\xa8&lt;\x8f9CI\x89.\x8c\xa5T&lt;\xedJ\xe8\x7f\x11\xeaS\x1e\x8c\x136\x92\xf4wO\xcby\xb8\xf3\xf9\xf3=\x8c\xc9\x8d\xfc\xed\x9fC\xa5\x9cQ\xed\xf4t\xf7\x99\xe1{\xc3F(\xfe?\xe4\x8b\xbf\xf9\xf6\xf1\xbfv)\x9es\xf7\xd5\x13\xc3\x80|\x1a\xad\xcb\xcc^M\x81\x9c\xb73\xf6\xf5\xab\xc7\xaf\xfe\xf20Q\xab\xb1\xe6\xe1_\xb7\xbf~8C\xd8\xfc\xa4C;-\x17\xc9\x95\x9b/\xef\x8ax\xce\xbf\x7f\x1f\xf8}H\xd00\xed\ny\x0e\xb4\xff\x87Vs\xffIk\xcb\xe2\xb8\xf7\x17\x7f\xbb\xbfH&amp;!\xa4\xe1\x11R\x94\x98(\xafC\xc1\x0c\xcf\x08=\x80\x18#\x1eA@^\xd7\x0e-\x1d\x1e=^\x10\xbcp\xb5RE\x8a-\r\xa4\x88t b\xb8\xd2\x1f\xa6\x98\xd4db\r\xb5IS\xdb\x18\x93\x92\x8c\x9a\x8c\xce\xe4\x1aM\xeccr{\x9b\xcc\xc4&amp;\xf5Qg\x1fof\xfe\x819]\t\x8f\xec\x9f&gt;g\xed\xb5\xd6^\xdf\xbd\xceQ\x85\x94\x06\\\xec\x0e\x83\xb0\xdc\xa1\xe6\xc2o\xf6\x1e\x89W\x03\x81t$\x9d\xb2P-Nd\xa8\xf1\xcf{\x7fb\xab\x98\xcc\x8f8\x89\xfe\xfa\xc3\xdd\xfek\x0f\xff\xfe\xcf\xcb0\xc0\xca\x83\xf6\xc9\x1f\x15\xf5\xf4\x1b\x16\x0ce\xf1\x00]\xe4\xcf\x87\x16\xdc\x0cm\xe5h?\x93p\'\xdd\xec\xbb\xc4(\xe8\xe0\xdd\xe2[@\xc6^\xe1Y@\xc0G\xbcS\x16\'\x08\xae\x99(j\xa6\xb8\x17\xf4\xc7\xdf\xe3\xc0U_\xf7l\x17\xe2r\xfc\xd0\xd0\x107\xae\x8f\x07\x02q&gt;\xdbs\xf5\xaaj\x1e\x14\xd2yt^\xc4\r-\x04x\xad\xf6Xe?\xd6\xe0u8\xcal\xf6&lt;0T.\xfd\xfc\xf6\xe5,\x89\x81\x95],\x17\x85\x9d\x1a\x04\xa5z\xbd\'\xb9\xd0\x13&lt;\xdcU_\xbf\xf1G\x96\xc9Q\x8eB&amp;n\xdc\x01R^H3\x0fK\x07\xbb\xd1t:=?\xbf\x1a\x80\x16\x0c\xfan\x9b=\xb6\x7f4]HD\xdc\xe7\x8b(\xa5f[|\x00:g\x1d\xa9%\x91\x00d\x00\x0b2\x95\xc1\x19uvv\xaaa\x1f\xe2\xb1\x8b\x97\xb65\x8dy\xe0\x86\xf6\x19.HDP\xa4\xe8\xd4n\xb3\x19\x9d\xff\r\xcb\x8f I\'\xbd\xc9&gt;\xbd_1*\x04S_,T\x15\x8a\xaa\xc85\xa9\xd4gw\xb9\xec\nk0\x01\xc0\xbcN!\xdc\xe9\x94d\xabgg\'9\xd9:.\xa3\xcc\xdd\xc6\xb6\x00\xf0\x82\xb2\x93\x0b\xba\x05=\x8dI\xa5Py(\x8aF\xc0V\xa1t\xa7?\xe0(\xd3\xe4\xa3\xd3\xfb\xd3Zk5a\xb10l\x12\xb3\x99\\\xf3\x01\xb3k\xb5\nE5\x88a\xa5\x1c\x86N\xe7\xdb\x9d\xd2\xd9\xd9\x97\x1c\x7f\r\x8f"\xf1l\x8f\xd5\x96&lt;\xb1\x0c\xf6\xcc Ip\xd00yT2\x99\x8c\x91\xf1xT\x8aY\xe6\x0f\x80\xb5\xc1\xbe\xcaQ\xc5\xd5\x10Lx-d\xe9\xa2\xb4Vk\xf5\xe9\x80\x84\xd467\x17\xaa\xc1 \xc0\x8a`X\x8a\xb9\xd2T\xc2\x92\x13\x1d_\xfa\xffw\xb1\x1e\xc3r\xa4y\x8b\xf7\xcf\xb1dL\xca\x05FK\x13\xe0\xa2\x82?MT\x0e"\x94\xf1Z\xb4\xd3G;;\xb1\xe6j\xcb\x94\xc5k\x1b\xb5\xdb\xa5\x98\x82\xec\x8b\x8dd\x14VR0\xd8\x92\xc0\xbc\x05E\n\xd9\xecT\x82\x9a\xeb8\xc6\xc9[\x8d~\x07O\xc2\t!\xc9\xa4C\xa6b\x08H\r\r\xad\x0c\x06\xa3\xa9\x95$\xe7#B:%\xa8\x08O\x02\xac\xa5\x91RA0e\xb90:\xab\xd3\xd9\x8bFL\x05M\x84\x0b\xd8&amp;\xfe\x86\xe5\xacN,\xfb\xa6\x98\xb9\xae\xf5\xeb\xb8\xc4V\x1b\x0bN\xca\xa5\xfa\x108\xfc\x1c\xb2\xee\xd6\x06_\x83O@"\x91\xaa$9\xadWH\x97\x93\x14\xd9\xf0\xc4\xd2\xf2\xf2\xd2\xdcDX! \x93}\xb3\xb6V\xbb63=\xb7\x0fV\xb2V\x01\x86\x15\x11r\xa1\xfcIu\xa9B^5\r\xe0\x93\x89\x1f\x87.\x9a\xf8\x0f\x06\xe33\x06\xd0]\xc9(6\x9f\xceG\x124X\x0b\x85&amp;Z\xb9L\x97\xf8\x14\xae\xf0\xc1\x01\xd0\x89@(\x1e\x84\x15\xb6&amp;]\xd1\xae\x03\xba\x7f\x04[\xc1\xdc\xd5\x82u\x8cBn\xfc\xf4\xf4K\xb5"1\xe4\x9f\xe0S\xe67\xc6/j\x06\xfe\xe2\xcew\x1a@-\x95\x99m&gt;\xbbN\xe7kV\x94\x04(\x81@\x97\xfb\\}F \xc6&amp;\x97wv\x96\x97\xc0o\xd6\xa7\xcbd\x8c\xc5\xe2Hlr\xe9hi\xf2\x7fX\x083qz\xe25\xcaC\x1c\x9c\xaa\xfc\xd3\x9fYCWS\xf9\x05\xc8\x10@@-m\xd5i\xb5% (Hh\xb9L47\x8fLO\x83x_^\xda9&gt;\xdeY\x066\x17\xb6k\x8b\xc6L1c\x9c\x98\x03\x1b;\xa1\xa8\x82D\xf4F\xe2JI\xf6\xe4\xf4\xa4\xc0\xcc\xdd\xc5g\xceR\x7fg[3$6\xe4\x0c~\xe0-\x07\xcdl\xd3\x163\x99\xf0A\x89\xaaw\xf0\x99\xd2\xd8~\xc5\xe5\xda\xdfY\x9e[\xdeY\x9e\x9cX\x02.\x9b+\xda\x8b\xdab1\x13\xab\x9c\xc7[\xb6\n\xaa\x86%\x15P\xda\xb2_\xf2\xa7\x89\xde\x85\x8fxM\x17\xd7nhd\xa16!\xc1\x10\x10\xeair\x9d\xcb\x18\x1b\t\x87\x05)\x87\x83h\xb6\xc7\x8c\r\x8c\x0b\r\xa5\x83\xc9\xc9\x83R\xb5\x1a\xc6\xe8\x8cv-\x90g\x99\xd8\xdc\x11\xc0\x9a\x0ccX)7wl\xd0\xfae\xe1\xd4\x9b\xf7\x1f\xe3\xd3q\xd5\xd7\xad&lt;\xd6\x08s,\x84\x88a\xd1%\xba&gt;\xec\x92&amp;Lv\xbb\xcb\xc0u\xf2\x0e\xa5RO\r\x16\xc2\xe1RKD\xaf\'\x0e\xc7\xe62\x18V\xa9d&lt;\xcf\xce\t\xe0-\xaa\x05\xf4[c\x83\xd5\xd3\x85\x13\x1et\xff\x10\xa7\xbe\xa6\xee\xce\xae\x06\t}\xa3A\xb8H\\O\x93\xe8\x8c1\x80u\xc0p\x97e4:O\xdf\xf6M\x1b\x97Fe\x90\xac\x029}l\xe6r\x8e&amp;\x95j\x8d\x99R\xa1\x10\x1e\xc1bk2[e\x00E\x19\x87\x95L^ \xd9B\x84\xfe\xba\x82\x17\xd6\xf7\xbf\xcc@\x1cM[\x08F\x84|\xe7\x15i_lbb\xe2\xa0\xc0\x93\xc9\xe84}2\xd7\x16\x8avD\xf9|\x9a\xea\xf6\xec\x03\x8f!\x87t/NW@a-\x94\xc2\x93X\x85(\xb5\x80&lt;t\xfaa(\xef\xf6R\x980\x82[h\xd5]\xdf\xf8Q\x13\x07M(\x84\xc4\xf9|\x95\xcde\x1c988\xc8Z\xc9\xdd\xb7o\x0e\x10\xfdy?\x8dF\xa3\x13\xba\x86}\xae\x97\xf7\x06\xc4\xc3\x0f\xa6+\xb1L\xa1\x8a\xdd\x96Lbu\xeb&lt;\xb4\x940d\xe0\x91("\xa5\xfa\xd7\xefp\xc3Z\x7f\xd8\x069\x1dy\x08\xf1\x833Qb/\x86\xc3\xd9R\xc1J\xb2\xd9\xfb\xfaF%*\x95\\"u\xcd\xce\x16\x0b\xf6\x97o_\xbe\x8cM\x8fd\xb4\xe0td\x04\xb1\xdb\x92p!8eI9\xf5J.W\x98b\xd2\xbb\xbaz6\xf0\x13\x8b\xcf\x1f\xc3\x1cg2\x0fq\x11!\x08\xf3V_s\xd5\x1a\xc4\xce\xc4\xd6\xc1\xc1\xdb\x1e\x8f\xc7l\xb6\xf5\x8d\xf4\xe9\x18\x8c\xc5\xcf\x0f\x9e\x8c\x8e\xba\xb4&gt;A\x0b\x83L\xa5\x08\n\x8a\x12\xa8Z\x11\xa7&gt;\xae\xe4\xb63y@f\xb3\x1f\xad\xe3\xe5,PP\xf7\xd4"l\x13a\x8c\x0b%7\x05\x13\xd4y\x94r\xa1\xa9\xe9\xca\x00\x8d(\xf60\xa9\xb7\x17Gu\xad&lt;\xcb\xf0\xbd\'\xf7n\x0e\x03V\x89\xfc\x8a\xa4{\x1ee\x04\x05\xa0\xa7H\xeb\x85~%\x17\x8e\x08tv\x1f\xef\xf5\n~X+\xbb"\x0e7o\x80a\xae\x01\x11:\x99\x14r$J\xa0\xabT\xdd\x03bvG\x87X\x0c\xfa\xc1n1\x9d\xe6N3\x07\xb0Q,6\x1b\x1b\x10{\xe4\xccU\xdey\xf3\xa0\x17\xc6\xfd\xcako\xd4\xdeB\xd8:\xb8\x86\x9bN\xac\xaf\xdb\xdc\x16\x11e\xfa|\'\x0c\xc3\x86\x80\xc3iI\t{\tD"\xb1\xa3\xa7\xa3C\x1d\xa5\xa1\xe8|\x04\xb4\xd0(\x8fZ\xbbys\xd8#\xee"\x12\x88=\xfd]w\xef\x12d\xde\xf3\xc0\xea\xedmW\xfe\xb0\xb1\xf1\x93D\xfay\r\xcf\x99\xe2\xf5\xf5GlZr\xfcG\x18\x82`C\xd2\xedt\xf4v\xf4_\x1b\x1b\x1f\x1fS\x13\xd9\x03\xaf\x80\xd5j5\x92\xd5\xb7e\x7f\xf7\xfe\xdd\xe8\xe20\x93/R\xb7\xf7\xf7\xdc\'\xf0#\xdeT\xda\xed\x88\x03\xac\xc7\xcf/\xad\x1c\x1e\xae\xe0zgS\x7f\t\xe8\xe1\xd7\x1b\xdb\xe3\x80\x0bB\x92nN{\xff\xb5\x1b\xa6\xa1N\xbfH|\x0b\x9b\xb6\xd60\xdb\xaam\xbd{\x8f\xd9;_7=\n\xdf\x18W\x8b\xf8\xa9H:\r\x1e\x02`\xfd\xfc\x0f\xe0\xf5z\xbc\xef\xb7\xae\xdf\xd9\xbcS\xb7\xf1\xf0\x06\x14Z0\x18\x84\x9c\xb1q\xd3e\x8d\x89K\xa0\x8b\x07&lt;\x9e\x17\xff\xb5\x1a\xc0z\xfb\xf6\xfd\xd6\xe0\x05\x95\x8ck\xd2\xc0DY*\x92J\xeb9\x1c\x80\xf5\xb7\x95\xaf2\xa9\xc6&gt;k?\xc0\x00+\x9f\xf7\xb7+g\x1aY\x1a\xb8\x97\xc0\x8fr\xa2\xe5\xd5\xd5\xf2*\x10A(\xfa\xa2\xb6\xb5\xf5\xe4\xfd\xd6+t^\xa6GL\x8d9\x11\r\xc5\xb0\xf4zN\xfb\xd8\xde\xb3\xaf\xf4z\xc6\xf5\xba\xe7o \x18\xc3B\xfc7\x1a/\xb2.\x9b\xa0\xce\x10\x90\xd4\xd1\xe8\xea\xaa\x18\xc4\x17\xe6\xafW\xb7&lt;/\xc4\xab\xab\x81\x85\x90&amp;d\xca\xa9\xd9\xaaH\x84\xc6\xd7\x8b\x00\xd6\xee\xe6W{kde\x0f\xc2\x82&gt;\x8f\xb4\x8f\x0fi4\xb96\x16K\x93\x8f\xde\xdaz\xff\xe1\xc3\xa7\xb5c\xf0\xf5\xe9\xc3\xaf\x9f&gt;|\xfce\xfb\xf5\x9b\xcb\x17YPo;\xdbs\x85\x87\xd2e|\x82\xa8}l\xfb\xbb\xaf\x86u\xe75\xc4\x85 .\x17\xe9U\xab\xd5\xbd\xedC\xac\x8b\x9d\xaf&gt;\xac}Z\x7f\xba~\xb8\xb9\xb9~\xf8\xed\xe6\xd3\x95oW\x9e\xfe\xee\xf7\x7f\xf8\xd7\xbfY&amp;\x99\xd9\xe3\xf9\x0f\xed\xf6\x1f\xd3d~\xc7\x01\xdc\x8dJ\xb1\xa6!\xe1\t\xc9C\xd3\x1f4\xddA\x0b\x86\xd2R{\xcc\xd1\x9f\x94b\x9b\xd64m\x85\xc1\xfa\x1c\xedh\xeb=\xa5k\xf8\xd5\x80\xd4\x03iA\xb4I\xc9\xc5\x95\x1e.\x9d\x91\xab\xa7\x98\xc2V{\x98\xcbe\x11n\x18\xc7\x19\x03\xb7\xcd\xc3\xe1)\x1a\xbd\xc5q\x8a;\xb3\x19\xff\xde\xe7\xfb\xe0\xb2\xbf\xf6\xc7\xa9\xcfW\x03\xc6\xbf^y\x7f?\xcf\xe7y\xbe\xcf\xf3\xfd\xea5\xe5\x12\x11\x86a\xe6(y\x8b\xb6\xdd\xb1\x85\xbb\xb6{\xea\x0e\xee?x\xd8h\xc6dj\xb57V\xb7\xdf\xb0}s\xf1j\x128\x89\xc4\xe2R"\xf1\xf5\x12\xfc\xdd\x9b\\~\x11\xf9\xadN\xef\x8e\xeb5\x1a\xfb\x0e\xcb\x18Y\xdeE\x1f\xeb\xd6\xecAp\xd5\x19U\x98l2\x14\x12^\xbf~}\xfb3\xbf\xbf\x8a\xbdT\x96`.}\x9d(J\x94\x16\'\x97\x17o\xac\xa9/^\xb0k\xb4n\x8d\x98k\x12\t1\x9d\x85\xa4\xe7B\xfc/\xeb\xde\xc6\xfe:\xe8\xf4\x87\r\x16\xb4aD\x88]\x8f9\xef\\\xbat\xcf\xbf\xeag\xb3\xab\xf6\xed\xd9\x9b\xbct\xe3\xe5\xb3gc\xbd\x17z5b\xa9\xdb\x1d\xd7\xb8L"\xcc\x82\x11PZtn\xa7L\xdc\xed\x19\xafC\xa3\x05\x97\xa9\xbd2\xcc\xa9\n\xc7\xe6\xff\xfa\x8fg\xdf\xbf\xbc\xb9\xbc\xbc|\xf3\xc6\xcb\xcd\xcd\xcd-tE\x0e9\xba\xb5\xda\xbe\xb8\xcf.\xc11\x82\xa0\xb5\xb4P\\W\xb2\x14\xcbh\xb0\xd8d^\x19\x8e9--\xbf\xbc\xb0\xf2\xfc\xf9\xb5\xcdg\xff|\xb6\xb9y\r\xc6\xf3\xd1\x95\x95\xd1s\xb0\x80\xd5\xc6\xf5.\x8ae6G\x1f_\xa51\xacB\xe8\\;qA\xd1\xdb\xbcj\x0cs\xdal\xb2\x95\xf5\xe7\x88\x83P\x9b\x9b\x8f6\xb7\xd6G\xd7\x03mV\xabU\xab\x01\x95\x0c\xb7\x98\xcd$}]\xeb\xd5,\xae\r\x8f\x8f\x03\xcc(\'\x9c2/\x0e\xa5\xaf\x9e\\\xffn\xf3\x1a\x82\x9d\x00\xd67\xdf&lt;\xdaZ_\x9fi\xb3\xc2j_\xab\t\xa9e6\x9c I2\xb8F+\xabp\xd7\xcd|\x0f\xb8\xc6\xa3\xa4\x99\xc0m6\x8b\xc5\xa6\x9e\\A\xaekH\x86\xc2\xfank\xab\rT\xdd\x0e\x87{\x08mI\xb2\x98I2\x1a}\xb0DkZ\x85\x9dk\xc3(/#\xb8T\x18n\xb1`2\x99L\r\xd3\x88\xc6\xd6\xd6\xd6\xf3\xf5\xf5\xe3\xe7\x02\x01\x87\xd6\xe1\xd0\xf6\rAXN\x14V4\xfap\x91\xe6}\xba\xf7\x1e\xf7\xf4\xf4\x8c\x07\x83\xc1\xa8\x19\xc31p\xe1\x16%\xf4/t\xab\x86+\xd0\xa7\xe9\xeb\xd3z\xd0e\xe8v\x0f\x85\xd06O\x02\xa9\xa2\x1bWif\xf5\xdf\x19\xa6X\xe3A\xd2\x82C\x03\xb7X,Jy\x18\xaa-l0\xb4\xa8\x84v\xbd&gt;\xaeuh\x81\xd5\xf7~z\xca\x19!"\xc02\x18\xee\xd3\xcd*|1;\xdc3\x0cieI\x02\xc3\x85B\xb4]2\x16;u\xb8.l\x805,.\xb1\xfb\xa4\x0eGww\xb7;\x0e,"\x12\x99\x9d\xcd\x1aT\xadok\x85\xff\xff\x1fo\x805&lt;\x1c\x04X\xd6\xec\x84;\xa3D"\x81\xd5k,\x1cn\x89\ta\xd1\xc1\x95\xba\x1d\x1eT\xf0}\xefO\xa6\xa7"\x14K\xaeku\xde\xa4y\x0bx\xe1\xf6,L!\x92A\\\xb6\x90\xcb\xees\xd9M&amp;\xa0\xf5\xda\xf5R\xa9\xbb\xdb\xe3\xb1Bw\x98\xf1\x0cM\xa6\xef;#\x11r6\x1bU\n[\x89\x1bt\x9f}\xd8&amp;\x83\x14k8K\x9a\x9d&gt;\x8d/\x1e\x8fK\xddZ\xb7\x16\xbd\xd2J\xa1M@\xedVO\xfb\x08\xc5\xca\xe7w\xc2\x12^T\xdd\xea\xa7w\x16\xbb\xee\x18\x8c\xc0\nR,B\x1d\x87\n\xf7X\xb7\xac\xd6T\xca\xd3\x8ev\xb4\x9c&lt;y\xc2j\x1di\xfftl2\x9dGs\x985\xc0:C\xa7|\xd1I/\xab\x7f-j\x88\xa2\xb4\xe6\x86I3\xe9\x1c\x02\x97g&amp;\x05QM\xe6\x8f\x9f\x04\xd6\xa3\x8f\'\xac\xa9\x11\xcf\xd8\xe4\xe4}\x8ae\x8c\xe9.\xf4\x9eV\xdeI\xd0\xcd2\x1a\x0c\xc6q\xea(\x01I\x98!\xae\xaf\xb43\xed\xed)\x8f-8z\x82z\xdd\x9c\xf2\xa4\xdaF\xe7\xd3\xaf\xc2\x92\xeb.|\xa0\xe8=Bs\x9b\xdf\xd5\xff\xc0\xd8\x02.Hkn.KD\x9c\xa1\xb8\xe6+O\xaa}\xa6\xdb$s\x8c\x8c\x9c\xf8\xf8\xd1G3\xd6\x99\x0f\xc7\xe6\xd3yTY\xa0\xea\xed}O\xa18=Os\x9b\xef|`\x94\xa3\xe5(b\r\x93\xa4yje\xa8\xef\\j\xc6\xeap\xa3\xd0\xd0\xa7\x8b\x89\xb6O\xc7\xc6\xe6\xa9z\xcf\x92\xb8D\x81\xc6i\x9a\x1bWa\xe2\xe1a9Z\x8fBy\xe5rY\x92$\xd4+\xa3\xc7\x815\xd3\x16\x08\x04R3\xed\x1f\xfd\xeeO\x9f\x7f2?\x9f\x9e\x8d\xe4g\x83Q\x8bH\xa1(/W(&gt;\x98\xa2\xb9q-!\x96J\xde\x02e\x9fk\xce\x05\xb3Y3\xb8\xe0\xe9*\xd5~\x0e:\x96\xf5\xdc\xf1\xcf?\xfcd&gt;}?\x98\xcbf\x83A\xb3\x10P\x02Ayy\xef\xd4-z\xcf\x05.n\x84\xe51\xa5\n\xe5\xd5\xd3\\\xdb&lt;\xd73L\xdaBq\xb7\xc7\xea\xe9\x83\xc7d\x8dW\xedM\xa7\xefG\xb2\x039t3\xc7\x15|&gt;\x97\x0b,\x85m\x9b\xde\x0equ#\x1c\x8ba\x94k\xbcy\xf7\xee\x03\x03\xb9\xb9q\xb3\xc8%vkB^\xbb\x0c\x83\xa7+2\x12\x9ckn\x9e\x03\x95P!\xa8\x80\x01.\x05\xbe\x96\xa0\x9b%W\xa9\x94JU\xcc`&lt;3P\xb9\xbb\xf6@\xf3\xc0\x19#&amp;\x92\xc9pXK\x18\xa2\xe3=\xb9\xdc@me.h l\x12A\xc5\xe0`\rz_\xa9\xd0=\\\xec\xec\xa4\xed\x06\xd4\xd5\xb9\xbc\x11V\x01\x0b\xc3\x94rh_\x87\x0e\xfc\xf8Gh+\xe3!#j\xb2\xe3\x87\xce\xe4\x06\x9a+\xc1\x9a\x8b\x12\xb8\xcc\xe4\xe2\xd6s\xea\xa9\xd7\xa8\x12\xdd\xc6\xa5\xdb\xabl\x9a`]\x9d\xc9+\xf9\x16PQ\x8f3\xd0\'\xc2\x87*\xd1\x99;\x90\xa1QY[[\xf9\xb3\xdd\xbb\xdfi\xee!lj\x93\xddW!F,i\r\xb7\\"L_\xfe\xe2\x8b\xbf\'i\x81\xf533\x0bOHU\x0c\x1e\x97u:\xf4\x12\t\xfa\x17:\xffQ\xfb\xce\xff\x8e\x9a\xd66\x9f9(\x17\x82\xc9\xe7\x12pk8%\x1cN=b\x89\x9c\x8f\xff\xfd\xed\x1f\xbe\xf4\x97\xb2\x99o\xf5HxW"\x93\xc9T\x95=}l0Ce\xc1\xf32z\xfa\x83\xc6\xda\x12&gt;x\xe8(:\x94\x85N\xe1U\xc2l*E\xe8\x13;_\xef\xe3\xf3+8%;,\x81D\x84\x93\xd9\xb9\x9f\xfc\xf1K\x16\x9b]P\xd0\xf9\xb6`\xeff\xfc\xfed\x92U\xc5\xba&lt;\x0bk\x0b\xa5\x8ab\xa9b\xd0W\xcdr\xf9OO\x85\x7f\xfe\xfb\xa3G\x7f\xf1\x9b\x83-\xc2r.\x07\x12\xaa\xd1Tp\xf9\x02\xfe`I\x07g\x87e\xa2\x16\x1b\xc1o\xffv\xbb\xb8\x88\xc9\xce\x14\xbc\x9dW\xa8\xfd\xac\x85\x85\xb2\xd2\xd2}U\xfe\'\xb3fX\xf2@\xc5c\x185\x8br3\\\x00\xaa\x8b\x17\x7f\xf5\xeb\xf7\x04\n\x01W\xca9;=}\xbe\xba[*\xe6\x0b\x04\x15\x9c\x8e\x120J\xa1\xe6M2p\xd9l\xc4\xec\x15\x06\xb3\xb8\x91YP\xfa6\xf6K\xbd\xcbZX-\xdbSZZU\x06\xa5E\x98-@\xc21\xddN\\\x08\xa9\xd4I\xb85%g\xab;::\xce\x1e;9a\xed\xe8\x96\xea]\x02&gt;T\x16\x8c\xfa\x9a\x1a1\xdf\xae\x96M\xd9\xa6\xd4^\xe7e\x1e\x83Y\xd4X\xcc,\xcd\xbcq\xf1\x17f\xfc\xab\r\xa0\x02\x96\xffI\xc4I\xa0W\xf2\x88\x85\x9a*\x0c(4\x93\xa6\xbe\xba\xe9\xfc\xf4y\xf4\x15\xf1\xe4\x88\xa7\xdb\r\x10\x17\xbf\x9eRI\xa55b\xbd\xcb\x0b,uh\xc8\xfb\xe0^1\xb3\xa8\xa8\xb8\xb8\xa8 Y\xda\xff\x86\xd7_\xd2O\x85\xb5\xaf\x8c\xe5\xbf\x9bw\x12\x16\xc4\xd2Q\x03M\xa3\n\x13\x9a|\xe2\x92\xa6c\x13\x13\xc7\xa6\xa7G&amp;\x02\x0ew\\\xef\xb3\xf3\xc5;\xac\xc1A\xb1X\xe3\xb3\xab\xa7l\xde!m\xdf\x9dU\xc4B\xae\xaa\x86L\xff\x9b\xa1x\r\xa8\xb2\x80\xc5k\xb8\x9b\x9f\x82%+\xcaK\x88&gt;\xd7\x81\x0b\xfe\xe0"\x89]_2}\x02\xb1&amp;&amp;\xacZ\x8dF\xefs\x899\x1dM\xd5\xd5%\xa8\x9f\x8a5z\x8a\xd5w\xdc\xf1\xfd\x02\xc5j,n\xdc\xcbJ\xbe\xb6\x0b\xa1\x1ax\xac\x06?\xab\nF\x19\x8bw9\xefD+i@\x89$\n\x13to\x88K\xaeR\xea\x84\x12p\xb5\x1f\x9b&gt;6\x11p\xeb}z\xbd\xbeBZ\xdf\x81T\xa8\x9fRi\xd9\x9c!m[\xdb_&gt;+fPi52\xf6\xecI\xbe\xde\x97\x96\xfe\x04\xcb\xef\xe7\xb1\xca\xca\x1a\x16\xe0\x07\x0c\x16\xeb\xcfy\xa7\xd3\x82\xd9\x90\xca\xee\xd2s\xf9\xe0:%\x8f\xb5\xb6*u"A}\xd3\xf4t\xc0\x1a\xf7\xb9\\.\x8dXZ_\xd2Q\xdd\x01\xb3\xc8A,\xbdK\x8dc!m{ \xfd\xb4\x91\x8d\xe2**f\xeee\x94\xbeN\\\xfd\x8c2\x7f\x03D\xc5\x82\x92Z\x85_\xf0\x9b\xc7z\xfa\x18\xb1p\xb4\x03\xd7\xee\xe3VT\x08D\xbaV\xb9\xbc\x15:\xacN\xc4/\tL\x07\x1cz\x97\xdd\xe5\xd3\x889\xd5\xd5\x90\x16\xc0\x06\xa5\x88\xe5\xf3R\xac\xbe\xc8\xbf\x1a\xd9\x0c\x8a\xc5(`\xb0\x93\x99\x1f\xda(\xbaPR\r&lt;\x1e\n\x8b\xe5\xbf\r\xff\x02\x18/y\xfb!aC,\x89\t2\xe1r+\xb8\n\xa1N\tY\x1dQ*\x8f\x88\xf4\xdd\x0e\x98A\x9fO\xaf\x91JK\xaa\x9b\xaa\x9b\xa0\xb88b\xb1\x98\x0b\xffg\xb7a!G\x00\x8f\\*f3\x99\xe8bd\xeca0\xd8e\xc9\x0c\xb3\xeb\x87\xdc\x933I\x1e\xaf\x01\\\x10\xd7+\xd6\x7f\x189\xdf\xd06\xee;\x8c\xab\xdcew\xa7\xd3I:W\'E\xb6e;\xb20\xb2|\x96\xf1\x16\xb0A\xa2v"\xfc\xc2\xb0\xa1\xc8\xf1\x9bx\xa1v\xc9\xe2\x16g\x04o\xeb\x0b\xb3Q\xe8\xbb@\xc6\xa0\x82\x94\x14Z\xf0\xc0\xf4\x85\x04+\xb8\x93\x11\xc58\x95\xfc"\xd8\xc4..\x01kaec`\x16H\x98CFV({\xb3\xe7\xf9\x9e\xe2\xb4\xa3l\xf9a]\x14)\x96&gt;\xf7|\x9f\xef\x9f\xdfE6\xb8\x12\x89\xc5G\x9f\xbe?\xfb\xe3\xd3\xfd\x18\x0f\xf0\xee\xdd\x98\xf1\xce\xf6\x9f;w\xa6\x1f\x877\xdf&lt;\x07\xdaiJ52\xd2)LX\x9d#\xe9\x01f\xc0\xcc\xe8\xe9\xebo\xfc\xeaG\x7f\xffJ?\xc1\xb2U\xd5\xb62~\xe7\xa5\x7f\x9c\xe5\xed\xb5&lt;\xe5I,\xd6hx\x7f"\xbf\x9f\xf7\x8bX\x89\xc4\x83\xbf\xbc?\xfb\xeai\xcfZ\xe9\xb4\x8cx\xef\xf4\xf7\xbf38\xd8\x7f\xe6MFr\x86R\xa1\x01\x01\x0b`(\xf3\xc4\x82\xb7f\xfa\xcf\\\xfd\xc9k?\xfd\xf3-U\xf5\xb0l\xc7\xb45\x80\x99q\xff\xda\x95\x97\x8b\xdf-\t\x9fp\xd5\x08\x94XL\xb8.\xea\x03\xd6\xe3?\xcd\x12k\x14\xd6\x82*\xd9twO_?\xf6\x11g\xc9\x85D\x98&gt;\x0f\xa9\x16\xdaTS\xc8D\xd4\xd3\x89\x89\xf4\xf9\xf3\x97\x07G\xcfO\xfe\xf0\xe7;\x9a\xadi\xc2\xa5\xb8\x8a\xa6k\x00S\r\xbf\xffw\xd7^\xaa-\xd3H\xf0x&amp;\x93\x80\xc1\x98\x81~C1\x1cp\xc5k\x7f\x9d\xbd0\xfb*\xd4\x9a\x06\x16\x17\xb8\xb8\xb9\xe1\xfe\xa6o\x9a\x97G\xd0r\xe6\x87\xa6&gt;Xb\x14\xa1\xd6\xc2\x08\xfe\x11\xe5\x9a\xb9y\xfd\x17\x8f\x16up@\xaf\x90\xea*6\xb1\xe0~M5\xe2\xce\xd8\xb5\xff#U\xbe\x86*\xe5\x18n&lt;\xee\x18\x86\x91\xf1\xd3\xf5nF\xb1L\xc3\x05\x96\xbb\xf1\xd1\xec,\x83\x08\x844&lt;\x9f\x1e\xe8\xe9\xc5$\xd3\xd7\x8b\xbd\x04V\x1a^\x1f\x82TK\x1fL\tV\xa7`\x8d\xa4\x91\t\x137_\xfd\xb4\x12b\x08\xd1\x16\x99\x88\xc4\x92\xa4\xd4U\xcbXs\xc6\xfe\xd7\x7f\xb3:\xf0y\xdcP\xa0\x8d\x0b\x81\xb8p\xc7\x8d\xbb\x8ae\x99.*\x84\xbb\xff\xc5\x85\xd3\xa7/\xb0B\\\xbeJ\x8e\xf4\x84\xc74\x91]\x19\x1f_A\xf8\xc4\xecSK\xa2U\x07\xb1\xb0\xd2\xe9\xf3\x13\x0b3\xbf9\xb0t\xcd\x8b!]ei\x1eU(\x84;\xd6\xda\x9a\xf6\xf6\xf7\xcfa\xd7\xc6,@\xf9\x1d\x85\xd2\x18&amp;n\xd0\xcbR\x9d\xc5\xfa\xd1Q\xcd2\x15F\xd1\x1f\xff\xe7\x1f\xa4\xf3P\xaf\x1e\x98~\xa0\xbb\x9bc_\x1ao?&gt;&gt;.\xa6\x1a\xea`y\xe8\x90\x19\x10F[X\xc0s7\x17\x16.&lt;Z,\x88\xad\x04K\xb3\xec6\xd5\x15tH]W\xcd\xef\x07\xbbv\xc5\xc9#\x01\xc1a[\xb6\x89\xa58\x86\xa9*\x8b\xf5\x8d\xbd\xeaju\xc3\xb0\x80\xe5\xcf\'2\x89g\x1f\xb1%\xf6\x0f\x0e\x0eN\xa3pM\x80\xaa\xb7\xb7\x07\xd1\xf4\x12pi\xc8\xcbC\xaf\x1d\x0ed;\x97\'\x17&amp;\x17\x16&amp;/^\xfd[]\xd7=\xbb\x03\xc2\xb6mU\xee\x01\x8a` S\x9d[\xfe\xff\x1ew\xae!|\xac\xe8\x06\x81\x100\x13q4\xd4\xcc\xe1N\xa3YLb5\xf2\xa6`\x81{\xeb\xc1(\xd5\xc2\x1a\xec\xe5\xf6\xb4\xa7\x8f\x1f\xf6D&lt;\xb3\xd9\xf1N\xc2\xa0I\xa36\xccw\xaed\xb1\xc9X\x9e_^^\x9e\x9c\xbc8\xf9\xf1\x8e\xfe&lt;\x84\xf0\xd4X\x01X\xc2u\x02\x16\xd2\xcd\xb5\xb8\xf5\x1d\x8b\x8d)\xec3\x19\xf8\t\x1a\x91\xc8P\xa0\xd4\xe1\xc1f)\x82\x95J\xc6\x9a\x15S1`\xae&lt;\x82\xbc\xfd\xc5\xe8h?\xc1\x06\xfb0\x1a\xf7\xf4\x9e\xfd\xe5Yl\xe9y\xaf;K\x1f\xd1\xf6\xf3\x1c\xb5\xb2i1\x1b\xac\xf6\xee\x1b\xef=SBm\xb1\xb4\x90[\xaf\xe7\x0b\x05\xed\x05\x98\xa7\x97f+\xf15\xfd\xb9`?x[\xf3\xb3\x9a\xbbp\x95 \x91\xc9\x8e\x1f\xeel\xa6\xa2\xd1@ \x10\x8d\x82l=cxX\xc8\xc6{_\xbe6J\xb5\xfa\xcf^\x96O\xec\xbe\xfe:\xaf\x80\x08\x1aT\x1b\xc8\xa2M\xcf\xcfw\x8cd\xb3#\x9d\xe3+\x8c\xe8\xd2\xa5w\x9f\xdd\n\xbd\xd0\xaa\xbeYm\x1c\xd5l\x8c\xa9*\xcdu\xa5\x80\x15\xa2\xf9\x11I\xbf\xd5\xde\x82h\x08*\x842X\x9b\x90w\xa6\xaa&amp;\x0e\x8f6\xd67\x8b\x91(\xb1H\x16\x0eW+\n\xcb\x05\xed\x97q\xef}\xf13\xd4OIG\xb0\xf4\x9d%Vo\x0f/\x82\x00,-X\x1d\x88!\x82:\xd29\xb5\xb447\xf7\xe1\xb3\x1a\xdeRmS\xe5\xd7W\x8b\xc5\xf2\xdeA\xa5f\x16$\x0b V\xa1\x00:\x8a\x86\xc1\xc2\xdbN\xa2n:\x86\x83\x9b\x81b\x12_$R\xabZ\x8cER\xa9H$\x96\x8a\xe1\x10\x8bDS\x8d&lt;23.at\x11\xc7\xeb\xd3\x834\xfd\x8c`\x11\xaa\x9b\x1f(\xe6\'\x8aA\xd3!\x13\r\\\xb6&lt;457w\xe3\xc6\xdd\xe3[k~\xce\x00\x00\x06\x8fIDAT-\xfa\xdc\xc3\xd2\xad\xa3\xe6j\xb1\x94L\x16\x9b{O\x8f\xf6\r\nE\xa5\x88\x16"\x9c\xb6\x16w\xa0\x18&amp;\xe28"h\x9a\x99\xfd\xa3\xa7\x8d\xd6f\xb9\x94\x8a\xc5b\xa9T\x8a^/&amp;c)\xbcD2U\xdea\x11CyE\xbc]e\xfb\xc9[\xd3\xd3 \xeb\x9b\xe9\x13\x9a\xde\x9e\xf4y\x1a\rT+\xe3\xb2\xb7\xc0^\x0c\x85b\xe9\xd2\xdc\x8d\xdb\xa0\n}+\x84\xfb{\xab&lt;\xe9R2\x95,V[\xeb\x07G\xfb\x99Pal\x0c_\\\xbcge\xd6\x14\x9f\x9b\x89\xbb\x86e\xed\xef46W#\xc1\xae\\\xae+H?\x81\xac\x84\x95"`,\x96,\xb5\x0e\x11F\x97e?\x11w\xcc\xadg\x1f_\x9f\x01\x99\\\xc0\x82d\xbd(\x15\xdd\xa0\x1aX\xe9\x14\xaa\x8e\x8e\xe5\x8e\x8bCK\xfc!\xdd\x87\xc7wB\xa1\x93,\xd4\x95\x83\xd5\x18\xd3\x08\xab\x84\x13.\x15\xcb\xad\xc6\x8e\x9fP\x05Y\xc2\xa6:&gt;X\xdd\xd2\xec\xfa^1\x1a\x0e\x13(\x9c\xcb\xe5\x86\tG4\x00\x11\x0b\x91L\xae#\x8c\xe4B\xb1\xcf8\xe6\xad\xdd/\x85k\x86u\xab\xcfs;\xa8(\x16w\xd3\xe4\x82\xd5o\xdc\xfe\xe4\xe1\xee-\xbd]\x1b\xa4d\xd5\x9b1\xbc\x18\x88\x10\x8e"\x16\xce\xbc\xf9\x18\xf5R\xf7\xc4j\x93\x15|(\n\xf9\xcaz5\x12\x88\xd2F\xf0\x11-\xde\x95\x1b&gt;5&lt;\x9c\xeb\n\xcb\xa3\x11&lt;\x12-\xef8\xc2\xc5\xd6\x9dq,c\xfb\xc1[\xd3\xe2\xaan\t\xdf\x04\x93pd%\xbb\xb2\xb2"zM\x0eM]\x9a\xbb}\xfb\xc9\xaeQ\xd0\xbd\xe2\xee\xf9\xbdQ*\x15\xe5\x8br\xf1\x9c\x8b{\x95\x84\xe3\xa2\xbf\xa9\xa1P\xe19\xda\x98o\xb1\xf2t\xafZ\x12g\xc7`"\x92aE\x83\xc3\xc3\xc3\xaf\xbc\x82C\x0e\x12\xe2\xc9Rq\xf3\xc8\x11\x7fa\xa6@\x96(v\xed\xfe\x97Wg\x04\x8bB\xa5\xf1\x95\x95\x0bZ\x08d\xc7\xbc\x18\xeb\xc6\'\xc7\xff2\x0b\xba7*\xb03k\xc6A\xb9X\x86\xe3\xa1\x91\x04!\x12[m\x1c*,\xe2,\x016\xd0\xda\xe1\xf45\xcaI/\xdb\x02Q$\x1e\x82.fOE\xc2\xc1 5;\xf5\xca\xa9\xe1\\8\xc6Sk\xd5\x15i\xde\xd8\x051{m\xf7\xab\xaf?\xfb5}\xce5\x822\x9f%\x14\n\xd7&lt;G\xf9\xa9\xa5\xbb\xc7\xf7&gt;\xd7Cm \xa9\x9c*\xb2\x90i\x18k\x17\xc4X\xb2\xb9QC]20\x87a\xdf\x81\xd2o\xdb\xbaH\xe6\x8btu\x05\xe1*,F/\x10\xa1\xbf\x8b\xc8\xc0\x88\x17\xbd \x9c\x86\xd5\xd5\x15\x8e\xc6\xf6\x0e\xbd\xa9\x02d`3L;\xb3\xf5\xf57\xef\xdd\xa4\xa9\x060\x15\x8e\x08\x96Guq\xe9\xee\x93{\x9f[\x02\xa5yd(\xe3\x95M\x9ep\x94\xef\x03(\x04\xb0U\x89\x1b\xae\xe3(\x9a\xd4yN9\xaa\xad\x12\xcc\x17\xecB\xf6\xe5\xe8\xf1p\x90\x84\x0cYJ\xa2\x9e\x92$\x14\xb3\xe1\x19&lt;\x15k0\x1dE2\'\xc3^e\xd9\xee\xd6\xee\xf1\xc3\xcf&amp;\xd3\xdd\xbf\xa5N\\+\xe3\x1d\x17\x7f\x7f\xf7\xc9\xf1\xee\x96Y\x08\xb5g\x06o\xa9\xf5VR\xa2\x82LD\x18\x8b\xc5\xd5F\x1d\xb5\x12J\x85\n\xde\x80\xa3!\x8e\xe8\xc8x\xc4\x17\x0e\xcb\x9b\xa2,\x04\xda\x07\n\x8ch\x12\x8d\xd5\x85l\xb4\x1c\x08\x93\xe4\xf2:\x94\xe1\xba\xac\xc0\x96\xa5d\xeel\xdf\x7f\xf6\xe4\x9b\x0f\xf9\xfb*&amp;\'\xff\xf8\xe1\xc3\x7f\x1c\xff{\xfb\x8e\xa3\x9eLW\x9a\xd7\r\xd5\xfa\x1e"X$\xcej\x99\xab\xb9\xbe\xcfA\x02\xed\xe7JA\xc7\x96\x03L\x8ag\x127\xe3C\x04\xd9_\x18Hj\x85c \x10\x0c{\xd5A\x88\xda\x15\x82\xb6K\x96\xf6\xealSm2Y\xa6\xc5)\xc5\xbc\xb3}o\xf7\xfe\xd7\xf7ww\xb7\xb7\x8c\x10;\x1c\x87\xbd\x13\xa1\xd0\xfd\xecz\x0b&lt;\x04\xaaV\xab\xcdf\xb5\xbc\xb9\xe1\x0f\xa9\xc4\x92\x00\x9a\xa8S\xa6\x97\xe7\\&gt;\xba*L[\x89\xb9\xe0\xf3.\xd4\x87.\xf4B\xb0Ap\xa9\xac1\xf6\xc7(\xa5/\xb6\x8e\xe2\x14L\x91h:\x1e\x98-\xf3\x93\xa6\xb7\xdf\xe1\x05\x8b4\x1c\xb9\x13r\x1fo2p\xa2\x13\xb9\xca\xad\xc7\x19\xdd\xfb&gt;\x84\xce6\xd1\xd92\x19o\x13\xc1\xcd\xa9O\x02\x08\x1c\xb1=|\xc6\x04\x10\xb4\x9c\xf0\xe5r\'\xd8`DF6\x0f\x16M\xe1:\xd1\x0c\x91\xb4lo\xa9\xdf\xc1yA\xa5\'66!\x15\xa8\xaa\x12\xbf\xd5\xf2^%\x83\xef\xa7\x13\x98A\xdc\xc8x7\xe4\xb8\x8bA\xdd\x17\x94,\x14\xcdH\x18\x16\xc9X\x1b\x86\x99\x83\xfc\xddh\xa7\xa4~\xb1\xba2\xca\x81b\xa3\xce\xc9L\xe1\xb0\xe8\xcdf2;Z&lt;\xd0!2{\xaa\xea\xb7\xa4R\xed\xc3\xf5&amp;\x81`,\xafMW\x1b\x15N#\xb2[\xf7s\x8f\x8c\x11\x14\xa5\xda0\x15\x97\xa8\x8a\xe1\x0b\xbc\xc0\n\x0b\x95D\x92\x08]\xcfa\xe4oLj\xc6\x14mvs\xa7\xc6\x10\x9am\xc5L\xcb\xe3b\x0e\t\x96&amp;G\xf5\xf9\xd2\xe2\x8f[\xac\xa0(W\xcc\xeah\xb5q\xf0x?\xdf\xbe\x98\xc0\x9e\xe1*&amp;\xb6\xb3\xb6g\x07\x0b\xa7\xe9\xba\xc0\n{eK\x8e\xc4\x92G\x02\x92\x02R/"\x92\xd4\xb0}T\x9e\rDR\xe5\xc6\x91\x9f\xe6"\x93\xc2:A.\x18\x84[\xe5\xb6T\xfc\xa3};\\\xaf\xbeh\x1f\x91b\xa3R\xe3u)\x04\xcb4x\x85J\x11]u\x8drk*\x15GB\xfa\xa2"\x97\xc7&amp;\xef\x1a@M%\x8a\xac\x18\xce0*\x05-\x18\x94\xba\n\xaf\x01\xb4\xd4\\\xaf\xf8\xa5V0\x96\xa6\xcd\x97d\xc9Q\xf9\xba\x92\xea8\xca=\xab\xb6\xd1Z-I\x95IJixZkG^\xf9O\x0fV\xac\x820\x0c\x05+\x11\xb4\xa9\xd1\x06\x1aE\xba\x15\xa7\xd2?\xd0\x7f\x10\x7f\xc2\xff\x11\xdc\x9d\xed\xac\xb8\xea\xe6Rp\xf3#\x9c\xfc\x03\xef.\xc5\xa1\x90%\xe4zy\xef\xde]\xb0\x05\xf9\xca\x8d\xd5\xb73\x05\xc8\xb13|\xa5\x18fI!q\x10E\x13\xf9Q\xd0\xb1\x10\xac\td,\'\x16\r\xa0\xf5\xbf\xb8r\xf6\xe8\n\xc06\xc8\xb5\xfd\x01Nl\x99?\x18\xcfo\xe4C\x87\xe4\xb4\xad\n\x99\\4\xcc\xae}]\xac\x852\x85@\xd5\xf3\x1e\xa5\xd0[z\t\xafc"uP\x93\xa4\x10\x12\xee\xa3k\x97\xa4\xeb\xe8R\xec\x0c\x84\x88d\xb1\xd8J-\xa6S\xaa\xedj\xfb\xb8?;\x86%\x87\xf2\xf7\xa4\x8b\xb0|\xe6\x84\x08\xb7i\xec\xed\xfb&gt;\xd0\xbdTb\x0b^\xa0\xbd\xeem|\xe08\xb2\xedj\x86QR\x1c\xfb\x83 \rFQ\xe6\xd3\xa4\xbf\xae\xfe\xda\x00\x08M\xb8.e\x075\x93r1\x18\'\x81\xc8\x9a\xc7\xc9\x0e\xc2`\xe1\xbe\xe7n_\xa7\x8a\xbb\x90C\x13\xa1\xe1\x87S{\xb9!\xce\x9d*N\x8bJ\xca\x0e\x85\x7f\x7f6v\x19\x1a+LD\x15\x02\xdb\x97\xa5ImaU4\r*&gt;\xd4??3a\xeaL"\x9a\x02\x00\x00\x00\x00IEND\xaeB`\x82'</t>
        </is>
      </c>
      <c r="M536" s="3" t="n">
        <v>45492.67700231481</v>
      </c>
    </row>
    <row r="537">
      <c r="A537" t="n">
        <v>1465498</v>
      </c>
      <c r="B537" t="n">
        <v>49202</v>
      </c>
      <c r="C537" t="inlineStr">
        <is>
          <t>Gabriel</t>
        </is>
      </c>
      <c r="D537" t="inlineStr">
        <is>
          <t>Gabriel</t>
        </is>
      </c>
      <c r="E537" t="inlineStr">
        <is>
          <t>ZAG</t>
        </is>
      </c>
      <c r="F537" t="inlineStr">
        <is>
          <t>ZAG</t>
        </is>
      </c>
      <c r="G537" t="inlineStr">
        <is>
          <t>ZAG</t>
        </is>
      </c>
      <c r="H537" t="n">
        <v>185</v>
      </c>
      <c r="I537" t="n">
        <v>44</v>
      </c>
      <c r="J537" s="2" t="n">
        <v>37911</v>
      </c>
      <c r="K537" t="inlineStr">
        <is>
          <t>Right</t>
        </is>
      </c>
      <c r="L5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d6ff284c-12c6-43b6-9649-bbbfc07213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0\x81\x89\xc8\x00\x00\x00&gt;tEXtComment\x00xr:d:DAEewil2SDw:3528,j:2708207235806215489,t:24020717K\xec\xe5:\x00\x00\x00\tpHYs\x00\x00\x0e\xc4\x00\x00\x0e\xc4\x01\x95+\x0e\x1b\x00\x00\x03\x00PLTE\xff\xff\xff/\' J=0M@4\xfe\xe8H\xfb\xde\'&lt;1)\xff\xff\xfe3+#8.&amp;\xc2\x97\x81\xfe\xe8CA6,\xfe\xe47\xfb\xdf3\xfe\xe6=A2&amp;\xfc\xe0-\x17oK\x1csNPC6G9-\xc5\xa2\x82\xbb\x96\x80\xf9\xdd,E6)L9+=."\xba\x90v\xc6\x9b\x87\xfe\xe4B\xc1\x98\x86)#\x1c\xc7\x97\x80\xd7\xac\x9a\xfe\xe31\xfe\xe9O\xf7\xd9\'\xda\xa7\x96\xd0\xa3\x93C:0\xca\xa2\x8f7*\x1f\xd8\xb3\x8a\xda\xb5\x8e\xc1\x94{Q&gt;0\xfd\xfc\xfb\xa1\x80h\xd2\xa2\x8b\xcb\xa5{\xfb\xdf9\x97lU\xb6\x94i\xcc\x9d\x8bRF;\xa2zb\xf4\xd82\xcc\xa9\x97zW@\xd4\xae\x86\xd2\xa8\x9a\xd5\xaa\x95\\OBy_I\xd6\xa7\x8fkP9rYCjT@\x8cjO\xcf\xaa\x80\xac\x87pdI4\xb4\x91d\xb3\x94{\xb5\x8bp\x1d\x82X\x8cnWWA/\x9fvZ\x1d{S&lt;5.cM;\xdd\xaf\xa1\xa9~k\xbe\x8f~\xfd\xebX\xbb\x98l]G2tQ&lt;XJ&gt;\xc0\x9fz#\x88\\\x80iX\xb0\x8ew\x80]E\xd9\xb1\x9dH?7XF6\x99ycbSE\x86cG\x80fN3&amp;\x17\x16jF\xc6\xa3v\xf7\xdd6\xd4\xb1\x8d\x95t]\xb8\x99\x87\xcb\x97\x86\xcc\x9f\x85iWJ\xf4\xf2\xf1\xfa\xf9\xf6\xab\x80b\xda\xb8\xa8\xa1n_\xf3\xd4#\xb3\x84k\xd1\x9b\x8a\xab\x85h]J;\xee\xce%o`O\x14];\xc3\x9f\x8d\xd8\xa0\x90\xb8\x87zT8&amp;\xb2\x7fv\xbb\x9as\xc3\x9ep(\x94f\xf8\xe7I\x96tT\xcd\x98\x80\x88VD\xc9\xb55\x17dB\xaewZ\xe7\xd3?\xa0\x86s\xd0\xb1\xa0\x85\x7f|\xf9\xe2?\xactk"\x8e`\x8abOH1"\xa8\x8ct\xbb\xab;\x89sa\xed\xdfM\xea\xd75\xce\x92z\xce\xa9\x8e\xf4\xda&lt;wsn+\x9bm\xc6\xa5\x96_@,\xaf\x8c_\xa9\x9cI\xe0\xcf8\x96\x7fj\xb8~c\xd9\x98\x84 \x1b\x17\x93aR\x99\x91L\xd0\xce\xca\xdc\xc32\x9a\x93\x8f\xaa\xa5\xa2oga^WR\x87}C\xea\xe9\xe8\xdd\xd2P\x11X5\xc7\xb5\xa2\xbf\x89l\xc8\x94\x90\xf2\xe8Y\xda\xc8B\xb7\xb2\xafUQM\xea\xc5\x17\x9a\x8d9\xfd\xf7\xca\x9d_EnH7\xf0\xe2A\xc8\xb9J\xbc\xaeO\xc2\xc1\xbe\xa9\x92\x82\xfd\xfa\xe3\xa7\x81W\xae\x9e4\x91\x845\xb3\x95n\xd6\xcb]NKB6~T\xc8\x8dtvr:\xe8\xd5\xcb4jE\x88\x9f&lt;\xe1\xc3\xba\xf1\xe7\xe3\xb9\xc3:w\x80`*rO\xd8\xd9\xd7KtL\xfd\xecm\xe2\xde\xdd\x8d\x90p\xbf\xb5^\x9b\xb0Ch\x98M\xb6\xd2E\xe7\xdec\xfa\xec\x85\xfc\xf4\xae\xcd\xc5B\xc2\x89\x85\xa1\x9e|\xbbqT\xb6\xa4\x91\xd0\xdbD\xa7\x9f^\x86C,\x9fN/\xcd\xc5\x86\xdc\xd3s\xca\xc5l\xb5\xb1k\x84u/\xd0\xbf\xb1\xfc\xf0\x98L\x89Mpc0^|a"lK&lt;\x8aaV\x9e{\xc4\xbbs\xcb}f\xbb\xba\x87\x98\xb5e\x8e\xc0\xacAA?A|\x7f\xa1\x00\x00 \x00IDATx\xda\xc4\x98OO\xdbj\x16\xc6\xaf_KN\x1cy\xe1\xc5\xebF\xce\x1f\x91tS\x13\t\'H\x15FbnLI\x10\x88\xa8A\x8e.\x12uE\xa8M\xe0n(I`\xd1&amp;\x8a\x98\xb9\x9a\x05]]\xb1\xe8\xad\xba@\xd9U\x1a\t\x05"\x16\xb3H\xb7\xccf\x84\xee\x1a\x89/3\xcfyS\xcd\x17\xb8\xa6=\xc1\x0e\x81 \xffx\xce9\xcf9\xceO?\xfd\xc5\x88\xc5\xe8(&gt;&lt;\xdc_\xde\xdeNn/\x1f\xbax\x19\x13?\xfea\x01\x80b\xf7\xe6\xe1v4t\x1d\x87\x07r\xc0\x1d\xf7z4\xba\xbd\xbf\xe9\x16c\xb1\x1f\x83&amp;\x98\x1e&amp;\xa3\xebq\xa0\xa8qE\xd1\xac\xc0\xb2,M\xd3\x02\xa75\x1cM.o\x8a?\x80+\x16;\xee\xdeO\xce\xaf[\xb2\x02"\xcfS4MQU\x9c\x81f9\x8e\xefv\xaeG\x97\xdd\xef\x0c\x06\xa8\xfb\xaba\xcbu9\xe4\t\x00\x14\xc7CU\x14OP!\x97\xbe\xef8Ngt\xff=\x15\x8b\xc5\xba\x97\xa3\xb1\xdfq9\xae\xce,%N!\x89s\\\xf1\x08L\xb38g\xb2\xef\x0e&amp;\xc7\xdf\r\x0bJ\x9d\x8f\x9dq\xab\x05\xb5\xac\xb8$)\x10\x0bj\xe1@\x00+\x084]78\x97e\xc7\xed\x8c\x1e\xbe\x8f`\x90j2\xc6\xb5Q&gt;\xad\x00\xa5\xee\xa1\xb6\x80\x13\x17d\xaaFEOu\xafh\xdc!\xb0\xfe\xce\xed\xf1\xf7\xe0*&gt;\x9c\x07 \xb1d\x0e=H\x19T;\xc9\x854J\x94H\x95Z@\xc3\x1b\x0c\x993S\x97\xc3\xc1\x15\x04{l\xaa\xe3\xdb\xb1\n\x00\xcdbLv|\x87;(xM\x95\xa4\x1cB\x12iT!\x9e%3.3\xc7\xe7z\xc1\x90\xfd\xe1c\x0b\x16+N,\x89\xca\x89\x11\x95\xeb:\xdc\xf8\x96BI\x88\x05\xa94\x86\xd4\x19\xba\xec@L\x873%\xa7z\xdax\xf2\xc8\\\x0f_)Q\n3d\xd9 5dMG\xd2\n\xc4%\xe5\xa4i\x06\r\xc3\xe0\x0ec\x94d\xc34\xd4\x9c\xe4y\xd7W7\xb1\xc7\x14k\xa4\xe6TM\x06\x157L\xe6\xb7\\\xa4\xca$\xb9\x04\x17\xe4B\x07h\xba\x89\xc4\xb9\xbe\x99\x96}\x99\xa1\xee$\xc9\x1b\x9fO\xba\x8f\xc7U\xbc\xff\x9aS\x03PA\n\x99\xbb\x9dA\xab\xefrCW\x0bd\xa5\xd3n\x04\x96\xc5\x19w[\xae\xaf\x15\xf06\x06\x8f\x8d\xc7\xc1u\xf5h\\\xb1\xee\xb9$Y\xc0b\xb2\xa1\xe1\xd2\x83\x9dN\xdfN\x19\xa6\x9e\xc6\xb5=\xcb\xa3bWi6\x06\xe01h\x1a1\xc7\xb1,\x0fqw7~&lt;\xae+5\x07\x13g\x8c\xcc\x89\xb1\xb0\xd3\xe9 \x8d\x0c\\\n\xcd\x1d1\x1c\xe34\x17\x03\x14\x1eC\x17\xa8q\xe6\xe0\xad\x1e\xbeU\x82\xf1\xed\xe3\xf8\x84H\xe1t\xb4XLv\xc3\xb0\xdfB\x16\x91D\xbdP\x10\x86E{\x84(z4\xa9#\xcb\x8a\x1a0K6HB\t\xfd\x18\\\xdf?\x06\x17R\x18\xa7M\x81\xa8\x0c\xd9m\xb5 \x96k0\xd9\xd2D\xbd\xc3\xb3hZ[2\xda\xd3\x80g9\x8e\xacj\xe8FCUE7(Vp\xfe\x08\xed\x08\xcb\x12-\x87\x92\x11\x13\xcf\xf1\x91B.\x0c^\x9a\x8ei\xe1[\x16\xc7B\x88\x9eH\x9b\xe8SYFG`\x92\xc3isq/pG7\xd1\xebu3\xc6\xff\x8d\xc2\xd1\x0bi\x9d\xa1\xec\xb9\x0b;5\xd482\xa8\xaa\x05\xcac!^P\x95\x80\xb0\x88\x0c.\xe1\xf3\xd07a\x10\xb0\xb4\\.\x1e\xf0G(\xfb\xd8\x95\x07*\x88\xa5\xa6u\x13\xc1\x1c\xd7\xa7~\x13\x93\x1a&lt;@\x13I\xc4\x98\xd6\xe1\xb1\x05\x05\xe8\x9c\x9b\xba\xae\xd2\x04\x80`9O\x96\x07\x93b\xd4b]\xabT\xd5\x9a\x02\xb1\xc80\xc9&amp;\xe0\x13\xe9t\x81\x90H.\xfa\x06j\xd2o\xc8\xe1\xe1\xb9,\xf4ms:\xc6\xa1V&lt;\xb0\xee\x86\x97\x91r\xc5\x8e\xaf\xd0\xe6\xa4F!\x9d\xd6\r"\x92\xb1\x02\xea\xe9\x82\x98\xcd\xc8\xd3T2\x94&lt;\xb0\x0c\x03s)\xb4M\x83\x85nh\x08\x9f%,\x98\xcb0b\xb7\xbf\xb9\xa6~"\xb1\x944\xb4\xe2\xbc\xdf\xeaT\xe54\xf9\x81H\x92\xa8/h\x05\x19M\xbd )\xb2\x1c\xfa\xbel\x1a!g:\xb5(5\x04\x1cw|u\x1c\xa9Z\x97wH\x04\xb2\x98N\x93Z\xdc\xe9\xec\xec,WC\x83\xb8\xc4n*V\x9a\xb4Ns\x1au\x87E\x0b\x99\xf4]9]08\x8b\x8b\xbdGR=\xd5\xb3\x86\x91\xaau|\x85&lt; Q\xaaNa\xe0\xb2v?\xb41\x84\xd2\x82J\x857\x88\xeaJ\x9bTrvHZ6l;\xe4:~\xa2I\xb9\x7f!\x00\xef}\x1d\xdeDY\\4\r\x91\xc38&lt;\x0b\x17\xc2\xb8A\xa0\x1d\r\x83\xfa\x0f\x82I\xc8-Q\x91wpn\xdb\xa9\xd4o\xdb\xd5N?\x952\xd3iUS\x89\x8a\xf6\x1e\xcf\x19Fj\xa9\x0fcI\xb8&amp;\xbc\x14Wf\xb6\xdfj\x85\xb6\x01\xdf\xa2i\xa3)q\xd4\x92\x89\xe4\xc2\xac\x1c\x9e2\xed\xd0N\xfd\x81s\x182\x03X\xf8SP\xc5\xf1\xe5i\x91b\xc5.]RK\xf24J\x8aa\xa4\x18\x16=$\x13\xbd\xc6\x98\x01R\xc7(HRA7i\x95\x81T\x90\xcb\xc4#U\xef\xd7\xed\x94\x8e\xff\'\x07\xb1\x08+8\x8f\xb4\xb6.}\xb1\x13k\xda\xd4KM\xca"\xca9\xec\xbb\xb4p\x99\xa0\xfauZW\x18\xdc\xa9\x10eW\xaf\x87\xf5z}\xbb\xb1\xben\x9b\xa8J`\xa1\xbe\xb0wEy\xe3\x88y\xa8\xc1\x12\xb1\x95+\xe4\xa52\xf9\x15\xb9j\xcan\xb9)\x93$\xb3m\xa1\x91\x8d6\xd4\xed\xedFc\xbdZ\xad\xac\xacT\xd7q4R\x9a\x18\xd6\x02\xeb\xee6B\x83(v\xcf\x85\x0f(\xb0\x80\xb4\x9eJ\xfdA\x91\xaaoo\xaf7\xb6\xebu\xd0\xf4\x1bu\xf1l\x93J\x8d\xea\xd2\xd2\xd2\xee\xfe\xc7\x8f\xfb\x88\xdd\xa5\xe5\x95&gt;\x9b\x1aj.\xae\xdcEz\x9b}3\xb4\xc4\x07\r\xaa\x82\xfaI\xd9\x00\xda^Y\xa2x\xb5\xf4\xea\xd5+\xe8\xb2\xbe]\xff\xad\x1e\xda\xfdj\xa5rp\xf0q\xf5\xf9\xe6\xf3\xb3\xcd\x93\x93\xc5\xcd\xc5\xcd\xd5\xd5\xdd\xca\x80{\xb4h@\xad R;\xed\x8e8}\x00\x82\xf9\x92f\xa9p\xe5\x15\xd4X\xdd\x17b\xec\xee\xd2iie\x1d\xd1XY&amp;\xa4C\x10\xf5z\xef\xde\xd52s\x99Zos\xef\xf0\xe0\xa0\x02.5\x0e\xb5\xac\xabb\xa4\x13\xd1\x975\x8fJ\xc4\xb4\xb7+\xbb\x07\xfb\xab\xdf\xe2\xecluu\x7fw\xca\xb7\xbb\x0f\xa4\xc5E \x11Pf.\xdfn\xe7\xf3\x00[&lt;[\xae4\x02\x8b\xfe^\xd1F\x11vb,6q\x19\xad\xe4\xbf\xaaFX]~yvxxx\xf6\xfc\xec\xeclssqq\xf3\xff\x81\x9c\xf5j\xefj\xb5\xda\x1c"\xff\xa1\xdd\x9e\x07\xd8\\\xadt\xb6T\xa9b\xad\xd0&lt;E\xb5\xae\x8e#\xf5\xad\x0e\xb3pc\x15\xd7x\xbf\xb2zX*\x95\x04\xce\xe2bo\xadwrrB\x07E\xafV\x83J\x02\nT\xf3\xf3\xf3/\xe6\xc1\xd5\xdb\xdc]^\x0e\rn\xe1&gt;\x04I\x8c\x12\xebf(\xeeD\x15\xd6\xaf.\x1f\x96~\x07\x16\x91\x9d\xf4\xd6j\xb5\x1e\xf4\x11O\xa4Sf.\xf1:\xf1:\x9fo\x13\xd5\x8b\x8b\xf9\xbf\xb5\xdbs\xbd\xc5Ud\x11\xfe\x1fxV\x10-V\xf7\\f\x96\x96\xd6\xe4F\xf5`\xaf\xb4\xd6+\xf5z\xbd_z\xbf\xd4\x9a\x19b\x81F\xff\xcd \xfe\r\xaaD"\x0f*\x82B\\\\\xcc\xb7\x9f4\xa7X\xd8\xa4\xad\xe0\xeb$J\x93/\x1e\x0f\xe5\xc00\xb1M5*/K\x9f\xd6&gt;\xad!zkk\x99\x8dL\x13\xc7\x06R\x97\xf9\'%\x0fLs\xf9\xecQ\x9b\xa0\xcae\xe2\xbax\x92\\{\xbe[i\xd82\xc6\xa5\xf3\xf56\xca\x05"\xd6\x1d:\xb4t2\xb9\xb5\xfc\xe5S\xb3)\xb0\x9aM %\x93\xc9\x8c\x88\xb9\xb9\xd7\x94\xbf\x04\xd5Uv\xf6Y\xf9\xe9\xd32\x02X\xedD\xed\x10X!n\x96\xee\xee\xae\x1f\xa2T+V&lt;\x979-\xe9Nu\xe7Ksc\xca\xd5$&amp;Pm\xa1\xfb2\x99$\xf2\xf7:\x01\xaa?\xf3\x1f\x16\x88\xeaM\x99\xe4*\xbf\x98\x7f\x92\xd9[\xadT\x1ba\xe8\xbb\xee(\xdaU\x9e\xb0p\xd7\xc0\xfb\x83\xcf\xbfo$3\xcd\xb5\xb5ZscCpeP^\xff\xd8\xda\x02\xd5L\x82\xb0\xe6&gt;\x1c-@-\x11\x94\xc9\x8b\xd9D\xefe\xa5Qm\xf4}\xdf\x9d\xc4\xa2\xad\xads\x86\xdbw\xe6\xb7\x06\x9f\x9bo\x93I\x94\xd47\xad\x12\xc9\xad\xad-\x94\xfa\x1c\xa9EX\xf9\xfc\xd1\xfb\xf7\x0b\xef\xcb\xe5\xa7\x02\xeb\x02\xe5\xf5\xa4yVYi\xb4\xfaX7.\xa3\xfd\xf8\xad8\n\x80\xc5\xfd\xce\xf2^sff\x06`@\xdaJB!\xc4V&amp;\xb3\x95\x10\x05\x9f\x10\x8dx\xb4\xf0\xec\x19\x92\xf8\xb4L\xcd\xf8\xa2|\xd1N\x96\x0e*\xd5*\xb6\xa0\xc1}\xb4X\xb1\xab\x80\xd3\x87\xa5\x9d\x9d\xd2\xc6\xe9\xe9ir\x1a[\xc9\x99\x99\xec\xe9\xcc\x0c\xd5\xb9 \x82V\xf9?\t\xeb\xef\xe57\x88\xa7\xa2\x1f\xcb\x17\xc9\xd2\xcb\x03xD\xc3\x8d\xb6\xe2\xe93$\x8b\xcb\xdc\xf1\x07\x9f?\xcd\x9c\xcef\xa1\x17\x14\x9bI\xa2\x9cf\xb2\xe0\xc9\x8a\xaf&lt;Y\x16\x89\x85\x92\xa7\x9a\x7f#\xba\x11\xaez\xfa\xe9\xf3\xce\xc1\xa0Zm\x9dw#\xbe\xd5\x9f\xd0\x9d\xb2\xef\xee|\xf9\xcfiv\x01X\t"\xc3S"\x9b\x9d\xc1\x83N"\x81\xed\xa3\xa3\xf7\xc8!\xb5"\x05*la\xbe&lt;\xbbQ\xda\x01W\xa7\x13\xed\xca\x8cY}Kb\xf5\x07{\xcd\xb7\xb3\xb3\xb3\xd9,\xe9\x95|\xfb\x16`\xc4\x84\x97\xa2\r\x13\xf9\xa3\xec\xc2{\x81\xf5\xf3S&lt;~.#\x874\x84\x9e4\xf7v\x06\x83\x8e;\xbc\xf9\x1f\xad\xe6\xf3\x9a\xc8\x96\xc5\xf1G\xb2\xc8 \xbdx\x8b\xee\x91\x97\xa78\xba\xb0\xa6\x064\x16\x14\xb6\x94\x94\xf1\'\x11E\xe5\xa9\x05m@\x8d)\xe3\xca_\x1dK4"\xa5\xe9^\xc4\x80X\xcd`DP\x86\xca\xc2\xca\x0b\xcd\x9b&lt;\x1a\xba\xde\xa2\x17f\xf1\xa47\x8d\x04\xccb\xa0\xff\x804$\xab\xde\xf6b\xe6\\m\xe6/\xa8\x9c$ER\t\xd4\'\xe7\x9c{\xef\xf7[\xf7*\xbcu\xf1\x9f]h\xad\xecpP\x10)\x8c\xa2h\x91\xe7\x0b\xcb@`\xcbl\x01\x12d\xce\n}Ec4\x8d\x98P80\x949\x07\xaf\xb2,\xb1\x94\x945h?\xec\xf0\xdd\xd5\xda\xfanvR\x10E\x8a\xa6(\xb1\xf0\xff\xd0\xad\x022\xa5\x83\\Q8\x0eX\x18\x05D\x14\n\x1a~p`\x06\x1a\x0f$\xcb\xe5lVQ\xc9\xbcu\xbb\xe0\xbe^\x81\x04(\x0fD@\xa2(]\xa0\xb7\x8a\xd9,\x00\xb3\x18\xc3\xa0\x89\x02\xdaL\x07X\x90*Q\x14\x05\n.(\xa1&lt;\x85\xfal\xcf\xc1\x87\xb2\x08KA\xfd\xb0qK\x18]\x1a\xef\xda\xda\xd3\xe4\x17x\x1c%\xa6\xd8P\xae\\\xf6z\x9a\xcdf\x92\x1d\xa0y\x95AcR\xa5+jq\\D@\xe2\x97\x19Do2\x99\xf4x\x8a6\x08{\x828\xdc\xde\xde.\xff\xb9\xa5\xdcV\xf1\xd6\xcd\xf4n.\x1f\x98\xd7\xf6\'\x94 \x88\x05K\xce\x1d\x8d6\xc0\xa0"\xb7\xf8\xac\xe1\x84ER\xa3V\xa1\xd5G\xa5\xe5\xd1\xa46\xeb\r\x93\xcdr3\t\x91\x1b\xf6\n\xa2@\xef\xed\xd1\xf9\xed\xdd\xdd\xec\x17nq\xabX\xc2&gt;\xdf=t\xe5\xc8\xfeZc&amp;\x08Ta\xe8t\x82\xbf\xf1x\xa2a\xf33d\xa87\xa3\xa1^j\x85e2\xe9\xd4)\x9b3\xba\xbf\xb9\xbe\xfedm\xbd\x91\xcd\x02\x1b;\xe0\x85=N\x08E\x1b\rO\xad^w\xdd(\xb5Z\xdf\xdc\xdduk\x15\xf7\x1a\xfc\xb3\x82\xd0\xcb\x85By\x96E\n\xd5\x92\xcfy\xcd`\x1b\xa3\xce\xfc@\r\xfdeb4\xf1\xfc\xd0\r&gt;\x12\x8cm\xa3\x9c\xccC\x11\x87I\xf8s\x11a5\xa2\xf6\xea\xe8\xe2\xdb\xb7\x962\xa3q\xe3\x90\xbb\xbb\x93\x825\xdfzY\xe4\x04\x9e\xcd\xb3\x96\x89\xa5\x87\x04W0\x15\xb4\x816x\x11\xf5\xe4,j\x8d\x1a}Z\xf2!\xaf\x17\xact.o\t2j\xa8i!5\x88[\n\x02\'$\x1b\xde\xaa\xdc\xb9\x18\x8d.n\x95\xc1zY\xbf\x93\xa4\xda\x91\xadq\xf5^\xe0\xf8\x1e@\x81\x90\xdf9\x02\x1d\x0f\xea\xef\xc8\x16\x023\x16\x02\xb5\x83V\xa3\xc2\xa0\x07\x89&lt;\xb2Uj\xa0\xf0\x19U\t\xc7\x11X@\\b%\x83.\x17P]\xdc(\xd3]\xb7\xf3orM\xae\x1cy\x86\xef\x05J=\xb0\xb0,\x9b\x0f\x85|\xfd&gt;\x18z\xf0f\'`\x1a\xf3\x16\x18\x8f:\x1db\x00\xb3Q!\x0f\xec\xd7\xf64\xb9\xd3\xd6Y\x11\x18Ns\x80\x95M\x8d\x1c\xae\xd1E\xebbq\xa8\x10\xd6\\/\xcb\x95\x88}\xf8\xfe}\xe1\xc8\x96\'\xe1\xa9\t\xf7\xfe\xdf\x9f=\xf9\xf9\xc7\xb5\xcd\xb0;\x91&gt; \xd9\x01`\xf1\xa2\xa82ijd\xe2&lt;l^\xfbi\xed9\xc8\x8d\x9a\xa9T\xc2\xc7c\x94\xaddg~\x01\xa1\x18\xd6;\xfd\xa8(w\xef\xef\xaf{\xef\x05\xf5Q\xe4\xc4\x97N\xf8\xcd\xeb\xd9\xcc\x87_~\xfd\xf0\xe9\xc9\x8fg\xe7\x89\xb4\xcf6(\x80\xc4\xa1p=P\x9d^_g\xb3O\xff\x96\xf9t\x15\xf5\\^\x06\xffZ*\x8d\x1d\x1c\x17\n\xb9Z\x04\xa2R\xaa\x88/\xad#\xbd4\xbd\xbfw\x0f\x04*P9\xf1\x1d\xd8\xfdasy\xf8\xe1\xbf\xbf\xfc%\x93\xd9\xdd\xdc\xf4\xdb\x0f|\xb6\x14\xe8\x1d\x0c\xd7\x82\x89\x8e\\\xa6s\xcd\xdf3\xbf^]\xfd6\xf3\xfa\xfb\xd5 \xb8~\xc0\x1a\x86\xe6.W\xcb\xd8\xbah}Vh$\nES\xf7\xe1\xfe\xde3\x83\xd6\n\x1eEH\x9f/\x94,7\x9b`G\x9f\xac\xef\x9b\x8f\xcf\xa1\xb9lj\x1c\xd6?\\kz\xfd:bO\xdb\x9d\xbb\x9f2\x1f\xae\xfe=\x0b\xd9\xed\xe4\x91F\x8f\x03\xd6$\xf1p7\x02\xac\xbaQ\x99\x91\xb8u\xc8\x15eH\xd6\xa9\xb3 \x088\xac\xca)\x98\xb1&amp;\xec\x10I\x02\xaf\xfb\xda\xefw\xa7}d\\G!\xd5\xa0\xd5\xbc\xd6\x90i;\x98\xfb\xec\xf6\xd5\x1b\x18\x95;\xf1xM\xd6\x8e\r\x80e\x7f\x80\xc5\x02\x92\xc5\x1d*\x94\xad\xafEi\x85\x05\xeb4\x8f\xe3:u\x00\x9c\xcf\x8e\x85\xcd\xf7\xd3\x89\xc4\xf55\xb4V\xbe\x8d\xd3\x02\x1d\xa3\xad\x1a9\x98\xef\x9f\xf6I\x96\x9d\xf4\x06\xb3\x02\xcf[\xb5\xc5\xa2\x0b\xf437 \x1f\x1e\xa6\xdf.Z\xad\x1be\x16\x9f\x8d\xc3\xc5\xb2\xb5\xees_(\xd0-\x10:0\x8a\x08\xccF\xf6\xd3\xf6D\xc2\xde\xaf\xc6\x19+M\x1bc\x86\xbaV\x13d\xc9\xcb\xcbj|G\xa3\xe6W\xba\xa6\xb5\xd2\xf5\xa9\x9d\xe9\xc3\xc3\x1d\xf4\xfc\xadBX[7\x8c$\xfdsz\xed\xfcB\x8d\xf11\x0eR\n/\xa4\xa0:\xb6\x08\xd9?==\xed\x9f\xb0\xf1\xb6j\x85\xd5\xb2\xc2P\xb4\x91\xd5\xaa\xad\x16T\xf1H\x0e\xd2F\xa3\x03aq\xa9\xf8\n+\xa6\xd8\xeb\xc0[\x9d$\xa9xg\xb3\x80\xb4\xd6\x18\x1bc8\x9f\x8a\xdb\xaa\xe4%P]\xc2\x8c\x7f\x14d\xb4`v\x8cFc\x8b\xa8w\xf4\x0c \xef\xd4\xda\x8c\xce\xba\x92\xce\x06\xc0\xe2\xb8\x14\x14\x11a-\x14S\x10[_\xa5\xaeL\xe5\xbc3jL\xe1Vd\x99q\xe6U\x95\x84b\xa1j\xc1\xda\xa81\xe9\xb4u\xa02\xba\\\xf5N\x1d\x1cH\xfbU\xbb\xad\xd2\xad\xec"2@p\xe9]N\xa1\xe5\x15\xab\xe1R\x9d\xaa\xbb\x926W\x9eA\xae`j\xd2\xe2\x18\x86\xeb\x98W\xcbh\xbf\xdai\xb7M*m\xb1\x8e\xb2\xe5j\xd5\x8bu\xc2j\xd5jU\x0cS\xfc\xa3\xde2\xc4P ,6n \xe6\xa3\xd1BA\xd9\xbc\xf5\xb6\xad\xa2r\xd9\xc1w,k\xb1\xa8\x07/\xcd\xb4QR\x96\xef\x1f\xe0\xd6\x12\x0b\xc0\x88:\x81\x81\x15*\x16\xff\x00k\xd6ZR\xa1tQC\x0b\xe7\x02Us\xab\xe8[\xb7\xaf\x02\x9d\xdc\xed\x89c\xe0\xc2qk\x11\xcc\x04\xb2d\xedv\x9bi3&amp;\xbd\x96\x07\x1b\xf6\x1d\xcbE\x10\x98\x15&lt;,\x04\xba\x87re0\x02V(\xcf\x8d\xbe\xd5o\x14\xddC\xdf\xb8\xe5\x0c\xc9\xa7\x13\xc0\x02\x9b\x8ca`\x9bi\x9c\xd71H\xc4\x83\xfc\xd3Z!\x08\xc0\x82\xe7;\\.\xf8]Q\x0f\xeb(\x94\xb3e4\xc4\xd0\xcb\x08#`%\x05\x83\xf1F\xe1\x9d\xfdC\xce\xd8\xccL\xf81r\xef4\rr\x05\xc3\x91\xe5\x87J2\xe0\x0e\xb5V\xdc\x8a\x12\xb3\x17\xdb3:\\\xa8\xc3\xf4\xc5\x0e\xaa!\xb6\xec,d\xfc\xf9d\x92\x8e\xdd(}RpcQ\xf4f\x860A"\x7f\x85\xa1\xecXu\xd0\xd5m\xb4)\xa0/A\xf6`~\x88q\\,\xb6\xaac\xbd\x03Q\'\x8c\xc6\xef\xad\xe5p\x14\x9c\x80u\xab\xf8q\x83\x97b\x03\xb0xH\x0b X\x8b\x80\xc4\x04a\xee\xaaVk&amp;pa06\x01\x81C\x08\xa8\xc1\x88NG\x0fX\xad\xd5=\xb8\xeb\xa0\x02\xe5\xa4!\xa6\xfc\xe1\x9f\xadwo2\xc3\x02\xaf\xd5\xea\xf5\xd0Kz\xc8\x13\x9aO\xa7d\x85\xd1\xe2\xb0&amp;aK.\xe8\xa3\xd8\xde\x9e\x8b\xe8\x8c\xe6\xa3\xce\xa8SG\t\\\xb2:\xe8A6i\\(}\x08\x02\xe5\xeb\xcf\xe7I\x84\xa5\x02\x01\xcf02,1\x97\xb0\xf2\x90\x15\x15 Ae\xad\xab\x91\xb8\x07\xe91\x12#Y\x96\xe7\xf3Q\xdd\xc0-\x16\xdc\xf2\xc5\r\xd5k$\xb9G8\xb4\xbb\xb1\xf1\xf6y\xb3\xc0\xab\x99`\xad\x06\x86\xa3\xd6\xadNO\xefOI\xd2\xa6\xb3\xae\x02\xcd\x06.\xc4\x153t:\xb2$I\xf2\xbc\x18CT\x0e\xf4R\t\x9bl?\xca\xf9\xad\x8d\xad\xb7\x19\xc8\x96\xba&amp;\xd5\xba\xdd.\xfa\x9aB\xae"\'$\xa3_n\xf0\xc0$E\x00\x16\xfa0\x02V\x17\xcc\x92&lt;\xc28\x0eJ\x8a\xc1\xe0\xe5\x87\xd9\xb7\x8frj\x11\x151\x00X\x15 \xea\xc2%\x82\xa8"\x91j\xa4RA\xc3q4\xea\x10\x0bG\xbdC\x10\xae\xd2\xbc\xa3\x97\xba]I\x9a\x17\x1d\x18A\x14\xad0v\x0b\xc9\xf2cam7\x07\xea\x14\xdazB`\xd3\x84\xff\x80\xcc\xe7\xf3,\x88\x9b\x03\xd2V\x91eS\t\xab\x8f\x80\xae\x83v\xecT\xd24"\xc9\x1d\xa0*\x95\x08\x108\x01g\xf9\xf3\xe3`\xbd\xfd\xbd\xdc\x0b\x04\x10\xd6G\xa0:7{\xd2\xe9\\:\x14\xca%\xfc\xe7\xee\x83HW\x92\xf5\xa0\xb5 \x91\x1a\x95N_\xc2\xf5\x95iW\xd6\xa3]2\x82\x18cb\xa0\xf9HX?\xbc\xbc\xda\x9d\x04R\x88\xeac\xe4\xf4\xf8\xe7}d\xea\xddNg4|\xf6S\xd8}p\xf2\xb1R\xabD\xfa\xe9&gt;\x0b\x8aB\xa3\xd6\xa94\xe4iw\x0e5\x052\x1c\xa7z\xe5\xab\xcf?&lt;J\x1c\xfek\x97\x1d\x0c,6\xc0"\xcf\xffq\x16\x0e\x87\xfd/\xfc^\xff\x8b\xf0\xd9\xd9\xa6\xf9\x853\xef\xb3C\xde\xfc\x9e\x90\x8f\xb5\xe5m\xf1\xb8\x85M\xa4%\xb4\xab8\x1e\x13&lt;?\xc9^\xbd{$\xac7\xbbI\x8b\x85\xb5@\xbe\xa6\xc7g\xe6\xe3c\x84\x05Ta\xb4\xcdov\xe7\xec\xe7\xc7\xc7\xe7\xd7\x1e\xbb=\xe4\xb3\xa3m}\xa7\xfb\xf8RF\xdb\x8a\xa5\x12\x1f\x18F\xdf&lt;\xce\xf9\xce\x8d\xad\xdf2M\x96\xcd\x03V\x8d\x04\x82\xb3c\x80\x822\xfa\xe1\xfb\xcd\xe3\xb0\xdb\x9e@X\xe0\x84\xfe\xc7\xcb\xf9\xc74}\xa7q|\xb0J\x8b\xb4\xb4J\x0b~[$\x10z9\xd3\xe2\x97Z~\\w\xed\xc5\xef\xf5\xdb\xd6\xf2\xe3\xdb\xb2\xa6\x96V\xaa\xc4\x96\x16z\xad"x\x8d\x81\xc9B\x81\xd2!q\'\xe5\x87\xb8\xb8q\xc5\xb1\xc8PoN\x88\xe7\x169\xeeT\x98LNq\x8bNtY\x06j\xcc\xfdq\xb7\xc8\xe5N\x92;s\xcf\xe7\xdb:\xcd%\xbb\x98\x9d\xf5\x81B\xe0\x0fx\xf1~\xde\x9f\x1fOy\x9e\xda\xaaQ\xe1\x81\xfe\xab\x1e\x98\xfa\xe0\xcfo\x1d=\x9a\xbe\xbe\xf4\xed\xc1\x9aS\x8dq\xc2:\xb5\xa1\x86\xa2BN\xf4l\x8d2\x12\x89X\xf5j\xf8\xe5\x08A\xa9TB\xa5\xd1\xd7e\x8bD\xa6l\xf0\xa5\xcfXX]mS\x03\xa6\x1f\xdcU\x9f\x911\xe0\xa4\xb6\x8f\xc5\xa9;\x9d9ve\x9b\x9b\x1a\xf4\xf9\x14M\x99\xc6)\xb5\x8d\xec\x97\x88\xd4\x80SX\x08\x95\x8e_\xa1\x08\xef\xdb\xe7\xef\x9aRR&gt;\xe7\x8eV\xa8\xd5\\6\xbd:P\x98\xf3\xd6\xa67K\xa1\xa4t\x1f\x8aW\x8f.\xf3\xf6\xa7\xaf\xd6\x10Z\x8ar*2\x9b@ "\x90}|\x9b\x1b\xb8F\x11W\xd8\x1c\x0e\xb7\xb6\x99\xcdat\x91n5\xf7ME\xa0\xae\xd5\x1b\xdf\xaa\xaf\xcf\xd8"\x93\xf9\xf6\x9f\x8cW+?\xf3\xe3\x8f\x04\xfc\x1a\x82pS\xa1\xa6-.\x82\xb4)\x03\xd9\xbc\xc1\x11ga\xd7(*\x81\xc2\xe10\x00\xb5\x85Q\xdd\xe1\xef\xcf\x16\xd9\x94\xe0\xb2\xbd99\xf5;|#\xb2\xc1=\xa7\xe2\xd50\x9f\xdfp\x88\xcd\xe6k4\xc0\xe5\x94A\x95\x0f{V\xa4_320\xe0\xdb\xf5\xb6\xf3\xd2\x80\xd9on\xdb\xbau\xd7\x83\x1d\x19\x19\xa5BI\xa0\x0b=\x15Q\x98\xb9~\xf5\x0e\'\xe5\xf3\x11/\xfa?v\xcfz\xfe\x93\x9d\xc9\x02\x87UM\x12\x94\x93\xd0\x9bH\xa2oT95E\r\\z\xf0\xe0\xc1\xc4\xc4\xc4\xae\x89\x89/\x1e&gt;\x1c\x9b\x98\x18i\x0et\x01\xe3\xa8\xd2\xad\xc8\\]\xea\xec\xa3(\xc2t2~\x835\xcc\x86\xf7\x92y\x02\xdc`P\x13Z\xd2\xa0\xd7\x10\x94\x1f\xdd\xb9\xfa\x9c\x97.\x01\xd6C\x88/\x1e\x02\xd4\xf6)\x1b\xa4s\xebV\xbf\xcd\xa5\xd82 s\x13Z\xb7f\xdb\xc5\xf8M\x890\x99\x177\x88D\x02\\\xe8P\x13\xa4\xd5`"\xd1\nt\xfaG\xc1[\nZ\xaf\x89\x89K~?\xd8\xac\xf5\xde=\xb8.\xfa\x95Z\xb3L\xe1\xd6\x90\x84\x06\xff]&lt;g\x1eP\xa7\xaeD\x84\xf10\x83\xc9d\x10\xe2\x9aB\x85Y!\x93\x85\x01\x0e\x0c\xef\xefB\xb6o\xbb\x07q\xf6,\x94h[\xb56\xadQ\x01\xf9\xd3\xec\xc7\xf9\'\x1b\xe3:\x8a\xf1\xc9NV\x02\xeai\xc6\xf9B\xa1\x83\x00,\xd8\x11d\xb0\x06\xfd\xe16z%"$x\x7f\xb3xSqY\xb5M\xebt\x12\x1akM3\xfb\xd3\xb1\xfc8\x8a\x05\x8b\xf1=Vv\x02+\tKLL\x14\xf2\t\na\xa1@Hmm\xe1{m\x80\x84\xa2\x18\x0eB\xb3M\xad\rQ\x1a\xdc\xb1\x99\xfd\xfa\xa1\xc68\x8f\xf9\x8c\xed&lt;\x9e\x8df\xb2P{7\xe9v65\x99\xb7\x98\xcdm\xf4n\xd5\n\xef\xf7\xce\xfe\xe2\xa7g\xd1\xfdy\xd3z\x9fM\x0f\xae\xe2\x0b\xf8\xfc\xe4+c\xf1\x9e\x8a\xca?\x99\x90\x8d\xfab1\x1c{\xb5\x99\x1clBM@\x8apT-:\x87\x88jw\xf1\xa6\xfa\x8dZ\xb5Uo\xc2\x05\x82\r\xec\x9d\'\x1b\xe2\x8d\xc5\xbc}\x05\x8de\xb1\xd8\x98@\xc0G\xcdI2\x99\xc2\x08\x15#\xed\xfa\x0f\x10\xd7\xee\xdd\xbb\xd7\x03\xd6&gt;\xb7\xc6\xd0l\xc2\x13\x81\xeaP\xdc\xa9\xc0]#\x12\xbam:\x89\x8d\xe1\x0er\xbb\xb3IaD\xcf\xbfu\xf5u\x8d\xfe\x01\x0e\xc6V\xf4\xa4\x04X+\xc7\xa86\x19\x0c\xb8\x10c\xb3?\xfa*\xfe\x13w\xcc\xc6\xdf\x1a\x8eC\x1aY\xa8\xf9\x157\x91n\x85\xd1X\xa8\x85\xeb\x82\r\xce@e_\xa1Q\xb1\xafuu}qq\xa6Ocr\xe0\x89\x18/9\xf1T\xfc\xe7\xed`\xa7\x9fh\x12\xd2\xeeB\xfd\xa7\x06\x13\xe1CX!8\x96#Pi\x90\xd5\x85{\xcb23\xd7\xd7\xe7\x94)\xc8f\x1c\x13\x88X\xc9\xdb\xaf\xbd\x04\xacW\x1a&amp;\xaaB\xb5\x80\x85z\xd01\xbc\x99\xa4\x8c\xa1\x90\x16\xc4RG"\x01+Y\xad\xdd\x9b\xb91\x13J\xa0R\x19\xc2bK\x12~\xb6\xeb\xdaKQ\xeb7U\xb3\xa4\x84\x95P\x9b \x12a\x06\xab\x9e\xa0B\x94\x0b\x15e\x11C\x00\n\xb3Bs\xd9\xc6\x9c\xf4\xcc\xd9&amp;\n\xec\x8e\x89$\t\x83y/G-\xc0\x1a\xb6\xa2\xc9\x1d\x96\x04\xc3q+\xe9\ni\x95p\xa3\x0f\x04P\xe7n5\xa5(\xdb\xb71c\x07\x9c\xd0B\x01j\xc6v\xac\xce{9j\xfd\xdc\xd3^\xa2\xe5\xa11\x06\t\xaf_\xe80\xb9\xddn%\xa9\x8eXQ\x833\\\xc5\x14M{ep\x1d\xa5\xf6`\xec\xa4$\xb6\xa6J\xfar\xd4\xfa\xf2\xa8\xa7\xb2hX\x8f\x86+j\xe1\xd4\x16\xc0\xf5\x8b$LP\x9a\xa9Mz=\\\xa9\x15\n\x85o\x90\xda\xeev\xb0\x93\x93^\xdf\x9c!EX\xf1\x9f\x15\xce\xff2\xdd\xd3QYb\xb4\xa2\xcd\x8b\x9eqp\x98L\xa8\x86\xd5\x9bLj\rd4\x04\x97}B\xb3g\xb3\x80\xc5J\xaa)\x05\xaa\xbc_\xdf\xbex;?\xdeI\xbc\x86\xb0\x8a\x86]&lt;\xd8\xea\xe9\xd9\x0b\xa1\xc3\x1amJ7X5\x9aj\x97\xd6M\x10\xb0e%&amp;\xb3\x92\xf9\x03*\x84\x95\xe7\xdd\xff\x8f\x8b\xf1=\xab\xf3\xc7\x1e\xe8\xe4\x08k\xc6%b\xb1\xb2k\x93%\x12L\xe8\x10\x1a\x1cB\x08\xabFO\x92\xa4[\xad\xd1\xe0h\x86$\xd1\'\x8fb\xe5yo\xcc?n\x88\xa3T\xf9_\xad\xc4\xb0\x86g\x94"4a#\xa9\xc5`[\xc5\rB!\x86A\x95\xad\x01\x8bY\xf5V\x0c\x13\x00U\x95.\x8a%\x95\xaa\xf6\xcc=n`\xc6\xeb\xa5\x18\x80j&gt;\x9d\xc6*\x01.Sm\xed\x86D\x89\x84\'\xe2\x89@*\x90\xc7\xa47X\x03\x06\xab\xc3\xe1\x80\xad!y\x7f\x95\\\x1a\x15K*\xf5\x86\xe6\x87\x1e\x7f\xdc\xd8\xf8\xc2\xbd\x8f\xfe\xd2\xfc\xb1\x95\xf9\x11\x95\x9c\xc6*\x19\x9e\t\xa9\x85"Im-\xf2\x17F\xcff8p\\\xd8o\x00\xe1`\x1f\xe5\xf1\xb7\xc8u\xd2(\xd7/\xa5*\xc0\n\xae&lt;\xfe\xd7\xe2\xe4\xf4\x0b\xed\x1d\x06\xac\xe9\xb1\xc7+\xc1[GuQ\xb5J\x90^Z\x9b\x10\xb9^\xc2\x93\x00^\xad\x08\xc7\xe0\x9a/\xe4c\x82DLH\xc8\xd2U1\xaa&lt;\x95W\xee\xbe\x19\x0c\x0e\r=\xba~da\xe9\x85\r~3_\xc9\x9f^\xfa\xeb\xbfW\x86z\x837\xbc:\x1d\xacD\x9a\x0b\xc0B\xcaH\xbf\xa86\x16 \x99\x08\x9d\x93\xe05\xab\xbb\xacJ\xa5\x92\xaa\xa4yR:\x87\xed\x1a{op(h\xbfuP,^z1\xa9\x04\xa5\x1a\x97\x16\xee~\x03?\xd5\xfe\xe8\xbeJ\'\xa7\xb1\xc0]Q0=J$\n\t\x06\x0f\t\xe4\xb3\xdfD\x0eW\xcau*\xe0\xa2\x9d\x05\\\xc3Wz{{\x83\xf6\xb4\xf9\x13\x0c\x86eq\x19R\xf9\x7f\xba\x1f\x1c\xd58\xb9h\xe9\xbc\xde;\xd4[Q\x11\xa4\xb1&lt;\xd1,\x16\xd1\x89\x04\x87\xc5\xd4\x02&lt;\x91\xa8?\xa0\xd76\xcd\xd2P\xbah\n!\x89\xd2\xd0\xcd^{\xb07\xad{\xfe}\x06\xa3\xa73E\xbc\xb0&lt;\xd9\xf8\xa3\xc9\x90\xcd\x1b\xa7\x97\x16-\\q\xcf\xf5\x8a!{\xc5Z\xfb\x8a\x0e%\xb1\x03\xa9UTTD/\xc8\x19\x97K\x19\x08\xd0\x93?p\\\x93\xa1\x92\xca\x0e\x9a\xea{k\xe5Iu\xb7\xec\xe5\xf6`E\xcb\xf8\xd5w\x19\xb1\x10/.\xfd(\xcd\xe8\xa5\x07L\x0b\x96\xac\\\x0e`\xad\x05\xb5\xea*V\xd2u\xb1,\x82\\\xb3\xb3\xb0\x7f\x01\x18z\xcc\x84\\\xae\x90qf\xa6\xa4\xa3C\xfe\x94*\x96\xc5\x919{yoy\xdd\xf8\xf8y.\xe3iX@\xb3\xe7\x07c\xc6"\x1f\x84Z\xb0X\xc4\x0c.\'\x97\xd1\xf3Y7\xfc\xb9\xddu\xf6\xfb\xd1$F\xb3H;l\x18LVT\x89\x14\xec\x80\xf0\xc8\x81J\xf7\x84\x8a\xb6|^:\x12\x0bQ\xcd\x1f\xe0\xa4&lt;\xc3\xc5\x10[\x16\x97\xa6\x9f\xef~A\'n\x12b\x19\x84BTY)\x9c5Y\x8c\x03\xf3i\x80\xd5\x92\xb6\x92\x0eX\x9e\xf6\x18\xd7,\xbd"K ot\xc8=\x88\tQ\xc1"\xf4zcr\xa9n\x00\x95}m\xcbx\xf7\xe5\xd7\xb8)(\x9eE[X~\x9e\\2\xf3\'\x97\x17,\x9dYYb\xcb\x93\x10g\xe5r\xc5o\xdc\xaa\x0b\xda\xebZ\xba\xedwt\x9e\xaa\x0eZ.xC\x9f@\xacJ\x84\x05\xb4r\xb9\xfc\t\x17\x84W\xea\xa5\x93x\xc7^\x0e)l\x19o\xb9u \x15\x11\xa5de\xc1\x07\xfac4\x99Q\xff\xffO\xa9\xa6\x97;\x0bRS\x0b\xe8G\x0f\xc3"\xee&lt;\xf2\xed\xb7\x16.\xc7Rp\xb9\xae"\x98\xd6\xddR\xf7\xe8~zU\xd5\x13\xb5\x8a\xa2\x1bX%py:\x9eb\xd1T\xaa\x18\xd5\xfd9$V\xddx\xcb\xcd\xebo\xa4r\xb9\x8c\x14F\n\x97\x83T\xe3\xc2\x17\x8cN:\x99\x0bK\xd3?\xfc\xe2E\xf0\xfd\xc9\x85\x82T@\xca]\xb3f\xd5\xaaU\xeb\n\xde9|\xfe\xc3\xd3\xa7O\xdf\xe5\x8a!\x8bk\x83(\x134W;\xcd\x05\xdejG\xfeB\xce\xf2\xd0\x11\xd5*\x86\x05r\x01W)P\x95\xdb\xd3\x80\xea\xef\'\xd6q\xb2\xe8$\xa6t\x1eA\xf1G`\x12\xd3X(\x97\x93?\x00\x86\x16\x9e\x85S\xc0\xc9\xcd-\xc8\xcd]\x93\x9a\x9a\xfa\xfe\xe1\xcb\xe7\x8f]\xb8p\xe1\xf2\xe6\xbb)\xe2w\xae\xae-\x1f\xaa\xe8\x1eo\x89q\xcd\xd2{D{%|.Bb\x01\x93\xc7\xf3\xbdX^\x08\x84\xe5\xbd?W\x1e\xa5\xfa\xe7\xdcg\xaf\xa5f!\xa2\xcf\xff\xf6\xf5w_C\x1cC\xf1\xa73G\x8e\xf4\xa0\x80\\.M\xc3\xad\x8c\xf9\xdf\xcb\x0f\x16^\n7\x97\x0e\x0e\x87\xd3s\xee\xf0\xb1\xc3\'~\xb2*\xb5\xe7\xdd\x83W?\xecdd\x1d\x98\x8b\xca\x05z\xddAX\x88\xa7\x08\xc9\x06\xd1\xfeT-\x9a\xcb\xfb$\x06h\xaa\xf2\xee\xf1\xee\xb9oN\xac+\xe0\xa4\x9c\xb9\xf0\x97\xef&gt;?s\xe6\xf7\xe0\xb0_\x1d&lt;w\xee?U\x9cOh\xdbx\x16\xc7}p.k$\xe3xIt\x19-\x8b-\x98\xc3\x1e\x96\x15{\x10\x0c\x0c\xccaXL\x0e\xee%SH\xa7PvX\\\x95R\x98\x83/nz\x99\x89\x0e\n\n\x11\x81\xaa6U\xe6`\xf5b\xdcm\x8d/6\xa9\x0b\xb6a\xb1\xe3\x04\x93\x80\x1d2\xd8N\xbc\x98@\x0c\x89c6\x7fJ\xc8\xd0\xfd\xbe\x9f\x92\xb4\xf3@\xb1Hb\xeb\xa3\xef{\xef\xfb\x9e\x0e\x89^\xb1\xaa\xd5\xca\xc00U\xd9G\x03\xe0\xfd\x8f\x9f)\xc6\xac\xfc\x7f\xbfz\x91m\x8e\xa3\x94k\xc9|\xa5\x92/\x9b))\xfe.\x1eWku\xcd\xebS\xb6\xa33\x0b3\xe0\xa2\xba\x8f\xb8\\\xeb?\xb9\xf1\xf3\xdc\xdc\xcfs\x0fo\xd4\xfa\xf6\xabk\xae\x97\x9d\x9d\x19\nh\x1c=\xd5\x15\x95\xf77\x86\x97}SLvN\xcaJ\\\xa9\xdf\xb5 \x93\x964*i\xab\x1cB\xbd\xdd\x80\xddn\x07\xef\xff\x1b\xa6\x1a\xf413)\xe4\x1b\xddnav\xb6\xd0\xcd\x14L5\x1e\x8f\xd7\xa0V\xd8\xaf\x9f\xce\xac\x80\x0b\xd7X\x8c\x9e\x1f\xac\x13\xd6w\xc44\x87\x16\xc0\xf1p\xee\xe1\x94[\xf2_=r\xb1\xa6\xda.Ul~\xfe\xe2\xd4JH\xaaYy\x95GB\xec\xfa\xd7\x1b9+9\xf8\xe3\x9d/-\x8d\xe7U\x9e\xd3ji\xd3\xef\x17}\xde0\xac\xec\xfd\x7f\xd8\xbf\x15CIA(4\x08}\x93\x98\x1a\xfdF\xa7\xdd\x9f-\x9c,\xaf\x1e\xc3\x1e\x02j\xa9\xe2\x17\xbd\xfe\xd0\xf6\xbd\x99\x05\xe2\x9a\x07\xd7\x87\x0eq}\xe7R\x11\xd3\xdc\x14\xe2o\x04\xc6r\xf8\xf2\xd1\xcb\xc8\xd3\x8b\x99\xa8K\x15\xdb\xec%\x14Ir\xce,A\x16\xb5\xd2\xd9\xa0\xb9\xf6v8\xce4\xef&lt;(\xa5T$\xc8W8h\x88\xa2\x08]|\xe4\xb1\xef\x7f\xf4@($\x9aT\x02T\xb8\xd0\xe8\xe6\x0b\x85Qguut|\xf5\xfa\xf5\xea\xc9l8\xec5\xce\xf2|\x80\xf3\x89\xce\x1e\xd6\x93\x85\x99\xe0\xe4\xe2\xe2bp\xb3\xbd\xb4\xfe\xf7k(\x86\xe4\x06\xc0\xdc\xd2\x9az\xb5\x1b\x8cF\xa33QP-\x12\x95\xa2\x08\xb5\xbb\x86\x14\x97\xb2\xdfT\xccFgy\xa3\x9er\x9a\x1bk\x992\xf9\xabvr\xe2\x15E\xaa \x91\x99\xbf\xe7W\x8d\x11\x85Y\x9fjV\xa5\x10N\xa6/\x0f\x96\x97\x0fF\xfd\xab\xd7\xab\x1d\xb8&lt;\x97=3$I\xe0\xfd^goe\x05\xfb\xcdL0\xb6\x18\x0b\xee\x9c\xffu\xfd\xa7\xdf3!P_\xa0\xfa\xcb\xa3\xb9\x17[\x93\x80\x9a\x81\xd5\xcd\xcf\x07{\x90*\x9e\x88\xd7\xcelEQ\xbbo2\xb5\xea\x8b\xd5\x8f_\xea\x83\xf4\xdb7o\xabtmm\x98\xf6qD\xc5Q*\xbda\x8fk\x1d"I\xc8\x95k\x15\xcd_.U\xb5\xee\xf2\xf2j\x1eID\x16\xc3"g\x8d\xed8&gt;T1}yp-,\xac\xccD\'\'\'\x83\xc1\xdd\x17\x91iP\xfd\x0e\xec!\x13\xebe\xa4\xbd\x15$\xa9\x18\xd5\xcevJ\x89\'\x12\t%\x9bs$\xa1\xd8\xe9\xa2\xfd\xd2\xdf\xaf}|\xda\xbc\xfb`c\xed\xeb\x01&amp;\\\xb9\x99\xe680p\x81\x90\x9fR\xe9\xa11@\r\x08\xbb\xf2\xeb%3\xc4\xe9\xb9b%\xb7\xf6\xe6\xed0\xd3^]]\xbe\x0c\x87\xb5\xd2 $H\x0c\xac|Hz\x91`\x00\x8bMn\xb5#@Be}\xa2\x9a\x9a\xfa\xf6\xd1\xa3gK\xbb\x17H`\x14\xaa\xa2q/\xf6\x06\xd9\xac\xae\xb7\x10\xcd\\\xab\xd5\xcb\xb4Z\xfb\x87\x87\xad\xa7k\xab\x97Nm\xe3\xe3\x9dfr\xd6k\x9d\xe5MA\x80\x83\x0786\x01&lt;$\x96\xcf\x8f\xb4r\x9c:\xae\x84B\xa9\xb3\x1f\x9a\xb9\xcc\x0f\x1bk\xed~\xfe\xfb\xd5\xe5\x83B\xe1r4\xabi\xe5\x94\x83O\xec\xed\xef\xefa\xfb\xfdea\xe5^4\x08\xb0\xc5\xf3\xc8\x9f\xa7\xa6\x9e\xdcR\x01\xf2\xc9\x93\x97\x8f\xdb\x17TVAj\x8e\xf9\xf9\xad\xedl\xd6\x81V\x89T*\x95m\xe6\x0e\x1d\xc7I9\xfb\xfb\xfb\xbdv\xa7\xbd\x7f\x98~\xb3\xf6\xa0\xe6\xab\xfd\xa3\x02*\x1e\x93X\xf4\x8b\xaeZ\xc4\x15f\x9a\x15sI\xce\xace\xf2F\xd9.\xad\xbd}\xda\xe8\xff\x8689\x19\x1d"\xf6)\x0e\x8d\xb2\x99\xdc\x06\xd6\rXlq\xf7\xb9\x0b\xf4lN39\xe8\x00\x00\x04\xcbIDAT\xea\xd9\xdc\x1f\xa6\xa7\xa9\xd6:\xbb\xc1`4\x18dT\x98\xcfp\x06E\x10\x02\x13\x01&gt;\xc0\xab\xc5L&amp;\xcf\x93a\xf3j9u8h\xb5\x0c\xdd\xb2\xf4\xd2\x99\x8e\x8e@WH2\x0f+G\xd5{\xdc\x82g5\xdf8\xd18\xbd\x9e4U;\xdf\xda\xdb\xfb\r\x18\x85\xc3\xcc\xa8\xa0!h\xae\xb2\xa4\xfb|\xd7\\\xc8$\xe3\xdaZ\x02\xd3\x93g_LOOG\xe8/\x03\x9f\x9f_\xa0\xec\x10\xb1E&amp;\x953!\xb1\xecL\x040\xcf\x02J1\x9d\xa9\xc0\x120t\x03\x00\xe0\x13\t\xae\xac\x8f\xc7\x8e\xe2\x18\xe8\x06[\x91T\x91L\xc2\xeb\xc1\x17z\xc5\xfe2\xdb=\x98\xf5\x16\x8b\xb6\xa9\x15H\x99\x94\xa2\xaaz=of-\x83-H&gt;*@4J8\xd9\xfb\xa4\x17\xae\xbd\xd8~\xfc\xec\x8b?\x11\xd3\xfa\xfd\xf5\xfb\xed-\x82BG\xc4b\xb0\x91\xdd\x16ZP"(*\x1b\x84l\xeb4\x07\xcb&amp;\xce\'\xf0\xa3T\xb66\xae\xeb\xb6\xa2\xa7-\x03M\n\xcdL\xe6\t\x1e\xdf\xf5\x9e\x08\xb9\x8a\xff\x1c%m\xc5\x14\xc3\x9aO\xf3s\xb0_k\\\x14\x9ctz\x10PU\xec9~fx\xf0]\xad\xf7\xe1\x97\x054$\x9cb\x92]\xbc\xf38r\xff~$r?\xf2j\x17RQ\x972\xae\x8b=\' \x10\x92@z!\x89\x14jm\x9c\xa96\x8a\x8e\xa1\xa4\x9c\x81UgP\x8a\x9d\xadZ$\x97b\xdbv\x18\xf3\xc6\xeb\x11\x04\xb2\x14E\xc65\xed\xca\xb0\xdbH\x8a\xa84\xcai8Y\xab\x17\xd1\x7fV-K\xdd\x9dH`\n\xe1\x86dp\x85[\xa7\x0bx\xc2B?\x06I\x95\xd8\xce\xf9\xab\xe7\xcf\x9fG\x96\xce](\x97+\x08_\x08\xf0\x13n`O\n\xb0e\t\xafN\xad&gt;\xce\xb1(\xd5t\x03\x15\xa5\xaa\xb6m\xa4\x18\x94\xaa\xcat\xeb~\x0f:?.\t\xb2,\xdb\x18\xa1\x8d\xa3\xa3\xd1q\xbf_@\xf4\xab%\x0bv\x03\xa2,1\xbd\xbb\t\xe0\x05\xfc\xda\xe1\xde\xbd{\xd8\xa3\xc8\x03b1\xa4m\xf3|\xa9s\xbes\x03\xc5\xf2x\xda\xc2\xfa\x01\x12\xc9\x85A\xf0\x8a\xc0\x93v\xbc\xe28\xc5b\xd1A\x99Hj6a\x1b\xa0QR\x8ac\xdb\xb2\x0c.Z\x16&lt;\x01\x88%\xf1\x82\x00fU6\xfb\xc7G\x88\xd1httY5\x90G^\x85\x98\n\x99\xd6\xe7h\x8a\x10Jm\xbb\\\xc1kqb;;DsK\xb5\x83\x04\x06B\xb7T\x0cL-\x15u\xcb\xd1\x1d\'+\xf0*0p\x92Ut\xbdX\xaaXV\xad\x94\xcf\xe5\x89J`ry\xd0\x92x\x8b\xc0\xb8@\x8bz/\x90Z\x9a\xc6R\x99\xc4\xda\\N\x16\xcb&lt;\x8f\xfa\x8c\xdf\xd2\xc5\x05\xa1\xdc\xdb$0\x97\x0b\x89d\xedG\xa7\xecd\xb3\x97\x82:n\xd6X\xc1S\xc5;\xed\xf4\xb0Z}\x9a+\x8d\xf5\x905\xd6\xcf\xceJ\xa5\\\xb2^\xb72\x99\x1c\xac\xb2\xfa*m\xd2:\x81^\xe48\x0f\xb5i\x00\x98v\xca.\x1aE\xc3(j\xa6\x91\xc4f\xd3?\xd6\xb0J\\\x1e\x1f]v\x8f3}\xfcj\x88g;k\x00\x86\x9fx\x97\x90&amp;\xb8\x01K$\xb3\xcd\xc5\x1b&amp;\xca\xe8\x0e\xa4\x1a\x04nJ\xe9S\x04\xf4\\n\xd8\xcc43\xe9R\x89\xab\xdfM7K\xb9a\xaezfe\xab\xc3J\x1a[\xf0e\xda\xe0y\x01\x0f\x11\x90\xcb\xc3\x06\x8fl\xda\xd9z\xa5n53\x99\x8cQ.u\x87\xed\xe1\xd5U\xff\x08\x19\xbd\xfa\xf7\xc1\xd5U\'\x8fe\xd2O\xf3)D\x8e#\xd0r(\t\x81\xd4\xf6&amp;\x95\xfd\xe4\'\xa5b,\x81\xbb=\x85A\t7@0S\x81J\xcb\xc6\x10\xc2F\xaa\xd7\x1cU\xd7\xf5\xac=@Rk\xbab\x97Q\xf3\xb6Ju\x05} \x17\xd4\xe2\xa8\xebM\xd9\xb4\xfe\x95\xc9\xa4q\'i\xc3i\x0e\xab\xdd\xe1\xc9\xc9\xd1\x11\xc0\x8e\x8fG\x8dF\x1e\xcb\x87\x97f\xb9\xbbR\x03\x0c\xd9\x8cK\x13j\xebte%\x8aA\xf3\x19\xd4\xce\xe9\xb6C\xae\x00\xbb"[\x90n\xc0\xe8\xe1\x00R\xb0P\x15\x18?\xb3S\xf4\x14o\xaa&amp;\x15\x15=\xda\xc8\x94E\xec\xd6\xc0\xa2\xc1-\xcav)W\xca\x01ll\xd9\xc5*\xfc\x0eE5[\x80\x9b\xb1\x91\xe9c\x0b\x87\xe8\nF\xa6\x1a\xe2\xa1\x18\xae\x182z\x1fX?\xbaTP\xea\xb4\xe7@\x1a\xf4\tV!\xd8\xfb\xb5\x95\x06\\\xf3\xc2\xd8\x03\x9a@\xef\xbd\xa5\x128Y\x91Y\x80W&amp;x^\xf6Sm\xe1i+,\xca\x86ad\rC\x81\xa9\x99&amp;Mq\xf2\xfe\xeb=\xcc\xcb\xb0\xb0\xa1\x81\x8bY\xbdL\x07\x1a\r\x8c\xe6`\x0fS\xd9\xed\xbf(\xa0R.\x12Q\t\xee\xd0q\x0b\xde\xa5"&amp;\x17\xf9\x9aJ\x12\xf0\x19X\xf2\x91;\xa6\x15\x83\xb3\x81\xc5\xf3\x18\xdbL0Q\x86\xb8\x92\xaa\x90\xf84\xb1\xc8\xd0\xdd\xf5\x90-\x19,\xc4\xcf_\xd8\xb4\xf7\xa3%\xa9\xb2\xa8\xfd\x90&gt;d\xe7\x9a\x8a\xc9%\xb9l\xc2\r\x96K%PNC4|\x04\x9a\xdb2l\x93\xbf}h\xc6\xc1q\xff\x07-\xa1\x91* U}\xa2\x00\x00\x00\x00IEND\xaeB`\x82'</t>
        </is>
      </c>
      <c r="M537" s="3" t="n">
        <v>45492.67777777778</v>
      </c>
    </row>
    <row r="538">
      <c r="A538" t="n">
        <v>1471221</v>
      </c>
      <c r="B538" t="n">
        <v>1977</v>
      </c>
      <c r="C538" t="inlineStr">
        <is>
          <t>Alisson</t>
        </is>
      </c>
      <c r="D538" t="inlineStr">
        <is>
          <t>Alisson</t>
        </is>
      </c>
      <c r="E538" t="inlineStr">
        <is>
          <t>MD</t>
        </is>
      </c>
      <c r="F538" t="inlineStr">
        <is>
          <t>MC</t>
        </is>
      </c>
      <c r="G538" t="inlineStr">
        <is>
          <t>MD</t>
        </is>
      </c>
      <c r="H538" t="n">
        <v>183</v>
      </c>
      <c r="I538" t="n">
        <v>45</v>
      </c>
      <c r="J538" s="2" t="n">
        <v>38615</v>
      </c>
      <c r="K538" t="inlineStr">
        <is>
          <t>Left</t>
        </is>
      </c>
      <c r="L53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1257ab5-8701-46a3-b772-7c91235960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4$&gt;\xc6\x00\x00\x02\xfdPLTE\xff\xff\xff\xfa\xfb\xfb\x00\x00\x01\x0c\x11\x1a\r\x13\x1d\xfc\xfc\xfb\xfc\xfc\xfd\xfe\xfe\xfd\xfd\xfd\xfc\x10\x16 \t\r\x15\x03\x02\x04\n\x0f\x17\xf7\xf9\xfa\xfe\xfd\xfc\xfd\xfe\xfd\x99ZP\xaafU\xafl\\\xa8gYi2+\xfd\xfd\xff\xaci[\x07\n\x12\xb2o_\xf8\xfb\xfdn6.\xadjXc0)\xa1aV\xf2\xf7\xfd\x8dPD\x88LBT("\x14\x19$\x9c^U\xec\xf3\xfd_/(\xef\xf5\xfd\xb0iU\x05\x07\r\x08\n\x0f\xe8\xf0\xfc\x8bG9\xfe\xff\xff\x90RI\x86NG\xb3kW\x85E:Z*#\x8fK&lt;y&lt;1\xb5rbs;1\x83G@\x04\x05\tyD&lt;y@7\x96XL\xf1\xf5\xfa\x7fF;wNI\xa3eX\xa6cV\xf6\xf9\xfd\x9df`K% \x9dYJ\xa3h^\x84SMzIB\x82MB\x7fIA\xa3_P\x90WJD!\x1d\x9a_R\x8aTK\x9ddZ\x93M&gt;\x0c\x06\x07\x95cZS54\xe4\xeb\xf8\x80B7\x83\\\\}RN\x0f\r\x11\x9e\\R\x95ZR\xa7nc\x87XQ\x94]VoMMxXY16?tC&lt;W0+\x1c\x17\x1b\xa2ZIs?5rHD\x93UO\x16\x12\x15\'\x1b\x1dt8-\x99ii\x93ddk92c5/d:6\xa8h^\x8bNI\x8b]X~[ZuRR\x18\x0c\x0b\\64\x7f?3\x95Q@\x8f[R\x8eVQb@&gt;\xe0\xe4\xe9\xa2c\\\xb3l[kGD\xbdyi\x9dVE\xa2kd).7\xe7\xe7\xe9a+#\x9aQA\xec\xec\xeeI56:\x1b\x17\xde\xe5\xf3\x8eb^[?=\x96SFGMX\xea\xef\xf5&lt;BLn?6Q$\x1e\xf0\xf2\xf4[FImC&gt;dHI\xe3\xea\xf20$\'\x7fLG\xbc\xc3\xce\xf4\xf5\xf6\x1b\x1f(h&gt;:\x88_`P,(C+*R=&gt;\xb1ph?24pTW\xc7\x83r\x83bd#\x10\x0fgOR\x86C3\xda\xdc\xe0\xcf\xd5\xde{]`:*,\xb8we]cnRXc\xabic\xff\xfe\xferx\x830\x15\x12\xa3\xaa\xb3\xb3vf\xabse\xaemf\xb6yp!&amp;1\x7fVS\x83XW\xb6\xbc\xc6\xfd\xff\xfeq2(\x8bfiK0.\xca\xd0\xd9\x9d\xa3\xac\xaa`M\xac\xb2\xbb\xc3\xca\xd3\xb7tj\x9cdV\xb9\x81s\xd7\xdf\xea\xd2\xd9\xe40\x1f\x1fy\x7f\x88\xff\xff\xfe\xc7\x8az\x95\x9a\xa5\xd2\xcd\xd0\xc4|m9$#\xb8\xb5\xbbqqxflv\xb0xl\x80\x85\x8f\xca\x90\x83\x8d\x93\x9e\xdb\xd6\xd7\xbap^\x9e\x8e\x92\x9f\x86\x88\x87\x8b\x94\xe0\xdd\xde\xbf\x80z\xca\x98\x89\xafeQ\xca\xc5\xc8\xa2so\x9bRP\xe0\xa3\x9fqgn\xda\x91\x90\xc3\xbc\xbf\xb7gn\x93vzTQW\x91}\x83Y#\x1aJ&gt;D\xa9\x97\x9a\xba\x9a\x93\xb5\xa8\xaal*"\x83sv\xc5\xa8\xa3d\\`\xf1\xe5\xda\xd2{\x84\xa8\xa0\xa8\x91DE\xa9|x\xdd\xc9\xc1\xd1\xbb\xb0\xadW`\x8dd\x91\x9a\x00\x00 \x00IDATx\xda\xbc\xd9kLSi\x1a\x07p\x0e\xe6\\\xb4SnR\x1d\x84\x0c\xe2\xc6l\x898\x16\xa1\xd6\x02]\x952\xb3\xb2\xb8B\x9b.50\x07,\x97\xb4\xcc\xd0n\xb0\x85\x9a\x92\xa9r\xb3\xc4\x96;\x0c\x19`[\xa6k\xea\xa0\xa8A\xa0\x0bFf\x01u\xe8\x08\xc2N\x17\xab\xee&amp;^f\'1\x9b\x90I\xe6\xcb~\xd9/\xfb\xbc\xef\x01v\xb2\x19\xbfl\x0e&gt;4\x84PB\x7f\xfc\x9f\xe7}\xce\x01\xc2\xc2\xfe\xdfJ\x99\xa1E$A\x92$AQ\xd4\xf1\xcc\xfao\x1e&gt;\xbc\xf6\xe0ZS\xf7\x80\x90 \xd0\xa7I\x1a*\xec-\x17zI\x9aa\x90\x8a\xe8\x1e\x99\x9bx\xf6\xf8V[[[G\xdb\xea\xf3\x95\xfb\x0f\xea\xdf\x13\x12$%\xa2\xe9\x94\xb7\xacJA\xac\x19\x08+.\xb3\xfe\xc1\xfc\xe3\x8e\xe9};\xc42\xb1X&amp;{g\xfb\xe0t\xc7\xd2\xdd\x91n!\xc9\xd0\xeb5\xf6\x162\xfao1\x0c!\xcc\xac\xbf{\xbbcP,\x0b\x0f\x17p\x15\x8e&gt;\xda\xdd\xf8x\xa2&gt;\x93\xfa\xe9\x17?z\xb4\xd5\xac\x99\r\x15\x15\xf7\xd9\xfd\xc7\xa5\xbb\x05\x88\x14\x8e@\x9b%\x10O\xdf\xbe\x96I\x89\x18:b3\xb3\xade\x91\x0c%\x9aa(\x8a \x89\xf6\xcf\x97\x1a\x93\xb9\x84\xfe\xb7\x04\x82\xedk+\x0f\xdf#I\x86\x8c\x00\x19\xc3l1\x0bM9\x13\x01\x83.l\xbf\xbbT\xbaM\xfc\xf3*p\xc9\xc4\xfbn\xcd\xd7\x0b\t\x8aDC\xc6l\xed\xf8\xd3a\x14\xa8"\x08b\xe0\xda\x93\xd2d\x99L\xf0F\x16\x94lpi\x04\xbb\xc8-OKDA^\x84p`\xee\x96V \xc3\x13\xf5\xf3,.\xb0\xed7\xef6\xc1\x1aC\x8d\x7f\xb4%i\xa5\xa0\x9d\xf0\x08X4C\xc6\xc5e\xce\xdd\xdcQ\xb0\x1e\xd4\x1bX\xe8 \xc8d\xbb\x1bQ`\x0c\t\xa7\x12\xef\x14\x9a\x7fW\xd8X\n|k\xc8*\xae}\xbeM\xbfy\xfa\xde\xc4\xc2m\x94%O\xdf\x1eA\xbb\x95\x1e\x1b{\x14\xb6\x15*Qd$\xfc\xbc0\xed\xc2\xa6\x95F\xf1\xe6F\xd8\xc8L\xf0\x93\xcd\xc5YQ\x83\xd1\xe4?\xb9D\x90"\x9a\x12\x89\x18\xfe\xf7\x04MG\xc2\xf7\x85\xd3N\n\x1f.M\xcb\x04\x82\x8d\x05*\x83H\xa0\x9f\x05\xb8\xb8\x8f\xe1\xbdL\xb0\x19\x99\xb8t\xbe)\x0e\x0e\n7\xf8&lt;\xbb\xe8\x19.,\x82\xf8\xe6\xf6&gt;\x19\xee\xa0\x8c\xa3\x14X\xa0|&gt;\x9fe\xb3\xd6\x89\x1bK\x1f\xfax\r\xfa\x08(J4\xc67\x0b\xef\x1e\x1av\xe8\nd\x85\x17\x03\x06\xf9|\xe3\xad\xadyy\xd9\xd9y\xa8Zq\x8d\xfb|\x1c\x13\xd9\xc2\xc3\xa1\x8f7\xe7\x06\x08H\x1a\xb7\x91W\xd6\xd8\xcc\x18\x1aw\xf2\xd2|\x87X\xb0\x8eB"DJJ\xdd\x8f*!!a\x7fjjRRR6V"\x1e\x86\xe1E\x01yE\x90L$\xefM\x1c\x83\x8b\x08Iu\xdf/M\xc6\x13\x85Q\xf0\xf2\xa0\x00U\x02F\xc5B%4\xef\x07\x1b\xaa\xa4\xa4\xae&lt;\x80Y\n\xf0\xdc?\xab?\x0e\xac\x19\xbe\x97=MSh\x8d&gt;X\xc3\xaa\rTW\x12\xbc&gt;\x17\x95\xd1\x18\x1b\xbbg\x0fz\xa0\xd4P\x81,\xbb\xb5\xd5\x87\x87LV:\xdfNb\x16\xdf#\x0f\xeb=\xae\xfe\xf6v\xac\xe2\x06\xaa\xab+\t\xf7\x0f\x05\xb5\x07\xaa\x1a\xde\xaa\xa4\x00\x8bE4\xe8(\x04\x96\xcd\xb9d\xe2[s\xc7\xb7 \xad\x94\x19\x11l\xac\xfb\x8dp\xf4!\xaaV4\xdf8+\xa4\x02\xc6\x1eiU\x95T\n\x0f)rq0\x14WWW^\xeb\xb8\x05-\x8e\xedO&gt;\x13\x92t\xca\x18\xbf\xf7]t\x8a\x88\xa4Fn\xee\x80\xc5d\x19\xc7(N\xc5%U%M\xc3U\x87\xde\x01m\xbd\x95\xd8\x85\x03\x03X\xe9D&amp;\x11\x91\xc2\xf3\xad*\x9cC\xe2\xf8\x04\xec\x86\x02\x14U6\xa4\x00\xaaf&lt;\xe7\xa0J\xab\xab\xd3h4_~\xa9\xa9\xabC\xb2\x8d\xc0\x9aSSQ\xa3\xddy\x8b\x16A\xc1\x8e[\x0f\x85$\xcf\xb3\x85oG\xdbW\xb7\xc9\x90*\x1bUWWjs3\xee\x1f\xa8@$9\x00%\x91H4u\x1a.\xb3*\x905\xa3}\x01.\xf7\xa2\xa5@68\xdf\xbd\x05,&amp;\xf2A\xc7n\xd4A\x8cB-ln\xc6\x93.M\xab\x03\xd1a\\\x07\x0e@b\x10\x1c\n\xad\n`\x9cK\xa7s\x1b\n\n\xb4\xab\xf5\x0c\xef\xacHR\xb82(\x86\xb0\xb27\xc2J\x05U\xd5WH%\xc1(k&gt;vIP\'5\x1a\xb9\x1c`{\xf0q\x04\x96.hIN\xee\xf8\x9c\xe0\x9d\xc5\x90M7\xdf\x81C\x08K\xbd\x0b\xa9\xa0\x870\xecUUiir\t\xc7:\x9c\x9f\x0f0\xcc\xd2h$\x129\x9a\xb1X\xec\xd2\xd5\xea\xf2|\xda\xe4\xc1\x95\x01~Y\xa8\x87\xe4_:\xb4Z\xcbx\xb6\x1b\x8f\x0b\xc7\xfa\n\x0f;\xa8\xe0\xed\xc0\xe1|kKK&gt;\xb80LR\x97V\x01q!W\xaa\xce\x08]\xd4k\xb7\xad6\xf1{\xf5\xc1\xbf\xf1\xfcs:\x196\x16\xb08\x18\x97\x16\x0e\x06P\xf9V\x17\xa0Z\xd6]\xdc\xe0K\xd1jE,Xn\xba\xa0\xa1,\xb9c\x0e\x86k\x8c\xbf\xbb\x1b\xf8FD\xdc\xfdA\xado&lt;\xcf\xedvC[Rag!V\x1aV\xa1\x81\xcf8\xa3T*/\xb6\xb4X\xd7]\x1a\r\xb0\xc0\x85.D\xa9\xfbku\x9eE\x83\xb6\xe3\x1fd$Z\xf3&lt;\xb2\xc8\x81\x95}zC0\xcf\xad\xd3\xa1)\xfe\x01\x9a\x18\xcb\xb1\x0e\xa0\xd1\xcaW\x1e\xcb\xcd-o\xd9dI\xb2\xb2\xe4r\xf9Qiu\xc2~t\x894\x9a\xdc\xc1E}\xe9_\t\x9e\xd3b\x88\xee\'ee\xc1\xbcl8U:\xb4\xbd\x7f@\x07Q\xba\x9eU\xfea\xab27:\xba\xbc\xc5j\x85\xb1\x97\x1c\x91\x1c9\x82Tr\xb9\xb4\xba:\xd6\x98\x00*\x93.\xb8X\xd68!\x14ED\xf0\xcbjz\\\xb6\xe8\xf1\xb8kk\xf1\xcd\x01\xde\xa5R8\x84\x92\xbd\xe8\x18\xe6[\xad\xcar\xd4\xc3\xf5\xd9\x92`VE\x05\xb0\xaac9\x96\'h\x18|&amp;\x84_2Sxe\xbdX+\x1b\xf5\xb8\x81eL\xc0\x85[(A\xf3\x0e&amp;+\x9c\xc2\x8bh\xb6\\.\xbc\xbep\x0f+*\xe4\x15\xd5\x9d\xd5\xd5\xc6\x04\xd3\xd0\x90I\xed\xe97&lt;\x17R|\xa7\xf5b\xcd\xe0\x99\x05\x96\xc9d4\xae_\x0b\xd34\xd0\xc0D\x97\x0b&lt;V`\x95\xe3R^t\xb9\\\x89{\x8fd\x1d=\n\xb0\x8aN\x80\x19\x87z\x87\x86j\xd5\xa3\xfdO\x06xf\xd1\xc4H[\xbfgV\xa7\xab5\ra\x16\xbaq\x90K\x12\xf3]\xca3\xb9\xb9\xb9\xca\x8b\x17\x95\xe5\xe5\xb9\xf7\xee\xdd\x8b\x86\xc9W*\xc1\x95\x85Tg!\xac\xce\xce\xce\xa1\xde^\x93M\xed\xe8_\xed\x86_\x9eh\x86g\xd6\xacZ\ram\xa4\x05\x13\x9f\x95\xe8R\xe6\x1e\xdb\xb5+:\xfa\x1e\xae_\x1e\x8a\x8f\x8f\xdf\x15\xbf\xf3LF\xa2$K^!\x95VTcVoo\xef\x90\xcd\t\xacK4\xc37k\rXH\x05,\xb8GF0i\xd6\xde\x83\xc0\x8a\xf9b2=\xfd\xef\x9f\x1e\xfa\xee\xbbC\xe911\xe9\x93_\xffi\'\xc4\x05\xac\x8aN4Y\xd5H\xd5k\xb79\x87GW\x9bH\x8a\xe2\xb5\x89\xe4\xc8\xda\xa8\xdai\x1bB,\xb4\xb5\xdd\xb0\xc0\x8c\xa6\xb3\'\x7f{\xfe\xd4\xe9\x86P p\xe5\xdb\x0b\xe9\xe97n\xa4ONM\x05B\xbf\x8fJ|\xff\xe4Y\x98s\x93\x11\xde\x86*++\x15\x95\xf6\xbea\xef\xeb\x17\x04\xdc\xdbD\xf2\x99\xd6\x8b\xb5\xd1a\x9b\rf\xd7\x04W\xb8\xec\xe0\xa2\xc1\xb0hX\xf4\xcc\xaa\x9d\xec\x9dBU`\xf9\xe9\xd3\xa7\xcb/_\x06\xa0B\x1f_&gt;g\x86I\xf2\x04\x83Ax\xbe\xd6h\xea\x05\x97\xd9\xcc:\x1d\xafG\x18FDG\xf0\xca\xfa\x97w\xd8f\xb7\xa33\xa5\xf3\x8c[\xb4\xc9Z\xbdV\xab\xd7\x97\xf5{{\xd8\x9a\xc0\xd3W\xaf~|\x05\xb5\xfc2\xf0\xb1\xb9ox\xd4\xa0\x87g\xe1y\xd8u\xeaZ\x88KQX\xc2\xf69^\xff\x8d\xe1\xfe\x06\xc7\xcf\xdf\xda\x10\xab\xfe\xb5\xc3\t,p\xd5z\x0c\x16\xadE\xaf\x87GY\x99\xa1\xdf\xa3\xb6\xd7L-?}\x85\xeb\xc7\xe5\x7f\x7f\xc2:G\xfb\re\xf0\x9c^\xaf\xf7\xf9\x16g\xd5\xb6\xdeJ\x85\xb9\xc4\x8cY$#\x12\xf1\xc4B\x7f\x98"\x9bV\x1dN;\xcbV\xdam\xb3\x06=d\x00\xc4J\xbbS\xadV;\xed\x95\x1f\x85^\xa2.\xa2\n\xf8U\n\xa7\xc33\xea\xf5\x0e\xf78\x9d\xb5\xb3\x1e\xddl\x10\xbeVa&gt;\xb7\xce\xa2)\x11\x9fi5\xadB\x13Y\xd6nw\x06\x17\x1dvE\xf1\t\x7f\xc8\xefoP\x9d/\xfe\xe0\xfcG9\x93\xdf^\xb9\xb2\xbc\x8c\x1e\x17\xfc9\xaabE\xa5\xa2\xf8\xf2\xf7P\xaa\xe2B\xc5P\x9e\xc7fgK0k\x04\xf6\x03E\xf3\xcb\x1a\x1d\xee3\xb3\xf6&gt;\xa7\xc7\xa9(V5\x84\xa0\xa6&amp;\'\xfd9\xa7N\x9d\xd9\xf9\xee\x05p\xe1\x9a\xdc\x99\xb3\xa0R\xa9\x16\xe0y4\xfe\xe0\xfe\xc0\xe4\x86\x1f\xa7\xe4:\xdb\x03,\x9a\xbf-\xcf\xb1.-\x8d:ll\x9f\xddn\xb3\x17\xaa\x1a\xfc\xa1\xa9\xc0\xd4\r`M\x16\xfdJ\xe9RFc\x17z|\xbd\xf3TF\xd4BN\x91\xff\xc6T\x00\xe6?T\xb4\xa0*\xb6\xdbY\xf3\xf5\x12\xb6\x07\x16\x04M\xf2\xcc\xea~\xeeu8Y\xb6\x8f\x85\xa8r\xfc_\xc0~\x9a\x9a\n}\xdfp\xe2\xf4B\x94\xcb\xaa\x8cO\xbf\x80\xea\xc6dLn\xfe\xe1\x8c_,\x9c&gt;]\x14\n\xbc\\\xbe\x12\x98\xf4\x17\x9d\xa8\xb9c.\xb9^\x02{k\xb5&gt;2\x82\xa7\xff\x1d\xe0\x81\x07\xd6\xc0\xbc\xd71\xdc\xc7\xb2\xe6\xe2\xd3~\xbf\x7f2\x14*j\xf8s\xc9U\x96U|\xf8\xfeAW\xc6\xb1w?=\x14\x1f\x13\x13\xb3\x0b\xb2KL&lt;\xf9\xa1\xa2\xf0\xce\xe5\x06\xff\x14\xb4\x11\\\xaa\xcb\xbf;w\xfd\x8f=\xc3\xde\xa5K\x11\xfc\xb1\xf0?\x9eH\xe1\x04\x1c\xae\xab\xac\xb9\xb0\x06:\x04/U\xa3pz\xbd\x8d^o\x8f\xad\xf3\xe4\xc1\x83Q\xe8j\x9d\x91\x11\x15\x95\x91\xf1\x9b_w\xd6\xc2\t\xf48\xfa\xcc5\x0b9~\x18\xbf\xa2O\xfep\xae\xe4j\x8f\xc3\xfb|\x00Xc|\xc0\xe8\xff\xb0j\xbe?i\xa5Y\x1c\x0f/\xa0\xbc\x11\x11]\x83\xb6\xe4\xde\x86\x18_0\xb0T\x91\x80\x01\r\xc3\x8f\x8b\x14$\x98B@\xa9\xc5\xf8#cE\x11\xad?\xcb\x8a\x8e\xad5\x0c\x9b\xd2\x8e\x9b\x92\xae8Zeu\xd6\xba1iZ\rd\xb0;M\xd0d2Fk\xd3\x18\xb5k;\x96Y\xdbNm-\xdaf\xaaM\xf6\\\x9c\xfd\x0bz\x9f@$\xfa\x82\x8f\xdfs\xeey\xce\xf7&lt;\x0f\xbeY\xd0h42i\x05\xc7\x1am6Y\x15\x0e\x05\x14\x81\xfb`\x1a\xae^\xfd\xeb\xd5\xbd\xd1\x06\x9fX"\xe1\xe3]=_\x88\xa2&lt;\xccW1\xfc\xfe\xc6\xd7\x7f?\xf7\xd5\xed\xe1\x01\xbf\x0e\xd7V\xe6l\x9a\x1c\x1f\xbe\xf5\xe6\xf7$2\x95J#\x08\x8b\x8a\x1f\\P\xa8[on\x0f\x8f77+\xad\x05\xc5\x1d\xb6\xa1\xfe;w\xee\xfc\xe3\xa7\xafn\xbc\xd9+\x1f\x82v=-\x12\x89\xe4\xe2m\xb2H\xec\xab\xb8\xff\xe8\xc7s\xe7\xbe&gt;w\xee_o\xee\x9cn\xf1\x1b\x14\xa5\x8a#\xacoW\xf0\x93\x03*\x8d\xfa\xf9\x03z\x1c\x8b\x94|s\xf3\xfb\x9bk\xbf=\x04\xb5\xa4\xcav\x8bNe\xcf\xaa\xb7\x89\xf3\xea[*Z\xa0\xaa\x0e\xda/\x81\xef\x8f\x83i\x14\xe3n\xa7\xbe\xa2b|\xef\xd6\x85\x0b\x17n|{\xbf\xff\xf4I\x9fN\xebP\xb4\x87\xca\xc7\x87o\xbf\xffwR\xdf\xf5\x0c\xc0J&amp;\x00\x0b?\xe1Yy\xff\xdb\xbb\xef\xff\x0bX\xcdR)\x86\x89|&gt;\x9b\x1a\xa1k\xe7\xb5\x1d&lt;\xbf\xaa\xda\x96\tXq\xdc\xcb&amp;\xac\xa1\xdd&gt;\xd8\xd0\xf9M\xc5PE\xcb\xa0\n\x13\xd9l\xaa\xf6\xf9\xf9\xb2\xd0\xe4\xf8\x95\xdb\x8f\xfe\xb9\xb2\xb7\xb1\x06\x8a}\xbeZ_\x1cK\xce \xf5\xbe\xae\xe8\xbf\xf5\xe3\xa3\x1b\xc3\xa3g\xabm"[\x95X\xcdk\xac\xb1h\xb5\x1a\x9eJ$\xc2\xb5\x02s\x16\xf9?\x16p\xf9l~^\x99A&amp;\xd3\xea0\x15p\xe9tJ\x13`\xdd\xfa\xcf\xc6\x95\xfe\xfb\x1b}\x14b\xb0(\x94\xcd9qZ\xff\x957?\r\x8fV\x0f@\x7f.\x82\xccF\xb85\x1d:\xd0\xcd\x9e\xb5\xb3\x83c%\xa8ja%\x06\x0fv\xb1\x84\xd7\xc1\xd6j\xe9\x1a\x04\x13\x89T\x18f*\x1f\xff\xee\xbb\xf1\xfb\xa7\xed\xb6\xb9\xcdd2\x8d\x00\xacc\x14\xf2f\xf9G$~\xedN\x02\xcb\xe7\x03,\x0c\xc3\xc0D\x88\xed\'N]\xbb\x86S%\xc6\x11\x13\xfc\xd6\xdaZ|\xe2\x96\x99\x96Uo\xb7\xa9yH\xbb\x05\xea\x05\x8a\xa91\xb5*\x0cL\xfd\'s\x91Hx\x93B&amp;\xe0L\n\xb0H\x9b\xca\x98KX\xbb\xf3\xe5\xb7\x10CPK\x02j\xa1\xd0\x14\xff\xa1\xd4\xa58X\xc6\xd6\x89\t\xbdW\xcf\xcf\xadM\x0c\x02\xc1\xb3\xd6\xfbDX\xa3\x86\xae\xd5\xe6kx\x98J\x1a\x1a-\x19\xb2\xf3\xbd\xf4\xd6\xf0\xe6\x9f\xc8\xc9\x84\xa8EZR{\xcdz}^\xc3xs\xb5\xcd&amp;\x12I\x80J(\xce\xcb\xc4]\x19d\x13\xbcj\xcf\xe4\xe8+\xb3\xb3S\xe4\x13\x10\xc8&lt;H1p\xae\x99y"\x94\x0bX\xda|\x04SKC\xcd\x9d&gt;\x9eYn\x9ep\xae\x1d#\x13\x91[\xf0(n\xd9r\xbcz9:0\x9a\xc0R\xa3x\x00\xf1\xec\xcem\xe5C&lt;%\x91x+\xe7\xf2/\xeb\xcb\xee\xf5\xec6Nkm\x15O\x87I$\xb8\x81\x95 x\xdd\xd7p\xf1\xdcj\x92\xea\xcc\x85^ok\x19`%\x13\x13\xc4\xad*N\x0e\xe7220:\x9a\xc0R\xc37\xe6U\x89\xc5g89m\\DX\x1b\x8fp.?X\xc7\xfb\x87\xf5_\xba9\xb9\'D\xecy:\x82 @/D\xe8l:\x9e^\xa6\xa6&amp;%\xbd\xa8R\xcf\x89(\tQ+\xb1\x1d\xbe\xb0\x7f\xd4s\xda\xb0.\x1cK$\x12U\xe1L\x12&gt;\xa7M^\xd9\x8d\xe2\x83RNe\xf6\xfa\xf2\xea\xea\xf6\xea\xa2;\xa5\x9bS\x9b\x8br\xb5\x05,|\xcfF\x10\r}^\xab\xc1p\xac\x90V\xde\x96\x83\xd4\x9a\x88R\x8b\x9c\xb4e\xe7\xeb\x8b\xcc\xb6\xce\xd1r)PA\xd6\xe3J\xb5\xc9\x1fd\xa7\xb4\xb5\x9e\xd1W\xa60\xdccc\xdb\xbf\xe2k\xcc\xfd\x97\x07\xddz\xf4\x0c\xcab\x1c/\x92s\x11\xaeF\x93o\xd1\xf0xJ\xe3dH\'\x7f\xe0E"\xa65"\xaa&lt;\x8eEZ\xab\x8e\xcb\x05t_Wy\xb9T\x85\x8f\x16D\x12\xbe\xbe\xbb({\xdd\xcd\xe4\xf2\xbdL\xbc\x8d\x7fvD\xf5\xeb\xb3Eh\x9c\xa7\n\x903^\x81\x9bQ(o\x83\x02\xa1\xd1\xe8x:\xa51(\x95t\xaf\xa7 \xf1\xc0E21X4Z\xaf1\x9e.\xd0\xd8\xa0!7\xf9\xd5"\x08 \x9ao.L\x17,\x8fE\xe9\x1f\x1d\xab\x8b\nC\xe9\xc2\xb3\xedg\xdb\xdb\xdb\xcfV\x9f.\x82\xff\x19+@\xbc\xd1\xb1eAJ\x11$\x96\x06\xe1\xfd\x81U9%@/=\xe9#Q\t)\x10Tj\xdf\xabZF!*\x91N6\x85L~\x0c\xca\x16P1\x04\x10\xb9(+\xe6Zp\x89\xf3\xc4\x8d\xf7\x9e\xae\x82PO\x1f\x17\xb7[\x8b\x17\x16\x1d\xec\x027\xd8\rf\x82\x0b\xf6\x1ee\x991hB\x8b\x04\x02~\xda~\x12AjQ\xc97\xdf\n\xe5^\x8e\xb0zr\xb2)\x1cR\xaa\x85H~Q\xba \n\x8f^\x94\x91nf\x99k\\3.\xb6+\xba\xbc\x1cU(zJ\x15\\\x96\xc31\x82\xffuy\x8ay\xbc\x08\xe4:\xc2R\xa2\xdd)\xa9\xa8i\t?\x1f&amp;\x02\xeb\x18)\xe9\x85\x9f3\xa1G\xab\xcb\'\x9b\x8ca\x93\x1aE\xe8\xac\x11\xb7{l\xd1-\x8069\x16\x8b\xb9\xa2\xd35\x8dl\x87\xc3\\#{&lt;;\rE35\x1au//\x03\x16#\x95\x95\xaf\xe9(+\x0b\x07\x8d\xca\xb66}7\xf2\xaa7\x89F\x0c\x16\x95DZ\xf2G\xe2\x1cD\x8ac\x19M&lt;\r\xdb1\x1du\xcf\x8e-0\xd3S\x0bY\xf4\x18\x97\x1b\xe3\xa2h\x8d\xc5R\x03\xcbB\x97\xcb\x8bR\xd2\xd3\x19S\xeee7\x93\xc9(\xd0j\xca\x9c\xce\xc0\\@\'\xd7\xb7N \x1b}$\n\x01A\xfc\xf9\x08K\xba\xb3\x13\xe1\xf9\x01\x0b\xe4RZ\x1c\xccht\xca\x1d\x9dv\xb1\x8a\xcc1.\x1f*\xba\x10\xe5Z\xd8VK\xbbN\xadn\xc4g^\xa98\xd7\xb2{j\x8a\xc9\xa2\x03\x96\'0g\xcc\xaf\xe4D"\xe8\xbb\xeb$2\x013\x9b\x04\x16y)\x1c\xdf\xd9\x11\x9b\x00\xab\xdc\x18p\xb2S\x01K0\xe2\xe2\xc6\xcc\xe6\x9aF\xbc\xd5\xb3\xa9\xd4XG\xbb_\xa5\xc2?\xf2\xb8\xf2\xa2TFj\xaa \n\x16\x8dY\xa0\xed(3\x06\x02A\xa3\xa1-\xb2\x13o|w\x93D\xc8u\x08\xb0\x18\xb0\xfb\x84\xb9\xe24\xb1j\x14\xd4\n\xd4\xd5\x15;\x98Lf:]-\xe4z\x1b\xd5\x03\r\xf5\xf8P\xbc\xc1\xa7R\xd5C?S\x9f\x95\xd5\xa0B\xf2Y\x05\x05\x05\xa9#\xee\x85\xbbw\xd3Y\xd62#p5\x99\xd2v.\t=[I\x19\xc9\xc4\x18\xb2d2y\xe9\xacK\x81\x89m\xcd\x93F\xf8\x06\x8fl\x9a\xc1\x9cv\xa9|~\xa5\xdf\x97u\xf2\xda\xa94\x9b\r\xba0\xd8\x92Dj\x9eZ\x9cv\xaab\xd0Tf-\x9e\x9fw\xdcu\xbb\xef2\n\x0cNc8\x10\x0c\r\x9cH\x13\xf2\xe66\xc9$\xea\x0f\x9f\x8f\xf5EB\xad\x8bM&lt;\x07\xdaZuv\x12\xff\xbf\x01+=\xdd\xc5\xb3\x0fH;+\xbe&lt;\x99)\xe4\xc6\\.\x16\x9bM\x8f\xc5X\x8e\x99\xe9i\x85\xce\xd7R1\x182h\xb5\x8a{SSwG\xa6\x8b\x9d\xe1p0h\x12a\xf4\xfc\xccW\x89\x0b7\x9f\x8f\xf5\x03`\xd1H\xd7_\xab,B&gt;\x06e\x1e\x1eE\xa7\xcc\xe1(h\xb7\rv\x95&lt;\x1c\x1a\xd0\xb1]\xd33##/G^\xbe\x9c\x81\x0f\xb3\xb3\x0b\xb3#\n\xcd@E\x8b\xc9\xe94\x94\x8e\xc0*\x95y\x8c\xce`@\x89!\xf3h\xd5\xbb\x9bd\xfc\xd6\x14\x11\x87\xd44*\x99\xf4"\xcc\xcb\xa9D\xba\xca\x8d!c\xa0N\x06\xea\xe8l\xd2\xce\x87%\xa1\x9e\xd9\xd9\x19\x85\xac\xe7\xf9\xf3\x9e\x1e\xf8-\xfc&lt;\xdf\xd3\x03(=\xa6\x96\x92f\xa7S6\x03\xabTV\xe7\x0c\x07&lt;\xd6|L\xa72.%%\xee\x8e\x10\x81u\x8cB\xa1\xac\xcd\xd5\x1c\x7fP\xb67il:\xc2ru\x88L]%\x9d\xe1\xba\xf3\xe7=\x07\xbb\xbb\x9f\xf6\xe1\xb5\xbf\xff\xe9\xf0\xd3\xee\xee\x81\x95\xad\x98\xee\t\x95|\x13r\x82s-\xbdW*3x\xc2\x81\x80\xb5\x10i\x0c\xbd\xed\xcbH\xb8\xea\xcf\xc6\xfa\x19w\xfb\x14J\xdf\xdb\xe7\xf7\xea\xde\xae\xec\xe1)\x0fX\n\x97\xc6\xaf\x94v5\xd4\xb7\x94\x94?\xd9?\xfc\xf4a\xed\xf0C\xe2\xfdai\xf3\xf0\xc9\x9c\x9f\xd7a\xeal09\xad\xb2\xd2\xe9R\x08\xa2\'&lt;\x17\x0c\xa5\xfeY~~\x8bDI\xdc\xf9$\x02\x8bFK\xce \xaf\xed\xef\xbe\xe8]{u\x84U\xac`[:\xda\x95\xd5\xbe\xac\xd3\xfd\x7f{\xb5\xbb\xbf{x\x88c}J`-\xfd\xfez\xe8Z}K\xcb\x80\xd2\xd9^\xacP\x94\xf6\x18&lt;\x1egpc\xe3\xf9\xe3\x83\xfd^\n\x85F\xa3\x104H\xa2Q2(I\xd7\xaf\xdf$\xf5n\x04\xe7&lt;\x1e\x8f\x01\xa2\xc8\xb6\x1a\xda1\x91\x18\xdc\x97\x88\x1b\xb3\x1c\x1c\x1c\x00\xdc\x13\xfc\xfd\xe4yGcf\x9a\xbd\xa5\xa5\xdai\xb0\x16\x03\x95\xac\xcec\x0c\x04W..m-\xfd\x8f\x97\xb3\ri+\xcd\xe2\xb8a&amp;\xc9\xa5K^\x9a\x90l\xa4d\x9b%\xdd\x19\x1d\xf4\xee\x97b\xc5\x9a\xd8H\xde\xb0I \x11\xa31/\xd3\x91&amp;\x11e\x9b\xc4 $V\x05\x11\x0c\x1a\xa6\x0c\x8d\xa9\xa9\xab\xd5\x18B\x986\xd3\xb5\xb0\xd4b\xa6\xc4\x0e\xdbJ\xb7SZZ\xd8\xd9\x0e\xedT\x98\xe9l[+\xcaPJ\xe9\x87\xb2\xff\xe7\xa6-\xc3~\xda\xb2\xc9\x9eD\xbd\xb9\xc4\xf8\xf3\x9c\xf3\x9c\xe7\x9c\xe7\x9e\xe7\x8e\xb38\x1cvY\xd6\xe5\x11 $\x17\xf0a\xd5\x1c6\x8b}\xf2\x97b\x7f?\xc1\xd2\x0e[,\x96\x08mP(^\xbdz\xf5\xe8\xf5\xeb\xa7\x8c\x94~\xbe~\xf4\xe8\xd5\xab\xa0wZ\x1f\xb1Z\xdf`\x15:\x8a\xb7gy&lt;\x1eF!\x87-\x90\x94\x07KpA"\x90p8\x98\x1ay?n\xf6C4\x1a\x8d\xc5\xa2\xd58\xccA\xb3O\xd8\xb2\xfc\xf4\xe9\xcb\x97\x8f\x7f~\xc9\xc8\xe3\x9f\x1f\xbf|\xfatX\xe8H\x19\xcc.\xbc\rX}SS\xf3\x1d[\x0fI\xb3\xba\x80\xe2PlA9\xfa\x7f\xea\xea\x98\xd6L\xe8\x8c\x8d8\xf1\xf0\x01\xa8\xfa\xfa4c\xe0\xb2\x98|\xf5&gt;\x9fr9\xbd\xb1\xb1\x01\x1a"/I\xea\xfc\xcf\x8dKi\x8b\xa3\xad-b\xd5\x8c\x11\xd7\xea\x9f\xea\xef\xcf\xde\x1fgQ\x9cw\xcd\xd7ehK\xaa#\xc2e\xae\xedS,b\xc5&gt;\x08Q\x97\xc5\xe2p\x08MB\xb9v%}mc\x83,\xa5^\xda`\x04\xf1T\xa94)-\x16\xcdX\xf7\x18\xc1B\xfepw\x16\xbfNq\xab\xca\xd6v\r\xa8*\x86\x8b\x82\xbax\xb77\xdfq\xc1\xedM&amp;e\x97p8\x10X^Y\xd6\xb8\\V\x97kxy\x19\xf1S;\x8csZ-cB\x18\xb1\x7fj\xfe\xf9m\xd6\x9b\xcb*\xe5m\xd0\xb8Yw\x139=E\x8d\xef\x14\xfb~\xc2\xa3\x8f\xa8k\x1d\xba\x92c\x1e\\I\xaf,k].\x8d\xc54L\xc2\xfa\xca\xc5\x8b\xdd\xdd\x98\x1b\xb5D[c\x9a&gt;bC\xd4\x15\x14U\xfe\x06u.\xa8$\\\x0e\xc5{\xb2\xd9\xc7\x88\xd5j\xd5\xac;\x84\xf2\xe1\xe1\xe5\xf4\xb5tz\x05`c\x17\xbb1\'^\xbav\xe9\x1f\xe9\x95nDQPu3TS\xd9\'H\xb2*@U\x05\xbf\xa78\x12|=|P\x04\x14\x0ci\x85\xd1\xa2\x0e\xa5R\xa9M\x13*X\xcdb\x81\xed\xba\xc9\xd2\xb26\xd0\xdd\xad\xb5X1b\xf1\xce\xfe\xe2\xfc\xe68\x1c\x80\xd8\xb0\xaa\xfc}\xa7L\x0f\x17\xff\xf8V\xb6X$\xfe5\x15*8\xcd\xc0\x12*\xb5\x01\xb1\\\xe8\xf0E\x1d\x10\x97\xcb\xb1\xaeU\xaf\xafk\xb5\xc0\x9e\xb2ZA\x95\xcdf\xb7f\xdf\x9a\xb0\xcc\xda"\xbeEfG`\x9d#\\\xc5\xe2|\x87\xdd\xaes\xba\x94&gt;s\xb4&gt;\x08I\xd1f\x1auj\xd4l6\xb7\xb9 \x11$6S\xa1\xfe\xbe\xe2\xb9\xec\xc0\xd6\xc9\xb7\x8eU\x91\xbey\x06+|\x0e\xff\x7f\xb6\xa3\xc3\x13V\xd9S\xba\xa8\x9966\x1emL\xd1\xa9\x94\xd1h\xd4\xe9\x80f\xa0\xcd\xceH\xc8\x89\xc2"T\x98*f=\x03\xe1\xe7%\xac\xaa\n\tW@\x8do\xa1,\x83x\x08\x16$\x95BYq\x14\xe9\xb2\x91\x0e\xd2\xb4\x13\\\x06\x1c\xebU:\x9dn\x15)\xe3|\xd6\x93\x0b\xab*\x8d\xc5\xa5\x8eo\xea\xed\x9e\x0c!\xf3x\xecv\xd5\xe8\xdc\xdc\xf4\xdc\x17G\xf4z}\x8a\xa6Q\xa6\x82K?\xe7U\x8d\xba\xed\x85\x02R\xd9\x81\xac\'\x93\xb1\xab\x9eOT\x16\x8b\xcf\x1f\xdf4\xeaV\xc3\x99\\.\x93A\n\x9d\xb4\xadAl\xa3*\xbd\xd7\xae\xf2\xaaT\xe10Hm\xf1\xd1\xf8b\xdc\x1d\x0eg \xe4*\x91\xbeXY\xac:\x8a\x0b,Z\xb7\xeaI&amp;r\x19\x90\xc5f w\xf2\xf1\xa1\xd1!\xc8\xa8\xdb\xed\xf6\xb8\xe3\x0b\x0bKK3\xf9\xc5\\2\x97\x84\x84WS\xfa\xec8\xa7\xb2\xbe\xc5\x1f\xdf\xd27\xd0\xce\x0e\x0f\xfeh.\x93\x98\xe9e$\xbf\x10O\xd8\x16lI\xb7;\x99X\x04j/\xce/%\x12\xf1D2\x99)\xe8\xf4\x8d\xd9\xf1\n\xfb\x16\x7f\xfcAcCJ\x17\x9a\xf7$\x12\x89g\xdb\xbd===\xcc\xe5\xfdX,Fz"\x92\xb6|\x1eT==\x7f\xee\xc9o/.\xc6\x93\xeeUg\xca\xd88\xf0PRa\x97\'X\rtt\xde\x93\x03\xd7\xf6L\t\x0b\\w\xee,\xe4\xef,\xc4\xf2\xe4\x0csr)\xb6\x98H\x80\x8anh\x06\x16\xe7\xff\xa0-`\x85\x0629\x82\xe5\xff\xc0\xffA\xa7\x1f\xd2\xdb;\xc34\x92\xf4\xf8\xfd\x1f~\xe8\xf7w\xf6\xc4\x16\xe3\x84Jg$X\xdfW\x18\xab\xaa\x84U\x1f\x9d\x9a\xc7hL\xe4\xfd\x9d\x9d\xbbH{HgIG~\xf2j\xd7.\x7f\xa7\x7f&amp;\x16\x8f\'UN\'\xdd\xdc\xdc\xd8\xe8\xa94\x16w\x82`\x05\xeb}\xae\xa9\x8ep2\x11\xeb\xed\xfcmm-\xa8Hk\x0b\x10kjjjkkj\xa0\xbc%\x1b\xa1"s@s\xb3&gt;|\xbb\xc2X\x9c\x89\x07G\x1a\x1a\x14\x84k~\x00\\\xdb3\xe0\x02JIj~s\x00\xc7\x07j{f\xf2k\xb6!\x95\xd3\x151+\x8c\xc6\xe6\xc6\xf0\x8f\xd5TU\x85\xb5\x05,F]\xa1\xf9\x02\xe2Al\xa6\xa7\x13@\x07jv\xd5\xd6\x90=?8\xee\xec]\x8a\xd9lC^\x1d\xd2\t\xb3\xa2\x01X*\x06\xab\xaa\xd2Fl\x08\x06\xa3\xc8\x10:\x062\x88S\xf9\xde\xce\x03%;v\x926$\x7f\xef\x8d\xfc\xc2\xda\xe0\x907\x15Q\x9a\xda\xcc\xb4\x81`=\xa90\x96d\xe2\xbe\xbe\x81\xb1bT\xe7\x0c\r\xb8\x11\xc8\x17cy\x90\xcc\xdc\xb81\x93_\xca\x13\xa45\xdb\xe0\xd0\xa8W\x17\xb1\xc8\x85m\xe6\xa0\xc2\xd0\xacW!;\xad8\x96\xa2\x84e\x8e\x86\xecnw&amp;&lt;:\x14\xb7\xc5\xe36[\x0c\x96[[[\x8c\xa3\xccW!\x13\x8bX\x86\xe5\xc2\xa6\xb6\xbd4\xc1\xba\xcb\xf8V\xa5\xb6\xe7\xbe\xc126(\xea\xeb\xa3\x90\xc2\xc0\x00\xb2\xa9\xb0\xca;wlh\xd0f\x1b\x04\xd2\xd0\xd0\xb4\xd7\xee\x04\x95Ki\x91\x9b\x84M\xf5{\x15F\xbd\xf7\x17\x1eJW\xc1\x85\nq!=%F4\x12\x97\xf79\x1c\xd1\xc2jx\xb5\xb0Zp\xeaR^\xef4i\xb5\x9bF\x16A4\x15A6\xbd.\x97+\xc9\xc5jx\x97\x9e`\t(6\xe7re\xb2S\x06\xcbh\x00\x15Y\x84\x8f\xea\xec\xf6B(\x14\x8aD\xa2\xc8\xfat\x06\xb3.\xa5ZuF\x9c\xc02)\x95r\xb5\x9a\xa8\xab-\x08\xac\x1d\x1ejj\t\x87{\x99[\xa9\x91x_o\xa0\x81%\x14\n}Q\xb3\xae\x80J\x1e\xb5Y\xc4l\x8eF\xcc\xe0L\x11UEP\x11\xa1\x80\x04V\x17\xc1\xa2\r\xfa\x9dY&gt;\x9f\xac\x99\xd6\x95\xbb\xf2!H\xf0\r6\xb0h:H\xa8\xba\x9a|\xd1h\x88)\xcd\\\xf033,\x87\xc2\x02\x0f\x93\xa3\xcd!\x0f\xa8\t\x96R\x08\xef\xa2\r\xa9\xfb\xb3d{"E\x01\xebr]\x19\xe3\xfd\xbb\xad\xe7\x13;\xef\xb0\x84B\x87\xcb\xaaA\xdd\x8c`\x0e\xac6\x87\t\x85\xf6:\xcc\xe7r\x99\xd4\x01\xb5\x9a\xc1jj\xaa\xafW\xa4\x1e\x1c\xaf\xae&amp;[\x99\xeb\xaa\xca[\x96\xbdY\xd4\xe0\xb3O\xee\xa4\xe8 \xb0\x1cB!JD\xa5F\xf3S\xb7f\xdd\x84\n\xb1\xc9a\x82~\xd6\xd7\x95\xeb\x16\xf8\x15jG\x82E\xb80\x16S\xe7\xee]=\xb5\xef \x8f\xa9\xca\x04Ty\xb5\xc5\xa7\xe0 \x13;\xf6`\xc9\xb5\x94]\xa8\xf4\x87\xc7\xc6P?\xcbQ\\wu\x91+\x17j\xb5Vm\xb1\xc8\xd5b\xa9T,nQ\x93\xb1\xd8\x04,\xf7\xf6_\xee\x9d&gt;}v\x96+\x91\x088\x9c2a\x95\x14\xcf\xc1\x07rX_n\xd9\xc98\x14v\xc1\xa9[\xd4\xea\x80v\xac;\x80\xaa\xbaK\r\xed\x88!(\xfaq6 \x15\x11\xae\x92\x19\xf7\xeeMym\xbd\x9f\xfe\xf0\xdd\x0fWX\x88|\x14\xbf\x9cX\x14\xd9\xe7\xcd:q+c\x0f\x82J\xd9\x05e\xb5\xb4\x88\x03\xcb\x10\x10\xb4@7\xe4\xb2\x18p\xc4j\xb1H$\x95\xe1\x00\\\xd0#|^?m\xbb\x93\x7f\xf1\xf9\xe7\xb7&amp;\x04\xa5%\x92ra\x91\xbd\xfa,6\x8bw\xe5E\x12X\xbe\x92\xb2\x00#\x05W@*\xdd\xb3{w\x0b\x83\x05 \xf1n\xa9L&amp;\xdb\xff\x96\x8b\x0cE\xfd\xdc\xda\xc2\x8d\xd8R\xcf\xf9\xef\x05,\xa6\x95\xf2\x7f\x98 \xb9\xbf\xba\xfd\x03\xd9\xc9y\xea\xfa\xf8\xc1\x83\x7f\xdb\x1eR\xa5\xea}M\xc2\xae\x12\x15\xd4\xb5\xb2"\x93\x89\xc0\xb5\x1bL"\x11\x0e\xf7\xec\x11\xc9\xf6CD\x8c\xb6\x80e8r\xec\xcc\xe1\xc3\x0b\x89\xde\xa5\'o\x96H\xea\xde\xdd\x8e\xe1\xf2\xfb\x0e\xcd_\xdddB\xc0\xe6\x1d?{\xfa\xea\xf5\xf6\x13\xdf\xc4\x06\xbd\xc6 \x19\x86J\xb5\xb8%\x00\xb2\x95t\x1a\x04\x84\x0b42&lt;\t\x16\xd3\xa3.\x13\x89I@\xf5\x05\x8dG\x06[[[\x0f\xe7\x96&gt;\xbd\x8b !\x10\xb09\x02\xee\x7f\xca{h\x8b\x04@L\x1a\x14\x9b\xf7\xe57\xe7\xbf;;\xd9\xde\xde\xfe\xd7\xd8\xe0\xb4\x9e\x84-\x04\x81\x96\x16\xe2\xd6\xa2t\xfa\xda\xfe\xfdDI"\xe0\xc8d#\x8c\xb2\xbe\xfa\x8a\xe1\x92\xaaMM\xf5A\xe3\x17\x9f\xb5\x9e\xf9}k\xf2\xd9\xf6\x93\xeaC\xd5\xd5\xd5\x07\'\x0e\xf2X|&gt;\x17\xf3\x91\x84+\xe0\x92\xf0\xff\x1eXu\xc4\xa3Xl\x0eT\xf5\xf5\xb7\xe7\xbfn\x9f\x9c\x9cl\xbf\xbbm\x9b\xd6\xd3\xbeGo\xb1\xa4b\xa9l\xff5p\x8d\xec\x19!\x1eE\xd4\xb6GF\xb0\xf0\x94\xc1\xfd\x81\xa5h&lt;v\xa6\xf5\xb3?\x9cY\xcc\xbd\xb8\xfa\xbb}\x90\x8fN\x9d8T}\x88\xdc\xfa\x80\t\xfd\\\n!\xe3\xe6{x\x15\x9fM\xee\x93\xc191y\xfd\xec\x95I"\xedW\x9f\xd9\xe6\xa6\x8d\x88[\xc0\x92\x8b\x19,\xe2H#\xa2?~\xfc\xf1\xc8\x08\xb1\xe0\xee\x12\x16\xe3\\R12AE\xf3\xd1?\xb5\x12\xac\x85\xc4\xb7\xd7?\xfa\x04\xb2\xef\x93[\xf7\xae\x1e\x9f\x05\x16\xc0P|\x90\x9b\xcb\xdc\xfc\xaf\xec\xc7|\xa7\xf8\x1c\xe6\x1e5\'N\x9d\xbdr\x9d(k\xf2\xd4\xdf\xffe;6\xd7Hf\x1f\xe2\xf3\xff&amp;\xe4\x0cc\xda8\xcf8n\xeb\x8c\xe1N6\x0e$\x8e\xe3z\x18p\x9d38\xa1$j`\r\xc7\x8a\x15&gt;$\x90D\xd1\xe4|\xa0\xd5\x14\xb7\xa5Z\x97.i\xa7I\tR=4t\x08\x16w\xd8n\x9d\xc9\x92q\x17M\x93\x12\xc5\xeeb+\xc6|\xb0d&amp;\xd9\x98Iv\x89L\x07\x16\xa2I\xf8\x00\x91\xa2h\x994EU\xa5h_\xf6\x7f\xde;g\xcd6iop\xc0\xe2|\xf7\xbb\xff\xf3\x7f\x9e\xf7\xbd\xe3\xdew?5\xd8\xe9\x80\xcd\xd5\xdb\xeb\xea\x9d\x9c\x84V##\xcc\xf1d3\x05\xeb\xe4\x1b\x9f\x01\xab\xf3\xe8\x89k\xd7\x9f\x87\x18\x96\xdb\xbd\x15L\xa7\xaa+\xd3FZo\x06!\xa1&lt;\xb8\xf7\xff-\xaeaw\x95\xc9WV\x8f]\xf2\xe77\x83\xa9\x82\xdb\x1b\xf0F\x03\x81m\xc2\xc20p\x8f\xc2\xd5\x8a/pMN\xf6\xa2MN\xba\\\x84e\xb3\xb1\x94l\xfd\xb7Z7Ntv\x9e^\xf8nWt\xba\xbd\x84U^)\xad\xa6\x83\xab\xd9\xc2\xac\x91*\x8f\xfa\x88,\xb3\xd8\xcb\xfe\x7f9-\x14\xac\x86\xf9\x88$\xf9K5\x99\x17|17\x0c\x1f\x8dz\xd7\xaf_\xf9\xe2\xb3S\x1d=\x03\xacF\xb0 \xb6"x\x93\x08\xa2\x0b&lt;\xbd\x14D\x1b\x03\xb3\xd9\x90\x10mg\x80\xd5w\xb0\xb3\xf3]\xc2J\xd8\x9d\x8aZ\x81J \x10\xdb\xca\xa4j\x9b\xa5D\xa4\xbe\xf6\xc1\xffJK\xf5\xce\xe6a\xb3\xc9dj\\jF\xc4\xf5\xf3\xa1P\xc8\x9f\xdf\x90\x1dr0\x95Ib\x87\x00\xf3*Q\xec\xff\xc5\xe8\xc0\x1eVQ\xa9XM\xa2x\x12\x16\xdc\xc5\xb0Z\x89\x89Q)j\xf5\xfd\xe0hg\xe7\x89k\xb7\x1e\xfbU,\xe7J*S\xaa\x04\xca+\xd9\xed\xccfqm\xda\xc8\xe6\x8d\xd0l\x88\xff\xe4b6\xd7\xd0\xdf\x04L,\x01\xb5VX\n\x19\x18\x96\xc3\xab\xd9\x95d2\xeaT\xb9\x9e\xff\xf6\xf2\xa5\xe3\xfd\xed=\xe0bz\x11\x16\x9a\x8a\x85(\xda\x18\x13\xaa+\xba\xa47_\x05\xd6\xa9\xf7\xf7\x1d&lt;z\xe2\xf4\xc2\xc2&amp;\xdb\t^b,\x95N\xa7\xb6b\xe5@\xb9\x90/VK\x88%LlVDk\xfa/,J&gt;z\xac\x9a\x16\x84\x91B\x0c*\xb8\x19+\x03&amp;\xe0\x15E\xec\xcf\xebu\x17\x1e_\xd9\xd7\xd7O\x0f\xb2!\x1f\xc7\xc8\xf66\xa2bX\xb6I\x97\xcd\xd5J\\T\xf4\xd1K\xb6\x8d\x9d\x198{\xf2\x8dK\xfb\x8e\x9e\xbe\xb6\xf0\x9bu\xaa\x0e\x84\xe5,W\n\xd5T8\x98)\xae\x94\xa3\xd1\xcaJ\xac\x12\x8d\xcc\xeb\x9b\x1a\xbew\x9b\xbc\xf1\xee]\xcd\xdd\xc6{u\xf9\x88\xcaj\xf5\x88\xd1Bq\x83A\x05\xbc\x81J\xacX\xad\x88N\xc6\xe5\x8ef?\xb9|i\xb0\xa3\xbd\xa7\xbd\xa7g`\xac\xade\x7fK\x8b\x8b\xfc\xae\x06\x919\xac\x85\x9am/\xfa\xc96f\xae\xe3}\x9d\xd7\x16\x16\x1e\'DQ$\xb5\x9cb,\x9b\xaf$\xb3\x99\xa0/\xb8Q\x05S(\x1a\x8d\xce\xd2\xe3$\xf5\xbe\x89iD\x17J\xf7\x14\xf9\xcc\x94|\x9eP\xa5\x04\xa1\xe4\xf4\xd6\n\xa0V\xb6\xd2\xbe\\\xae(9\x99^n\xd1\xff\xf7+\x97\x06\xc1Dz\xed\x19\x19"\x02\x17K\xc4\x9d\x9d\xde\xfb\xe0jQ\xa0\xa8\x07@\x07\xde\xc6\x9e\xef|\xe7\xc6\xc2\xad?=\x8f\xd8\xed\x12\xc3\xf2\xa7s\xbeZ\xa9\x1c\x88m\x86s9_z;\x9f\x8cJ\x92\xc4\x96\xd8P\xef\xdf/-A\xab\xa5\xa5\xc3K\xb0\x95\xa9Y\xaf\xb5zB\xe5\xfcvZ\xce\x85kYt7\xe5\xfcf8\xae\xd39\x0c\xe92\xe4\xa2\x93\x15\xa5\xc2\xe3\x8f\x18\x16\x14\x1b\x18\x1b\x02\x17t"\xb9vv\xf0\xad\xb5\x8e\x85\xf2\x80\x92f\x1b:30z\xf2w\xef~u\xeb\xbdT\xc2c\xd5[\xed\xd8\x89\x98\xcd\xf1&lt;\xef\xcb\xc4\x90\x8e\xd5\x94/\x1e\x97\x83\x1b\xc5X"4O+wQ\xb18\xcc\xce\xcbv\r\x00\x00\x08\x0bIDAT\x9e\xb1\xa3\x1c@`as\x8f\x14]\xc1\x869\x1f\xfcH\xd1+e\xc2\x0e\x8e\xd3a\'\xf1\xac(\xda\xed\xd4w\x88\xce\'\x17\xdeh\xff)\xb0:\xda\x07\xc6F\x98^\x00r\xb10\xbaH-\x04\x91\xfa$\x14\xd4c\x07\xf6\x9e\x19={\xf9\xc6\x1f?\xf8\xc0W\xb2[\xb5f\x8a\x85=\x94\xe2Y\x0bo\x17p\xe2\xb1\xadZ8\xf7\x9e\xc3\x97\xde\xcc\xaeMG\x8c\x18\xf4\xeb\xf5\x1aeu%d\x9eQk\xb4G\x11\xefpN\x86\xaae7\xb6\xaf\xa6r\x06N\xa7\xd3q\xbc\xce\xc1\xa5\x02\x8cK$\xae\xf5\x0b\x1d\x03\xa3=\x1d\xfd\x1ds\xc3#\x8c\x0bB\xa9\x06\xdbQl\xb5\x9f\x15\xfac\x8b\x8b\xfb\xcf\x8c\x9e\xfc\xfc\xaf\xa9\\n{\xd6\x83\xfe\x95y\xa4\xe0#(\x07\xcf9\x82\xd5\xa4\xd7\xe9\x8c\xaedW\xd3r\x9c\x8b\x87k[\xf9\xc4\xac\xddh\xd5\xb0\x15\xc7\x8cZ\xbd\xd5\xe8\x8fUka\x99"]\xf1:Q\xecR&gt;\x12\nPxA/9\xeft\x02\xcb.I\xf8Z\xbf\xd0&gt;\xd0sd\xf0\x88*\x97\x12E\x86\xb5L\xb6\xa2\xfe\xe8\xd8\xb1\xc5\xbf\xdcY\\\xfc\xf8\xad\xf6\xc1\xce[O\x9fn$\x14\x1d\x96\x10\xc7\xa2\x83W\x9b.\x1e\x84\x04\x92\xe8\x0e$c\xd9\xccS_\xdc!\x87\x91\x9e~\rt\x82R\xf3I\xe2\xf5\x05A[\x89\xba\xe1r0\x11\x8b\x8e\xe3\x18\x1a\xdc\xe5X\x8d\x8aN\xc9nGo\xe41F\xd6\x7f\xd9&gt;\xd1\x7f\xfc|\x7f\xcfX\xdb\xc8\xd0^[\xaf\xda\\-\xdf\xa3Z\xa4\xb1\xcd\xde\xd1\xc1}\'\x16~\xb6\x99\x94\xb4ZH\xa5\xd7\x1b\x8d\xd1\x9a\x8eW\xc0p\x04\x8eGf\xe5\xfdNg\xc8\x1b\xad\xc4\xb2\x9biX\xcd\x97\xd6\xe8\xb5\xc6\xd9B\xb5\x86T\xcdT\xf3\xc9@(TVt\xd29\xf0!\xd2J\x11K\xc7\t\xbe\xbc[\x14!\x15\x14\xf3x\xe6\xd7\xbf&lt;5x\xfc\xf5\xf3\x1d\xaa\\\xf7Ycy\x88\xdanSb\x88z\xd62\xd2\xb1\x0f%\xeb\xfa\n\xf2Lk5\xeba\x15iW6\xf0J\x14\x89\xcc`\xe0\xd0\x8d\x90D\xd1\x90\xdb\x1b-\x13\x9a\xac\xb1\xce\xc6V\x83\xc1Z\x15\x91s{\xfd\x85\x12p\x11;\x9eg\x81\xabcq\x06\xa1\xeb\x87\x96T\x12\xbe\xb2\x8bP\xcb\xe3\xd1J\xb1//\xf5\xf5\xbd\xde\xdf&gt;7&lt;\x0e\xb0\x03l\xf6\xd1}\xea|F\xc6Fh:\xec\xc8\xf88~1\xdc\xde\xf7\xf9\xc2\xc2\xf5\xddy\xf6\x0c\x84\xd9j\xb4z\xfc\x19\xa1[0\xe8\xd4(\x1a\x04\xde\xa1\x13\x04\x0e\xd9\x88\xde\x04\xa1r;\xa1\x8cfw3]+\x16\x02(\x94\xc9\x12\xa5\x04\xaf$^=v\x14D\x03A\xa1\x192e\x91\xd9\x1ejY\xb5\xf6\xd8\xcd\xcb\xaf\xbc?\xd8&gt;755&gt;&gt;&lt;t\xe7\xeb\xaf\x81\xd5\xdb22\xc5\xa60\x1f\xba}\xfb\xf6\xd5\xab\xb7\x8f\x9c\xbfx\xf4\xdaW\xdf\xadyh\xc4\xd7\x00,\x88\x95\x8dwY\xba,\x06\x8e\xa0\x10\x04&amp;\x01\xf0,\x06\x1e\xd1\xdb.\x15B8\x84&amp;\x8d&gt;\xd3+z\xa9\xe4\xcaq\x95\x86&gt;\xc0\x19\xea:Y\xba-\x16\x86\xd5\x15\xdf\x8aB-\x12\x0cXVi\xed\xdb\x8f^9\xdf1G\xf3\xa9\xa7\x86mw~\x8d .\x0fO\x10\xd1\xd5\xab\x17\xff\xac4\xf4:\x7fx\x90\xb0j\x9b\xa9\x80\x9bLZ\xa3\xa7\x10d\xf7\x80!\x10Q\x198%(\x06zk\x10t\x8e\x1c\xe2\x99\x0ci\x8aI/j\xe6jPv\xf0:U\x1f%|\x8c\x90\x13\x84\xae\xae.`\xd1\xe2{]\x16_\xd6K\xd5\x10\xa7cE\xe1\x95\x12\x0f~t\xbe}\x02Xs33\xe3\xa8\xf4;\xe34\t\x1dTl=\x14Z+\xe2\xe2\xc1O\xbe}2k\xc5U\x18=\xedk"\xbfgt\xdd\xb4GA\x10\x80\xc4\x19\x98\x81\xc9`d_V\x8ex\x90i\x02\xdeJ\xb6\xe6\x8b\xbf\xb0\x12\xe3bQW\xc2\'tw\x93\\\xdd\xb4,`\x97\x10.\x85\x88\n\xe6\xd27\xe1\x18\xd3\xcfo\xbe6\x01\xa9\x10\xb7\x99\xf1\xe5\xe5\xf1\x89C\x14&lt;\xd6h\xca\xfc\xa1\xdb\xef\xdc,ap\x8c\xfac\xa6K0\x88\x15*\xcat\xef^`\xcd\xc0\x19\x14\xab\x18\xe8;g\xb10\xc7Q\xdak\x00%\xf3\x1c\xaf\xa4[\x1d]\t#\xa8\x0c\x04&amp;X,L/\xe2\n\xc6 \x15]\xbdh\xf5\x8dzm\xc3\xec\x93\xbf\x9d%k\xcd\x9d\xa3\xd9\xf1\x13\x87T\xa2s33p\xdc\xdck\xbf\xff\xc77\x12\xad\x99\xd7\xa0\xa7+\xc3&amp;\xbd6R\n\x0b$\x96\xa06\x80pJ(a.\x8b\xa0\xab\xa7\x81&amp;%S\x81\xd2\xa9\x11\xe4\xebqt\xf8dN\xd1\xcb@X\xf4\xa7\t\x9c\xa4\xa5\xdbQ\rA)=\xc6\x8atG\xa2\xa1a\xfe\x9b\x07\x9f\xbe:42&lt;s\x8e\x96\xf4`+C\x9c\xa3i\xf2\xcb;Co}\xfa`7\x84\xf0\xe9\x9bh\xba\xebaZ\xf8)R\nr\xdd\xb4\x1f\xa6\x15a\t\x06\xd54\xf4\x8ecP\xf4\xa3\x86W\xa2\xa6Tr\xa5\xc2\xe1\xe5\xdbX\xaf\xa9\x06\xe3\xd8\xc7\xbbI1\xfc\x10/\x86$\xab\xde\xd4DXfv\xb1=\xfd\xec\xd1\xaf\x86\xc6\xa7h\xcd\x05\xb6\x06\x03l\xb6\x8c\xc2\xfa\xf1\xcf\x1f&gt;\x996\xd2\xf3ZZ\x93\xc9\xdc\xdc|\xb7\xb9\x89\xa8t\x10\x8b\xed\x89\x9d/\xf2\t0td\x8e\x112\x02:\xa0\x86b\xc5\xa9\x12\xf1L5&gt;\x1e\xdeX\xf7\x872\xf4\x8e\xf2\x91\xc5\xb1\xee\x85\\I\x92&lt;\xf4@+\x8e\xd5\xb8\x84qP\x836\xb2\xf6\xf0\xc7c\xe3\x04v\x8eEo\x19\xe3\x9b\xfbo?\\\xf7\x1bY\xf2a\xa8\x82\xcd\xcd\xa6\xe6\x06}!\x8d\x14\x02\x17\xce\x11X8&lt;v\x8d\x7f\\&lt;N\n)\xdeAO)\xd4\xb1T\x8b\x93bq9\xbd\x19\x9b5\xda\x19\xd6\x8b\xfe\x87Y\x12\x1bpr\xc9\x88\xa2\xa5oT\xe7\xb0\xb2\xbb\x13\xf3\x89g\x1f\xeea\\\xa4\xd42F\x13o\xff\xf3Yb\xbe\xa1\xb9\xc9\xac^!4\x1e\x86\xc0ZkI\xb6P\xbd\xe9V\x12\x91\t\x86\x17\xc7m\xac\xa6\xc39\xc7\x8bT\x83p\x1a\x1cL\xa8\x8b\xa7c\xf5\x0c}\xba\xdd#*XjF\xeaX\xdd\xa7m\xe4u\xf4\xb8\xe8\xdd\xcc\xf5\xe1#Ml\xd1Fv\x1f\xfedj|\n6\x07U\xcb\x9b\x8f\x9e\xadIV\xedK\xd73\x88\xb9\xd1\x93\xcd\x91&gt;\xe4T\x8b\xc0\xe4Q\x1a\x9f\x17\xfd\x18C\x04s\x8a\x83h\x0b\xa8\x85\xfa\xea\xa0\xee\xc9\x11\xc6 +\x11\xb1\xda\x9d\xe0\xb2K\x19\xea\xb3\x98Z,\x15\xd4.\x1fXZ\x93Y\xafr)\x8f\x9b\xe9iu\xbc\xf5\x0f\xe7\x88ig\xb9\xed\xd1\xf3\xb5\x08]-\xeb\xebR\xd1\xff\xa0\x92&lt;\xc5\x7f5q\xc6,\rCQ\x14nH|\xa6\xe1\xc5N!dy\xc3\xa3\x94\xb6\x7f\xe1-\x01wg\xb7\x0e\x8e\xfe\x84nv\xae\x81\x0c\x85\x92_\x90\x0c\x82\xe0"\xe8P\xc1EZ\x14\xb4\xb8u\x97"tu\xf3\x9c\x97\x04\xed\x16\xba|\xdc\xdes\xee\xb9\xaf\xe1\x15\xb5\x80\x1a!J[*)\x8b%\x96\x0eu]\xddm3\xcd6\x932\xee\xb0\xa5\x89\xe5\x05\xd9r\x96\xa7\x98\xa8\t#(\xb0,k]/\xaf\x99\xac\xba;y V\xc4\xab2#{\x97g\xa7\xe7\xf0\xe1(\xaf\x0e\x97\xa7\x17\xe7g\xfb\x9f7\xa4L{ml\xef\xef\xc8\x08&amp;\xa7R\xf3ZphP?\xb2\xb1\x07t\x87\x94\xf7+\x0cB\xb8\xa1\x99=\xef\xe6h3\xd7%\x16\xbe\xa5\xe6\xe2y\x19\xa6\xb0\xc8\x04\xb9v\xdc7f\xad\xdbTd;\x0cL\xf8x\xc4\x12\xd4\xa0\x93\x88\xf6\x9c\xc2\x1eT8\xe1\xe2\xeb{\x7fx/s\xbe\x9a\xe8\xf0\x90\xae\xb7\xb9\xa5*@\x86\x98\xc2P\xba+\xeab\xd5\x1e_\xf7\x95t\xe3\xab\x8au\x80\x1b\x86a^=!\x0f\xc3\xb7&lt;/\x18\x06\x9eDZ\xcfJ\x95\xf6|\xa4Gn\x12\x03\xf5\xa9k.@\xe9\x96\xd0V+!\x164ho\xcc\xf5!E\x14\x0e\x0f\xd8\xc0\x17S#H\xe9\x8b\x08v\x00\xed\xd1\xb1h\xbb\x8c\x99\xa9Z\xac\xb5k[\x8b:\xb4\xc2\xb6b\x8a\'/c\x06\xb9$:NT(\xccj;\xb4X\xa3\x18\x1d\xad\xddy9P\xb0&gt;\xa1\x90\x8a\xc7}\xb5k\xb1\xba\xff\xb0\xf4d\x89_Y\xf0/^z\x16\x10\x99"EjL\x9e\x1b%\xf8\xbee\xb4\xc1Z\xf0\x08\x1e\xff\x04\xc9\x97\xb1\x8f\n\x11X\xf2\xa6\x1f\xba\x19\x</t>
        </is>
      </c>
      <c r="M538" s="3" t="n">
        <v>45492.67715277777</v>
      </c>
    </row>
    <row r="539">
      <c r="A539" t="n">
        <v>1471239</v>
      </c>
      <c r="B539" t="n">
        <v>1977</v>
      </c>
      <c r="C539" t="inlineStr">
        <is>
          <t>Isaac</t>
        </is>
      </c>
      <c r="D539" t="inlineStr">
        <is>
          <t>Isaac</t>
        </is>
      </c>
      <c r="E539" t="inlineStr">
        <is>
          <t>UNK</t>
        </is>
      </c>
      <c r="F539" t="inlineStr">
        <is>
          <t>UNK</t>
        </is>
      </c>
      <c r="G539" t="inlineStr">
        <is>
          <t>UNK</t>
        </is>
      </c>
      <c r="H539" t="n">
        <v>181</v>
      </c>
      <c r="I539" t="n">
        <v>41</v>
      </c>
      <c r="J539" s="2" t="n">
        <v>38071</v>
      </c>
      <c r="K539" t="inlineStr"/>
      <c r="L539" t="inlineStr">
        <is>
          <t>b'\x89PNG\r\n\x1a\n\x00\x00\x00\rIHDR\x00\x00\x00\x96\x00\x00\x00\x96\x08\x03\x00\x00\x00\x0b\xdf\x81\xd0\x00\x00\x00\x04gAMA\x00\x00\xb1\x8f\x0b\xfca\x05\x00\x00\x00\x01sRGB\x00\xae\xce\x1c\xe9\x00\x00\x03\x00PLTE\xff\xff\xff\x0f\x10\x13\x10\x0e\x12\x06\x05\x06 \x1f%\x1c\x1a \x16\x14\x19\x0b\x0b\x0e\r\r\x11\x1b\x19\x1e\x08\t\x0b\xb1}f\x15\x12\x17\x12\x10\x15\x1f\x1d!\x18\x12\r\x02\x01\x02\xb3\x80i\x1d\x1b#\xa8t^\x18\x16\x1a\xba\x89u\x19\x17\x1c\xb5\x83t) \x1a\xafyb\xbb\x8a{\xbf\x8f{"!\'\xb3\x7fp\xd0\xa5\x96\x12\x13\x17\xbe\x8aw\x14\x0f\x0b\x0b\x08\x05\xa9w`\x1b\x16\x12\xacwa$\x1b\x16\xdd\xbd\xb2\xabyc\xc3\x92~\xa5p[\x10\x0c\x08\xb7\x85w\xc5\xc5\xc9\xbb\x8e\x7f\xdc\xba\xae."\x1c\xd3\xae\x9f\xae|e\xd3\xaa\x9b!\x18\x13\xaf~h\xb9\x85q\x8b`O\xa5r_\xc8\x98\x8d\xfe\xfe\xfe\xc1\x90\x83\xc5\x95\x89\xc9\xc9\xcd\xca\x98\x85\xad\x87u\xc1\x93\x86\xc6\x94\x80\xb8\x8c}\x96bQ\xfb\xfb\xfb\xabs`\x96ZJ\xba\x86y\xc2\xc2\xc6\xb6\x81l\xcf\xa2\x90\x97fV\xc7\x96\x831\' \xbb\x91\x83\x1f\x14\x0f\xb8\x7fr\xaduf\xb4\x86u\x9biZ\xbf\x8b\x7f\xaa\x84q\xd1\xd1\xd4\xf8\xf7\xf7&gt;/)\xa1mX\xd5\xb1\xa3\xb3\x83n\xb7\x88y\xd9\xb4\xa7\x8f[K\xafyg/.3\xe9\xe9\xeb\x9eue\xbc}l\xe5\xe5\xe7\xba\x83v\xbb\xba\xbe\xf3\xf3\xf4\x9ciU\xbd\xbd\xc2\xb2|m6,&amp;\xa1s]onr\x91cT\xce\x9e\x8b\xad\x7fl\xcc\x9b\x89\xb6zl\x8cTD\xcc\x9d\x91\xec\xed\xee\xc0\xbf\xc3\xdd\xdd\xe0\xd9\xd9\xdc\xc2\x89x^=2\xafzk\xce\xa9\x9bfB5\xb2\x89y\xa0n^\xc6\x8e\x7f\xcd\xcd\xd0%\x1e\x1b\xf2\xf0\xf0\xdf\xc1\xb6\xb6\x85p\x9c_P\xd5\xd5\xd8\x92aO\xbd\x86yX7.\xd9\xb8\xab\xa7gZ\x9bp^\xb7\x8cz\xe0\xe1\xe3I.%\x84PA\x9fjY\xb1obwOB\xbf\x85q\xb2\xb1\xb6ffj\x94hY\x9dmY@( \xc9\xa2\x92\\\\a\xb0\x83q\xa1cU7&amp; P3(669\xb6tf&gt;51\x9afQ\xa3zd\xa7|i\x8dgSoI&lt;\x88ZKS&gt;4/+\'(&amp;,\x9d\x9d\xa1q&gt;0\xa7ud\xae\xab\xaeI&lt;4\xb8\xb7\xbbSSWZD&lt;\xc4\x9b\x88\xbd\x97\x8a\x8bm_\xb3vi\xbd\x81sECF\xa8\x7fn\x96\x96\x9c\xc5\x9e\x8e==A\xa1MH\xa9n^\xa5\xa5\xaa\x81UG2\x1a\x14\x84\x84\x87G4.ONQ\x81J;xH:&amp;$&amp;}}\x82W(\x1e\x95n[\xc9\xa5\x97\xd2\xb5\xa9wvy\x83cW\x9dFCxWK\x8a\x8a\x8e8 \x1adJ&gt;I)\x1f\xaei\\\xe3\xc6\xbe\x82ZL\xadVQ\x91\x92\x95h6)\x91&gt;8\xb7b^B\x16\x11O\x1f\x19\x95xj\xa2~n\xc8\x91\x86\x863-\xa5\xa1\xa2\xbbwm\x95\x89\x85IINeRImXO`-$\xad\x8c\x7f\x81=6\xa5RN\x94F@\xc4}u\x9f\x94\x90\xef\xe3\xe0\xa3\x83x\xc9\xaf\xa5\x89zu\xb7\x94\x88\xeb\xd8\xd2\x82pe\xd2\xc8\xc4\xe7\xd0\xcar)%\xe0\xcd\xc8\xbb\xb2\xaf\xa1\x8a\x80\xb5@2\xba\x18\xea0\x00\x00 \x00IDATx\xda\xcc\x98\xe1k\x13y\x1a\xc7\x85\xbe8\x0e\xb9\x9b\xfa\xa2;c\xca\x80\x13\xc7An\xc20\x1c\xd3\xa6\xa8\x8b%\xa7\x84\xd2\x9bL\x9bZ\x1d\xe8`4\xd8\xf5.SK\xe0\xd0\x95\xc4$8R\\\x02\xcdE\t^.\x12&amp;2\xd8\xa6\x13\xd66\xbb\xd3\x06,\xdd\x17\x8d\x11\xbd\xad\x18BS(wo\x14\x96\x90\xe8\x1bq-\xde\x0b\x8f{~\xba\x7fBR\xf7\x97v2m\x03\xfd\xf0}\xbe\xbf\xef\xf3\xfcf\xcf\x9ev\xac#7.\\\xb8z\xfd\xcb\xd37\x8e\xec\xf9\xd5\xac\x1b\xd7\xef4\xde\xb7\x1e?4\x8cb\xab\xf1\xdd\xcd\xab\x17\x7f\rLW\xde4\x8b\xb2\xc8cv\x96\xc5hL\x10\xe8b\xb3\xf1\xdf\xcf\xcbt\xe6tCNVD\x86\xe7\x19\x86\x17\t\x86\x11\x18\x0c\xc3\x18\xb5R\xfdp\xfe\xc4g\xa3\xfa{\xc3\xd0\x8b\x15]$\x08B\x10\x04\x06\x16\x01\x80\x02\xfc(\x9b\xad7W?\x93\xcf\xbel\x15hB\x15u\x9e\x10\x18\x82\xa11\n\x94\xa2\x11\x19\xc1hr.\xd9\xfc\xe9s\x98\xec\xccO\xe7\xa0pjQ$x]\xe61\x8ae\xed\xb0X\x8a\xa6\x19Q\x85\xba\x16M\xb3qc\xf7\xad\xfe\xa8P\x90\xc1\xeb\x84Z\x945\x9a\xb5S\x08\xac\x0b\xc0~\x07WZ\x85?\xe4\xac\\\xe3\xf2.\x17\xf2\xe6?\xd4\x82\xaa\x82\xc1A.\x1ac\x01\n\x16F\xb3,\x8b\xe8\xba\xbbY\xa8\xabl\xe6\xac\x0f\xbb\tv\xe2\xcaC\xa8\x1f\xcfk4/3\x18\x8d\x90h\x1a\xedA\x1a\xde\xe8\x8f\xf6\xa7)\x82\x97-\xd3z\xf7\xd5\xae9\xec\xcc\xd2\xf7\x05\x8c\xd1x\xd9\x90y\x1a#\x08McP0\x80\\\x92\x04*\x89\xaa\xaa\xca\xc5\xa2(\x8ar\xdd2[\xefN\xef\x92Vw\x1e\x1b4\xa6\x81\xb3+\xa6\x8a\x11\x85\x02#\x882/ $\x80"\x00G\x95\rC\xb6\xac\xa2*5\xadf\xd3\\:\xb3\x1bX\xd7\r\x8dfTh5\x86Z\xd0\xc4\x02C\x81\xb50\x9a\xd0U\x9d\x11$\x0c\x93 -xQ4t\xd9j\x19\x82e6\xadb\xe3\xf2.\xc4UA#D\x03\xf4P5\r\xeeD\x02\x19J\xe2u\x9d\x00\xc1$\x80\x02&amp;\x11]h\xa1\xd84LK\xb5*\xe2R\xc7\x8d\xff\xd7{\x85\x82\xf6\x14H~\xab\x16`\x11h\x01\x8a\\\xd1\xa1\x03A\x1dA)\xf0\x9c*\xd2\xd0"i\xd1(Z&amp;\xa1\xf3\x97:]\xc6\xaf\xbf\xc7\n\xe7\xce\x01\x18\xa8U\xf8\x82\xfd\r\x8bb\x14b\x01C;Q`$\x08\x0b\n\x99^\xa4X\x89\xed\xb6S4\xe4*\x83\x19\x97:\xbc\t\x1f\x81\xd9\xcf\x15\xee\xfd \xabBWw\x97\xfd\xd37\xba\xa0(\xc5\x08\x81\x82\xdc\xa2\x04\x04\x87B\xbf\x9bE\xd5,\x12vv\xa9\xa3\xad\xfb\xfa=\n\xd3\xb4\xa7\x1am\xef\x82`\xa7\x05\xe8\xd1\x18\x92\xcb\x8et\x81\x9e-`\x12\x86~\xc5~R\x11\xb5m\x02\xc2\x82\xa0\x8d\x8ev\xa2\xe7O1M\x80\xac\xb4#\xe7@\xd1\xd0\xd6\xfb\x08@\xd1\x82X\xe1y=\x93L\xe6\x92&lt;\x84\x85D\xb1\x10\xaf\x14%\x88\x06\xec\x0c\xc6\xb0&gt;tN\xaf7?&lt;e\xa0\x15\x0b\x90\t\x9f\xaa\xc5l\x9673[\x992\xcc4\xaa\xaag\xe4x$\xbf\xfe$\x12J&amp;u\x01\x9a$\x98\x8e\x86\xacei\n\x9a\xd4\xbb\x8e\xc9u\xa7\x00\xff@ $\xd0\nB\x9d\xa5\xca[\xb9x&lt;\x1ey\x92\x8aD\xe0-\x94\xcb\xd5\xb7\x9d\xd3\xce\x85[\xa9|(\xc3\x08,\xfa\x14\xb4"\x9a&amp;\x98.\xc10\xbe\xeb\x10\xd5\x85\x87\xbf\xff\x82\xd6\x18\xaa\xcb\x8eZ2&amp;eB\xf9|j{\xc1\xe9L\xcf\xa6\xabcig\xaa\xee\x9cN\x0f\x03\xd7\x82s=\x15\x89\'3\x9b\x92@\x0b0\xbb\xc2lX\x90\xd5fg\xc2\xeb\xc8\xb7\xd0\t\t\x06\xfb4W1\xbaU\xdbN\xcf\xce\xce\xa6\xd3\x1b\xb3~\xbf\x7fq 6==6=\rXN\xb8\x19\x9bvn\xa7\xf2\xb9-\xa8\xae(\xf2\xa2F\xf1\xb2\xda\x99\xac\xbfq\x89f5AB\xdb\x8e\x95\xca\xb9\xd4\xfc\xcb\x97\xab\xe3\xe3\xabsss\xab\xd9`0&lt;\xba\xb880\x16\x8b\x8d\r;\xa7\x87\x87c\xb1\xd8\xd4\xd4\x94\x7fc=\x9f\xdb\xd4E\x95\xa0Y\xde \x96:\x82u\xda`iI\x02\x1f\xdb)\xa1\x1c\xdf\xdeX\x8dF].W4\x1aU\xa2\x0e\x1c\'\xc3\xe1\xf0"\x90\r\xc4n\xdf\x1e\x188y\xf0`_0&lt;\xe1\xcdz\xc7R\x91\x9c\x0e\xae\x87\x86T8\xdf\x89\xc1\xe1[\x9a\x828\x80\nR\xe5\x1f\x1f,\xf8\x8f{\\\x1e\x8fg\x07\xc8\x14W\x02\xf7zI2\x8bg\x83}\xfb\x17A\xb6Q_\xdfD\xff\xccL\x8f\x92\xf5\xda&amp;\xfc\xf3q\x06\x13x\x88\x89\xe7\x1dp\xd7\x89\x7fS\x14\x12\xcb\x8em\xbez\xf2\rP\xed\xec\xac\xac\xacx\x80\xca\x9bp8\x14\xaf\x03$\xc3\x1d\x8e\x89\x80o\xd4\xb7o\xa8\xbf\xe7@\xef\xd1^\x9b\xcd1\x91\xf5z\xaae\xe8\x9a\x1a/\x14/t\xa0\xef\xfc\x0b\xa3%\xcc\xdeEm\xbdz\xe2\xdc\x18Ox&lt;@\xb5\xc29\x94\x84\x17\xf1\xc0k\xc2\x81\xbbm\x0e&lt;\x10&amp;gF\x00\xeb\xd8\xf2Q\xdb\x81\x9e\x89`0\xea\xcf\xf10_\x10\x04\xff\xa1\xfdr]4(M\xa0\xba\xba6_=8\xbbq\x1fl\xc5\xadx&lt;.\x90H\x01,\x12\xbeH\\Ap\x01\x9f/@\xe2H\xadc\xc7zm=\xfd\xc0\xe5\xaf\xcb\x15\x02\xe6Y\xe9M\xfb\xb1\xcek\x98*\xd8\xbb\xb0\x1f\xff\xf3\xb7\x7f\xde\xcf\x1e\x8fr\x1cg\x03Wy8\x17\xe7r\x01Y \x80\nI\x86\x0f\x1d:\xe9\xf3\xf9\xf6\xcd\xf4\x1f\xe8\xfd3`\xcd\xf4x\xb3\xfe\xa6i\xf2\x90\xc3\xd8\xf3\xf6\x0f8wX\x9a\x00\xc3K\xafn\xfde \x18\xcc&amp;\x12\\\xc2\x03\xd6\xe2\xe0\x86K8\x02\x01/@)\n\x19\x0e\x04\x0e\x83\xbb|CC3==\xb6\x1eX\xde\xc4\xcbZ(.3\x02\x8d=n\xbf\xb9\x1e\xc1\x94\x07g\xc0rd~\xea\xe0\xe1\xa07\xc1\x81\xb9\x06\xb9\x84\xa2$\x12\x8a\xd7\x8b\x93\xc0\xa4(`\xacpx\xf4\xe4~\xdf\xde\xbd\xfb\x86\x90\xef\x11W\xcf\xb8\xb3nV\x08\x98\xc8\x8a_\xb7\x1f\x0b\xe6\x16{7\xb5\xb5\xbe1u\xf0\x8fYE\x81xp%\x14\x92\x9c\xf0\x82F$\xeeUl\x0e\xb7w&amp;|h?H\xe5\x0b\x0c\r\r\xed\x1b\xea9\xd0\xff\x91,\xbbQ\x8b\x98\x19h\xde\xc6\xcd\xb6\xb7\x9e7*\xa3\xb3]Rd~c\xeap_6\xe1\x82\xe2\xb9\xc0\xe38\xd4\xceA\x06\x02&gt;\\\x01\xe3\x93&gt;_\xdf\xde\xbd{G&amp;\xf1~\x00\xeb\x87\x05b%\xb2\x1b\xd5\x14\x0c\xcf\x18%}\xd5v\xb5\x1a\x84\x04Sf&amp;5?;5\x97\xf5z]\x9cbsq\x9c\x07\x9c\xefB\xfb\x11\x0f\x90\x13d\x80Dk\xc4ms\xf7\xcf\xd8`\x17\x82^6\x1b\xc7\x8d\x97J\xd5:\xc8\xc5\x16Nw@-\x9e`%h:S\x07\xfb&amp;\xa2PD\xce3\x88\xb2\x0b.\x83\x1f\x93\x14\xffe9\x00\xc4\x06\xeb\x80\xedS\t{\x07]\xb3\xa5R\xad\x0er\xa9\xed?\xca6T\x95`2y\xe7&lt;\xd4\x10\x1c\x0fT\x80u\x94\x1b\x1c&lt;\xcaq\n\x14\xd2\xed\xb09PQ\xe1\xd6v\naq6\xb7\x1b\xedE\xcf\xf2Z\xb0Z\xaa\xd6,\x11\xab\xb4\xdd[{\xde\xe90\xa0D\xf2\xc8Z\xc1\xa0\x17\xa0\xa0\x80\x90\xe9n\x8es@\xd1l\xf8\x10\xeev#,\xd212\xe9vC\x81=\x88\xcd\xd6k\xeb]^;\xeaGe\x94\x85V\xdb\x9b\xf5\tS\xd5\t1\x9e\x9f\x9f\x9dC\xa9\xc5\xb9\xbc\n\xb4C\x07I\x02\x13\x88\xe3&amp;GFFH7\xc4|\x00?u\xca\r\x19\x1bU8\xc5\xb5\xc2\x81h\x83k\xcb\x89\xe3/\xaa\xadb\xf9]\xdb\x9f\x93\x9c/\xcb"\xaf\xc2\x945\x15\x04,\xe8=Q\x98\x1f8\x17\xd4,\x0c\xda\xb8\xdd8&gt;2\x84O\xe2\x81\xc5\xc5X\xba\xea\xac\xa5\xaa\xd5\xdav5U\xdb\x8ez\xb8\xc1\xbbw9\xcf\xdbR\xd5\xd4\x1bm?f\\,\xca\xa2Z\x0c\xd5f\xefg\xc1Y\xd1\xe8\xeb\xd5\x97o\xfd\xd5\xea|:\x9d\xf6\x8f\x92\x93\x93n\x9c\x1c!\x03\xa31\xe7p-\x1f\n\xc5\xe3\xa1x\xb2h\xe9\x99\x17oK\xf8\xe0\xda\xb3\xe5\xe5\xd7/J\xf5J\x07\x0e\xfd\xefe\xb9h\xd6\xe7\xef\xcf\xadFWK/J\xb5\xed\xbaeV\xf4x(\xb2\xbe0\x1c#q(!\x04\xfc\xd8\xd9\xd4t$\x9e\xaa\xc5\xe1\xec\xa3\x97\x85\xfa\xff^\xd7Z;w\xd7\xee&gt;[[yQjZW\xda?\xd84*\x15\xd3\x04\xb1\xfc\xc1\xf1|\xa8^\xa9\xc8\xb2\xa92\x95d2\x1eI\xad\x8f\x8d\x86G\x03\x81\xf0\xc0\xf0\xf0z~=\x15J\x9b\x92\x0e\'\xb5\\\xed\xb5\xdfj\xee\xfc\xecY\xbb{\xed\xda\xf2\xcb\xf7\xadf\xfb\x1f\xd8\x1fY\xfaE\xac9\x7f\xb3\xde2\x93\xb2\xac\xeb\x99\x0c\xafof\xe2\xc9\xc8\xd9?\x9d\x1c\x1d\r\x9f\xfc\xc3\xf07\xceT~;\x1f/o\xc5\xf3\xa9\x85\x98#\xb8\xba\xba\xf3\xf3N\xd5\xf3\xec\xda\xb5\x95\xd7\xa5V\xab\x03O\xe0.7\x8bVmc\xee\xf8\xb8%\'\xcdJ2\x03\xe7\xe7x&lt;\xb9\xb5\x95{\x10\x8a\xdf:{;L\x92\xbe\xc5\xd8\xffi5\xfb\xdf\xb4\xce+\x8eG\xda\xcfk7U\x91;,\xae\xbcl)\x89\xe7\xf9\x96\xb1\xc5\xbe\xbeW\xe3\xc6\x14\xa3\x9a\xc8\xe1\xe5Zi\x98\r-\xec\xae\x91\xd5"\xfbr5\tCl\xb4X\x8ck +\xa6\x91\xa8\x91\xa9C\x1c\xa7^7\xf8%\xa9\xa1\x96g\x94(\x83\n\xc3\xec(1\xc4\xc21\x98\xd4Q\xe3\xd7\xc4yk^wp\xfe\x05xd\xff|?:\xe7\xfb\x9cs\xbe\xe7An\x9c\xb8l\x94k\xc7\xec\x81\xdaX,\xd6\xc8o\x9b\xb6\xa6\x1f\xec\xec\x00\xd6\xb4xr\xeea\x05\xbc\xcf{\x0f\xffycN\xdf.\xbe\xf1\xee`\xefW\xd7n\x82QuhM\x9e\xf8\xeeqhO\xf0a\xfe\xe3\xabFF\xc6\x1bk\x8f\xdb[Lq\x8f\xc9&gt;6d\xe9h#R\xce\xf4\xa3T\xca\xea_\x9f|\xf2\xb2\x02~\xff\xbd\xef/\xde\x9d\xd4\xb7\xebo|\xae_Y\xe9\x97\xab\xe5C\xf0yOb#\x1e7\x99Z\xc6jUu\x16]\xb5\xd5?\xad\x1ak1m\xac%\xf3k\xa1D\xdc#Q\xef\xad\x86x95\xd6\x94\xffQ\xe1\xc9\xf7\x950d?\xfepmrje\xd275\xaew\x1b%rm&lt;\x91K&amp;\x97\x93\xb9Ph\xc3\xe3x\xab\x8e\x8et\x1d\xb4j.\x8d\x99\xe2\xa1\xfcr29\xda{\xb2\xc1m\xec\xcd\xe9\xaa/Y\xd3ik*\xb5^(\xfc\xa5\x12X\xffx27\xd9&gt;\xb5\xa2?\xefV\x8f9&lt;\xb9\xd0\xe8\xe0h2\x0f\'\x99\xcb\xc5\xb5\xc7\xeb\xe8`\xb0\xa6\xd5\xca3zBI\xa0\x1d\x1e\x1e\xfe\xf2\xdd\xa3\x17\x1fL\x8e\xcak\xa6\x85\x1aa\xca\xffr\xe5eE^\xce&gt;\xbasw\xb2\xbd\xbd\xfd\xbc[.\xd1\xae-\x0c\x8e\x0e_y{\xf8\xfa\xf5\xe5\xe5\xfc\x1a\x98\x8e\xb7hY\xc4\x1b\xc5\x88\x11c&lt;\x94[\x1e\xfd\xe1\xea\xd5\x9f~}\xf6\xd3\xb3\x17_\xee|&gt;DZKI\xdc)\xbc\xac\x84}\xdd\xf3\xf1\xbd\xd7X\xb3\x12S.\x99\xf8\xec\xf7\x1f\xbe\xf9\xaf\xaf\xcf}\xd0{%\x9f\xcb\xe5\x1cR\x9a\x0bf\xa2l\x8fe"\x14Z^X\xbfw\xee\xdcO\xbe\xfd\xf4\xcf\xbf}\xe7\xcd\xbbbu=\\\xc4\x94\x7f\xbd\xb0S\x91\rj\xd3\x8b\'\x93\xe2\xa9q\xf7\x986\x94K\xfc\xec\x9d\x7f\xff\xf7\xec\x7f\xfe\xf6\xed\xdb\xeb\xd7\x8e&amp;C\xf1!)M\x053\x06\x04\xd9+\t-_Y\x1e\x9c;\xf7\xdd\xb97\xfew\xa77\xdf;\xbc\xc0\xef\x98\xb6Z\xfd\xfeG\x93\xf7*\xb3H\xfak\t\xeb\xfc\x17\x12Sbm\xdf\xd1k/\x1e\xbe\xf1\xdd\x87\xbf\xbe:7\x98\xcf\xe7$J\xa5\x8cb\x0c6\x91\xf0\xc8\xaf&lt;\xa0\xb5|\xf2\xe4g\x83\xa3\'\xaf/\xf8\xf4:u\xa3\xaa\x9eE\xa0\xfbT\xe6"\xee\xd9\xf3\xf7\x87\xa5h}\x02X\xa3\xc9\xc1\xd1\x8b\x0f/~pu!\x97\\\x0b\x85L\xc7-]U\\0hC4H\xcd\x90\xd6\x13O\xc4\xe3\t\x8f\xc73\xe1\x1e\xa9S\xc9\xaaTU\xd5\xd3~v\xba\xf0\xa22X\x1f\xdd)\xb4\x97\xb0&amp;\xe4zc\xc3\xe5\xafzOz&lt;\xf1\\(qY;\x14\xb3\xe8\xba\x14\xc1U3\x86\x880C\xd8\x08\xb5\xd4\xa4\x958$\'\xc2\x16~\x07O\x05\xa6\xf1p\x0f\xeb/\xc0E\xac\xc4\xe6\xed\xe3;\x85\x91\xa9\x03\xd2\xe3\xe1\x91\xeep\xa3\xba\xb4\x8d4y\x120?(\xa1\x1f\xd6\xd24`\x151\x84\xb5\x19\xa4\x8e\t\xadC\xa2m\xb1Kj\x95\xca?\xf1?9q\xbc\xab\x06c\x11\xf1\x8f\xc7\xd2G\xeeW\xa0\xce\xdfY\xe9\xeb&gt;\xa0&lt;p@\x17n\x0c\x7f!7\x1a\xb5Z\xb5q\xa2_F[,\xd2\x08\x8e\xd3Q\x1b\x01_\xc7\xcctD\xe2ph\x1d\xd0\x18\xc7\x86bJiL\xfa;\xfa \xdb\x8aL\xaf\xb8]gf*\xd0\x7f\xee\xf5\xa9\xba\xbb,\xca\xfd\x00fQ\x86\xd5\xee\xb0\xda\xd8\xdf%\xe3\xf1\xf9Ji\x15\x8e+\xa2E\x16\xe9\xb1"\x04\xa5\xf0\xba$-v;`\x05b^\xdd\xcf\x0fU\xe3GXD\x94\n\xb7P\xae\xdb\x8f\xcb\xbd\xa3L?(\xf4\xa9\xf8\xdd:\x1dp\x81\x1b\x1c\x87\x19K\t\x033\x05XaK\x1dE1QL$\x84\xcf\xb38\xe3\xf5\xba\\\x99@\xc0\xe5\x8aI\x7fa\xa8\xc1\x0fc\xacH$\x14\x8e(\xd8\xcdW\x03e\xce`\xbd\xb4qnD&lt;\xc2\xd7\xf1\xeb\xaaJ\x7f\x16\xbeE\'\xc3q\x8a\x93U\xe9\x1a-\x16\x920\xdbX+\x86a\x88\x10\xa3\xbd\x99\x8c\x0b\x98\xbcA/\xc3q\xd4\xe1#\xad\x08"\x12jp\x16\xdb|\x95-/\xd6\xfd\xa5X\xed\xacX5\xc2\xaf\xaa\'\x08\x9c\xe2\xcb\xf8:\xa5\x85\xe6\xf18ZV\xd78\xc4\xafK\xa7\xa26\x96%\xa8\x88B\x84\x90L\xc6\x15\x08\xd8=\x81\x08\x13\x8dRgl,\x82\xb0"M\x1a\x13\xd9\x16_\x95Y\xf3M\xb1\xc0\xd0\xac\x18\xa2%\xe5a\xd3~?.\x83\xe9\x1d\x8c\x05\x05\xc72\x04)d1\xce&amp;B\x9d\x08\x9e\xa1\x11"\xe2\x82\x04\xba\x021\x86a\x14\x14I \x90\xc2N\xa7\x86m]\x9d\x7fU\xee\x06\xf4|1\x00X}\xdd\x16\x9c \xa61\x9c\xc2e2\x19G\xd3\x90Ee\x1dY\'\xa3\x8aXQ\x98\x1d@Q\x16@\x15\xde\x8c+\x13\x0cF\x14\x9c\x82\xc3\x81J(\xd4t\xa2V\xb6\xe7\xcc\xd6\xab2\xdf\xc4\xa6\xa7\x8bv\x9fX\xdc\\Z Q\x18I\x12\x18\xc5\x81}\xa69NA\x11\n\x9dE\x81\x13Eg\xb6S\x83\nPD\xc9\x04\xbd^/\xc3\x18\xccD\x91\x80\x12+\xec\xec\xecD\x05Be\x88\xf2.\x95\xbb\xa0\xa231\x9f\xb8\xeft3\xaf\xbe\x19\'0\x12\xc4Mr\x10-8X\xd1\xfc~\x8d2\x12-\x0e&lt;\x1d@\x05\xd9\xa7\xd9H \xe8\r\xae2\x8a\xa8\r\xc1\x08\x16\xc4\x8e\x0e\x08P4\xbd\x96\x9f1\xdf*\xf7\xfc\xa0\xc9\xec\xf7\xec\xb4\x81\xc3\xaf\'1\x12\xc0\x00\x8b\x02,E\x84\xb1\xb9\x16\xf6]wD\x18L\xe0\xdb\xf7\xcb|Kk6b\xcf\x00\x96!\xca\x91\x18\x0bZ\x87\x04Bv\xd3N\xed\xb3%\xc3v\xb9\xa3\x95e\xec\x1b\x85G\x1d\xcd\xf5\xf5$A\x94\xa8\x08\x10\x18\x07X^W&lt;\x7f\xf47\x0bR\x06a\'\x06\xaf\xacml\xb3\xae\x0c`\x19\xa2\x94\x8d\x80;X\xa2\x1a\xc8fQ\xab\x13\xbf}\xfb\x96\xad\xdcX\xf7#3[\x85\xf5\xbe\xe6\xfa\xb6\xd7L\xf0\x0fX\n\x86\x89\x98\xb66\xe3!\x8f$b\xa3\xa8b\x97b{\x15\xcaU\xc0\x154px\x11\xb0D%Y\rd\x05h\xca)\x04\xac\xd6\xb2?\x17\xb8\xb6\x02;+} yH!A\xb0\xbbX\nED\xa1\xb0xB[\x81\x98\xc9\xee\n(I\xac\xc8\xb8\xbc\xc1\xa0\xcb\x9e\x89\x9am\x18Tw\xcd.\xd6\x00\xea\xb4\xa2\x81gK\x8b\x9d\xe5\xd6\xd6\xb1\xcc\x8ce\xbd\xb0.\x1ei&amp;q\x9c\x04\xd5\xbc\xc6bh\x9a\xabJ\x84$\x92\x16\x93I\x12\xe3a\xb6htuu\x15\xc2\xc5\x99mTI\xeeN\'P\t\x06:\xd3\xbcg\xf3KK\xe5n\x89{N\xb9\xe6c\xa7\xc1\xbe\x96\x1e\nH\x92d\x01\x0b\xa4\xc5p\x14\x90U\xf5\xcb\xe5\xea\x16\xadD\xd2\xd8!SD\x99\xd5\xd5\xa07c0\xdb\xa0bi\x9c\x02t\x00\xb0\x9ciMb9\xb3m+\xfb\x82\xeb\x94}\xcbt\xfe\xfc\x8a\xb8\xbd\x0f\xd2H\x90\x10\xab]iQ\x14\xc7\xf0-n\x9fZb\xb7K\xb4\x12\xb5\xaf_\xc9\x18\x0c\x06\x06\xec\xd9\xe1?\x82\xb2 \x83\x02\x01P\xa5\xad\xa6\x8dm4[\xf69\xf0\xd87L&lt;\xa4\xd7\x8b\xa7\xc4\xa7\xdb\xc8\xd2\xca\x94\xc2\xc9\x1a\x08V\r\xad\xe0\xebo6\xf8\x1cZ\xed\x90Dbl0\xfa\x1a\xbb\xa0\xe7\xd0\xd130\x92B\xcf\x11\x94j\x96\xc6\x99\xf63\xc5N\xc1\xd3\xb2c5\xdd\'\xbc\xf6Y=X\xb2\xbe\xd2\xd6\x94\x02,\xbc\x86\xe3`\x96\x18w7\xf8\xc2\xca\x98\xd6\x04\x85=\xd2o\xbc\xe9\xf3\xcd\xf2e\n\x9e\xd9\xd6\xd3*\xda\x15\x96\x13E\x9dB\xbf\xa1U\x83V\xe0u\xff\x94\x95`\xc3\xb3+\x10\xae\xe6\xfaf\x1e\xa8\x1e\xe7\x0e\xd1&lt;\xbe\xde71\xa1\xaf+\xc9\xdc\xe5]\xdd6\x9b\xf9\xfd\x13\r&gt;ww\x07\x8f\xb0\xf5@\x0e\x07J9D\xd1N\xebA\xdb\x11\xd1\xe3\xf2\xcf\xa6M\xc7\x9c\xd5\x07\xff\xe0^io/\xb5\xa0R\xff\xa9\xe6d\xfcn\xfd\x05\xa3|\\\xc6,n\xdeZ\xbc\xb5y\xcb\x95Y\xb5\x91U\xdd\xee\x0b\r\xfa)\x82\xe8)\x05+\x0b\\\xa8\xd3i}\x9f\xed\x11=\xae\x80\xc5hz\x8e\xf3\xaa\xc5\xfa\xa9\xd2e\x04y\x91x\xf5!\xfe\x88\xef\x821\xdcAgf\xb6\x96\xb6\xe6\xe7\xe7g\xe6g63\xdbH\xaaO\x0fim\xc3ZE\xe8.\x15\xdc\xc6\xb4\x7f?\x8b\xa2\xf7+\xe1|\x9e\xf3\xf8\x97\xbeq\xeb\xc5%.\xe8\x8c\xd5{\xbb\x0e\xb8g\x1b\xfa\xab\xa2\x8b\xf3[K\xb7o/-\x95\xc0ff\x16\xb7\x11\r\xd9\xd8\x1fV\xf9\x11\x8d@P\xaa\x0e(h&gt;5n\xee\xccV\xe4w\x82Y\xd9^\x9eJ\xefn\xdfU}=\xce\xab\xf9?\xef\xe6\xff\xd4\xc4\x99\xc7q{\xce(\xc7\xde\xf5\xd8\xaex\xb7\xe6Xv&amp;\x933\xbb\xa3\xc7%i\x12\n\xba\x9a\x92D\xd9n\x1d\xd1\x02\xb3\xa1\x10 X#\x83.\x11\xe3\x91H4\x8c\x05\x11\x88\r\x91X\xbe("\x97\x00\x99\x11\xed\xe8\xc4\x13\x95/\xe2\x8d:\x8ax\xb6\x9e#Z\xc1i\xa77\x9d\xf1@\xcfq\xdai\xf5\x87\xfb&lt;\xe9_pW\xf7\x1e\x92\xe1\xcbO\xafy\x7f\xde\xcf\xfb\xf9|\xc2\xb3+\xfa\xa7\xab6\x87\x0e\x8fAL\x02\x16ZsO\xc7\xe6\xc7\xc6f\xbe\xfe \'\x94\xf6a\xb7F\x83\xac\x95\x81\x02\xa2\xe5\xb99c\xb9&lt;\xd7Y\xbe_k\xb0\xef=\xf7U\xffE\xb0\xd7!\xc4\xd5p\xac&lt;\xd3\xdavg\xee\xe5\xcb\'7gg\x1f\xcf^\x99\x9d\xbd\xf9rn\xee\xe5\xa3;\xa7n^\x1b_\xd6m\xb3\xa1\xd6\xa1\x05\xa8lS\xf2]H2\xffX7\xf5\xbc\xf0_\xd1\xfc5H\xaew\xff\xb8\x82\xd0\xdbKN=\x9e\x9d\x9d}27\xf7\xe8\xe9# \x02\xd9\x9e\x8e=\x9d{2;{\xaaQ%\xe8l\xcb\x13\x1bqy\x8bfJ\xc6\xfbnY\x85\xb0\xc1oE\x13U|\xf7\xd0\xb2Mz{\xce\xb5\'\x8f\x1f\x7fim\xdd\x08\x8d\x03l\xc5\x07\x0f\x1e\xcc\xcc\xf4\xcd\xcc\x8f\xb5\x86\xdar\x08\x01e&lt;\xd4\x10\xe2A\xf3\xb1\xdc\xb7\x03_E\xa1\x8ak\xf6\xee\xdd\xdbPT\xa4.)i\xb4\x1cn\x84\r\x0883\x0f\xe6\xe7\xe7\xd1\x0f}\xcf&lt;\xd94\x1b1@l\x15#k\xb5\xb4\xd84\xdf\xcbL\xb5\xa0\xf0\xab\xfe\xfc\xc4f\xdc\xd4\xa0W\xb1\x16{C\xe5\xb8u\x0cmA\x04\x05\x803\xcf\xbe~\xc7\xb5jx\xd8As\x14\xea\xec\xa1\x84\xc5\x9a:\xf9o]\x9f\x8b^\\\x03+\xbfz\x13\xaeV\xa9\xf0\x86\xa24{+\xf0\xdc\xb93?\xff\xe8\xce\x83\x99g\xdc.N\x10h\xda\xe4\xe1(M\x06Z \x96F\xfe+\xc4/\xca\x13r\xe5WW\xeb\xf5\x98\xbe\xa8!\xd7\xbeg\xbc\xd1j\xb5\xb6}\xe9\xbb^\x036\xfb\xc0\xef\xf1\xf8\xfd\xfeU&amp;\x17\xa5ii)\x86\x97\xcd6\xf5\\v\xac\xa9\xf2\xaa\xfe\xfc\xfc\xea\xfcj\xad\x16\xc3\xec\x16\xd2\x92ga#\xd0\x05\x9e\xba\xd9\xdcVSc=\xbc\xf1\xe0\xc1a\xbf\x9fy\xc7\x95\x98\xc4lH\xab\xff\x83\xb7\x16LE\x03\xd1*\xd8\x8e\x17\xab\xf5Ju\xa6\xc5\xc2\xaa\xe0\xdd\xdacm\xacA\x9f\xd2\xb4\xf6\xc1 \xe6\x18\xf6s\x02\x88eCZi`z\xa5~\x94\xbf\x88\x17\xa3\xb0\xfa\xa1\x88Z\x15A\xa8,\xace||\xbc\x07\x16\x14\xb2\xa4\xb1\x07Z\xf9\x9d\xc3\xc34\xa3\x00\xc7\xc3\x84o\xb3Q\x94\x86\xda\xf5Jn\xaa\xac\x17\xd5\xd1\xf2*\xe0\x82"\xea\x95,K\x10,\x0bb\xf5\xb46\x02\x18\x08f\xed\x811\x9fV0\xc2\x08eKhE\xe9\xeax^v\xac\x05\xb7\xf4\xfd\x81@U\xb4?\xaaV\x9f\xcet\xb2\x16B\xcc\x1b\xcf;\xbfq\xcb\xce\xf3\xff\x846\xf0\xfc\xce\xf3\xd04\x1f\xf4\x9b\\&lt;\xb4\xa6\xb0\x0buT\x1d%q\xf7\xe5WK\xaf-\x9f\x9c\x0c\x80^\xa7\xab:\x9d\x9d\x04\xc9\xe6\xed\xd9\xb2n\xdd\xc1e\xe7\x11\xd4\x96a:\x9b9\xe8\xf0\x0bq\xce\x96\x01{\x10\xd4\xa2(\x97\xfcX\xa0\x966sr\xa0\x03\xe9\xa5\xdc\xd7\xd4\xa9\xb4\xdb\xed+\xd6U\xa6m\xa9L\xcb;\x9c\x97W\xb9e]vv6\xecC\x1e\xa6\x9eb0{7O\xf1\x12\xff\xb1\xecj\x8dh\xf5j\xe5\x004\xc6\xd1hUf\xa7\x92 \xd3\xec{\xf6\xe4\xa5\xa5\xe5\x01U(\x94Y\xf9\xdbe+\x96\xc5\xbb\xbb\xa9\xe2\x04\xd5\xc8\x08OI\x12\xbf\\\xfe\x94\xd7\xea\xb5d\xa7\xd1\xd81\x19\x08\x04N\xab\xd5\xfa\xea}\xfb\xf6\x9dN\x0b\xed\x08\x8d\xe7\xc4\xde\xcb\xd9W\xf9\xe1\xa1\xb4\xb5\xb74\x90Y\x9a\xba\xeex&lt;N\xe9x\x97\x94!;\xd6wZ\xbd^\xad\x9e\x8c\r\x0c\x0ctLvVE\xed\x9d;\x02\x9bc\xa1Xl\xc7\xe6X\xfb{\xc6\xe9\xfe~\xe8]G\xa6Fnin\x8d\xc4\xe3\x0c\xaf\xd3\xf1\x92\xabX\xf6g\xca\xce\xe1\xfa\xa2Mzb\x87\xd1h\x04\xb2@ \xf34\x0c\x87\xb1\xd8Dl\xa2}\xd07\x81\xfe[\\\xbe\xe1\xd8\xb1\r\x1bFF\xd6\xae\x8d3q\x8a\xe2\x01\xcb&amp;;\xd6!\xbc\x08\xbe\xd4N\xa31\x01\xd6\x11\xe8\x98\xd8\xd1&gt;h\x1c\x04\xa8AxM\xc3_/\xae\x99\x9c\xdc\x10\xcff\x18FX\xc5\x03\x95\xe4\xd2\xc8\xfe\xf4\xca&amp;m\x11\xe8\xa5v\xe64\x19c\xc6\x81\xe9\x89\x8e\xe9\xc1\xe9v_\xbb\xd7\xdb\xee\xf3\xf9\xbc\xed\xed\xd3\xa8\xb8\x9fOW+\x14\n\x13c\x12\\.\xc9\xc5\xb94rw6\xe6j\x12\x87\xa5%\xc4HS\xac\xcd\x18\xf3z}\x83&gt;_\xef`o\xaf7\xd8\x0cl\xed\xed\x13\xc6I\xaf7p\x88\xa6A-\x8f\xc9\xc4I\x02\xc7Src\x15jU\xc0\x85\xe5\xe2$\x11i\xaai\x8b\r6\x07au5\x07\xbd\xbd]]\xc1^\xaf\xcf7\xf8y08\xc0\xa4\x1ah\x93\x89\x0e{\xfc\x1c\xc7I\x9cN\xee\xcef?\xa1\xd2\xea\x8b\x8a0\x1c#\t\xa7\xb1\xa6\xad-\xe6\xed\xea\xba\x12\xbcw%\xd8\xd5{\xf7n\xd7\xddfo\xef\xbd\xe6j\xa1\xc1\x90\xca\x98&lt;a\x87\xc3o\x92$\x18\xfbe\xc7\xaa"0\x1c&lt;\x8f\xb8\xd8HSI\xcd\xb5\xeb\xd7}\xc1{\xc1{w\xbbz\x83]W\xee\x82\xbd\x8c"n\xa0\r&amp;\x85\x03\x96\x87q\xf1\x82_\xa2\xe4n\xb8\x9e\xb3\xac\n\xc30\x00K\xe8\x95\x83\xee\x8e\xb4]\xf7\xf9\xae\xfb\xbcm\x13\xbe\xc1\tc\x84\xc4\x0c\n\xc1$p\x9e\xbe&gt;G\xd8/0\x0c\xe7\x92\x1f\xeb\x15`\x91\x18F\xe2\xb9`/\x8cu\x8a"\xfa|\x12\x16t[\xd6\x88\xd3\xe9$\xb1T\x93\xc4\xf3\x14\x17\x06*\x86q\x849\x17\'\xc9\xde\x07\xfe\x00\x1d\x16\x89\x91\x88\xab\xa1A\xa9d\x9d,\xe1\x84&gt;\xcb\x9ax[KrH\x03\xa8\x03\x075%\x84\x1da\x8f\x87\xf6\x98\xc0\xf3&lt;u?Kv,("I\x82b\xb9\x06\x9c :A/g\xe4\'(k\xa3\x88\x19\x18\xc1%q\x92N\xe7\x02\xc3\xf7\x85=L\x02\x8b\xbf/s\xcc\xff\x00\x8d2\xd8\x1d\x91\xe1\xb9\x06\x92\xed\x84\xba\x85D\x11\x90\xa0\x95\x17\xb1T\x1a\x89\x05}\xbcF\xf28\xfa\x1c\x1e?\x98\x0c\xb0t/\xeae\x95\xab\xb0\x9b\x80^\x06aaH/\x8bX\x05Z9\x9d,\xeb\x8c\xf44\xf6X\x0c0 B\x82\xf2:\x8d\x8e\tC&lt;\x80\xb9@-\x89\xa2\xce\xfd\xe5\xcf2Re\xfd;\x97%@\'RI\x92\xe0|\xad\xc5"f*sJjj"b\xc8\xd9\xc3\xe6*\x14\x0c\xa3`\xa0\x86\x9a]\x8c\'\x1c\x0e{\x04\x13\xc8%Q|\xfc\xfd#\xe6z\xb7L\x95\xcc\xda}AdETD\x12\xafi\xcb\xc51\x15d\x84(FJ\xae\xd5DB,\xbb\x13NA\x1a,\xcf\xb9t\x1a\xde\xff\x13\x16\xa8%I\x125\xf2~i\xe1\x17\'?\xab\x95\x05\xacv\xf4x&amp;!\xa2&lt;\xc50\x02\xbe\x81dlfg$\xe2\x8c\xe48E\x82\x84\x022\xb4\x02,Oit\x9c\'l\x08\xd3\xe0x\xf0\x16l\xccs\xbfK.8p\xfb\xd2\xa5\xa1\xfa\xd7\rf\xce\xdaZ\x9a|\\\rC\x18\x8c\xd3x"\xe6I\x0b\x8ccD\xc2\xf6\xa0\x16\x86\xc4R(\x04\x89\xa7 \x1f\xe8p\x18\xc6EN0\xc1\xf1\xc3\xeb\xbe\xfbC\xf2\x90{wE\xd9\xfa\xed\xb7_\xeb})\xf3\xd0\r\xf7\xd9\xe4%\xc7ade\xc1TZ\x1c)F\x92\xe3\xa2S\xb4\xa8\x95\x9d\xceHS\x13K\xa7\x1aRaBDa*1t\xd8a\x00N\x8f\x07\xac\xc6\xeb\x02\xbfY\xfc\xb0\xf0\xb3O//(\xbc\x94\xf4\xba\x9e}\xc82\x17\xba?*\x1d:\xf0Vz\xfaq\xa5E\x05\x875\x00\xa9 \xe4\xed$\xa8\x05\x03?!\x82\\%M`:\x84\x05E\xe4\x05\x0fM\x1bh\x05\xcd\x98\xe0w\x17_\xfc\x8f7\xde\xf8\xc6|;%\xe5\xdb\xcb\xee\xda\x13\xa5\xdbW\xbe\x06\xc9*\xdc\xfb+\n\x0e\x14\x94}\x94\xb4(\xfdO\xa2R\xa9BY\xaaUk\xd1\x19D@\xe8[\x94\x99"\xac\x90\x93U\x17\x19\xa0\xcb\x82P\xe79FA\x1b\x80\x8b\x81\xbc\x88K|\xdd\xf1\xf4\xdf\xaf\xde\x7f\xe3B\xe9\xa2_\x1d=c&gt;\xf2i\xe9\xd1\xa1\x9f\x19\x18\xee2w\xc5\xc3\xb3\xa5\x17VV\xac~+)\xfd\xed\x128{H\x0c9\x0bS\xa13[\xc5\xb2Ju\xc2a"\xe4?\xde\x00rAL\xf1&amp;\x04E\xa3\xbc\x80\xad\xc8g\xfc\xf5\x17I\xa3[?9R_?t5\xfd\xcd\xa3\xf5\x85\xbb\x87N\x8e\xfe\xedg|\xe8\x95U[f^\xb9$9%%\xf9\xb2\xbb`t\xe1\xd2\xe4v\x92P\xa1\xb3\xfa\xa7\xa0\'\xf1"\xad\xaa\x8aP\xab\xc1q\xa2\x05\xfd\x9e\xaa\x10`\xd8\x89\xa3\'\x1e\xa0mNEjqTF0)\xe9\xaa\xb9\xe0\xcc\xea\x82\x8a\xfd\xdbFS\xde\xdc^\x96Uv\xf9\xe4\xd2\xab\xff\xf3\xddJ\xb7\xbb\xe0D\xca\xafGo|q\xf5L\xad\xfb\xe8\xc2_.\xf6:P\x0bA\xe2ZH-\x1cW"@=\x14T\xa9T\xa2\xb3\x12kP\x08\xdd\x94\xae[\x01%\x04.\x9a\x11P\xd7\x9c\xf1\xf7\x94\xa5I7\xcc\xab\xcf\xd4\x97\xd5\x1e\xd8o\xbe\xbcda\xe9\xf6O\xb6f\xd5\x9fXtb}\xc5\x7f\xafY\xd6\xd6m\xdf|\xbb\xf8\xc4\xd9#\xb5ee\xeb\xb7\xd5\xbb\x1f.LOz;b\x11\x11\x16t\\\x90\xa9\x98\x16\xd3c\xb8\x16&amp;Z\xb5R\xab\xc7q@\x89wS\xd4\x7f(7\xff\xd76\xce;\x8e\xfb\xbe=\xcf\xdd\xf9\x9e\xcbI:\x1d\xb8V\xb8\x14M\xe5\x12\x10\x04S%"\xec \xcc\x1a\xc8U\xbbB\x05R\x8c \x93@H\xbe!yI\x87t\xa60\x8c0Ff\xb0\xddf\x8a\x85\x1bA0\x84.\x1d\x12\x13R\xf3\x8b\xd0\x04j]1\x9b\x81\x7fp\xf6\xc3\xc8\xcf\x03\xff\x19\xfb&lt;\xa7\x94\xac\xeck\x1f\xcb\xf8l\xcb\xc7K\xef\xf7\xfb\xf3\xbe;\x99{|#\x1c^`\x81X\xef?\xbe\xff\x14\x0b\xc605S\xd5\xabI\xcb+\xef\xb5\xbb\xaa\xd6\xabW\xcaK\xad\xce\xb4W\x1f~\xcf\xf8\xbb\xaf\xba*\xd7\x99\xe4\xca\xe5\xb2\xe7\xa6\x9b\xb6\xdb\xeea\xa4=_\xd9\x0c\xc5\xfct\x05\xd6\x80\x08\xd0Vb\x89\x04\\\x0bY\x89D\xe0N\xf8\xfe\x9f\x9e\xbc\xf7\xde\x0fo\xf87\x1f\xad.\xb2\x95\xf8D\x0b\x9aE\xaf\xda\xd5d\x99\x14\xcf\xedF\xca;\x1a\xeb\x1c\x7f5h\xa7\xbc\xfeEqT\xb7\xbfG\xa3_\xf4D\xfd\x14dw\xab\xd5\xdc\xac&gt;\xee\xb7Z\xa9\xae\xac\xe0\x0f\x9f\xc5n\x85\xa2\x81\xf0\xdaFac\xb9\x10X\x89Q\xa1\n\x85\xc0uz?\r\x0c\xe2\x8b\'O\x9e\xdc\xbcC\xef&gt;\x82p\xdd\x84\xc7\xe3\xdf_C\x02\xee\xee5\xa6\x1cK\x08a\xd5\xd3r\xb5\xe1\r\xaeD\r\x9d\\T\x96\xaam\xa7\xde=\xf7\xfe\xbf\xf2,\x8f4\x8d\xb9,\xa7l7\xbf\x07\xf3\xaci\xda\xd8\xb6\xbd\x19\xc2\x88\xfb\x15\x8c\\\xf4\xee\xf3\xfd\xc0~!\xb0\x11\xb0bQ+\xba\x99\xb4\xd6\x12?\xdb_\xbe^\x08\xdf\x7f\xff\xc5\xe3\x170\x86\x1bp\xe9\x03L7V\x7f\xfe\xf9mQ\x90\xd4J\xea\x88\xc8\xac\xa2\x1bAQ;I\xa7\xdcR~\xd8\xe1`\xb7\xddK/\x9f\xaa\xf6O.R\xff\xeb\xcc\xe7^\xb99\x92\xcf\xa6\xaf\xdcT\xc9\xdb\x19\xd6\xc72\x87\x91.\xaa0\xde\xee\x14\x13\xe6\xdaW\xa1[\xd1\xbb\x9f\x14\x96\xe1\n(\xb0\x9c\xb0B\x10\xf7h2\t\xe7a+\t\xda\x0f7_\xac\x86\xef\xec/&lt;\x84r\xb5&gt;\xe3$\x81\xcc\xddTG\x13\x15]\xd7\rC\xe2\xd4\x8e\xed\x96\xf3\xd5\xe6\xf9T\x92\xb5\xde\xbc&gt;\xb1\xddI\xb7\xdf\xfe\xaf\xe9O\r\xeb\xf3\xeee\xdaKU\xdb\x95\x8b\x13\x1ec"I\x92 \x89\xf5\xb6\xed\x9ec\x91\xc8\xef&lt;[\x8e\xae$\xe8y\rD,`YQk\xcd\n\xf9\\\x89\xfd\x8f(\xd7o|\xac\xf0\rZ\\\xb5\xa7\x9c)\t\xecd\xcf;\xe1\x90\x8e\x90a\xe8\x88\x88\xb87\xea\xe7J\xf9R\xee\xe8b\\T\xb1f\xd4\x07\xe5a\x7f`W\xef\xfd\xe7LM\x86\xae\xeb\xee\xe5[\x97W\xbc\xa8#I2\x102\x91\xa4\x9c\xd8\xad\xf6\x90gEF\xbe\xbd\xb9\x1c\x8aZ\xb15\xfa\x168\xd4\xbd\xb5\x06\xfd\x10\x8b\x86B\x16\\@\xbe\xb5\xfa\x93\xd5\xf0\xfe\xe2\x86\xa8\xf0j\xf8\xf0\xa5f\xea\x86&lt;\xdd\xc9\xcf0F\xc44$\xc3dYC"\x18\x9d\x9c\x0e\xbd|ig\xc7\xfe\xfbi\xbdk\xe8\xf3S\xd8\xac\xe4\xfe\xbdb{\x93\xfe^\xd9n\xa7@`\x9d\xc3\x82 \tA5(HDd\x0c|Q\xca\xb5\xc7\x1a#2\xdc\x07\xb5\x95[Ip\xcf\xa2\xd5\x00_\x12kQ\x10mm\xedQ\x01\\\x04\xaa\x8d\xd7\xb7\x00nl\xbf\xd4\xe05\xe9\xdai\xb5\x01\xf9\x14\x89 \x18&amp;fu\x03\x11\xd6\xc4\x1c\xb9:u\xf6\x80,\xb7Sn8\x1c\xc7\x8e[\xf9\x92\x9dk\xfc\xeb\xbf\xc0\xdc\x99\x9bw\xbdr\xfcr\xa4r\x84\x17`I\x86!\x04\x83\x02\xe8\xc5j\xb9\x9c7\xc1&amp;pi\x0f\x8e\xa3\xb5Z\x08\xea}\r\xd4\n\xc5,+\x16\x03D+\xb1\x0fXo\xed\x176\xa8\x87P][\x9fi\x04!\xc4\x15\xbdRzr&gt;2\xe5\xa0n\xb2\x0c\x02(\xd6\xd4\xc1ZMS\xbb\x9d\xcb\x81\x9dk\xbb{\xf7ZWg,\xdb\x89{\xae\xf7\xdd\xb7wR\xa5\xb6\rR]\x8c\xa6E\x19\x02E\x91\x84\xa0\x84tI\n\x06\r"]u\x07-\xd7\xeeq\x8c\x08&gt;\xfev+t|\\\xab\xd5@\xb0\x18\x14&lt;D\x1e\xf4\xb2\x12\x8f\x80+\x0cmQ\x00\xd9\xf6\x1fm?\xd5\x18\x93\x98&amp;w\x91\xca\xcd\x9a\xe5\x9d\xa3\xb9\xcc\xb2\x04AI\x10\x05\xf6J78\x8e\x13\xcf\xa6\xd3\xf1\xfc\xc2n\xe7\xf7\xfa\x9d\xb9\x1e9\x1f|\xe7V\xb3\x86\x07\x07\xe5A\xa7\x88Y\x85\x18\xc1\xd7B\t08\x14\x8e\x8cg\xb9\xd6\xac\x92+\xd5\xc1EX\xf8\xc1_j\x94+\x04s\x18\nA\xe0\x935\x00\xa3\xefN\xec\x17\x12\x01\xf8\xba_\xf8\xe3\x17\xb75\xd1\x04,\xac:\xa5\xf8`\xe8\xc4\xbd\x89\xc62,\x90\x11\x05\x19\x12\xa2\x1b\xf0\xc9\xb2"\xc6\x9c\x0c\xc7\xeeY;\xdf8\xea\xcf\x8d\xf1\x1b\xa8\xaa\xd7\x80\x90\x8fLS\x00\n\xd5\xb7\x8fb\x19\xba\x01\xb2\xe9\xf2i\xb9\x9dv*Gv\xd9A2\xe5\xc2\xdc\xed\xccf\xe6\x10\xe4\x02\xac$\xc8V\xdb\xdd\x85a\xb4\xe8\xfb\xbd`\xe7r\xe0Q\xed\xab\xaf5B\x18b\x12y\xdah\x1fU\x86\x95\xa3\xf8\x8c3\x0c\xc4\x8a \x96\x82\x90\xcfG\xa8\xc9\xc4\xc7\x13E\xd2\xabO\xbc{\xa5\xf6\xab7\xfeU\xf3\xf1zD\xe3\xf8\x88@\xc3\xc4\xf3\xc1 O\xb7(\x9cD\x90|^m:\xcd\xb8Si\xa5\xe6\xd4E\x8c\x19\xed\x07_\x1cd\x8e7\xad(\x9c\xaf\xee\x1e\x1foe\xb3\xbb\xc9]\xd0\xed\xd6n\xf2\xc7\xd6O\xa3\xd9_\xbc\xd4\x18X\xc4d\xe4y&gt;&gt;p\xd2\x83a{\xc6I:2)\x04\xa3\x88\x98B)P\x1a\x8a\x8fg\xc2\xc4bM+vf\xdf^ \xdd\xcb\x97\xdc\xfe\x9c\x97\x19\xa0\xe1\x83\xc4\x84,\xc1\xe2#*8l\x94\x1e\x00\x00\x073IDAT@A=\xe8\x92\x8a\xc7-\'\x1d\x8f\xc7\x87\xf1\xea\xa5\x8c\x19\xc0\x02\xae\x0f?\xbd\xbb\x9d\x85~\xb7\xa2\xd1]\xc0\xcad\xb3\xd9\xccz\xf6xs\xf7V\xa8\xb6\xf5\xbb\xaf9\x06\xe6\x17\xb8D\xae^:\x1aT\xe2GN\xf9\x95\xa6P]\x14E1\t\xa60\x8a\x02Td\xa1\x1a\x08\x89\x0c\x04\xdd=\xad/\xce\x13R\xb9\xc9X!\x88J\x04:\x11\x06\x81J\xbc\xbf\x04\x1d\xb6y^\xc5\xd3\xb4\xe3\xd8\xf1\xb43t\xd3\x11p\x11\x83`"\xf7\xe1\xf3\x83\xf5l\x12\xe6\xd0J\xee\x1eS\xa6\xcc\xfaAv\x0b\xb06\xb7\xfe\xfc\x0eG\x99\x18\xaa\xac|\x1a?\xaa4\xe3\x95\xb8w\xa9\xf9\xc6)\xb4T\x89H3\x06`\xc4\x0f\x1b\xcc\x00\x94-\x00\xeb&amp;c\xd2P\x95\xe1\x88\xa4\x98B$\x12\xf1E\n\x82\xa6\n\x92\x80\x8f\x87\xc22T\xa8\tU\x15O\x9a\xe9J&lt;\x9eN;i\xefDf\xfct\x89\xa2\xfc\xf6/\x0f\x0e2!\x98\xc5d\x12\xe4Z\xdf^\x07\xb0\xcc\xf1af\xf3\xf9\xbb\x1cK\x99X\xfaD\xfdU|\x08\tH\xa7\xdb\xa7\x9aO\x05\x07 \xba\xd0"\\\xf0\x1c\xfa3\xb0\x05\xa0 sB\xa4\xb7\x94\xf2\x1a\xce\t\x87#\x11\x9e\x8f\xc0\x07P\t\x80\x85\x90Ns\xa5K\xfc\x19\xafJ\x80\xc5\x9e\rs\xf0\x82\xd3\xcd\xb4\x93;\x91\x17bQ.\xee\x9bgw\x0fC\xd0\xf0\xc9\xe3lf{\xfd\xe1C\xc0\xccn}\xfc\xe95y\xa1\x14]\xda8Wq\x9a\xcdt\xb3b\x83Z\n\xf2\tt\xa8-\x15\n\x1fv"\xb2\x8b\x90\xd1\x05Q3z\xc5\xc8R\xc9\x9d#1\xb2p\x8f\xf7\x83\x0e\x8dg\x9a\xf4)\xa6\xae\xf2\xaa\xaa\x02\x94*\xb1h\xd0v ]\xf0\x99\xbb\xe20\xf6;\x02cV\xe4\x1e\xfcz=\xb9\x16\x0b\xd5|\xae\x83\x83\x87\x99\xcc\xf1\x86O\x05"\xf8\\27jU*\xcdf\xb32\xb4\xa1 \xe0\x15K:=b\x03\x164\x17&lt;\x0b\x1e\xe0\xa4\xe2kE\xc5*\x16\x83K\xf5"\x11"&gt;\x11\x15\x0c\xb0"\xbc\x84L\x93!D\x07\x1e\xea\x9f\np\x12\x92\xfb.\xec\x19\xc2\xe5\xb8]\xc0\xf2\xb5\xf2\x8d\xe4&gt;\xd8\x86\x8b\xd8\x90/\x17\xb5\xf0\xe0\xf3\x8f\xfe\x8ae\x96b\xb1\xbe\xa6\x0c\xee\xc2\xab\x81U\xa9\xb4\xfa\x1a\x01\xf3(\x15\x92`\xc7:\x0b\xe2!F0\xe0t@1\x95\x05W\xaf\xc8\xa3%\x1d\xf5"t\xfe(\x14\x95\n\x8c\x14\x10\xc3R(`\x12|\xbd` \x05\xee\xb2\x0c\x16\xc2\xc3qG\x98\xf8L\xe2\xc2%\xee\xdd\xbf}l\x1d\x1e\xeef3\x07\x99Lv;\xf4\xa3/9\xdf\x99E\xebbS\x12;\xb6\xd3\xf4\xb1r}M\x81\xd9\xd6)\x19\xec\xd5PD\x16\xbe\xc7\x9d\xe1\xe8\x8c#\xbeZ&amp;\t\x16#\x92\xb9\x14\t\xbe\xa6ZH\x06[\xc8\xaf`\x1f\x8aR\x05y\xea#\xcf\x9d\x03V:\r\\\xeeH\x14\xcc\x7f\xe6\x92\xdf\xfe\xf2\xce\xca\xe1V\x06\x82\xb5\x9dM\xdc\xff\x03\'\xbeY\x18N@\x00\x0b\xfe\xb2\xd9t(\x16\xe4\n\x8e\x1b\x12\xcd+\xb5\x90\xc0\xef\xf1&lt;\xe7\x0e: \x1c\xf8HP\xaf\' \xb2\xe4\xc7J\xa5\x16\xbe\xd6\x8b(g\x86*\xd1jWU\xfa\x8b\x85\xc1&lt;wQ\x86~x\x8d\xa5\xf2&amp;\xd8\xf8\xed\xfc3\xac\xf6\xe0\xfa\x8d\xc3m\x1a\xf7\xc2\x93o4,\xfe\xa3\xe8\xf2gu\x15\r\xc2x\x8e\x7f\xa2\xbeDW\x82\xc8\x16B\xe0V\x17\x16\xeb\x85\x0b\xb2\xc5=\x17\xfc\x04\xe6n\xa7 \x1eN\xf1\x96Il\xb6\x90\x14\xb9\x9d\xb0\x8566\xb2\xe55\x10\x12\xd8B$ \xb8\x81\xc8B`-\xad\x85\xf4\xfb\x05v\xc6\x9c\xc3\xa6K\x88\xaf\xbf\xf7\x99\x99gf\xb0\x08\xe5\xd1t5\xf0c\xc0\xc2\x1a\x06.\xa7G,\x1c\x04\xb1\xe1j\xb3\xb15\xea\xc4=\x0cvX\xaaS\xcc,\xc95tF\x9e\x148&amp;\x8cj\xa1?\x80\xb1g\xde\x89h\xd8\x07\xc7\xacz\xc72\xd84\x86\xc3\xf1\xf8\xcd\x89\x81G\xc0\xbbG\x9fxB\x0f\x83N\xf4\xcf\xc7\xdf?\x7f\xfb\xfc\xf1\x17\xa0b\x1eB=\x81\xe3j\xd8\xc3D\x1a\x996r\xd9\xbb^\x95\xe1\xecQ0\x9c\x06\xc1C\x11\xeb\xba?\x0cI\xaaBdgS\xce\x9dCUN\n\x03\x12\x87\x9f\xa3V\xbc4\x97\x99\x14\x16\x14\x16\x1e\xd2\xa5\x07\x95\xf1\x10\x12\xb0B\xc4\x82;\xc7\x19bI\x8b\xfb\x9c\xfc\x1f+\xf2\xe1\xaf\x9f\x7f\xfd\xf6\xe5\xef\xaf\xef\xbf=\xc9\xc4\xed]\x08\x91$14B\xd3\x02\xac\xb0\x83\xdd\x87\x81\x02\x1e\xf3~,\xbf\xa9\xae\x11\xbd:\x0cG\xaa\xa2g\x80;h\xa0\xe1d\xf4L\xf4t\x1c\x19\xa62\xdd8~J`D\xc6 \xbe\xd5\xe7\x03+\xdbY\x16f|\xb0\xc9D\x9c\xa1I\x12\x14\xaa\xfc(G\x88(a\x7f\xf8\xed\xcf\x7f\x7f$\xc2\xbbTlq\x08y\x19\xceF\xac\xd0\x8f=/\n"z\nR=?\x940\xce\xc83\xe6\'\x96%\x02CT\xb6M\xaa\xe8\xa6\x02,o\xb8.$\xdcb\xcc-\x1c\x170\x80SvX\xda\x81G\x89\x82T&lt;\xfa\xeb\x1b\x14\xc7\xb1\x14\xd5\xb2\x83\xc4\xf6\x01\x0b"L\xd2\t\xec\xdb,d\x91\xf0\xf0\x0bV\xfd\n\xf3\xecC\xad\'\xa2^\xfc\xe5Q\x9fa\xabgR\x7f\xab\x1d\xab|\xb2\xc4Ez\x12\xc54i\xe8\x19\x96\x1eu\x01\xe6\xc9j\xb3?6K\xdf\xb7;\x03\xa2pu\x0b\x98\x10\x01\x0b^\t\xa6\x0b\xbdf&gt;]\x90lg\xda\xab\x96\xe0\xac\xac(oV\xc6q\xd8\xc0\xd4\xd4\x8fL3\xday\xf1\xb2\x151\xc0\xe4\xe4\xc7a\xc3\xb3h\x9b\x08&amp;\x10\xb8\xb6\xf80Z\x91\xc8\xb7\x97\x8ds\xe4a\x96Tx1\xf5\xaaES\xe6q\x7f86\xee\xed\xbe\x96\xea`\xb0\x0e\xdd\x90$\xc1\xd0X\xfbC\xd2\xd2$\xef&lt;\x97Q\x8ck!\x81X\xb3\xc9\xd8qt\x8d\x9f\xeb\x90n\x9aV;\xd6\xaa\x13\xa4\xb1\xe1p\x86$K\x1c$&amp;\x97\x95eV/\xc3\x18\x06m\'\xf3+f\xc4\xba\x84\xd6\xceK\xe6hR\x02\x01(\xf2\xa0\x1b\xbf\xaa\x19\\\xc29\x1a\xf2\xd8O\xe9*?\xdd\xefY_\xdc\xd3S\x96\xe6\x8d\xdb\xe4\xe7SZ\xd1\xb4\xdc\xe7}w\t\xb2\xccH.g\xc4*\xae\xf9\x9d@\xc6M\xc6^\x081\xd4\x17\xa0\x8e.Ta\x14W\x12x\x9d2%D\xf8\x9eJ\xc2\xf7;}\xb5\xf6\xeb*\x0b\xe8\xb1\xaa\x0eN\x19\x1c\xa6:b\x9d-\xcb\xb6\xfc\xb3\xb0\x18a K\xde\xa8\x80P\x16\xd3\xd04\x9d\xa0\x90\xb1\x9e\xc5nu\xb6\xaa:\x8b\xf2\xd2):\xdaWnK\xb3\xdb)u\r&gt;\x93\xcc\x93DK\xf7N+\xf3&gt;\x93\xb8\xa2(\xd7:\x99j\x80\xc5\x17\x05g\xa83\xa3\xe0\x94\x990\xc4fX\x8b\xaa\xa4hJ\x9b\x95\xfdk\xd2\xec\x0f\x9b\xfa\xecR\xa5o\xe9\xb6\xad\xda\xfe\xf8\xb2\x97P-\xc1\r\x1c\xdb\xf4\xef\x8c\xa2,\x04\xf2N\x05\xb2\xb1\x10c\xf1\xb4\xb3M\xe7\x15\xee\x0f\x9e\xcc\xb4\xdb\xed\xf3r\xb9\xfd\xb4Z\xbdXa\x14\xee\xe2\xd0&lt;F\xeb\xb0O\xbb}]\xed\x87\xaa6\xed\xb6{\xc9\x05\xc5(\x8c|\xd7\xaa#\x16\x98V!\xd0\x92\xbb\x1a\xfc\xec\xc3\xe0\xfb^\xb4\xbfM\xd5k\xed\xbfl\x82v\xdd\xa5\xb49g\'\xaa{C^A2\xecai\xbf"\x96\xac$\xa0\x88\x07\x96\x0f-\x17\xc4\xc2\x0fP\xb1d\xa1\xe8\xbax\xd9\x81Z\xaf\xf0&amp;\xfc\xe7\xc5\xb1\xf0\xb3\xf6\x9e\xb7~\x14\x0c}\xd3\xd4u\x93v+\xff\xd9\x8f7\xe1f\x17z\x9f\x96+/!\nw-\n+b\xa7\x8b\xff\x00\xdd\xca\xbc\xb6\xf3t\xe3\x1d\x00\x00\x00\x00IEND\xaeB`\x82'</t>
        </is>
      </c>
      <c r="M539" s="3" t="n">
        <v>45492.67719907407</v>
      </c>
    </row>
    <row r="540">
      <c r="A540" t="n">
        <v>1476894</v>
      </c>
      <c r="B540" t="n">
        <v>5926</v>
      </c>
      <c r="C540" t="inlineStr">
        <is>
          <t>José Guilherme</t>
        </is>
      </c>
      <c r="D540" t="inlineStr">
        <is>
          <t>J. Guilherme</t>
        </is>
      </c>
      <c r="E540" t="inlineStr">
        <is>
          <t>UNK</t>
        </is>
      </c>
      <c r="F540" t="inlineStr">
        <is>
          <t>UNK</t>
        </is>
      </c>
      <c r="G540" t="inlineStr">
        <is>
          <t>UNK</t>
        </is>
      </c>
      <c r="H540" t="inlineStr"/>
      <c r="I540" t="n">
        <v>46</v>
      </c>
      <c r="J540" t="inlineStr"/>
      <c r="K540" t="inlineStr">
        <is>
          <t>Left</t>
        </is>
      </c>
      <c r="L540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7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(\x00\xa2\x80\n(\x00\xa2\x80\n(\x00\xa2\x80\n\xab\xackz7\x87\xb4\xf95}\x7fV\xb6\xb1\xb5\x85wMsy:\xc7\x1a/\xa9f \x01@\x1f\x1e\xfe\xd0\xff\x00\xf0^o\xf8\'O\xec\xef\xe2\xb1\xe0\xbdC\xe2\x95\xcf\x89\xafPf\xe9\xbc\'`\xd7\x90\xdb\xf3\x8c4\xa0\x84\'\xd9I\xaf\x19\xb8\xff\x00\x83\xa5\xff\x00aH\xb5\x08\xad\xe0\xf8k\xe3\xc9m\xdep\x92]-\x94\x00"g\x1b\xf6\xf9\x99#\x1c\xe3\xadf\xeaD\xaeS\xe9\xcf\xd9c\xfe\n\xe9\xfb\x02\xfe\xd8\x1a\x8c&gt;\x1c\xf8M\xf1\xda\xca=rw+\x16\x83\xaeB\xf67N@\'\xe5\x12\x80\xaf\xc0\xfe\x16&amp;\xbe\x96\x07#"\xae2RWBj\xc1E1\x05\x14\x00Q@\x05\x14\x00Q@\x05\x14\x00Q@\x1f\x0f\x7f\xc1N\xbf\xe0\xb7?\x02\xff\x00`\x87\xba\xf8a\xe0\xfbH\xfc_\xf1\x1a8\xc7\x99\xa2\xc7+Gm\xa6nP\xca\xd72\xe0\x8c\xe0\x82#S\xb8\xf7\xdb\xd6\xbf\x08\xff\x00lO\xf8(\x97\xedM\xfbo\xf8\xd6O\x12|q\xf8\x93qy\n\xee]7E\xb5\xfd\xc5\x95\x9cd\x8c\xaaD\xb8^\xc3\x96\xcb\x1e\xe4\xd7=I\xf3&gt;Th\x97*\xb9\xe2V\xd7\x89ja\xfbL\xaa\xdbX\x1d\xad\x19&lt;\x0eH\xe3\xebY\xba\x8d\xf4\xd7A\xae!\xb5Q\x1a\xcb\xfc+\xb4.y\xfe!\xc8\xc7\xbd$O\xa9\x92\xbe*{\x0b\x88\xe5\xd3\xe5\x9a\xdee9\x8d\xa3\x97\x1c\xfa\x8fC_\xa2\x9f\xf0M\xef\xf88\x87\xf6\x96\xfd\x93%\xb7\xf0?\xc6\xa9o&gt;"\xf8&amp;\x18V5\xd3\xb5\x0b\xa0\x97\xb6\x03\x07\x06\x0b\x86VfQ\xc6Q\xb21\xd3m4\xf9u@\xb5\xd0\xfd\xee\xfd\x92\xff\x00lO\x80_\xb6\xc7\xc2\xabo\x8b\xbf\xb3\xff\x00\x8d\xe1\xd5\xb4\xf96\xad\xe5\xbe\n\\X\xcd\x8c\x98\xa6\x8c\xe0\xab\x0f\xc8\xf5\x04\x8a\xf5\n\xe8\xdc\x90\xa2\x80\n(\x00\xa2\x80\n(\x00\xa2\x80\n\xf8\xef\xfe\x0b\x15\xff\x00\x05+\xb4\xfd\x80\xbe\x05\xa6\x9d\xe0i\xa0\xb8\xf8\x89\xe2\xc5\x92\x0f\x0c\xdb\xc8C\x0b(\xc6\x04\x97\xb2)\x07*\x99\xf9T\xfd\xe6#\xb05\x15%\xc9\x06\xca\x8a\xe6\x95\x8f\xe6\xff\x00\xe2\x8f\x8d&lt;U\xe3O\x11\xdfx\xa7\xc4\xf7\xf7Z\xe6\xaf\xaa^Iqy\xa9]\xc8X\xcf3\x1c\xc9#\xb1\xea\xd9\xfc\x07A\\\xf46\x1a\xad\xaaMgra\x84\x1f\xf5~|h7\xf1\x9e\x06I?\xa5pF\\\xaa\xec\xdb\x95\xc9\xa4\x8a\xd3Cql\x7fyo\xf3\xa7\xddU\x90\x8c\xb7\xa0\xe3#\xf2&gt;\xd5F\xee\xd2W\xb7\xdf\xe5\xb3H\xd9iv\xb8\xed\xdb\xaf\x1f\x9dW\xb6+\xd8\xcb\xa9\x8b\xa8h\xf2\xdc\x88\xd6\xd16\xb7?$i\xd3\xf1\xac\xfbAsm|\xb1\xb4\x99\x1ef\x19\xa4R3\xf9\xf6\xaa\x8dE-\t\x95&gt;]O\xa3?\xe0\x9b\x7f\xf0P\xbf\x8d?\xf0O/\xda\x16\xcf\xe2_\x815\x16\xfe\xc9\xb9\xb9H&lt;G\xa31\xcc\x1a\x95\xae\xef\x99\x18`\x85`\t*\xd8\xc8?\x88\xaf\xea\xe3\xe17\xc5\x1f\x06|l\xf8k\xa2|Y\xf8y\xac\xc3\xa8h\xbe \xd3\xe3\xbc\xd3\xaf m\xcb$n3\xf9\x83\x90}\xc1\xae\xaa{\x1c\xe7EEh\x01E\x00\x14P\x01E\x00\x14P\x04w\x97\x96\xda}\x9c\xb7\xf7\x92\x88\xe1\x866\x92Y\x1b\xa2\xa8\x19\'\xf2\xaf\xe5\xaf\xfe\n\x83\xfb[\xeb\x7f\xb5\xbf\xedq\xe3O\x8aw^#\x9a\xe3I\xb8\xd4^\xd3AF^`\xd3\xe2; DO\xe1\xc8\x1b\x8fL\x97$\xf3\\\xf8\x89{\xa9\x1a\xd2\xf8\x8e\x0b\xe1_\xec\xb7\xe2\x7f\x8bc\xfbGX\xd7\xfe\xc7\xa4\xe4\x08\xd6\xd8\x06\x9a`\t\x1c\x9e\xdd\x05}O\xf0#\xf6\x16\xf8\x1f\xe1u]B\xfb\xc3\x92j\xb7R\x7f\xac\x9bQ\xb8g\xda}\x86x\xaf\x85\xce\xb3\x9a\x94\xd3\xa7I\xdb\xcc\xfb\xcc\x8f"\xa7S\x96\xadmz\xa4{4\x9f\xb2\x0f\xc0\x8dR\xd8[]|4\xd2XI\xf7\xa4X\xb0\xc7\xdf9\xcdP\xd1\x7f`_\xd9\xd7\xc3\t5\xe5\xbf\xc3\x9b;\x86fm\xc6\xe1\x99\xc2\xa9\xec7\x1a\xf9\xda9\x9ea\xec\x9c}\xa3\xd4\xfay\xe59|\xaa\'\xc8\xb4&lt;\xa3\xe2\x7f\xfc\x13\xff\x00\xf6{\x9a9\xe6\xd3|=uf\xf2\xe4\xc6\xd1^3\x04?L\xf4\xf6\xaf\x98~+\xfe\xc1\x97\xda=\xdf\x9d\xe0\xdf\x15\xa9\x83\xa3\xa5\xd4yo\xc3\xd2\xbd|\xaf\x881\x1e\xd3\x92\xb6\xa7\x8f\x9b\xf0\xde\x1eT\xfd\xa5\x1d\x0f\x1b\xf1?\xc3-[\xc2\x1a\x99\xd3\xaf\xcb\xa4\xb3C\x95\xdd\xd40\xed\xe8s\x8f\xd2\xbfa\x7f\xe0\xd4\xdf\xdb;\xc4\xf7\xb7\xde/\xfd\x8b\xfe$x\xba\xf2\xee8mb\xd5&lt;\x17c6^;UC\'\xda\xd1OT\x0710^\x99\r\x8eO?\xa0`\xebF\xb55%\xd4\xfc\xe3\x15FTk8\xb3\xf6\xae\x8a\xed9\x82\x8a\x00(\xa0\x02\x8a\x00(\xa0\x0f)\xfd\xba&gt;$\xa7\xc2\x1f\xd8\xe3\xe2g\xc4\x86vV\xd2\xfc\x17\x7f$M\x18\xf9\x84\x86\x16D\xc7\xfc\t\x85\x7f%\xe2\xe1\xf5\x1dee\xd4$\xdd\xf6\x87$\xe5\xbd\xc5q\xe2\x8e\x8a\x1f\x12&gt;\xf6\xfd\x9f\xb4\x08\xbc=\xe0\xfb\x1bV\x8c\x7f\xa8]\xde\xf9\x19\xafs\xf0W\x99=\xccbIp\xa7\x9c*\xf5\xaf\xc83*\x8e\xa6"O\xcc\xfd\x9b/\x8a\xa7\x85\x82\xf2G{k\t\x90F I\x17\x9f\x99\xb0kSQ\xd3\xaf~\xc4\xa2\xcea\xb5\xf9`W8\xae8\xc6\xa7%\xce\xcb$\xcf\'\xf8\x8e\xf7Vc\xcah\x98|\xc4\xb2\x8e\xd5\xe4&gt;&amp;\x8e=F9\x00\xf9\xb7\x7fz\xa2\x8c\xa4\xa5tm(\xa9B\xcc\xf9o\xf6\xac\xd3 \x86{]A\xad\xc3;\x16\x89c-\x8c\xe3\x8e\xbd\xbe\xf5{/\xfc\x1b\xcd\xe3\xdb\xbf\x03\xff\x00\xc1V\xfc\x03c\x04\xed\x15\xbe\xbd\x0e\xa9\xa7\xdd\x8f3\x0b"\xb5\x84\xec\xaax\xe7\x12\xa2\x10=@\xaf\xd6r9s`\xa1\xfdu?\x1d\xcf\xe2\xa3\x98\xce\xdb_\xf4?\xa6\x1a+\xe8O\x04(\xa0\x02\x8a\x00(\xa0\x02\x8a\x00\xf1\x8f\xf8(\xa7\x84\x9b\xc7_\xb0\xaf\xc5\x8f\n\xa6\xed\xd7^\x05\xd46\xf9k\xb8\xe5a.8\xfa\xad\x7f1\x9f\x00&gt;\x05I\xf1+\xc6\x92^jk\xbbK\xd3\xbc\xbd\xcb\xb7\x89\x1b\xef\x01\xf9\xd7\x93\x9bVt0\xeeK{\x1e\x96WG\xeb\x18\xb8\xc1\xeds\xedO\x0f\xea\x1e\x04\xf0"\xc5\x17\x8b\xfcM\x05\x9c\xa9\x1f\xfcz\xb1\x1b\x80\xf5&gt;\x83\x15\xeb\x1f\r~/|\x10\xf1J\xa4Z/\x8d\xb4\xd0\xca\xdbU\r\xd2\xee8\xed_\x99\xd4\xcb\xb1\x15\xbd\xfbh~\xa3O\x1f\x87\xa6\xf9.\x8fX\xf0\xfe\xa5\xe1\xc9\xa1T\x96\xe6\x16W`\xbed\x7f\xa1\xa7jVz\x16\x89e\x8b)#\x88\x03\x96\x1egNy\xebN8t\xa1dt\xfbysy\x1e_\xf1#\xc7\x1f\x0bt\xf8d\x9f\xc4\x9e\'\xb1\xb7\x04\x7f\xcbi\x947\xbfz\xf0\xbf\x15|N\xf8\x19{4\x96z?\x8d-\x9d\xe4\xe5L$0_\xfe\xb5eO+\xc4J\\\xd1Zw&amp;\xa6i\x87\xa6\xf9\x1b\xd4\xf0?\xda\x13\xe1\xb9\xf1\xbf\x84g}.\xff\x00\xce]\xdem\xad\xc5\xbbeN\x0f5\xad\xff\x00\x06\xff\x00iZ\xc6\xb7\xff\x00\x05\\\xf8Ul\xb0\xaa\xc9ou\xa9\xcds\xba\x1d\xe0,v\x17,\xc7\xfd\x93\xc0\xc1\xecM}\xf7\x0f\xcaJ\x8b\xa7-\xd3?;\xe2HG\xeb\x11\xab\x1d\xa4\x8f\xe9\xfa\x8a\xfa\x83\xe6B\x8a\x00(\xa0\x02\x8a\x00(\xa0\x0c\xff\x00\x16\xe8\x16\xbe*\xf0\xae\xa5\xe1\x8b\xd8\xc3\xc3\xa8\xe9\xf3[J\xad\xdd]\n\x91\xfa\xd7\xf3\x91\xfb7x^O\x02h~$\x8a\xea\xc1\xbc\xeb?\x10\\Z\xece\xc3\x06\x88\xec \xfb\x82+\xc3\xcf\x9aXT\xdf\xf5\xb1\xec\xe4\x7f\xef\x89\x18\xde/\xbf\xfd\x9f-f\x9d\xfc\x7f\xa4\xac\xd3n\xddu5\xd5\xd1\\}Y\x98\x0f\xc0W\x92\xf8\x93C\xfd\x8d\xb5\xedE/&gt;\x1b\xeaZ\x95\xad\xcc\x9b\x9d[M\xd5_h\xe7\x04\x8d\xfc\x1ex\xe0\x9ek\xe7\xf0\xb2\xccc\x07*z\xc4\xfa\x9cU&lt;\xaeR\x8c*h\xcfx\xfd\x95\xbcW\xe2/\t\xcd\xfd\x87\xa6x\xd7Q\xd5m\xdaA\xb2=BB\xd2E\xfe\xcf&lt;\x8a\xf6\x9f\x8e\xbe:\xf1W\x87\xfc&lt;\xd3\\\xbc\xd0\xac\xd1q#q\x8c\xd7\xcf\xe2+\xa9b\xae\xd5\xbc\x8f\xa2\xc2R\xe5\xc3\xa4\x9d\xf4\xdc\xf8[\xe2\x1f\x86~\r\xc9\xe2\x1b\x9f\x13\xfcD\xbc\xf1\x06\xa3\n\xa8\x92\xf1m\xef%\xf2\xe3RB\xf3\xb7\'\x04\x903\xef]\'\x82\xfcc\xfb\x0c\xda\xc7\xfd\x93\xe1/\x06Fg\x8f\n\xdfh\x92Y$\r\xf4\x97\x0c{\xf4\x06\xbe\x8e2\xcc\xaba\x14\xa3e\x14|\xcf.WG\x18\xd4\xdd\xe4\xfb\x9e\x8d\xe0=7\xc3\x01n,&lt;;\x12\xad\x8d\xe0\xdd\x1c\x1b\x8e\xd5\x7fU\x07\xa6GZ\xf7\xcf\xf87G\xf6y\x1a\x87\xfc\x14\xb3\xc6\xdf\x12\r\x8b%\xbf\x81t\x1b\xaf)\xc2\xfc\xa2[\xc60\xa8\xfa\xec\xf3\x7fZ\xed\xc9e\xcd\x88~\x9f\x91\xe5\xe7\xd1\xe5\xa4\xad\xb5\xf4?w(\xaf\xac&gt;T(\xa0\x02\x8a\x00(\xa0\x02\x8a\x00\xf9\x07\xfe\n\xf7\xfbj\xfcU\xfd\x8e&gt;\x19xV\xfb\xe1\nH\xba\x86\xbd\xacL\xb7W\x10\xda\xc74\x91[B\x8a\xcf\xb5dR\xa7\x97\\\xf1\x9c\x03\x8a\xfc\xd4\xf8qz\xbf\x13\xdbV\xf1\xb6\xa6\x96\xfew\x88&lt;Ay\xa8N\xd6\x96\xe28\xdaId%\x88A\xc2\xe4\xe7\x8a\xf8\xbe#\xc5T\x93\x9d.\x8a\xdf~\x8f\xf5&gt;\xdb#\xcb\xe9\xc3\x0fG\x13\xd6NK\xe4\xb4\xfd?\x13\x8c\xf8\xb3\xfb\x1f\xd8j\x9a\xfc&gt;1\xd1\xbc3o\xa8\\*\xb2\xb4W\xa0\xb20a\x821\x9c\x0e\t\xe9\x8a\xc3\xf8\x13\xfb1\x9f\x83\xf2\xeb7\xb6\xde\x05\xb2\x8aMZ\xd1\xad%k\xc5I\xd68\t\x19UR0:\x0eNO\x15\xe4\xe0\xf3IS\xa1\xc9.\x87\xb5\x88\xc9\xe8b\xab*\x8fN\xfege\xf0C\xe0\xc5\x97\x86|m\x19\xd3\xe0d1\xf0\xad!\xed\x92y\xfap\x07\xb5w\x9f\xb5^\x82\xfa\x8f\x84c\x82\xe2m\xed\x8d\xae\xb8\xe7\x15\xe0V~\xd6\xba\xa9\xe7\xfa\x9fMB\x9cU\'\x16yG\x85\xbc\x07m\x7f\xe0\xfdgB\xd0-m\xcd\xbf\x88\xad\xc2j\xd67\x10\xa3,\xa1H#\x07\x1b\x97k`\x8c\x11\x83\x8a\xf3\xf4\xfd\x88-\xa5\xd3a\xf0\xd5\xd7\x87\xec\xa2\xb3[\xf1r\xcd\x02\xe6We\xc8\x1f9\xe4\x00\x0fA\x81_AK3\x94($\xbbZ\xe7\xcf\xd6\xc9\xf0\xf3\xc5{I-w\xf9\xda\xd7=?B\xf8W\xa5\xf8.\xcd`\x8e6f\x85\x81]\xe7\xa0\xa6\xfe\xc8\x7f\xb6\xaf\xc6\x7f\xd8\x9b\xe3\xaf\x8a\xa0\xf84\xb0\xcd\x1f\x8a&lt;Og&amp;\xb5\xa7\xfd\x82)\r\xe40\xa7G\x91\xd4\xb4h\x04\xb2ca\x04\x93\xde\xaf+\xc5\xd6\xa3)\xd4\x8e\xfa}\xd7W\xfc\x0e&lt;v\x06\x8e2\xbc(\xc9h\xef\xf7\xdbO\xc4\xfe\x83\xecn\xd2\xfe\xca\x1b\xe8\x87\xcb4K"\xfd\x08\xcdK_\xa3\x1f\x9a\x85\x14\x00Q@\x05\x14\x00Q@\x1f*\xff\x00\xc1^~\r\xdf|L\xfd\x97\x9b\xc5\xba5\xb7\x9d{\xe1;\xe5\xbc\xf2\xf6\xe76\xf2~\xea_\xc8\x15c\xec\xa6\xbf1~\x19Y\xcf\xe0\x9bv\xf0\xee\xa8\x91\xc7-\xbd\xd4\xdf$l6\xf2\xc5\x861\xeck\xe1x\x8e\x9c\xa3\x8a\x94\xbb\xc5?\x9av\xfd\x0f\xbb\xc8\xb1\nym:}c6\xbeM\\\xf5;mn\xde\xf7NVX\xfeV^\xb8\xc5f\xdc\xdbA4L\xedb\xc3o-\xf3}\xea\xf8\xdei9n}\xbd\x18\xc7\x92\xe6\x17\x80\xb7k^,2M\xfb\xa8\x16fW\x93\xa2\xf48\x1cWI\xf1\xf7\xc1\xc4\xf8y.\xa5\x9f\xe6t\x057/_z\xeaTe\xa3\xedo\xc4)\xd5\\\xadz\x9eW\xf0\x86\xce\xe9\xe1\x98\\\xd97\x96\x1d\x966\xe9\xb5\xb3\xd2\xbd\t\xee-\xb4\xc8\xff\x00\xd2c\xd9\xf2\xfc\xb9\xefY\xce2\x8c\xda\x1f4jA\x1c\x17\x8c\xfcCo\xb3\xcd*Ws\xb2\xe1\x87&lt;Vw\xece\xfb&lt;\xeb\x9f\x1c?i\xbd\x1bG\xb3\xda\xb0\xeb\xde(0\xdcI\xb7-\x1c0\xa0\x92B?\xed\x9cNk\xd9\xcbi:\x91\xe5\xfef\x97\xde\xec|\xee+\x10\xb0\xd8\xafh\xfe\xccd\xfe\xe4~\xfdC\x14v\xf0\xac\x10\xa6\xd5E\n\xaa;\x01\xda\x9d_\xa6\x9f\x97\x05\x14\x00Q@\x05\x14\x00Q@\x19&gt;=\xf0\xa5\xa7\x8e\xfc\x11\xabx.\xff\x00\x1eN\xab\xa6\xcdk&amp;Fp\x1d\n\xe7\xf5\xaf\xc2\x0f\x88\xda\\\xfe\x00\xf1\x8e\xa1\xa0G-\xd2M\xa7\xeaREs\xf6\xb07+\x83\x86\x1f\x985\xf2\xfcEO\x99\xd3\x97\x93_\x93&gt;\x9b\x87\xebr\xc6p\xf3\x8b\xfc\xd7\xeao\xf8?\xc7\x17\x17\xaf\x1d\xa3\x83\xe5\x80\x19Yz7\\\xd7\xa5xbQ\xa9\xd8\xca\x92*\xed\xdb\x95\x1e\xf8\xaf\x81q\x8d9\x9f\xa3Q\x974\x0f\x97~9|h\xf8\xc1\xf0\xd7\xc4Rx?\xc3\xba\x15\xa4p\xdb\xdd3\x89\xae&lt;\xc5\xfbB\x9eF\xc6U+\x9e\x7f\x8b\x15\xcb\xf8\xab\xf6\x82\xfd\xa1\xa4\x8a\xc5\xae\xfc;\x1d\x9c&lt;3\rJf`\xeb\xe8\xa20\xc7?\x90\xafr\x8cp\xee\t\xb6r\xcb\xeb\x11\x9d\xa2\xb4=\xf7\xf6d\xbe\xbb\xd7\xbc#s\xaex\x8a\xc5\xad\xa5\xbd\xb8\xdf\x04-\xf7\xb6\x81\x8c\xe0\xf22\x7f\x1a\xb7\xe3\xef\x15\xa2\xdcIc\x0c{\xd9YC0\xed\xc7\x1f\xca\xbc\xba\xd6\x95g\xcb\xfdlu{\xd1\x82\xb9\xe3\x7f\x10|_5\xc6\xa9\xf6q*\xe1O\xddS\xc0&gt;\xb5\xf6W\xfc\x10\x9b\xe1\x85\xff\x00\x8a\x7fh\x1dS\xe2\xa4SH\xd6\x9e\x1e\xb0\x98\\G"|\xa9,\xe1\xa2\x8fi\xf5*$\'\xd8\xd7\xd1d\xf4oR\x92\xf3\xbf\xdd\xa9\xf1\xf9\xc6#\x965_\xf7m\xf7\xb4~\xb4Q_x|\x18Q@\x05\x14\x00Q@\x05\x14\x00W\xe6O\xfc\x16\xab\xf6P\xf0\xb7\x80/m?io\x08\xfd\xa26\xf1&amp;\xa9\xf6_\x10Z3\x03\nO\xe5e%N2\xa5\xf66\xe1\x92\t\xe7\x8es\xe6\xe6\xd4c[\x06\xdb\xfb:\xa3\xd0\xca\xebJ\x8e)%\xd7F|C\xe1\x1f\x145\x8c\x90D$U\xf2\xce\x1b\xe5\xce\xe0k\xb9\xd4\xbe3/\x834\x7f\xb3A\xb5\xe7e\xdd&amp;OL\xf4\xaf\xcd\xb1\x14y\xaa\xd9\x1f\xa8ak~\xe53\xc1\xbe$~\xd1\x9e\x01\xba\xf1\x18}\x7f\xc4\x11^O\xbf\rk\x02\x87\xf2\xf1\xdc\x9e\x07\xe5\\\xcf\x8a?hO\x86\xf7\x9aj\xdaI\xad-\xc3H\xca\xd1\xbcq\xb0\xf2\x8e{\xee\x03\xf2\x15\xd7O\x0b[\xd9\xe8\x8fIJ\x9f\xdaz\x9e\x89\xf0;\xf6\x81\x81|\xbbkMJ\x1dB\xcbn\x16Hd\xf9\xa3?\xed\x0e\xbf\xa5u\x9e.\xf1\xac7\xf6\xd3^C*\xb2\xcd\xcc\x7f/\xdd\xaeYP\x94*\xab\xa3\x97\x11Z.\xe8\xe1\xbe\x19\xf8\x1bR\xf8\xb5\xf1\x8f\xc3\xff\x00\x0f4\xd4\xfd\xff\x00\x885\x8b{\x18]y\xc6\xf9\x02\x96\xfc\x01\'\xf0\xaf\xdf\x7f\xd9W\xf6Q\xf8U\xfb\x1f\xfc2O\x86?\n\xadn\x1a\xdd\xae\x1a{\xdb\xfb\xe9\x03\xdc]\xca\x7f\x89\xd8\x008\x1c\x00\x00\x00~&amp;\xbe\xeb$\xc3\xc7\x95\xd4{\xad\x17\xea~k\x9db%*\x9c\x8bg\xab\xf9lze\x15\xf4\x07\x82\x14P\x01E\x00\x14P\x01E\x00\x15\xe4?\xb7w\xec\xff\x00\'\xed/\xfb.\xf8\xa3\xe1~\x9f\x12\xb6\xa7%\xa8\xbb\xd1Kv\xbb\x84\xf9\x91\x8fm\xd8(}\x9c\xd6u\xa9\xfbZ2\x87t\xd1\xa5)\xfb:\xb1\x97f\x8f\xc1\xeb}dh\xf2\xe6\xee-\x92\xc2\xc5d\x8d\xc7\xcc\x8e\x0e\x08?\x8ds\x9f\x15\xec\x1f\xe2\x16\x8d=\x93\xeb\x97v\xab*\xfc\xedk&amp;\xd9&gt;\x95\xf9\xcdX\xfb\x1cB\x93G\xe9\x18\x1a\x9e\xda\x8f-\xcf/\xf0O\xec\xf9\xf0&amp;\x1b\xb3m\xe2yo&amp;\x91\xbe\xfd\xe5\xc6\xa8cdo\xa5n\xf8\xaf\xf6y\xfd\x9e\xb4\xed2[\x9b]J\xe6\xe2El%\xb8\xd47+~#\xadz\x9e\xdar\xf7\x8f\xac\xc0\xe1\xb0?U\\\xca\xef\xabm\x9c\xa7\xc2\xaf\x84:n\x85\xe3\x7f\xf8I\xb4\xbdF\xf2\xda\x18\x94\xf9p\xa5\xd1\xdaO\xf5\x15\xec\xd7^"\xf3b[\x18\xa6\xdd\x9e~\x95\xc7Y\xfdb\xbav&gt;_\x19*tc\'\x17\xa6\xb6&gt;\xc8\xff\x00\x82\x18~\xce7_\x17\xbfj\x1b\x8f\x8e\xfa\x85\xa8m\x0b\xe1\xec\'\xc9i\x17+=\xfc\xf1\xc9\x1a\x01\xfe\xe0\xdc\xfe\xc4/\xad~\xc9W\xd9e\xb4\xfd\x9e\x15y\xbb\x9f\x9ec\xea{LC\xf2\n+\xd08\x82\x8a\x00(\xa0\x02\x8a\x00(\xa0\x02\x8a\x00\xfek~4j\xf6zW\xc6\x1f\x10hw2m2kWK\x0bv|J\xd8\x1e\xc7\xf9\xd6$:M\xde\xbcZ;+\x82\xb2(\xc7\xde\xea+\xf3\xdcw\xc0\xaa#\xef2\xbeh\xd4t\xcc\xcdC\xf6m\xd7\xfc^\x8f\xb6H\xcb\x0f\xbc\xd2\x1f\xbb\xfeEf\xd8\xfe\xca\xfa\xae\x914\x97\x06U\x02&gt;Yw\x11\x8f\xd6\xb9\xe9b\xa5\xec\xf4=\xff\x00\xab6\xb7.I\xe0\xadG\xc3\xd1\x857\x1bW\xfd\x97\xec+?P\xf1%\xa6\x85h\xd77WX\'\xe5\x01NX\xfd=\xeb\xaf/~\xda\xa5\xdfC\xc3\xcd/F\x9a\x8a\xdd\x9f\xb4_\xf0o\x0e\x9a\x8b\xfb\x11\xea\x1e#\x16\x9e[j^0\xb9?UH\xe2\x00g\xbe2\x7fZ\xfb\xd2\xbe\xdf\x0b\xfe\xef\x1fC\xe1\xb1\x1aV\x92}\xc2\x8a\xe81\n(\x00\xa2\x80\n(\x00\xa2\x80\n\xe4u\x7f\x8f\xbf\x044\rJM\x1fZ\xf8\xb7\xe1\xdb[\xb8X\xac\xb6\xd3j\xf0\xac\x88\xc3\xa8+\xbb \x8a\xd2\x9d\x1a\xd5\xaf\xc9\x16\xed\xd9\x18\xd6\xc4a\xf0\xf6ud\xa3}\xae\xec\x7f8\x9f\x1fl\xec&lt;[\xf1\x1b\xc4\xaf\r\xc7\x99\x1c\x9a\xc5\xcb\xdb\\G\xdf2\xb1\x0c\xa7\xf5\xaf&lt;\xd0~)\xea~\r\xbf\xfe\xcd\xf1\x0eVT8[\xaf\xe1\x90{\xfa\x1a\xfc\xe6\x97-iT\xa1.\xfa\x1f\xa2\xd4R\xa3\x1au\xe3\xd1ju\xd1\xfe\xd2_\xd9\xab#Z\xba\xaa\xc8\x06\xf6\x07\x96\xe2\xb3_\xf6\x92\xba\xb8i\x11n\xfc\xef0\xf2\xc4\xd2\xa7\x96U\x8e\x87\x7f\xf6\xc5&gt;S\x95\xf1\x7f\xc6\xcd&amp;\xda\xed\xaf\xe4\xb93^K\x17\x97\xe4D\xe4\x92\xb9\xc8\x18\xed\xc9\xebY:E\xa6\xb3\xe29\x7f\xb7\xbcA\xf2\xe7\x98m\xff\x00\x860\x7f\xadz\x12\x82\xc1\xe1y~\xd4\x8f\x1f\x9aX\xec_?E\xf9\x9f\xb5\xdf\xf0o\x87\xed9\xf0\xb0\xfc\x04\x93\xf6\\\xd4u\x85\xb2\xf1M\xae\xadu\xa8\xd8\xda\xdc\x90\xab\x7f\x03\xed\xdd\xe5\x1f\xe2d\xdb\xf3/\\0&lt;\x8c\xe3\xf4\x8a\xbe\xaf\x07\xfe\xe7M\xf9#\xe4q\x8f\xfd\xb2\xa2\xec\xd8Q]\x078Q@\x05\x14\x00Q@\x056Y\xa2\x82&amp;\x9ey\x15\x11\x17,\xec\xd8\n=I\xa0\x0f\x17\xf8\xaf\xfbX\xfc=\xba\xf0}\xf5\x9f\xc2\x7f\x15[kwM#Z=\xf6\x970\x92\x0bv\x1c&gt;$\x1f+2\xf2&gt;Rpz\xf21_\x8b?\xb4\x1d\xf7\x8d\xbc\x1f\xf1\x9f\xc7\x16\xfa\xa6\xad25\xc7\x88%\x91T1\xc9\x85\xb0\xf1\xf3\x9e\x85Xt\xae\xfc\xe2\xa67#\xe1\x85Z\x9e\x8e\xbc\x94[\xea\xa2\xd3k\xef\xb3\xf93\xc3\xc9\xe3\x97\xf1\x17\x18\xbc=Mc\x87\x83\x92]\x1c\xd4\x92w\xefk\xaf\x9a&lt;n"/\'g\x97\x92\xecwf\xb9\x7f\x1e\xf86-H3\xcfo\xb9zn\xc5~AN\xa7."\xe8\xfd\xb2T\xd4\xb0\xe93\xcb5\x9f\x82z\xd4\xb79\xd15\xc9 F\xe7b\xb9\x02\xa8\x1f\x82&gt;(\x89ss\xe2I\x98\x7f\x17\xef\x0f5\xefC0\\\xa93\xc3y|\x9c\xaekxK\xe1T\x16:\x8a.\xd3&lt;\xbb\xb3\xbd\xfbW\xa3\xea\x16pivK\n\xe3\xe5^J\xf4\x15\xc3\x8a\xad*\xd5\x11\xe8ah\xc6\x8d7c\xab\xfd\x92\xf4\x0f\x1ax\xf7\xf6\x88\xf0v\x8b\xe1=z\xf3Nk\x1d`j\x13_Y\xcc\xd1\xbc\x11B\x0c\x8f\x86R\x08\xdc\x17g\xbe\xfcW\xea\xd7\xc6\xef\xdb\xff\x00\xf6\xa9\xf8C\xfb&lt;\xeb\xbf\x10&gt;\x1d\xf8\xb7I\x9e\xfb\xc3\xb6\x7fhT\xf1\x16\x97\xf6\x98\xae#V\x1b\x91\x8a\xb28m\xbd\x1bq\xe7\xb5~\xb1\xc2\x99L1\xdc7V\xb5O\xb3\'\xca\xfd"\xaf\xf7\xbf\xc8\xfcO\x8ds\xea\xd9_\x16P\xa1I\xe9(\xaee\xdf\x9aM/\x9a_\x99\xe4?\xb0\xc7\xfc\x1ds\xf0[\xe2g\x88l\xfe\x1b~\xdb\x9f\r\x87\x80\xef\xae\xa4X\xad\xfca\xa2\xcc\xf7:T\x8c\x7f\xe7\xacdy\x96\xe3\xa79q\xcf;@\xaf\xd7=/T\xd3\xb5\xbd6\xdfY\xd1\xef\xa1\xba\xb4\xbb\x85f\xb5\xb9\xb7\x904r\xc6\xc3*\xeaG\x04\x10A\x04u\x15\xe4\xca&lt;\xa7\xd3F\\\xc4\xf4T\x94\x14P\x01Y&gt;7\xf1\xe7\x82~\x1a\xf8n\xe3\xc6?\x10\xfc[\xa6\xe8zM\x9an\xba\xd4\xb5[\xc4\xb7\x86%\xf5gr\x00\xfc\xe8\x03\xe1\x7f\xda\xeb\xfe\x0e\x13\xfd\x94\xbff/\x1f\xaf\x80t\xef\x0ej\xbe U\xb2\xfbD\xda\xd4,\xb1\xdb\xb6\xf8\xf7C\xe4!\xcb\xdc\x06$e\x80UQ\xceO\x00\xfeZ\xff\x00\xc1X\xff\x00\xe0\xb5\x1f\xb6\x07\xed\x8f\xe1\x9b?\x05|9\xf0\x1f\x8c~\x1f\xfc?\xbc\xb8?j\xbc\xfd\xfc2k\x00\xe0,l\xd1\xaa\xa2\xc5\x9c\xfe\xef.[&lt;\xb1\xe9[B\x9fVa*\x97\xd8\xfb\x83\xfe\tFu\xdb\xbf\xd8\x13\xc1\xba_\x8a|5}\xa6\xddY\xc7s\x11\x8bP\xb3hZE7\x0e\xeb \x0c\x01 \x87\x1f7r\ry\xaf\xfc\x14\xc3\xe1i\xb1\xd4\xb4\xbf\x88\x9al\x03n\xa5\t\xb5\xbdu\x1f\xf2\xd2,l\'\xea\x87\x1f\xf0\n\xfa\xce0\xc3\xc7\x17\xc1&lt;\xeb\xec(K\xee\xb2\x7f\x83g\xe7\xfc\x17\x88x\x1f\x119\x1f\xdbu!\xf7\xdd\xaf\xc5#\xe3\xa6\xf3ln~a\x8ei\xfa\x8d\xcc3[g\x1f7\x7f\x97\xad\x7f&lt;\xc9{\xf7?\xa7#/\xdd\xd8\xc3-\xa5+\x15\x91v\x1f\xef\n[\x98tc\x0f\\\xfbm\xef]\t\xecr\x0c\xd3\xb4\xeb{rn\x82m\x1d\xaa\xae\xa9\x03\xdc\x82\xbbKsS\xcdz\x97e\xa5\xee\x9f]\x7f\xc18\xfe\x03x\x9b\xc2\xfe\x06\xd7&gt;;\xea\xde\x1e\x968\xb5&amp;M?E\xb8x\xfe\xf2\x06&gt;k\x8fb\xdbW&gt;\xaaE}\x81\xa3\xfc?\xf0\x0f\x8b|17\x81&gt;(iQ^h\xba\x95\xa3\xc3\xa9Y\xdc)+2\xb0\xe8q\xcf^s\xed_\xd2\\+A.\x0b\x85:z\xcaJW\xf5wk\xf0h\xfeT\xe3lC\x97\x88\x93\xab[HE\xc2\xcf\xc9Z\xff\x00\x8ag\xc2\x7f\xb5\x7f\xfc\x1b\x87\x07\x89u;\xaf\x18~\xc8\x1f\x13\xacb\xd3nX\xbc~\x19\xf1\x13;\x08\x0f\xf7c\xb8P\xc4\x8e\xb8\x0e\xb9\x1f\xde5\x8f\xe0_\x8b?\xf0q\x0f\xfc\x13\x8e\xca\xc2\xde\xc6\xe7[\xf1G\x85t+\x18\xec\xadt\x99m\xe1\xd7,#\xb5\x88\x05D\xda\x9f\xbe\x8c\x05\xc0\x0c\n\x91\x8e\xbcW\xc5T\xc3\xca\x12q\x92\xd8\xfd3\x0f\x8c\xa7R*I\xef\xd7\xa3&gt;\xae\xfd\x93\xff\x00\xe0\xeao\x87\x97\xb2[\xf8\x1f\xf6\xed\xf8\x0f\xabx7XB#\xb8\xd7\xb4\x0bw\x9a\xd5\x9b&lt;\xb3\xdbI\x89b\x1d&gt;\xe9\x93\xf0\xaf\xd2?\x80\xbf\xb7\x17\xec\x87\xfbO\xdaCs\xf0\x1b\xf6\x89\xf0\x9f\x89$\xb8M\xcbca\xacG\xf6\xa5\xf6h\x18\x89\x14\xfb\x15\x06\xb8\xe5\x07\x13\xd0\x8c\x94\x8fU\xa2\xa0\xa3\xe1\x1f\xdb\x9f\xfe\x0b\xc5\xfb\x1c~\xcd\x1e\x1b\xb8\xd3&gt;\x1e\xfc]\xd2\xfcI\xe2FR\xb0\xd9h*5\t\x10\xf1\x8f\x95Yc^\xbf\xf2\xd1\xd7\x1dv\xb7C\xf0\x0f\xc4\xcf\x1e\x7f\xc1V\xbf\xe0\xb8Z\x1d\x9f\xc3\xb8&gt;\x18\xc5\xe0\x7f\x85\xab{\x15\xcc\xda\xee\xbfj\xd1\x9b\xb6L\xed\x90\xc8UL\xc4\x1c\x9d\x90"\xa6H\xcf@GM\x1a.N\xec\xe4\xad[\x97^\x9f\x99\xf4\xe7\xec\xa3\xff\x00\x04L\xfd\x8d\xff\x00d\xab[\x7f\x88\x9f\x13\xa0\x93\xc7\xbe&amp;\xb3\xda\xeb\xa9x\x8dC[\xc3 \xe8a\xb5\xc9OL\x17\xdcF\x06\x08\xaf\xa7\xf5O\x1c\xf8o\xc4\x16\xf0\xc1\x0f\x84lnm-\xd8\x18\xe1\xb8\x85\n\x8ct\xf9H c\xb7\xa5}FW\x93K\x1b\x176\xed\x15\xa5\xfb\xb3\xe33\xae!\x8e]R4\xd2\xe6\x9b\xd6\xdd\x97\xfc\x12\xa7\x8a&lt;Oo\xe3K\xcbx4\xfd&gt;8Y\x17\xcaX\xa2`\xccs\xd0`z\x7fZ\xe7~.\xfe\xc7\xfa\x17\xc6\x8f\x86\x97^\x0f\xf1\xbd\xfc\xd0M$\xcb=\x85\xc5\xb8\r\xf6Y\x06pX\x7f\x10 \x90G\x1cW\xa7\x9c\xd3\xa7\x87\xc8e\x97I\xdd\xce.7\xec\x9f_\x97C\xc5\xc8%S\x1d\xc4\xd1\xcdc\x1bF\x9c\x94\xad\xdd\xabY_\xe5v~i\xfe\xd3\x1f\xb1\xbf\xc5/\xd9\xeb\xc4&amp;\xd3\xc5\xba1\x96\xc6i\x0f\xd8\xb5{\\\xb5\xbd\xc0\xc7f\xc7\r\xea\xa7\x06\xbcJ\xff\x00L\xbc\x8fu\xbf\x95\x85\xf7\x1d+\xf9\xb7\x15\x87\xad\x83\xc4\xba\x15t\x92\x7f\x7f\x99\xfdM\x84\xc4Q\xc7ac^\x93\xbak\xee\xf2~h\xe6/-\xe6\xb7\x91\x92H}\xf3L\xb7\x9b\xcc8`\xddh\xe8\x0e\x0e26\x16+\x87\xb5X\xe3\x07&gt;\x83\xbd{\xff\x00\xecK\xfb\x16k\x7f\xb4g\x89\xd7Y\xf1-\xbc\xb6\x9e\x16\xd3\xe4\x07R\xbc\xdaW\xcf\xff\x00\xa61\x9e\xec{\x91\xf7G\xbe+\xb3+\xc1\xcb0\xc7B\x8a\xd9\xbd}\x16\xe7.e\x8a\x8e_\x80\x9dyn\x96\x9e\xafc\xf4\xf3\xc3&gt;\x05\xf0\xf5\x96\x8d\x06\x85k\xa5Ag\xa1\xe9\xf6\xe2\x1bk(\xd7li\x1a\x8a\xf3\x9drm\x1a\xdb\\\xb9\x8fJ\x96F\xb62\xfe\xed\xa4n\xc0t\xfaW\xf4W\x0fJ\xa58\xce\x9c~\x04\x97\xdf\xe5\xf2?\x98x\xca\x14jJ\x9dY\x7f\x11\xb7\xf7y\xfc\xde\x9e\xac\xd9\xd3\x17\xc4\xbaV\x91\xff\x00\t\x16\x9b,\x8bk\xb4\xbc\x92G\'\xca\xaa\xb9\xc9a\xe81O\xd2~=I5\xacw\x96r\xda\xeaP\xc8\xbb\xa3\x9a,2\xba\xfa\x86S\x82+\xaa\xa6\x07/\xcd\xa7+?y;;o\xf3G\x97G2\xcd\xb2:p\xba\xbc$\x93I\xea\xb5W\xd1\xf4\x1b\xaeX\xfc\n\xf8\xdfd\xdaO\xc4\xcf\x84\xbe\x1e\xbe\x12.\x1f\xfbWG\x86\xe1O\xfc\t\x94\x91_6\xfck\xff\x00\x82\x19~\xce\x9e&lt;\xd6a\xf8\x93\xfb/\xf8\xea\xfb\xe1o\x8b\xac\xe6\x17\x1a}\xf7\x87\xee\x99\xedVe \xaby[\xc3FA\x1dce\xfa\x1a\xf9L\xcb\'\xad\x81\x9d\x9a\xba\xe8\xff\x00\xcc\xfb\xbc\x9b\x880\xf9\x855$\xed.\xb1o_\x97s+\xc5\x7f\xb6W\xfc\x1c[\xfb!^\xdbxSY\xf0f\x83\xf1{J\x86\xdb\xec\xb6:\xde\x95\xe1\xb5\xbay\x88;\x84\xb3y&gt;\\\xaa\xfbr\xbf2\xe0\xfb\x9eI^\x03\xa5n\x87\xd4\xc7\x10\x9a\xdc\xf7\x9f\xd9\x07\xfe\x08\x99\xfb\x17\xfe\xc8V\x96\xfe.\xd6\xfc"&lt;y\xe2\xabU\xf3$\xd7\xbcM\x12\xc8\x89 \xcf0\xdb\x9c\xc7\x1f\xb1!\x9b\xde\xbd\xfbR\xf8\xd3\r\xa3\x7fgh\xfa\x12\xdb\xc7\x1f\xc9\x1f\xca&gt;_\xa0\xe8+\xea2\\\xaa9\x84\x9b\x93\xb4c\xd3\xab&gt;7\x88\xb3\xca\x99\\c\xcb\x1b\xca[vG\x9e\xfcb\xf8\x8d\xa7x{\xc2\xb7\xde3\xf1s\xea\x17v\xf66\xed&lt;\xd0\xdb\xed,T\x0eB\x82@\xcf\xe2+\xcf\x7f`\xef\xda\x0f\xc0\xff\x00\xb5\x7f\xc1_\x11|X\xf0\xcf\x865\x1b\x1b\x1bmv\xefN\xb1\xb3\xd5dFp\xb1"\x1d\xec\x10\x91\x92X\xf1\x93\x80\x05}&amp;e\x8c\xfe\xce\xa1\x0c=\x15k\xb5\xb7D\x9a\xbf\xcd\x9f\x1f\x93\xe5\xdf\xda\xd8\x9a\x98\xba\xf2\xbf*{\xf5mi\xf2G}\xa5j\x8a\xa0]\xdaFce`F\xde0k\xd7&gt;\x1dx\xde\x7f\x13Z\xb5\xa5\xf4?\xbe\x85F\xe98\xc3\x8f\xf1\xa8\xcfp\xfe\xdb\x0b\xed^\xf0\xfc\x9d\x8d8_\x19,&gt;?\xd8\xfd\x99\xe9\xf3Z\xa6X\xf1\xbf\x81&lt;3\xe3]\n\xe3@\xf1&gt;\x8do\x7f\xa7\xdc.&amp;\xb3\xba\x8c27\xf8\x1f~\xa2\xbf&gt;\x7fm\xdf\xd8;\xc2?\x06l\x9b\xe2\x1f\x825 4\x9b\xa9\xb66\x9fpKI\x03\x1e\xca\xd8\xf9\x97\xeb\x82=\xeb\xf2\x0e*\xcbi\xe2\xb0o\x12\xb4\x9c?\x15\xd5\x7f\x91\xfb\xa7\t\xe6\x950\xb8\xe5\x86z\xc2n\xd6\xec\xfb\xff\x00\x99\xf1\x9e\xab\xe0\xbd;Q\xbat\xc6\xdd\xad\xd4U\x1dC\xc0\x16\x1av$\x88\xe5\xb3\x8ek\xf3~{D\xfdBT\xe2{\xcf\xecY\xfb \xd9~\xd0\xde-\x92-w\\[]+K\x8df\xbe\x8e\x10|\xe9\x94\x93\x84N03\x8eI\xe8:W\xe9_\x83&lt;\x0b\xe1\x8f\x06h6\xbe\x12\xf0\x9e\x91\r\x86\x9bg\x1e\xc8mm\xd3h\x03\xfa\x93\xdc\x9eI\xaf\xd2x?\x05\nx\'\x8a\x7f\x14\xff\x00\x04\xbf\xcd\xfe\x87\xe6\xbce\x8e\x95Lb\xc2-#\x0f\xc5\xb5\xfa/\xd4\xc2\xf8\xc3\xe3+\x9d:/\xf8F4\xf4h\xd3h30?{=\x07\xd2\xbc\xcf&gt;Sy\xd3337z\xfd\x9f+\xa2\xa8\xe0cm\xe5\xab?\x9d\xf8\x83\x15,Vm4\xf6\x87\xba\xbe_\xf0OE\xf0\x82\x1dg\xe1\x85\xe6\x997\xfa\xb9\xa1\xb8\x85\xbf\xdde#\xfa\xd7\xf3\x9f\xf0\x8f\xf6\xd2\xfd\xa5\x7fe?\x15]\xd9\xfc,\xf8\x99y\x1d\x95\xb5\xe4\x89&amp;\x91|\xdfh\xb3\x94+\x11\xccO\x90&gt;\xab\x83\xef_\x13\x8b\xc5b09\xb4\xeaRvi\xbf\xcf\xa9\xfaF[\x81\xc2\xe6Y\x15:8\x88\xdd8\xaf\xcb\xa3\xe8\xcf\xa8\xbc\x03\xff\x00\x07\t\xfcx\xd3\xa2X\xfco\xf0K\xc2\xfa\x92.76\x9f&lt;\xd6\xac\x7f2\xe3\xf4\xaf\xb6\xbfa\x7f\xf8)\xa7\x85\xff\x00m\xebK\xeb\x0f\x0e|&gt;\xd5&lt;;\xabiq\xa3\xdd\xad\xc5\xccr\xc0\xc1\x89\xc6\xc7R\x1b&lt;wQ\xf5\xaf\xa3\xca\xf3\xc7\x98\xe2\x15\x1a\xd0\xd5\xf5[|\xd3&gt;?&lt;\xe1U\x94ae\x89\xc3\xd4\xd26\xd1\xef\xbd\xb4h\xfa\xebF\xf8\xa5\xaeh\xb6\toz\x8by\x81\x80\xf2d7\xe7\xde\x8a\xba\xdc;\x86\xa9Q\xca2i&gt;\x9d\x8cp\xdc]\x8c\xa5B0\x9cT\x9a[\xf7?\xff\xd9'</t>
        </is>
      </c>
      <c r="M540" s="3" t="n">
        <v>45492.67638888889</v>
      </c>
    </row>
    <row r="541">
      <c r="A541" t="n">
        <v>1482841</v>
      </c>
      <c r="B541" t="n">
        <v>1961</v>
      </c>
      <c r="C541" t="inlineStr">
        <is>
          <t>Kauã Elias</t>
        </is>
      </c>
      <c r="D541" t="inlineStr">
        <is>
          <t>K. Elias</t>
        </is>
      </c>
      <c r="E541" t="inlineStr">
        <is>
          <t>CA</t>
        </is>
      </c>
      <c r="F541" t="inlineStr">
        <is>
          <t>ATA</t>
        </is>
      </c>
      <c r="G541" t="inlineStr">
        <is>
          <t>CA</t>
        </is>
      </c>
      <c r="H541" t="n">
        <v>180</v>
      </c>
      <c r="I541" t="n">
        <v>19</v>
      </c>
      <c r="J541" s="2" t="n">
        <v>38803</v>
      </c>
      <c r="K541" t="inlineStr">
        <is>
          <t>Right</t>
        </is>
      </c>
      <c r="L54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2&lt;/Attrib:Created&gt;\n        &lt;Attrib:ExtId&gt;54777429-1ee2-4dae-b7b3-1382621c6c1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c4\x9e\xb2\x00\x00\x00\tpHYs\x00\x00\x0e\xc4\x00\x00\x0e\xc4\x01\x95+\x0e\x1b\x00\x00\x03\x00PLTE\xff\xff\xff\xb6x]\x19\x14\x19\xcd\x94\x7f\xc8\x90| \x1a\x1e#\x1d!\xff\xfe\xfe\xb9{a\x1d\x17\x1d&amp; #\x87]G\xc3\x8cy*#)wUD\xa0lQ0&amp;\'\x85!0\xd0\x9a\x85*"$\xfc\xfb\xfb\xed\xec\xf3\x8daJ\xce\x97\x82\x7fXF\xbe\x82h\xa7oS\xd1\x9d\x87\x9ahP\xef\xee\xf71*-\x8beO\x95hP\xba}j\x10&lt;@\x92dM\x8c\x1f7\x99lS\xbb~d7+*\x98dK\xbd\x84ooL&lt;\xd4\x9f\x89\xc0\x88t\xc2\x84m\xa1=B\x8a)5\x85XC\xc1\x7fl\x87aM\x02VV\xcd\x93z902\xc7\x8bs\xafrWwO&gt;\x80]K\xaauc\xc4\x89o\xa8~s\xb1r^\xb3uZ\xec\xea\xf1\x9ffN\x7fS?\xf8\xf6\xf6\xc9\x8fv\xc7\x84r\xb4~h\x02[Z\xa6jP\xb8\x82m\xb3ue\xac{k-`^\xb2\x80o\xacqU\x18IJ\x87\x1a1\x996&gt;\x8d[D\x01QQ\x08LM\xb2{g\xc6\x99\x86\xackV\xe5\xe2\xeb\x189:\xadv[\xa1qV\xadzc\x83\x15-\xb8xjX&gt;8\xa8sZ&amp;YY\xa3sb\xf4\xf1\xf0\xc8\x95\x80\x14\x10\x15\xbe|h\x9bpW\xd3\x92~\xb6\x8d\x81\x0b25\xb3{_\x94\x1f:\xdc\xab\x99\xcc\x9c\x89\xae\x85y\xce\x94\x8c\xb9\x86t\xd6\xa3\x8d\xb6{p\x8fiT\xbb\x89z\x95]H\xd7\xa6\x93\xde\xd8\xe3\xc9\x87w\xe9\xe8\xedc5%nPF\x92kY\x8d\x13.iI=\xbf\x91\x81O81\xb4\x84u\xdf\xd4\xd5\x1f@BbC8\xd0\x8byB1/\xcc\x91\x86\xf2\xf2\xf9\x9fn^OCEaFD\xce\x8d\x81\xc8\x8b|\xa4yl\x91&amp;8\x8f0;\xdf\xde\xec\xc3\x82q\x87OB\xa4jX\xee\xe9\xe8uYV\x04`_#RP\x9cwl\xbc\x94\x88\xdf\xb1\xa3\xe9\xe3\xe2\x97rj\xd6\x95\x88\xc9~h\xc3\xa5\xa1\xcb\x98\x95C86\x9afW}J9\xd1\xa0\x8e\x8foemC5\x95&lt;C\x95-&lt;\xad$E\x9e|uZNO\x9b%?\xd0\x87q\x1c"$\x13RR\x8cTH\xde\xa6\xa0\xd3\xd0\xd0P0&amp;L&lt;=fUU\xd4\x99\x8f\xa7\x8a\x84\xb6\x16=\x80c`\xdb\xcc\xc9\xe7\xdd\xdbA7?xD.\xa5\x19&lt;\xce\xbb\xb6\xb9&amp;H\x83aU\xcd\xa6\xafPqtZ][3ee\x94]W\xc7fl\xb4\xaa\xab\xd3\xc5\xca\xb8hX\xc3\xbf\xbd}tq\x99KO8VW\xda\xcb\xdb\xc0s_\xabZO\xa1a`\xabBF\xbf\xc5\xcb#16\xd5\x9a~\x93\x8a\x8a\xce\xd6\xe1\xdb\x9d\x94\x89\x7f~\x15Y[\xbd\xb5\xb4z\x07&amp;mcd\x1ddi\xaagj\x9c\x103\xb7\x9e\x94r8\x1e\xdb\xc3\xc0/HIINNyNL\xbe{\x8c\xd2\xb4\xc3\xa5\x97\x97\x96\xa7\xaeEcf\xa03TY\x84\x8b\xa9\xa3\xa1\x92\x94\x97\xa1E_\xabUk\xd7x\x82~\x9a\x9e\xab\xb4\xbbm3Dq\x85\x88\xd5\xa4\xc56ry\xa3g\x83\x14vv\xb7\x8b\x9e\xe3\xbb\xb1&lt;\x1a\x1b\x10\'v\xdd\x00\x00 \x00IDATx\xda\xc4\x98\xdfK[y\x1a\xc6k\xd8\x9c$\xa7=z\xe8\t\xd6\xfe\xe0$\x07I\xcf\xa6\xab\xd0\x04\xce\xb4q\xb5k\xb3\x8a&amp;d.\x16Th%\x11\xb5\xba"\x1d\xebD\x99\x95\x89\xa4Q\x9c\x13\x92\x18/2&amp;\xd0\x19ew\xe3`/\x1av\x19\xb2I\x8b\xe8^\x08\xa5\xd8\x89\x17\xcb\xb2\xacL\x10/[\xf0\xc6\xfe\x07\xfb\xbc\'\x15\xf6~\x8e\xf651\xb1\x15\xfc\xf0\xbc\xcf\xfb|\xdfo.\\\xf8\x85e\xd2\xcaj\xad\xbd\x9a.|\xf2\xaa!\x98\xbcko\x8b\xd9\x91\xec\x88\xc9:2\xe2\xb5\x9a.|Z6\xfa\xe3\x10id{\xafzT\xde\xaf\x1e\x9c\xec\x1d\x1f\x1c\x9cT\xd64\xb4OH\x05\xa4\xb5b\xe5x\xbf\x90W\xd5|&gt;_*\xe1\x91,WO*\xdb^\xd3\xa7\x83\xf2\xae\x15\xf7\xf6\xcb\x85\xbc\xa8\x88\xb2\x88R\xf0\x94eYI\x96\xf7\x0f\xb3\x9f\xc6e\x80\xda&gt;&lt;\x80N2OD&lt;\xc7\t\x82(\xf3\x1c/\xcb\xa2\xac(\x85\x93\xed\x91O\xa0\x18\xcc]\xa9\x96Ky\x05@\xbc\xc0\x8a\xa2\xc0\t,\xc3\n\x02O\x9a\x01\xb5P\xdd[\xf4\x9e\xb7^&amp;\xef\xe2\xde~^Qd\x91\x178\x8e1\xb2\x9c\xc0\x89\x1ck\x04\x97\xc0\xf1&lt;/\x88J\xbeP=\\\xb3\x9e\xab\xf7\xad\xd9J\xb5\x00\xa5D\xad\x81\x02c\x01\x96\xc0\n\xa2\xc0r&lt;cd \x19\xf4\x02\xd8Aq1k=?\xaa\xc5\xe3r\tP\xe4\'j\xa1\xd1\xc8\xb2\x0cJ\x80l\xac\xc1\x02,\x1e\xc0\x8a,\x97\x8e\x8eN\xd6\xceI/\xd3He?\xa9(\xe8\x19\n\x86\xb20\x8c\xd1\x08\x89\x8c\x16\xedK+\x81\xfcO\xa5\x96\x0fG\xce\x85\xcb\xba}\\\xa6\xfe)h\x19QA!\xc2\xb1\xb0F\x83\xc1b1\x18 \x1c\xd4\x13 \x99\xc0+\x8a\x92/\x1f\xaf\x9dC\x1fMk\x07I2\x15\\\x85\xc9\x03\x14\x1e\x06hd\x00\x11\xea\x91\xc1hA\x1b\t\x16S\xc9\x93^\xc9\x0f\xd9\xb3\x9eH\xa4\xfaIA\x0b\x05\xf28K\niM\xb3X\x1e},\xc2\x82j\x10\x90\xa5\xb1\xe4e%\x7fT9\xe3&gt;\xc2VUPq\x1crA3\x94\xd1\xf2\x08\x8d\x03\x96\x01@\x06\xc2\xb20Dh\xa8\x95\x91\x04SKG\x15\xef\x99by\x17\xab%\xa2\xe2(\x14\xd0,M\x99Z\xe3\x0c\x06\x06\xda\x19\xc9f\x86\x8f\\`dyA\x90\xd5\xfc~\xf1,\x93\xd5\xbaH\xbe\xc29\xc3sDe\xa8\x91Y4g\xa1i\xe8(\xc3\x10\xa7&amp;\x9d\xa6\x1d%\x07\xaf\xa8\xc9\xea\xdb\xec\xd9\x1dE\xd9\x83\x1d-\x188\xe4y\r\xc9\xc8Ph1\x84\x086`\x19k:\xd5zHN\xc3\x7f\xc3\xf7\xf9\xfd\xbd3\x9bGo\xa5\x8c\xd3\x06\xa3\x8f\xc42\x92F\x80B\x96\xd2&lt;b\xf8\x80i\xb10$\x1e\x95f{\xe2\xc2\x0b|/\xe7\xcb\'\xd93\xc2\x1a9\xa6\x14e\x19\x8er\x9da`1\x0c#\x1d\xcf\x9c@\xb6gj@F\xedq\xfa\x96\xe0Y\x8c\xa3\xa2\x94+g#\x97){\x80\x18\xe5H\x1d\x96r\x1c\x07\x8c\x16M\xaa\x16\xe7"\xa7\xaa\nG\x91\x80!\xd5\xd2\x0c\xda1\x84\x85\xdf\x17\xc0\x95\xaf\x9e\xc91d\xb2V(\x1b\x18\x03l\x8c.bc\x90y^Uc\xa8P(\x94*\xe5c\xa5\x92\xaa\xcajL\xc5\xbf\xa3d@c\x00\x8c\x14\xad\x98HE.\x1c\x9e\x85\xebM\xdb\xfbP\x83\xc3\x9f\xa0\xee\xf1\x98/0-E\xdfG\xf1\xf4x&lt;\xefw#\xa1Tj)\x1a\x89F\x97@\x19\x02-\xf8&gt;\x86\x1b\x02\x8cl\xff\xf6\x0c\xb8FN\x92\x18B\x86\xc1\xee\xc2\x8b@\nE\xde\xbfy\xf3f#\xb1\xb1\x91H\xfc{\xb8\xad\xcd\x9fH$\xc6\x13CC\xab\x1b\x1b\x1b7\xde455E"\xd1\x90,P\xecb\x1a`{\xbe\x84S\xe8L\xc4"\x87c-Vc\xa9\xd0\xd2\xfb\x8dD[\x9b\xcf\xe7\x0b\x87\xfb|m\xbe`\x98^\x07}\x1d\xbe\x8e\x8e\x8e;\x03\x03\xab\r\r\xf6\xe6\xc6\xa6hL\xa6\x1d\xe3\x91\x01\xf6\xe2\xf9\xa3E\xdd\xb1\xac\xc5\xd70\x16C\x9eR\x97\x9av=\xf3\x84\xe4\x0b\x12N0\xe8\x0bJag8\xe8\xf3M\xfa|u\x84\xf5\xf9\xe7\xd7z\x1an\xdc\xb07\xd6/\xa9\xbc\x96\xb3\x08\t&gt;\xa9\xbf\xbb\xaco\x0b\xd4C\x987\x1fqC\xa7&gt;)\x18\x0cJ\x92\x14\x0e;\xf1&amp;,IN\x17~2\x9b\xcd\x1a\xd6\xc0\xc0\xb5\x9eU\xe2j\xf6Dc&lt;\x0b,-\xbc\x0e\xd6\xf4&gt;\x83\xbc{I\x91\xb6uAI\xcd\xb7\xf5uKN\xa7DP\x9a\\a\xa8&amp;\xb9$\x97kL\x1a3\xd7\xd5\xd5\x11WOOC\x83\xe3\x86\xdd\xde\xec\xbe\x1b\xe3qX\xb2\xe0R\xf7\xff\xa47V\xb6JI\xca0bh\xd7\xdf\xdb\x0b*\'\xc9EBiM\xcch\xd5:6\x06\xb9\xa0W\r\x0bT\x0e\x87\xddV\x1f\x92kY\xaf\x1c\x15\xf5\xber\xac\x91\xe3\x91\xd8\xf9H\xa2\xbb\xb7\xd7IX5sIa|\x972\x9fQu\xb5\xba\x88\xeb^\xc7\x9d\x9e\x9e\x9eN\xea!\xb8\x1c\xee\xfa\x90\x80\x93\x1cQV8\xd4\x1b\x8b\x1c\x0fo\xf1\xa9\xad\xe1\x1a\x94K\xea\xe8 ,\x1ff\xcf\x17tuu}\xd6\x95!\xaa:P\xdd\xaba\xfd\xba\x99\xb0\xc6\x1d\xee\xa8L\xb7\x10\x9e/\xed\xe9\xbb\x10\x9a\xac\x9a\xb5\xd0\xc3\xc8\xa6\xbf\xb7\xa5\x15\xc6\xba*!\r\xc04\xb0\x8a\xaf\x8e\xa0\xcb\x95\xc9\xb8\xc6\xd0\xc4\xba{\xe4x`5t\xa2\x89h\xe3\xf8\xf8L}\x0c\x07&lt;\x83\xa8\xdf\xd75"L&amp;\xef\x87\x1d\xba\xeapJd\xdd\xefl\xf9-\xb0\x9c\xad\x12A\xf5t\xf6\x80b\xa0c\xccET\xae\x1a\xd7\x9d\x8e;\x88\x08\x9aDM-\x87{If\xe8\xd2\xcd\'O\xbc\xfa[\x8b\xe5\xc4\xd2\xeeJ`\xba\xa5\x15b\xb5\xb6Jd\xed\x01\xc4\'^:\xcc.\xcd\xf4$\xd8M\xc4\xc4\xe4\xe4\xe4\x83\xa1\x06\x18\x1e\xde\x9a\xb7\xdb"1\x1a\x17VP&gt;\x8c\xe8\xda\xc4\xc5#\x11\x074\xa7$wWz\x9d-N\xb4p\xec&amp;\x05\xbaO\xc2@\xe2M\xddX\xa6\xab\x0b\x8f.\x90\xa1$sw\xf7\xe4\xe4\xd0C\x07\xe4\xb2\xdbgl\xe8"\x9d\xd9\xacr\xf0;]\xb1\x8a\xafyZh\xc4\x92\x07XNx\xcb\\g\x96$t\xae\x0b\x18c\xc1 \xbdC\xcd\xcdu\x9dbI\x00\x1b\x1a\xb7\xc3\xf5\xcd6[S\x88\xa7-\x96\x11\x10\x11\xff\xff9\xe2/V\x0bM\xa4uF\xcd\xf9\xa7\xa71\x87W\xcdf)\x03\x8a\xf4\xf2\xf2rz.\xdd\x05\x94L\rK\xe3\x92\xd0\xc4\xbe\xee\xee\xc16Gssc\xa3\xcd\xdd\x14\x92\xb5\xc5\x8bED\xe8\x88Ek&lt;G7\x9e\x12a\xf5v#\xe0\x9d--i@\xc5\xb5Z\x9e\xcb\x10\xe4\\:Mze2R___w\xdf\xe4\xe0\xe0\xb0\x03\'\xb6\xdb\xedYR\x05\xe2b\x93\x87V=\'q\xe4\xc3\x0ez\xc0)\xa9\xad\x85\x1a\x16\xa8.\xa5\x97\xe3Oj\x15\x8f\xa75\xe1\x88\x12\xea\xb5\xa0\x83}}\x83\x83m\x83m\xc3\x8ef7\nI\xaf\xed^;z\x8e"\xb0\x0e\x14\xec4\\&gt;\xf7L\xc3\x82\xbf@\x95\xee\x7f\xf2\xd7\xd3\x8a\x13\x12\x00_\x821\xdd\xe2$\xaa\xb6\xb6\xe1ap\xd9mn\xb7\xcdsK\xc5\xe6e0\xea\x8f\x05*1\xb9\xd9\x0e\xac@w\xef\xb4\xf3\xd2\xd38\xa0\xfer\x8a\xf5$\x0e\xc9^R\x11V8\xe0G\rk5&gt;cs\xdb \x17\x16\x1c\x0b\x93\xac\xe8\xda\xc4l\x95.\xd3Ja\xdd\x1f\x00V`zv\xf6i\r\xe7;*\xad\x8fO4\xb1\x80\x95\x9e\xf6\xfbW\xa8\x86\xb1\xaf\xa2\xe6gl6\xb7\'Jr1\x85\xa2IW\xb5jX\xb9g\xfe\x85\xd9\x05&lt;g\xa7\xa6^\xbdz\xb1\xbe\xb9\x95\xcb\xe5\xb66_L\xc5\xc9_\xcb0\xdb\xcb\x97\xf1\x85\xf5\xdd\xf7\x91H*\x15\xa1\xcayl\xf3\xf36\x9b\xcd\x13\x89\x11\xd6\xeb\xa2\xae\x87\xa2\xa6\x96\xb8\xb3\xb5\xe2\x9f\x9e\r\x04\x16V6\xb7\xb6r\xe5B\xb2\x94WvvJ\xc9\xdc\xfa\x04\xc4J\xcfa\x1a\xe3\xf1\xe9D.\xa4*\xda\xe5\x87&gt;\xab\x0f\xa5\xeaI.\x0f\xd6\x08\xe4\xa9\xbeX\x88SN\xc3j\x0f,\x04\xfc\x81\x85ub\xdaA\x81*\x99,\xe46\xa7\x08\x0b\x89e\xce\\\n\xcfGBy\x1cU\xda\xc7H\xb2\n.\x0f\xb8\xdc\xf5K&lt;\xe2\xf4\x9d\xae\x97XS\xb1p\x8a\x053\xb7OM\xac\x97\x0be\xad\xd0\xc3\xad\xadgS\xf0\xff\x93e`\xdd\xbc)\xf5%\xdcM\x91\x90V)\xaaP*\xba;\x83\xe8J\xc9\xcc\xdf\xd9dE\xd7\xfd\x14g"\xac\xb5\x93\x03V\xa0}}\xfd\xd5w/^LLL,\xb4\xd3\xc0\xa1\xa9O\xe1\xf5\x9f_~\xd3:f\x9e|\xb0\xbaao\xbcx\xbb\xc9=33?O\xc7\xb4{\xb7\xde3\xa3y\x1e)\xff\xee?z.\x82\x14\x10\x9cx\x8a\xb5\xf9b\xa2\xbf\xbf\xff\x8b\xfe\xd1\xd1K\xbd\x83C=\xd7\x86\x02O\xbf\xf8\xf2\xf1\xe3\xc7\x7f\xec\xbaj~\xd0\xd0\x0c\xa8?4\xdfX\x1dz04\xf4\xf0\xa16\x8a@\xb4yR\x18EJy=\xb1\xac\x87INQJ\xb9\x15h\xd3&gt;\x05\xa8\xcb\xd7/\x8f.$\x1a\xef\xde\xfa\xe7\x0f\xdf\xfe\xd8\x19\x8e\x7f\xf5\xfd\xf7?\x7f\xe32O&gt;\xb4_\xbc}\xff\xfe\xfd\xdb\x171\x80\x8e\x86\x06pa\xb3\x81p4\x8a"\xa3s\x13M\x17\x8aG\x9c\x82\x91{\x06\xbf/\x8c\xf6_\xb9~}\xd4\xefN%y\xa3\x1c\x0b=\xff\xf6\xc7\x8d\xd9\xaf\x1e?\xfe\xef\x9f\x7f\x1a\xb8\xe6h\xbe\xf8\xc3\xd7\xcf\x9fGS\xa5R,t\xab\xa9\xd1&gt;\xee\xc0b33&gt;\xe3\x89\x94d\x16\x93\xa8\xf7\xcdGT\x92\xa9\x1c\xe240=:z\xe5J\xef|J\xe1\xde\xb1\x86\x9d\xa3\xd4\xf3o;W}\x97\xbf\xfc\xcd\xdf\xfe\xf5SOgs\xe3\xdd\xaf\x97\x9e\xa7\xf6\x8fv\xde\x19\r|l\xe9\xfeEP\xd9`3[$\xa4\xf2\x82\xce\xb9e\xb2V\x92\n\x92\x00X\xbd\xd3\x97~\xff\xab\xc1\xfb\xff(\x15\xe8S\xa5B5w\xeb\x7f\xbc\x9b\xedK\xe2\xe9\x1a\xc7\x89\\\n\x94Z\xdc\xf0!\xe5h\x88\xbb\x96\n\xbfD\x1c\x1fC3)\xc5y!\xd4o(i\xa4\xc2\x8c\xd09&gt;\xd7\xf1\xc48\xc5\xb8\x8bg\x1b_\xa4-\xf4\xb0\xda\xa2\x8e/Z\x04\xdb\xd8\xa2f$&amp;\x0e=\xc8\x19\xa6\xe2\xe0\xe2rX\xa2\x82f\xf6\xcd9;\xc39/\x0e3s\xae\xfb\xd7\xfe\t\xbf\xce\x8de/?|\xaf\xeb\xbe\xee\xeb{\xddw\xc9\x10\xae\xd3\xd4\xc72\'\x15&lt;d\xc3\n\x91\xc8\xe6/\xff\xfe\xd7\xf3\xe7\x9f|\xf2\xfc\xaf_n\x160(\xa6H.(\x1b\x9f\xfe\xe1\x17\x92\x9b\xf9\xd1\xb9\x9f\x9f\x7f\x8d\xb0\xe0\x98\x96H\xecT\xe5\xf5\xf5\xce7\xb0\xfd\xafK\x10B\xb5Y\xe7\x94fz\x80\xab7d(D6#;\xbf\xfe\xfa\xfdg\x9f}\xf1\xfd\xdf\xbe\xfe\xb8Y`Qe&lt;\xde\x0c`=\xfa\x94\xdc\xee\xb4\xa1eny\xfb\xe7\xbf@\x95"\xb0\xfa\xecY\xbe%8;;\xa1\x1d\xc9\x12T\xfd\xba\xaeFgO1srR\xd1c\x1d\x8f#\x8f\xaf\x0f\xbe=\xb8\xee\xe8\xb8fa\x86\xc7\x91B\x93J\x06al\xba\xff\xe8\x8b\xe7G\xa4f\xfc\xe2r\xfc@\xf5g8\xff\x96\xac&amp;S\x9fI\xad\xee\x97@u\xa0\xf5\xe1\xa2d\xe9\xe0,\xae\xabkl\xec\x8c\xb9\x8aD\x18\r\x05X\xa5\x83l6\x14\n\x89\xb2Y\x99\xb2\xd0\xc1BX\xaa\xfb\xf7\xbf\xbc\xbf\xbeK\xa6\xf5y6\xd16\x9c\xca\xce\xbc\xd8I\x00\x154S\xa6&gt;v{\xfbpJ\x14:\xc8\x9e\x9d\xab\x87\x17\xa4\xd2\xceX:\r\xd9ur\xa7\xd9\x96C+\x99,\x01\x158k\x01\x03kb\xf1\x02\xc2\x19\xd9\xfd\xc7\x8f\x1e\xaa\xb4\xcf\xc8\xd3\xaba5\xaa[X0\xd9gv\x12\xfd\xa8\x05\xeck\x97\xb2\xd9N3\x9e2\xa3)\xc4\xc2\xbc+\x16\x9bN\x8b\xd3\xae\xe2\xc9I\x17.\xc20\xacT*%a\xd9l!\x81\x00u\xf3Ba`&amp;\xf0\xf0\xe1\xe3BG\xe0\x8a\xb4z\n\t\xef;\xc5\x8d\xc6\xf68\xa8\x85\x06\x10\x1a\x8dB\xa1\x91"#\x8dLF:\xed\x92\xbb\\b1!WW\xab\xde\x86\xd9\xb8\xa9T\x8a\x8b\x82\xc8\xbdq\xfcCCPT\x9b\x94\x1dJ%u\x8f\xbc\x19WC\xf7J\xe5\xd4(\x97[\x9e&amp;\xac}\x00\xa5\x81\xbf)\xf5\xf5\xa8y\x07\xa8\xf4\xbc\xcb\xe5\x82/\xc8\xad\xcc\xc9\x1d(]6\x1b\x17\xcd\x01\xf0T/\xa2\xe3\xa2Z\x0f\x87\xd0\x0c\xab\xc9P\x8e\x18\xfeA&amp;\xd6\x87\xcaiF.\xf6.i\t,\x85\x9cI\xa7om!\xa2y\x82\n\xd4\x82@f\x10\x96^\x14b\x80Z`l\x9d\x8d\x8d\xe6\xc9\xc1\xd6\xd6\xd6!\x02k\\e\xb0\x95#e2\xb1Zn\xb0(\t\xad\xd5\x0b\x01\xacgr\xc4b_\xadV\x03\xb2\xad4 \xb9\xaa@\x15+\x16\x8b\x99\xc6\xbbz\x88]sJ\x07\x8e\xb6\x13&gt;m\x83w\xd1\x91\xed\x00.\x19\x86\xb0\xd6H\xc4j\xb8\xaatU3l\x9aV\xab\xf5*\x8cr\x0eG\x1c\x0e\xbb7\xdc\x1b\x00V\xab\x01\x17\xb8\xd6\x18Z\xc5\x8c\xb3\x0e\x0fa6\x11\xdeH\xd8\xd9\xce\x05){\x12\xb9~\xa4\x16\x03\xb3\xe5"\x97\x17\xa3$\x16\xf9]s\x8f\xb8\x98QhA-\xa3\x9c\xc9\xf1\xb9W6V6~_\xe9i3\x8e\x0f\x13b\xa1\xec\xc2m\xd0T\xf46v\x82\xc76*z`o\xb0\'\x07\x89\xdc\xc2\xca6\xdbed\x9bL\xac\xb9\xb6X\xb5\xe8\x92\'\xb4\xda\xa0\xbcJ\x17\x87\xdd+\xee\x15X\x1b\xb5\x8d\xda\xd6\xf4\xb0\x0e\xd79o\xc4B\xd9\x15\x82\xb2\x15\xd2!\xac\x98\x11\xa84l\x93\xdd\x8e\x82\x98\xbb,C\x14\xd7\x17I\x0c\xe23\tHQ\xa5$\x12\xda(G\xec\x83\x08\xba\xdd\x1b\x88j+=\x1f#\xc6!PMk5\x17\x92\xabN\x8fjV\xca\t\xe6_.\x97\x1bo\xb0\xecC\xe33\xe5\xcbr\xae\x1cy\xbaJ"\xd6j\xb0\x07\xb0\x14\x96\xc4\x83h&gt;LPA\x187j\xf3\xd3\xd3\xa0\x89\xab\n\x99\xbf\x01\x98iW\xac\xd8#UsC\xb6rI\x07\xd9\x06\x1bTnT\xb0\xfb\x80\x0b\\l\xf9\xf2\xb2\\\x8e\x04\x9e\x91\x88\xb5\xb8\xdcy\x92\xc9(\xbc`&amp;8&gt;\x1ft\xc8\x08\xad\x06\xa9\xbe\xd0\x13s\xf9P&lt;?|XA\xc9_,JL\x8eV}9\xa7\x1f\x06\xe0\x1b\xb94\xd0Z\x8f\x8f\x07\x94\x97\xc0\x15yA&amp;\xd6\xe8w\x95\xd3JFN\x03\xb5\x06&lt;&gt;@\xf2\xf9\xc4\xf4i4\x96\xec\x99\x9eO\xd3i4\x8a\x07\xf6%\xaa\x12l\x9d\xc31\xd8\x9c+\x97pg\xa7T\x812^#1A\x0c\xc7\x03,\x90\xeb\x92L,\xe0\xda\xc7C\xa7\'\xc61\xf0bQO8\xec\x13\x8b\xab.\xa3\x13\xcd\x9a;{b\xf3\xd3~\xbf\xdf\x1a\xfc\xea+\xa8\x13\x9f\xa7\xb8\x0c[\xa9\x94+\xe7Bx]#\x1b-M\xdf\xa0C\xc8\x17\xf20\x02\x8b\xc4\xdcB\x85\xcb\x8b\x87B]t\xadv":\x90\xf7U\xabU\xb9B\x8a\xeb\xa1[\x06\'=\x0fN?\x1a\xf4\xfa\xfd\x16s\xca\x86a,\xa5\x013\xe4r%=\xdeUW\xd7U\xf7\xf9\xe4\xe4\x90\x10\xfa@\x99\xe12\x12)D\x96H\xbc\x1c\x86\xad\x18\r\xb6\xebEc\xb3\x08\xcb\xc3\xa1W\x8d\n\r\x9e\x0c\xe9u\x0b\xc4\xb0\xedI4\x18\x8c\xfa\xe3\xf1\x83\\A\xa9T\x1aX\x18\x06\xad\x8d\x1e\x8d\xa0\xef\xde\xbd\x03\xc5\x01\xdcb@\x05\xddt\x84\xd4\xba\x85\x8c\xe2\x9a\x97#\x97\xd2\x83\xda\x89\xe5\x01\x0f\x1d\xb4R\xe8\x92\x07f\xb5_\xf2\xe4\xc9\xb4\xc4\xeb\x9f\r\x06\x83\xe6\x11\xbf\x9a\x01f\x8c\xc5\xa22\x18\x18!\x17\xde\xdb\x0bgb3_ \x93\x05X@\x05\r\xe2Q7\xa9Fqw\x82.\xaer\x82\t\x84\xc5\x94\x1b\xe5\x9d\xa5\x03\x7f\xbf\xdf+\xa1\xd1\xbc~\xab\xd5\xefW\xc7\xb3j\x8bZd\xc3\xa8**O\xc0G|\xc0\x85\xb0\x9aE\x0c\x1e\x81U`uD^\x90{\xed\x03r1\x99F\xa3\x17a\r\x8c\x19\xe5.\xbcd\xb1\x8cX\x83Q\xef\xac\xd5bQCS\x0f\xdd\xf3\xd9\x81\rC1\xa4\n\x84\xe0b\xa9X2\x84n3\xa0A%\x06\x82J\x03\x9f\xaa\xdc&amp;\xf9\xddA\xcb.\xb3\xdd\xa4\x91\xa0 \x0e0\xe5\xf5\xd2d\xd6\x1a\x1f\x01\xd7\x08v\xd6\xea\xf5\x13\xd7wf\xb3\xae7\x944\x18\x94J\x16\x98\n*\x95j0\x84z[\xb9\x82\xdf\xb1\x0c\x06\xdeHb\x8f\xec\x9b\xce\xd1\x15\x89D\xae\xb1L,/{&lt;tfc.n\x8dgG\xac\xd1\x014\xa0$&amp;\xe1\xd3\x0b\xc3`1\xf0^}V c\xa1V\x94\n\x91\xd4\x03\x16\x1a\x81\xf3\x10\x16ch\x82\xf4\x8b\xce\x86U\xb7\xafj\\[^\x86\xe4\xe2p\xd8\xc9x\xdfH6nE#\xd4\xaf\xa6;\x89\xab\xc5\xca),\xfdi6\x15\x8f\x83\xe7Wv\xb0\xf8X.\xd4\xcbeP\x01+ 3\x180A|\x8d\xf47@p0~p_\xad\xae\xa1\x9c\xf70\x8d"5\xad-\x95\x84M\x9f&lt;\xf3\xcf\x9a\xfd\xfe\xf3\xf3\xf3\xb3\x97/o\xac\x05\xfc\x86H*\x05q\x81A\x84&amp;8\x08k\xc6P\xb6q\x1f\xcc\x91\xff2\t\xbd\xcbmi\xd9\x03\xb5\x06`3\xea\xec\x14\xa9\xee\xa0\xf0\xf1\xe3\x8f\xff=:\xde\x7fs\xbc\xb6\xfffM\xbb\xfd\xfe\xfd\xd2\xfa\xfa\xce\xce7\x0f?~\xdcTf\xd5BL\xa4g ,^\xe0\xe2\x02\xb3Y\xc0\xf6\x90\xff\x14\x82x~&gt;\x87\xa28\xc0\xc9K\xfa)\n\xb69\x95\xfc\xcfO\x7f\x7fuo\xea\xde\xbd\xb9\xa9?\xcd\xbd9~\xf5\xc3\x9b\xe3\xe3\x7f\x1e\xfd\xf4\xe3\xe6f\x81\x91r\x88\x04\xcd\x10C*\x95\xc7\xe3\xad-\xee]\xec\xde\xda3\xae\x86\xc5\x0b\xa0\xf2\xe4}\xf5\xed4\x8abAb~y\xf6\xfe\xcd\xab) \x9b\xba7\xf5jnj\xea\xf8\xf8\xf8hm\xfd\xba\x90\xb3q\xa1b\xc1\x8f\x80\xc0\x9a\xd9\xeb\xee\x1e\xbd\xc5\xc7\xb1\xa3Dr\xe5\xc3b\x1a\xad\xbe\x9eBy\xd2\x86\x9f\x9e\xbf\xfe\xe3\xeb\xef^\xbf\xdf\xdf_[\xdb_\xdbNh\xcf\xcfJ\xb9$\x83\xebp4\x8b\x9a[\x91Z\x0c^`i\xb7\xe5V\xdf^w\xef\xa1\xde&amp;\x9f\xa7S(L:\x87YO\x7f2\\\xa9\x1c\x1e\x1eV\x0e\xdf\xbe\xfd\xed\xb7\xb7o\xd1n|Y\xb2\xf1\xf9C\x93\x83\x08KD\x88\x15\xd8^\xbd\xdd\xe7\x94\xddW\x0f&amp;\x96=y\x0f\x93bd\xe6\xc3&gt;:\'O_\x00\xaa\xc3w\xef\xde\x1d\x12\x0b\xca\x84&gt;%\xe4r\x1d\x08\x8b{\x93Z\xb2\xc0\xc5-\xbf\xa6l\xd9%\x9a\x88\xbc\x87B\x19\xcbC;Hg\xfa\xc2[\xf3\x00U\xbb\x01\x03*\x1d\xb4}\xc2!\xf5\xa0zH\xc4\x15\xc0\xb1\xcd\x90\xc9f\xf6\xbao\x1d\xeb\x01\xe2\x1a\x80 \xe6\xc1\x00\xe5\x99\xe1\x95\x15wm\xfe]\x9a\xa0:\xa9T\xcc&amp;\x93\xda1\xa4\xb6\x0f\xa2\xa93Q\x1dd\xaao\xe7\x1a\xfe\x0fX\x13p\\\x8f\x8d\r\xe4\x11Q\x98\xb0f\xe1Zz\x9e\xb8\x12n\xeb\xb7\xdb\x07\xedj\xbb]\r)\x0fX\x0cB\xad\xed\xc5\xdb~\xa8\xbb\x9b@rE\xc7\x06\xc6&lt;\xc8g\xac\xb8\x11\x96;\xec\x19\x0bz\xad\xb3\xd6~\xbbz\xd0N,G\xf3\xb8\x10\xedB*C\xa6zqt\xdb\xffj\xd0r\x95XG\\ \x16`\xe5\xc5\x88\x0c\xd0\xf2\xcc\xa0\xd522\x02\x12\xd9\xfbM\xe8\x96\xda1\xc4\xe5\xa3|\x97Q\xa9*\xd5\xd3\xe3\xdb~\xd6\xdc}5\xb2\xb4\xb4\x8e\xf4B\xd5+\xcf\xe1\xa0\xfb\x0b0hbZ\x9f\xd5\xae6\xf7\xb7\xb5\xf5\x81/DP|\xbe\x10\x95R*\x8b\xa5z:w\xeb\xaf\xad\xf7\x08,"\xed\xc1\xc9r\x90\xc9\x06\xd7\x18\x163i\xedm\xe66\xa7\xd3\xd9\xd6?\tT\xd0f\xf1\xf9pLSYM\xff\xe3\xe5\xdcC\xda\xcc\xd20^I B\xc4\xd0`.5\t\x1a\x8c!&amp;\xf1\x82\x88\x1aM\x1b\x9b\xac\xd4Fe\x15\xb2\rQV\'\x86JH\xa9\xb53\x91l&amp;\xe2%\xc8Vi\xbd\xed\xaa\x90b\x86\x0c\xaei\xac\xdb\x7f\xc6\x85\x91Q\xd8\xa0\xa5\x97\xb08e\xa6e\xe7\x9f\xfe!"\x8cuqwZv\x98Rfw\x9f\xf7|q\xe8\xb2\xec\xec\xccN\xd37\xe6"\xbd\xf0\xe3y\xde\xf3\x9e\xef\x9c\xbc\xe7\xcb5\xc572\xaeV\xd2\xed\x8e\xc0\xc64\x97B\xa1\x10\x1b\xb0\xa05\xc8x\x93%j\xd6\xcd\xe2\xf3\xb9\xe8\xf2]*\x05W\xa5\tT\xb9o\xc3D\xc2"./V\x8c\xcbW\r\xc0\x12+\x0cb\x99\xec\xc6$k\x81\xb8\xa8\xf6\x9dw\xe5+u\xc0*,*`T\xb9\xa6\xadd\xc6\xb1bn\xf7T\x84\xd3\x0br\x91Z&lt;\x9eX\xfc\x81\xf8\x03\xfa\xfa\x95ZF.\xa6\xb1\n\xb0\x0c\x03U\x08\\[O\xdf\x06V\x1d\xb8\x80\xe5\x87\x8d\x97=b\xb1\x8c\'\x13\x1b\x14\x1f_\xb9v\xe3W\x80\xba\xa8\xf5\xb9\x90\xf0E\xac\x8c\x12V\x88\xb02}\xb2\xa6\'FM\xa6\xe6h4\xc2\xaa=\xaa\x97\x98\xc0\xc4\xcb\xcb\x1f_\xb9\xf13jI\xd2\x9e\xee\xee\x10\x15R\xaf\x88\xc9\x04\xa5\xf4\xc02=\xcc&lt;V\x1d\xb0Z\xcc\xf18qy\xfbPX\xc5H/\x03j\xd852Q\xad\xcdv\xcdu\x88\x8a*\x85\xc0\x82Xz=%\xd7^\xa6\xcbi\xcf\x1e\xc3\x1a\x9d\x8aGQ\xee\xfb\xf0\x83\xcc\x87T\xcbW\xaeM\x96\xfc\xb2Q\xad\xf6\x9dv\xcd\x89\x94\x95`\x01\x95~h\xa8\xf6mau:\x1c-\xa3}\x91h4j\xee3\xc7\xa3\x94\xf9\xcb\xcb\x1e\x7f\xc9\xbb\x9d\xf8\x93\xf3\xdd\xddsX\x83\xe5\x0e\x85H\xaa\xb1!=\x1b\x8a{\x19?%r\xb3\x0e\xb3\x0b\x16\xadf\xe2Z\x8d,|\x82\xeb\xaf\xe1\xe1\xe1~{\xa7{\xc2\xde\xe2\xc0\xa2\x1f\x06\xca\x01DTc\x8c*\xd7\xb4\x9e\xe9CH\xf3\xc0\xc2\xfc\x02\xae\xbe\xa9h&lt;\x1a\r-D\xcd\x10\xcdl\x9f\xe8\xed\x9d\xb0\x8f\xdaAe\x92\xd7\x0e\x8du\r\x91\x83\xa0\x82\x89\xb5\xa6\xf5L\x9f\xf5\x99\xf7B\xad\xa6\xa6~\xbf\xbf\xcf\xbc\x1a\x8d\xc7C\xd7\x17&gt;\x89\xe3=2\x88Kc\xb7\xdd=X)\xaf\xd5\x8fuuu\x85\x88\n\xab\xc5\\9~V3|\xcd,X\xec\xabklT\x1b\xfd~\xc6\x15\x89/\\\xbf\x1eZ\xd8\xda2\rnaJ\x1e\x1c\xdc2\xc1\xbf\xb1\x91\x91.d\x95~\x88\r\xc3\xb3\xb9ryd3\xc3&amp;n\xb6\xd45\xaa\x9b\x8c9\x88\xd14WW\xd7\xf5P\xe8K*\x05r\x14\xaa\xa1\xae\x91\x91_sXzR\x0bZ\xc9\xe5\x99\xbe\x84\x10\x84\xedu\xd4K\xd9\xcf\xb8\xccf\x18\xb9u\xbdk\xa4\xab\x0b\xbe\x8d\x8d\r\xd1\xd9\x02:\x07\xc1A\xc1D}\xedY9a\xa52ZO\x05\x82\r{]c\x89\xd1Xb\xcc\x19\xe6\xfb\xa1\xd7\xd4T$\xbe\xb5\x10\x1a\x1b\xf9\xc3q\xbcOJ\x85\xf0`r\xc9Y\xbc\x97\xcc,V^\x12\xc5Im4\x92\x8b\xfc\x9c\x1c?\x1b\x85S\xeeA\xf9\x18\x80\xfey\x0c\xa5\xaf\xcd%\xaa[\x94Z\x802\x99\nb\xd6\xccbm\x03\x8bK-\xe2\xf2\x8fR\xb4\xd8\xeb\xe8\xab\xf2\xf7\x11cc\xb7H\xa4P.\x92\n\x99E[pry\x85\xa92\xc3\xf5\xd4\xba\xc7a\xf1\xf9\x84\xe5\xc9\xe9\x1f\xf5\x03\xad\xa5\x05U\xb4B\x7f\xeb\x16c"\xb1H\xa5\xda\xe3\xcc2\xc9M\x87\x19\xc5\x12\xcc\x0fc\x82\xa1FJ\xc6\xe5\x81^~\x7f\x7f?\xe4rO,\xb1]-\xb2NO\xa3Ox\x96\xa8\x80U\x81\x870\xa3\xf5T \x08\x8fv\xb2/\xf7K\xd26z\x86\x87\xfdlW\x97\xb6u\x07*\xce\xa6\xbd\xab\x10Rc\xd2\xef\xa87\xa9\xa2\x82L\\\xdd\xcc$\xd6\x89d\x8b\xc3\xc1\xfaY\xb8\xdc\xe2{p\xc5\x05\xb9\x9a\x1c\xb8\xae\x98\xd3\xb5S\x93\x14\xb5I\xe1Qq\x96uL\x11 \x9e\x19]\xed\x0bzbvL\xd4\xac\x9c\xf2Y\x10\x162\x0ck07\xc3\xa2\xc0"\xacB(\xe5&gt;\xb7\xb3%\x99PX\x90\xc1-\x1bA^\xaa\xaf\xb3\x91yHI\xef\xe1\xd4\xfa\x85\'\xc7X\xd2\xd4\xe8p\xe4\xeb\xda\xdb\xdb+\xda)\xa4E:)\xfb\xc0q\t+\x0b\xe2\x0f{\xe8\x96\x08\x998\x97\x9e\xb7\xb9\xeev4\x91\x85F\xc2\x02\x17_v\xf92\x87\x85\xeb\xbf\xee\x06F20PT\xa4cA\xbf\ti\xbd\xcf\xb8\xf66\xd6\xd6R\xa9\xd4\xa2\xf5\xcd\xf6J\xe5\x81j\xd0\xddXR\xc2\x15\xd3I\xda\x0c\xe4{.\x83\x8bo465\xa9\xcf\xe7S\xafA:\x94\r\r\r:\xdd\x80T*m\xa7\xcd\x11a%\xb8V\xd7\xd7\x0f\x0f\x0f\x1f\x06\xde\xdc],\x04yVI \xb5\xfe\x1ea\x11U5\xc4\xe2y\xf8\x93|\x1e\xe4\x82\x99\x98\x8d\xd4\xe7/40\x16]\x03\xc3\x12\x89\xe8\x9d\x9al\xa4X3V\x9a\x84\x05\x83\x91\xd5\xf5/\x0e\x0f\x9f\x04\xdf\xd4=\x19\x04\xd6\xe0\xa3\xa7\xeb\x91\xfb\xf7\x97\xd8\x84H\xd3N:\xe3y\x1e\xf1e\x19a\x95\xaa\xe9t\x0faqO\xd1\xb9s\xa2s\rL9\xdaN\x12RsY\xb1\xdbn^\xfd\xe2i0\x18\xb4\xe6\x9d\xf8i#\x80\xfeu\x9e\xd5\xf9t=:\xb1\xb4\xb44aob\xd9\x0e\xadd22Q&amp;\xa6\x9eJp\x95\xaa\xb3.\x10\x16\x80\xe8I_\xd8\x9d\xc3\'%k\xfe!,\xb9PZ\xd8\xe1j\xec\x8c?\x04V\xb0\x87v\xe8\x05?\xc1\xbd&lt;\x188\xbe\xb6:8\xe1\x9e\x9b\x9b\xebv\xa0\x90B#\x19B,#,,\xab\x152~\x95\xad\xbeT\x9bE\x07\xed\x18\x0f\xbd\xd1/\r\x0c\x8c|\xe4\xb0D.\x9f/\xf2\'\x0bqI\x167\xff\xff\x1c\x13\xf4\x84S\xce\xf1\xf1\xf1\xc0\xfaD]]w\xfe\x85\xba\xc6~\x88\x05"\xa8$\xc6*\x9fG\x0bj\x83B,\xab\xaa\xae?\xa5\xcd:s\xa6\x86N\xf8 ZkjjH.d\x18\x1d\xf7\x01\x16J\x99R\xd4\xea\xf3y\x03\xc1\xa0\xc5b\xe9\xd90{\x93\x9b?~\xab\x9eD\x16,\xc6\x9e9U\xc0\x1aONu:|\xa7O\x9f\xa7Y\xda\xc3\x98\xb0\x96\x86\x8d&lt;\xda\x80\x80^$\xd7)-\x1d\xd5\xaay\x1d\x8b\xb8\xd8\x81@)\xe6\xc5"e\x87\xcb\xe7\x8a9\x83\x8cks7\x91\xb8\xefMR\xbd\x10\xfc\x18*j\x9f4\xbf\x9a\x1dW\x11\x973\xe68\x0598,\x9e\xd8\xc0\xbc\x93qr\x01\xb0\xcaF\xed!\xec\xe0\x91\x8b\xe9\xd5\xda\xca\xdeD \x13\x15\x17+i\xa3\x0bb\xe5\xbb|-)\x8eJ\x02\xac\xb2\xc4\xcc\xcenl1\xef\x07\xdf,\x88\xfe\xde\xfc\xfe\xcd\xcfg^\xcd\xaa$\xc4\xa5\n{K\xeaK\xd4ZN-\xc5U\x03\x82q\xc9d\xb4gSe\xabFre\x83+\x0bj\x9d#,\n\xd2\x8b:\xdd\x08K\xaa\x13\xb5"\xb5\x98X\xc4\x95\xdc)+\x03W[\xc2\xbc\xf1\x03ob\x84\xd2\xd9\x13\x8e\xbd\xbb\x93\x98)\xdfI\xa9(\xc6\xc7-I\x7fuu\xa9Zm\xcc\xf1x\xc4\xd49\x02\xaetv\xc1\xc24\x16%Wk+\xa3\x82\x89\x9c\x9d\x1d\x90\x8b\xb6\x05\xa5Jh\xe5\x1b]\xb3\x10\x13\xb2\xde\x9bhk#\xb0\xb6\xc4\xee\xf6\xfeF\xf8\x7f^\xf8\x08\x04V\x12j\'\x01\xaa\xf2\x99o%\x1c\x96\xca\x193\xda\xaaKq\xa1\x85\xd4Jc\x19\xc42^\x15\tFT\xf5\xa5\xd9\xc4\xd4\xca,\xac9\x83p\xb52\xaabR\x0b\xf3\x11\r\xc3\xc6\x98\x93\x90\xf0t\xee\xe2\x7fg\\ee;;;\xf7\xbd\x8b\xdf\x9f\xfd\x02\xeb\xe66\x84J$Vf\xca5\x1a\r\\\x04\x15\x1e\xaa\xf0M\xa3\xcdFb\x01\xcbp\x95v&amp;\xaf*\x80\x05.\xf2\x10#\x91\xb0j\x98^xE\xf2\x9f!,\xca\xf8\xe2\xe2\xc2B\x1d\xab\x0e\xde\xb0\x85S\xcb\x12\xde-?y\xb2|e\x85\xc8\xc0\x96H\xfc\xe6\x1f\xdfw\x0b#k8\xb6KPm33\xd3\x9a\x93\x1a\xcd\xd1\xa3\xb4\x8b*Ij\xb8\x9a\xcfg\x03Q\xa1\x80T\xdc\x8ei\x15\x02/6[\xf5)\xf20\x0bQSC\xaf\x84E\'ME\xa0*.T\x16\x8a\xba].{\xd2\x92\x8e`\xf8s\xc2*\x9f\x9e\x99\x01\xd8c\x90=\xfe\xec\xc1G\x9by\xff%\xa5\xf6\x0f\xc8\xbd6\xf8\xbe2=\xad\xf9\xb9f:\xf1\xd2\xa2J\x87s\x9b\xbbn\xe0\xd42\xd0\x0b\xa6k\xc2"\xae\xeaRn$\x12PV\x16J\x85\x0f\x15\x82\x06\xa2\xb2PY\x0c\xb4\x8e\xee\xfc\xeeX\xf0\x18\xcb\xf9(\x8dU^\x0e\xc1\x1e#\x0e\xb6\x0f\x1e&lt;\xf8\xe8?\xac\xe4\xa0&gt;\x03\x13\xc5\xca\xca\xb4\x86\xb04+\xdb\xb3\x1c\x17l\x0c\xc4\x8c|\xb6%ID\nz\xc8x6\x9b\x8d\xe4\xb2\x11\x16\xe3\xa2\xdau&amp;\x8b\x8e\xc0\xb2\xc2E\xf5\x01\xd1\xdb\xd1\xdd-\xf2\x06$\x16\t\x8b\xa0s\x03XH\xddr&lt;9\xae\x0f\x17\xe7\xc3\xdb7\xae\xec\xff\xdbZ\x04\x03\xd4\xba\xf9\xe1\xf3;eemm3\xa4\xd4\xa5i\r\x8bK\xdf\x06f%i\xb9$H/\x19J:\xb0\x96Y\x85\x10\xa7\xb1\x88\xaa\x9eaiYI\xcd\xca\xa6\xb7\x1a\x96Z\x1cV\x07\x06\xa4;%\x91\xa0`\x81\xcc\xe2t\xa6v\xca\xb9\x98\x81\x8d\xc4\x15\xff\xeaI\x00)\xb7\xff\xfa\xad\x95 \xd5\xfc\xf6\x8b\xdb\xb7\xef\x90R3Du\tD\x0c\xebU`\xd6y\xcc\x15Lys\xa8\xbe+\x18\x14\xa9\x05\xf3\x90\xee\xd5\xdfaegk\x99XZ\xa6\x16W\x1e`a\xaf\xa8X\xd9\x1bsJ8\xb5,\xc1\x80\xf3\xd9\xcekT\x84\xf5\xe5\xa7\xf7\xfe\xfa\xf7\xaf\xd7\x02\xb8\xba8\xaeb\x90j\xff\xe0\xe8\x8f\xb7\x8f\x8e\xca`\x1f\xfc\xd30,\xc6\xf5\xea\xd1\xecw\\\x12g\xd2\xcf\xa7Y\x9a\x92^\x01\xbe?\xf3XW"k&amp;.\xd5B*\xf0py\xcf\xa6\xa1\xd6|\xaa\xa6\x85\x85\xbd\xc5:\xdd\xd2^\x803\x10Z\x05\x9c\xced"\xcdTFT\xc0\xda\xf9\xf4\x9d\xe6\xe6{w\t\xcdi\xe5\xb8 \xd5\xf3\xa3\xa3\x17\x07/\x9f\xbdX\xa1H\xfbw\xe7\x12\xe29\xb0\x02\xc8/\t\xc7\xb5=:\xc9\x93q35q\xc1\xc4\xfaRp\xd5\xb3\x0e\xb2SZf"\xe5\x17a\xa1pu\xb0\xbaU\xac\x1b\x18X?\xa6\x92\x04\x9e\x02k;\xc1\xb4j\xe3\n\x04\xe4bX\x00kn\xbe\xfb\xcd_\x9e\x041&amp;{6\x0e\x9e\xbf8x\x16\xb0\xa8\x02\xbb\xd0j\x9a\xd2\x1dR\xddA\\\xbas\xf4\x0cX_?\x01\x16\xc0$\xaa\xc0^\xa3\x91&amp;hN2n\xdaA)-%"-G\x95\xc5\xe5=\xc4\xea\xa635T\xe4\xdb\x7f\x1bYS\xa5\xa9\x9c\x7f\xfb\x8a\xc3\xe2\xec\xa3\xdaP\xd6\xf6\xf8q\xd9\xef\xdf!\xa6\xe6f\xe0\xdd\xbb\xfb\xcd\x93\x13\x8b\xdb\x07\x07/\x03A\x95$\xf0\xaf\xae\xcc6\xb4\x8d:\x8e\xe3\x19\xcd\x8b\xc1\x86#\xe2^\x04\x9c\xe0Q\n\x15J^\x1c\xd4\x87\xe1\xa6L\xce\x17\xc1\x7ffNv\t\x84\xf5\xdc\x98\x10\xfb\xc2\x81\x83\x10$/\xe6\xf9b\xeb\xe8\xd2\x03gNp8a\xcc\xb6[\xd9\xc1p\xd0\x81\x84\xd9$s\xc2v\x11M xv1/\x92Y\x92\x86v\xe4\xa15\x82\xdf\xdf\xff\x9f\xca\xf4{\x90\xa3\xb4\xd7\xfb\xdc\xf7\xf7x\xa4\xb4q\x8f\xd2\x1dAL\x8b \xc2\xad\xa5\x15\xd34\x9b\xfd\x8a\xe0\xd2\x9a\xb9/^#.\xacZ\xd8i\x08\x8b\x98\xfc\x84\x85\x08\x0e\xdd\xda\xb5\x9bSE\xa7\xa2SD\xb5\xe7\xcd\xab\x9f\xf4K;Ex\xbf\xb1aj\xda\x95y\xde\xb1\x9e\xd2c\xe1\x95\x90\x93\xf3\xac\xad\x15\x93\x07\x92\x89R\'\xa7[\xb7\x97\xa8\x02C\xd4\x1cB\xd4\x1f \x94\xa2\xd6u\xfa\t&lt;\xed\x01\xb3S\x95\xd9\x8d\xf7\xf7\x9e\x1c\xc1\x1e\x8f\x1d\x90cQ\x01\xfa\xf9VC\x8584M`M\xd17\x07{\xae~;ce\xb6\x9bI\x8e\xd5\xcd\xd7\x9b\x9a\x96\xbc2\xbf\x03\xf5+U?Rz\xde\t\x16  \x05\xe9\xd3\x93L\x9a\xb7\xba`\xb2UU\xbd\xb04\r _\x08\x8a\x85b1\x9c(\xe7\xb5R\xab\xdeA\x9fHt\xaa\x19EV\x1b\xd7\xce\xf0M\x9ev\xd4\x91#\x13~\xb2I\xe4\x13\x11\xf9\xb9w\x87\x90\xef\xefD\xe1\xd6\xf3\xef\xbe\xf2Y\xddV\x14\xa5\xda4\xe1\xd5\xefy\x03X\xc9\xe47\x88\x1c\x1dG\x17\x8eR\xf3J\x07|s\r}\x18F\xc0\xb5r\x9eR\xb3\xdf\xd2U!`!|\x00\x8b\x91V\tl\xf3\'\xd3\xac\xe4$\xa7\xa9U\x88\n\n\xd7\xef\x9c\x9d\xc5{\xcf\xc8I$\x99w\x82\xb7\x05\xea\x9f\x94Tc\xfe\x89\x83\xb4\xa9R\xc2G\xa3QP\xbd4c)\x8a\xac(\x99j\xa7\xa2u\xf3\x86\xe1t\x93\xc9K\x1f\xf1\x0eID&gt;(\xe0\x0b\xf9|7t]\x04\x10\\\xb9\x92\xa7\xc5$I\xb5m\x8e\xd5\xa3\xe2\xa38\x92a\x1c-6\xb7\x85J\xecK\x92\xb3\xd1\xe6P\xc4\xc5\xf2\xd7\xbd\x14F/\xc7\xa2 \x8eq,x\x85f\x81\xb8\xd2|\x04\xd5\xd4\xbe=\x17\xc8*P)\x99L\xb5\xbd\x01*\xe6\x94\x92\xc9\xaf\xfe$$\xdf\x7f\xd4\xd3\x05\x17y\x06,FR9V\xbd7\xcd\xeb\x0f\x85\xc8M\xa38\x8e\xfe\r\xac\xa6\x11\x8f\x1b\x0c\xff]\xa6; \x90\xd6\xa3\xb3\xdeYzO\xa4(\x8a\xee\x0e,\xff\x04\xca\xc1\xcb\xc7\xf6\xaeC\xafG_\xde\xf7L\xc3\x1e^\x94\x81\xf4\xba\x111X\xab\xa4i\x89?|\xffS\xc0\xd7s8\x16\xe0\x9c`\xab/\xb0\x18\xf9\xc5\xbe\x0fe\x17\x85\xb2K\x14N\xce\xf5W\xa2\x92\xe8\xd6\xe3\xf1xD\n\xd3-\xb8\xc2\x0c\x196\xcb\xdf\xcb\xf6\x02\x82\xd7\xa1\x7fb\xd2\xcb\xd3\xed\xe0\x18\xef[\x9f\xff\xd0`aY&lt;\x08\xa0\x14\xdb0"\x11\xc3 \xacO\x7f!\x94\xd0\x90\x08\xb9\xbc\x85]\xb1\x00\x00\x02\xddIDATE\xe7\x86\xcb\xfd\xd2-=\xe88\x1e\x95\xa8l\xa2\xaa\x7f7\xbd\xbc\xb8x\x97Dd\xd9\xec(\xb0V\x9f\x14+\x89\x92\x13\'ET\xf9_.\xd5\xca_&gt;\xe3\xe5\xd9E\x13z\xf7\x8bX\x11G\x9e\xa5999Ak\xea\xdb\xaf6\x98:\xa4"\xab\\\x0bP\x10\xb0L\xb3x\x8f8b\xa1\x00\xdf#0\xb5\x89\xb0g\xb9\x02\xcbr\nC,\xcb\xb6\x19\xab\x1f_Z^\xbe+\xb0\x08l\xb1\x06\xbbV7\x8b\x89\xc4\xadV&lt;~\x93\xb8\x98\r\xa2\xf0\x10\x8c\xe5\xbf&lt;=;;+\xb0\xfcx\x83\x1c\xa1\xef\x16\xbd\x93\xa7\x0e\x1d{\x83C\x85\xe5\xf00\x80\x80\x12T\x11#W\xa1I\r\xa6P\x8c{\x85*\xc4b\xe7\xf3\xa5\x03u\xc2\xd2\x81\xc5\xe0\x96\xad\x17\nU\xd7Vl\x9bc-\x0b*\xfe\x99M\xa5j\xa9M\xf4\xf9J+.\x84\xdc\x08\x13X\x98nI\x8e\xdd\xb98N\x19\xbe\x0bn\xed\xa5T\xc3\x94\xfc\xfa\xe7c\x02\x8a\xfeH&amp;(\x99!\xa9"\x11)\x82\xeb9\xd6\xda\xc3X,\x95\x8a\xc5\xb8W0\x0bX\x81t\xfa\xb8\xed"\x82\x16\xb0,\xcbS\xdd\xde\xde\x0e\xba\xae\xac\x0e\xb1\x08\x0cNq\xbb\xb25`mi\xfb+\xb9\xf8\x0e\x17\x81=%\x1bd\x1fLa&lt;\x8f\x8d\x1f&lt;B\xddl\xf2\xadS\xe7\xf3\xd6\xf0\xb7\xa2@\x98Q.G\x0cI\x92@&amp;\x01\xeb\xf0\xe1\xb5\xf9P*\x06,pq\xcb`W \xbd\xd0+T\t\n2\x98\x07TU(#\xbblf}\x91s-g1u\xb2\\\xb5\xda\xfa\xd6\x81sf\x9b3I\xf1H\x1c7@\x81@a: \xd5\xb6\x9c\xdb\x1f\x9f\xffp\xcc\xcf\x97\x9c\xd3\x97\xf3\xba\xfc\x94T\x82*\xdf\xe4XDFX\x97V\xe6FC\xa9T\x88\xfa5:6\xda\x11&amp;\xf1\xc2\xc2\xfa}j\xebLb\x80\xf3\xb4\xdb\x83\xea\xa0\xea\x0e2\n\x9b\x99\xcf\x82\xa9\x06\x8b\xd0J\x11\xc0Z-\xbb\x9c]\xdf:GX\x928"e\xaa&amp;\x88\x8a\xd7\xa5\xb6"Ls\xf2\xd7\xde\xf3\x8f\x8f_|\xd0\xd2\xb9E\xe8Un\xd5U\x19.(\x97_\x80[\x12#(\xee\xd6\xfe\x13+s(\xa6\x94\x98#)D3DT\xe9\xcd\xe2\xfed\xa5\x99\xb3\x18\xd3u\xc2ReU\x1e\x0c2\xc1;\xeb\x02+\xb5\xcaEdY`=\x07,\tH\xe2q\x89\n\xa9[6\xea\xadf\'W\xb0m\x91B\x8a\xdez\xf4 _\xc8\x08\xb9\xd5\xedv\xa7\x99\xa3\x84"\xb3\xca\x14&gt;q\xb9\xd4\xaa\x9c;\xb1\x12\x10\xb9\x15K\x8d\xa6\xb8\xa6\x97\xb0#&lt;)j\xc9\xc3\x00k;\x0cA\x1c\xc8RX\xcd\x0c2n\xeb\xfa\x8f\x08bv\x87\n\xa2\x94\xdf\xc1\x82T\xfe\xc8\x123\x10M(W1+\xf7\x1f\xf7.\xcc4\xd0\tu\xd7u\x83\xae\xa2\xe0d\xd5gz\xbf\x95\x8af1\'H\x00\xb5C\x85\x9fr\xd8FV|\xdc\xa4X\n}\x1bd\xa3\xd4\xc5\x17\x16\x80\x857HM\xabt\xfb\xfa?KS\xdc\x0f\xbd\x9d\x90\x0f\x00\x00\x00\x00IEND\xaeB`\x82'</t>
        </is>
      </c>
      <c r="M541" s="3" t="n">
        <v>45492.67607638889</v>
      </c>
    </row>
    <row r="542">
      <c r="A542" t="n">
        <v>1485218</v>
      </c>
      <c r="B542" t="n">
        <v>1966</v>
      </c>
      <c r="C542" t="inlineStr">
        <is>
          <t>Gabriel Carvalho</t>
        </is>
      </c>
      <c r="D542" t="inlineStr">
        <is>
          <t>G. Carvalho</t>
        </is>
      </c>
      <c r="E542" t="inlineStr">
        <is>
          <t>UNK</t>
        </is>
      </c>
      <c r="F542" t="inlineStr">
        <is>
          <t>UNK</t>
        </is>
      </c>
      <c r="G542" t="inlineStr">
        <is>
          <t>UNK</t>
        </is>
      </c>
      <c r="H542" t="n">
        <v>168</v>
      </c>
      <c r="I542" t="n">
        <v>34</v>
      </c>
      <c r="J542" s="2" t="n">
        <v>39310</v>
      </c>
      <c r="K542" t="inlineStr"/>
      <c r="L542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9\xbb\xfe\nI\xff\x00\x05G\xfd\x98\xff\x00\xe0\x98\xdf\x08f\xf8\x8d\xf1\xc3_\xfbV\xaf&lt;$\xe8\x1e\x0f\xd3\xa6O\xb7\xea\x8f\xd3*\xa4\xfc\x91\x83\xf7\xa5o\x95}\xcf\x152\xa9\x1az\xc9\x95\x18\xcaZ${\xef\x8c\xbck\xe0\xff\x00\x87~\x1a\xba\xf1\x97\x8f\xbcS\xa7\xe8\xbaM\x8c~e\xe6\xa5\xaa^$\x10@\xbe\xac\xeeB\x8f\xc4\xd7\xf1\xdb\xff\x00\x05P\xff\x00\x82\xd8\xfe\xd7?\xf0S\xaf\x1f\xea\x10|@\xf1\xad\xde\x8f\xf0\xff\x00\xfbC\xcd\xd0&lt;\x01\xa6\xdc2X\xd9\xc6\xb9\x11\xb4\xa1q\xf6\x89pyw\xcf=\x02\x8c\n\x8fh\xde\xc8\xd3\xd8K\xed4\x8f\xdbO\xdbC\xfe\x0e\xf3\xfd\x8a\xff\x00go\x8aw\x1f\r~\x05|5\xd5\xbe(\xc1\xa6\xcd$:\x97\x88\xb4\xfb\xe4\xb4\xb12/h\x19\xd4\x99\x979\xf9\xc0\n{f\xbf\x97\xf9.\xa7\x7f\x91\xf2\xc7\x18]\xde\x94\xbfx\xf7eF4\xba\xde\xe7\xed\x1f\xed\r\xff\x00\x07\x9e~\xd8\xfe3\xd4\x0c?\xb3\x87\xc0\x7f\x07x*\xc1a(\xcd\xae,\xba\xad\xd4\x8e\x7f\x8c\x10\xd1"c\xb0\xda\xdc\x8e}+\xf1r\x1bk\x8b\xf9v\xc2\x8c\xcd\xdc"\xe4\xd2\x92\xfeiX\xa8S\xe6~\xeco\xf7\x9f\xa8\x8b\xff\x00\x07h\xff\x00\xc1^\xe0\xb0\xfb3\xfc@\xf0\\\x8d$p\xed\xb8o\x04\xc3\xe6&amp;\xc6\xcbt`\xa4\xb8\xf9[\x8e\x9fwi\xe6\xbf3\xe4\xf0w\x89\xac\xad?\xb4o4{\xe8cQ\x9f2[v\nk/i\x1eks\xfe\'B\xc2T\x96\xf4\xda\xfb\xcf\xdeo\xd9\xc3\xfe\x0fR\xd4VK\x1d\'\xf6\xa5\xfd\x92\xe0\xba\xdc\xca\xb7\xda\xaf\x82uC\x1b(\xfe\'\x16\xf7\x19\x07\xd7\x1eg\xe3_\x82m\xf6\xabH\xf6Mj\x9f/!\x94c9\xf7\xaaR\x97F\x0f\x0bM|J\xdfy\xfd\xb8\xfe\xc3?\xf0Q\xcf\xd9\x17\xfe\n)\xf0\xe7\xfe\x167\xec\xbd\xf1N\xd7WX~]SE\xba\x1eF\xa3\xa6\xbf\xf7g\xb7o\x99=\x98eH\xe8M\x7f\x1b\xdf\xb2\xb7\xedC\xf1\xff\x00\xf6D\xf8\xb1\xa6\xfcr\xfd\x9f~ _xk\xc4Z|\xa0\xc3\xa8\xd9\xc86\xca\xbd\xe3\x91[+"0\xf9J\xb0 \x8a&gt;\xb1(\xee\xaec\xf5No\x81\xfe\x07\xf7)_\x00\x7f\xc1\x17\xff\x00\xe0\xbb\xdf\x04\x7f\xe0\xa7^\x0c\xb5\xf8m\xe3\xcb\x8b\x1f\t\xfce\xd3\xedq\xabxVI\x80\x8fVTQ\xba\xf2\xc4\x9f\xbd\x19\xeac?:\x1c\xf5\\1\xda\x15i\xd4\xd9\x9c\xb2\xa7(n\x8f\xbf\xe8\xad\t\n(\x00\xa2\x80\n(\x00\xa2\x80\n(\x00\xa2\x80\n(\x00\xa2\x80\n(\x03\xce\xff\x00j\xcf\xda\x87\xe1\x17\xeci\xf0\x0b\xc4\x9f\xb4\x7f\xc7\x1d|i\xfe\x1d\xf0\xcd\x83\\]2\xe0\xc9;\xff\x00\x04\x11/\xf1\xc8\xed\x85U\xeeM~&lt;\xff\x00\xc1\xe5\x7f\xb6\x0e\xb5\xe1\x7f\x04|8\xfd\x8e\xbc-\xe2\x8b%\xb6\xd7f\x9b]\xf1=\x82\xfc\xd3\x0f%\x95-w`\xf0\xa4\xb4\x8c\x01\x1c\x94\x06\xb0\xadW\x93H\xeeta\xf0\xfe\xda\xed\xec\x8f\xc8\x9f\xf8)\xe7\xed\xe5\xf1/\xfe\nW\xfbVx\x8f\xe3\xdf\x8b\xbe\xd5oo\xa8\xdcy^\x1a\xf0\xf4\x97\x1b\x86\x9b\xa7\xaf\x10\xdb\x8cq\x9c|\xcc{\xb15\xc4\xfe\xcd\xbe\t]bf\xf1\x0e\xb3\x1bH[\xe5\xb7\xf3\x17\xa2\xa9\xe3\xf1\xaf\x9f\xc7f\x0b\x07+\xbdd\xcf\xb1\xcar_\xaeF\xcb\xdd\x8f\xe2q~\x11\xfd\x9c|[\xe2\xab\xf5\xfbd\x7fa\xb7l\x11#.\xe6\'\xd3\xda\xbe\xcb\xf0W\x87\xb4\xeb\x9b\x9f*\x18#P\xce\x0b1\xfe\x1a\xf9\xdcW\x15\xe2)\xc6\xd1\xfc\x0f\xaf\xc2p.\x02\xa7\xbdV\xff\x00\x7f\xe8\x8f$\xf8e\xfb\x01h:\xc3\xc76\xb1\x14\x92B\xbc\xe5\x98\x82\xfc\xf3\x9fJ\xfbk\xc0&gt;\x1f\xd1`\xb6\x85\x1eh\xd8\x05\xceOJ\xf9\xea\xdcQ\x9bU\xd23\xb1\xf4\x98n\x11\xc8p\xfb\xd3L\xf1\xbf\x08~\xca\xfe\n\xf0\x95\x9a\xc3\xa4\xf8R\xc9~o\xbc\xd0\x82I\xed\xc9\xe6\xbe\x97\xd3t=\x1e\xe7n\xc8\xc3.O\xcc\x0eA\xff\x00\xebW\x97,\xcf0\xa9\xf1To\xe6\xcfZ\x8eW\x94\xd1\xa7h\xd3K\xd0\xf1+\x8f\x81\xbau\xde\x94\xda]\xfe\x9b\x0c\xdb\xba\xc2Uv\x1fn\x95\xee\x1a\xc7\x86\xf4\xfb;F\x9dH`\xbc\xae\xde\xd5\xca\xf1\xb8\xceo\x89\xfe\'e&lt;\xbb.\xe5\xb7/\xde|\xbd\xe2?\xd97\xc0\xfa\xad\x8bG\xa8\xf8N\xde5d\xf2\xc1X\x80(=\x8d}\x03\xa8\xdf\xf8ZKo\xb4]L\xb1\x8e\x9b\x0f\xadkO4\xcc)\xeb\x19?\xbd\x98V\xca\xf2\xb9{\xb2\x82\xfb\xae~|\xfcP\xfd\x8c\xf5\x0f\x07\xdf\xbd\xd7\x84\xe47\x16c%\xa1\x9b\xa8\x1dr=M}q\xe3\xe1\xe1{\xd6q\xa6\xdf\xc7\xbf\x05\x84u\xef\xe0\xf8\x931ZM\xdf\xd7_\xf8\'\xcec\xb8W)\xa8\xef\x08\xdb\xd1\xdb\xf0\xd8\xf8[\xc2\xda\xb7\xc4?\x81?\x10\xb4\xff\x00\x8a_\r|I\xaaxw^\xd1n\x16\xe6\xcbR\xb5\x98\xc5$.\xbc\x86V\x1d&gt;\x95\xef\x7f\x17&gt;\x1eh\x1e1\xf0\xcd\xe6\x9fq\x1a\x19$R|\xcd\xb8 \xf6\xfcA\xaf\xa1\xc1\xe7N\xa4\x92\xa9\xa2\xf2\xe8|\x8ec\xc2\xf4\xe9\xc5\xbaZ\xbe\xcc\xfd\xe6\xff\x00\x82\x02\xff\x00\xc1mt\xbf\xf8)\x1f\xc3\x16\xf8-\xf1\xc7Q\xb3\xb1\xf8\xbf\xe1{57j\xb2\x05\x1e!\xb4@\x01\xbd\x89x\xf9\xd4\x90$Q\x9c\x12\x18pp?\x9e\x9f\xf8%\xf7\xed\x11\xe3O\xd8\xc3\xf6\xfa\xf8_\xf1\x1bI\xbde\x9bK\xf1\x85\xb5\xa5\xfa\x05\xcbOc&lt;\xa2\x1b\x88\xf0\x7f\xbf\x13\xb0\x1e\x87\x07\xb5}\x86\x1f\x15\xb5\xdd\xd7s\xf3\xfcV\x03\xd9\xc9\xd9Y\xae\x87\xf6mM\x86U\x9e\x15\x9e?\xba\xea\x19~\x84W\xa6y#\xa8\xa0\x02\x8a\x00(\xa0\x02\x8a\x00(\xa0\x02\x8a\x00(\xa0\x02\x8a\x00\xfeZ\xff\x00\xe0\xec\x1d;\xc4\xb3\x7f\xc1Z\xb5\x87\xd6\x1e9-\x7f\xe1\x0f\xd1\xff\x00\xb3\xd9a\xda|\xb3\t\xc4}~c\xbb~[\x8e\xbe\xd5\xeb_\xf0t\xc7\xc3)f\xff\x00\x82\xb0\xf8gW\xb8\xd3\xee\xe4\x87[\xf8}a6\xcb\xa5_&amp;E\x8aY\xe1-\x16\x0eN\x08\x01\xb7\x01\x83\xd3"\xbc|uGB\xab\x97\x91\xf4YM\x15^\x92\x8a\xde\xe7\xc2\x7f\x02|56\x89\xe1\x8b9\xa6\x8f&gt;d\x00\xe3\xbe}\xeb\xd0\xed\xfc?g\xa1\xe91\x89S\xcb\x8e5\x11\xc7\x1d\xbcyy[\xfb\x88\xbd\xd8\xfe\x9dk\xe1q\x8e\xae*N\xc7\xeaYm:\x18H\xae\xf65&lt;\x11\xa6\xb5\xed\xebC\x01\xdc\xfb\xb0|\xbf\x94}3R\xf8/\xc0\xdf\xb5&gt;\xbeU|\x1f\xe0\xab\x1b\x15\xb8\xfd\xed\xb2\xdc\xc8\x1c\xdbE\xfc;\xbafBy\xc6p+\xcc\x96[)i\xcd\x15\xf3=\x88\xe6\xbe\xcf_g7\xe8\xb7\xf9\xb3\xd9&lt;\x17\xe0\xbb\xe6\x85A\x8f\xe6f\x01\x95_\x95\x1e\x95\xe7\xf1\xea_\xb6w\xc2\xd6\x8d\'\xd3\xd6\xea\xf1\x94\xc9$/\xa4nYq\xd82\x9c)\x1e\xfd{V_\xd8u%\xb5X\x9aK\x88\xb9u\xfa\xbc\xed\xf2&gt;\x82\xd1\xbc5\xabi\xe5\x128Uc\xdd\x8d\xec\x08\xcdj~\xcb\xbf\x17\xfcU\xf1;\xe1\xa4\xd7\xbf\x16&lt;\x0f\x1e\x97\xab\xc1;D\x91"\x9d\xb2\xa7\xf0\xc9\x86\x00\xa9\xc7Q\\\xd5\xb2\x9fa+Nj\xfeGE\x1c\xfe\x9e\'jM?4E6\x89\xa8_\xc6mZ\xd4\x86\x91HF^\x98\xff\x00\n\xf4\xb8\xe5\xd2\xf4\xe7\xcc\x89\x1e\xd6\x8f\xf7\x8c\xcb\xf3\x1c\x7fw\xd2\xb9&gt;\xa3\nv\xe6\x91\xdd,\xc1\xa8s(\x9e\x0b\xae|\x1b\xfe\xd1\x8f\xcc\x96\xf1\xa0Fn\x07\'\'\xd2\xbc\xfb\xf6\xa3\xf8\x8f\xfbfx\xd7\xc63x/\xe0\x1f\x86\xe5\xb1\xd3\xdb\xf7v\xf7\xc2\xd5p\x17&lt;\xbb;\x1e\xbe\x98\x15\xe8a\xf2IV\x8f2\xa9\x18\xaf6y5\xf8\x9aT\xfd\xcaxy\xcf\xd2\xd6(x\xe3\xe1Z\xe8\xf7\xd2E\x15\xdf\x97!8\xcc\x83\x03\xe9T&lt;5\xfb\n~\xd3~!X5\x1f\x8b_\x1f\x99\xa3X\xc7\xda\xac\xedP\xb4\xb3g\xae\x1b\xa2\x9a\xe8\x8e[\x87\xa3\xbe"?$\xd9\xcd,\xd30\xac\xbf\xdd\xad\xeb%\xfa\x1c\xee\xaf\xe10\xf1&lt;\x1eR\xf9\x8a0\xc9\x9e\x1f\xdc{V\xfe\xad\xf03\xe2\'\xc2{Yc\xd35\t\xbcE\xa6\xdb\xb6^;\xc1\x8b\xd8#\xcf,\xa4p\xd8\x1c\xe3\xbe+jT\xe8\xc6K\x96i\xdb\xe4sU\xa9\x88\x94o:oN\xda\x9f\x1e\xf8\xcb@\xbc\xf0\x97\xc5\xbf\xf8K.\xa0\x92\x16\xd3uh\xeeU\xfc\xb2Dj\xac\x18\x1e:\xf23\xef^\xff\x00\xfbGx\x0bM\x93\xc3\xf1\xebV\x8e\xb2-\xed\xbb\r\xdb2$m\xbf/\xd3\xdf\xd2\xbe\x9b\x03\x89\x92\xb4\x19\xf1\xb9\xa6\x06\x93\xbdXu?\xac\xdf\x86Z\x83\xea\xdf\r\xbc=\xaaI7\x98\xd7:\x1d\xa4\xad \\o-\n\x9c\xe3\xb6s\\\xe7\xec\xa1}q\xa9\xfe\xcb\x9f\r\xf5\x1b\xb7\r-\xc7\x80\xb4y$e9\xcb\x1b(\x89?\x9d}\xc4_4S?5\x9cyf\xd1\xdf\xd1THQ@\x05\x14\x00Q@\x05\x14\x00Q@\x05\x14\x00W\x07\xfbH\xfe\xd1\x9f\r\xff\x00e\x8f\x857\xdf\x17\xfe)\\\xdd.\x9bg$q,66\xe6Y\xe7\x95\xce\x164^\xe4\xfd@\x00\x12k\x1a\xd8\x8a8jn\xa5Y(\xc5un\xc8\xe8\xc2\xe11X\xea\xca\x8e\x1e\x0er{$\xae\xcf\xc6o\xf8:\x87\xc2z\xa5\x87\xed\xd5\xf0G\xe2$\xcb\x07\xd8o&lt;\rs\xa7\xc3\xf3\x1f1\xa5\x8a\xfc\xbb\xae=6\xdcG\x8f|\xd5\xcf\xf8-\xff\x00\xed\x81\xfb6\xfe\xde\x9e1\xfd\x9f\xff\x00\xe1Oj\xda\x94\x97\xda\x1e\xa5\xac\xcd\xaf\xd9\xeaZ[\xdb\xc9e\x03\xc7jU_p\xc1b\xf1q\xb4\x91\x80}Exy\x86/\x05\x8a\x8ceJ\xa2\x96\x9d\x1ag\xd5e9va\x81\xa9%\x88\xa3(4\xd7\xc5\x16\x97\xe2|\x85\xf0\xe7\xe1\xecG^&gt;\'\xd5\xf6\x9f.\x1f.\xcd\x18\x0cC\xbb\x97\xfa\x13\xeb\xe9V.d\xd4\xaf\xa7\xb8\xd1t\xf7\x92\x05\xb9\x99\xb6\xc8\x17\x9ex\x1f\xa5~w\x98b\xeaNN\x9cv_\x7f\xde~\xaf\x95\xe0\xff\x00w\xed6o{\x94\xfc\x7f\xfbrx\x1b\xe0\xac\xba\xa7\x85\xfe\x1fx6\xeb\xc4Z\x96\x8dl\xb3\xea\x11\xda[\xbc\x89\x12\x93\xc1vPDk\xd7\xe6b\x01\xc7\x14xk\xe0\x01\xf0^\x9d\xadi:!k{\x7f\x13@b\xd7\xd6(D\xbfnC\xdaL\xf2q\xdb\xd2\xb4\xc1\xd6\xca\xd4Tk\xc2R\x97~\x9f\x86\xa5cr\xfc\xe6\xa5\xfe\xafV\ty\xa7\x7f\xeb\xe4h~\xce\xff\x00\xb6g\xc7\x0f\xdaCL\xd5\xfcM\xe1\x7f\x83M&amp;\x8f\xa0\xc1\xf6\xadRhpZ\x0brp\x1c\xa8%\x88\xcf\x04\x81\xc5\\\xf0\x0f\xc2\xed\x03\xe0\x8f\x84o#\xf0\x94\xba\xb6\x8fkx\xb1\x8dk\xc9\xbahV\xf1S\xee\xc6B\xfc\xcd\x93\xdb\xa1\xef]\x95\xa5\x94J\x9bq\x84\xa2\xfaY\xe8\xbdny\x18&lt;\x0f\x10\xd3\xae\xbd\xbdH\xb8\xf5M6\xdf\xa5\xacu\xba\xbf\xed\x11\xa1Gsgsh\xdeP\xba\xb7\xfd\xf4|\x1f-\xbf\xbb\x9e\xf5\xe4V:d^(\xf1\x85\xcf\x885\x1d94\xdd6\xd6L[\xe9\xb0\xf3\xf9\xe7\xb9\xea}\xeb\xe7kr\xce\xf2O\xd2\xc7\xd7a0\xb2\x95M\x9a\xf2{\x9e\xf3\xe2\x9f\x8d6V\x9a\x15\xa6\xa0\x8b\x83\xe4\xe0\x9c\xe7\x06\xb9+\xbb\r&amp;\xf3\xc3\x06[\xcd5\xc4\x12DUN\xdc\xed\\W,\xa2\xef\xef;\x9e\x95l\x17\xee]\xf45,&gt;$\xf8\xc7\xc5\xb2\xd8xS\xe1\xfd\x84w\x9a\x96\xa5\x93\x1a\xf9\x8a\xb8\x1e\xa78\n\xbe\xe6\xb8\x8f\x87P\xd9Ay?\x85\xf5]\x8b\x1e\xf5k\x1dKo\xcc\xab\xd9K\x03\x91\x8a\xf4p\xbfV\x8b\xfd\xe6\xab\xb5\xecxn\x8dK8\xa5g\xdd\xea\xbf\rN\x07O\xfd\xb6\xff\x00jmW\xe2L?\t4/\x04Ay\xacC\xac\\X\\i\xb1_F\xb2;\xa1`\x8b\xf3\x00\x14\x1cgq=+\xdaS\xf6~\xf0\xa8\xd6\xff\x00\xe1 \xfb\x0cv\xfa\x89\x0c[P\xb7\x93\x12K\xbb\xa9\xdd\xd7\x91\xef^\xcb\xc6\xe51\xa1o\xab7\xf3k\xf1&lt;\x1f\xec\\\xde\xa5K\xfdm%}\xb9No\xe0\xd7\xedH~)x\x86\xf7\xc0\x1f\x12\xfc\'q\xa2x\x8fL\x9b\xca\xbc\xb5\x9e\x10\xaa$\x1dF\xe0J\xb8\x1d7) \xd7A\xa8|$\xd2\xf4c\xf6\x8d,\xc5\xe6,gn\x17\x91\xf8\xd7\x87\x88\xc4Q\xac\xff\x00s\x0e_\x9d\xfe\xe3\xda\xc3\xe0\xabP\x87\xef*\xb9\xbfO\xf28O\xdaw\xc1\xf6\x90x\x11nt\x9bX\xfc\xb8uF\xf3J\xb6\x02+\x82s\xf9\xd7O\xe2\x9d\x06\xe7\xc4\x9f\x0b\xb5\xcd\x16\xf1?\xd2\x12\xcf\xce\x8d[\xbc\x89\xc8\xfd+\xdc\xc9\xf12\x94yg\xd0\xf9\x8c\xeb\x0b\xcbQr\xbbs~g\xf4S\xfb0\xdc\xad\xef\xec\xd9\xf0\xf6\xf1la\xb5\x12\xf8#Jqom\x9f.,\xd9\xc4v\xaey\xda:\x0fj\xfc\xe4\xff\x00\x82}\x7f\xc1E\xbfn?\x8a\xbf\x10\xfe\x12\xfc#\xd6W\xc2\xf0h\x8d\xa7\xd9\xe9\xf7\x9ae\xae\x98\xc6k\x9bX\xa1\n\xd72JX\x94}\xaa\x0e\x14\x05\xcf\xaex\xfbl\'\x12e\xb8\x8a\xd4\xf0\xf0\xe6rz|:_\xcc\xf8\x1cg\x06\xe7\x18|\x1dLmNU\x08\xebne{y/\xf8\'\xea\xa5\x15\xf4G\xc8\x05\x14\x00Q@\x05\x14\x00Q@\x05\x14\x00Q@\x1f8\xff\x00\xc1U\xec\xf4\xbb\x8f\xd8\xd3^\xb9\xd5-\x16_\xb3\xdd[\xbc9\x1fu\xf7\xe0\x1f\xd6\xbd\x1b\xf6\xbc\xf82\xbf\x1f\xff\x00g\x1f\x16|-\x8b\xe5\xba\xd44\xa9\x1bM\x93\x9f\x92\xe9&gt;x\x8f\xfd\xf4\xa0~5\xe4g\x98Z\xd8\xcc\xb6t\xe9/{u\xf2&gt;\x8f\x84\xf3\x1a9^yJ\xbdgh\xea\x9b\xf5\xd3_.\xe7\xf3\xef\xe2\xcd\x06Xm\xf4?\x12\xeb\x16\x8c\xd2y\xc5#\xbbh\xf8m\xe3\x94\xcf\xa8\xe2\xba\xcf\x8e\xbe5\xd0\xf5O\x85i\xe0{\r:K=S\xc3\xd7\xcb\xfd\xa7o(\xda\xec\xd1\xb0\x04\xe3\xeb\x9c\xe2\xbf3\xca\xe9\xaax\x8fy\xea\xf4\xb5\x8f\xd9\xf3\xea\x9e\xd7\x0f\xfb\xb5\xee\xe8\xef\xba\xd4\xe1|-\xa7\x0b\xbdjE\x1fy\xa6`\x91\xfas\xda\x8f\x0f\xce\xab\xae\xc9\xa8$\xdf.\xf5p\xca\x7f\x84\xf5\xaf?1\xa7R\x9di4\xcfO(\x9d&lt;F\x16)h\xed\xf7\x9e\x93o\xa2\xdd\xdbG\xb7O\x92?3\x1cn\\\xe7\xeakO\xc0\xff\x00a\xbe\x966\xbd\xf9U\x97\x85\xfc{\xd7\x9e\xab9i\xcc{\x13\xa7F1\xbc\xb5\x16\xeb\xe1\xad\xc6\xa5\xa3I\xacj\xf2}\xa1\xe3\x8f\x7f\x97/\xdc\x8f\x03\xa8\x15\xbb\xe3\x1f\x1bi\x1av\x91q\xa3^^\xa2\xac\xb1\xb4e\x87\\\x11]v\xa3\xca\xa3&amp;rs\xda_\xbbK\xf5&gt;w\xf8y\xe0-o\xc4\xfa\xdc\xa5l\x1d\xa1\x92\xf5\xe5i\x1b\xa3.x?J\xf4O\x0e|E\xbc\x8e\x1f\xf8G4\xf4\x86\xceEa\n^\xc6\xa8\xd1\xb2\x8e\xe7\xbe}\xabnZ\\\xb6\xba\xf54X\x9at_4S\xf9\xed\xf2=\x08\xfc\x10\xd7#\xf0r^\xc9c\x03[\xc9\xf2\xaa\x97\x07&lt;v\x1d\xaa\xc4~"\xf1}\xb5\x94\x91]k\x9a\x7f\xd9R\xdf\x9b\xc8X\x92\xdcv_Z\xdaP\xc3\xa8\'m{\x9c\x9f\xda\x15%Q\xde\xd6}:\x9e3a\xf0\xf7V\xf0g\x8f\xed\xe7\xd4\xf4\xff\x00\xf8\x96\xdc\xcf\xf6y$)\x95\x8c\xb1\xf9I\xf5\x19\xe2\xba\x06\xf8\x89\xabk\xd2\xb6\x85\xad\xde\xc4\xdazL\xae\xd2\xbb\xaf\x99(V\xc8\n\x00\xf9G\xd6\xb1\xa9F\x94\xa1\xab^C\xa7Y:\x9e\xe4u\xf5;mc\xc11h\x91\xa8kuQ\xc7\xee\xe3bU\xbe\x95z\xe3\xc6:M\xf6\x9b\r\xf0\x98m\xe9\xf7\xb2R\xbc\xea\x92\xe5\x89\xd9F\xa73jh\xe7uO\x0fi\xedf\xce\xea\xd1\xed_\x95\x99\xbeV\xf6\xab\x9a\xfc\xd0Mh\xa22\xb2*\xca\x18c\xb79\x1f\x85s:\x8fD\x99\xadIG\x95\xd9}\xe7\x9fj\xf0\xbcz~\xa9,\x8a\xaa#\xb3e\xda?\x8d\x88 \n\x8b\xc6\xda\x84\xfaR=\xb8\x88\xddO%\xe4Aa\x87\x96\x9f\xe7\xce\xc5\x1d\xc9\xe8\x05}.W\x17N\x84\xe4|Vo\xcb[\x11N1Z\xb6}\x85\xff\x00\x04\xaf\xf0\xde\xa1\xe0\xcf\xda\xa3\xe1\xa9\x8d\x16\xec\xeaZ,\xebq#\x7f\xcb\x10-\xcb\x10&gt;\x98\xc5u_\xf0Fo\t|@\xf1W\xed%\xff\x00\t\x1f\x8b|?\xf6\x1b?\r\xf8~\xe2{{y\x9b2F\xd7\x04 \x07\xd0\x8c\xb7\x15\xeb\xf0\xce\x1e\xac\xb3\xa58&amp;\xa2\x93m\xf4\xbb\xe8y\\i\x88\xa5C\x87\x1d*\x8ds\xcaI$\x9e\xbaj\xd9\xfa\xa1E~\xa0~(\x14P\x01E\x00\x14P\x01E\x00\x14P\x01E\x00\x14P\x07\xe2\x97\xfc\x14\xeb\xe0\xa7\x80\xbc\x0f\xf1\xfb\xc6^\x1d\xb6\xf0\xbbI\x7f%\xe4\x97:X\xb7S\xbc}\xa1\x04\xbb\x8f\xb1,G\xe1_\xad?\x16\x7fd\xff\x00\xd9\xf7\xe3\x87\x88\xad|]\xf13\xe1\xb5\x9e\xa3\xa9Z\xa0\x8d/w&lt;r&lt;c\xa29B7\xa8\xc9\xc0l\xe35\xf1\xf9\xa7\r\xe21X\xc7Z\x84\xd4Sww\xbf\xcfc\xf4\\\x8f\x8c\xb0X&lt;\xb7\xea\xd8\xc8NMl\xd3Vk\xa5\xee\xd6\xc7\xf3\x83\xa5\xeaWV\x93}\x9d\xc1\x0e\xab\xb5\xd5}G\x18\xaf\xa8\xbf\xe0\xae\xff\x00\xb2\xdf\x86\x7ff\x1f\xdb*\xe7I\xf0\'\x87\xbf\xb3|7\xe2m6\x1d[I\xb5\x87\x88\xe3l\x94\x9a4\xef\xb4:\xe7\x1f\xedW\xcb\xe7\xf8,F\x0e\xa2\x8dMS\xb6\xbd\x0f\xb9\xe1|\xc3\r\x98a]J-\xe8\xdd\xd3\xddyhx\xdf\x87|e\xa9\xe9zc\xeb-"\xb1\xf3\x92\xce\xd6-\xddd#?\x90\x1c\x9f\xa5\x1e\x0c\xb0\xd3&lt;Ca6\x8b9_:\xd6\xe9o\xed\x14\x8e\xa4)W\x07\xd7\x83_\x1f,&lt;c\xa9\xf6\x12\xad.T\x99\xc9\xfcA\xf1\xa7\x895MI\xec\xec-&amp;\xba~6\xf9i\xc3\xff\x00\xb5\xbb\xd2\xaa\xfcM\xf8a\xadxs_\xb7\xf1&amp;\x99\xa8k\x17\x9aL\x01\xdfR\xf0\xf5\x9d\xd8I.U\xb9\r\x0c\xa7\xee2\x9f\xe1\'\x04W\xa1\x83\xc3\xe1\xf1\x16^\xd1E\xf9\xdf\xf4L\xe7\x94\xabG^G/(\xf2\xdf\xff\x00&amp;\x922t=\'S\xd3u\xff\x00\xed\x1d{\xc4\x16v\r\xb8n\xb6i7\x15\x18\xeb\xc1\xe9^\x9d\xf0\xef\xe37\xec/j\x92\xd8x\x93\xe0\x16\xb4\xd6\xe2\xde\xd5"\xbb\x96\xdd\xee/&amp;\xb8S\xfb\xf6\x97$\xe0g\xb0\xe0\x8e\x95\xe9,\xb6\x9c\xa5gY5\xe5{\x1d\x14\xebI{\xd2\xcb\xeb\xb5\xb5\xf9W\xe4\x9b\xb5\xfdL\xf4\xd7\xf5K\xad%b_\x1eX\xb5\xab\xab\x04\x96\x1bv\x04\xfeg\x8a\xf7/\x0f\xfcV\xff\x00\x82]xy\xdf\xc5\x96?\x07\xf5\x19\xad\xd6\x12!\xb3\x93O\x95\x91\x1c7,\xb0\x13\x90\xc7\xd3\x15\xd5\x1c\x92\x8c\xe9\xddTZy\x9c\x9f\xda\xb8:~\xec2\xccC\x9fof\xd7\xe3{\x1f1\xb6\x85v\xb7\x7fk\xd3&gt;![K\'x\xa7]\xbb\xbf\xd9\xe2\xbd#\xc7\x7f\xb4\xc7\xec\xeb\xae\xe9\xdf\xd8\xfa7\xec~\xcfm\x1d\x9d\xcc\x0cnvC4\xb2\xb3f)\x91\x81\xdc\x9cps\xc8\xe9\\\xff\x00\xd9XW\x1b*\xff\x00z\xd0\xeb\xc4}q-r\xda\xb1\xf9\xc5?\xb9\xc9/\xc4\xc1\xf0\xbf\x88&lt;M\xa2\xdaGi\xaaZ&lt;\x8b;\xec\x8d\xa3`\xcb\xbb\xb7\xd6\xa8\xfc\t\xf8ksa\xf6\xef\x1ax\x82\x1b\xa8R\xfa\xfb\xce\xd2\xf4Y\xaf\x0c\xa9\xa6E\xc6\x06O\xdfn:\xd7\x8b\x8a\xa3\x85\xa3\'\x08\xcdO\xd3\xfe\t\xca\x95Jvm8\xb7\xd1\xb8\xb6\xbdy\\\x95\xfegt\x9e$\xbb\xba\xd2\xadncY!\xf3s\xba7^c\xc7\x04~uW\xc4\xba\x84\x02\xfd\xadm\x88\n\xa1\x9aFU\xf5\xe7\xf5\xae\x1a8~y]#iV\xf7,\xc8\xfe\x1e\xfc+\xf8\x91\xf1\xaf\xe2\xd6\x8b\xe1\xaf\x86:\x06\xa3\xa8jp\xea\x0bt\xabgj\xd2\xb4K\x18$\xbb\x05\x07\x03\xb6O\x195\xfa1\xff\x00\x06\xfe|-x\xbc9\xe3\xdf\x8d\xf7\xb6\x92)\xbe\xbd\xb7\xd2lee\x1bY#S$\x9b{\xf0\xce\xa0\xfd+\xf4L\x97#Y\x8e\x1aJm\xc6;]ug\xe7&lt;I\xc4K%\xc5AS\x82\x9c\xdfG{%\xf2\xd7S\xe8o\xf8&amp;g\xc0_\x8a?\x07~\x17j\xda\xe7\xc6M*;=k^\xd4\x12D\xb6e\x1elv\xe8\x98R\xfe\x85\x89\'ol\x0c\xd7\xd2\xd5\xf6\xd9^W\x87\xca\xa8{:M\xbb\xee\xde\xe7\xe6y\xc6u\x89\xce\xb1\n\xadX\xa8\xd9Y(\xab$\x14W\xa4x\xe1E\x00\x14P\x01E\x00\x14P\x01E\x00\x14P\x01E\x00\x14P\x07\xe7\x8f\xfc\x1cG\xf0\xcfN\xd6?g\xdf\x07|W\x82\x08\xd7R\xd0|L\xd6\xb1\xcb\xb3\xe7\x92\x19\xe2$\xc7\xbb\xd3t`\xe0\xf7\xfa\xd7S\xff\x00\x07\x08j\x0b\xa7~\xc0\x8b \x91VI&lt;m\xa6\xc7\x1e\xee\xa4\x91)\xc0\xf7\xe2\xbes\x8a#O\xfb7\x9ekf\xbf\x13\xec\xf8\x1e\xb6"9\xc7\xb3\xa4\xfe(\xbb\xfc\x8f\xc7\x9d\x0f^Kw\xb7\xd64\xc3"\xbcM\x96U\xfe%\xee\rq\x7f\xf0\x97\x9d\x00,\xf3\x8d\xb0\xcd\xc4\x8e\x07C\xeb_\x97\xce\x9d9kM\xdc\xfd\xc6\x11\xa9R&gt;\xfa\xd4\xf795M?V\xd3\xc5\xf5\xbc\xbb\xa1\x97\r\x1a\x93\x9d\xa6\xbc\xaf\xc2\xfe&lt;\x8a\x19\x96+{\x85\xf2\x1b\'i\x93\xf8\xab\x8aT\xe5\x19]\x11)5$\x99\xe9\x96\x9f\x08\xbc;\xad\xdc\xc7\xafi\xf0$7\x9b\xb2\xe1~\xe4\x9e\xa7\xd8\xfb\xd6\xb7\x83\xfcym\xe1\xfb\x05\xb9m1\xaec\x91T|\xbf\xc2\xc7\xbf\xd2\xb4\xa3\x89\xf6_\x13\xb1\xe8\xe1\xf1\xd9\xb5\x1dhI\xfe\x7f\x99\xd2i\x9e\n\xb4\xb5\x9b\xedK\xe1k\x19\'1\x80\xabu\x02\xec\x04\x0f\xbd\x80y4i\xd2\xdc\xeb\x97m\xae2\xcd\x1b\xb2\xe1c\xdcv\x95\xf5\x1d\x85z\x14\xf1\xd5e\x1d\x1f\xe0k,fq/\x8aiy\x7fL\xc7o\x83\xfa&amp;\x9f{&amp;\xaf\xab\x88\xee%\xdd\xe6,[F\xd0}j\xf7\x88\xb5\xfdQ\xe0]\x1b\xec1\xabc&amp;\xe0\xb7Q\xe8\xd5\xe7\xd6\xc6sK\x957s\x0cF#4\xad\x15\n\xb3v\xf2\xd0\xe7n\xef\xccZ\x8b%\xbe\xdf.&lt;\x96e\xe3\x9a\xc7\xd4u\x08,\x8b\x06m\xaad\xc8]\xdf\xe7\x8a\x9a4\x1dOy\x9eMj\xaa:\x10]\x89\x9c\xdd^I&amp;\x0c\xcd\xfb\xb1\xe8\xb5\x91\xacx\xbe\xda\xea)\xa3\xd3\x9f\xe4\x8d\x08W_\xbb\xd3\x93]\xd1\x8d\x1aQ\xb4\x99\x8d\xabMZ(\xfd\xf0\xff\x00\x82v\xfc \xd3\xbe\t~\xc6\xfe\x07\xf0\x85\x90\x89\xa6\xb8\xd1\xd3Q\xbe\xb8\x88q&lt;\xf7\x1f\xbd/\xf5\xc3(\xfa(\xae\xb3\xf6M\xdd\xff\x00\x0c\xb3\xf0\xd4\xb1\xeb\xe0\x1d\x1c\xff\x00\xe4\x94U\xfb&amp;]N\x9d,\r8\xc1YY?\xbd\\\xfe}\xcd\xeb\xd6\xc4fugU\xdd\xf35\xf7;\x1e\x81Ev\x1ehQ@\x05\x14\x00Q@\x05\x14\x00Q@\x05\x14\x00Q@\x05\x14\x00W\xcc?\xf0R\xdf\xf8*\xe7\xec\xdb\xff\x00\x04\xc9\xf8j&lt;Q\xf1N\xe6mo\xc4\xb7\xcb\xff\x00\x12\x0f\x04\xe8\xf3\'\xdb\xaf\xdb\xa0f\xdd\xc41g\x00\xc8\xc3\xd9C\x1e+\n\xd8\xac=\x06\x95I$\xde\xcb\xab\xf4[\x9e\xa6_\x92\xe6\xd9\xa4\'&lt;%\tN0\xf8\xa4\x97\xbb\x1fYl\xbel\xf2\xdf\xf88\xad\x01\xff\x00\x82z\xad\xc7\x96\x19\xa2\xf1\xde\x96\xca\xdf\xdd8\x9b\x9a\xfc\xd4\xff\x00\x82\x82\xff\x00\xc1v|a\xff\x00\x05%\xf8\x05c\xf0j\x7f\xd9\xd6\xd7\xe1\xfd\xad\xbe\xb9\x0e\xa5\x7f\x19\xf19\xd4\xe6\x9d\xa3W\x11\xa6\xef\xb3\xc2\xb1\x81\xbc\xb1\x1f1\'\x03#\x07?)\xc4\xd9\x86\x0f\x11\x96J\x94%wu\xf8z\x9fo\xc1\x99\x1ee\x80\xce\xd5j\xf0\xb4R}S\xdf\xd1\xb3\xe7f\xd2\xa3\xf1.\x84mZ=\xdf\xbb\xcfNE;\xe1\xed\xe3\x1b(c\x96s\xc6\x06\xf3\xc7\xe1\xef_\x92\xd4\xa9*sN;\x1f\xb7\xd3Ptn\xb78\x91\xa6x\x8b\xc3\xba\x8f\xfa*&gt;\xd4c\xbe=\xdf\xf8\xf0\xaf@\xf1&amp;\x9e\xcbz\x97\xa6\xdfdm\xd7j\xf5\xad\xa3\x8aa\xec\xa1Qlm|\x1e\xf8\xdf\x1e\x91w\x15\xaf\x8a,\xcbB\x98\xdb3t+\xeaEX\xf0\x8f\x82t]v(\xd2\xfa\xc1Y\x8f9^\xc3\xda\x94\xb1\x14^\xc9\xaf\x99*\x8cb\xf4g\xb4\xc1\xf1\x9b\xc0\xfa\xbd\xaa\xcb\xa7x\x92\xc3\xc9\x1fz\x1f0)\xc7\xb7\xf8W\r\x07\xec\xd1\xe0V\x1fjk\x1e\xa3\xf8d\xe9\xf8z\xd3\x96%r\xea\xd8\xa5\xec\xefg/\xc3\xfe\tc\xe2\x07\xc7o\x06i\xb6\xf3[\xe8\x8f\x1d\xc5\xc4\xdc)\x8c\xee\xda?\xc6\xb9\x9f\x18\xfc=\xf0\x97\x85\xaddM/OX\xc9\xfe&amp;\x19c\xf8\xd6Q\xadJ.\xf6\xb8rB\xa2\xb5\xdb\xf9\x1c^\xa5\xe2?\x10x\xd3Q\xfb-\xba4H\xcd\x86m\xddW\xd2\xb5&lt;\'j\xc6\xe1\xd2$\xe1\xf8S\xdcU\xcf\x1b(\xe9}\xcc\xa3\x87\xa7OU\x1f\xbc\x8f_E\xd24H\xf4\xf8\xbeU+\x86\xc7\xebRx\xe6\xd64\x89\xad\x9d\xf7/\xf3\xa2\x8dK\xd4M\xf73\xadO\x9a\x0f\xa6\x87\xf4\x9d\xfb5\xdai\xfa\x7f\xec\xe7\xe0\x0b\r&amp;_2\xd6\x1f\x04\xe9Q\xda\xc9\xbb;\xa3\x16q\x059\xef\xc6+\xf1\xcb\xf6Y\xff\x00\x83\xae&lt;1\xf0\xa3\xc4\x1e\x10\xfd\x92\xfe7~\xc7\xf7vZo\x87\xedl\xb4\x13\xe2\xcd\x17\xc5Bg\x96\xde\x18\x92\x15\xbb\x16\x92[\xa8\xc6\xd5\x0c\xca&amp;$`\xe3&lt;\n\xfd\xd3\x0b\x98`\xe3\x83\xa7)J\xca\xcb\xbd\x96\x9d\xf6G\xf3\xed^\x14\xcf\xb1\x99\x85Ha\xe8\xb9\xc9\xcaVI\xc7\x9a]n\xa3~g\xa7d\xcf\xdc:\xa7\xe1\xff\x00\x10h\x9e+\xd0\xed&lt;I\xe1\xbdR\x0b\xeb\x0b\xebt\x9e\xce\xee\xda@\xf1\xcb\x1b\x0c\xab\x028 \x83^\x9a\x92\x92\xba&gt;V\xa59\xd3\x9b\x84\xd3Mh\xd3\xd1\xa7\xe6\\\xa2\x99!E\x00\x14P\x01E\x00\x15\x97\xe3?\x1cx7\xe1\xcf\x86\xee\xbca\xe3\xff\x00\x15i\xfa.\x93e\x19\x92\xefQ\xd5/\x12\x08bP3\x92\xee@\x152\x94a\x1b\xc9\xd9\x1a\xd1\xa1_\x13QS\xa3\x17)=\x92M\xb7\xe8\x96\xa6\xa5~c\xfe\xda\x7f\xf0r\xef\xec\xd7\xf0\x86K\x8f\x08~\xcb\x1a7\xfc\'\xda\xbce\xa3:\xc4\xdb\xe2\xd3\xe3n\x99@\x07\x997\xafE_z\xf1\xf1&lt;C\x93\xe1t\x95T\xdfh\xde_\x95\xd1\xfa&amp;K\xe1\x17\x88y\xe2R\xa3\x81\x94"\xfa\xd4q\xa4\xbe\xe9\xb8\xc9\xfc\x93?D&gt;0\xfci\xf8Y\xf0\x07\xc0W\xbf\x13~1\xf8\xe7O\xf0\xfe\x87\xa7\xc7\xba\xe2\xfbP\x98*\x93\xd9\x10}\xe9\x1c\xf4\x08\xa0\xb1&lt;\x00k\xf9\x93\xfd\xa9\x7fo/\xdb3\xf6\xf0\xf1\xdax\xd3\xe26\xb3q\xe5\xdb\x96\x1am\xac\xc3\xcb\xb5\xb0S\xd4C\x0f\xdcL\xf7c\x97=\xdb\xb5|\xbe?\x8fh\xd3Ma\xa9\xab\xf7\x9c\x92_rm\xfeG\xee&lt;+\xf4U\xcc\xf1\x92\x8dL\xeb\x16\xd4z\xc2\x859N_\xf82\xa2\x84\x17\xc9M\x1f\xa1\x1f\xb6\x87\xfc\x1c\xf8\xb2\xbd\xe7\x82\x7fbO\x86\xec\xb1\x9d\xf1/\x8c\xbcS\x0e$\xcfM\xf0\xdav\xf62\x92}PW\xe4\x1d\xc6\x99\xa8i\xf7s[kGu\xe2\xca\xc6\xe1\xbd[\xd4{\x1a\xf9\xdcG\x16f\xf8\xb8\xde5l\x9f\xf2\xd9/\x93\xdf\xf1?f\xc9|\x00\xf0\xef&amp;k\xda`\xddI\xae\xb5\x9b\x93~\xb1MC\xff\x00%\xb1\xa7\xf1k\xe2\x7f\xc4O\xda#\xe2\x9c\xbf\x16&gt;1\xf8\xb2\xf3^\xd6\xaf\xa7\x96k\xbb\xedBS#\xbc\xb8\xf9z\xf4\n3\x85\x18\n:\x01X\xcdo*\x9f\x91\x7fy\x9d\xd1\xf3\xdcv\xfck\xca\x8e6\xb74\x9b\x93n[\xb6\xee\xfe\xfd\xcfc\x8e8\n\x19\xa7\x0eG\r\x96\xc20t_4i\xc5(\xc6^I%\xca\x9fm\n\xd6\x17(5\x93n\xab\x8eC1\xfe\xf0\xcd]\xd1\xac#\xbc\xd5[VT\xc8b\xa8q\xd9\xbb\x8f\xc2\xb7\xad\x88\x8f\xb1K\xef?\x9ba\x96\xd4\xc2\xe3\'\t\xa7\x19\'\xaa{\xabtk\x7f\x99\xec_\x0c-?\xb4$\x8c\xa3nVa\xc3v\x1e\x9e\xd5\xa1\xf0\xa6\xd1\xedv4\x99\xda\x8b\xf2\xed c\xdf\xde\xbc:\xdc\xb2w=E\xfb\xb8\xf7=\x1a\xff\x00\xc1Qk\x1aD\x88\x90\xb32\x7f\x16\xce\x05u\xde\x056\x9a\x95\xb4\x96w\x12}\xf5\xca\x95\xefX\xd93\x9e8\x8a\x94v\xear\xff\x00\x0f\xb4\x19\xa1\x8f\xec\x8f\x17\x01\xb3\xc7^+\xaa:\x15\xce\x89\xa8I\xe4B\xcc\xad&amp;\xe8\xd9{}(WR\xd8\xd2\xa5x\xd4W.5\xa5\xe0\xb7e\x82v_\x97-\xcdm\xd9\xc8d\xb5/(\xf9\xb1\x96\xf9\x7f\x9d\x12\\\xc6q\xa9\xcay\x87\x8c\xb4\x9b\xc7]\x8e\xc1\xbb378\xcdu\xfa\xc6\x8e\xda\x95\xe0\xb8\x965X\xf7ne\xdb\xc9?J\xcf\x95\xf46\xa7\x88\xe5\xdc\xe2|?\xe1x\xf4\x8b5\x9d\xa2,\xec\xbfx\x8e\x83\xfck\xa7\xd7\xee\xadm\xa0\x10nU\xda\x08c\x8f\xe9BL\xcau\xb9\x9e\xe7\x8e\xfcE\x9apf1;(\x8c\x93\xb7\x8ejo\x89\xd0#\xda\xc9t\xcc\x166\x04\xff\x00\xbd\xef[R\xbcj+\x1a\xda2\xa7n\xbe\xbf\xd3~\x88\xf9\xab^\xf0\xed\x8e\xa3\xe2\x98u\xcb\x95W\x92\x15\x92_3\xf8\xb71\xc63\xe9S\x80\xad{q\xe4\xb9aq9uf?us\xc0\x1f\xce\xbd\xca\xb8\xaa\x9e\xcf\x91KG\xb9\xfb\'\x85\xfc\x11\x1c\x0c^m\x8d\xa5j\xb3\xfe\x1akX\xc5\xfd\xabto\xa2z\x9fJ~\xc5\x1f\xf0T\x7f\xda\xc7\xf6\x17\xd7\xed/&gt;\x16\xf8\xf6\xe6\xfb\xc3p\xc8&gt;\xdd\xe0\xcdjw\x9fO\xbaOERs\x0bc\xa3FF=\x0fJ\xf9\xe5m\xae\xef\x1a=&gt;\xcf\xe6\x96C\xb2?f\xf5\xac\xf0\xb9\x963\x02\xf9\xa9UqK\xcfO\x9a\xd8\xfd+:\xe0~\x19\xe2Zn\x96a\x81\xa7Y\xcb\xbc\x13\x9f\xcaJ\xd2O\xd1\xa3\xfaF\xfd\x85\xff\x00\xe0\xb4_\xb2\x8f\xed\x8fg\xa7\xf8_\xc4\x1a\xb2\xfc&gt;\xf1\xd5\xd4*\x7f\xe1\x14\xf1=\xca\xc6\xb7LG\xfc\xba\\\x1cGp=\x17\xe5\x93\xfd\x8e\xf5\xfc\xed\xdb\xaf\xc5\xbf\x0f\xe9\xff\x00g\xd64\xfb}r\xc5p\x1a\x19\x146?\xdd#\x90}\xc5{\xd8&gt;=\xcc)\xcb\x96\xb7\xb3\xa8\xbc\x9f,\xbf\x1d\x0f\xc68\x8b\xe8\xab\xc1\xf8\xd8\xf3\xe5\xd3\xc4\xe0\xe5\xdaQU\xa1\xf7\'\xcc\x97\xfd\xbc\xcf\xeb\x8d\x1d]C\xa3\x06S\xc8e\xef_\xcc\xd7\xec\xcd\xff\x00\x05n\xfd\xaf\xff\x00e\xe3\x1e\x97\xf0\xe3\xe3\xc6\xbdcc\x0bc\xfe\x11\x7f\x19\x03\xaai\xdf\xee\xa1\x972D\x07\xa2\xb2\x8fj\xfa*\x1cy\x97\xcb\xf8\xd4g\x1fD\xa4\xbe\xf4\xff\x00C\xf2\x0c\xd3\xe8\xb1\xc5\xd8y?\xa8c\xa8V\xf2\x93\x9d)}\xd2\x8bW\xff\x00\xb7\x8f\xe9\x9a\xbf0\x7fd\x8f\xf89#\xe1g\x8b\x85\xbf\x86\xff\x00k\xef\x87\x92x^\xeaL\x04\xf1G\x86K_i\xb2{\xc9\x18\xfd\xec&gt;\xa7\x86\x15\xeeax\xa3"\xc6|\x15\xd2}\xa5\xee\xbf\xc6\xc7\xe6y\xdf\x82~\'\xe47\x95|\xb6s\x8a\xfbT\xedU\x7f\xe4\x8d\xbf\xbd\x1f\xa7\xd5\xcc\xfc&amp;\xf8\xcf\xf0\x9f\xe3\xbf\x84-\xfc}\xf0o\xe2&amp;\x91\xe2m\x1e\xe9s\x0e\xa1\xa3\xdf$\xc9\xfe\xebm9V\xf5V\x00\x8e\xe2\xbd\xc8T\xa7R&lt;\xd0i\xaf-O\xcc\xf18\\V\x0e\xab\xa5\x88\xa7(In\xa4\x9ak\xe4\xec\xcf\xe6\x87\xf6\x85\xf8\xc5\xfbL\xfe\xd7Z\xe8\xf1\x0f\xedE\xfbDx\x83\xc5\r\xe6\x16\xb7\xd3Vaoco\x92N#\x820#@=\x94\x1fRh\xaf\xe5\xccnw\x9bb5\xabZO\xd4\xff\x00i\xb2~\x05\xe0\xfc\x8e\x92\x86\x03\x03N\x92\xed\x18\xa4\xbe}\xfeg\x1b\xa6\xf8g\xc3\xbe\x16\x8f:N\x85n\xb8\xea\xcc\xbb\x9c\xfe&amp;\x8a\xf3=\xb5j\xdf\x1c\x9b\xf5l\xfa\xec.\x07\x07IZ\x14\xe2\xbd\x12_\x91}\xb6\xb6\xd0\x9f.\xe5\xdc\xbct\xa2\xb1f\xd1\xd1\xbfS\x95\xf8\x9b\xe1\x98N\x9c\xbe!\x85\xf6\xcb\x1b\x04\x9c\x7f\xcf@z\x1f\xad\x15\xea\xe55\xaa}g\xd9\xdfKl|\xef\x10\xd1\xa7,?\xb4k\xde]N\x1f%\xdb\xca\x00\r\xbd=\xa8\xaf\xa2&gt;:&gt;\xf6\x8c\xd1\xf0\x9d\xcd\xbd\x8e\xacl\xae#fK\xa6\xd9\x95?vO\xefc\xd0\xf7\xa2\x94\x9bt\xf5?*\xf1[)\xcb\x9eN\xf1\xbe\xc9{X\xb4\x94\x96\x8e\xcf\xa3k\x7f\x9d\xcft\xf0\x06\x99\x14zl3\x8f\xbf\xca\xaf\xb7\xbd\x15\x97*\xd0\xfez\x8c\x9c\xa4\xd3\xecz\x87\x80\xee%\x8e\xf6\x1b\x17\x90\xed=\xf1E.X\x9c\xf2W\x8ag\xa0O\x00\xfbN\x19\xb8A\xc1\xeasEW,L\x1cQ$6\xf6\xae\x9b\x00l\xed\xdc\xc6\x8a\x95\x15\xcdby\x9f%\xca:\x95\xac0[4\xd6\xeb\xcf$\x96\xeah\xa5(\xa8\xbb!\xd3\x94\xa5\xb9\xe6\xbe+\xbeg\xbbX\xd4`7s\xcd\x15\x93\xf7b\xecv\xc5^\x8bg\x87~\xd0\xde;\xbbK\xa5\xf0\x85\x82\xb4j!\xf3.$\xcf\xdf\x04\xfd\xd1\xe9\xefEta\xe2\xb9n~\xb5\xe1&gt;W\x97\xe31x\x8cEzjS\xa7nV\xf5\xb7\x9a[_\xce\xd7&lt;\xb24\x10\xa9\xb8q\xb9\xa4\xe4\xd1[&gt;\xc7\xf4\x14}\xd8\xf3-\xde\xe7[\xf0\xdfH\xb7\x99\xe6\xd5e\x1b\x9a\x12\x125\xf7\xeeh\xaf\x175\xa9&gt;h\xc2\xfa\x1fa\xc2\xf4\xa9\xca\x12\xa8\xd7\xbd{\\\xee\xed\xa5g\x8d\x9c\x00\xab\x1a\xe7j\xd1^\x0c\xbe$}5D\x94\x92*\xde\xdb\xe9\xba\xccJ\xf7\xdaM\xbc\xbec\xecO2&gt;G\xb9\xa2\xb6\x8b\x94\x1d\xe2\xec\x13\xa3E\xca\xcdt2o~\x10\xe9)u\xf6\x9f\r\xeaw:m\xc36\x7ft\xe4\xa7\xe5EkG\x1d\x8c\xe6I\xcd\xb5\xe7\xaf\xe6xu2\xbc\xbeW\x97\xb2I\xf7^\xeb\xfb\xd5\x99SE\xf8\x9d\xf1\xbf\xe0&amp;\xafs?\x83~#jZL\xf7\x8b\xb2\xe2\xeb\xc3\xba\xc5\xc5\x84\x93\xaf\\I\xe4\x95\x0c8\xef\xde\x8a\xfa\x9c\x1dj\xde\xce\xeaMzi\xf9X\xfc\xff\x00&lt;\xcb\xb0\x151\x1c\xb5)Fi\x7f:S\xb7\xa75\xcf\xff\xd9'</t>
        </is>
      </c>
      <c r="M542" s="3" t="n">
        <v>45492.67658564815</v>
      </c>
    </row>
    <row r="543">
      <c r="A543" t="n">
        <v>1485220</v>
      </c>
      <c r="B543" t="n">
        <v>1966</v>
      </c>
      <c r="C543" t="inlineStr">
        <is>
          <t>Gustavo Prado</t>
        </is>
      </c>
      <c r="D543" t="inlineStr">
        <is>
          <t>G. Prado</t>
        </is>
      </c>
      <c r="E543" t="inlineStr">
        <is>
          <t>UNK</t>
        </is>
      </c>
      <c r="F543" t="inlineStr">
        <is>
          <t>UNK</t>
        </is>
      </c>
      <c r="G543" t="inlineStr">
        <is>
          <t>UNK</t>
        </is>
      </c>
      <c r="H543" t="n">
        <v>179</v>
      </c>
      <c r="I543" t="n">
        <v>47</v>
      </c>
      <c r="J543" s="2" t="n">
        <v>38508</v>
      </c>
      <c r="K543" t="inlineStr">
        <is>
          <t>Right</t>
        </is>
      </c>
      <c r="L54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5ed7278-cfce-4369-b4b0-fbe51775bd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?)c\x00\x00\x03\x00PLTE\xfd\xfd\xfd\xe7\x1c\x13\xee\x1d\x15\x1e\x17\x14\xfe\xfe\xfe\xff\xff\xff\xf9\xf9\xf9\xfa\xfa\xfa\xfb\xfb\xfb\xfc\xfc\xfc!\x19\x16\xed\x1c\x13\xf8\xf8\xf8{D/yA-\xd5\xd7\xe2\xd3\xd8\xe8\x8bO6(\x1f\x1bv?+rB/%\x1c\x17\x97T9\x7fM8\xd3\xd3\xdd\x87N5f7(\x92M0s?,\x8eK/\xd4\xd7\xe5~G0\x9bY=m?.\x97X&lt;\xd7\xd9\xe4\x8bL3\x1c\x15\x12wD0\x9c\\?\xd5\xd9\xe8~C0\x86I2\xea\x1e\x14\x8aR9\x94P3\xd6\xd5\xdf\x8bI.\x8fR8\x94R7\xf4\xf4\xf4uA.p@.#\x1c\x19k9\'\x82K3\x92O6c4&amp;\x84L4\x9aV9\x84O9\x92U:\\3&amp;\xa1`D\xd0\xd1\xdc."\x1c\x90J.\xd8\xda\xe6\x98[A#\x16\x11\x9c_D\x8eM3zK:\x89J2\x8eT&lt;~I4{A/n;*\x86F-\x91N3O*\x1eyH4\x8eO6~C,\x81G0\x16\x0f\x0f\x81C,\x1a\x12\x10r&lt;)\x88K5uI9f&gt;0\xa0^@h&lt;,\x84G3\xd1\xd6\xe5\xf0\x1f\x18\x96R5\x8dI+?(!,\x1a\x14\x93YA\x89H.~P&gt;W0%\x81C0\xa1cFvN@\xd7\xd5\xda\x84TAw;$d:*2&amp;!\xd1\xd4\xe1wSFa&lt;/pF5\x89G*U-!\xa4bG2\x1c\x16jA2\xf1\xf1\xf1\xd9\xdc\xe9(\x17\x12\x93U&gt;\xd3\xd2\xd89\x1e\x15F.&amp;_8)\xd9\xb3\xbbU8-uF5\x84G0{@*7"\x1c?#\x19\x13\x0c\x0c\xe9\xe9\xe9\xcd\xcc\xcc\x84\\M\xf390\x8cXC\xd1\xce\xd4\xd6\xdb\xeaq6"\xea\x1a\x11\xed\xed\xedjD7]0 o:$\xf5"\x1a}?$\xa5fJ\x81A\'G(\x1d\xe6JHF$\x18Z+\x1aN1\'g3"\x7fWH\xddjk,$#\x88M?\xdb\x86\x8a\xe0\xdf\xe0\xecA;\xda\xa8\xae\xd8\xc6\xce\xe8%\x1f\x9eZC\xdb\xd6\xde\x86D)5+(\xf70&amp;|fa\xc2\xbf\xc2\xbc\xb9\xbcw[R\xe5\xe3\xe3\xde`a\x93]H\x85C7\xdd{\x7f\xdb\x95\x9a\xe674]C9oK&gt;\xa1\x8c\x89\xb7\xb1\xb5&lt;30\xc8\xc6\xc7fJ@\xe1VTpRHWMK\x9f\x97\x98\x87bV\xdb\xde\xecG:7\x9cT1\x88\x81\x81\xaf\xab\xac\xf1LEyts\xa4\x9f\xa0\xec+&amp;\xdd\xbd\xc5\x8e`R\xb1\\T\xdctw\xd4\x9f\xa3\xd1op\xd3\xbf\xc5\x8e\x8b\x8bMDB\xd0\x92\x94\xd0~\x80\xdfCA\xaf\xa2\xa2\x824-\xda\xcc\xd7\xecda\xecUP\x95\x85\x80\xc8\xc6\xd1\xdf\x9d\xa3\xe7wu\xd3\xaf\xb3\x9ffLlcb\xa7JD\x81nk\xabdE\xa4Z5x1(c][\x8byuf)\x17\x9f\x82}\xde\xe1\xf0\xe4\x8d\x8eeTR\xe8\xd8\xd8\x96wr\x94ph\x90&gt;6\xb2nS\xda"\x1e\xb9qg\xd340\xd4WU\xc6SQ\x9bi[\xc5\xb1\xb1\x06\xfe9\x03\x00\x00 \x00IDATx\xdal\x98[O\x1bI\x16\xc7[\xeaLw\xb5\xd5F\xda\x86\xceh\x12[@\x84\x079\x9a\xc8\x8aq\xef\x8e\xc2&amp;\xc8h\xcce\x93pY\x13\xc8\x92\x8b\x94\xe0\x81a\x86\x80%` \x16\n  \xb6@\xca*"\x8crQH$K&lt;\x81\xa5 \x94\x97]\x05\x1e\x8c\xc4\x82\xcc+|\x82\xf0\xc4\xd3|\x81=\xa7\xaa\xfafs\x04\xee\xb6i\xba\x7f\xfe\x9f\x7f\x9d:U\x82L\x14\x1e2\x04a\xbf\x84\xb07\x84\xb0381\xafR\xe0\x13\xfe\x06\x0f\x02\x04|\xa4H\xe1\xb0J\x84s4\xe8\x01?\xc6?\xe35\xec\xc0\xaf\xe7\xb7\xc1\xa3$\xf3\xc0\xdb\xb3\x9b\xe2\xed\xe0O\x021\x9fHdwH\x0cKv\xfe+\xbb\xdef$\n}\'\xa7\x866\x0f\x0f\x0f&gt;-\r\xadm-\xa6$A`\xb0\x8a\xe2\xba\xd8\x15\x88Gd\xeb\xee\n\xbb\x9a\xe3\xc2+&gt;\x8ekd\x07\xb1P\xac\x8f\x89R\xf2\x00\xf8#\xb0K\xcbk;\xbb\xa7\xc7{\xdb\xdb{{\xf9?O\nG\x87\x9bC\xcb*\x15\x9a\xd0+lu\\\\T\x08\xc7\x83\xdcXxJ$\xd9!\x8bdg\xd3\xf1\xa9\xccs\xc7\xd2A8Uxq\xe9`\xff\xf4x;\x99K&amp;\xa3Q\xfa\x9b\xdb\xde\xcb\x17\x0e\xd6\x97SaUb\x86P\xec\x9c\x9bO\x15hb\x8b\xefM\xf3Ms(\x10x\x95%\x89s\x13\xf3G\xe6_\xd7\x91RB\xf8=Mu\x89\xba\xf5e\xff\xcf\xbd\\T\xd3\x11H\xf7D\x93Q]\x83\x97d\xee\xb8\xb0\x7f\xf4e=\xc5o\xe2PH1\xfd\xa809L\xc1\xf0*\xdb\x8d\xf4JS!\xb9H0\xb7\xdb\x14\x87\xeb\xf1\x125\xbc\xf8i?\x1f\xd5\x80H\x03\x18\xc0\xd2\xe1E\xd3uMG\xdd\x10\xed`=,\x15%_\xe0az\x80YX6\xf3\xc7\xd5Rl\xe7\x15\x91\xb9\xec\xee\x1c\x8cLD\x06\x85B!\x0f\r\x8f\xc8\x0e\xba\xa6\x81d\xf0\xb3}\\\xf8\xb2\xa6*N\xb5\x9cT\xcc[&lt;O\xc4\x92\x92c\x91\x12\xa03\x18)\x96)=\xde,\xf5l7\x0f"iH\x01Z\xc1\x89.\x8a\x1e\x8f(\x06\x02\x1e\xcd@4\xd4\x0c\xc0&gt;-\xcbf\x1a\xcd\xfcXE\xc2\xe1y\xd9\x81\xce\xb0\x1c\xe3\xd49\x1e-\xb1\xac\xa3e\x109\xbcup\x9a3&lt;\x1e\x03\xc4\xa1\x08x`\x8a\xc5\xe07\xc0\x953\xa2\xb9\xdc\xf1\xd1\xb3\x94j\xff\xab\x85\xa4\xb8\x0b\x00\x11\xcc\x043M\xcd\xcc\x94\x16.\x17&amp;\xa1%\x82_\x1c\x1e:\xda\xd6@\x13\x93\x0bN\xc4\x80\xe8\xc1s|#\x06P6d\xf4`*O\xbe,J\xc4U\x19L\xcdY^$\xfb;[\x83A0\xfd\xc2\xb0\xf8\xf0#g\x140\xb3z*$\xb5T\xc8\x8a\x94\n2&amp;\x06z\x02\xc0$\x06b\xb1\x98\x07\xf3\x88\xef\x01(\x80o\xe0\x0c\xdc\x9f?\xdc\x92\\u\xcbL\x04:^*\xca\x85\x13\x8b\x8f\x07\x8e\xe5\xb2=\xfb\xd4\x1a\x86\xf06\xbcs\x92EQ\x90\x0b \x90\x8acA\xe8b\x0fD\xa0G\xc4\xcf\x11\x0f\xfc\xaf\xef\xedR\xe7[\x85\xab\x04\x8b\x94`Q\xd9\x1cs\x9f\x0bK!\xb6_\xf9\xf7\x94\xc2K\'Y\r\xd3E\xed\x848\x1e\xc0\x99\x9a\x9aJL&amp;\x12p\x88\xa1~\x01\xc4\r\x88\x80\xa9\xe3\x188\xde]\xe47\x12l\xbf\xf0\'I\x12=a\xd9\xb0\xfc\xc5\x1fK\xdc%\x94\x17x\x9a3"\xd8_R\x92\xc2\xcf\nY\xf4\x95A3\xa6\xc7b\x80\x92H$&amp;\xa71&amp;\x91\x8c\xc9\xc6\xd5\xf3\xe8F\x0fr\x1d\xa4\x087\x81\xec\x1eb\xd4[\xc4\xe5.:U\xcb\x94\xbeH-,\xe9B\xc9$KT)&lt;\xb4\x9f\xd4\x0c]3D46\xe8\x91\x98\xe6\x91\x06\xb2\x0c\x92\x01\x1a\xb2\xa1p\xb1X\x8f\x08Wz\x0c\xedtI\xb5\xab\x8fd\x1b\xd7\xaeD\xacrY\x85\r\x1f.;\x84\xa5\x8a\xca\x84\x98\xd5\xd6A\x05E\x14\xc6 \x96K\x9d\xba&lt;\x10KLf\xde\xd3\xc8d\xa63\x18L4\xc0\x9a\xd2\xa7\x12:\x80\xe1\x08\x85\xca\xb6}\xb4h\xdb\xdb\xae@D\xb6_\x8a\xea-\xefu\x88\xddhQ:\x1b\x89\x96\x12\xec_\xe4\xf0\xfa\xd1\x1eL0\x90Dj\xf3\xa9\xc9\xcc\xbb\x8eU3VVVV;\xde\xbf\xefX}\x9f\x99F\x93\x81f\ttZ\x00\xb1r\xf9\xcd\xb0dN\xb9\xe6\xe0\x92\x1d\xa5\x91\x10[*\x81f\x8a\x8f~\x898,O\x13\xac\x98\xb33o\x12\xa5\xad\xc3\xe3,`y\x90\xc9\xa3O\xa6;V&gt;~|9&lt;&lt;\xfc\x1a~^\xbf}\xfdz\xf8\xe5\xc7\x97/_~\\]}?i&amp;S\x0c\xdc\xe9\x81Q\x9b\xdd\xde_\x93\x1cu\xa7\xa8\x10\xf1*oc\xf1ze\x95-\xbb\x8a\xb8\xe7{\xf4\xe6\xf2f&gt;\x99\xd5\xc1\xecw\xe0Q\xa0\xd4\xca\xc7?\x86_\xbf\xdd\xd8\x18\x1f\xdf\x18\x7f\x8c1\xbe\xb1\xb1\xf1\x16\xf1\x80l\xb5#C\xb9\x02=wz\xa0\xb8&amp;\xf3_R\x8e\x99\xcd=\xe4%\xa7\xe1\x99Z\xc4\xe1&lt;\xabN8J2/\xbcpIx\xe74\x99\xd5`\x04\xc2\xe0Od:n\xfc\xf5.\x87\x82x\xdc\xc8\xb8 B\xfd\xe3mo\x9f?\x1f\xfece\x1a\x05\x8b\x89\xc0\x15\x08\x18\xd9\x93\x9d\x94T\\\x11]X\x82\x03\xcb93\xdb-\x16Q\x8azJ\xf8T\x1d*d\r\x03\xe7\x96@ \xfd\xfb\x85\xdb\xe5\xe5\xcf\xe3o\x01*\xe4\x07\x9eF\x08\xca\xd56&gt;\xde\x0f\\m\xdd\xf1\xe7wW:\xa8\xfb1\xe5\x90\xf4\\\xe1\xdfjQ\x12m\xf1\\\xc6B\xb58\x13!6\x161g\x1b\xd6\x021,i\xf9p\x1b\xaa\x95\x01n\xd73\xb3\x91\xf2\xb2\xb2xww\x7f(\xe4\xf7\x03\x96\xff"\x04\x92\x01e(\x04\x92\x01V&lt;^~{\xe5\xddt"\x16C(Q4r\x855Ub\x9d\x9f\xbdL\xb0W,\x0e(E(j\xb1\\\x8b\ng\xe7\x07u\xf4\xc4\x80!\x08XS\xef\x1e\xd4y\xbd\xf1xw[k+b\x85\x1e\xfb\x1b\x1b\x19\x17`\xf5\x87\x1e?\x0e\x81Z\xdd\x00V\xe6\xbb\xf0{&amp;\x81\xa3\x91\xce\x8f\xb9\xc3\x94\xaaJ\xc4\xdd\xce\x11w\x87\xc8\xcf]\xaa\xba\xb8$\xe7\xaa\x85P\xb1\xa0\x90\x1a\x9eD\xc7\x83\xef\xbd\xc1\xe0`w\xf7\xe5\x1a\x08?\xc6E\xca\xd5\xd8\xe8\x07\xadB\xf0\xd2\xdf\xb608\x18/++\xf7\xdd\xbe\xd01I\xb9@.\xe3t]U\x8b\xdb9\xa2\x14u\x0f|\x81\xe5fr%\x9d\xd8\xcb\ti\xad\xc0:\x99\xf4\x8d\x08Pu\x05\x83]\x97\xffUS\xd3\x8c\xe1\xf7\xc3\x0fM\xa2\x9fr\x01\xd6B\xd7`\x90b\xf9|wW2SXP \xff\xc7;\x80EJz;b\xcf:6\xd6\x19\xe1v&amp;\xed\xfd\xc3\x9f\xf2P\x19\x0c-=;\xdf\xd9Y\x19\x0c\xc6\x07\x1f\x9aX\xa1\x10h\xd6H\xad\x15\x02\xbf\x83\xdf\xfa\xfb\x17\x06\x83\xb7n\x01V\x1dpEF: \x91\x88\x95;\x08K\xce^\x8e\xb5\xcd\n1\x07!\xf5\xf2\xb9sgc\xb9\x9a-\xb6\xe0!J\xeap[\x13E\xadot\xacs\x1e\xb0\xca\xe2]\x0f\x91\xab\x19\xf3\x88\x89C\xb1\xb04\xb4m\xb4A@\n\x83e@\x85Xu\xbe\xc8\x83\x8e\x84H\xa7\xc6\xfdE\xb5\xa86\xb0\xc5\x98\x1b\x8b\xd5-\x0b\x87\x94\xacw$&gt;9\x12\xb2\xb8\x9f\xd3\x02"P\xf5vvv\x06\xbde\xb7\x82\x83]\x0f\xd1\\!\xb0}\x7f\x88\x0eE?\xc8\xd4F\xdd\xde\x1d\x0f\xde*+\xa79\xf4\xd5\xd5E\xaaG2\xd8p\x18F~I5\xd7\xcb\xf6\xb3\xacI\xda\xb4&gt;\x80\x95\x8aT\xb4\xc2\xc66\x1b\x94\x1e\x82.KL\xfc\x12\x99oi\xb9Y\xe9\x05%\xc0\\\x0b\x97/\xb7\xb6\xd6P?a\x89\xb8B\xb9\xfa\x01+\xde\x1d\x07\xa5\xca\xeb\xea|u@VQQM\xe5\x02\xb5\xb6\x0f1\x8b\xeee\x82d\xef&gt;\xe0\x81na\x08\xa5T\xce\xe5\x19aX\xb2\xaa.\xe55\xcd\x13\xbd1\xd6\xdb\x02)\xf4\x96yq,. U3\x1b\x8a@\x05XH8\xdeFk\x03U\xcaW^~\xd7\x17\x89T?\xf8e\x12\xfbF-y\x94bX\xe6j\xd9\xd9i\xd1\xc39\x14\xeb\x1b\xc1\xc1Dl\xa5\x88{\x04\xc3bu\xe7\x18\x8aVz\x04\xc4\xea\xf4\x06\xbdH\x05j\xb5\xd6P\xd3_l\x07\xa6+\x8f\x1eA\x1a!\xd0aT-\x1f\x8b\x08`U\xdfHC\x03-\x1aY0\x17\xf6"\xee\x16\xc7\xc2b\x1b&lt;\xdfXj\xb9\xba2"\xbb\xb2\x8f\x1d\x8d\x1c\xde\xdc\x83~\xa6\xef^/\xc7\nz\x19Vss{;\xc8\x84P\xf5\x8f\xe0\xa4\xbd\x9d\x82Q.7\x16k\x07\x0b\xb0\xdap\xaf\x01\xed\x02\xc1\';\xc0\xa2j\x15-t\x08_u\xd8k\x12\xa0\x0b\x1f\xc0\x12,\xda\xf7\x14r\xe8ej\r\x82\xb5\x9a\x7f\x04\x1c\x16\xf5\x10\xff\x03\xb0\xf6\x8bX\xc5B\xfd]\x94\x0b\xad\x05P\xd5\xd5\xb3i\x9du\xa9\xeb\x12\x1f^\xc5\xfd\x83\xbd\xf3e\xaae/\xe7\xc9\x19\xdb]t\x17ay7\x07j\xcd0,\x8cJ\x18\x86\xff\xbcz\xa9\xaa\xbe\xfe\xfcy\x8a\x84/\xe7\x81\xefJs\xfbUHl\xebB\x97\x17\xca\x16p\xdd\xa6X}:\x1b\x8a\xcfTY\xa1;u\xc4\xde\x1a\xb2\xb1(\x1aZ\xbed\x8fAq//\xd9N\x9d\xb0\xb8\x9f\x84\x06p\xe6iK/b\x05++\xbb\xae}\x87T\xb5UU\xb5\xb5\xb5\xf7\xefW\xd5W\xd5\xb3\xb8z\xe5\xea\xf5\x1f\xdb\x9bk.\xff\xad\xab\xb2\xac\x0e"\x82\\#}\xb8X\xc2:\xcf\xe7\x0e\xb3\x9a\xb2\x85\x84kJ\x148\x96\x05 \xd8\xed\x0cq~\x17Y\xd8*d)\xd6o--T\xab\xcak\x80u\xfd\xd2OMMM\xbfN444\xdc\x072\x04\x03\xc6K\xd7\xaf\xff\xf0\x97\xef\xae\xdd\x84:\xf2=P\xf9|\xd5\xd5P\xb8\xfa&lt;\x14ko\x93\x7f\x7f\xca\xa3\x9c\xb5i"8\xd4\xc2L\xdaW\x98]\xb2=\x99n\x15\xa2Y-\tj\x81\xe5a\xf2\xf1zo\xde\xbc\xf9\xed\x93\x17/&gt;7}\xfe\xfa\xe6\xcd\x9b\x89\x89\x86\x89\x86\xda\xaa\xda\xfb\rMM?\xfd\xfc\x8fo;\xc7\x9e\xde\xbb722;2R\x1d\x81jZ\x11\x19y\xa7\x03\x94\xe1\xc9\x1dH\xb2k\x1f\xce\xd9n\x9ae^0\xb1\x8a\xb6\x9f,s\xe1&amp;$\xb6\x12T-\xc0\xba\xd72\x00X\xdfW\xcf\xce\xce\xce\xcd\xcd\x8d\xfe\xe7\xd5\x7f\x07\x9e|\xfe\xfa\x15\xb9\xde\x80h\xa0\xdd\xe7\x17OZ^\x8d\xce\xcd\xcc\xf4\xb1\x98\x99\xad\xa8\x88TT\x8c\xceh\xb0\xd8\xd5\x8c\xec\xa1JJv+\x8b\xdb\x1a\xde\xd88Z&gt;k\xf7\xc9ZZ\xd2D*\x8b\xfb\x88\xd57\nX\xbdcs}\xe94\xae\x7f\xa2\xd1hrf\xee\xd5\x00\n6\x81hM?\xff\xbds\xf4C_\x14\x1b \xdc\xd0\x81\xd0\xa203\xcc\xcf\xdf\xfb\x90\xc6\x1d9C\xdbU]&lt;\xc2\x99;\xabD\xb0\xbc.\xb8\xb6\x0f\xad\x04J\xb4\x88)\x8bG\xe0\xaddzt``\xa0\xf7\x83\x86;2\xb8N\x846\xca\x88\xce\x8c&gt;i\xa2Xo&amp;~\xfd\xa1bd&amp;\n\x0b\xa3\x9e;\x10\xb8\xdc\x87K\xf4\x0fc\xf3\xf3c \x97\x86m\xe4\x91J\xce\xde\xe0\xb51Q\x1c\xb3P\t.\x15\xd1j\x92\xbd9\r\r\xc4n\x0e\x86\xe2\xcc\xd8\xc0\xc0o\xff\xa7\xd3\xecb\x9a\xca\xb68~\x92[\xeb\xe9\r4)e\xda\x144\xa7s\x8244\xc7P\xfc\xe8\x81Ji4\xb5b+\xb4\xb4\x1d,_&amp;\xf2=`\x8b)\x9f\x12;\xd4\xd4\x01F\x9b\xde4\nA\x08PB\xc2\x0b\x81\xa8\x18^\xaa\xc34:\x04\xaf\x99\x9b\xf8t}\xe0Y#\x8e2\x89\x99\t\x99\xa7\xbb\xf6&gt;-=\xfd\xb8\x9b`,4\xe9\x8f\xffZ\xfb\xbf\xd7Z\xfb\x04\xf2\x10\x13\xb8#\x9a\x82@O3\xb18\xd0\xf1\xe8QO\x0fp\xf50-\xddm\xe7\xbfA\xa3\x9c\x13\xf0\x0b\xff"\xc4r\xa2}$\xd0\xd8\x08\x12O\xe4\xe5%\xb0\xb8\xe2E@\x88\xfe\xdf"H2\xa5\x8eN\x99\x88\t\xb1\xa7b\xacS\xbb[7o\x9e\x0ft--E\xcf\x7fs\xbe\xcd\xefG\xc9\x03\x8d\xcd\xc5\xdb\xed\x13s-\x8c\t\x94\xea\x19\x06\xac\x02\xdb\xe4\x04\xb4\x88cs\xb6;\x03r\xb7\xbb\xb7\xf1VS\x9f\xdf\xff\x10\xb0\x9a\xfc\xa8\xf1EX\xf8Z\x01\x7f\x13D\xa6p\xfc\x00\x13\xf1\xd9\xe0\xe1\xb8\x0b\xa9\xc4\xb332\xe7\xe7\x9d\x9b\xebm\x0f\x97\x96\xbc\x8b\x13\x8b\xfd \x9a\xdb\xddU\xd7R\xd5=7??7\xa4\x95\xa8z`\r\xf74kj\xbam6\xdbPUK1k\xee\x80\x15r7\x16\xe7\xdf\n4a\xb9n\xa2\xe9o\x02+~\xe1\x81\xce\xe6\x8c`\x12\xfc9yj\x03\x86L\x0c{\x17\xd7]\x0b\x9f\x02\x96\xdf\x1b\x0c\xf6\x06\xa0\x10D\xbb\xef\xfd{\x93YGI\xa7\xb5Z\xed\xb1"Ze\x00.\x83J#\x86\x97.)\xa50\x1b\x8d&amp;\xf8\xda\x0c\xc9\x8b\xf3\x8b\x07\x06\xc0W\x9e\xf7\xb7\xa119\n\xe2!\x16\x8a\x8f\x80\x9b\xef\x12\xa2\xcc\xa8e\x93\x90\xc4\xe3|&lt;\x1a@&amp;\xf6\xe4\xdd\xfaz`\t\xb0\x06\xe4\x96\xca\x0e\x13\xc62\x9a\x15N\xc7\xf8\xb8\xd4QD\x9b\x90\\\x06Z\xe2\x90\xba\\\xd2\\\x8ae\xccH-\xb00\x05\x98j]u\x17l\xe0\x87\xfeu\xd0\xeb\xbfP\x07b\xac#\x04W\x87\x12\x04o\xcc{\xd8\x90e\xbb\xf8\xe0\xed\xd4\xc4=\x08y\xff\xd5\xfaV4\x08X\xf2J\xc6\xec\x03w\xef`*-\xc5\xaei\xb4&lt;\xf5\x1a\x88\xa2\xc9\xa4\xd2;=\xe8\xb5\xb6\xefN\x7f\x13\x14\x0e\xc5\x96J\x85\xceI\xe5\xd6\xd5\x01V\xef\xc3EH\xc7\xf5_\xe1L\x14\t\x92\x0b\xab\x85\x1c4c\x08!\xe2\x15\xad\xd9\xf4\xc3\x13\xbc\x1f&gt;\xafo\xc5\x82\xc1mw%\xa3\xd1\xeb\xcd:H\x99\x96;UU\xddC\x0bS\x91\xe9\x99N\xbd\xca(\xd3\xeb\x15\xe3\xd3\x91\xc8\xd4\xc2\xd0"\x10\xf8\xe7\x02\x03Mwj\xc4\x94\x83\xa2,\xf2\xae\xde\xde\xe7\x01\xf8\xe9\x16\xb6S\xacV"\x8e\xc0\x85\xe4\x13\x91)A$\x0f{\xe7\xac\x1b\x96\xbb\x81!E7&gt;l\xed\xc4\x82\xdboC\x8cYcw\xd6\x14\xf4\x05\x16\xdbF\xce\xdfl\x9b\x9c\xb7E&lt;3\xb3\xa5\xe5\'\x0b\x0b/;&lt;\xd3\xda\x8a\x05\xdb\x9c\x7f=o\xf9*8D\x9b\xad\xbb\xc2\x05X,\xc6\x8a\x02\xd7\xce\x1b!\x87\x05E\xd5\x918\x15\xca{A\\\x9f,X\x1cx\xaa\xbd\x1dn\x80\x95\xdfv\x02\xb1\xed\xed\xb7\x0c\xc3H\xc4\x91*\xdbd\xfb?\xce~wvy\xabmlN;&gt;&gt;\xb3\xd6\n\xed\xd8\xda\xb8\xc7uL;4\xb7\xf3\xe1\xf3\xf22Xi^^\xfb\xdcP\x05\xa4\x9a\x93\x95\xf7\xf6\xbe\x8c\x06v\x02\xaf\x9e\xc2Q&amp;J^:\x12P]e\xc3"\xf8\xf71\xf8\xdd\xd9N,\x91\xf0\xde\xbfw\xa2/\xb7\xdfn2\x8c\xc2\x11\x19\x9a\x1c\xf1o\x9d={\xe2\xc4\xf2\xd7\xa8\x7f~J\x8a&amp;7\xad\x17Zg=\x9eiW\x85m1\xf6\xf1\xb7\xad\xabWO,\xbf\xda\x19\xb98b\x9b\x16S,k\xa9\xee\xf5\xc6\xa2\x81\xc0\xd7\'9(\xc1\x05\xdc1\x87\xfe\xc1p\x02\x01\x91,\xe8S\x0eGQ\xdc\xe4\xf0&gt;\xc8\x1c\x9b\x8e\xfe\xfa\x0ea\x85`\xf3\xb9l\xed\xb7\xfd\x1b\x8fw\xfey\xf1b[,0\xb4\x10\xc1\x03\xa5\xc2\xd7\x85\xb3\x9epX[1UQ\xd0\x14\x0b\x8c\xb4O\xec\xc4\x16\xe7&amp;\xc7\xe6#R\x8a\xd5\x81\\\x80\x15\r|\xbe\x8foA\x05\xd8\xe6\xf1\x82-\x89r&gt;\x992"~\xa9\xca\xe5!\xc1\x99o\xc6Q*\x12\x9dz\xf3\nc!\xb1l\x93\xf3C\xfd\xb1\xa8\x1f\xf2jaJ\xebry\x00\xeb\xc2\xeb\xd7\xaf\x07g&lt;\xe1imD[\xa3\x8dTLMU\xdd\x81\xc2\xa6\xa5\xa0\xa0F\x9a{\x88\x15}|C\xc8Q\t\xe2\x15\x0c\'\x14\x91\x92\xca"\x9eM\x10\xfckf\x11\xcf\xe2\xe2C\xe6\xa7_c\x1cV\t8\xd3\xe93\x05}}}\x15S\x91H\x8dK\nTk\x83\x85\x80\xd5:;3\x13\x9e\x8eh]\xd3\x08U*\x85\xca\xcc\x02\x95\xb3T\xec\x04\xac.\xef\xcbX,\xfa\xf1\x87Q\xbc\xdb9\xb5\xd2N\xe2C{\x17\xa5a\xe1-Bd3\xb3\x9c_&gt;\xc46\xb6\xdf\x9a%:g.\xab\x80\xa5cK\xaeH\xd1\xf2\xcc@\xc2\xc7\xb1fQ\x1c\xc3\x9e\xf1qG=\xf4\xb6\r\xf06\x16\xf5\xbaP\xcbV\x02\xd6\xf3X\xf4\xc3\x7f\x9e\xde\xc3#\x07\xb0k\x02\'Nf\xca\x90\xe9X\x9c\xbc\x02\xdeD\xfe0\x13O\xfd\xeb1`\x05\x19\x89\xda\xc9*\x18\x8d\xcfG\xfb\xcc\r\xdf\x97\\q\x00\nP\x01\xd6\xa7O\x17\xd0\xe0\x14Mx\xebk/\x17\xd95hI\x14P\xd2;\xe0\x0f\xd1uy\xbd\xcf!\x8a\xb1\x8d\xdd\x07xvD\xc6S&gt;\xab\x9f\'\xcc\x1f%]&lt;\x17\x89\x04V\xf2\x06\r\xa8V~FjA\x0cY\xa7N\xc2@\x15o\xf4\xf9$\r\xea\xda54\xfb\xeb\\k}\rX8\x8a\x90g\xb3\xf5\xb5E\xe52\x1a-\xbd\x06\x04c)\x9dB\'\xf7zcM-\x15\xd3\xc5\xdb\xf7qm\x83l\x82\xe0\xe71\xdf\xceyN\x1f\xcf?A\xcai\xce]\xaa\x88N=\xf9+\xf6.\xba\x01\x1e\xafcY\x85DC+\xe1\x13\xed\xb0.\x1d\xb7\x1e\x1f\x1c\xe4\xa8&gt;q\xd9\x05Z\r\x0e\x96Ze\xd0\x16\xa9\xd0\xdb\x18\x08\xb8N\x81\x92\xeb\xf9\xb7R\xb1\xf8J\xdd\xee(\x97\xeeG\x12\xb5\xcd\xe1a\x92\xb8C\xe4\'\x1c\x11/\x82R\xdb\x11\xee\x8d+_\xeej\xfb\x1en\x04\xdd\xf8#4zZ\xa9\xa4eeeVkyY\xf9\x85\xd6\xd2R\x04\x85\xb8N\x0e\xd6\xd7\xce\xce\xd6\x96\xb6\xb6\x16\x9e&lt;\xa7l64\xabT\xc6\x0e\xe8\x83 \x13-\x80\x95/\xce\xf5\x84=\x7f\xdcKf2\x91r1&amp;\xe2?\xa5\x91H-drx\x87\xa4\x0f3I\xe1/\x1b\x16\x96\xaa\x0b\x06\xc1L\xb1V\xd0\x196\xabde\xd0S\xcb\xae\x17Z;\xcb\x9a\xf7\xf6\x0e\xf6\xf6\xf6\x0cJ\xeb\xac\xe3\xc7\xda\xda\xce\xd2\x0b\x85\'\xaf\xcbT\x06C\x0fj\x84\x18\xf8[t\x96\xae\xa5\xde\xd3W\xd8\xfa\xfd\xf0\x9f\xcf\x0e\xb1\x08Q\n\x16I\xa4\xa5\x96\x88\xf3\x0f\x92\x8b!\x7f\x14\xcd\xb9\xc3\xcbqG\x83\x1ca1\x90W\xaa\xe6a(\xf9\x94\xa8\x9f\x96\xc1**U\xee\x1d\xfc\xfd\xf7\xc1\xc1\xc1#\x03\xdd9\xe3\x90\x14u\x96Z\x11\xb1L\xb9jzo\x02,\xa0b\x11\xd61j\xb3#\xbc\xff\xd7\xb3\xf8i\x8d\x9c\x94H\x19\x9c\x12""\xb5\tJ\x90\x0b\x88\xb4Y4\nb\xce\x93\x97\x9epQe\xd0\re\x94Fo4A\xdd\x8e\xbbU\xe5\xaaRi\xa2\xad\xe7\x9a\r\xc0u\xb0\xf7HE\xcb\xf4\xd6z\x85\xa6\xe8\xb8\xb5\x0c\x98\x95\xb4\xaf\xc3\x18W\xcbR\x87\xb0\x9c\x9bF\x0f\xc2"\xb9"\xe2HJ\x99\x95\xac\x91\x93\x97\xc3 \x13\x96\x8a\x10e`\x1d\x15\xe6\xdc\xdf\xf8}\x86\x0e\x01\x16R\x0b\xb0\x0c\xabh\xa9VW\x95\x86\x1e\x99Je\xb7+Q\x10\x95E\xe2\xd3\nZ\xff\xa3\xc4~\xc9Z\xa6D\x83\x00\x9f/\xe43\x9b\xd1\xf6\xa5\xea\xaa\x97\xbcg\x1c\x97\xca\x1d\xfb\x7f&gt;K\x14\xa8\x84 \xadK$\x92\x8f\x94\xc4\x7f(\xe0=\t\x90\x86uTx\xe3\xf1\xef\x9d\x8f\xdeb\xb5\x18=p\xad\x9aV\xa1\xc3_\x05\xbaa\x13m\x8c\x8c\x8c\xf5\xa9\xf6\xf6\x9au\xb6\xdbW\xc7(Z\xad\xd6X\xcb!\x80\xabF\x1aief*Y\nj\xc1j\xaf7_\xe736\x84_&lt;8&lt;T\x88\x8c\xcfK\xe8\xc6UZ8\xfd\x92ml\x9aZ\xc2\x95\x8f\x1e\xabas\x1ba\x99\xf5\xfa\x0e\x95\t\xa0\x86\x87Q\x8b?L\xd3E\xf3?\xfdt\xbbX\xa5\xd4\x0c]\x84\xff\xb8h\xb5\xd3n\xbd~\x0e\xb8MF\xc0\xf2Aj%\xb0\x8a\x9dv\xa3\xafxw\xf4(\xf7\x91DV\xa6d8\x93\xdd#Ad\xe4\x16)\xcc\xc9Y\xf98N\x1bL\x80\xc5H4zT2c.4zh\xf6i\x14\x91\xb1\xdb\xf3R\x89]=5?6\xb6\xc0Jr\x9d\xf6\xf2s\x06\xdc\xfbC=\xef3#\xb1\x00\xab\xd7\xeb\xads\xce\xac\x99\xe5oF\x85$.\xb4\xf8\x9d|\x1aV\xf6\x87\xab\xf8\xbfF#\xca\x95/N\xd3p\x07`)\xe0\xe0\xd1\xd3 \x03\xe4\x95\x01\xfah\x83\xca\'Q;\x8eis\x15:\xb5\x9a\xad\xcb?-\x15K\xc5j\rx\x03\xc22v$bHQ\x18\x8b\xf5\x84/\xcbwO\xa1.\x03\x1d\x87d\xba\x08\x04\xbf\xf9\xc7\xaa\x91)\x03\x14\xdec8\xe8\x89\x9a\x95/:\xd3\xf5\x10RK\x81\xe4\xa2\x8d4\xa4\x8d\xc9\x80l\xc2\xc7\xa8\xbf\xbf\xc6\x84Bf\xc6\x1c\nU\xcaO\x1f\xcb\xbd&amp;\x01k@\xb3\x1b\x8c\xc5HP\x0cK(\x0b\xc2\xd2\x85\xf7\xeb-\xbb\xa3d\x1c+Kf\xa5&gt;\xc3!\x12\xf0\x8b\x1e"m\x02\'|\xf6\xa5\x81.\n\x05!\xe7\x01\x0b\x96\x0f\xa1\xa9V\xc1\xc5\xe92\xbb\xe2\x1a%\x0f\xc1\xda\x0cUV\x0f\x9c)\xd6I$\x9a2Ze\x8ag\x16&gt;\xac\xa9\x12\x1cD\x0b\xb5\xbf\xef\x11\xbf\x18\x85\xee\x93\xe0\x7f\\\x9a!\xa5\xd4_\xe9=\x0f\xc1\xe3\xba\xf1X\xadW3\xc1`\x08\xbb\xbc\x06\x04\xd3\x83\xab\xae\x1a\xe0\xd0\xd3\xdb\x15\x96\xbaj\xb7\xdb\x1d\n\xb9\xab\x07n}\x9bO5($v8\x11\x8d(\xaf\xb098s\x1dT\xee]\xc0\xaa\x16\xef/\x84\xc5/\x1e\x90d\xc6\x08\x89?\xc2J\x14^$\x91\x81C\xa6\xbc\xb8\xbfT{\xd9S\x89\xd5R@\xd6CK\x06XhD\xa9\xd7k$\xec\xdd[\xfd\x81@\x7fcc_\xf7\xe2bUK&gt;\xc56\xd8\xcb\xf52Z\x0fP\x10Bh0@\xac\xe2\xbb\x8d\xbd\xde\xfc\xf0\xfe\x82\xa7\xe4\x8f{\xa4\x88_\x00\x13\x99\x8d\x05w\xee\xfc\x8fq3\ni+\xcd\xe2\xf8\x85vnnJ\x12\xd0D\x82A\x08\x19\xec\x05E\x16\'\t\xa6\x91;\x01a\x85\x98\x9b@b\x15MB|\xd1\x92\x888YL\x08F*6\xd4\x8e\xb6\x96\x96\xd2(\xcb\x8a\xa3B\xf0e\xe6Aki^\xb4\xb8\x88\xf3\xd0\x81&gt;\xf8\\\x1f\xfaf\x17i\x17\x96]a\x1ev\xf7\x9c\xef\xbb7\xf7\xbb1\x96\xf9 %\x8dJ~\x9c\xf3\xdd\xf3\x9ds\xbe\xff\xe1\xd8J\x87SE7\xcc\xb5\xfe\xde\xcc\xd8\xdf\xbe\x84\x9fnOOK`\xae\xa6A\x04\xfb\x0e\xce\xeb\xef\xe1\x14\x96]\x19H\xd9g\x97\xa3\xd1\xe8\xc6\xc2\xc4\xc2:\x82\xf5\x82\x1f\xbf\xef\xee\xc6f\xa5\xcf\x8c\xcf\xa1\xd9\x83X\xae\x17\xd6\xb5I\x0b`\t\xban\xa0\xde\x85\x06#}\x14\xf4\x89\x9f"r4\xe8\xda:\xaf\xa6\xc6\xfe\xfaet\x1b\xb8$\xc8 \x00k\x90\x98\xeb\xdbPoo\xac\xb4\xbe\xbc\\\xe8\x81\xaau\xcbj\xe9)l,,G\x03)\xd8`\x90\x02\x92\xcc\xc1i\x01.\xb3h\x03\xac)\x97\xd5\x1c\x0e\xaf\xfd\xf3\xe5W\xb0\xa8\xf6@\xc52\n\xfa\x9cA\xdfw\x16\xf6\xa6\xee\x0e\xdc\xb5N\x11,\xb0\x16lj\xf0\x1e\xec\xb0.\xbb\x98\x8dn\x14\xda*\x95J&lt;^\xadV+\x159R\x88F\x0b%\xb1\xb75\x0e9\xb3Ov:-\xa2\xd9l\xf1\x10\'\xba\xd6\xac\xa3k\xd6\x0fsB}\xbfH\x8bH5,\x0e\xeb[\xa3^MX\xd7\x0f\x17V\xf6_\x8c\x85\x1e\xa5\x01\xcb\xee\xa3\\\xe0\xc7\xa6PH*Byc\x93*dU\tW\xc5n\xcb\x06\n\x01\x9b\x0fV\xaf\x8c\x86\xc2~\xb3\xcd\x96O\xccLy{\xda\xda~\x08\xee\xb9\xe9\xa5\x98\x16\x86X,\x1eoM\x94\xbe\xc4\xcdz\xcd\x17_\xf3"\xe9Q\xee|za\x95(\x16\xe5\x02G65\x85$W\xc9\xa52Q,{\xd5^\xa9Hr\xaa\x10\x10e\xa8\xa6\x9df\x82\xe5\xb5y\x08Vd\xb4M\xb4\xfcg\xc7\xa4J\x01\xb9+\x8aAb\x11\x03\xaf\xa4\xd4\xdf\xdc\xd4=xl\xf7\x19\xacf0\xce\x9d,\xfa\xa4\xbb\x80\x95F,j\xaf\xd6V\xc9\xeb\x92C\xf7B\xd5\x0e\xe0\xc1\xd7\xe4$\xd4\x1c\x1eO\xcc.\xd9]\x01W\x8c`\xc1f\xb7x\xbc`\xad\xc5\xe0\xcc\xc1\xda\x8f\x1d\xc1\xed\xff\xb9M\xbc\xd0\xd0\x895y\x8a\x81\x14\xde\x9c\x96\xbc*\xd7\xd7\xf4\xaa@\x0b]\x86#H\xe3\x87\xec`\xad\xb4\xdd\xa7p\xb5v\xc5l\xd8\xc7\xea\xb0Z\xc2\x93\x93g\xd5\xcb\xc9\xb3\xb3\xb3\x1f/\xb0\xef\xe6\x89\xc5\\Y\xd1\xe9\x94a\xbf\xc3\xd6\x02k\x01\xd6\xd4Ly\xf5\x87\xc9\xf4\xc9\x13\x93\x89m#\xeb\xaf\n\x14\xc9\x16),8\xad1A~\xcdP\'\x05\x80_\xdd\xf9\xb8-\r\xfa\xb6\x11\x0b\xcc\x85e\x06Do\xaf,9;,\xa8\xab\xb9\xb88\xc3uqq\xb1ED@\x0e\xaf-\xe5\x12\xe1\xc8\xb1X&lt;\x1e\xd1\x86N\x84\x1d\x7f\xfc\xaf\xe2\xcc\xe1/n\x9e\xd7m]\xbd\xecS \xf6\xe2\x94\x82\xe7\xa6\x96\xd8sJ\xef\xd4\xc0vl\xdc\xaf~\xed\xfa\xee\xee\xf6\xd3\xe9\xb4\x04\\\x92\x04\x11I\x12\xbd\xb2\xcd\xbf\xfa\xd3O_\xb6.(\xd6\xe5%\x90\xbd\xd8Z\x8dnD\xb36[\xca\x86\xd70\xc8\xe4\xf5\xd2\x07\xf1\xf3\xdeo{\xaf\xdd\xbc\x89\xd7\x8b\x19\x8cu\xc1\xd4@\xb7&lt;\xe6\x18\x1a\x16U\xc9)we\xb5`,\xec\x1c\xa6\xc7"3O!\x9e\xdaaI\x10\xed\xe5\x94(\xa7\xd6\x97\xa3[\x17\xc0s\xae\xae\xcb\xea\xd9\xa8\xbf\x10p\x89\xb6\xac\x17\xf6\x95H\xb0l"\xc1:\x99s\xbbM&amp;\xaao\xfb\x03X\xda\x8e\xa7\xa2\xdd\xfa\xea\x96\x88:W\x0e\xff\xfdi\x1f\xc3\xbcD\xb1zE\xafS\xf6\x06\xa2~k\xf5\xf2\xce\xf9\xe9\xe9)\xbeN\xcf\xe7/\xab\xe1\x1e\x87\xcbc\xf6\x00\x96\x85`\xc1\xce"X\xfbo\r&amp;4\x15\xbd\x15\xae\xe9\x85\xaf\x1c&gt;TL\xc0RqJ$\xe5ti*\x96\xdc\x06\xf7\xeb\x9d\xa3\xcf\x14K\xb6Kp\x06\xf9D\xd9\'\x9b=\xd6\x8e\xea\x9d\x9fO\x7f\xff\xfd\x94\xac\xff\x9e\xcfW;\xe0\xc9\x93eg\x9b\x87\xf8\x90`\x11\'\xee\xae(\xc2}A\x15\xd2s\x8d2S\xf5\xab\xaf\x94kW\xadu\x93\xa4cON\xa0\x80\x95\xa8\x17\xc1^N_\x17\xd64\xf1\xca\xbc\x8a\xf5\x8f\xf3\x9f\xff&lt;\x1f\xef\x08\x8bb\xaf$\x9b\xd5\xad\x05T\x04\xeb\xf3k\x81\xa8&amp;\x15\xf9\xeau\t\xb3\xae\xa2g\x9aq\xb5z\x9a\xed\x04\xe0\x1b\xf7[\x8a%S7\xfaZCpT\xc7\xe1$\xfa\x16\xca\xa0\xf9;\xb0Bw\xba\x07\x07:\xccfgo\xdc\x07P\x16\xb4\x16.\xe2\xc4\xc3\x97\x8a\xb8\x8036L\xb5\x187rJ\n\xd8\x00K\x8f\x8fo\x0c+\xbb\x18\xe6\xc9\x82\xfc\xc6\xd7\x8a\xc7q\x1cCk|h\xd4\x1f\x08\xf8#\x96\xa1\x81\x81\x81\xce\xa1\xa1\xb1\xf8\x98\xccba\xfep\xfca\x0e6\x96*\x087\\\xe3E\xa3\xd2\xcdQ\x12jv\'\x19uZK\xed\xa7\xc6\x9dw\xdb\x18\xe7\x89\x13\x9bZ\x87z[\xdb\x91\xa9\xa9\xdd\xd9\x03\xb9\xcd\xf2\xfazt\xd5\xda\xd9\xde\xde\xf9\xa83&gt;\xe64\xc3\xde\xb2\x88\x04K\xc4\x13\x11\xb0\xdc&amp;\x83&amp;\n\xbc\xdeZ\x9c\x91\xe3\xae\xd8\xf4\xaa\x89\xb5\xf3r\xee\xfd~\r\xab\x15\xce&lt;\x12\xed\xdb\xdb\xdb\x9d[\x94*\xba\n\x95\xfe@\xe7\xa3x\xe7\x90Yt\xb9D\x0b\x9e\xd1d\xe5\x0f\x8e\x11\x8b\'\xca_\x03\xc5\xe2\xae\xd9Z\xba\xa6%\xd7\xb8\xf9L\x83\x86@6\x9b\xc0\xef\xed\xceL+X\xbd\xb2M\x84S\xbb\xb5\x135\x1aCk\xab\xab\x85\xa8\x7ft\x0821\xb0\x16d\xef\x10 \xb26J\x85\x8fb~\xea\xf8\xef\xef\xddnFX#\xd4\xf4Q\xc6kK\x8cz,6x\xd5\x9c\x08u\xec\xeb\x8f\xc7\xd4\\R\xafON\xb9dH^:\x070\xc9\x19l\x92#\x0e\x11\xd3\xfc&amp;\xc0\xc2#\xda[*\xb90\x92\x12\x19D\x11\x8cU\x86h\xca3\xf7\xf5\x02\xa3\xdao\xf4$^\xf1\xb1\x9aD\x08L\xa3\x89~6\xf7\x9b\xeaE\xbb\x1cK\xa5b\xb2,C\xe2\xde=?\x0fu\xaa]\x94C\xf3\xf3\xdd\x83q \x86j\xd5\x8b\xf7\xe7\x08\xe5\xf5z\x8b\xe5\x83\xe3\x83\xf2!`1\xb3C\xcc\x8d\xe1\x95\xe2\xf5:\xff*\xb9\x8d\xc0\xccn\xa0\xba\xd1\x04^L\x07\x83\xb1 \xc1*\xe5e\x8c\xacM\xa1{P{\xbd\xe9r\xe2\x1d\xe2|w\x17\x06\xb6\xd8\xa2\xab\x94M\xb9\x88\xa9\xc0X\xe5\x83\x83r\xf2\x90\xcc\xd8\xe8\x14,\r\xcb\x0c\xee\xdam\xc7\xcc#\x08\xec\x89\xcd\x1f\xed\x1e\xcc$\x82A\xf2\xc5\xc9@1\x88q5\x04X`\xad.Yn\na\t&amp;Ah\x8b\xe5\x93\x99L\xd2e#&gt;L\x16\x81\x8ab\x99tB]\xa67\xa9\xbf\xb5\xfb\x1a\x16\xd5\xe0\xe9\xb6\x18D\xae\x83\x99\xa9`"h\x0f\xc2\x17o\xe6\x12\x80\x05\xc54\xc1\xaa\xc81\tK00V:\xb1\x98\xc8mn\xe6P\x98\x91J\x15\x8be\x80J&amp;\x0f_B\xf6P\'vj\xd0c\xb8&amp;\xfa\xabC8\xca\x0c\x18{\x08\t\x04kf\n\xec\x15L\xe4s\xe3\x0f\x92`.\xa8\\C\xf7\xde\xbcyc\x17m1\xa9\x02P\xf83T%l&amp;\xc1R\xa9\\2YL\xe2\xca\x01\x16Q,\xaa\x92|el\xa1\xa6\x8b\xfc\x03X\xeal]-\xebR$\x1b+\xbbPWM\xe5\x13x\xf9\x9c[Zz\x98\x0f\xa6\xd3\xe9\xe9g@5m\x03\xc3,\x82\x03\x91*\x9f/&gt;\xe8{@`r\xf8\xcae\xe1\xedG\x1d\x96\xaa\x05\xa7\xff\x17\xd8\x94\xf0+\xd6\xa2\x92\x1c\xd5Z\xea\xa0\x1eb%\x0e\x0e\x0e\xe0{\xcb\xe5\xdc_\x9a\xc7)\x17`=\x0b\xa6\xb2\x10\x12b\xe0\xc0D\xbe\x9c/&gt;\\j\x19G\xaaR.W*\xe5\xe0\xa9$Nd\xb0xF\x88(0r\xe5+\x91\xac\xae\x11\xc0\x0c\xc0\x91h\x8a\xedB\x01\xb0\x16\x81\x08\xbe\xb7\x08X\xb7\x9a\xc1S\x89\xa9\xf4\xf4\x9bg\xe9b \x93\xd9\x0cd\x8b\x00U.\xe66\x1f4\xdf\x18G\xa2\x00\xac\x92\x1fo\x88\x14k\xb1\xf3V\x82N\xf2&amp;h\xd2\xee\xaf`\xb1\xf7\x9dj\x1b]x\xfe)\xb1hs\x15\x8b\xc5d\xb1\x98\xeb\xbb}\xa3\xb9\xefA\xae\x9c\x08\xa6\x83\xc9\x0c\xaaj67\x1f\xa2\xf8fs|\xa9\xef\xc6\xc8x.\x00\xa8\x99\x0c\x9c\xe1~\x87#\x9b\x03,\xb7\xa9\xc1\x18\x18\xf9\x88\'\xf3(Z\xef\xf4\xba-\xafuU\xf0\x91U\xb1Vv\x17\x17=\xa8A\x84\xf5\xb0y\xe4\xf6\xad\x96\xbeq@)\x956\xd7\x97`-/\xa1\xdcgi\xb6\xaf\xa5edd\x1c\x99\n@\x15\x00*\x15\x8bo \xe1W\xf5X\xb5\x18\xf95,\xb6\xd3\xc4)w\xde\xc6\xe7\x88\x85\x02WG\xca\x91\xe9\x1b!\\\x14\x05\xc5"\xb3}\x13\x13\xcd\x13\xcd-\xa8\xa9\x1f\x1eY\x82\xaa\xbf@\xad\xa5bQ\xa5u\x03s)\xe1B\xb86\x0f\xd3\x02\x04\xd3 \xa4\xcd\xfdo\x08\x96\xe8\xb1Z\xdb\\)G6\xb0t{x\x98\x8c\x80\xf4-\xcdN\xb4\xb4\xdcG\x1c\xd4T\xe3@\xc1\xf0p\xffF=\xd6\x13R`\x18\x0c\x023\xb8\xa3m0\xbe&amp;\xf71\xb27\xe6\xbav\xaa\xa0L\x9bi\xb1\x8e\xd8\xcb\xb8\x82X\x1eb\xafli\xfc\xd6\xf0\xe3\xc7\xc3(\x0bF\x89R\xff\xc8\x08\x15"\x91\x7f\x87Gf\xd7\x11\x8b:\x11\xf7V\x92`1\nx\x8dL?\xd3\xa9\x8d4p\xba&gt;.\xa7H\x9d\x19\xbb\xd2k\x07\xb2\xb7D\x0f\xaa\x95\xdb\\\x0e\x7ffIQD\xd1\x01\xad\xe1\xc7@\t\x0bY\x1f\x8fL,\x13,\xb2\xe1\x11+E\xb1xA\xa8\xb7\x97\xb6\xd1X=\x17gl\x90\x06\n5\x01\xaa\xce\x91\xc6#\xc0j\xb3\x02\x17\x98+\x95-L\xf4\x13.d\x19&amp;4\xca\x1a\x1e\xb9\xbf\xa0R\x11.\x8ae2\x99\xf8\xab\xa3\x18\xda\xf6W2\xbcF\xf7\x9e\xcc\xfc\x8c\xfa\xe7\x9a\xb9\x0cG\xfb1\xd1\x8a\xb7\x82\x9668X\x1c\xd1\x85\xfb\x94\x8b\xb2!\x1d\x81\xba1\xabm,\xc6Z\x88\xc5\xf3\x86\x86\x8b\xddZT\x92\xc1\x16b\xb5\x81EA\x1d\xee\xc2\xca\x9cbq\x82\xe9\xd5~\xcc\x82\x0b\xb0\xbc\x91H\xc4\x91\x010\x9cl\xebW\xe1\xd0\xa5\xfd\xfd\x0b\xb8\xab\n\x19j+\x87\x83\xc12\xf0&amp;\xfeZ,\x83Q\xbb\xaf\xa3K\xd7\xa6P\x1a\x11\x82~`\x02\xd2S(\xc9\x82\xe1\xb0%l\xb5\x84=`\xaeH*\xe5p\x14\xa2\xe0\xae\xf5\xd9\xfbt\xee\xee\xfe\xec\xec\xc4\xec2\xda)\x93\xa9=\x85\xc8\x05X/\xa9\xb5TG\x1a\x98IiU\xa7\xac\xe6_\xcam\xfeM\xae\xee!`d\xb1\x8a\x0c\x9c\x9f{\xb2\xb3\xf3a_\x06S\x85\xf1\x05\\\x91H\nL\x16\xe9\xe9\x81\xed\x1f\xdd\xc0q\xb2h\x94\xc8\xca\x02\x81\xd5\x80\xb2\xad\x1c5\xac\xcfh-Sm\x7f\x11)\x1d\xcf\xcce\nZ\xdf\x83#\x02\x1cl\xda\xe8;\xd2\x1a\x97\xa2\x1d\xe7\x84\x97\xcf?\xbc\x7f{\xf2k\x0c\x91\xc2h2\x8b\xa7-\xd2\x13\xa1z\xea\xc8h\x8f\x7fu\xd5O\xd6\x16\xbcV\xfd\xc4}\x14\xca\xe1 N\xfc\xf4\x8b\x9b@\x99x\xe6L\xe4\x99\xc9hA\xc9\xa4\x8d\xaa\x1e\xae\xae\xcc\xd7M\x84\x92\x18f\xe4\xf8\x9d\xa3\x93w\'\xef\xf6c\xc8\xd4\x11\xa6hT\xe5\r\x06k\xb3z&lt;\x915\xb0[\x0f5\x0e,\xea&gt;\x87\xf2\x89\xc3\x91\xdc}\xbf\x82q\xde\xc4\xd7\xc6^\xc9\x9c\xb9V`i\x8f=G\x827qbc\th\xed|t\xef\xfc\xe9\xd5\xff\xe98\xff\x98\xb4\xd3;\x8e\xd3\xa4*KTfh\x08\x8d\x15E\x0c\n\x1bT\xacq\xb4\xc6+\x91\xa6\xea\xfcA\x0e\x8d\xc1\xeb\xc9\xa2[\xbd\xd9#\xdd\\\xd7&amp;jJ\xd6o#\x7fh\xd8\xd7\x9b\xbd\x9a\xdc\xd8\x96\x90P\xbe\x986\xb4*\x0b\xd8]\xe3\xd16_\xd6\x8c\xd0\x00\x00\r\xefIDAT\xd7(\xadn\xfc\xe8\x81\x8bz\n\xd7\xf8\xc7\xf5\x0fk\xff0\xdal\x9f\xcf\xf3\x05\xc4\xf5\xf6\xa4\x96J\x14^}\xbf?\xcf\xf3}x\xf8\xbcy\xbe\xf5\xeawR\x10\xab]\xd6/\x93\xc1W^\x0bp\x19N\x18\x90+?\xaf\xd8\x92\xcf7\x10\xb2\xd3\xec\xe4C\xa6\x9a\xd6\x9a\xa4b\x17\xee?_\x98\x9fM\xbe\xfaa;5I*\xff\x07\xda=\x8f\x82\x89Y\xe9\x0e/\xee\x0fu\xa6&amp;O\xee\xb8CZ\xde\xc6\xc2\x9b\xef\x11\xab\xbd\xb3sd\xa4\xc3h4\xcad-\xac^\x86V\x03_\xd6\xd1\xd9\x9e\x0f\xff\xaaa\x15\xaa!L\xa4\xf2\x08X\x8dxf\xeb\xf94={\xf02#y@\xc2\xc9\x88\x91\'wSY\x04\xeb\xa0\x830\xf3m\x7f\x0e\xe9\xb2I\x1dE\xe5\x8ejy\x9a\x97O\xde|*E\xaa\xfe\x91\x11\xa3\\.7v\x80b\x98\xba\x008\xc4J\xc9\x05 @d \xa3\x95\xbd\xa3\xb5U\xfc\xf8\xd5\xfd\xc51\x13\xf8\x98\xc3}o#\xcf9\x9a\xb9\xff;\xa4V\xb2\x01\xe0p\x17m*\xe93t\x87\xc7\xd3&lt;}\xf2\xe4\x1f\xd2|\x82\x05P\xf2\xae.B\xd6\x82\x0b\x99\x85\x9f\xdf1\xd2\xc9Oa\xd5\x18N\xf0\xf9\xa7\x08\xef\t\xa2Xw\xab\xf8\xab7o^\xce\x9b\xef\x0c\xe5&amp;\x13\xb0\x99\x97\xdb\x8c\xe7\'\'\xcc\x99j%\x9b\xb7~\xc4\xe1\x1e\xa6\x82G\xc8\x9e5\xf1x\x03/\xbey\xf8\xfbS\xf9\xed\xed\x88\xd5UF\x86\\&gt;"\x93\xb5\xb7X,|&gt;\xe0\xf2\r\xb7kn\xdf\xbe\x8d\x9e\xc2u\x13W]\xccd\x18\x90\xb5U|\xeb\xc97\xdf/\xd2&amp;Lc\xa4\xc3\xc1\x87\xa9R\xed\x8b\x9c\x03\xb5\xc8M\xd6\xd1\xf4\xb1\xf3\x01\x16F\x13w\x18\x17`=\xfd\xc3\x95\x8f\xc0D\xa8\xf8\x11\x0c\x17\xe0\xe82\x8et`0\x8bo\xb8|\xd9\xc27|\x06L|\xb0\x12\x910F"\xc3p\x14\x1f\xadl\xed\xbe\xf0\xec\xd9\xb3\x85\r\xda4\x81\x9d\xb6\xdc\xf4\x1b8\xc9M\x13;\x92\xfb:NV\xc6\x1d\xec=\xa9PR\xea\xe3\x0f\xb8\xb9U\xa3\xe6h\xd0\xc5\x1b\xd0\xbc\xfc\xdb\xad\xc6\xbc\xfeN\xd6\xc4\xb2\x06\xbd\xbaR_\x00f\x8et\xf6\x83^\xd8"\xf5\xd9g\x86\xcb\x16\x0b:\xda\xd2\x0e\xe8\x1dH\x8c\xfdTXc\xdd\x837\x7f\xf9\xdbW\x0fh\xda4;Q\x95\x93N\xa7\x91\xb3\xdb\x03\x84d\x7fDV\xe6HVY\xe6\xb9\\Nv\xd5\x84\xe9\xd1\x97\xfb^%`-\\\xf9\xa8\x11\x94\xea\xef\xef\'\x9dPj5\xc8UV\x86\x07m\x9d\xed\x16\xcb\xe5\xcb\x04\xcabi\x87o\xdaI\xf5\xc9\xbb\x8c\xfd\xa4\xcd\x8b`]\xf8\xf3\xaf\x9eL\xd34\x1d\xf9Od4;\xb9-\'\xa7\xef\x87\xb0\xf0\xf60V\x1a\x98\xed*\xe4b\xe8|\xc2\x94\x88\xfdk\xc5\xc9\xf0\x94\xc2\x8d\xd7\xc7\x1a\x01\xabm\xa4\xad\xad\xad\xa9A\xadV\xd7\xa9\xf5$\xe9S&amp;o\x1b\xe9\xfc\xe2\x0b\x0ba\xc2\xacV?h\x05\xb40\'`\x15\xc1\xd4\x16&amp;E\x06\x07o\xfc\x05\xb0\xc6\xc6\xe6c\xef\xa2\xae!.\xc9Ms2-L\x0f\xce\xff\x02\xb15\x96l`\xca\xa9\x9a\xb8\x93\x08\xaf\xec\xed\xba=.\xb3\xd9&lt;=#ml,\xc6\xd6\x9e\xb6&gt;PK\xafV\xa9\xf4\r`\xa5\xae\x01\x14\xebk\xbbw\x0f\x89H\x88\x0c\xe5D*\x82\x85WP\xdcg\x0f\xde\x1a\xfc\xe0\xe1\xe2\xd8\xfc\xd8Xtoo\xdf\xb1&lt;\xc4%\x16f\xbdOu\x80E\n\x9e\xa5\xe3$\xd7V\x90j\x96\x8ay\xec\xe1\xbd)\xb7Oh\xd6\x98_\xdc\xfa\xb0\xb1\xb1C\xde\xd4\xd7\xd4\xd7\xd7\xd4\xa0\xafT\xa9Tx\x8e\xab\x83?\x98\x07\xc4X\x1b\x10\xb7a\x8a\xacS\xde\x95\xc4\xc2\xe2\xc2\xeb\xd4)\xc4\xea\xbe\xf9\xed\xfc\xfc\x18M\xf9\xf7\xde\xbd\xdbw\xec\xc06\x87\xcb\xc9\xfa\xffj\x1d\xcd\xa8)\xf6\x989\'\'w\xe2N$\x1a\x0e\x87"\x89}\xb7-\xa24\xd3\xe6/\xbb\xf3\x1a\x9b\x8dMMMe\'\x9b\xca\x1at \x96J\xa0\xeaQ\xebt*\xf8\xc2\xe0\x11\tr\x92p\x1b\xb8\xdcE\x8a\xcb(c\xe7#\xecg\xc1\xc5\xea\x0f\xb6\x1e\x00\x16\x1d\\\tEB\xe10\x08F\xb6\x97\xefc\xa5\xae\x89i(b\x1f@\x8d\xae\x86b\xe1\xa0\xc3\x11\xf4\xef\xedN\xae\xad*\xcdcc\xafOK\x9b\xcf\x00T\x13\xc9p\x82H*\x1c\x02\x81J\xadP\xa80\x10U\x8fI\xad\xa4j}\xe8"\\\xa0\xfae\xf8~\x1ep\x9d:6(&gt;vzf\x1a\xa8h\x9fu?\xe6KDc\xa1Y.\xe7\xa0W\xf2\xa0\xa0pcC\xb8R\xab&gt;9"\x85\x92\xa2@\xa8`\xd0c\xb3.M\xed\x1e\x99\x8c\x9b\x94Bzl\xeb\xaf\xd2fyY2Y\xaa\x07*\x01 \x01W\x8f\x82p\x15\x16\xd6\x03\x18f\x14\xef\xb5\x9d&lt;\x89\xa2"\x96\xb1\xbf\xdf\x08\x97\x82\xbc\x16)\xc1z\xfch\x8c6\x9bC\xce\xdd]\xebz&lt;\x1a\x8b.\x0fe\xf6\x83\x1f=01m`r\x1b\x93;4\xbb\x0cB\x85\xed\xf6u\xa7u\xcef\x0f\xbf\x9b\x9a\x8c+y&lt;!\xbdp\xad:\xaf\x0b\xa0\xb0\xa0\xf4\xa4\xe2\x11\xab\x07\x84\xc2h\x9b\xa2\x9e\x8c\x93W\xef\x01UQ\x13\x19\xc6\xf4\x90\xe5\xe5\x1d\x13\x8b\xab\x01\x8b6\x0b\xcd\t\xe7\xd4\x9e\xdf9\x17\xb0\xc7\xa2\x89\x9d*nzaH\xc9\xc69\xa8*vkU5\xb1\x93\x88\x85\xf7\x91\xc9m\xb5\xd9\xa3\x14MG\xe7&amp;\xe3w%\x12\x9ep\xf1fMqW\x99^\x85\x12a\xb1\x13,"\x15\x18H"\xb9\x98\x15\xbe\xdav\xb5\x0f\xbc\x04\xaf\xc1F#\\\xd1\xb1\xc8\x8c\xf8\xe6~\xb5X\xfc\xf9\xe3i\xb3I(\xa4lK\xe1\x08\x13\xf3\'\xc1\x86H\xd3J\xe6\xb51\xd9\xdd\xc5\x1e\xaa\x81P\xaeh\xd8\xe3_\x0fXA\xa7`(B\xaf.o:&lt;KP[Z\xed\xb0d\xe3\xfe\xe9\xe2\xe3\x95h\x9d@P*P\x13\x17Q*R\xef\x85\x18\xfb&amp;\xb1\\\x12\x01/j \xeb,R\xe18\xd3!\x03.\xb1\xf8\xda\xcc\xbcR\x89XS\x9eM\xca\x15\x89\xfa\xe7\x9c\xeb@\xb6&lt;J\xf2\x81\x1cN\xaao\x92\xb5\x8fK&gt;\xeca\x14VN\x8f\xdf\xe6\xb4Z\x9d\x9e\x18\x13q-oz\xd7\x02V\xf7\xd4\x91\xc9\xc0\xf2\xb0vxX\xb4\xf8PZPG\xa0`\xa0\x81\x02A\x0f\xabTR\xad"\x82\x85P0\xca\xd8\xa5\x8b\xbc\xfbr\xdcX\\,=%\xfe\xcd\xb5o\x95\x80\xa5\xa1\x9cS\xbb\xd6\xc0\xda6\x15\t\xd9mN\xa7\x1f\x9eng\x08\xd7}\xd2\xb6\x9b\x9a~\xdc\xec\\\xa8r\x98\xb2+N\xa7\xd3\xe6\xf1\xfa\x18\x8ab\x91\xdcn\xabse\xd7me\x86a\x8ck\xb6\xaa\x0bH\x97k\t\x0c\x00C;\x15\x8aBv\xb0\xa5UX\xd4\x8bX:\x1d\xac\xb1e]M\x08E\x9au\xe5\x1d`c\xf5\xe7_=\xe2\xc1\xe5B\xc8X\xa7v\xe7\xacnk \xeec\x18\x07\x90\xd9\xfca\xdf2l\xc5\xb8l+:[T\xf0\xa2\xc6\x94\x88\x86\xfd6\xbf\x9dE\xda&amp;HV\xf8io\x88\xa2\xc2nw\xfc.rU,~z\x1c\xbb\\\xc9\xc0\xd6S\xd6DEZ\xac\xdez\xcc\x0b\x9f,\x82Y\xa1\xd3\x01\x16L[l\xe5\xa8\xfciA\xd7\xcf\x9a\x8b\xa5\xdd\xbf^\xa0a#"4;\xdc\x93+!\x1f\xce)\x98\x8f\x9bL\xc8\xebY\xb7\xd9&lt;\x0ej\x87\xb4H\x90\xcf\x14#\x15\x05S\xcf\xee\xdd\xf6\x85\x98\xcd\xed8"\x01\x91\'\xe8\x08Q.a\x85V\x9bp\xba\xc1\xc5\xe1\xf1\xf1q\xcd\xeb\xe6s\xe5\xe7\xcf\x97\x97\x93N\xd7\xf2\xd2\xd2Zb#+X}ooQ=\xc9\xbf\xea\x148%\xf4\xc8\xa4\xd7W\xfe\xbc\xae\x0e\xbb\xb8\xce4Ko\xcc&lt;\xe0\x89x\x03\x03\xae5\xf7RLi\xa2)\xe0!d\xdb\x9b&gt;\x07@\xae\x04\xa9\xd1l\xb2\x9egcE9\xec\xe1P\x82\xf1!\x90\xd5\xbd\x04\x8b\x827\x9a\x88\xb8\xcc\xb0*\x0c\x80\xe2B\xda\xeb\xb6\xfa\xb4\xe8\xe2\xf8\xf4L\xc19\xccI\x9e\xbdt\x1e\xe8J\xb0\xc40\xf2\xca\xca\xd5\x8b\x1fu\x80\x85\xa5\xee\x11\xf4\x90E\x04\xbbqH\xfb\x12\xb6\xdb4\xb7^\xf97O$\x1a\x18\x10Q\x81\xc9\x95\xc4]\x98\x91B\xb3+\x11\xb5\xdb\xacPg\xf1m\x1f,\xdd\xfe\xf8\xe6N\x15`\x8d\x82P\xf6X\x88\xdaf5\xf2\xdbA\xa2\x88Y\xa2\x85\xf5\xc0l\x86</t>
        </is>
      </c>
      <c r="M543" s="3" t="n">
        <v>45492.67659722222</v>
      </c>
    </row>
    <row r="544">
      <c r="A544" t="n">
        <v>1485226</v>
      </c>
      <c r="B544" t="n">
        <v>188413</v>
      </c>
      <c r="C544" t="inlineStr">
        <is>
          <t>João Cruz</t>
        </is>
      </c>
      <c r="D544" t="inlineStr">
        <is>
          <t>J. Cruz</t>
        </is>
      </c>
      <c r="E544" t="inlineStr">
        <is>
          <t>UNK</t>
        </is>
      </c>
      <c r="F544" t="inlineStr">
        <is>
          <t>UNK</t>
        </is>
      </c>
      <c r="G544" t="inlineStr">
        <is>
          <t>UNK</t>
        </is>
      </c>
      <c r="H544" t="n">
        <v>169</v>
      </c>
      <c r="I544" t="n">
        <v>57</v>
      </c>
      <c r="J544" s="2" t="n">
        <v>38848</v>
      </c>
      <c r="K544" t="inlineStr">
        <is>
          <t>Right</t>
        </is>
      </c>
      <c r="L544" t="inlineStr">
        <is>
          <t>b'\xff\xd8\xff\xe0\x00\x10JFIF\x00\x01\x01\x01\x00H\x00H\x00\x00\xff\xe2\x01\xd8ICC_PROFILE\x00\x01\x01\x00\x00\x01\xc8\x00\x00\x00\x00\x040\x00\x00mntrRGB XYZ \x07\xe0\x00\x01\x00\x01\x00\x00\x00\x00\x00\x00acsp\x00\x00\x00\x00\x00\x00\x00\x00\x00\x00\x00\x00\x00\x00\x00\x00\x00\x00\x00\x00\x00\x00\x00\x00\x00\x00\x00\x01\x00\x00\xf6\xd6\x00\x01\x00\x00\x00\x00\xd3-\x00\x00\x00\x00\x00\x00\x00\x00\x00\x00\x00\x00\x00\x00\x00\x00\x00\x00\x00\x00\x00\x00\x00\x00\x00\x00\x00\x00\x00\x00\x00\x00\x00\x00\x00\x00\x00\x00\x00\x00\x00\x00\x00\x00\x00\x00\x00\x00\x00\x00\x00\tdesc\x00\x00\x00\xf0\x00\x00\x00$rXYZ\x00\x00\x01\x14\x00\x00\x00\x14gXYZ\x00\x00\x01(\x00\x00\x00\x14bXYZ\x00\x00\x01&lt;\x00\x00\x00\x14wtpt\x00\x00\x01P\x00\x00\x00\x14rTRC\x00\x00\x01d\x00\x00\x00(gTRC\x00\x00\x01d\x00\x00\x00(bTRC\x00\x00\x01d\x00\x00\x00(cprt\x00\x00\x01\x8c\x00\x00\x00&lt;mluc\x00\x00\x00\x00\x00\x00\x00\x01\x00\x00\x00\x0cenUS\x00\x00\x00\x08\x00\x00\x00\x1c\x00s\x00R\x00G\x00BXYZ \x00\x00\x00\x00\x00\x00o\xa2\x00\x008\xf5\x00\x00\x03\x90XYZ \x00\x00\x00\x00\x00\x00b\x99\x00\x00\xb7\x85\x00\x00\x18\xdaXYZ \x00\x00\x00\x00\x00\x00$\xa0\x00\x00\x0f\x84\x00\x00\xb6\xcfXYZ \x00\x00\x00\x00\x00\x00\xf6\xd6\x00\x01\x00\x00\x00\x00\xd3-para\x00\x00\x00\x00\x00\x04\x00\x00\x00\x02ff\x00\x00\xf2\xa7\x00\x00\rY\x00\x00\x13\xd0\x00\x00\n[\x00\x00\x00\x00\x00\x00\x00\x00mluc\x00\x00\x00\x00\x00\x00\x00\x01\x00\x00\x00\x0cenUS\x00\x00\x00 \x00\x00\x00\x1c\x00G\x00o\x00o\x00g\x00l\x00e\x00 \x00I\x00n\x00c\x00.\x00 \x002\x000\x001\x006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0\x06\x02\x03\x01\x00\x00\x00\x00\x00\x00\x00\x00\x00\x00\x03\x04\x06\x07\x08\t\x00\n\x01\x02\x05\x0b\xff\xc4\x00&gt;\x10\x00\x02\x02\x01\x02\x04\x04\x03\x06\x04\x05\x02\x07\x01\x00\x00\x01\x02\x03\x04\x05\x06\x11\x00\x07\x12!\x08\x131A\t"Q\x142aq\x81\xf0\x15\x91\xa1\xb1\n#\xc1\xd1\xe1\x16R$%34Bb\xf1C\xff\xc4\x00\x1e\x01\x00\x01\x04\x03\x01\x01\x01\x00\x00\x00\x00\x00\x00\x00\x00\x00\x00\x03\x04\x05\x06\x01\x02\x07\x08\t\n\xff\xc4\x00;\x11\x00\x01\x02\x05\x02\x03\x06\x04\x05\x04\x02\x02\x03\x01\x00\x00\x01\x02\x11\x00\x03\x04!1\x05A\x12Qa\x06\x13"q\x81\x91\x07\xa1\xb1\xf02\xc1\xd1\xe1\xf1\x08\x15#B\x14Rbr\t\x16$C\xff\xda\x00\x0c\x03\x01\x00\x02\x11\x03\x11\x00?\x00\xde}=\x06\xdcZ"&gt;\r\xaa\xabw&gt;\xa5}&gt;\x83\x7f\xaf\xb1\xdf\xf5\xff\x00]T\xae\x16\xb3\xbcd\x16r\x0b\x1fw\xfd D\x1d$z\xecOq\xbe\xe0z\x9d\xfb\x0e\xff\x00\xf3\xc6\x8aS\xdb\x03x\xc0\x04\x90\x1d\xb2\xf6w\xb4\x1a \x1d\xc1\xef\xed\xf4\xf4;\xfe{z\xed\xfe\xdd\xb8\xd22]$\x87\xe4\xff\x00X\xc5\x03\xd0\xeew#\xb8;z\r\x8e\xfe\xbb\xfdO\x04n\x8b\x82\x0e-\xf9\x98\xee;8\xed\xb7\xd0o\xbf\xb1\xf7\xe0\x85 \xca\x0fS\xfa\x0f\xdf\xef\xd7\x84W\xf8\x8f\xa7\xd2\x082\x9e\x9f\xae\xff\x00\xdb\x8d`\xde1\xe4H\xd4\xbc\x8e\xa8\x8a\x0b33\x05P\x14\x12\xc4\xb3l\x00P\x0e\xecv\x03m\xcfn\x13\x98\xa4\x81\xe2 1\xfd\xbf8\xcb\x1eF\x12M\xcc\xbe]\xc6\xf2Bu\xc6\x92k\x10\xbb\xc7%Hu\x0e&amp;\xc5\xc5\x916\xea\x8cT\x82\xdc\x96^U\xddw\x89"iw*:7#t;\xc4\x1f\xf6\x1do\x8f?x\xdb\xbb[\x03\xc2X\xe3\xe5\xfa\xfeP\x1c\\\xcc\xd12\xdez\x0b\x9ad\x9e1\xbc\xa6|^^\xb5h\x94\xf7\xf3$\xbdf\x844\x920\xbb\x93#\xd8X\xc6\xc7v\xecv\xde\xe48b&lt;\xf6\xe7g\xb7\xcb\xack\xc2\xa0n\x0b\x00\xe4~\xfe[z\xc2\xf2\'I\x11&amp;\x89\x96H\x9dU\xd1\xd1\x83\xa3\xa3\r\xc3\xa3\xae\xea\xcaF\xc4\x15\xdc\x11\xdc\x1d\xb8\r\xc1\x1c\xe3rX\x86\x19K\x00\xfe\xdfo\xf4\x831\'\xa3m\xb7\xe7\xbfr?3\xe9\xbf\t\xa8\x808G\xdd\xcd\xb9\xe62\x9e\'c\x81\xe5ks\xdf\xf7\xbc\x0f\xc2q\x95\'\x89\xae\xcd\x19\xc1\x1b\x80\xe5\x9d\xba\xc7*\t#\xe9\xef\xfb\xfc\x7f\x7f\x86\xaaQ\x18\xdf~X\x8d\\;\x01\x8c\x9f;\x8f\xb1\xeb\x03\xfap\x8cf3\x821w6\xf2&lt;\xe3?]\xbf\x9f\xfa\x03\xc1\x19\x86\xc1{\x11\xed\xec;v\xfc\xbf\x7f^-\x11\x1f\x07\x13q\xb8#oOo___\xdfn\x13\x99\xb7\xaf\xe5\x18 \x1b\x18\x15F\xe7\xea\x07\xa8\xed\xdc\xfb\x0f\xdfm\x8f\t\xc0\x00\x16\x100\x07\xd3`;n6\xdf\xbf\xe5\xd8pB\xbd\xdf_\x97\xef\x1d\xd3\xef~\x04}=;\x0f\xc7\xdb\xb8\xfcx!H\x18+z\x91\xe8\x0f\x7fN\xdf\xaf\xe4&gt;\xbcjV6\xbfK\x8f\xca\x06,\xe7\xaf!\xbf\'{B\x1f\x99&lt;\xd0\xe5\xf7\'\xb4fk_\xf37V\xe14^\x8f\xd3\xd4f\xbd\x96\xcegoAF\x9dx!\x8d\x9d\x95ZVV\x9e\xc3\x85+\x15hVI\xe6r\x164bv\xe1\xb2\xd6\x94$\xa9E\x9a2\x94\x95\x16\x01\xcf\xdf\xd2\xd1\xa5\xef\xc4\x93\xfcO\xba\xa3\xf8\x96c\x97&gt;\x07iG\xa6t\xeda5K\x1c\xe0\xd48\xe8\xae\xeaL\xb7C\xf4=\x8d7\x84\x9d\x9e\xbe\x1b\x1d"\x075\xf2\x16RL\x83o\x1c\xd5\xda\xb3|\xbc0\x99R\xb5\xa4\xf7I!?\xf6o?w\xdf\xaf\xcd\xc8\x92\x84\x00f\x1b\xd9\xc0\xc8\xe8l\xdf\x9ckc\xaf~%~*\xb9\xddb\xd4\xfc\xc6\xf1M\xcf]X/\x13$\x98\xbc\x96\xb9\xccV\xc4\xac\x84\xb1\x10GR\x0b\xab\x19\xae\xa4\x91\x1c*\x8a\x15J\xa9\x0c=\x19,\xb8\xf1q?2K\xdc\xf2\xe5\xd2\x1cK($\x94\xb5\xac\xcc-\xf7\xf3s\x9b\xc3Y\x84\xe6\'8\x05\xe5\xc9\xae\xa4\xca\xb2N|\xca\xed\x99\xbbb\xb46\x1a]\xdc"\xdeKq\xd9\x8e\xc1\x01\xc2\xcb\xddY\xbd\xfa\x87QC\x857\xfc\\\xf3\xfe\xb6\xf1`\x13\xe4\xefs\x12\x08\xe3\xb2\x99$;\x8f\x08\xdc\x0e~\xa7{\xb9s\x16{\xe1\xfb\xe2e\xe2\xeb\x91\xd8\xf8b\xd1&lt;\xd0\xd4\x11\x1c|\xb0\xcfcEj&lt;\xe5\xbdi\xa5\xafD\xac\xcb \xa3\x89\xcd\xd9\xb6\x95^U\x04\x19\xab\xc8?\xcb \xa4\x88V&gt;0&amp;L\x94AJ\xcf\x0b\xfa\x0b\x8b\xf5\xf5\xbd\xf9\xc3\x93K"t\xb2V\x8f\x1elX\x96w\xc3\\\x92\xd9"\xfd#d?\x86w\xf8\x80\xf4/4\xb5\x15.Os\xfe\xb5M\x0f\x9e\xc8M\xf6zw\x85\x87Lel\x94\x85\x88\x82\xbcv\x9c5Lu\xa6\xdd!\x80\xbfMi\xb6\x02GI\x94#\xc9U\xc4(&amp;`\xb2\xbf\xdb\xcd\xaf\xf9\xb6}b.v\x9cR\xea\x94\xc4\x8b\xf0\x93\xf8w\xb9\xdf\x0c\xc2\xfd\r\x9bf\xdd;\xcd\x1cV\xaa\xae\x92i\xff\x00/\'\xe6A\r\xb8\xa6\xaf*=SZ\xc2\xf9\x88L\xea\xce\xa6@\x84\x06\x0b\xbe\xccv\xe9\xed\xdd\xf8JVx\x92\xa0\xca\xbb\xed\xcf/\xf2\xfab#\xf8V\x95\x10\xab^\xe1\xba7\x9f\xf1\x1e\xfe\x13\\cs9;\xb8`\x8fW%B\xcbV\x9e\xbc\xa1\x8e\xec\x91\xa4\xac\xf1\xb0UV\x8f\xa5\xd7f\xecI\xdc\x01\xd8\xf1\x85#\x87w\xea&gt;\xf7\x81AV#\x05\xcf\x9b\x1c\\g\xec\xc2\xdc+\x1f\xc7\xf1\xdba\xfd\xcf\t\x15\x00\x1f/\x8e\xbc\xe3P\xa0\xab\x02\xc4\xf4\x7f\xdb\x100\x1b\r\xb8MJ\xe2k3FR\x08rr\x7f}\xe3\x9e5\x8d\xa3&gt;\x9f\x8f\xef\xb7\xd7\x82\x08\xec\x15\x88\xdcl?1\xbf\xf4\xe0\x82\x1b8\xc0 \x0fN\xff\x00\x9f\x7fc\xfd\xbf}\xf8\xb4D|\x18Q\xb0\xfc}\xf8Nf\xde\xbf\x94\x10aT(?S\xdc\x9f\xd3a\xfa\x7f\x7f\xc3\x84\xe0\x81\x08\xdb\xb7~\xa1\xf4\xf7\xdf\xdbo\xc3}\xbd\xf7\xe0\x87\x11\xddT\x83\xdf\xd7\xd0\x7f\xc7\xe7\xf9o\xc6\xab\xfc\'\xd3\xea \x88\xd7\xe2\xcb\xc5\xf7!\xfc\x17r\xaf)\xcd\xbe~kl~\x91\xd3t\xa1\xb0\xb8\xfa\xb2\xc8\xb2f5\x0eF\x18\x8c\x89\x8b\xc1\xe3\xd4\xf9\xf7\xad\xcb\xba\xa9X\xd7\xa2 \xc1\xe4u\x1bn\xd9J\trr\x00n\xaf\xd3\xd3\xa7\xe7\x19\x19\x02\xe4=\xdb\xef\xe9\x1f2o\x89W\xc5\x9f\x9b\xfe8y\xc9\xaa\xb5vOVj\x08yS\x1eJ\xcdnZ\xf2\xd5n\xcdWO\xe1\xb0\x90\xbb\xa5+\x17qqH\xb5\xece,D\x16\xc5\xa9\xad\xac\xaf\xd6\xe1Wb\x83x\x99\x86d\xd9\x87\xc4x6\r\xed\xd4\xe6\xfda\xfa\x15.RB\x82^a\x16{\x80,\xd7\xe8\xff\x00x\x8a\x97\x93Xd2V\xa4Y+\xf7\x9ba7GKG+\x02\x19D\x8aW\xb8\x1e\x81\x17a\xb6\xe3\xb7~2\n\x81\xe0\x1c\x86@\xf2\xbb\x8d\xed\x01Q\'\x8c\x90\xc4\x07\xb3\xdc\xfay\x08\n\xfe.#n+Q4\x15$\x98\xc4e\xe8v\xea\x8egq\xd2Z\xb1\xd8"\r\xf6b\x9b\xf4\x80\x0e\xfb\xb6\xdc\x0b\xe1 \x85\xd9D\xd81a\xd6\xd9\xce\xee\xf0!,\xa0\xa4\x83\x7ff,\xff\x00/\xbcC\xd5\xcb\xfc\x9e\xa4\x8a\xe5,\x06N\xd4yJ3\xbfD8\xd9\xd9\xadP\xb5X\x11&amp;\xd0\xd9 &lt;30\xea\xed\xd4\x1a\x10Kl{\x1e\x19MJ\x9c7!p\x01\x1b\x9b\xbd\xc6og\xe49\xc9\xd3\xcc\xe2*\n\xc0t\xe3\x93c\xed\xed\xb49\x9a\xa7H\xff\x00\x01\xb9\x06\xa5\xd1\xd63\xb8S\xd9\xa7\xa1,\xc2\xdd\x1a\xff\x000&amp;\x18\xdfr\xcc\xb2\xbaI\xb0\x04* \x1d#}\xb8JY,\xa4\xa8Y\xf9s\xc9\x16\xb8l\xdb\xd5\xa1\xc4\xc9\x05#\xbc\x96H\xb0Q\x1b\xf9\x0bc\xa6q\x1eul\xb3\xeav\x8b=BH\xab\xea\xac&lt;\xd1+\xdc\xa3,\x95\xaf\xb3F\xa0A1\xf2\xc8s\x1b:\x01\xd67x\xa4\x1b\xb7a\xbf\x19RJ\\\x00\xee\x0b\x1d\xf6f\xe4\xcc93\x02\xfc\xf0\x99\x9d\xe2B\xf11 \xb8|\x91\xf6\xc0\x8f;&lt;m3\xf0M\xf8\xcb\xe69\x7fe&lt;9\xf3\xf7!.R,\x94\x95\xe9h]I\x97\xb2\xa6\xd6*\xfa7\x96\xb8\x8c\x95\xab\r\xd6\xf8\xfb\xa8?\xf0\xd3\xb3\x13\x1c\xe1Sr\x08\xe1\xdd4\xe3$p\x90JTC_\x17#/\xcb\xda\xf6\x86u\x12\xc5H*O\x82bO\x8d8p\x1e\xf8\x1bm\xcb\xe5\xb4\xcf\x87\x9dW\xa8\xf9\x9f\xe2?\x98\x99\x9b\xf9Y\xeai\xdc&amp;/\x11r\x9e\x02\x07Q\x03\xcb\x90\xa4\xe2\x1b\xb6X\x11"JQ\xd2T\x8d\xfe\xf0Us\xdb\xd1\xda&amp;-sV\x92BS\x80\x93w\xfc\xb7\x0e|\xe1\x8c\xd4\tr\x92O\xe2\xbb\xbf\xbd\xb9\x13\xe7{\xc5\x96Wue\x01%\x12\xecJ\x92\x19_\xd0v\xea \xfa\x91\xb1\xdf\xdf\xfaq\xa2\xc9$\x02\x1b&gt;\x9f\xa8\xb7OXj8F\x08\xbf3\x06\xbf\x7f\xbf\xdf\xfa\xf1\xa3\xdc\x86\xc3_\x9f\xf1\x1bG#o}\xff\x00N3\x04r\x01;n\t\x07\xb7\xe5\xe9\xdf\xf2\xfe\x9c\x10@\xa0l\x00\xfapA\rr\xa8\x07~\xe3\xdb\xfa\xf7?\xed\xff\x00&lt;Z"&gt;\x0c\x8fA\xb7\xa6\xc3n\x12Yv\x0cC;\xbf\xa4\x10`m\xdbc\xbe\xe7a\xef\xdf\xf1\xff\x00\x7fN4\x8c\x80\xe5\xa0p\xa7p\xc4\xee@\xdbm\xbbpB\xf1\xddA\'\xb7}\xb6;v\xfd\xf7\xdb\xfap\x92\xc9r6\xfe??\xac\x11\xf3\xa6\xff\x00\x14\xc7\x88\x9c\xa74|rc9%G5y\xb4\x7f#46"\xbd\xda1Y\x911\xb1\xe75\x15d\xcb\xe6\'0\x86X\x9e\xdc~jR\x9aGVb\xb1$a\x82\xa8\xe2&amp;\xb2iJ\xd2\x87 \xbe\xde\x8d\xbb\x81\xf9\xbf\xa3\xc92\xf8\xa5\x9561\xe6\xe7\xdf\x97\x98h\xd5\x13\'d\\\x9d\xbe\xcc\xc5cF=\x11\xb1\xf9\x88\x04m#\xef\xd8\x92\xa3\xd8\x7fA\xc2\tvr]\xef\xef\xfb\xc6\x18\xac\xb0\x0c\xc1\x86\xe1\xed\xbe\xfe\x9d#\xd5\xc1\xdb5\xe7@\xf3\xc5]\x89\x044\xd04\xeaX\xec\xa5\xbeQ\xd8\xf7;m\xc6\x16\xa6`3\xbf\x96\xd9\x1fl\xd0\xe12\xc0O\x8b$1\xbbl\xc3\xd5\xbf\x88y\xf1\xb8:\xd9ZbL\x8c\xb4c\xb2\x92\xc4\xd4\xf24\xd9e\x8d\x88s\xb2_\x80\xc9%\x95i\x84\x9d%zQS\xb1`;n\x91Q/\xc6]\xcb\x03\xd1\xb0Np\x0e\xf9\x85R\x96`\x84\x92\xcdl\xb9\xfd\xd9\x80\xde\x1e\x8aX\xfc~/M\xdb\xb9\xd1=h\x1d\xd5\x85\xd8k\xa5\xb4\x82\xd4\xb0\xa4q\xed h\x9e\xa7@Yg\x8f\xcai\'\x95z\x14\xa3D\x1d\x955\x84\x80\tr\xc1\x80\x07\x96v7\xb7.\x90\xf6J8\x92\xe5$5\xf0\xd7\xb6Z\xd0\xa7\xc5\xe5.\xe64\xee^*Y\n\x13fq\x18\xe5\xb9-H\xd9g\xa5\xa9p\x92I-Yl\xd6\x81\x9cO\x16N\xad\xaa\xaefX\xc0q]\xe0\x92U\x8d\x98\x82\x81&amp;\xc0\x82\x06\x1d\xee\xfegnn\xc7&lt;\x8cH\x02\x0c\xb51\xf1$\x1bs\x1d-\x9c\x8d\xfa\xe6"k\xbe^\xb6b&lt;\xc6\x9d\xb14\x0el\xc5\x05\x9a\xd1\x13\x1c\x80\xd9bb2\xa2\x96R\x01\xdc\x1d\xc7\xcaAV\x00\xef\xc3\xb4\xf0\x84\x10K\xb0w\xcb\xf9\xf478\xdb&amp;!\x14\xb5\x99\xcf-\xc0R\x98\x83\x81sc\xb0g\x16\xf5\xe5\x0b\x9c\xb6sPi\xadg\x89\xcfR\x9eJ\xb9\t\xa9P\xc8V\x96\x12\xd0\xbf\x9b\x08Yv\x04lU\xc4\x91\xee\x8c\xa7h\xe4\nF\xdc`\x14-\x04\x00\xdb\x87\xf5\xf6w{?\\\x16Rj\x95*p\xcf\x88\\3\x96\xdc[l\x9f&amp;\x8d\xe7\xbf\xc3\xe3\xe3W\x1b\xcd\xaa\xd9\xca\x1c\xd4\xd59k\x9c\xd4\xb8b\xc6\xdf\xc8fl\x85\xa7\x9a\xc2\xd5\x86\x8c8P\xd6\xbc\xc4\x02\xf62:b\xb1\x8aH\xfa\xe6\x86Y\x1a2\xe4\xc8\xdc9\xa5QR\xbcA\x94\x01\xc8\xb9\x0f\xe6\x7f&amp;\xf3\x84*\xa5\xa8\xa1+\td5\xc7\x9d\xfc\x9a\xf8!\xfdcp,l\xb1I^7\x85#\t"\x86\r\x10^\x86\xdcw*W\xb3.\xc0\x10\xde\xe3m\xb8Zj@.\x0f\xde=\xed~\x97\x88\xb2\x13\xc4F:\xb8\x01\x99\xfe\xa7\x1e\xdc\xa3\xd1\xe1\x00\xed|\xc2\x83\';g\x1e\x9f\x9fX\xce3\x19\x81\xc0\x00m\xfb\xdf\x82\x08\xe7\x82\x08l\x11F\xfb};\x9f}\xfb\x8f_\xcf\x8bDG\xc0\xfd\xfe\x9f\x90\x1d\xff\x00\xbf\xef\xf1\xe1\x05\x17$\xfd\xe2\x08\x19Ga\xfc\xc7\xeb\xbf\xfb\xf1\x88\xc8,^\x0c/\xdd\x1f\xbf~1w\xc8c\x8ex\xdb\xd6\x16\x04\x1c~\xf02\x1d\xb7\xed\xdbm\xc9\xfc\xbd\xbe\x87\xd7\xf0?\xc8p\x8a\xc8\xe2\xcb\xbe\x1b\xa0\x8d\xae\t\xb3\xb6y]\xf9\x1fW,p\xd8\x8f\x96\xaf\xc7\xdb\x9a49\x91\xf1&amp;\xf1I&amp;\x0f\x05_\x1f\xff\x00K\xea\x04\xd0y\x07\x8a)\x17\xed\xf64\xe4\x10\xe1\xa6\xcbLN\xe1\xde\xe3\xd46\x19\x8a\x84\xeb\x90\xaa\x9fN!\xaa\x8aL\xee%`\x00&gt;d~\x9e\x97\xb4H\xc9\xe2\x12xR\x1c\x9b\x11\x9bo\xcf\xf9h\xa1w\xc6N\nM\xd2P\xbc\x82\x14\x0c\xdb\x13\xd3\xb2\x92\xbe\x80\x10O\xdd$m\xed\xbf\xaf\x08LXS3\x80.X\x80\xd6\xf3&gt;}o\xea\xa4\xa9\n\x00\x96\xde\xc0\xe6\xec\xcc\xe2\xe7\xe9\xbc&gt;:S\x96\x16sM\x06=(\xe4r\x99#^+iO\x15\x87\xbbrA\x13\x9d\xf7\x9a\xd4U\x9e\xb8U\x1d-\xba\xcf\xd2Ky{\x99\x01Q\x1fU\xa9RR\xa7\x8al\xf9i\xe8\xa5]\xf2mc\xcc\xf9\xdb7\x16\x1a\r\n\xb6\xb9A2)\xa6\xad\xc0$\x84\xb8\xbb8;\x8d\x98\x18\x96\xda\x0f\xc2\x7f:5\x15\x8c|\x9aS\x97\x17`.\xf5\xc0\x9f3a*\xd1\x81\x14\x15\x9a\xcc\xf3Z\x8a\x9b\xa2\xca\xaf\xb7\x92\xc1X\x90&lt;\xb1\xe6\x8e\xf0\x13\xbbU@\x1c!bc\xfe\x10\x92\xfe-\x80l`\xd8\x877\x04\xdd\xa2\xd7K\xd8]MkO\x14\xae\xed.\xe4\xac\x10\xc0\x97\xbb\x81\xd4\xfb9\x89c\xa8\xbc\tx\x8b\xd3\x1a*\xdd\xfc7.\x976\xc6*\x95\xae\xcf\xa7\xf2\xc9\x9a\x86#4\x912\xc0\xb8\xeb4\xd1\x8c\x84G\x08\xea\x90WE\x8b\xce\x92\x99fX\xbas\'[\x0b\x01jB\xd2\x82rl\x1a\xe5\xde\xc7\xae\xee\xe4\xda\x1d\xd4vN|\xa2%\xa1r\x94\xa1n\x10|^\xc0&gt;\xd6&gt;@]\xe2\x11d&lt;)\xf8\x8a\xa6\xd6m\xda\xd0\xf9|\x05\xc8\xacO\xd3\x0c\x15\x1e\xb5\xde\x96(\xfd,\xb1\xb0\xde\'1\xc0\xc3\xcc\xdc\xf9\xa8\x86G`\x85\x86&amp;\xf6\x92\x86[\x05,\x04\x80\x02\x9c\x87\x17\xcf=\x87\xefhJ_bu)\x88Q\x08!\xc5\xacn\x08\xf2.\xec\xcc\xe1\xfe\xa8L\x97\'y\xbf\x81\xbb\x1d\xdc\xb6\x8c\xbb\x04\xd5\xd4\xcfi+D yc\x88\x16\xf3\xa75\xcb\xaa\xf5w;\xae\xdd\r\xb1C\xd46+\xc8\xed.\x9d=\x90\x99\xc9\x1b\x0f\x10\xb9\xc7\xa5\x9c_;b\x18O\xec^\xa5L\x85-RU`M\x92v\x05\xc8%\xac1\xcb\x1c\xdc\xa8k.\x9e\xd6\xb8o\xe1\x9a\x83\x1d-&lt;\xb6&amp;\xb4\x87O\xd9i\xe5\x16\xa5\x9e$i\x1a\xac\x92\xca\x15\xde\t$\x0c%\n\x8d\xe4\xf4\x7f\xfc\xc9$\xcd\xcb\x9c\x14\x12\xb4)\xd0\xb1\x96\x17v\x00\xd8\xb5\xb6\xf6\xbd\xda\xadSJQ1h\x98\x92\x14\x84\xa8\\\\n\\\xbd\xad\x91\x97\xccM\x9f\x85\xdf\x8a\x1c\xdf\x86\xbe|\xe1\x8dLs\xea&lt;&amp;{%[\x11\x9d\xd3\xd2\x98\xa3\x92hm\xcd\xf6xe\xa9;\xcd^\xbaX\x8aV\xea\xab4\xf3\xc5\x00\x90/\xda\x01BG\x0e\xb8\xd7)iZHgf%\x81\xd9\x877\xfd\xa1\x9a\x13\xde\xca\\\xb4\xbb\x87&lt;\xec/\x8d\x98\x0eO\x87\xb9\x8f\xa5\xef\x82]{\xcc-}\xca\x082&lt;\xc1\xd19\xcd\x1ff\xb6Z\xf5|\x1c\x99\x99\xaaL\xf9\xbc\x11~\xba\x17\xa0J\xf3&lt;\x90\xac1\xb8\xa7(\x96(\x92Y\xa0y\xeb\xb3\xc3"\xf4\xbf\x98x\x98\xb1\x05@\x10\x07\xa3\xfarn\xaf\x10S\x02R\xb6\xb5\xf2\xe3\x19m\xb7\xc1}\xb3\x88\x98\xff\x00\xbf\xdf\xef\xbf\tF\xcd\x8c_\xdcy\xc7d\xee\xc3\xf2\xdf\xf9m\xfdw?\xdf\x821\x03pA\x19\xc1\x046\x03\xef\x0f\xccqg,A|D|\x18_\xbc??\xef\xdb\x84 \x81\xf6\xfa\x7f\xa0\xfd\xfe\xcf\x04\x102\xee6\x04\x01\xeb\xef\xbf\xf2\x1b\xef\xfd\x7f\x97\x01\xf2s\xb7\xdf\xd67A\xb9\xcd\xfeY\xcc&amp;u\xd6G=\x88\xd1\xf9\xfc\xa6\x97\xa9\x8a\xc8gq\xd8\xdbW1\xd4\xb3w\xacc1\x96\xe7\xaf\x13J+\xdc\xc8U\xa9~\xc5(\xa4U(mEF\xe3BJ\xbf\xd9\xa6\x00\xa1B\xe0\xe0=\xd8\x1el\x7f\x9f\x9c,\x1dE\x9c\xe4&gt;\xfe\xf9\xd8\xfc\xe3\xe4;\xf1\x17\xe6\xa6\xac\xe6_\x8cN\x7fk\xbc\xd6/\x1b\x85\xc8g\xf9\x91\xa8\xb2yjtl\xc7\x93\xa7Z\xdd\x9c\x8c\xe6Z\xd5\xf2\xb2Q\xa4\xd9j\x8b*\x15\x82\xd3Q\x85\x9b\xef41\x13\xd3\xc4,\xd4w\x8bQ$9R\x81\xbe\x08$\x8eW\xf4h\x93J\x95,\x8e\x1c\x06es\xe6\x1e\xc0\xfb5\xaf\x11\xebKQ\xd2\xd9\x1b\xb4\xd3=,V\xe6\xb1Il\xd2\xa9Z\x94Q\xc35\xce\xb1\xd7\x14\xf6#\xf3e\xea\x8d~m\xe4h\xd5\x8f\xc8\x8a7\xed\x07\xa8L\\\x89*2\xd4B\x9d@\xecxv-\xb67{\xee"\xd5\xa2J\x95ST\x8e\xfd \xa5\x92@\x18%\xec\xf8\xbe\x01\x00\xb7\xa6-\xc7\xc3.\x90\xad\r\n\xb1E\x16;\x0f\r\x81\x0c\xb3u\x04G`\x02\x853\xc8\xfd,\xca:\x82\xae\xed\xf2\xb1 w \x1e9\xad\x1a\xda\x99\xaa\x12\xbb\xd9\xa3\x89@\x80\xe5!\x8b\xe1\x99\xfc\xde\xc0[x\xf4\x06\x86())\xe5\x85w2\x08H%\xc0J\x88\xb3&gt;6\xc7\xb3\xe2.\x9f\x91\x9aW\x0b\x11\xaf\xf6\xec\x8e:z\xeb\x1a\x0f&amp;\x19a1\x8b\x07\xa0*\x9e\xa2\xcazX\xf5\xb6\xfd2\x81\xd4\xcb\xb8U\xdd\xbe\x9bC6T\xc16\xa9\nHw\x1c`\x86k\xfd\xdc\xf3\x89]CQ\x932WuI9\x13\n\x8b\xbc\xb5\x02y\x1c\x0c\xdb\xe9\xbd\xa2t\xaeF\x83\xe9\xe9\xb0\xf1\xdf\xa9\x0cR\x0b\x02i\xc40\xc9\x04j\xad\xbc\x13\xbc\xeb4N7\x84\x0e\xa0\xc9"F\xd2FT\x88\xdb\xac^D\xf9=\xc0JU-\x99\x8e\x18\x06\xbb\x8ey\x07\xa4T\xc4\x89\xc9\x9e\x99\x8d1Dx\x99\xaeo\x80\xd9\'\xf5\xe7ho\xcc\x8cn\x80\xa3^\xdcy\xcdc\x80\xc51\x84\xfd\x94\xda\xbfJ\xa5\xab\x96\t\x00:\xd7\xb1&lt;O&amp;\xc4\x04&gt;R6\xf2\xab\x94\x1b2\x91X\xad\xd2\xcdaZ\xa4!kgn\xecq$\xb3\xd8\x7f\x11=+Y\x95D\xa4\n\x99\x88\x94\x9b8Z\x98\xa5\xda\xc5\xf0G\x93{\x91\x15_\xce\xa84\xf3\xad\xe80\xfa\xa7\x17~f\xea\xf2\xe0\xad\x93\xab,\xb2\x92\x1b`\x15%i\x19\xe4\xf6\n\xa4\xef\xea\xbb\x1e\x18Q\xe9\xd5T\xb3\x10gS\xceBRE\xca\x08 \x83\xb9\xb3Y\xfd\xf9\xb4)Y\xaci\xf5\x92\x94\x995\x12J\x94\x9b\xa7\x8d$\x9eb\xd7b\xe3\x96@\xf2\xa6\x8eo\xe5\xb1z\x7f.D8y\xe9j\x16\xb0\xe6\x1b\xf1\xbci\x18\x01\xfa\x1bh\xcdvf\xeb$\x89@`I;\x9d\xb7\xdf\x8e\xb7\xa2\xa9S)\xd2\tp\x96bnB@|c\xa9f&lt;\xa3\x83v\xa9\x08\x97=KBxJ\xde\xe9\x1e\x12\xfe\xc4\x03\xf9\x93\xce$\'\x83\xfd\x0f\x92\xce\xf37\x97\x19\xccM\x85\xb1\x90\x9f]iA\x92\xa7\x0cS\xcbqj\xber\xae\xf2 Pc\x92Y%\xe9\x0b\x04\x92\xab\xac{\xf9\x15\xdf\xe7\xe2F\xaeo\x17\x04\xb4\xf1\x06)"\xdb\x93\xf2\xbf\x9d\xbd"\x02\x86Q\x96\x95LU\xc1J\x9c\x9c\x02\xc6\xc0\xeeo{\xe5\xc1\x17\x8f\xad\xc7/qRa46\x91\xc5M\x04Ul\xd0\xd3XZ\xb6\xa1\x8a(\xe1T\xb9\x16:\xba\\\x06(U"V6D\xa5\xfc\xb5\n\\\xb1\xe2Y\x05E\x12\xf8\x8d\xc0\xeb\xd5\xb3~Y\xf4\x8a\xcc\xee\x03:aH\x05.\x1a\xddN\xdbB\xc8m\xe9\xdf\xf0\xdb\xb0\x1d\xfb\r\x89\xf4\x03\xdfq\xb1\'\x8d\xe3H\xee\x83\xd4\xed\xfa\xfe\xff\x00\x7f\xcb\x82\x08\x13\x82\x08\xce\x08!\xb0\x1bo\xdc\xec?_\xe5\xfb&lt;YVC\x11\xbf\xee"&gt;\r \xef\xbf\xd3\xfd\x7fg\x84\xa0\x81\xbb\x11\xeb\xb1\xef\xdfm\xfe\x9b{\xf6;\xef\xed\xe8=\xf7\xe0\x82;\x93\xb1\x1b1\xfb\xa7\xb9\xee\x0fs\xecv\xef\xec;{v=\xc6\xe7\xdf\xb7\xdf\xe5\x1b\x05p\xe3|\xbf\xc9\xbfx\x88\xfe7\xf9\t\xcd_\x12\x1e\x1fu_,y3\xce\xcdM\xc8\x1d\x7f\x96\xf2\x1f\x13\xcc\x1d1%\x98\xacA\x1a\t#\xb9\x8b\xbai[\xa3\x90Z\x19*\xd2\xbc\x16\x1f\x1fv\xad\xa4a\x1b\xac\x85\x15\xe2v\xf3G\x1b\xa6\xe9;\x11eb\xff\x00\xc8\xc0\x87HRP\xa7)\xe2\x16v\xb3\x92\x19\xb6\xdfm\xd8\r\xe3\xe5\x1b\xe3c\x91\xd9\xdf\x0f~$y\xa3\xc9\xbdK\xad"\xe6Ng@j\xdc\xc6\x139\xab`\x82\xe4T\xf3\xb9Z\xb3\xbb^\x9e/\xe2w,Z\x93{\x05\xc1\x96k,\xd39.K\x13\xb7\x10\xabT\xbe5KJ\xc1m\xc1\x1e\xaeE\xb3\x9c&lt;J\xaeR\xd3-\x0b\\\xb5\xa5*\xfc6,~\x81\x9b\xd4t\x86\xe7\x93\x9ac#\x9b\xb3Z\xd5i\xdeV\xb91L|v\xe32\n\x8bS\xbbFcV~\x95iv!\x15\xd5X\x01\xb8\xe2\xbd\xac\xccL\xa9JR\xc9\xe1JK\xb1\xb1\x1d9\xb9#bs\xe5\x17\x0e\xcc\xd3.z\xe5\x94X\xbb\x00\xab7^\xb8\xb5\xed\xb3D\xdb\xa9cIi_\xe2c]\xea~f\xe7\xad\xe1\xe9A\x92\xcdE\xa1\'8\xd3\x86\xc6\xab!\x9aUZU\x95!\xaf\x0e\xea\x18\xdd\xbb\x12\r\xb7Y]\xba\xbaj\xb4i\xa8\xac\x98\x91M.\x96\\\xb2\x7f\x14\xd0\xc4\xdd\xeco\x9f\xab\xf4\x8b\xae\xa1\xddQ\xcb&amp;\xa6ej\xd6\x90|\x14\xee\xa4\x8bX38\x1f&amp;\x89#\xca\x0cE\\\x85(9\xa9\xca\xac\xd77)h\x89\xf3\xb60\xf4rZ\xb2\xfc\rW/\x9b\xc7GN\xe5\x8a\xb5\x9e\'\x90\xc8\x11l\xc7\x1b9\xb7\x10\xb7+\xbd("\xb534\x1c\x1a\xdc\xba\x9a9E3QHR\xa0G\x14\xbb\xa8;\x01\xf8\x80r\xf8,\xf7\x1e\xbbv|"\xb6g{N\xaa\xe4\x14\x97)\x9a\xe1\x048&amp;\xd7\xb89\xe8\xe0\xc5\x94\xe8O\x158Y\xf9y\xacg\xb8\xc0\xe4p\xb0\xd4\x11A)"ie\n!\x90\xfa\x95\xf9X\xa7m\xc3nY\x8a\x94n\x95\xa4\t\xf3\x90\x85\xcb\xff\x00\xb9*\x96z\x1c\x0fq\x7f\xe1\xfa\x84\x8a~\xf6Rf\x8b\x196\x98A.\xe9\x0e}\xb7\xeb\xb6\xf1\x05y\xb7.\x9a\xe6\r=E\xcc\xcdK\xa7uf\xad\xc1\xe1jM\x9e\xcb\xe30\xd7^i\xa3\xc4V\x94#H\xb4\x86O\x1cg\xa7\x10,\xa2#v\xb8D\xf3\xa7\x8e\xb4\xd1\xc7bT\xb2hJ\xd4*\x12\x99\x12U"X\x0c\x95*aP&gt;\x9c\xed\xf2`\xd71I\xed\x05=&lt;\x9e\xf2\xb6|\xb9\xf3\xd2\n\x94\x94\xcaHX\'#\xa7\xae\xfe\x84\xc4O\xc9\xea\x0e@\xeb\n\xf5,\xe8\xdd\x01\x9a\xd1\xf8+\xb97\xc1\xe1\xf52\x8c\x96\to\xe4*\xaa\x89\x1e\x9c\x8f\x97\xc9\x0b1\xc2\xd2)f\xbd\x1d\x06\x05]b&gt;b&lt;bb\xb6\x9a\xba\x8dEk\x9fOP\x84\xbf\x12\n\xca\x94\xc2\xf8\xdc\x0f\x91\xf5\x88\x1d:\xa7O\xafJP\x8aJ\xaai\x84\xb0Q\x96\x10\x0b\x97glc{\xc3+\xcf\x9e_\xc5S\x07S"\xf3.b\xd6&gt;\xec\n\xd7\xae7U\x87\x85\x8fN\xf2\xcf\x18Uw\x08\x14\xf9\x83\xef\x92\x0c\x9dGs\xc4\xce\x83T\x99\xf2\xca\x80\t\x00\x80R\x00\x02\xefv\x17\x1b\xf90\xda\xf1\x03\xdaz9\x92\xd9*r\x19\xc2\x95\xf8\x98\\\x12\xe3\x93o\xd6\xf1k\xdf\x04o\x08:\xf3\xc4\x7f:t\xad\x1d+s\x1f\x85\xad\xa4\xf5\x16\x17_\xe6s9\'\x98\x18p\xba{#^\xd4\xf0\xc0\xfeT\xa9jK=\x02\xb5xb\xaeU\xe4uK\x12C\x01yV`KD\xda\xc0\x1c2o\xc0\t\xbd\xc9\xc71\x9c\x97\xb1h\xabNY\xa7\xd3\xd6T\x14\xeb\x0c\x92\x1a\xdb_q|;\xe1\xf3s\xf4\xb2\x89\x0cq\xc6\x8c\xc5\xd9\x11U\x9d\x80\x0c\xe4\x00\x0b\x9d\xbbn\xe7\xb9\x00\x00=\xbf\tva\xf2\x8a\x88\x0c\xfc\xdc\x93n\xa7~\x98\xfe`U^\xad\xfb\xed\xb7\x04f\x05\x03a\xb7\x04\x11\xcf\x04\x11\x9c\x10Ch\x83\xb6\xfd\xbb\xfa~\x87\x8b\n\x8b\x92\x7fx\x8f\x81U\x82\xef\xbf\xbe\xdf\xbf\xeb\xc6 \x81\xc0\xdf\xdfn\xdf\xbf\xd8\xdc\xfe\x1c\x10@\x81\x07\xca\x7fS\xf8\xfd?O\xd3\xbf\x04\x10&lt;cpF\xfd\x88\xfc\x8e\xfd\xc9\x1b\x01\xb6\xfd\xc6\xc7\xdf\xb7\x08\x12\xe5\xf7b\x0f&amp;6\xb7\xa6~P\xe4a@\xb6Cz_\xeboP\r\xa3\xe6\xe5\xf1\x91\xf0\x97-\xef\x88\'\x89\xb1\xa6\x16*\xd5\xa3\xcd\xff\x00\xd5\xf1\xc6\xeb\xd1\x1a\xd8\xd5\xae\xf6\xdc\x16\xdb\xe7\x8e\x12\x18\xf7\'\xd7on9\xc6\xa9\xaa\'M\xd4\xd7(\x90\xd3\x08\xfcF\xe1\xc9 \x06#\xdf9\xe8#\xb7\xe8\x9d\x9eN\xbf\xd9\xe9U\x1c$\x19!WH\xb9g\x01\xcf!\x92\xe7\xe7\x15\x91\xca}\x16t\xed\x0cTr\xc5\xd1~\x84\xf6kX$\x12~\xd2\xb38\x91\xcf~\xaf\x9f\xe5q\xb1P\x14\x83\xc3&gt;\xd0M\xef4\xf4\xcc\n\'\x8c\x17ff\xb9\x1f&amp;\xf3~F6\xec\xad(\xa7\xd4\x95N\xb0?\xc4\xb2\x18\x86{\xb3\x97\xda\xdf\x9d\xa2\xc29{\xa2t\xc3A-\xc9\xb0\xf4,\xdc\xca\xa4q\xd8\xab\x91\xc5-\xc8\xf2(;,n&gt;R\xc9\xbe\xe0\xa1n\x87\xdfs\xed\xc7/F\xadQ"ai\xcbJ\x10\xab$\x13`\r\xb1g\xc3\xbf1|\x88\xec\xe7B\xa5\xa8\x94\x16d\xa1Ei\x1cN\x90\xd7\xbf\'~l\xfc\xee!\xee\xd5\xf1O\x87\xd07(\xff\x00\x0b\xc4\xe0\xe8V\x84\xb5\n\x18\xeceZNd\xe9P\x91\xd3\xa9^%\x109e\x0c\xd3\x973\x02\x06\xc4\x15\x07\x85\xea\xb5\xd9\xb5\\\x12\xa6\x12\xa4\xb8\xfcN]\xc8\xb3\xdf\x0f\xcb}\xee#2t\x194(Z\xe5\xa5\x12\xc1I`\x91\x93\x9b\xf2\xc6B~\xb0\xcer\x0fI&amp;CD\xf3F&lt;\x9d!5\xb3\x14\xb7d\x94\xc6\x1d\xa3\x96W\x85~Gn\xa2\x15Cyg\xa4+\x00\xce\xcb\xb6\xed\xc3y\xcaZ\x96\x95 \x86J&lt;;\x1d\x8f\xca\xc3\xec\xc4\x8e\x9b)"\x8e\xa05\xd4\xb5;r-\xd6\xe7/\xf2xTx|\xc8\xa5:Y\xdd7\x95\xa5\x05\xb4I\xe4H:\xa3\x8d\xe65~\xe2++\xfc\xb6j\xb4dE$,vR\xac\xc7q!\x1c&lt;\x91\xab\x9a\x15\xa4\xaa\xc5i\x1e!\x90\xae\x87\xf5o\x911\x15\xfd\xb0W%rH\x05\x02a\x1c*p\x96\xb0\xe9\x90\xf9\x17\xf7\x8fc\x98\x1c\xbf\xd3\x19\x1a\xc5\xa1\xd3\xf8\x8ak\x14\xedaR\xae&gt;\x1a\xc8d\xdc\xb9\x97\xa5\x13e\x91\x98\xee\xfeZ\x83\xbf\xa9&lt;7\x9f\xac\xcf\x9b1JT\xe2RI\x05%Y\x16rG\x97\xbf7\x0f\x0b\x0e\xce\xc8B\x00L\xa4$ q:R,o\xbb?\xa9#6\xe5\t\xbe^r\x0b\x17\xcd\xad\'\xcc\xef\xe2x\xc8/V\xd2\x18W\xba!\x99&gt;Be\xde\xb4,\xaa\xc5G\x98\xb2\x14d\xdc\x82\x08m\x81=\xb8\xbf\xf6n`U\x0c\xe9\xc9 p\x02\xa7\x07\xa1$y\x0f\xe3.yGl$\x0f\xee4\xd4\xccTf\x90\x80\x96w*-l\xbf\xb6\xc0\xbe"\xeb\x7f\xc3\x97\xcb+\x9a\x1b\x9e\xbc\xc8\xc0de\xaf\x1d\x9d1\xcb;Y\x05\x8e\xba\xaa\x0b\x95\xf2\xf9\xccu\x18\x1aD]\x86\xd5\xb7\x99Q\x88o\xbb\xecI\xe2K@\xac]f\xa2\xa9\x85N\x91\xc4\x00\n\xf2\x18\xe8\x7f0b\x03\xb7:d\x9d+A\xa7\x92\x84p\xceR\xa5\xa9J!\x8d\xcb\x8b\xb6\x18\x06\xfb}\xc58\xba\x03`\xf7.C\xf9\x13\xfaG"b\x0c\xc0\xf6d\xfd\xf4\xde\x04\x8f\xdf\xf4\xff\x00^6\x8c3\x13\x9f#\xb4\t\xc1\x04g\x04\x11\x9c\x10Cb\xa4);\xef\xfaz\x7f]\xbf{\xf1e)\x04\xe0\x01\xd3\'\xe5\xfa\xc4|\x1a@\x0e\xfb\x80}=\x7f^\x12\x82\x06P\t\xdb\xea=\xbd\xbf?\xd3n\xfe\xdf\x9f\xa1\x04\r\xc1\x04\t\x19\xdfq\xf4=\xff\x00P6\xe1\x15\xe5\xf68\xf4\xb4*\x90\xa0\x92y`o\xb9\xc7\xd9\x8dS~7^\x1bR\xa7&gt;\xb1&lt;\xd6\x86Y\xf1x~j\xe9\x08\xb1\xb9[\xf4\xa2\xdaiszz/\xb0\xb5(\xdfc\x18\x99\xa9-{\xe4\xbe\xec\xcd3\x81\xbe\xecO*\xed\xc6\x9e%\xcf\x93\xa8\x04\x97\xe3\x0e\xd8\xb7&gt;\x83;z5\xbd\x05\xf0\xbbW\xef\xb4\xea\x9d%JJx\x10J\\\xf8\x94N\xc0\x1b\x13\xd0t\xde\xd1\xa9\xf5\x9awtN\xa2\xcab\xf2+1ZZ\x9c \x96\xd2yr\xcdVUn\x89\x9dF\xc0y\x89\xb3\x906\x04\xfe\x1bm\xa2\xd2+\xf4@E\x94\x94\x96\x04o\xc2\x07\xd9\xdfq\xbcjW\xfd\xaf\xb4S\x10\xa5\x02\x16\xa0\xe4u\'\xeb\xbb\xd83E\xb5\xf2V=\x15\x90\xc4\xe32y+u\xd2(\xaa\xc7)\x95\x8c{C\xd2\x01V\r\xb8\xe9\x0b\xb1\x1e\xbf\xcb~\xdc\x81R\xb8k&amp;&amp;jX%d9\xe4\t$\xbe:\xdd\xad\xb6c\xb7SU\x15Q\xcb2\xae\xa2\x80E\xdcd\x0fV\xc8pD%\xbcSk\x9c}\x0cF"\xb6\x16\n\xd4q\xf9\x8c\x9aQ|\xc5\x90\x8a\xb1B\xb5\xa6\x98\x19&amp;}\x96\x01fDEGb\xaa\x06\xe0\x12J\xef#KK*\xa2aRG\x11\x96\x0b$\xee\xcc\xcf\xb9\xe6\xc2\xfbt\x84k\'\xcc\x97%\x1d\xf1!*#\x88\xa6\xec\x0b\xd9\xdf\x1dm~y\x85\xc7\x86m/\xa2\x1b\x95\xba\xf2\xe4\xfa\xc3\x196N\xce\x0eu\x86(\'\x8a\xc4\x17\xad\xbc\xd1\xbc\xd1M*9\x8e#\x1dp\xc4\xc8\xdfy\x97\xb9\xd8\x1e%%\xd1\x05\x89\xc6o\x1c\xb5\xa6Z\xbb\xb4\x80X\x90\xc0\x0b\xe4\xb8f\x1bs`\xdb"\xb6T\xa92\x13N\xb4-\x0bZ\x04\xd2H\xf0\x83\x92X\xf2`_\xdb\x93\x0b\xca\xfa\x94*s:\xc6&amp;\xa5\x8cvO\x1fz+\xcd&lt;U\xacG&lt;\x94\x1a7\x85\x96n\xb8\x89h\x97\xaaY#=}*K\x80\x01\xd8\xed\x17YLUL\x831%*A\x02\xe9\xe1$3y\xe4\xdc\x07\xf2\x8d\xa4\xce\x94\x9a\x85\t\x138\xc2\x94Ib\x14\x13\xcc[w\xc5\xbd\xf2d\'2 \xc5b\xa8\xced1 \t\xd7\x0b?\xca\x14*\xf6,\xc3\xef3\x01\xb6\xc3\xd4\xb6\xfb\xf1\r\xc2\x14\xb9hHr\xa2\x03\x0c\xe7p\xd9\xe7\xb8\xcd\x99\xe2B}HD\x85\xac\xa9\xb8RA\xc8/\xf3/\xd1\xdf\x7f \xb9WC1\x83\xf0\xff\x00\xcd&lt;\xae\x0c4\xb9\xdd\x7f\x94\xc5a\xe9\xd7\x8bo:\x0cdv&lt;\xc6\xb0\xa0\x95\x03\xa8\xf5\x80\x1bb\xc4\x0e:\xe6\x99N\xaa\r\x02z\xcaHR\xd1t\xb3\xbb\xa6\xe1\xbf@3\x81\x1c/Q\xa8\xfe\xeb\xda\x9aII)\t\x94\xa0B\x94Y\xcaV\x18\x8c\xe7\x16q\xd6/g\xe0M\xc9\x9bX\x9dW\xce\xden\xd9\xb3j\xda&gt;\x03\x05\xa0\xa1\x9a\xd4\x06&amp;w{q\xe6%\x89X(\x8eO\xb2\xfd\x91\x91\xc2wC0\xeb\xf9\x8e\xdc?\xec}/\x0c\xa3R\xc4\x12|&lt;V\xb3\x97g7k\xec\xfb\x1d\xda\x13\xe2\xa6\xa4f\xce\x91\xa7\x92\x83\xc0\x01_\x01\n\xc0\x0c\xfc\x8b\x00M\xb7\xbe\xd1\xb28\x07\xb0\xfd?\xd8w\xfd\x9e/]:\x93\xeas\x1cy\xf2\xdf\xec\xcf\xe9q\xf9\xdf|\x9b\xc0\xa9\xdbq\xf4;o\xf5\xe0\x8cG~\x08#8 \x8c\xe0\x82\x1b\x15\xdfpv&gt;\xbb~\x1f\xcf\xf0\xe2\xc8\xab$\x0ey=l\xfe\xe6#\xe0\xc2\x1d\x8f\xe7\xdb\xfd\xb8N\x08\x1dN\xc4~`pA\x03\x8e\xe7o\xcb\xb9\xf4\xef\xfb\xef\xc6\x14H\x04\x8f\xbb\xc6R\x1c\x81\xf7\x88\x14\x00\xa4\x0fr?\xa7s\xbf\xf4\xdb\xd7\x84&gt;\x9f\xc48\xb3\x0b_\x9b\xe7\xd2\x1a~sr+\x95\xde t\x91\xd1\\\xd5\xd3\x15u.\x11-G~\x9a\xcaZ\x1b\xb8\xeb\xf1\x02\xa9o\x1dr?\xf3\xaa\xcf\xd2z\x18\xa1\xe9\x91\x0fK\xab\x006iYEO](\xca\xa8@ZN\xc4z\xfa^\x1f\xe9\xda\x9dn\x97&lt;TQNT\xa9\x83t\x92\x1ff-\x1as|\x7f\xbc\x1cr\xef\xc3\xe6\xa4\xe4\xce{\x95Zet\xee\x99\xd5\x18;\x98\xab\xab\x0fT\xa2\\\xc6"`R[\x16\x1cuMnz\xcc\xd2\xbb;\x12\xdb\x0e\xc0\x01\xc5{S\xa1\x93GJ\x13N\x80\x89hwH{\xb3;\xf4\xebly\x18\xb6\xe8\x9a\x9dV\xa1\xa8*ml\xd36j\xc8e)\x897\xc6\x03\x1d\xed\xb0nB*\x83\x91\xb6n\xe4\xf4\x8b#I$\xb5qy(c\xbb\n\x96$E\x05+s\xc5\xe6\xa2\x9d\xda6\xb3\n\x12\x9b\x10\xc7em\xc3m\xc7\x14\xd5\xa9A\xad_\x00\x00L\'\x98bU\xecyc\x19\x17\x8fCi5J\x1axRT\xa2P\x96"\xef\xe1\x16`\x1fq\xb9\xe4\x1co\xe8W\xe6\xce\x9b\xe6,\xb9\xad;f\x19u.?\x1f,\xb5\xefV8\xab\x16k\xc1$3\x08\xdc\xc8\x9eK\x04XKF\xbd@\x00\x0b\x03\xdb~\x1c\xc8\xd1\xab\xa4\xa53\xa4\x95$\xa8X\xa4=\x985\xf9\x8e\xbf\xca\xc8\xd7i*x\xa4U-\tHS((\x80E\x98\xef\x8b\xfe\x90\xef\xe9\xcePr\x86\xedh.`\xf3\xb9\xdd\'\x1d\xe8\xac\xc3\xa80\xb8\xfbY&lt;n+#,\x11\xcb\x0b\xd7Jf\x1e\xa6\x90&lt;O\x14\xdeAUEI\x16^\x96\xeee\xe5J\xac\xee\xd4\x95\xa0\xaabG\xe26/l\x06\xbd\xc6\xcd\x8b\x1bF\x15+M\x04\x19UH\x97-YJV0@bK\x96v\xd9\xcaAx\xf2\xb0\xd9\xaeYr\x96{\xb1b\x9f\r\x8c\xb3e\x95[%.\xf1\xcbm\x01P\x15\xad\xce\xdb\xb8m\xfc\xe5^\xae\xe4\x0e\xc4\xf1\x01[I\xa8M$-\x0bRG\x8b\xf0\x96\x1em\xcc\x1d\xd8\xf5\x10\xfeUN\x9dF\x86\xa7\x9b)K#!aG\xcc9\xbb\xbe9\x1cm\x04\xb9\x9f\xaa\xadf*Q\t`\xcb\r\xda\xeb,%\x1ftx\x9a1*H\xa4\x12\n\xba0=[\x9e\x18it+\xff\x00\x9a\x95,\x1f\x03*\xfb\x10o\x9fv{\xbd\x9a\xd0\x86\xa9\xa8\x93B\xa6\r\xc5\xe1\x04\x1c\xf1~\x12=\x8d\xcb\xeeyE\xd2\xfc\x109u\x81\xe7F\xb6\xd5xMw\x82\xa7\xaa4\x8d\r7u/\xe3\xb2P\x99\xaa4\xd3\x05H\x02\x85 \xc7"\xb0&amp;9\x11\x92Dp\n\xb0&lt;v\x9d%)\xa9\xa6T\xa9\x92\xf8\xe5`\xa4\xd83e\xbd\x80\xf9\x11\x1e{\xedUL\xea\x1a\x99S\xa9\xe6*\\\xe7$LG\xe2\x17\'fc\xef\xb7+\xed\x8f\xcb&gt;Ur\xff\x00\x93\xdam4\x8f-\xf4\xc6;J\xe0#\xb1-\xb3C\x1d\x11D\x9a\xd4\xe7yl\xcf#\xb3\xcb4\xce\x00\x05\xe4v \x00\x00\x03\x89\xd94\xf2i\xd0\x11"ZP\x94\x82\xc0[?\x7f\xc4Q\xab+\xaa\xab\xe7\x19\xf5s\x95:j\x85\xd4\xab\x93\xb7\xe5\xfa0\x87\x11~\xf0\xfd\x7f\xe3\x85\xe1\xa4\n?";\xfb\x8f\xeb\xc1\x04s\xc1\x04g\x04\x11\x9c\x10Cb\x9e\xa3\xbf\xfc\xf1b\xb9\x0f\xb0\xb7\xdf\xcb\xed\xe2&gt;\x07\x03\xb8\xd8\xff\x00\x7f^5\x82\x07Q\xb6\xc3\xd7\xf3;o\xfa\xfb\x7f\xa7\x04\x10 b\x08P:v\xee{\xef\xb0\x04\x1d\xff\x00\xaf\x7f_^\x02\x1e\xc62\x0b\x10r\xd0f=\xfa{\x9d\xce\xfd\xcf\xf2\xe1\x02\x08,a`A\xb8\x81\xd1v\xd8\xef\xeb\xdfm\xbf\xb1\xf6\xfd8\xd4\x82[\xce\xfe\\\x9bw\xf9Fc^\xff\x00\xf1\x1b\xe20\x12\xf8;\xd1Y\xfc\xbdh\x96\xde#\x9axzx\xac\xa3\xba!\xc7Z\xccD\xd4\xd09s\xb9\x82\xcb\x11\x0c\x87}\x93\xa81\xe2?R\x94\x99\x94\xcb\n\xe5\x9fOl\x0b\xc4\xce\x899R+%L\n \x05\r\x9f\xe7\x8d\xfe\xbdcO\x9f\r\xda\xf50\xba\xfa\xee\x98\xb8\xcb\x04\x1a\x81\x02\x0f0\x85\x8a,\x85V\x0cG\xcf\xf2\x87eR\xa3\xd0\x11\xbf}\x9b\xbf\x1d\xed\x0e\x9c\xa4\xa5\x15\x12\xc1\x1d\xda\xc1Q\x00\xbf\x0eX\x8b&gt;[\x96c\xd0\x1d\x99\xd5\xd2\xb2\xa9\x04\x82\x99\x88\xe1\x00\xff\x00\xd8\x9b\x90:b\xfb\xfa\xc4\xd0\xe5^\xb3\xc6r\x97\x9c\xd9x\x97\t\xe5P\xd5j\xd0\xe4\x13\x11\xfc:\xad\xbc\x8d\x0bQys\xd8\xc7\xc7\x90\xab=\x07\xc9\xaa\x99e\x8ddhD\xd2\xc5\x0f\x98\xfd(\xa7\x87:n\xa5:T\x89g\x88MJ\x1d\xdcl6\xfa9\xf4\xb3\xde\xc5Q\xd9\xdd?Y\x0b\x93.g\xfcJ\xd0\\(\x12\xcb\x1bn\x00ro\x9f7v\xb8-)\xe2g\x95\xf5\xb1\x15`\xbf\xca;Y&lt;\x95K\xb9\xac\xad\t3z+M\xd8\xc9\xd8\xb1\x9c\x9b1fz\xc6j\xb6c\x80\x98\x1f\'N\x18\x125\x13\x18\x03\tZGW\x96K$\xadn\x94\xa4q\xd1 \xa8d\x90]W\x06\xedg\xe6\xe4X\xefpag\xfc$\xd7B\x14\xb9Z\xd2\xbb\xb2\x0b$-6K\x7f\xec\xe0\xdf6\xf2/z\xa8\xf1coC\xf3\xbbWQ\xd2\x11r\xbe-=\x84\xc7^\xac\xcd\x16B\x1cuL\xc1\x8e\x87a5\xe80\xd0C\x15\x14XR\x18\x1e\xbf\xdafI\x0cA\xc8F2\xc6b5mq\x0b\x96\xb4\xc8\xa7D\x94\x94\x91`\t\xe9\xd5\xfc\xecE\x98D\x95\x0fb\xe9\xf4Y\x08Uv\xa4\xba\xba\x92\xa4\x81,\xba\x80\x1c\xf8\x818 \xdb\xcd\xec^#\xee\xbe\xc6c\x9f*\xb8\x8c\x1cQ\xc3\x8e\xc2\xe3\xab\xd5H\xe0R\x12&gt;\xa4Hc\x85G}\x8a\xa4G\xa4o\xb9\x0c;w\xe2\x03B\xa6UD\xc9\xd5\x13.\x19I\x04;9\xbbr\xeb\xf9\xc3Mv\xb12\x12\x8at\x10\x02JT\xa0\xedn[}r_\x18\xdbO\xe0;\xc8\xca\xdc\xbd\xe4\x9e\xae\xd77\x9a\x11\xa8uFJ\xa5w\xa9\xd6\xadj\x869b\x16k\x8bH\x00j\xf3X\xdf\xcc\x08\xdb\x13\x1e\xdb\xed\xe9\xc7P\xd2\xa4\t4\xe9 \xe4]\xb0O?\xb2~q\xc2;UVj+\xb8C\xf0\xa5\xf3\xbe\xdf+r\xfdo\xbb\x89H\xabgf\xfb\xf31\xca\x9d\x88\xef\xb7\xd7\xfd\xb8 \x81\xf8 \x8c\xe0\x823\x82\x08\xce\x08!\xb1S\xb3\x0f\xcfo\xe7\xdb\x8b\x19Qb\x93s\xcf\xd8\xf2\x88\xf8\x1b\xd7\x8d \x83\t\xd8(&gt;\x80\xeeG\xeb\xb9\xfc7\xdb\x82\x08\x100;\x12{\x8fs\xe9\xbe\xfd\xbeQ\xb1\xdf\xeb\xb1\xff\x00rA\x06Sm\xb6\xfc\x7f\x7f\xdb\xeb\xf9\xec{p\x8a\xff\x00\x11\xf4\xfa\x08Y \x80\x01\xfb\xbc\x0eX\x05S\xdbq\xe9\xbf\xb6\xdd\x89\xfc\xbf\xe3\x8ds\x1b\x10@v|\x91\xd5\xbfx\xa0\x9f\xf1 \xe0\xff\x00\x8e\xfc:\xf2\x91t\x13\xe5sC\x97\xcf\xd6\xbd\x9e3&amp;W\xa1YN\xde\xbdD\r\xc3)\x1e\xa0\xef\xdb\x88\xcd^osE6`\xff\x00P~\xdf\xa7NO\xb4Nh\x12\xbb\xddF\\\xa5\x0b-\x86\x1f{[\xdd\xd9\x8d\x99\xe3\xe7\xfd\x8c\xd5\xd9\x1d\x15\x9f\xc5\xa6Y\xde,\xbe\x1e\xedk4\xee\xc8\x19NJ\xa4L\x85\x18\xbf\xa1\x9e5\x01$c\xbfX \xf7%\x9b\x8aR\xcc\xadJ\x96d\xb2\xa4\xba\x90A\x0c\x14]\xb0\xdc\xcf_\xe3\xa4HMF\x99X\x85%D!3\x016#\xc2~\xbb[c\xb3\xbb\xdc^\x8bm3\xce=5\x80\xd5/l\xc7&lt;\x89\x1dy,\xd6\'\xce\xa7q:H\x94&lt;\x1bK\x07\xcf h\xdf\xaa&gt;\x87Y\x03\x10\xbd\x8f5\x9d6v\x97S2B\xc1R8\x88H \x80\x13\xb5\xed\xb6\xe6\xcd\x1d~\x81(\xae\x95*\xa6R\xf8f\xf0\x87cw\x17\xbfG\x17\xf4\xde%\xfe#\x979\xe4\xa3\\\xc9\xcf&gt;`W\x82\x18\x15#\xa9\x8d\x925h)\xa4~T{Y0K"\xaaF\x00\x90Fz\xfa:UX2\xb2\xa4\xc4\x9dD\xad\x00\x06\x05\x83X[\xa7#\xb7\xbf\x94;R\xab\xd0\xae\x019|#\xff\x00#\x7fGw\x16\xfbhC\xea\xcd)\xa74\x8e?/r\x85\xdbW\xec\xc1\x04\xb6-\xe4\xb2R\xc96J\xf4\xc1\xca\xabM&lt;\xa7\xac\x99XFN\xce\x15#r\xaa\x8aA\x02\x02\xb6\xaed\xe9\xe2J\t*Z\xb8\x1d\xb0M\xb1\xee\xe4a\x9e62\xd4\x89f}B\xf8\xb8\x01Q$\xbb\x006rA\xf5\xc67\x88\xfb\x91\xd4:W\x96x8u\x1e\xa8\xaf\x0es[g\xad\xb6S\x07\xa4\x03\xa1\x9ay\xd9X\xd19(\x83\xac\x91\xe3\xea\x81\x1c\xd6\xa3#g\x0b\xe4\xee\xac\xdb\xf1\xd14\xd924\xcd9\x0b\x9d\xc3\xc6\xa4\x05\x97\x01\xf8\x99\xc3\xb3]\xdf\x9fP\x00h\xe5\x1a\x8c\xfa\x8dWT\x99.H&lt;\x1cJ\x0e\x05\xb8_o\\\x9c\xf2\xe2$F\xd1\xdf\xe1\xf6\xd6\xb9\xddk\xe1\xf3\x9c\x17\xf5%\x83c2\xdc\xd1[w\x18\x11\xe5\xa3\xe41Ba\x05tR|\xb8!UXb\x8c\x00\x11\x10(\xee\x0f\x16]\x1e\xa8U\xd3)n\xe3\x880\xe5\xce\xf6\xb7\x97H\xe7\x1d\xac\xa4\x14u\xd2\xe5\x9b\xa8\xa4\xbb\x8eW\xbb6\xee\x0e/\x17\xfb\xfb\xf6\xfd\xff\x00\xce\xe3\xdb\x89\x88\xaa\xc7e\x1b\x9f\xcb\xbf\xe7\xc1\x04\r\xc1\x04g\x04\x11\x9c\x10FpA\rz\x91\xd8\x8f\xa8\xdb\xdb\x7f\xd4\xfaqeW\x11\xb0\x16\xf3\x17\xc7\xb3\x18\x8f\x83*7a\xb7\xd4p\x94\x10`m\xbf\x7fN\x08#\xb6\xdb\x1f\xbf\xb9\xec\x07c\xb7\x7fO\xaf\xb1\xff\x00\xf3\x82\x080\x8cA\xe9\xf6\xf5\xdfoS\xb7\xa7\xbf\xe7\xf8\xfe\x9bp\x92\x92E\xdd\xf9\xed\xd2\x15J\x9d\x81\xcf\xd7&gt;\xcdh\x17\x7fO\xa7\xf6\xfd\x0f\xfbq\xa7\xdf\xdf\xbc)k\xbf\xbf/KE\x11\xff\x00\x88w7Z\x87\x80\xfa\xf8ydE}C\xcd}\r\x0c*\xc7fs\x8f\xbe.I\xd2\t\x04\xec\x89\xbb\x00=;\x9e\xdb\xf1\x03\xda5\x14\xe9U\x04\x16&lt;*.M\xc7\xf0\xfe@\x08\xb5vE\x02n\xb3 Y\xb8\xd2q\xcc\xb1n\xb6\xb5\x9e\xf1\xa3w990\xfa\xd7N\xd7\xc9bk\x7f\xe6U+\x0b0\x98v\xf3\x18\xa8\x1b\xa8\xdb\xe6x\xf6\x07\xa8\x01\xd7\x19\xf6+\xb6\xdc\x87J\xd5\xcc\x8a\x8e\x05\x97J\x8f\t\xbb1q\x97\xdb\x93nNv\xee\x1a\xae\x94g\xca\xef\x10.\x92\x18\x86sl\x11\xe8\xee\xfd\r\xb1\x1e\xb9A\xe2\x03\x98\xbc\x87\xc8Y\xc5OZ\\\xc6\r\xa50\xe41s\xac\xa4\x00\xae\x01h\xe5P\xcd^U\xe9\x12D\xfd\x0e\x15\xc7QG_\x90\xcf\xd7\xe9\xf4\x9a\xac\xb10\x14\xa5dxT\xdb\x9cy\xb3\xef\x92.\xf6h\xbd3R\xa9\xd2fp\xac(\xa1?\x88\x03k\x1b\xf3w\xbe\xde\xb1h\x9a?\xe2\x85\xcb\xaa:v:\xb70\x99h\xb2\x91B&lt;\xba\xb2\xc0\xf2\xc9\x14\x8b\x12\xc7\x1a\xa4\x910\x0e\xbb\r\x82\x84P\x08%\xd3s\xb8\x81:%t\x9e\x14\xa0\x85 0wH|]\x9fpDZ\x7f\xfb%\x1c\xf6\x99\xc6R\xad\xd3\xc2\xaeA\xd3\x8c?\xef\xbcG\x8ec\xf8\xde\xd5\xfc\xc7\xc91\xd2Zf\xe4U\x8b\x03\x01\xc8@ \xaa\xd2\x07-\x1c\xf6\x82F\x8dk\xcb}\xa4\x10\x9d\x91\xde5Y\x19\xd3\xaa2\xb5&gt;\x9dMI3\xfeEJ\xd2\xb9\x89b\x12v\xdct\xb1\xf7\xdf0\xda\xbb</t>
        </is>
      </c>
      <c r="M544" s="3" t="n">
        <v>45492.67663194444</v>
      </c>
    </row>
    <row r="545">
      <c r="A545" t="n">
        <v>1485300</v>
      </c>
      <c r="B545" t="n">
        <v>1963</v>
      </c>
      <c r="C545" t="inlineStr">
        <is>
          <t>Vitor Reis</t>
        </is>
      </c>
      <c r="D545" t="inlineStr">
        <is>
          <t>Vitor Reis</t>
        </is>
      </c>
      <c r="E545" t="inlineStr">
        <is>
          <t>ZAG</t>
        </is>
      </c>
      <c r="F545" t="inlineStr">
        <is>
          <t>ZAG</t>
        </is>
      </c>
      <c r="G545" t="inlineStr">
        <is>
          <t>ZAG</t>
        </is>
      </c>
      <c r="H545" t="n">
        <v>186</v>
      </c>
      <c r="I545" t="n">
        <v>44</v>
      </c>
      <c r="J545" s="2" t="n">
        <v>38728</v>
      </c>
      <c r="K545" t="inlineStr">
        <is>
          <t>Right</t>
        </is>
      </c>
      <c r="L545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2OE\x01hX\xa0`H\x01i\\\x01qc\x02m`\x02tf\x01o`\x01l]\x02lY\x03SI\x01xi\xa8fN\x9d_H\xa6cL\x97YA\x03o[\x02XL\x9a\\F\x95VA\xabhQ\x02[P\xcf\x8ar\x90UB\x01q`\xa3bI\xd1\x8dv\xa3dN\xcb\x86o\x8bQ&lt;\xc4zb\x9bYC\xd6\x95\x81\x1e\x12\x0f\xfe\xfe\xfe\xa0\\Es?.\x01cW\x8bUA`2 \x02fZ\xd9\x98\x84&amp;\x18\x15\x9d\\D\x18\r\n\xc9\x83k\x02`S\x84L8\x02LB\xb5mW\xb7q\\\x91ZFj&gt;,\x89L8zD1\x92U&gt; \x16\x14\xablV\xa0bL\xa7iS2$ ~E3\x96ZG\xc6\x7fg\xa0m]\xbfu]\x02|n\x83H4\xe4\xe8\xf0\x18\x11\x0e\xbcpX\x05s_\xd3\xdc\xe9\xb1hP\xd5\x91{L&gt;;\xdd\xdd\xe2\xc9\x7fg\xb8kS\xafp[\x12\t\x07\xdd\x9c\x89\xbexa\xe2\xe1\xe5B/*F63\x8fN9,!\x1e\xfb\xfb\xfaC#\x1axJ9\x86Q=\x9fVA\'\x1c\x1a&lt;1/\xb8wb\x98^K\xde\xe7\xf2\xda\xe2\xefd8&amp;WD?W+\x1ca&lt;1qI;\xa5[D\xb0kV\xb5eMkB4tD2\xcf\x91}\x8fS&lt;\xe4\xe7\xeb\x80K9\xa0gU\x97dT\xaebJ\xa2tfq:)\x97k\\\xe6\xed\xf5N(\x1c\x8f`Q\xc0|gz&gt;.9(#\xd1\xd9\xdf\xe9\xea\xee\xf7\xf7\xf6k5%\xee\xe8\xe7\x9aT&lt;\xc4\x86s\x10aP\xe2\xa1\x8f\xa5_J\xaa^F\neV\xca\x8cx5*\'QGFZ4%\xd9\xe2\xea\xf2\xf0\xf0/\x1e\x19~P?\x10UI\x9caN\xba~j$\x13\x0ftOD\xd3\xc3\x81\x8aZI-\x16\x10\xd3\xd2\xd4\x95P;i[X\xa7n]\\MJ\xec\xf2\xf5\x7fww6\x1b\x15~[P0dE\rG&gt;\xaa\x7fq\xca\xb5pS92\x84UE\xafxg\x0ckZcTP\xe3\xca\x85\xdc\xdb\xdb\xa3VKP0(\xba\xa7\xa1)X&gt;\xa7\x8c\x82\xdd\xbfsfIB)g\\t\x97p\xbf\xd8\xd9\x1eZS\xd5\xbf\xb7k|LAtV\x1aiUg\x8ac\xcd\xc8\xc7Lh@\xb9\xaej\xb9\xb5\xb6qfe\x1a`G\x19M8A\x85v\xa1\x9b\x9a\xb8\x8f\x82\x93E&lt;\x11ta\xa9\xabs\xe5\xd8\xd4\xdf\xcd\xc8\xb9\xc4\xc7\xcd\xb2\xa9\x93\x8e\x90\x91\x83\x7f\xd1\xce\x93;W2~\x8b_\xa1\xba\xb8\xac\xa9\xa9\xb4\x9a\x91T{T\x07xjAtj\x89\x9ep#|j\xbf\xc2\x8b\xb9\x83u\x8f\xb0\xac\xa1\x98]\x80\xaf\xa2\x87\xa7\x81\xe1\x8f\x87\x0b1*V\x92\x828cX\xa3\xb8\x8c\x92\x92`\xec\xdf\xdc~x=\x9a\xac|\xac\xc5\x99\xc4\xc0\xc1}\x99\x97\xd4\x7fuZzwm"\x1c\xab\xc9\xc6e\x95\x92\xf0\xa3\x9c\xb5XU\xb7\xa5X\x88&gt;/\x88kb\xc3\x9b\x8f\xd4\xa9\x9b\x80# \xa2HB\x05\x19\x17\xcc\xec\xec\xd8=;\xd7\xdd\xcda \xbd\xc7\x00\x00 \x00IDATx\xda\xcc\x98\xd1O\x1a]\x1a\xc6\x9b\xf4z\xdb&amp;\xdf\xd7`\x96\xf2\xf11B4N\xc7\x98\x8a\xed\x9e\xb6G\xc0\x18L\xcaT\x1d\xedL\xc7\xb1\x9c\xd1\xc4\x91R\x94l\x115P\'\xb5\xad\xa9\xc6\x19#\x8d@@\x91\x80\x89AB\x0c7\\\x9b\xe8\x85\xbbwz\xe3\xa5\xff\x81\x17{\xd5\xbd\xddw\xb0\xbb\x7f\xc1\x8e\xed\x01B\x80\x0b~\xf3&lt;\xcfy\xcf\xfb\xce\xad[\xff\xb75\xb6\xf9y\xf9\xd6/\xb6Z\xc7\x96\xafNj\xa5\xab\xcf\x9b\x9bc\xbf\x0c\xd4\xe7\xa3\xa3\xe3R\x91ee\x99-\x16\xce^\xb6\xfe\x12B-\x1f\x95jE\xa5\xc8\xf2&lt;\x8fS\xb4\x86\xf5\xd3\xcd\x9f\x0b6vxttuZb\x05\x81/*\x8a\x02R),+h\xa2~\xfaj\xec\xe7\xa9tuvR8)\xd4t\xa5X(\xd4j\xc5ZMi(\xbc\xc0\xb2\x1a\x91\x0bgG?I\xb2\xcfg:\xa8\xc3c\x15\xf3\x8a\x02b\x15ON*&lt;|\x16T\x1e\xc3C(\x1c\xff\x04\xc5Z?\x97\nE^\x15\x04VPX\xa5\x00\xee\xc1S\x11RE\x05\xabE\x95\xe7UL\xc4\x93\xc3\x1b\x07{u^\x83H\xc1RtE(B\xe4A2\x81WS\xaa\xc0\xd3\x18\xdeT\x9a\xd0\xa4x\xb1\xbdy\xa3T\x87\xe7,Ve\x91\xc6\x88\xf1S\xb4\xa6\x00\x18\x9f\x12X\x8c3\xc0D\x91&lt;\x8diQ\xa4\x91X&lt;\xbb\xc1\x12\xbbyq"P\x04\x8b"""\xe18$\xca2\xcf*,/@\x85\xc8\xd04\xcd`L\x11J$\x18c\xf6\xf4\xa6\x92?\xf6\xb2\xa4\xcbX\xd3\x88(\xca,\xe2(\x84\x01\x80PH\xc4X\xc3\x9aH(\x8a\xa6U"R\x94H\xeb\x9a^\xba!\x1b\xc7\x8eOt,\xc8\x98`A\xd7\x18$\xeb\xba\x86qJ\x95e\xec\xe7\xc0OMF\x94\x0c^\x8a\x98a\x10"\x9a~q3\\W\x85\x9a\xa8\xc9\xb2&amp;bY$\x1a\x04\x1f\x13\x01\xf6\xa0F\x88\xc8p\x1c\xa5\xc9\x98\xa6St\x86\x10\x88\x1dC\x89H.\xbd2\xdf\xc7\xd6\xc3BM\xc5\x9a,"0\t\xce@\xa8\x9e\x90*(\x13&lt;\r{\x8fB\x0cED\xc4@\xc0(D!\x8e\xe1\x10EPm\xdbl\xae\xd6\xe5\x92\x02G\x1f\x04\x88c\xc00V\x83\x98\xb3,\xafB\xa5\x82REg\x10\x05\x1b\x80F\x19\x1aQ\x8c\xdf\xefg8\xbf\x9f\xa2Hm\xdbl\xacmEPe\x90\x82\xf3\x13\x90\xcc\x08\x95\xca\x0bF\xc1\xc2X-\xa7R\x14\xc30\xc0\x06\xc2\xf9\xfd\x1c\x98\x08\xcb\xcf \xb1\xf4ws\xb1\x96\xcfx^\x00\xa7\xfcL3Z4!)\x95\xafTx\xb5,I\xf5J]*\xe7\xf3\x99|&amp;\x93I\xe1\x8cA\x04h\x80\xe5G\xf2\xa9\xb9XG\x05\xa0\xa1\x80\n\x11\x8c\x10\xc8\x92\xcfc\xd5\x80\xaa\xd7\xeb\t\xe3\x05tR&gt;_\x86ES\xb0\x0380\xdb\x0fN\xb2\x1fM\xad\xa3%\xf0\x8b\xa6 4\x08\x8a&amp;Ee\x80@\xcdK\x92\xb413\x03D\x89z(\x14\xda\x90\x12\xd3\xd3\xd3R\x1e\x94\x03\xb5\x10\xc7\x19!#\x17f\xa6\xfeXWXD\xc1\x9fQ\x14\x05T\x00%\xd5\xcb\xd2\xd4l\xaf\xeb\xd3\xf4tb\xba\xc7\xf5i\xc1\xb5\xd4\xdb\xff\xe7N\xef\xbf\xda\xdb\x13\x86\xa3\xa0\x15\x83\xfc~\xa4\xbf2\xf1$\xac\xc9\x82\x88\x0c&amp;\x84\x8cl\x97\x13u\x90\xe8\xc9\xeb\xd7\xfd\xfd\xbdm\xb1\xd8\xd3\xe1\xe1\xe1\xee\xee\x89\xeew\xe1\xe0N\xf0K\xff\x02\x90I\xe5\xe6\x8e\x04\xb9J\xa6\x1d\x8ec\xe7P\xa8\x00\t\xb0hc\x8fI\xa1P]joyp\xff\xdd\xbb\xe1\x95\xf5\x95\xf5\xf5\xf5\xa8\xd5j\xb1x\xbd\xde\x01\xfb@&lt;\xf8\xfd{W\xfbt"\x0f\x97`\x98\xa9\x7f4\xad8\xc8P\x138DC\xb1\xcc0\x99|\xb9&gt;\xdd\xde\xfe~\xa2\xd3f\xb3Y\xa3\x0eG\x07&lt;a9\x02V[\xa7wt(\x1e\xfc\xf2\xcf\xd7K\xbd=R\x06\x11\xe0\xf2\x97L\xeb\xbd\xce\x88\xaci\x1cB\x99r9/%\xa4\xc4\x94\xab\xff\xaf\x9d6\xab\xd5\x1a\xb5\x06\x00\xca\xd1\x84\n\x04,6\xbb\xbdo` \x12\xfe\xb2\xf3\xfa\xf5\x82\x94\xa7\x9a.\x9e\x8c\x99%\x96\xaei\x82\xc6Q\x99\xf2T\xfb\xc2\x8e\xf3\xfb\xce\x97\xf8\x80\xd7b\t\x04\x80\xc5\xe1\x08\\cY\xad\xeb?\xb0\x86\xe2a\x00[\x9a6*\x05\x85\xfc\xf2\xa1I\xc9*Aw\xc0j\x1c\x93\xdf\xf8c\xc7\xb9\x06+2`\x1f\xb4Y\x03\x81\x8e&amp;\x16\xbc\x1c\xc6[\xd4b\x1b\x04\xac\xa1H$\x1e_\x0b&gt;\x86\r\tu\x8e\xf2\x8b\x17\xe6`},\xca,\x8b\xa1K\x90Z\xc2\xf1\xb5x&lt;&gt;4\xd0g\xf7\xda,VHU\xa0\x99\xaa\x8e\x8e\x91\x91\x0eG\xd42\x08XCC\x918p\x85w&gt;M%h\xe2\x87\xdc\x9b\xe4\xe2aQg5D3\x99q\x90*\x1e\x8f\x0c\x19X\x83\x10w0\xd1\xf0odd\xe4\xab\x81e\xb5t\x0e6M\x8cD\x86"\xe1\xe0wH=\x86\xddK\xcc\xd9\x8a\xad\x87:\xcb\xc2e3\x15w8\xbc\x16\x87\xff4\xa8:-\xd6\xa6{\xa0\x15`55\xb3\x82\x89^\xfb\x0f\xac\xc8\xda\x97{-=*\xf4:\x885\xa7\xa0n\xeb\x82\xccPtjo\xb2\x89\x15\x8f\x00V\xe7\x7f\xb1F\x8c\xf5\xf5\xebH\xb3@X\xad\x9dF\xb8\x00*\x12\x0f\x07\xefN\xba\xa4\x14\xc5\xf9\xcd\xc1j\xbd\x10\xc0C\x84C\xc9?\x83?\xe4\xea\x1b\x04\xb5\x02\x01p\xb1\x03\x90\x00\xeaZ/\x90\x0b\xb0\xae\xb9\xd6\xd6\xc2wW\xdf$R4\xc7\x99\xb3\x15\x01\xcb\x18\xc0\xf8q\x8f3\x18\xfc\x81\x05&amp;Z\x03\xc6V\x1cir\x19\xf1\x82\xfa\x05\x95\xfe:\\\x06\x16\\\xc2\xea\xdf6xl\x16\xd6\xadSM\x14E\xb5\xf2\xcd\xf3\xd0\xc0Z3\xb2\xe55\x8a\xa9\xb1\x0b!\xec\xc6\xa3\xa3I\x16\x00\xb9\xbcv{\xd3D\xc0r\xae\xaeB\xb8\x18N6\xa5Em=\xc54\x11\xf9\xfa\xc1o\x0f\x1f\x1aj\x81V^\xa3&lt;\x18\xe7\x8e\xe3\x7f`#\xd7\xc7\x8f\xc1e\x14z(\\ W\xfc\xbdD3~\xcd$,\x82DM\x08\xe5\x9e\xddv:\xc3k/\x06F?x;\xa1\xc6\x1bP\x8e\xe8\xb5\x89\x1d\xcd\x83\xd1\x01\x076\x1c\x8b\xf6\xd1\x81\xa1\x17\xe1p8\xe8\x0c\xb7$R\x8cY\x91?\x85\x16Y\xae4\x0e\x9e9\x9d\xce\xd5\x17\x8fF\xa1QX\xb1\xadG\xa3Q\x07&lt;\x8dp\x8d8\xaeWG4\xba\xbeb\xb3y?\x8c\xf6=\x82\x03\x08L\xec\x02,\xca\xa4\x06\xf5X&amp;D\x16Bm\x0fV\x9d\xce\xbf&lt;\x9a\xf8\x90\x86\xb5\xb2\xb2r\t\rM\x13\xadc\x04\x10\xd7\xa3\xf0\xc9\xe8q\xe0\x97\xf4Dw\xf7\xa3\xd5\xd5\xd5\x87\x0f\xdb\x12\xb4\x9f:1\xa7\xe1z)\xc3\x8c,\x84\xdc\x0fn;W\xdfMTw\xab\xfb\x97\xfb\xfb\xfb\xf3&gt;_\xb5\x9a^\x896\xb1\xd6W\xd2\x97\xf0\xe5\xe5\xfe\xfc\xfc\xfc\xe2\xfc\xbc\xaf:1|7\xec\xfc\xcd\xd3\xb6\x01]\xd7\x999m\xf3&amp;K\x88V\x99In\xdd\xbe\xf3\xb4:\x97\xcd6*0\xf1\x08\x8dlvo\xd1W5$sDW\xd2U_\xb2\xa1(j\x05\xa6\r\xa5\xd1\xc8&amp;\xab\xbb\xb7\xefy&lt;\x07\xa1\x14"&amp;\x1d\xd5c\xba(\n\x95\xb7\xc9\xad\xad\xd8\\6!acn\x16\t\x16\xf8P6\xb7\x9b6z\xd3\xf5tz\xf7[\x85O\x11B\x8b)\xac\xaa\x95P#\xeb\x8b\xdd\xf1\xb8s\xd92\xc2W&amp;\xf5[%\xf0P\xc9&amp;\xe7b\xb1\x19I*\xa724\xc9 \x9aJ\xe5\x81\xcb\x07)\x83&lt;\xa5\'\xe6B|*\x95I\xc1*\xc3\x14\xb4Q\x0f\xcd\xf8&amp;=\xeedN"\xacY3\xc6\xb1&amp;\xf3\x8d\xbd\xe4\x9c\xef=L\x84\xa1\x8d\x10\x0c\x860\x84\xc1J\xcc$\x87?@\xbc\xd6\'\x86\xdb\xda\xaf\xbf\xdb\x08\xbd=\xc8\xe5r\xdff\xa6s\xbeIwn\xbcN\x17\xcd\xbaq\xb3\xadC}\x00*\xdf\xd4\xdb\xf1\x83\xb6\xadXl\xcb\xdd\xf6\xe6\x89\xab\xa7g\xaa\xe7\xcd\xd3\x0f\xb6\x8e\x80m\xf4~\x9b\xcb\xe5\x9au\x8d\xbfq\xc7|\xbb\xcf\x9fMnM\xba\xdf\xf8|\xc9d\xb6bV\xbb\x05\x99/\xe8\x86\x87&gt;_.\xd7\xe2y\xf0tx"\x9d\xae\xc6\xdc]\xbd\xae\x05W\xd7\xfdQ/\xf4\r\x03\xce\xfe%\xd7R\xffc\xcfn\xfa\x12\x1c\x1d~~\xcf3\xe9\x9e\xf3\xcd%\x0f*\xe4\xcc\xac\xf9u\xb9\xc4*{@5\xe7n\xf9\xfd\xce\xf3n\x80\xda_&lt;\x98\x9d}\xb2\xe4\xfa\xe4\xfa\xad\xaf\xd3j\xb5\xbf\x08\xf6\x03\xa3\xcb\xf5&gt;\xb9\xff\x8f\xcbj\xba:\xfc\xe0\x8eg\x12\xb0r\xdf*\xda\xb1iwk\xce\x15eoq\xd7\xc0jy\x16kI\xeee+\x02_\t\xb5\xb7\xbb\x16&gt;=~4h\xb1\xd8\xe3;K\x0b\xbd\x0b\xb3\xe33!\xa5\xf6\xef}\x9f{\xf7\xf9$`\xc5\x16\x01Kxi\xde\xa8_l\xec-\xceC\xa4ZZ\xde\xcf~\xabg($2:\x1f\x9a]XZ\xe8\x1f\xb2[-}\xf1\x9d\xde\xae\x16\xf7\xec\x06\xcf\xc1h\x88\x1b\x8b\xe3\x9e\xadI\xc0\xf2\xcde\x95\x13\xf3nU\xbe:i\xec\xcd7\xb1\xbazBe\x05\x9aB\xc4\x9c\x9f\xcfLOv\xf5\xff\x1e\xb1\x07\x1c\xff\xe1\xd5\xec^\x13\xd7\xd38^\xf0Z#\x98\xa0\xd4\xf82X\xb1\x0c3"\x89\xc6n\x94\xf8\x82\xac\x90\x82z\x1aXOG\x85\x08\x9d\xd6\xe6\x98\xf6\xc4\x97\n\xc6\x85\xda\x96Z\x06J\x11K\xe9\xe2x\xb1\x03\xc3\xb6,\xdbS\xca\xdc\xf4f`o\xb6\x03-\xa57\xdb\xbb\xb9\xe9\xd5\\\x1c\x86\x81Y\xe6\xf5f\x9f_z\xce\x7fp\xe2\xd3\xfaR\x94\xe6\xc3\xf7\xfb\xfb=/I2\x8d\x92\x99d\xbb\x95\xb3\xe7\x8f\xe1\xa3\xbf&lt;\xfdkE\xf6!\xacQ\xbd\xf2J\xc7\x13\xce\xeb7O_4\x13\xb5H9\x96\x9a\xfe\xfb?n\x9e?\xfe\xf1O?\xde\x9e\xb5\xb8\x8e\xc9\\\xfa)3\xb7m\xfdi\xb9g\xcc3\x89\x8b3h\x81\xfe|s\xf3\xcb\x93P\xb1\\\x1b \xb5^\xfd\xaa\x1b\xd5\xc4\xfc\x7fA\xadQ\x94$-3\\\xb7\xd0~y\xf0\xe4\xd5\xed\xc5\xcb\xb7\xb5!\xf4_Y\xc0\xb2\xa7{\x186\x95\xdbz{q\xf6\xf4\x97\xcf/\xdb\x15\xafb\x8bD\xa3\xb5D\xeb\xe0\xb3\x8eW\r&lt;\xaf\x9f\x83Z,\xcb\x1aYr\x95)\x0f\x12\xa8\x1aom\xe5\x88\x9d\xc6\xb2\x86E\xed\x18yJ}\xb6\x0fe\xbc\x99\xa8\x97m16\'\xe5\xd8\xe8\xa8up\xa3\x9b\x87\xf0\x8f\xff\xf5\xa2\rX\xe8t\x11\x85\x19H2B\xb2[+\xcf\xf6E\x8ao\xec\xa4\x1dss\xf6\xec\x0e\x9f\xa5!\xdf?\x13\xd9Z4JFXQ\xa4E6\x1aM\x1c\xdcNx\xe6u\xc9\xa7{W{\x9e\x8d\x7f~FX4-\np&lt;A\xf5\xa3\xdejK\xa4\xb2|#\xeb\x98\xdbvdw\xb2\xd0\xb4:VP\xe3\xb5/\xa2P\x05A\x8a\x8e\x12\x07\xff\xf1l\\_\xeb`\xe4\xfc\xf9\xd6\xdb\xeb\xd3*\xe4\x07V\xa2\x05U\x85\x8e\xd9\xe1pXWV\xec\x02\x95\xcd\xf2\xbc\xcb\xfa\xf0a&amp;\xcd\xf3\xd9\xb4\xcb?;\xab\xf5\xa7~\x7f\x1c\xbe\x07Xl\xa2\xf2\xf9\xfcB\xa5\xcf\xffx\'\xe7\xcfz\x82\xcar\xf7X\x1a\x13L\x17\xf6\xd9\x15\xab\n\xa3\x04\xc5S.\x18\x18\xad\xae,`\t\xc0\xf5\x00\xfa\xf9gV\x98\x17U\x81\x96\xd8\\\xb3\xdf\x16U:\x7f\xf9\xc7cyn?\x18i\x8aI4\x13\xb0\xb2\x04\xc0\xb2\x02\x96\xd5n\x8d\xc3 \x01\xa3\x04\xd4\x9e\x87\xb3\xf6L\xba\x91\xcd\xc2\x98\x86Fm;\x9ab\xfdq\x845j\x1e\xd5E\x8a\x89\xe9\x90Q=\xd7\xdd\xee\x00s&amp;\x9a\xa3\x11`\xb92\x80\x05P\xe8\xe4\x0c@5\xa0\xf4&lt;\x84\xc9\xc7\x1a\xcfj.Z\xd1\x87 \x97?~\x8f\x958\xaa\xb3x\xe7X\x8f5\xffk\xa7\x93\xb2\x00Vb\xc4\x02\x96\x1f\x1d\xd7\x0e\xab+\x9eL\xf3;\xbc\xe0\x7f\xb0\xfdq{\xce\x1e\xa7\x1b0@f4*\xe0B\xd3"\xa5a\x05\xf1\xd4\xea\x17=\x92\xc4\xa5\xc2t\x18\xa5\x89\xb0rtRs\xd1j\x05\x97\x92\xd9\xc6\x0e\xa5:f\x01\xeb\xa1=.P\r&gt;\xe9r \x8b\xd1\x10\xeb\x17h\n\xf2V\xe2\xe8\x90cL\xd7z$\x88\x8d6n[\xf3\xb6\xa0\xf8D\x01\x0b\xf4\x82c;\xee\xb1h\x9a\x8e[g\xe7\x1e\xcc:T:\xc9\xf3\xc9\xb8\xc3\xae\xa9\x05\xd4\xc8CH\xa7G\xe1\x99\xcd\xd1\xa5.\xd9\xf4\xf6\x91\x9b\xe9\xc2\xa4U\xab\x11\x14M\xbb@/\xbf\x86EI4e\x84\xa6\x19M\x86\x12E\xd1\xbc\x80LD6:\xb4\x15\x8f\x8a\x8f\xbcF\xf6.\xd6\xf5\xa9&lt;\xb5\x12^\x03\x13[\xb5\xa8Dk\xab\x1e\x04\x83\x99\x9e&amp;\x88\x9e%6\x18\x89b\xaef2a\x12\x1d\xf7\xc7\xb5\xed\x80\xf2\x83J\xb3\x08\xeb\xd0FD\xcf\xf5\xa9?\xef\xde\x12\xeec\x18J\xeb5\x92\x90\xa8\xa4\xcb\x95\x89g\xfcq\xbfJ\x1b\xa7\xf0B\xf5(8\xa8\xc5\xfaK\x95zTBi\x16\x98\xb4t*Hd\xb4\xd6l\xb5b\xd2\xfe;\x9d\xda\x9a/4\xb1\xff;\x96D\']q\x97\x0b\xacTE\xb7i\xf1\xf1\x0fO\xfa\xc5\xa0\xf7o?&lt;\x96I\xc9\nKK[v\xaed\x92&amp;"\x91Z\xb3\x9d\x18\x88+:\xf5\x81\xf3_\x84\x86Xo5\xeb\x83\x81\xa1GPH/\xb4\xc0\xe2\xc20\xdf\xd9\xdd\ry\x95\xf0Za\xa9\xa2\xe4E;R\x0bR\x96\x0b\x96?\x81\x19\x06\x83f\xbb\x99\x13\xbe\xeau\xb9\xe0\xab\xc0\x03V\xab^\x1eDz\x18O\xa5]\xb0\xbe\xe0\xe8j\xbe\xd3\xf1\x86\xb9pQq\x06\x9d\\\xe7\x93\xaa\x99\x98qA\xfe\xe71l\xd2T\xae\xb7\xea\xc7\xb4\xf0U\x9f\x8e\xcb\xe3\xb9Vy\xa2\x86\xb0b\x11\x123"\xb9\xe2\x19\xa0r\x19\xb9\xee\x1a\xe7\xf3\xd9l\xe5\xb2-\x95rkU\x1c\xb0 \x93\x12\x18FZ\x82\xf5V"\'\xa9:aML\\\x1f\x8bx\xac\xd5j\x07\x83&amp;\xc0\x92\xa8\xb4f#\x1c\xdd`\xc1c\x03\x13\x1e\x8bFY\x96\xcc\x01V&amp;\xe3\xcf\xa0\xdc@\x10F\x98\xc8\xda-\x9f\x85U\xf52q\xe2\xea\xe5q.P\xaf\x03\x96\xc50\x89IR:\x9dL&amp;aYS\xbc\x11\x8b\x1aI\x8b\x81\xcd\xa1\x1fUui\x91\xa6\x08\x82 c\xc1`\xbb}(\x8a\xfbWz\xf5\xa7{\xd7\xa3\x88r\xd8:\xf4\xd9b\xc0%\xf1|\x1a\xc0\xd2i\x9a\xe2y\x89\xca\x81R9:\'BF\x13\x84d\x1aY\x08\x1e\x92\xe5 `\x1d\x96G\xec\x17\xdd\x062\xcf\xbb\x8b\x018r\xe8s\x06\xcd\x96G\x04\x0f\xab&gt;\x9d\xcdJ\x12\xc5C\xa7\x13G\xbd(\xd4@\x91\xa6P\xd0\xc94E\x19#h\xa4\x04\xb5\x06\x83\x8b\r\xfd\x062\xcf\xe5\xedq\x02a\xd9l\x16\xcb\xa4\x11\xc0\xf8\x06\x0f\x85\x08\xda\xc2\xb8c\x16Z,\xab\xeaw\x08\x12O\xc1/EI\x12f\xb2\x00\x96\xad\xdd\x1a]\xbc\x9b\xd03\xf6\xce/\x00\x0b6]\xcc4i\x00.H\xf7\xb0#\xe9\xde\xc9I\xe9\x84\xa2N \x88\xa4\x00\xa6\x12\x90p\t#i\x8a\xd9\x90Z\x89/\x1b:\xdf\xcd\xe2\xd9;=t\x16}\xbe\xa0%2i4b=\x02\x84!\xde|\x1a\x9e\x9c|?\xf9^:\xe9\x95\xde\xbc\x91\xd0\x0e4`\x04dR\x10\xcbi\x0b\x9e]\xae\xeb~\xef\x8f\xe7u\xdb\x16(\xfal\x16\x03f\xc4\x961\xa9\x87\xdb:k\x9d7\xf71\x84G\x87\xb3\xc5Hlj\x123\xf6\x0cA\xe4w\xf9jb\x0cq\xd9v\x16\x03\xbe`\x196\xa3a\ns\xa7\xbc\x0b\x8b\x8b\x1f&gt;|\xf8\xf6\xed\xdb\'x\xc0\xbb\x0f\xdd\x10\x87,6\x1aL\x1aV\xf3\xdd\x18\xa8&lt;?\xb7\x8b\xc5\xa2/\x18\x84Tox4e\xe9,&gt;YL\x9d\xfc\x0f\xe2\xfb\x9b\xef\xe8\xf5dmz\xda;c2\x10\xa4\xa1\x0cXA\xdb\xcb\xb1\xdcV\xb6\xdeR\x14\x05\xb0|\x11\xd2\xe4v\x9b\xca\xb5\xfa\xfe\xca\xdd\xdd\xf6\xc7\x8fww\x1f\xe1iv\xf6\xfd\xd6~y\x15\xb7@1\x8c\xf9@-\xdf\xedx\xee\xf2&lt;+\x04\x94"`\x05c\xb1\x18\xfe(\x9ac%\xd1a\x9f\xbd\x83\xf8\xb8}\xf7\xfe}\\\xa2$\x83y\xc6\x82\xf2\xbb\x0f\xb8|\xe7\xe3\xb9g\xf1\xf5\x8b\x82\x12@r\xf9l&gt;\xdcm\x8cF,$\xeaU\xdf\xa3p\xb9h\xa9\xd7\xc3\xa6\xdc\xb8\xb9\x8c\xbe\x01~\xb76\xc6B\xe5\xd9;+(JQ;d\xd1\x89G"&amp;\x0b\x8e\xbb\xa7N~\x0b7\x84\xd9l\xc6\xc1@\x90\xca\x19P\xc6\xe4!\xa4\x88\x17\xb2\xac\xf4\xfb}\xa0\x0b8\x9dN\x86\tp\x1c\xd7Y\xebv\xbb\x9d\x00\x93w\xdaV\x9d\xab\xab\xab\x1a\xb5\xcf\xa9\x1c]\x8d\xeb\xbe\xd3\x8d\x9b\xaa\\(\xf4\xfb\xb2,\x87\xb9\x14\x93\xe2\xc2a/\x04\xe2\x82v0\x15H\x05\x18\x06\x92\x08\x80\x1f)\\s}LT\x13\xeb\xa7\xd5J\xa5R(\x14d\xd9\xeb\r\xa7:\x1d\xc0\x82wk\xe8\xd4\xb7\x97S8.\x95J\x05\x02\xa0\xa7\xd2/\x14n\xc7v{\xfa\xfc\xbf\x0f*(\xaa\x80\xb5\xe6\rw\xc0B\xed\x89\x0b(aP\x0b^\x03)E\x01l\xa0:\x1c#\xd6\xe9\x0b\x8dK\xae"y:\x1d02\x9f\xb7\x90\xb9\xe3\\\x14\x87\x95\x96\x02_\x11\x96R\x90\x0bG\xedqb\xbd:8\xa8T!\xe40\x92\x87a\x86\xa5\x06\x8d.\xc7\xd2Q\xcc\x9cg\x00\x12&lt;\x04\xb5\n\x07G\xfd\xd3\x89\xf1aU^!\x0f\xabUXY\x08b\xb8\xb9\x9c\x15\xd0\x99?\x912n\x0e7\x87\xf9UH\x0c2r\xf1\xa00V\xac\xa5*P\x85@\xae\xd4j~ss\xb3\xb4\xcck\xe7S)~\x19\xfe(m\xae\xe6SH,`\xef_\x8f\x13+\xb4\x84&lt;\\\nU\xc3L\x1e\xf4)m\xee4\x1a\xd0\xfb\x11\x8dRijyy3\xcfp\xf2\xfd\xa6\xe8\x9f\x8f\x11\xabP\r---!.Ya\x86`\x1b\x90\xf5\xa6\xdc\xbd\x9e\x1b\x84[.\r\x03\x9c,#n\xaf\\\xbc\x1a\'V\xd8\x8b\xb8PT\xc3\xce&lt;\x9eg\x9cC\x1c\xc7gf\xf2y\xdcl\x1e2a\x04\x15\xaa\x86dn|X\x9e\xf9S\x85\xf3\x86\x16v\xef\xb9Ba\xce\x19\x80\xdc\xee\xf4\x15!\x8b2\xab\xb0\xdc\xc3!\x14K!/\x17\xf0\x8dS-%\xc5\xc9\xc0\x05`\xbb\xbb\x0b\xa1\x90\\\x08\xcb^\x94,\xe4\xb0\x02)UF\xd7\x89\x17\x16B\xb0O\xf3\xb6q\xaa\x15\x80\xea\xec]\x98^\xdcE\x01\x00\xb2\x1c\x02\x14x\xc8\xa8\x1e!\xa8\xe9i\xa8\x8f\x01\xc6i\xbe\x1c\x9bZ\xeb\xa7\xce&lt;\x13\x08w\x81K\x03\x9b\x06\xb0\x85\xd0\xef\xe1\xd5\xa0\xa6\x17\xd6\xb8\xd4\xffy7\xfb\xd0\xa6\xd2,\x8c\xd3\xdc\xe2\xd8\x84$7\xc9m\x89\x97\x10\x02\x8df\x84\x0b\x9dBG/M\xb0,\x18H\xc1\x80\x7f\x84\x91B`h\xaa\xe2\xcc?\x89+jw\x18nj%H\xa1\x1bi\x84i\xc9\xc8\xb4\xb4\xa9\xebT\x03j\xa6\xf6\xcb\xb6\xd6\xb6J\xd5\xaa\xb5\xd5R\x9d\xad.\xb6[\xab\x96b\xa1\xcc,\xb8\xec&gt;\xe7\xbdq\x9cew\xd9\x99\x1d\xdbso&gt;\xb4\x90\xfe\xf2\x9c\xe7=\xe7\xbc\xe9\xcd\x9e\xf0\x9e\xb2\xf5\xc5\x82\x830\xca|\xb8\xff\x0f\x04\xb6\x17`\xd9\xa0\xec\xa9T(\x1d_\xcb\xf2\xa9\xf5\xc3\xaax\xe8\xa2E\xb7\xe3\xcb\xcd\x1f\x83\x0b`\x1f\xd2\x01\x14\x15\xef\x8f\xfb\x91\xc1#\xdbw\xca\xc7\x1d\x0ea\xfd\xd4*\xac\xb8\xe4B5\x08o\xdb\xb1]\xe5\xa2\xcb\xe3\xf730\nz~\x8c\xdc\x8e\x1a\xe68\xbe\x9e\xde",^\xa0J\xb0\xf9\x08\x19,K\x06\x1ev\xb7\x97Q\t\x92\xd3\xe98^\xf9|]\xb10\xae\xcb\xb2}\xe7v\x9a\x95U\x95\x8e}|l/{d\x17\xf2\xef\xe1\x1d\xce\xcfN8\xf9S\xb5\xeb\x88e\x17\xb0\x91@U\xa7\x81Y\x1d\x97i4=\xa2\xc6\xe6/I+\xba$\x0eX\xf2\xed\x8au\xc4\x92-N\t\xc6\x01\xd6\x8e\xed4\x9c\xd2\xdcE\xcf\xb6o\xc7\x08\x8d\xa1\xf9kd\xd0hD\x9b\x0c_\x1a\x1a\xa8-\\\',\xab\xe0\x90\x9c\x92\xe4\xb0b\x0eE\xdfy\x17;iv\xdeA\xc6:\x01*R\xebhK\xcb\xbduIdM\xfa\x07x\xcb\x81,\xf1\x98\x91\x19\r\xb6eV;\xed\xcdP\xfe\xb1\xbf\xd8&amp;\xf0N\xa3\x1e\x87S\x90\x1b\xce\x9d\xfenh\xcdw?\x85\xd1\x81\xa1\xeb\xadV\xc2\xfa\x0c{g\x86\x85\xed\x97\x15\xfb~\xc1j\xdfF\x07\xe6UA\x12\x8d\xfa|\xbd\xd1!X\x0f\xec\xdb\xf7\xcd\xab\xb5\xfezz\x85\x7f\xa8\xa5\xa5\x05X\x0e\xa7\xe8tJB\x98\x89\x05\xac\xcaS\x95eV\xda\xca\x82\xd1\x1e\xe69P\xe5\x1b9\x87 \x1f\xd8\xf5\xc9\xe9d\xda\xbf\xa6\\\x15\xca\xd0\xddz\x86\x05K\x8b\x1c\xacc\x0fn\xdb\x16D\n+\xdd\xb6J\x96Gd3\xcc\xd3\x07\xab\xc0rJ\xbc|v\xdf\xaek~\x7fr-\xbf\x0bX\xe1\x1fxp\xed\x9bk\xd7Z\xad\xbc\xe4\xe4\x8c"\xb0\xc2*J\x89\xe5\x94\x8d&gt;U\xa6\xb0\xe3\xa7$\x16\xac%\tV\xd7W\xf5-\xc0JF\xd7\xee\xb2\x91Hr\x88\xbeK}\xfa+\xc222,\x95D(+\xb3\x18*\xd9\'K\x82P&amp;\xf0\x06\x12KOIt\xb9Z\xfft\x8f\xb0\xd2k\xf6\xed\xef\x93\xfe\xe4\x83\xd3\xbb\x80\xd5\x8a4IP\x8b\x93xp\x94Y\x00\x85(+\xab\xac\xc4]\x99U\xb0\x9c \xb1\xf4"\xd6\x84\xec:{\xe0R:\x90N\xa6\xd3k\xf4\xa1`\xa1_Q\xee~R\x7f\xeetk\x83]\xb0HN\x91\xc9%\x94\xf1&lt;\x98\x0cts\x1b\x0c\xe0\x12,\x9c\x9e\xa9EXaW\xb0\xe1B\xc0\x9fN\xa7\xfd\x81\xb5\xe1\x8a(\xe5\xfe\xbb\x9f\xd6\x9fk=\xdb`\x97Q \x80%Jh\xd9\x84ep\xbbm8mn\x92\xcd\xc0\xb0\xf4F\xc2r\x01\xebN\x80\xb8\x02\x81\xe8\xc95HdMR)W\x86v}\xd7\xdat\xb6!\xa8b\x19\x8dN\x9e\x17\xc0a0\xd0\xe5I8I/\x0bgS\xb18X^v\xb9\xbe\xe8\tD\x02~?\xb0\x92\xcb\xb3\x91\xf7\x0cV\x18\x00V\xf9\xabs\xad%\xc1\x86\x83\xc1p\x16\x8bs\xf0\xb2\x04\xadl\x1e\x0f\x9d 3\xd0\xbf\xf2)\x87\'0\xd8\xf0\xb2+\xd8~+Br\x81+\xb2&lt;\xdc\xf94\xfe^\xc1\x9a\x95\xa4\x12\x8f\'\xef\x9d-q5\x1c\xfc(L\xf5\xd4\x08W\xc3\xf5\x06\xce\xed\xf1\x94z(\xf46\x8es\x1bl\x1e\x86\x85\x9f9x\xab+\xf8c-a1\xb9\x96\xba;Lu\xa3\xaf\x9b\xdf_\n\xe3J\x97R\x1eW\xae7\xf1\xae\x83\r\x1f\xd9\x05\x1eKQ\x8fDI\x0e\xce\xe6)E\xec\xde]\xaa\x87\\0\x1c3|\xbe\x9e\xe3\xa0V\x89+\xd8S\x1b\x89\xf8\xcb\x89+:\xdb\xad5i\xb5csO\xbb\x9a\x0b\xdfK\x06\xe3\xe5\xe5JWy\xa8\xfc\xd5\x17\xc0:h\'\xcf\xe3\xd7SiR\xb1v\x13\x96\x07\xff\xa3G\x81\xd7\x97R\x8d7\x8a\x0e\xc9RR\xd2\xf4&lt;\nk)\n\xb8\xa2S\xdd\x1a\x93V\xe33\x81l\xea7\xb7#ev~)\x04,\xa5\xaa\xaaJ\xb9$\xcb\xc1\xa0=LXF\xe2r8,\xc8Z\xa9G\xc52\x8a6\xa31\xffs\xc2\x02\xa0h\xe0\xe5`{\xad\x97a\x01,:\xdeY\x07\xb5&gt;0iL\xbe\x8e\xc7sS\xbf\xc1\xff\'\xbb\x96:\x13\xa9\xd7P\x0bQUU&gt;T"\xd8]\xf60\x8d\x10L.\xf8\x87\x07\x17\xb0Jay\x8e\xb3\xa1\xef\x94"\x8dD%\x1a,&lt;r\xe8\x8d\xc4\t\xcb\x1f\xf7\x8e\xcf\xd7i\x99Z&amp;\x9f\xc9\xe4\x1b\x1b}\xaa\xfc_6+l\x9eZ\xeeN\x14\x17\'\xba\xe2\xe5\x8a\xca\x95&lt;\xca\xdb\x83\xe10\xf6\x18N\x11z\x91\xadQ#\xdcdx\xa2\xe2\xc8W\xa5\xa5\xcc\xf1d\x7f\xfehm\x84\xd4\xa2,\xc6\xab\xc7;;\x80\x85\x13\xb9\xd4\xfa|\x9b\xc6\x1e\xcf\xcd*\xbf\xdaf\xcdS3\t\x9d.\xa7\xb8\xb8\xfb\x1dV\xfcB\x90\xb7\xcba\x84D\x7fP\x149\x8b\x83\x17d\x08\x86\x92e\x90\x0c6h\xb5{7\r5\x10\xce\xc6\x19\xf8\xbfA,u%\xc6#\xd5\xe3\xddo\xb1`\xfd\x8d\x9b@f\xf2=\x1e}\xdaU\xf8kl&gt;5\xa3\xd3\x15\x03\x8a\xb0\xaa\xca\xb3\\!\xff\x0fa\x19\xbbW9,H\xacB\x00\xc6\xc2*=N\x89\x13\xf5\xb0Yi\xbe\x87\xb4\xb2\xe9mb\xe5\xed\xa87\x9a\xad\x0f\x91fe\xbe\x8311,\xd3F\xad\xef\x03\xa4S\xab}\xbc\xd2\xf5\x0b\x17@\x85\x02K\xe5\x14\xe7\x80\n7\x86\xc5\xc0\xaa\xaaB\x0f\x9adl\xc6\xb0\xad\x96\xa1\x17\xf5k\xf4\x1b\x07\xafv\x1d\x91\xaaF)j\x03\x05rli\xafmFD\xd4\xb2u2\xb2\x1c\xd3\x92\\\xc0\xd2jM\x10\xcc\x07\xf7\xe7i7\x8c\x8d\xcd\xbd\xfe\x05\xb9\xac!\x9f\xe7\xe4\x10VN\x0e\xd2\x98\xe8B\xf6\xb2\xa6\x0f\x05\xda\xad\xb0Sx\x8f,\xf3\x92A\x14\xdd\x10\x0c\x0cH!\xb08\xf8\x9c\\EbQ\x0fr\xdfI\x8e\xdf\xbd\xfb \x89&lt;F"\xe8\x89\xa8\x10\xef\xcc\x95\xa7\xa5*\xc6\\f2\x01,R\xf1?\x94Z\xe9f\x96\xa2 0\x86\xa5r\x01+4\xd0d\xc0\xca\x97\xf7\x84e\x0b\xeb\x87@\xa26m\xa1\xc6H\x1a\xc1R\x1cZ\x90\xd1\xe3\xfe\xfd\x8d\xdb\xd7\xe7\xdf\xbcy\xf3\xac~i Rs\xb2\xa6&amp;=\x1f3i\xb7\xe4\x9a4\x0c(\x8f\xee\xf3\xf2\xb4y\xacj\x98\xb00\xff;X\xcd\xf8J\xa7N\xf7\x16\x8bQ\x15\'^\x87B\xc0\x02X\x1c\\\x91K%\xf02&amp;SY\x86B\x06\x1aj\x0cn\x8f\x8d\xc6\x08\xf4C\x1b\xdc.!D\xbd\xe7\xc6\xed\xf4\xf8\xf2\xb3l\xd4O.\\Z\x98\xbc8\\\xd7\xa1\xd1\xe4\xe5\xb2$2\xc5L\x9b\xc8_\x1a\x9f\x0f\xa2=\x1e\xfd\xcf\xbd\x1c&gt;\x1f\xed\xd6\xe9~\x86\xc5\xc0R\x84E\x82\x01-\x1e\n%\x0f!s*\x16\x0c\xef`\x03\x97\xdbM\xc2!\xdc\x94@\x9e\x17\xa5o{j\xfd\xe33)u-\xa7\xee/&lt;y\xb2\xb809\xf9hrp8VG\xe6\xd2\x98`,Z\x8dT\xc5\xd8\x03\x96\x01jY\xd7\xbf\xd5\xb2\xe6\xa73f"b\xb7wj\xe9r\x80\xf5\x16\x0cryo\xf0\xa2\x11\\\x02O(\x16,D\x8b\x83iF\xa3\x84M\x141,;\x84\xf6\xe7\xb5~e9U\xac\xc3+\x9a\xcd9\x97\xaf\x9eY\xbc\x7f\xbf\xed/\x8d\x99\xc6\xde\xfe\xbe\x189\x8c*\x04\xc8\xc8\\*\x16\t\xe6\x83\xcb\xfee\xc8(T\x96b\xe6\x82,\x14P\xb2\xab\x90&lt;Oj\x85\xaa\xe8\x00Wus(\xf9\xb0\xfdw\x95V\x99\xc7^\xc2\xc6\xe4\xc2.\xdb\xc0\xd33\x8b\x1b\xb5]r\xec9\x84\x06]\xadt\xa7rtY\xed\x19V\xa2\xa8\xaf1\x939?18\xdd\xdf?}1\xa6\xdd\x18\x9b\xb9\xdc?\xdd\x16\xeb\xd0\xe4\x9a\x18\x96\n\xf8\xb8\xebg\xc3\xe7\xd3\xce\xa2\x02\x84\xd9\xcc^&amp;\'\x8bE\x0f\xa9\x8b\xe3\xa1\x90\n\xe6\xad\x8e?X\xbe\xb8\x14\x8f&lt;\xef\xf9\xf1pS\x89d$\'Y \x9c$\xf188\xceh\xd3;\x05\xd7\x8d[\x01o\xf3\xd4|\x82\x84B\xe8\xcc\x05\x9d/\x1a37\x87\xaf\xbc\xc8d\xae\xf6\xf6\xdflD\xdc\x1c\x8c\xc5\xfa\xbfo&lt;?\xd1\xdb\xd6?=\\\x07\xd5|\xda\xbcM$\x9fo\xf4\xa7\xcd\xf2\xecLL\x852g\xdf\x9e.\x9b\xbf\x91\x91\xb6\xc9\x17\xff\xf0\x82\xca\x0b\xa6\xf1\x96O\xdf\xbcIu\xaft\x85\xaa"\xb5\xb7\x1f\x1e-q\xdb\xd0\x90- \x92\x1c\x98\xa0i\xc2\xb7\x19\x0e\xd3,S=\xdb\xad\xab+bT\x05\x05[4E\xb1\xe9\x17\x93\xc3s\xdfg\xae\xde\x8f]n\xcc\xac.\x9e9\xff\xa4\xef\xaf\xd0nq\xf2\xfe\xe5\x89\xcc\xc2\xb0)\x0fL8\xa9\\\x8ceK\xc2\xf8h\xac\xa0\xe8\'\xa9T\xb1\xf0Nu\xc5#}\x8f\x16\xae\xae&gt;I\xa3$\xa6\x07\x96fF\x9e=K!\xcc\xe6\xce\xd9P(\x1e\x89\xde\xeai?D&gt;\x87L\x06\tu\x15P\xeeo\xef&lt;\x8fx\xbd\xf1\x95TA\xdd\x96-\xf4\xa2E[\xb6j4\xb9[\xebbW\xea\xe6^6\xf6^\x19{\x99\xc9d\xce4\x9e\x7f29\x81\'\x0b\x83m\xd3\x13\xe7\x19\xd6\x86&lt;\xed&amp;\xb5\x8d\x13Tt\nJ\x99\x8b\xf0\xa6\xa0\xb6YEb\xc7\xc8`\xef\xe4\xf4\xc8\xc8\xea\xea\xe0\xdc\xcaL\xff\xc2`*\x85\xb6]\x9c\xc2-Q\x07\xb0\xbf{\xbd!os\xa0\xe7\xc6\xa92Q\x82\xd1\x9dP\x8e\xfb\xf3\x1d\xccW\x91\xe8Tg\xa2H\x93\xbb%7W\x83\xd8\x9a\x9b\x9b\xb7A\x9b\xbb\xb5#\xafn\xb8\xef\xcaX\xc7\xcb\xcc\x99\xc5\xc9G\x97\xdb\xfa&amp;2gn\xf6NL\\}\xd2{\x11\xab\x93J\x98\x8a\xe5S\xd3\xc7\x94~\xab\x14\xd9\x01l###\x8f\xae.B\x9c\xb6\xd5\xd5\xfb)\x9d.1\x92\xa2\x05P\x9c\xad\xb2\xe6\x82D\xe7\xac\xe2\xf5b&gt;\x88\xde\xbap\xb8\xd2\x8d&gt;$\xda\xda\xffYe\xd9\xb4\xb8mEa\xd81\xf7K\xa96\xf6\xc2\xa0?`\xd0\xca\xe4\'\x04cP\xf7\xfd\x05\xf3\x0b\x86\xae\xb2J\xa0\xa0\x856]hQm\n\xb3P\x10A\xd5F\r\xd6\xb8\xfe\xc0\x86\x19S\xc6\xfd\x00{\x06\xacqL=\x86\x8e\xd3\xd8\x8b\xd0\xd0\xacJ\x86\xbe\xe7J\x0e\xf4x\xe4kK\x1e\x9d\xc7\xefy\xcf\xb9\xfe\xe9\xaf\xd3\xaf:\x9d\xce\x07\xdf\xadj$\xc6\x8a\x053\xd30\xb0\xd4\x1e3\xf1x\xba\x0e\x82\xc9\xdb\x8b\xe1.H\xde\x85\xc3\xd1&lt;\t\xc6\xd9~\xb5\x0c\xe3\x9aA\x0e\x83\xb9*7S\xb7~\xa4zT\xd8\t\xe1\xa7\xa3\xd5l\xbc\xf9\xd8\x7f\xf9\xe8I8\x99,\x1e\xe1\xaa\xe6\xd6;\x92\xee\xcez\xa3\xe5\xde\xde\xc0p\x90\xec\xc5/\xbf\xff\xf8\xf4\xeb\xa7?\x03\n\xef:_\xbe\xf7=\x05\x85\x8e\xc1\x8e\xaf!\x9a0\x0c\xe9\r\xb2\xfdzEF\x8b\x16q\x9c\xa1\x84\xfby\x92\xac\x97C\xccX.\x94c8\x15\x97\x80\x8av\xd1\xb5C\xbc\xbc\x1c\x8f\xb6\xd7h\xe8I\xd4\x7f\xd2\xf8b\xb0\x1a_\x92C(\xc8~\x85\xa0\xe4\xc3\x86\xe7N\xcf\x9f\x81\x0b( \xfb\xf5\x9b\x17\xdf\x12\xe6\xf3\xf7\xae\x87{\x1bJ\xc1-X\xc4\x11O\xd09e\xe1Qu\xc30&lt;\x04I\x7f(\xdf\xcc\x83`qH\x92w\xa3\xf4vD\xd3\xe2\xcaQ\xaa\xd2\xf8L\xa5\xfd\x04\x93\x87\xa3\xd5\xf5b\xd1\x9fM\x08\xcbo\xb5\\\xbf\x0e\xa0\xa6\x0e\xf8\xa4\xd9(Csz\xbd\xbb\x13*$\xba\xf4\xf4E\xe7\xf4\xe4\xb4\xf3\xec\xfc\xd6UBIe(.\x84\xd2t\xa5f\x86P\x14\xc2R\xaa:]\xad\x82d\x92\xe6WwAr\x9dn\xe7\xc9&amp;\xcc\xd6I\x12L\xfa\xe1\xd0\x11\x95z\xc9U\xf6\x9f?\xc8V\xfd\xc58\xdb\xf6?j\xb5|\xb0\xd88\x18\x90l\xb2\xae\x81WM\xa2l\xb5\x18\xb3\xed\xa6\xed\xfe\t\xeb\x83\xaaS&gt;?\xbf\xf7\xed\x9c#\x94\x94Jp-\xd0g8\x8d\xc5U\xcd\x8a\xef0\xb1\x821\xc4:\xcc\'\xe3\xed\xf5&lt;\x89\xfa\xb3(\x98\xcd\x82h\x16\xc6\x8c\xd4*\x1a\x10\xd3\xe0\xe5\xfd\xed2[,F\xfb\xb7\xe3\xcb\xcbY\xf4n\xd7\xbf \x95(\xfd\xb1\xa3\x980\xf0l\xebs\xc2`\\1aw\xcf\xcf\xc0\x83\x07\xe2\xec\xa6\xe7\xd9"\x97\xc4\xc4%\x07\x82\x01@\x0b\xd2Y\x98K\xb4\xe0\x012\xd6\xcd\xd6\xb3\xe5\x10\xd7\x87\xa3%\xb4J\x92\xb7\xd7\x93\xd7\xfd\x14\x9b\xd3&amp;\xf5\xec\xca\xb1$u?\xcdv\xfb\x81\x1f\xcef\xcbK\xff2]\xad7\xa1\xef\xeb\xea\x91&amp;\x8c\x9a\xca\x86a\x05\x19\x18t\xb04\xe7\x82\x04a\xf6\xf0\xe6\xecY\x11g\x7f\xf4&lt;\xb0h,K\x02\x8b\xfe$\xe7\x80!,Z4\x96RN\xecy1\x97\xc2\xc9\r\xfc\xa2\xdff\x83\xeej\xb2\x19o\x83$\x1a\xbb\x8f\x9b\xc0\xd2\x13\x0f\xc5\xdbe\x834\x1c\xac\x83E\xefb\xb0\xda\xc1\xe7\xbe[\x18\xa80\x15aA+\xf4\x12\xe0\x18\x1d\x1a\x0b\xef\x98\x88\xef\x80t\x02\xaa\xdfz\x9els\x91\x9b\x96\xa9\xb18\x0e)\xa5\xc3\x89G\x15X\x9c\xb8j\n\xd7tm9\xcfs\xc7uco;\x89\xa2\xe85\xba\x002Tt\xde\xd6Ev\xc8\xd2t\xb0\xdb.\xd1\x16\x83\xfda\x94\xfa\xf5\x86]\xd8\x9c\xd4",\x02+\xfb\tVV\xc0\x92B\xb6\x05*f\xcb\xfc\xc3\xc9\x19U\xb0\xeb\t\xb3-y\xdb\xe4\xa6\xc9\xa5\xc9\xb9\t,\x13`\xe4\xa8\x02\xcb\x92\x85\\\xb8S\xad*H\xbb\xdc\xc4\x8dDk\xb0\xdd\xc3]\x9b4n\xb64V\xb5\xe9\xef\xd6c@\x81f\x84\r\xf5\x90\x85\x17\x1e\xb3\x91\x9cQ\xf9\xf4@4\xaaM]&lt;-\x16u&gt;\x99FRr\x9eSv\xf1\xe1\xd3\xc9\xd9\xdf\xdd8\x97\xb2m\xcav\xbb\xc0\x92\xe5"\x1d\xd0p4\x80r\xa4Ej\x91\xf7\xe9\xe0\xa4\x9e\x89\xcf)\xd6j\x0c/\xb6\xeb`\xbe\xf4P\xa2\n6\xac\xa6\xbfM6}\x82jy\x83\xf9\xfa:t=\xbb\xca\xaad\x1c]7\xb2\x13Mh\xa2bZ)Nl\\\xe5\xdcl\xe3\xb9\xad\x01\xa6\x9f\xce{6\xd415\x964\x8fR\x15jA%\x83J\xce\x9d\x1a/{\x12E\x96\xdcB\x8d\x81\x85\xdf]\x8d\xa6\xddr\xa7\x87]\xea\xd6[\r`1\xbb\xb7\x8e\xa2]F4\xf6p\xa0\x17`1|\x0bE\xe6\x16\xa5\xcb\x19y\x9e\x15@Z/JZb\xb5\x91q\xfa\x86i\x040\x11\x96&gt;KJ\x80\xd34-\xcbt\xe2\xab\xab\xee\xb0V\xe3\xe5\xc0 ,\xbaLbYF\xab\x01\x90f\xfc\xa6;\xf4\x08\x0bU\x12\xee.\xda\xa4\xbeg\xb3\x16f\x13\xfa\xbej\x93\x91\xf0_\x86M\xb3\xaaZ\x04\xc3\xaf\x00\xbd\x8d\x08x\x1dhdg2\x12\x01\xe0\xd6\xd2\x86\xa5$Q\x10\x96\x89+\x04{\xc4\x92&lt;7\xe2\r\x12[Q\x00\x00\x00\xafIDAT\xfb\xf1\xab\x1f\x861\x99\xbf\xc0r\x1c\xfa4\x8c\x88\xf1\xda\xd0sP\x8a\xaa\xa8j,dr\xf7\xd1\xec\xc2\x16\xb6\xce\n\x1c\xc2bH\xcc\xc8\xeev\x89U\n&amp;\xf4t\xa0q\x89L\xf2\x88\x85%7s`\xe4\xbc\x90\xca\xd4\xb5$&amp;\xcaLXR\xc6\xdf\xff\xf3\xf0\xf0\xea\xde\x81\xb94V\x194\xdcT\x15\x1dF\x01e\xf0\xb2Q\x81X\xcc\xcd\x80\x85\xf9MXPK\xe8]\xc2\xd2\xf3\x9cD\xd2Gax\x83\x0b\xf2\x15z\x9bz_\xfe\x1f\xcb\x84\xf91\x13\x80\x95k,\xf3\x88e\x92\\0\xd0\xfd\xbf\x0f\x0f\xdf\r\xf1\xa5\xacb\xdc\x83\xc9\xa1\x0e\xa0\x1a\xd6\x1b4\xa2)Q\x13[\xee\x7f]3n\xb9\xdfeD\xed\x00\x00\x00\x00IEND\xaeB`\x82'</t>
        </is>
      </c>
      <c r="M545" s="3" t="n">
        <v>45492.67675925926</v>
      </c>
    </row>
    <row r="546">
      <c r="A546" t="n">
        <v>1485309</v>
      </c>
      <c r="B546" t="n">
        <v>1644</v>
      </c>
      <c r="C546" t="inlineStr">
        <is>
          <t>Gabriel Moscardo</t>
        </is>
      </c>
      <c r="D546" t="inlineStr">
        <is>
          <t>Gabriel Moscardo</t>
        </is>
      </c>
      <c r="E546" t="inlineStr">
        <is>
          <t>MC</t>
        </is>
      </c>
      <c r="F546" t="inlineStr">
        <is>
          <t>MC</t>
        </is>
      </c>
      <c r="G546" t="inlineStr">
        <is>
          <t>MC</t>
        </is>
      </c>
      <c r="H546" t="n">
        <v>185</v>
      </c>
      <c r="I546" t="n">
        <v>44</v>
      </c>
      <c r="J546" s="2" t="n">
        <v>38622</v>
      </c>
      <c r="K546" t="inlineStr">
        <is>
          <t>Right</t>
        </is>
      </c>
      <c r="L54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7&lt;/Attrib:Created&gt;\n        &lt;Attrib:ExtId&gt;5a14a6e1-3d54-4a00-b01b-7572b30cfe1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\x15\xb3\xeb\x00\x00\x00&gt;tEXtComment\x00xr:d:DAEewil2SDw:2956,j:5485781159307211879,t:23071714`\x8a\x87M\x00\x00\x00\tpHYs\x00\x00\x0e\xc4\x00\x00\x0e\xc4\x01\x95+\x0e\x1b\x00\x00\x03\x00PLTE\xff\xff\xff\xf2\xf2\xf1\xff\xd9\xb9/\x18\x03\xef\xef\xef\xfe\xfd\xfd\xfb\xf7\xf5\xff\xfe\xfe\xf7\xf6\xf6\xf8\xf7\xf8\xed\xed\xed\xf5\xf5\xf5\xff\xcb\xa2\xff\xd6\xbe\xff\xdc\xbd\xff\xde\xc6\xff\xdf\xca\xff\xde\xc2\xff\xcf\xad\xd6}6\xff\xd4\xb0(\x12\x03\xd4\x83I\xff\xe7\xd7\xff\xdb\xc2\xff\xd6\xba\xfc\xfb\xfb\xff\xd9\xbe\xff\xe2\xd3\xff\xcf\xb4\xff\xe6\xd1\xfc\xf9\xf7\xff\xd9\xb5\xd4|A\xd3~:\xff\xd1\xba\xff\xcc\xa8\x1a\r\x01\xff\xdf\xce\xff\xd1\xa9\xfd\xb9\x8a8\x1e\x04\xff\xd5\xb5\xc7w&gt;\xff\xbe\x91\xfa\xf4\xf2\xe0\x91W\xee\xea\xe4\xd7\x81C\xff\xc7\x9d\xd2z7\x1f\x0f\x02\xfc\xf5\xf0\xec\x9ff\xff\xdb\xc7\x12\x07\x00\xe4\x95Y\xfd\xc4\xa3\xdc\x84H\xf8\xf2\xee\xdb\x88L\xd6\x80&lt;\xd0~D\xd8\x8aQ\xccz?\xdd\x8bU\xe6\x98`\xde\x8eQ\xff\xcc\xaf\xec\xf0\xf2\xe4\x8fR\xe3\x91_\xfe\xb3\x813!\x10&lt;&amp;\x11\xdb\x81=\xec\x9ab\xe2\x8aV\xde\x8da\xf3\xa3i\xf8\xf7\xf3\xca\x80SD.\x1b\xe8\xe7\xe1\xff\xd7\xc3\xea\xea\xea\xd8}L\xf5\x9cef=\x1e\\8\x19\xd9\x8d[\xff\xe4\xcaY?)\xff\xe4\xceE)\x11P6"+\x1b\x0e\xc7r6\xac^)#\x15\x07\x9dV&amp;\xfe\xc0\x9c\xf9\xb6\x85\x8b]=\xfc\xf1\xe8\xfb\xaby\xf3\xf1\xec\xff\xc3\x96\xf3\x97_E&amp;\x05O(\x06A\x1e\x05rS8oC#\xd9xA\xc4yLP/\x15\xe2\x8aJ\x95oN\xe9\x8eU\xf8\xaar\xc1t&lt;~S3\xf3\xee\xe7\xcf\x8a]\x9evW\xd1u@\xd1yK\xe9\x8a_\xbcq?\xbdvF\xcb\x7fF\x8eN%\x8cjKuL,\xcdv4\xec\x95\\\xf4\xaf\x7f\xd2\x83S\xdf\x83Q\xd6\x91hX.\x0b\x96Z4\xed\xd8\xcc\xf1\xa6q\xde\x84A\xbcq6\xe9\x85P\xf6\xba\x99\xd2\x95u\xb4uR\xcbzF\xa7}Y\xf7\xea\xde\xd8\xa2}\xc9rHt;\x11eD+\xe9\xac\x89\x9ca@\xfe\xc4\xad\xf5\xc7\xab\x94C\x16\x81J*\xed\xb8\x9e\xe2\xdd\xdc\x81eJ\xf3\xf8\xf9\xef\x8eR\xf9\xbe\x92\xfc\xa4l\xacf:\xdd\x99u\xc4\x92v\xfe\xee\xdf9)\x1f\xf5\xb7\x8fG6(\xee\xe3\xd9lL0\xf5\xcd\xb4\x8ft^\x9foL\xb6k3\xe4~NtZE\xc3\x86`\xe3\xa3\x7f\xef\xa5~a2\x07\x85E\x16\xdb\xd5\xd4\xd9\xb8\xa4\xcd\x88j\xf2\x91Zk5\r\xbe|W\xf8\xe8\xd7~]=\xc5\xbc\xb9\xc5iF\xa5^8\xee\xb1\x8f\xe8\xa0u\xed\x91i\xd4rU\xfc\xb2\x98\xb8\xae\xaa\xadnG\xa1\x8az\xe9\xce\xbf\xc0h4\xf6\xc4\x9ddUL\xd0\xc8\xc6\xd7\x83[bK7\xdc\xa8\x90\xe4zE\xfe\xcb\x98\xa8\x82e\xb3\x8bi\xbf\x8dk\xf8\xe3\xcf\xf7\xd6\xbe\xf8\xdb\xc9\xb8d/\xe0\x97i{0\x07\xab\x9f\x9bqc[\xe2\xc2\xb2\xb6hF\xd0\x9a\x82\xf1~p\xfe\xe3\xbaTF;\xf9\x87y\xb4\x7f_\x9a\x8f\x8c\xa1P\x13\xff\xe6\xc2\x8d\x81|\xc1RB\xfc\x97\x84\xc4\xb5\xae\x7fqj\xb5U9\xac\x99\x8d\xe5pb\xaaH+\xf3\x9aq\xcfYQ\xcc\xa6\x93\xfb\xa8\x8f\x89#\r\x04\xd9$\xff\x00\x00 \x00IDATx\xda\xc4\x98\xe1O\x13y\x1a\xc7\x97\x1dHEro4\xbd\x84\x1ab\xaa6q\xc4\x9c\xd1\xc6p\x98\xe0\xe1\xc5\xa03,zN\x03t6M[:\xe5\x1a\x94\x96\x19\xb7\x14\x99X\x8c\xb9\xce r%\xe0\xba\xd8\xacTv\xc56.\xdc\xa64\xbd\x96p\n\xcd\x82iE_\x14BZ\xb9\xa4\xe5\x05\xa6\x8d/\x88\x18\x12\r\xc9\xbd\xb9\xe77\xec\xde?p\x03&gt;\xa4}\xc1\x90\xf0\xc9\xf7\xf9&gt;\xdf\xe7i\xbf\xf8\xe2\xff*\x85\xa2D%\xd5\xc1\x83\x07\xe1\xbdD\xf1\xc5\xe7.\t\xa8\xb4\xec\xea^\x9d.\x10\x08\xc4\xe3\xf1\x80\xae\xb1\xb8\xacT\xa5\xfa\x8ch\n *\xda\xab\x0b\xc43\xc9\x8f\xa9\xfc\xd6\xd6\xc6\xd2\xd2\xc6F&gt;\x95\xccd\x02\x8dE\x9fK5E\xc9\x9e\xc6m\xa2\xad\xa5hT\x08NO\xb3+P\xe9t\xba\xf0i#\x95\x89\xeb\x8aKU\n\xc5\xeeKU\x1c\xff\x98\xdfZ\x02\xa4h\x90ED\x06\x83\xc9d\xa2(*\x14\n\x85W\n\x9b\xf9d\\W\xb4\xdb\x92)\x0e\x9e\xc8lE\x11R08\xbd\x12a\xd9\x88\xdf\xe04B\x91T\x88$\x08\x92\n\xaf\xa7?\xe5\x93\x81\xe2]u\x99b\x8f.\xb9$!I\x15\x0c\xba\x82\xac\xdfi\xb4\x93$E`\xa8\x08*\x1c\x0e\xaf\x176R\xf1\xc6\xd2]\x03+\xd9\x13\xf8\xb8\x14\x15\x84`0\x91`\x13\xc1\xa8\xdb\xed\x16X?\xedt\x9a\x0c\x06\x12Sb8NB7I"\xb4^\xd8L\xc5\xf7\xee\x12\x98\xaaL\xa2r\xb9\x04$\x12+\xb8\xb3Y\x97\xa8G\xc5NO\xfb)\xa3\x13\xd9\xccI\x91 Z(\x9c\xdeL\x05\x8aJvC\xab\xa2xj)\xear\x81F&gt;W\x84\xf6\'\x80\xcb-\xd2z\xdef\x0b\n.\x81eA@\xd6\x0fh\x88\x8b \xc2\xe9\x8d\xcc.\x08VR\x06T\x02h\xe5v\xf9r\xee\x88\x93\x06\xbd@.\x9e\x17b.[\xc2\xe5\x16\x12\xc0\x19\x8c\xf8#\x11\x18\x02\x12W*\x89u\xe8\xe4N{_Q\x1a\x90\xb4\x12\x80\xcc\x9d\xcb\x8a\xcem\xae\x9c\x0f\xca\xc5s\xbc-!\x8al"\x11\xf1\x83jl\xc4\x89#\xff\x83`\xc9@Y\xc9\x8e\xe6\xd5\t\x98A \xb0%l.W.\xcb\x1b\xedN\x9a\xe6\x04_6\xf7\xf3j\x8c\xd7\xeb9N\xaf\xa7i?PE\xa0\x99\x11\xa7\x1d\xc71\xc6\x1c.\xe4\xe3E\xaa\x1d\xa4\xba\x1a\xdf\xca\xba\xb3\xb9\x98\r\xa8\xdc9\x1fo\xc4\xedN\x87Co\xf3IX\x9c\xd7K\xd3\xb4\xd3n\xa7Y\xd6``\x05\x81\xa7\x1dv\\\xab\xd5\x98\xd7\xc1a;\xc5\xa5(AC\xe8\x06,_\xcc\x15s\xe7\xc0[$\x86\xdb\x8d\x1dF\xd6\x05\n&amp;D\xce\xeb\xb0;\x9cF\x1c3\x1a`$M\xac\xdb\xcds4\xa9A\x15\xfa\x94lT\xedX`%\xb7 \x1a|\xab\xab\xefc6\xc1\xb7\x8d\xd5\xe1t\x92~\xc1\x07\x04z\xbd\xd7n\xb7\x03\x95\x16C\xc1\x8a\x1b\x04\xb7`\x13)DU\xa5\t\x15R\x8d%;\xb3r@\xab\xac\xdb\xe5\xf6\xe5Vs\xc8\xdf.\x17k"I#\xa4\x94\x1f\\N\xd3z\xd4?D\xa5\xd10\x04\xa6U\x92\x91`"\x98\xf0\x13\x0cPi\x98\xd0\xa7L\xd1N\xcc\xa3jof)\x9a\xcd\xc2\xcc\xc5 \xb2D\x873\x92`\r\xb0\x9e!\xdc#l\x84F\xe6\xa7a3\xe2JmU\x95\x86a4\x1a%\x05\xbeOL\x1b\x08m\x95F\xaba\xd67\xe2;\x10`%\x7f\x89\xe7\xa3.\xc9W6(\xd1\x81\xdbM~\xc0"M+\xb0\x18W\x8c8\xee\xa4MN\x12\'\xccLU\x15\xe2\xa8\xd2\x98M\xb0\xc6\x83\x88K\xcb0\x0c\x91\xce\x07\xe4\xe7R\xe9\x90\xddA*\xc1\xc6\x8b\x90\xe9z\x1c\xc3\x8dh\xf7\x85\xa7\xa3\xf0\xafM\xc0e4Q8f6\x9b5\x88\x0b\xde\x18\xca`X\tF\xa7)\x90\x0e\xc0B\xc0uPf.\xd5\xd5\xccRPp\xfbb6X\x80\x9chs\x89NL\xa9Tbf\x82Z\x9f^1\x91p;\xc0P\xc2\xaaVB\xff\xaa\xb6\x8b\tA\x8b\xe1\xc2X!\x19\x84\xc5\x80\xedu\xf2\xe6=\x8awA\xe4c\x90\xe54\xa4\x13\x07]t\x82\x8b4Z\xa59\x04g\x0c\xc2\xc1H\xbb\x1dG\xa8\x8c\xe6W.\xc6\x0c\xc7\x97\x01\x8eD\x13\xb4\x11\xfe\xd6\x1c\x96;&amp;\x90\xdf\x83\x11\xd1\x16\xb3A89\xbcz\x9e\xd7#\x06\x9803\x11\nQ$\xac\x19\x922JX\x18\xa6e\xb4\x12\x16\x18_k\xa6L0\x13\x14\x86z\n\xb7\xcefF\xd6\x83\xa2\x14\xfc\x9e\xe08\x9e\x17\xf5\x90\x99v/\'\xea\xed\x1d\x00\x01j\xc1\x9d@\x92\x048\x0b\xdc\x85\xa3-\x08\xee\xda\xee\xa3\xe4/\xa0\x85a%\xb5\x08\x8b0\xcb;\x8e\x8a\xa2\xcc\x92\xc0r\xdc\xd8\x18\x07;\x0f\xb2\x9c\x16E\xda\x01\x10J`@`\x18iD\'\x96\x1d\xd80\x9c$\x94U\xbf\x95\x161S\x06\xd4F\xc6\xcc0\xe6t\xaaX&gt;\xb9T\'&gt;F\xa7#\x9c\xc8\xf3c"/r\xfa\x99\x19\x0e6\xe0\xb6\x95\x90^\xa8\x850\x85v\xb4\x11A7\\\xa9\xf9\xcd_\x1a\x8c\xc0\x95\x84\xc9@\x11\xe0y\x101\xb4\x19\x90\xcf]\xa5\x81\xfc\xb4\x81\x86\t\x84d\x88\x8d\x0e\x8c\x8d\xcc\xcc\x8cp\xb4\x03\xb5Q\xa9\xd5\x82\x9d04\x8avZ?\x03\xce\xb3\xc3~\x86\xdf\xc0\x03@\xd3\xc0C\xa5\x92\x0c\x87Cf\x89\xcb\\\xc8\x94\xca\x86U\x96\xd9\\\x01\xeb\xfa\xc1\xf3\xc3/^,\x0e\xcc\xce\xcf\xcc\xcc\xcf8\x90\xbd0)\'P?\x1d\x1c\xe0\xce\x8f\x8c\xcc\x8f\xc0S\xaf\xd7\xd1\x01d\x1a\tK\xcb\x10\x14\xc2\x02\xd3\x99\xd3\xc9=\xb2a\x15\x7f,\x84)\x8a\x06\xac\xe1\x9b_\xdf\xfcf\xc2:;??\x82\x94q\x18\x8dH2\x1c\xde\xec\xdc\x80gdd\xd6\xe3\xf1X\xe1\xe5\x19\x1b\xd3{;0\x89\x18\xe8`\n\x11\x16\xa4\xedzJ\xb6\xd5\xa8hL\xa5\x01\xcb\x84\xb0\xfe~\xfa\xcf\x7f\xaa\xb4&lt;\x9e\x9d\x9d\x05Q\xbc\xd2~\xee\xc0\xa1o^n\x00h?X-\x16\xcb\xda\xda\xda\xd4\xbbw\x8b\xa3\x9eyG\x07*iyK\xb3\x01A\x12\xce\xcbvI\x94\xe8\xf2\x80e2D\xf8\x81\xe1\xb7\x83\x97\xcfUZ\xac\x8f=\x9e\xd9\x11T\xd0\xb0\x19\xef\xcc&lt;76\xb0`\x05\xa6\xa9\xa9\xe5\x96\x96\x96\xca\xca\x87\x95/_\x02&amp;&lt;\xfe\xb5\x99\x8c\x84Eb\xa1\r\x9dJ\xb6}\x08X`-~tt\xf8\xd2\x8d\xf1\xba\x9ee\x8b\xd5\xfa\x18\n\xd8\xe0\xc73\xe6\x19\x18\x18\x1d\x1d\xb0Z\xa6\xee\xdd\xab\xac\xedm\xe9=\xd5\xd3\xd3S\xfb\xf0\xe1;\x8b\x15\xe0\x11\x98\x16m\x1f\xc02\x122\x8e\xa2*\xb0\xb5b\x80\x0b\xdd5\xbc\xb8x\xf7\xf2x\x97\xfa\xe1\xb2\xc5\xf2Aj\x98\xc52\x01\xb5\xb88\xb10`\xb5Nuww\x9fU\xf7\xf6\xf6\x9e\xba~]\r`--\xcbk\x0b\x00\xe6\xedP\xa2e\r\xfb\x89"C\x9b\xf1R\xd9\xb06\xd6\x01\x8b\x8f\xfd\xeb\xc5\xbb\x07\x17\xda\xeb\xd4=/\xd7\xc0B\xd0\xae\xde\x96e\xe8X\xf7\xd4\xc4\x02\xb4p\xea^we\xadZ}j\xbfT\xa7\xa0zz\xe0\xd9\x82g\xc4\x81\xe2\x02&amp;\x16\xd2-,/\x16\xeaa\xec\x97\xb7Wn\x9d\xab\xebW\xf7\x80\x0c-\xbd\xd7\xaf\xd7\xd7\xef\xefE\x92X@8\xab\xa5\xbb\xb6V\xdd\xa4\xee9444T\xbf\xff:\x90\xd5\xef\xaf9t\xb6\xf2\xf6\x84g\xa6C\xca\x11%A\x85\xd7e\xc4\xd2\xe5\xd7!\x1f\xc4\xd8w\xaf^_hh\xa8kh\xba\xf5\xa0\xf6Lg\xd7\xd3\xa7s]\xf5\xbd\xcb\x1f&gt;H\r]\xabU\x9f\xe9\xefoR\x0fuv~;T\x0f\xc4\xfbkj\xea\x0f\xa9k+o/\xccz\xb7\x17(`\xa57d\xc3R4\xe6\xd3\x94\xd1)\x0e?\xab\xfe\xa9o\xf0\xf2\xe5\xd3\x17.\x9d\xfb\xc3\x9d\xaf.\x8f\xb7\xb5\xb557\xb4 *\xabe\xadE}\xe6[(\xa0\x9d\x9b{\xda\xd9\xd99T_S3TSS\x0b\\V\xb0\x17\x06m$\xc80\xdc\x82\xb2m\x9f\xe2T\xc1dt\xf2\xef\x1f\xb5\x9el=~\xf4b\xdb\xe0\x7fN\x9f\x1e\xbcq\xf1\xe8\xb5\xd6kG\xdb.&lt;\x98B\xd6_\xbe\xd5\xdf577\xd7\xde\xde\xde\xdc\xdc\xdc&gt;\xf7\xb4\xae\xb3\xf3\x0cj\xa7Z\xdd\xf3\xf0\xb6u\xde\x81+\xb7\xb1R\xf2\x9d\\\x90\xf2\x06\x13m{\xffl\xb2z_\xc5\xbe\x93\x88\xac\xef\xe8\xf1\xd6#\xe7\xcf\x9f?R=\xf9\xfc\xd2\x95+\x7f\xbb\xdb\xd0\xd5&gt;\xde\xdc&lt;\xbe]\xcd\xcdw\xba\xea\xea$.\x98\xc9\x07\x0f&amp;f\xc1^J\xf4%N\xe1\xe3^\xd9N\x88\xa2\xe4\'\x83Ao{\xff\xfd\xab\xeac\x07\xca\x8f\xed;\xd2\xda\xdaz\xf2HE\xf9\xef\xca\x0f\x1f\xae\xa8\xf8\xe1\xfed\xdf\xf3\xbe\xbe\xb6\xb6\x8bPm\xe37\xdan\xdc\x18\x1c&lt;\xfd\xd5\x9d?\xd65\xf4\xf7\xf7\xab\xd5\xea\xb3g+-\xb3^\x1c\xb0\x88P!Y\xa6\x90\x11k\xc5\x1f\x89\xad&gt;\x9b&lt;R\x0eX\xc7\x8eUT\x80P\x15\xe5\xe5\x80\x85\xaa\xa2\x1a8[\x8f\x83\x8a\x17\xdb\x00ip\xf0\xf5\xeb\xb7\x97\xbe\xbe{\xf7\xee\x9b\x0b\rM\x08\xeb\x9b)\xeb\x88\x1d}\xb5\x04\x1f\x17\xe5\xbb \x90Z\xfe\x84\xef\xfb\xc9\xea\n\xc0\xfa\xf2@yE\xf5\xe4\xabW\xaf\x9e\xfc\xf8\xe3\x13x\xfd\xf3\xf0y\xc0\xaan\xbd\x06X}}\xaf\xffq\xf3\xc5pl\x14\xd5\xc2\xe2\xf0\x957o\x9a\x9a~\xff\xbf\x940\x87\xe5\xbc\xb7\x8a\x92\x05\x93_X}T]q\xb8\xfc\xcb\xf2\x03\x07\xca\xab\x1f\xfd\xf2\xde\xe7\xcb\xe5r\xd9l\xee\xe7\x7f?\xb9\x7f\xff\xa7\xe3\xad\x80\xf5\xd7\xe7\xaf\xbf\xfb/\xabf\xfb\x94\xe6\x99\x85\xf1\xaeNbg\x17\x14\x18D\x1e\xe1QR( \xe6\xc5lZ*\xc6\xb5j\x18\xb1\xad\x9a\xa1\xcb\x00\xaeQ\xab\x95\x18\x9b\x18\xaa\xd8\xda\x1a\xa3(6\xeb+i\xe4%\xa9\x1a@\xb1\x1d\r\xd2\xda\xd4\x18\xa2\xac\xd1\xe8tU\xd45&amp;\xad\xb5v\xdd\xc48\xabn:n\xba\xd3n;u\xcc\xec\xb9If\xff\x01\xb8\xe5\x8b|\xf17\xe7\x9c\xfb\xba\xaf\xeb\x8c+\x97 \x1c\x95\x95A\x9aU\x96TX\xe7\'\x1a\xe5M\xf2\x84DPU{K`\xe8+\xdf\xfb3\xf3\xff\xe6\'\xc0:\xdbv\x97\x82c\x02*U\x80\x89\xbb\x9d\x83\x15%\xca/\xd0\x8e\x19Tve\xd3bDM\xe47\xf4\rAb+S\x87"I\x0f\r\xcc\xc9\x04\x83V\xabi\x8c\x8f\xa7%F\xd7Z\x95\x81\xa1\xd0\xc3g\x83\xfcZ\xad/\xfe&gt;M\xc1\x01K\x80\xb1;\xbb7\xb7\xac\xe72\x8b\xd5 \x92Q\xea\xd3\xca\n\xb3\xa9\x1f\xb0\xfa\x1b&lt;\xcd\xe6B\xe5iu\xa8\xd7\x99&gt;\x7f(P\xddRb\xaf+\xa8iL\x8a\xa7\xd1\xa4\xf3%Q\xa1\x9f\xff\xdb\x8f=DX\xc7\xbet\x1a)h\xd8)\x9d\xddK\xce\xadKg!\x9b\x81mV\x17C&lt;\xb3\xcf\x9b\xfaE"~\x83\xe7A\xe5|\xddx\x0b2\xd3\x80\x9bS\xd6\xd2\x02n\xb1\xa3\xa3@\xf32\xd4K:\x7fN\x1d\xf8\xfd\xdf~\xeb\xc7@\xf6;\xb8\x89\x9f8\x8d\x1c\xaa@@\x11YL\xce\x95\x15\xe7\xe6\xa6sk\xd0Za\x07Sc5\x8f\r\x1b\x01\xab\xe8\xc5\x8c\xc6Z=JG\xca\xcc\x12p\xfd\xe0u\xf4\xc8\x96\xd5]\xa7\x01\x96\xc6q\xae8\xea\xab\xbf\xfasm\xb3\xef\xebko\x7f`\xea\xa5\x80\x96\x8a\xfa\xdbL\x9bmK\xddp\xa6-mcC\x13Cc\xcd}\xee~\x91\xd8\xb6\xb7H\x91B{\x1f\x1c\x0e2_\xe6\xa1\xb1\xb1\xcaJi\xfb\x86c\xaa\xa0.\xff}\x1aMW\xeb()~\xf5\x9f\xfe\x1c\xadg\x9e\xfd\xfa\xf6\x97\x83&amp;#\x8e\xb3\xc5\xaa\xe9aK7h\x02n\xb3\x89\xba\xa7\x87\xfb\xfa\xfa&lt;\xee\x06\xbeH\xcc\xc6O\x16)z^\xcb[\x9d\xd2\x83.\x0c9M}}\xcd\x7fZ\x94Wk4\xb5\x8e\xfc\xd6\x8b\x80e-)~\xfd\xbf7#\xfd\x18\xaa#o\xde.\xbc\xd4fd\x13\x89b\x95\xd1\xd8\xc9\x96\xc9\x888\x1a1\xe7\xca\xd6P\xb3\xc7\xed\xee\x15\x83\xf8\x13R\xaf\xf4\\\xc8\x03\xdfj\x1d\x1c&lt;\x8b\xce&lt;\xc8\x96T3$\xd5\xd4D_\xd4\x01\x96\xb28\xf7?7\xfd\xb9\x83\x88\xfc\xf8\x97As\x9f\x11pp\x1b\x12w\xc4\xb4\xf9\xdd\xb5\x1bo_.\xb1;\xa4\x0f&lt;|J\x00\x99\xcc\xe3{\xb1\xbaF*\xce)\x8f\xe5\x96\xe5\xe6f*\xed\xd6y\xf3\x84TZ\rGZ\xab\x07\xac\xdb\xfe\xbc\x88\xcf\x84_\xdd\x99\x9f\xf0b\xb1\xe1\xcdASo\xb6\x16^\xce\xfd,4T}z\xbcN\xe3\xe9\xc5\xc9\xe4`\x0e\xc2\x8a\xceGy\'\xea\x957\xd12\'P\x9di\xd7;j\x1b\x1b\xe5r\xb9\x14\xaa\x95s\xec\x97?\xfa\x15\xeb\xc0\xe8\xd6P\x9f\x11\x97\t\xe1e\xa6\xdc\x1d\x9e\x80\xfbv\xf6\xda\x8d\xcf\x0e\x85\x96)\xc7\xc7\xa7&lt;"\x01\x9d\x8e\x9ax+^WSw:0*\xf7\xf37\x9e\x7f\xe9\xcd\xd7ss\xa2\x8a\xc7\xeb\x1c:9\x08}\xb5Y\xaf,\xfb\xc6\xbf{\xdd\xf03\xa3+ \x028\xfcq\x0c\xe7\x18\x01\xab\xce\xba\xb9y-\'T}\xb9\xc2\xde\xa1\x1f\x16cX\x08\x9d\xc2\xbfr*\xa9Q\xa3o\t\xcc9v\xec\x8d\x97\x0e\xbd\xfa\xcd\x8dLuT\xcbHA\xeb\x1e0\x12\x8d\x1b\x80\xf5\xd5Oo\xf9\x11+(\xfc\xcc\xba\xd34\xdcKa\x04\xb0\x821\x91qz\xd8\xb4\xe2\xec^z\xb7L\xddr\xaeP\xaf\x9f\x98\xc6\x19t\xd2S\xacv\xc7HKKf\x19&lt;?9\x15\xef\xda\xc7\xff\xd21\x92\xdf\xbaG\xeer\xc9a\xb62o\xf8\x0f\x0b\xfdK\xc1\xbe\xab\xa3\x08\x8b\xc7b\xb1\x82\x19l\xb1\xcdfC3\xbfUXRb\xb7\x9aMF\xb1@@f\x08\x0eB\x13\x9b\xaa\xdb5\x8e\xba\x12e\x19\x84\xe9\xcc\n\xab\xde\nQ\xedz^L\x9c\x17k\x1c\xb0\x0e\xf8iK\x19\x14\xbe\xfb\xf0\x99\xab\x0b\xa3\x9bm\x96\x93\x08\x8bE\'z-\x96\xd8h1\r\x99\xcd\x130rb6\x1b\\\x05U\xc4\xbfr\xcb \xafn\xafq\xe8\xeb@\xeaQ\xce\x9e\x9f\xa8\x94^\x8cNDTr0\xce\xcaOv&gt;~\xcb/\\A\x91\'\x98\xf7\x17\x16\xd6A9-\x07Y\xdej!\xebGd\xc3\x885\xb8=\xa0\xa5\xfd\x1cp;\xf0\x1d\x05^\x9fS\x08k\xb2f\x03\xb4}\xca1\xbfQ+\x05\'\xa8KH\x88{\'.\x8e\x069\xc3&gt;\xe8\x1c]8\xe3\x87msP\xe4\xa7L\xa1\xec\xde\xc2\xc0\xc0]\x8b\x85\x10\xe0\xc5zR-\x90\tU/\xffx\xbf\x8a\x83\xe38\x11a\xaa\x10\x96K^\x95\x17\xdd\x0eG\x03H\x8bII\x8d4\x1a-\x06\xb0h\t5\x05#zP\xff\x9d\xf5\xab\xfb|\x15\x89\xa0]\'\x84\x03\x9d\xec\xfb\xf7ID\x91e\x9a\x10\x10\xc0\n \x87\x80\xc4\xcb\x00\x03G\x96T\x05\x91\x03\x17` \xfa\xf0+&lt;\x8a=\xae\xd2\xd2\xaa\xaa\xaaR\x90\x84\xf4\'\xa7)&gt;.\x0ea\xd1j\xf2\x0bj\x86*\xc7\xc66G\xcf\x1f\x0e\xf7\xb5Xa\xddmK\x03\\fV0\xa1\xbf\x97\x17\x10L&amp;\x87\x84\x08e2\xa1P\x86\xe1b\x0e\x87#\xc6\xc1\xea0\x10%F\x14\x1f\x84\xabh(\xf5\x9eo].\x83\xa1\xa7\x07\xe5\xdb\x94\xa6\xa6\xb8w\xc0AD_\xcf\xd7e&lt;\xc8X\xdc\x18t\x9e\xdf\xed[\x1fw\xbd \xeb\x1b[\xba\x17\x91Mf\x11z{y\xc1\x00\x05\x87D\xe2r\x852\xc0\x12\xa3\xa9"\xca\x8426[F"a\x9c\xa7\xe5\xfa\x16&gt;p\x10\x16\xc4\xc6\xfa\xf2\xf4\xa6#G\x8e\xd0t\xad\xd7i\x92\x99\x19\xed\xcf\x1d\x85;\x07|+\xd7\xae\x13\xb8g\xb83+"$\x98\xc5;\xb9\x97G\x0f\x11\x92\x10\x13\x93\xc9$\t1\x9cB\x11`D\xa0\x12\xb2\xef\xc9\xb8a\\\xa2(u\xfb\x14\xdcE/\x13:@\x85\xd2l=Z\x0f\x1c\x89Ohm\xa5%\xa5kgf\xbb:\xbe[\xd8\xed#\x96\xadh\x0e\xcb\na\x08\xa8\xbc\x83\'9t\x92\x90\x0bP\x11aaL\xae\x90\x8e\xc1Pa\x0c\xba\x90\x04]\x85\xafe\xf8\xdc\xb66]\xab\xd5\xba\\.o\xb1\xe0 \xac\xb4dI:\x0cZ\\bkkLL\\\xb9B\xfbk\x87ut\x9f?\xb0\xc8\x02\n\x81\xc0!\x88e$!\xd4\n\xa8\x80\x8b\x04\xef\x10\xa8\x15]HG\xf5\x92\r\xd8lFwFu\xfb\xec"\xf4\t\x81\xc1l\x19z\xb4\xf5i@%\xd9\x9f\x04\xf3\x95\x98\x97G\xbbp\xa1\\\xa1\xb83\xa2\x1f=\xec3\xd6c&lt;\x84\xce\xe9?\xce\xe7\x89p\xbaP&amp;$eGD\xc0\x07\xb0\xc8d:\x1dQ\xc1\xb4w.97-\xeef\xe9\xc6\xd4\xd4\xc6\xe2\x8c\xb6\t\x1e\x1b\x84\x95\xaeMFX\xb1\xe9(]W\xe5%\xfe\xe1\xb9\xd7\x0c\xa7\x14\xed]\xfa\x1d\x9f\xb1f\xb6EBF\x7fs\xa5\x85E\x11\x07\xc0\x1d\xe4z\xb1\x98L.\x89\x14B\xa63P\xdcg\x1b\x9d\x85v\xab\xc9\xfd@S\xb0v\xba\xa5n1\x03L\xa9\xdce(/\xd7J\x92\x1f\xc0\x8fD\x0b\\\x10\xc9\x12\x9f\xcb_-Ul\xb7wM\xf9Z\xad\x17\xd8\x9e\x0fE2\xb1{\xb1\xb9\xfb!\x85@\x85~1\x99\x11P+\xe6\x13.:&amp;\xc0\xd9\x8c\x81\xe1\tH\x19\x16\xb7GS0\x02o\xf3\xc6\xe2buUU\x9c\xa1\xbc\xbe\xbe&gt;9-\x19\x9a\x08\\/\xd3t:Z\xcc\xa3Gwnm\xb7\x17\x98\xd7\xf7\xf9*\x10\xc7SU\xb6\xc73\x92i\xc1C\xde2\x0f\x13r\x11V\x18\xd3\xcb\xc5%\xd1\x91\xac\xb2;\x87\xc7L\x16\xa3h\xce\xd3X\xe3(\x18Y+\x98\xac\xae\xae*u\x19`\xdc\x93\x93\x81kF\xabMOzY\xa7\xd3\xed\x8f\xcd\xefzT\xa5\x9d\x9cZ\xf1\xf1&amp;\x06ErU\xfc\xb9\xb9\x1f\xb5\xdb\xa2,\xc0"\x08dH\x1c\xbc\xc5\x82\xa9\xcf\xe6\x860@\xb7\x88b\xe3\xb4\x11\x85\x8f\xa2\x19IFu~W\xd7j;\x88\x84\xa1\xc7+\x0ei\xf5\xf5p9%\x80\x15MK;\x9a\xd7\xb5\xf6\xeb\xec\xa4y\xe7j\xb8\x8f\xf6\xe1S\xb6H\xf5\xf8_\xaem[\xc4\x0f\xd4\xe5e\x01Q\xf8\x14\x0b\xdd\xc6\x88l\x12\x0c\x17\x11\xa3\xe0H\xbe\xd8\xaaT~\xeav\xd3\xe4\xea\xea\x9dj\x18x\xa0R .\xc0\xba%\x91$\xd1\x00\xeb\xc5\xf7\xf6t\xaduM\xce\x8e\xad\x1f\xf6\xd1uA\x17\xc5"\xf7\xec\xec\x8c(\xeb\x07\xd6\xf22\x15#s\xbd\xb3\x15\xf6\x14KHg0\x18\x02A\x00\xbc?\xb6\xb9\xd4\xbd{\x8b\xb4r\x98+\xb9\xa1\xc7\xd0\xe3]\n\x02Vyy9\xc2J\x8c\x8e?\xaa\x80j\xad\xfd&lt;\xbbt~\xb7\xafo\xf5\xee\x7f`\x1c/V\xf0C\x16a\x19^ER6\xf3\tU\xc4\x93jA\x1b\xa9&lt;*xiUC\x11\xff\xe0q\x05h\x81&lt;\x0e\xde\x9d[\n\xb4\x13&lt;U\x1f\x9b\x92\x92\xb2?9)!qO\x8a\xa2|ud\r\xba\xb8\xfe\x91\xcf\x16"\xf2#\x19\xfe8#\xe3\xb1\rc\x05\xc0p\xb1\xc8YY\xd9\x11a\xff\xc7\n\x01w/\xa0R\xa8\x02\xb6x\xce\xfda/g\xef{Z\xa4\x06\xe9p\x0b\xd1\xc2\xf2\xe8\xd14\xc0\x8a\xdd/I\x8a\xf9\xf3\xef\xcb\x15\xf1\xf9\xa8Zc\x0b\x87}v\xce\xbb\xce\xdcg\x8b\xe6\x8c66\x11\x0b\xe0\x11\x10\x16\x94+\xec\xc9AwQ\xe8]\x0eb\x10\xb2\xe7~,RA\xe0\x9fA\x17/=]\x92\x96\xa68\n\'-9v\x7f\xec\xffx9\xbf\x90\xb6\xf2,\x8e\x97\x0b1\x0c\xc4\xfc\xf3\x92&amp;\xa6VMB#\x89\xdeM\xc4H\xd4\x98\xc4D\xaa`\x9an@ZH\xf0\xc1\xa1\r\xe9\xbaO+RC\xc5V}\x10\xb3B\xad\xd4\x8a\x15\xa4S\xe6%\xb4#R\n\x82\xf5A\xa1\x85\x8c\xd3H\xa9\x81R\\Z\xad\x85vZ\xbaP,\x88\xb6;\xbb\xdf\xf3\xbbq\x97ea_\xc6\x9b\x83\xb5\xaf\x1f\xbe\xe7\xdcs\xbe\xe7w\x7fW$\xb1q\xb4\xb6\xef\xf29l\x91w3\xf7\x7fw\x0e!W\xcd\xebb\x0c\x19\x95\xaa\xd3`\xb3*\xac\x15\x1a\xd5\x7f\xb0\x8e\xb3\xd6\xc5qFt\xfa;\xeb\xbf}\xf9\xf2\xdb\xfa\xf2S\n4\x04p1,W\xc8-\x08B\xdb\x99\xc6\xda\xda\x8e&gt;Opzc#\xfb\xf2\xc1\xef\xdf\x15\x91\xc5m\xbd*\x16\x8b\xd5\x1b\xadN\xa7\x96S\xaa\xd4\xa7\x805/\xceE\xd8\t5\x190\x82\xfa\xf4\xe9\xeb\xd7k\xd9l\xf6\xaf\xd7\x9e\xa2Q\x84\xc3B \xe4r\xb9B.`\x85\xdb\xce8FGK\xfa\xdc\xe7C/\xb2S\xef\x9a\x8eb\xfb\xa99\xa1\x8e\xc5N\x9eT\xeb\x1f\xe6re\xc5z\xbd\x9aY\x08\xa2\xa2\x8e\n,@}\xf9@\xb1\x9f\xdd=88\xd8\xcbd\xc3\xe0\x8aF\xdbB\xae\x10" \xb4\xb5\x85\xcfx7\xde\x8c\x06\x03g\xbf\xee\xac\xbe\xbc~$\xa7#\xa5\tV\xdf\xc7\xd5\xdb[?\x98;\x8dy\xacy\xc2:\x85\t\xd4\xf9\xf0\xc7\xfb\xab\xdf(\xf6\xbf\x1d\xdc\xfd\'\xe2\xeeA\xe6E8\x1c\r\xb7\x05\\h\xf2!T\x16\xc4K-~?\x19uM,/\xbf|\x9e8\x92U\x11\xbb\xcf&lt;\xc5Lbf\x8ba\x91\x878,\xf9S\xe6\x1f\x1f\xad\xbe\xdf\xdb\xfd\xf6\x8d~\x0e\x88\xea\xed\xdb\xb7w\x7f\xee}\x11\x8d\x86\x03l\xf6\xb8\xdb\x04\xa445&lt;\xbct{nm\xfd\xe6\xc3\x99\xf2#\xdb\x14\x13\x88\xa2\xf2\xba\x13\xe6N\xbd^EX\x00#\x17\x01\xaa\xa9[\xefoe?|\xfa\xb0\xbf\xffmwwoww\xf7\x00M\xe0\xed\x85\xa1\x08\xb2\xd8\x16p\x07\x80E\x95\xb6\x8a\x95\xe79\x16\xa8\xed\x99\xa2#\xdb\xabe\xa5\xe5\xe52\x99\xbct\xc6\\\xacWiT\xb1\x93\xf98U\x7fgmj\xf5\xfe\xdc\xfa:\x95&lt;\xc8&gt;\x10_f\x0f`\x17\x86S)\x9f\xe0f\x01\xac\xf1\xa9\x95\x07W\x9a\x12W\x12M\xe5Gx\x01[\xcen\x99\xcb\x12[\x84\xa5\xf9\x8c\x8e\xda\xd5\xd5\x15\x8b\xb1\xc6\xb0\xb6~\x07\xdb\xff\xfa\x17&lt;\x8a\x9f&gt;\xe1\xf7\xb5lf\xef\xc2\x85\xef\x87\xec#&gt;7\x9e\xc2\xd3\x97O\x83\x0b\x85^#CHq+\xbc\xb4n\xbbX\x03\xaa\xcf\x9f\x81\x85\x9e\xa1b\xafV\xc0\xd4p\xe7\xe2:\xa8&gt;\x90X\xd7\xb2\xb3\x99\xcc\xfb\xa1\xa1d\x92\xb0\x82A`\tm\xd1\xd5\x95\x19\xca\x9d$\xb7b\xe5E\xdb\xc5F\xcd\xc7\x8f\x9f?\xc7Xh\x0c\xe6\xe2\xceN\x03\xd6X\xea\xa5\x94\xc4\xfd\xfdl6\x93\xc9`\xa7\x1e\x99&amp;\xb5\x04\xc2\xba|:&lt;\x80f%\xd9E]y\xf9\x13\x03\xa7\xfcx\xc8\xa5&amp;\xb7e\x80?m@s\x0f\x83\x87\x95&lt;A\xcd\xce\xd2a\xa9.x\x88\x15\x1d\xf8\xf5y\xcd1\xc9B6\xb3e\xe3D,5\xcd\x1d`\xd9l\xbc\xe5\xe2\xda\xfd\x17\x99\x9f\xe9\x06\xc2\xc1\xdeFf\xf6\xea\xf4t\xd2n\xf7\x03K8\xc4Z}y\x04s\xf0\xfft\xd6-\xbe\x82\xb0\xa0\x14s\xf2\x06\xae\x82\xb7*\x805\xf0\x9e\xb0\xd0\xe1\xe9\xf4vzp\xdan\xb7{=\xc1\xa0\xe0\x0e\xc2\xd7\x04\x81\xf5\xa0\\B\xb5\x9a\xb6xd\x91\xc4\x8a\x11\x96\xde\x08*\xab%\xb7\xf0h|\xe0\xf1\xe3\xde\xd9\xd9\xab\xe7\xe88Rwu\xda\xef\xf7\xea|PK8MX\xa9\xa5\x95\x07\xa5\x12b\xd5A-\xa5R\xc3N!X\x16\xb1m[\xad\x8a\xdc\xcd\xb5\xb9\xb9\xb9\xe5\xe5\xafO\x99o\x07\x97\xd7\xeb\xf5\xb4 \x87\x94E\xc1\x17YZ\xf9\x83\x84X\xf2\xbam\x1e\\\x1a\xc6\x05\xeb\x00,\x1b\xcf[\xe9\xe0\xc6l.\xb3\xd0I\xd2\x9fC\xa16\x9fN\xa7\xf3\xea&lt;-g\x18V0\xe8\xeb]Z\xb9"%V\xd1k\x18dNO\x07$\x14T\xf3f\x1b\xa7T\x1a\xf5\x9d\xe6;\x17/V]:{\xfe\xfc\xd9P\x8b\xcf\xeb\',\x8a\xa8\x10\xf4\x8d\x0c/\xbd\xfb\x93\x84\x17\xf9\xd1!lVp\xd5\xab\xea\xebU\xac\xe8\xb1U\x1b0\x8d\xe0\x12\xcd\xad\r\xd5\xc0\x82\xc3\n\xb4x\x90C\x9d\xc7sFhi\xf1\x05[t\xf6\xa1\xa5wM\xc7$\xc5\x82s\xb6\xf0JT;%R\xad\xa7S\x085\xe6\x90Z\x8f=\xb1\xaa\xbd\x1fn\x14.\x99\xb2\xe8\xf1\x04\x89\xca\x07\xe9\x92\x93\xaf\xa4l[\xf0\x123\x1a\x14\xb8\xc5\xa6T\xb2sA\x95\x9eNp\xba\x18VYC\xf5\xd8\x04Q\xb5\t\x02h\xc0\xd3"\xfe\xef\xb5w\'\xa7$\xc5\xc2\xb0V\xf3\x8a\\N\x816A`\x1a\x86E\x0f\xa5\xde`I\xc7\x97w\x02\x81\x9d\xb6\xb0\x10\x8d\x12T\x0b\xd3\xca\xe3\xed\xeeN\xda%\xc7\xea\xe2\xac9\x04\x16F\xf1 \x95u\nP\xb5\xd2\x9b\xea\x1d\x18+\xb8\xe5\xa8/\x1am\x89\x12\x95O\xe7\xa5\x9bT\xd3SR6yd\xb1\xe9\xa4\xb2\xc2\x9aK\xe7\x9cV\x9e\xc7#\x88\xcaR\xa9\xeb\xeb\xeb\x8b[\x1bn\xce=\xba?\x1e\x0e\xbfH\xa5RQ\n\xa2\xd2y\xfd\xc9\x8d\x8d\xeeA\xc9\xb1\xea\x80\x854\xa6\xd3=N\x85\x05\xcb\xb4\x91\x9d:\xc3v\xe5\xe8E,\xdd\x14\x89DRQ\x92L\x88\xfat#\xf6\xe4\x1bP\x15\x00\xabK\x891\xa8H/,T\xf5\xf48\x9d\x16\xad\x8d.k\x94\xe5\xc5\x1a\x1f\x8fFz#\x11\x86\x05\xadF\x92\x93\x8bo\xba\x07+\x0b\x83\x05\xbd\x9c\xe9x&lt;^U\x95N\x03\x8c\xe7A\x95\xbb9w\x9b\xb0\x06"\x91\xc8\x00UW\x8a\xa4\x9a\\\\\x9c\xb4W\x9e\xab\xf4\xdf.\x04\x16\xca\x8bq\xc5\xc7\xe2\xe9\x9e\x8b\xce\x86\x86\x1c\rE\x11k 20\x90JE\xe0\x02\tjq2\xe9w\x9c\xab\x1c\xb9-}m\xe1\tTrVgu\x15a\xc5\x17\xd2\x88\x9b\x0bkb\x0e\xc1\xb5\x04\xc1z{\x87\x87\x86H\xaaI\xbb\xdfK\x17\xa5$\xc6:\x06,jXJ\x9bV\xe1\xec\xa9B\x1e\x11\x0b\x0b\x0bs\x8f\x88j`||\x95\xa0\x86\x87\x89jr\x92\xcc\xa0\xbf\xd2+=\x96\xbc\xe8$\xa3Rr6\x9b\xc5\xd9S\x8d\x00W|\x0c-\x0b\xf9\xa3X\xcaS\rM&amp;\x93\x80\x02\x96\xa8Vy\x01\xb0\xc0e4X\x15N\xa7\xb3\x07h\xc0Z\xfee\'\x1aeX\x91\xc7\xbd\xc4\x95$\xa8\x11\x86\xe5\xa8\xa4\x92/\x0c\x96Fo\x84[\x06\x98\x885\xe1\n\xb8[\x18\x98XXD\x05\xad`\x9dk+\x1d\x8eB\xa8\xa5\xd7P`Js\xf0\x7f(0\xa2\x02V\xc8\x8dQ\x18\x15+\x8b\n\x0bX\x14\xa3L\xad\x82$Q\xa5b\xef\xef\x8c\x068f\x853\x8dVAj\t\x02\xa9\x15\x11\x9fA\x11\xab\x9b.]\x9b\x9a\x0bU[\x84\x05\xf7`D\xddkI\xb0t|\xc2%`.\xa3_\x11U\x92=\x84\xc8`ww\x1ekDj\xac\xf2\x13P\x8b^AQ\xa0\xf0E\xc9\xd2c\xbf\x90\xf5\x1b\x199,+\xf6\x0c\x8e\xe6\xb1\x9a\x0b\x83\xa5Q\x11\x12\xa0\xf4\x94\xccz\xbd\xd2fI\x8f\xed\xb0!H\xfb!:\xe8\x88\xdf\xeb5\xd5\x02kt\xb4\xb6\xb6\xd9d*\x00\x96Q\xc4\xc2\x8e\xa8\xd4\x93\x9f\xa7\x17e6\xc5\x02\xaa+\xef\x96\xb1\xf48t\x0e\x07\xb0(jKL\x95\x05\xc0z\x02,\x96D#\xc3"\xae\x98Z\xc9;\xe3c\xfd\xfd\xf0\xcc\x01!\xe8\xa1h\xccc\xd5\x02\xab\x10j=Qr\x0c\xcb\x88\xa0$\x82*\x16\x83\\\x98D\xed\xedX1B\xb4\x19\x1eb\xd1M\xfe\x02a\xe9I-#\x161\xceH-L\xc5\xb08+\xfa\x17&amp;Q{\x7f\xc8MX\x8d\x0eG\xb3\x88UBX)\xe9\xb14"\x96\xc1`\xe08*\x7f\x15+.\x0ba\xf5\xf4T\xf5\x87\xb0\x85yPZ\xc0b\\\x0c+"\xb5\x83(%,\xf4\x05\xa5\xd1\x06,\xda2(8\x9e\x92\x08\xb9\xda\xcf\xd2\xa6\xdfHb5\x9b(\x85\xa6\x92\x92\x92fo\xe4W\x89\x1d\x04%QI\xa5\x85Vj\xab\xe0\xd8\x80\xd4\x90\xbd\xaf&amp;\xac\xaaK.\x01\x8f"\xa8*\x89\x8a\xbaC\xa1\xb0\x8c\x80\xd1\xe89\x03{\x03E\xeb"\\\x0eO7\xfb\xe3\xedU\xed\x13\x81\x16j\x11\xc0"\xadJ\xd0KE,\x89\xf7Dy\xf9k\x1b_a\xd4\x1b\r\x1ca\xd98\x0e\x0f$Gw7\x08\xab\xbd\xdf\xc5:\xd7!UIs3\xc3\xaa\xec\x9dz\xde$)V\xd16\xcf\x13\n\x13\x8bq!l\xbc\x85a]\x82X"\x96\xc9DT\x1d\x1d\x1dy\xac\xd5wW\xa4\xfc\x13\x07\xb2\xa6-+\xb0\xe8$\x97gX\x06\x86\xa5\x05V|\xec\xd2\x04\x13\xcb\xeb\xf0\x9a\xd0\xd9M\xcd\x1d\x14%\xd4\xe6{\x1fKzH)/\x9d\xe1\x15&lt;g`\'\xb9\xec\x87\xe4\xaa\xc8ca\xfe\x10\x15\xc6!\xc63)\x85\x1fR\xcbQ9=\xfc\x93\x94r\xc9\xea\xd4V\x85\xd5f(6ky\x1b\x8f\x10\xb3\xf8o,7\xd9\x08\xbf\xdfdr0\xa5\x9a\xc5\xaf\xb6:\xceM\x0f\xdd\xfa\xc7\xf5&amp;\x99db\xcd\xdb67\x15&lt;\xc3\xe2\xcbx-\xe0P\xf4T[\x8a\x9eC,/\xc3\xba!~\x16\xc5\xa8:\x1c\xfe\xc9{K+\xd7k\xa4\xe1\x92\xcb\x12j\x05\xc3\xa2\xb7\xe6`\xd2ZI.\xd6 D\xac\x00\xab-\xbf\xa9\xd9A\xdf\x1d\x01\x0b=\x02\x8f\xa3\xc9\x9f\\|\xf6j\xe5A\x9d\x14\x7f\x06H.\xab;\xcem\xf6l*\xb4t\xd7ZKa\xb5\xf2"\x96\xa8\xd6\xd9\x80;\xe8c\x93\xe7\x06\xfb\x1e\x8a&gt;\xbb+1\xc1o\xd5\xda7\xee=\xfb\xe9y\xa2\xe8\xe8\xff\x14\x8a\\V\x94\xe8\xe27\xab7\x15\x16:Vn%,\x8b\x95\x0em\x8c\x1c\xcfj\xab_\xf45\xc0j\xf4\xdc\xc8c\xa1\xa3\x9aJ\xd0-\xba\x17\xef\xfdme&gt;Qt\xd4z\xc9K\xcbk\x12\xaf\x7f \xb5,\xadf\x9b\xb6\xb5\xb5\x15&gt;\xdeBrq\xff\x8d\x85\xd1\xd3x\xc3\xd3\xc7\xb0\x08\t\xa3\xba\xf6/\x83\xc9g\x7f\x07V\xd3\xd1r\xc9e\xa5\xdf\xd5\xd4\xd4=y\x98\x03\x95\xb6\xb5\x0c9\xc4?\xc2b\\\xff\x83\xd5\xd7\xd7H\x1f\xdc\x99\xc4h\xee\x18\x1c\x9c\xbd\xf5\xea\xdd|"\xd1Tsdo\x14\xe9RsQMS\xd1w\x7f\x9c\xd9\xca\xe5\x14\xf4=\x1b\x12h#,\x85\xc5\xa2\xe5+\x0cX\xfc\xab\xdb/\xe5\xb1&lt;\x8d\x8d\x9e&gt;D\xa3C\xc4\xc2\x04\xaa\x1c\xbc:\xfc\xafV\xee\xf7\xa5\x8d;\x8e\x0387n\xf1~\xd8!}Pa\xb0\x86la\x1d\x83K:8!r.\xab\xd6h\x1e\xa4\xf5$\x9c\x01\x87\x0fW\xce\xb3\x8f\x1a\xc4@`\x01\xf7$k\x05\x1dSC\x1c\x0c\x0e\x02\x19\xa2A$\x8f\\\x1f\xf8 y\xb2=\x13A|\xd2$\xecA\xe9\x93\xfe\x07\x83\xbd?\x9f\xefE]\xe9F\xd7\xee\xdb\x92\xb3\x1a\xea\x8b\xf7\xe7s\x9f\xbb\\&lt;_\xfey\xd2\xa8\x16\x8b\x96\x11\xfe?~3\x17\xff\xee6\xa0\x8a\x96\xaa\xda\xee\xcd\xe6)\xa5u=J7\x8b\x10\x8b\\\x9f\xd3u\x12bm\x04\xe7\xcc\xcb\xcbSS\xaf\xb0~j=;\xeeT\xe3\xf1\xa2W\xb4\xecw|_x\x80M\xaab\x87T\xc32\x14\xd5\xb6\x1a_7\xd1\xf1\xdc\xee\xd7\x05k\x90\xae\xbb\xd1!1]@Z\x89q\x845\xc6o?-\xff XP}97\xb7\xdazq\x02U6\x1b/\xda\xe6;\xc1\xf8\x8ds4\x94\xad\xe8\xbab\x9b\x86\x01\x9f;\xdc\xf5\xa3\x93\x1fMF\t\x05\xd5\xa8\xc8\x0b\'\x81AX\xe3cO\xc6\x96\x89Ei\xe1e&gt;u&lt;X\x95\xed\xfd\xe7\x9dj\x16\xcbq\x8aE*\xa5\xfav\xef\x01\xc1\x04\x92eY\xb6^\xaf\xd7\xc12\rT\xd1D\\Q\xee\xf8[Qb}Ak\x90NMI\x95\x01\xeb\xab\xf1\xbbSSt\xc7$Z?\xf2\xf1\x1dB\xdd\xbe]\xca\x1f\x9d\xaf\xb7\x91\x95\x83\xb8\x10\x18\xcb\xc2\xef\xbfENh\'\xd3\xb4\r\xa1\xaa\xeb\x82\xa5\x98\xee\xf0\x07\xb7\xe0\xe2\xa8\x18\xb5\xb4\xb4D\x97G\xd2P\x8dL\xd0\x9b\xc0wc\xb1\x95\x04TH+\x02U$\x12\xb9\x91\xcc\xb7v\x9a\x1d\xa1\xc2C\x1c\x8b`\xd4\xfc\xffiB\x85\xb0\x0c\xcf\xf3$\t\xf5\xab_\xa6\x85Mc\xe1\xbd\xa6?)\xda\x8aY|\xe9\xed\x01\xbd\x14\xcb\xd0\xfd\x9bP%\x12\xd8\xd0k\xb2\x08_\xa0,U\xf2\xad-\x9fK\xe88\x90\xc5\xb9\xc5\xfa\xb07k2\x0e\nIIb\xe9`)\xcc2L\xf4&lt;\xe9\x1a\x9dn\xd3g\xd5 gE\x97\x03?\xc3\x89i.S.?\xa4\x1b^\x13\x97,\xac\xd2\xe3\xd9Vk\xabF*\xc7!\x96C*\xac\xb8G\x95\xb4\xdeDF\x03*d\x00%k\x9a,A\xc4\xabN\x1f\xd8\xc4Ru\xdb6\xdd\xc3\xf5\xa6?*\xc2"U\x9aW!\x07\x15\xfd\xb8w\xb9\\N$hN\xdcHF\x1e=*Uf[/\xf7k\xbdv\xc0\x82J\x13.G\x93&lt;\x8fa\xa1\x7f/\xa6\x98\x9a\x96\x05\x13P\x12\xb1t$D;"r2l\xd6\xd9\xaa\xedU{\xcdh\xbf\x84t\xb7\xeb\xe2bzq7W\xce&lt;\xcc\xe5\xa8\x92p\xb1*\x99\x9c+\x95\xf2P\x1d\xf7\xda\x87\x87\xf1\xb8`i\xf1"W\xd1\xc17\x915\x8f\x06\x19"\xfb\xc7\xc4\x04\xca\xb3$\xcdqd\xea)\xaa\x1fm\x82\xccl\xdb\xe6\x87\x90b[\xd5\xa1O\xa2\x01\x0b\xa8Ba\xb7P\xc0n81\x82\x95\x9b\xc9\x94WV\xd0\xef\xc9\xe4\x9d\n\xf7\xd5\xfe\xf1:Tp9N\n\x16\x8d\xd2\x02Mc\xa3,\xcb\x08\xcd\xb2B\xaf\x87\r\xd0\xa1\xd82t\x94\x0f\xe9\xea\x82D\x0f\xe8sEe\x9aj\xd32\x0c\xc3\xb6\xdd\xc6\xa7]\x7f\x14\xeb\x1b&gt;\xe6\xf0\x0f\xdb%\x12\xcc\x9a\x01\xeb\x97\x1f\xa9\xaf\xbe\xadT\xbe\xcb\xaf\x1ema\xba\x13\x8a\xd3Ji)\xcd!S\x1cY\x11QT\x06%\xb2B\xaf\xe91B\x19!\x85\x92\xc2\xb3@ \x94.\x1e\xa8\x8exP\x05\x8bC3L\xb7\xddk\xfa\xa7t\x86\xad\x94\xbc\x00\x00\x01\xf2IDATo0\xbf=MG\xc3Xl\x82Y9\xb0\x9e\xcc\xcd\xa1\xab\xf2\xab\xad\xa3\x9d\xe7\x9d\x06\xb1\xb2E\xfa\xbf\xb5\x14\x16$)\xf2\xc8TE\xb6\xc9\x92A=\xf6w\x98H\xca\xb2\x15D%sK\xb1\'X*\xb3TQF\xd4P\xd0L\x97\xf6\xc8\xd3\xcd\x83\x07\x8b\x1b(_9\x11\x9b\x8aQ\\3\x054\xd9\nT\x8fg\xf3\xdb\xdb\xcfvj\xdd\x0eU\x90\xa6\x029X\x85\xbfNJ\xd3\x02Q\xb0\xb10\xbby\xaf\x1c\xb8\x9c\xe7\n\xa5H\xcf\x90\xb9\\\xbaN8\xa1\n\xc2\xa2\x8dJ\xe3\x8cL\xf8\x1a&amp;\x85\xdb\xeet\xfd\xd3\x83\xa7\xbf\xffq\x7fzz\xe5\xde\xbd\xf1D\x06\xaa\xc2n\x06\xaaJ&gt;\xdf:\xda\x7fq\xdc\xecu`\xa2)E\xaa\xd4\xe5\xd2.Xr\xb0\x91\xa8\x94W\x12\x0b\xf3\xee\'y\xf4\x15\xe92)\xd6\xe9\xfd\x86\x172[\rS)y\xee\xeb\xd8\xbd\xdbC\xd7\xfc\xda\xcf\xbf\xee\xcd\x9f\x9d\x8d\x8351S\xa0c\xd0\xf4\xd9\xec\x11L\xe7\xc7\'\x9dv\xfb\x90\xa7\xa8\xe6\x89\xef}\xc1\xe2f\xe7 \xae,\xc0\\\xb3\x0f\x0b\x85Cz0:\x83\xac\xf4\xabU\xc4g\x0c\xd5\xe8\xbb\xb0$\xe1\xaa\xeb\x92\xe56\x86\x17\xba~\xed|omm~\xfe\xfe\xf4\xc8F:MwJ\xedm\xc1\x84\xa0\xaa\xd5"O+\xecF\x01@\xbap\xd1?\xf0\xa7\x8f\x13\x91y\x96\x892\xa0\x94`\x91\x84\x9eD\xe1(\xfd\xc6R.\xf22\x82\xc0\xf8\xb3\xa2\xed\xeb\x82\xa5`\xf0\xban\xa3\xdd\xebrd[k{O\xbf?88\xd8&lt;\xf5\x9b\xdd^\xa7]\xad\xa2xYG\x0e\x9a\x9b\x0c8\x9e\xf5e\x8c\xe4\x15$\xc5n&lt;\x01g=\xe10N/(&amp;\xe9j3\xf5I\xfc\x81\xa1\x1bF\x90\x9b\xc4\x8d\x86\x89\xa1\xd3~\x89-\x0e\x08h1\xd7\x1d\xbe9\x84\x03R\xad\xf6[ms\xd4o^\x1bZXh\x03\x15\xcf\x1er\x9f\xa3t2Mt\x8fF\'\x1dg\x99%\xbd\xb2\x08\x89\xe9J.\x94/\xf4\xe1_\xc3\xcc\x87=\xf8B\x17+\x00\x00\x00\x00IEND\xaeB`\x82'</t>
        </is>
      </c>
      <c r="M546" s="3" t="n">
        <v>45492.67677083334</v>
      </c>
    </row>
    <row r="547">
      <c r="A547" t="n">
        <v>1485719</v>
      </c>
      <c r="B547" t="n">
        <v>1958</v>
      </c>
      <c r="C547" t="inlineStr">
        <is>
          <t>Fabiano</t>
        </is>
      </c>
      <c r="D547" t="inlineStr">
        <is>
          <t>Fabiano</t>
        </is>
      </c>
      <c r="E547" t="inlineStr">
        <is>
          <t>UNK</t>
        </is>
      </c>
      <c r="F547" t="inlineStr">
        <is>
          <t>UNK</t>
        </is>
      </c>
      <c r="G547" t="inlineStr">
        <is>
          <t>UNK</t>
        </is>
      </c>
      <c r="H547" t="n">
        <v>181</v>
      </c>
      <c r="I547" t="n">
        <v>79</v>
      </c>
      <c r="J547" s="2" t="n">
        <v>38821</v>
      </c>
      <c r="K547" t="inlineStr"/>
      <c r="L54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b0&gt;"|P\xf0\x07\xc2}\x01\xfcO\xf1\x13\xc5V\x9aU\x92\x7f\xcb[\xa90X\xfa*\x8c\xb3\x1f\xa05\xf9\xdf\xfbf\x7f\xc1\xc1_\r\xbe\x19\xdf]\xf8?\xe0u\xaa^]DJ\xc5\xaa\x90\x93\xab\x11\xed\x9d\xa9\xf8\xef?JM\xd8j.OC\xf4\xb8\xb0\x1f\xfdaF\xe1\xe8\x7f#_\xce\'\xc5o\xf8-\xbf\xedS\xe3\xbdJk\xeb\xaf\x1202\xb6\x11a\xb9\x91\x82\xe7\xd1Y\xb0\x07\xb0\x00W\x94k?\xf0T\xff\x00\xda\xbe\xde\xf5uh~\'\xdf\xdbH\x8d\xf2\xc3\x1d\xc1Uo\xa8\xa2\xe8\xd7\xd8L\xfe\xa4\xf2(\xaf\xe6\xeb\xe1G\xfc\x1c\x15\xfbp\xfc=x$\xbc\xf1$WP@\xdf\xea\xeen&amp;\x942\x8fTv(\x7f*\xfd4\xfd\x81\xbf\xe0\xe0\x0f\x80\xbf\xb4|6\xde\x12\xf8\xd0\xd1\xf8k[`\xa9\xf6\xd6\x01a\x95\xcf\x03\xe4\xc9#\xea\xbf\xf7\xc8\xaaj\xc4J\x12\x8e\xe7\xe8\x8d\x15[F\xd6\xb4\x8f\x10\xe9\x90\xeb:\x16\xa5\x05\xe5\xa5\xc2\x07\x82\xe6\xdaP\xe9"\x9e\xe1\x87\x06\xac\xd2 (\xa2\x8a\x00(\xa2\x8a\x00(\xa2\x8a\x00(\xa2\x8a\x00(\xa2\x8a\x00+\xce?i\xff\x00\xdaO\xc1_\xb3\x17\xc3K\xaf\x1d\xf8\xb2\xf2\x15\x97\xcbqam+\xe0J\xe0d\x96=\x91x$\xfd\x00\xe4\x8a\xf4rp3_\x88\x7f\xf0r/\xedw\xac\x7f\xc2\xc6?\x04\xfc3\xab:\x1b2\xb0\xca\x88\xe7\x0b\x1e\xc0[\xf12o\xcf\xfb\xa3\xd2\x93vEB&lt;\xf2\xb1\xf2\xef\xfc\x14#\xfe\n[\xf1W\xf6\x8a\xf8\x91\x7fw\xab\xfcD\x9e\xdfO22Z\xc5\x0c\xcd\x1a\xb2\x03\x8d\xa4)\xc0Q\xd9G\x1f\x8eM|\x87\xab\xfcG\x82\xea\xe2W\x96Q \x07\x05\xb3\xcb\x1fZ\xc5\xd5\xec\xbcO\xe2\xab\xf5\x9e\xd9\x0c\x85\x88\x03+\x9eO\x15\xdb\xf8;\xf6S\xf8\xa9\xe2Y\xf04\x97U\xd8Y\x8bE\xed\\s\xc5\xd1\xa6\xfd\xe6{4\xb0ue\x1fu\x1c\x83\xf8\xbe\x13\n\xa8\xdb\x86\xe46&gt;\xe9\xf45\x95\xa8\xebMs\x1c\x92\x1b\xa8\xe4\x00\xfd\xd09\xafX\xd4\xff\x00bO\x89:\x95\x9b\xc7\xa6\xe9Sn\x8d\xc7\x98\x02\x11\xf55\xe6\xbe1\xfd\x9c|q\xe0\x8f=\xa7\xd3\xee\x18\xa9%\x9b\x9cf\x9d&lt;\xc7\x0c\xe5g"\xa5\x97\xe2"\xaf\xcafX\\\xdb\xdd\xaf\x95#0\x0cz\x16\xe4\xfbV\xf7\x87\xfcq?\x86o\xa3\x92\xcaW\x89\xe2 \xc5"6\x19O\xaek\xcd\x86\x87\xe2\x88.O\x97\x04\xc1\x89\xc6H?-=\xd7]\xb5%\x04\x8c\xb2w\xde\x84\xe6\xbb\x1dzR\xd13\x99\xd0\xab\x17\xaa?O\xff\x00\xe0\x9d?\xf0Z\xef\x8d_\xb2\xbf\x8a\xec\xb4?\x16\xea\xf7:\xff\x00\x85\xe7\x95R\xfa\xce\xe6b\xec\xc0\xf0\x1b.\xff\x00)\x19\xfb\xdd@\x1d\xc6A\xfd\xfc\xf8\x03\xf1\xe3\xe1\xef\xed#\xf0\xbbL\xf8\xb3\xf0\xd3X\x8e\xefM\xd4\xa1\x0e6H\x18\xc4\xf8\xe5\x1b\x1d\xc7\xea\x08=\xeb\xf8\xd8\xd0\xfcO\x7f\xa7J"\xd4g \x0ew\x8e+\xf5g\xfe\r\xe2\xff\x00\x82\x8a\xf8\x87\xe1\xbf\xc7;\x7f\x81\x1e.\xd7\xa4\x7f\x0ek\xa8R_:RR\x06\x18\x08FO\xcb\x82\xd9\xc0\xed\xb8w\xa9G-j6\\\xc8\xfe\x80h\xa0\x1c\xd1Tr\x85\x14Q@\x05\x14Q@\x05\x14Q@\x05\x14Q@\x0c\xb9\x9e+h\x1e\xe2f\n\x91\xa1g\'\xb0\x03&amp;\xbf\x99O\xf8(\x7f\x8c.\x7fj\x0f\xda\xdb\xc4\x1a\xf9|\xbf\xdb\x1e\t\x0es\x97\x12&gt;\xef\xfcx\x9a\xfe\x8c\xbfi\xff\x00\x17]x\x13\xf6|\xf1\x7f\x8alN&amp;\xb6\xd0\xa7\x117\xf7Y\xc6\xc0\x7f\r\xd9\xfc+\xf9\xc3\xf0?\x86.\xfcE\xf1\xb3R\xd4\xae`y&gt;\xd1\xad\xdcK(\xdb\x9c\xe6V&lt;\xfeu\xc5\x8e\xae\xa8Pl\xf4\xf2\xba\x0e\xb6 \xe9\xbfg\x1f\xd8\xb7O\xd3Bx\x87\xc6\x84NA\r\x0c,\xb8\xdb_X\xf8\x07\xc2~\x17\x8e\xe68\xe4\xd3b\x1b\x06\x06\x10r+:[T\xb7\xb0\xb7\xb7\xb7\x83n#^\x00\xf6\xae\x97\xc0\x9a-\xe5\xce\xa0\xa68\x1b\xa79\x15\xf0\xd2\xc5N\xa5[\xb6}\xfch\xd3\xa7F\xc8\xe85\xdf\x0cxN8\x1d\xec\xf4\xb8w0\xc1&gt;X\x19\xaf\x16\xf8\x85\xf0g\xc3&gt;%\x92h\xaet\x98H|\xf1\xb0W\xbb\xf8\x8bL\xbf\xb7\x1b%\xb4+\x91\xd7\x06\xb8\xcb\xcd5\xee$\x951\x92\x01\xe4\xd7\x0e7\x11.ec\xab\tJ*&gt;\xf1\xf3\r\xf7\xecq\xe0O\xed\x03yu\xa2F\xff\x00&gt;F\x06?\n\xc7\xf1w\xec[\xf0\xe7\\\xb2s\x17\x87\x12\x02W\x1eh\xed_I^\xc35\xa0e\x96&amp;l\x1e&gt;Z\xa1\xab_Gq\xa7\xf9knP\xf3\x91\xb4\xd6\xf8&lt;]Wk\xc8\x8cN\x1e\x95\xbe\x13\xe0\x0f\x8a?\xb0T&gt;\x1f\xb2\x9a\xf7H\x9d\xa6T\xc9\x04/+\xf8W\x9d\xfe\xcc\xda\xc6\xb7\xf0\x1b\xf6\x84\xd1/\xc3I\x18\xb5\xd6m\xd4\xb1\xc8-\x19\x95\x0b~\x95\xfa\x1f\xa8\xd8C;\xb4\x0e\x81\xb7q\xb4\x8a\xf9\x07\xf6\xb0\xf0E\xaf\x85\xbe)\xd9kZu\x9a\xc5!\xb9W\x0c\xbcte\xaf\xa9\xcb\xf1\xd5\'5\t\x1f/\x98\xe0\xe9S\xa5\xcd\x14\x7fP\xbf\xb3\xd7\xc4\x98\xbe/|\x14\xf0\xd7\xc4x\x87\xfc\x85t\xb8\xe4\x90\xfa\xc8\xb9G#\xd8\xb2\x93\xf8\xd7e_&lt;\xff\x00\xc1)\xf5\x99\xb5\xef\xf8\'\xef\xc3-N\xe2]\xef&amp;\x81\x97`s\xc9\x91\xcf\xf5\xaf\xa1\xab\xe9\x16\xc7\xc70\xa2\x8a(\x00\xa2\x8a(\x00\xa2\x8a(\x00\xa2\x8a(\x03\xcf\xbfj\xbf\x0f\xcb\xe2\x8f\xd9\xd3\xc6:$*KM\xa1\xcc@\x1d\xf6\xe1\xff\x00\xf6Z\xfcY\xf8-\xf0\xd3N\xd2|G\xab\\\\i\xc9$\xcb\x7f0\x12\x95\xe4bF\x15\xfb\r\xfbM~\xd6_\n&gt;\x07\xc3\xff\x00\x08\x7f\x8a\xd6K\xfb\xedJ\x07\x89\xec-\xddF\xd5t8\xde[\x81\x91\x9e\x06N9\xaf\xcc\xdf\x05Y\xe9\xa9\xafj\xaf\x04j\x11\xae\x1eQ\xc7$3\xb3\x7fZ\xf0\xf3\xb9A\xd1\xe5\xbe\xa7\xd0dQ\x9cj\xb95\xa1oM\xd3\xf4\x98\xafBj\x97+\xbdFD*Al}+sH\xf8\xff\x00\xf0\x1f\xc1\xf7\x1fb\xd7u\xa8\xac\xe6C\x82.J\xa7?\x89\xaf!\xf8\xbf\xf1\x8bA\xf8c\xa8I\xe2\x19a\xf3&amp;\xe8w\x0c\x9fN+\xe6\x7f\xda#\xf6\xa0\xf8}\xabi\xf6\x9a\x87\x8a~\x1f\xac?\xda\x9f6\x9fv\xd6\xe0\x19\x86\xed\xbb\x94\xf7\xe6\xbeO\x0bJ5d\xd4U\xcf\xad\xaf)\xc2)\xc9\xd9\x1f\xa4\x0f\xf1{\xe1W\x8f-\x14hz\xe5\xa5\xce\xe1\xc1\x8aPO\xe8j\x8d\xdf\x85\xf4\x86"\xee\xdeU\xdayn\x95\xf9\xd1\xf0\x13\xc6\xda\xce\x95\xad\xdb\xa6\x9bk{m\r\xc8\x12@\x8c1\xbd3\x8d\xc3\xda\xbe\xd6\xd15/\x14k\x1e\x06]N\t%\xda\xa3k\xbf\xf7x\xef^~1rT\xb3Ge\x08K\x914\xf4:\x8d_@\xf0\xbd\x92\x195\x1b\xc8QO?xW\x0f\xe3-W\xe1Dq\xfd\x89|Od&amp;\x03\xee\xac\xcb\x9f\xe7_.~\xd4?\x1d\xbe!Xj\x92h0k\x0f\x04y(%G \x9fj\xf3?\x86\xde#\xf8gi\xe2\x03}\xe3\xcf\x1f_\xcfv\x00yck\x90T\x03\xd3\xadt\xe0\xb0\xcap\xe6H\xc7\x13Zt\xe5\xca\xd9\xf5\x8c\xf0\xe8w7\xbb\xb4\xddJ\x19Nx\n\xe0\x93^)\xfb^|\x16\x9f]\xb1\x87\xc5\xb6r&lt;\x8e\xb3$~Q^2\xcd\x81]g\xc3\xddG\xe1o\x8e\xef\xe3\xbc\xf0\xa7\x88/"x\xd8\x04T\x94\x00~\xb8\xafH\xf8\xa5k\xa6\xc1\xa6\xe96z\xa4\x8a-\xe5\xd4\xad\x9e\xe2F?*\xa2\xca71\xf6\x035\xeb\xe0\xa4\xa3YY\xecy\xb8\xb7)PjKs\xf5#\xfe\t)\xa0\xdd\xf8o\xfe\t\xeb\xf0\xcbH\xbe\x8c\xac\xb1hX\x91Ob\x1d\x81\xfdE}\x1d^\x01\xfb\x02|m\xf8A\xe2\xef\x84:W\xc3?\x02\xf8\xa2\xda\xe2\xf3G\xb6\x904\x10\xb8eu23\x92\x8c2\x18\r\xe3\xbeG\xa5{\xfd}\xb4ZqM\x1f\x014\xe36\x9a\xb0QE\x15D\x85\x14Q@\x05\x14Q@\x05\x07\xa1\xc5\x14P\x07\xe7\x0f\xfc\x14K\xc3f?\xdaGV\xf1\xc7\x89.\x88\xd2,\xa5\xb7\x01\x0b\x11\xb5\xc5\xb4D\x91\xdb\xa1\x1f\x95x\x9f\x82%\xb7\xd64\x99u\xcb-&gt;Kh\xe6\x95\xd5\x04\xa4\x12\xca\x0f\x07\x8fZ\xfa\xdb\xfe\n\x9b\xf0\x8e\xeb\xc5\xc6$\xd3&amp;\xf2N\xb5d\x0c\xb30%Q\xa0\xca3q\xfe\xcc\x91\xfeU\xf3N\x98\x8fa\xa5G\xa3^\xc5\x1aIo\x12\xa3*(\x19\x00\x01\xbb\x8f\\f\xbe\x138\x85Jy\x9c\xdd\xf4h\xfb\xec\x9e\xad)\xe5p]Q\x93\x07\xc1\x9f\x0fx\xdec\xf6\xcd\x0e+\xa6\xe7\x02X\x83\x0f\xd6\xbc\xcb\xf6\x8a\xfd\x8f\xad|cck\xa7\\\xe8:x[\x1c}\x8a\x18\xed\x00\xf2\xd46p\xbcp3_W|.\x1a\\\x10o\xdc\x85\xb1\x9a\xa9\xe3\x8f\x19xn\xd2\xe6F\xb9\x114\xaaq\x82\x07\x15\xe2\xe1\xaaN\x95\xdav=f\xa3Rvj\xe8\xf8\xe3\xe1\x9f\xec\xaf\xe2\x8d7]\x86\xfek\x06\x1e\\~D!\x90\xedD&gt;\x83\xb5}g\xe1\x9f\x02\xd9x_\xe1\x83\xe8\xb2\xa8fQ\xbe_s\x8e\x95[C\xd5[\xc5s\xe7L\xb4\x08\x91\x9c\x97\n\x07\x15\xdb\xac\xb6\x8b\xe1\x89-f\x92&lt;\xb9*X\xe3\x83\x8aU9\xabTr\x93\xb9\xb77"Q\x8a\xb1\xf0\x87\xed\r\xf0.O\x13\xf8\x80\xdd\xe8VQ\xc8c\x94\xc8\x914{\xb2\xc7&lt;W\x93\xfc8\xfd\x92|&lt;\xdf\x12\x93\xc5^(\xf0\x9d\xfb\xdd\xa3\x00\xd0\x87\x1eK\x0e@\xca\x1a\xfb3\xe2\x86\x9d\x16\x87\xa96\xa7\xa7D.\x123\xbam\x84|\xa2\x99\xe0\xcbM\x1b\xc4\x11%\xf5\xbaF\x1d[,\xbby\xad(\xe2k\xe1\xe3\xc9\x06:\xd4\xa9U\\\xf2W&lt;{F\xfd\x99&lt;-\xe0\rC\xfe\x12\x1d"\xd6\xe2\xd9\xa4;\xbc\x9f3\n?\n\xe8|t\x9e\x1cm\x02\xce\xe3\xc5\x97\xd1\xdbZ\tR\x13$\xe7\x8f\x9d\xb1\x8a\xf6\x0f\x1e\xe9\xb6\xd2\xe9\x91\xbb*\xae\xd1\xc8\xc7Z\xf2\x8f\x8a\x8bg\xff\x00\x084\xb6\xb3\xd8\xfd\xa4\xcd\x84\x860\x06|\xc3\x90\xa4~8\xadi\xd5\xa9iJ\xfa\xd8\xe5q\x8b\x92Ok\x9fC\x7f\xc1 \xfe\x13\xc9\xe1o\xda+T\xd6&lt;5{&lt;\xfa9\xd4\xaed\x83l\x84\xc6\xb1\x0bB\xb9\x03\xb0\xdc\xe8&gt;\xa4W\xe9\xfd|3\xff\x00\x04N\xf0.\xbb\xe1o\x85\xd7\xef\xe2[vK\xd4\xb0\xb6\x13\t\x0eX\x17g$\x13\xdf\xfdX\xaf\xb9\xab\xefr\xa8\xb8\xe0!~\xaa\xe7\xc0\xe7\x13\x8dL\xc6v\xd9h\x14QEz\x07\x98\x14QE\x00\x14QE\x00\x14QE\x00q?\x1e&gt;\x0c\xe9_\x1a\xbc\x15\'\x87\xeef\x10^\xc2\x19\xf4\xfb\xb22#r0U\xbdQ\x87\x07\xf0#\x90+\xf3\xdf\xe2\xc7\xec\xe9\xf1\x1b\xe0\xc5\xd5\xe6\xa3\xe2\x9f\x0e\\\xdaE#\x95\x86\xe6C\xbe9\x08\xe7\n\xe3\xe5&lt;\x02G \xe3\xb5~\x9fW\x86\x7f\xc1D-\xa2?\xb3N\xa5\xa84`\x9bK\xdby\x01=\xb2\xc5\x7f\xf6j\xe0\xc7`\xa8\xe2i\xb9Ij\x96\x87~\x07\x19_\rQF\x0fF\xf5?2\xbf\xe1s\xde\xf8OrI+G\xb4\x902\xd5\x89a\xf1.?\x1dx\xbe\x0bk\xedL*\x192\xe06z\x11\xd6\xb9O\x8c6\x17:\x8a\xcfoo)Fc\xc1\x1d\xab\x82\xf0\xcf\x86|g\xe1h?\xb7|-\xa3\xa6\xa5u\x9d\xd7Bi\x8ao\xf5&lt;{\n\xfc\xd9S\xbdf\x99\xfa}\'\x1f`\xa4\xb7&gt;\xc0\xf8\x8bo\xab\xdbx\x00\xdc\xfc0\xf12X^*\xf2\xe20\xf9\x189\xe0\xd7\x88\xcb\xe3\xff\x00\x8c\xda\x1e\x8c\xd6\x97\xba\xcb^N\xf2\xe6Y\xb8^\xde\x957\x82~&lt;x\xd2\xefM\x8a\xc7P\xf8ik\x0e\xf8\xf2\xef=\xdb\xa8S\xe9\x92+\x03\xc6_\x17\xe5\x82\xf2[s\xe0X\xd9\xc6r\xf0\xbb\xb2\xfe\x04\x0c\x1a\xed\xa9\x83\xa8\xe0\x9cQ\x8d:\xd1M\xa9\x15|\x00~1_x\xb6k\xddg\xc6\xbf\xf1.\x94\xe5\xac\xde\x10w\x0c\xe4\x8c\xd7\xa0\xd9\xea7\xfe\x19\xd4\x9a\xf6\xca`c y\x88\xac8\xaf\x1d\xd5~?\xff\x00\xc26\xa6[\xdf\x04?\x97\xb3t\x93Y\xac\x92\xb2\x0f\xa0\x15\x89\xe0\xbf\x8ew\xbe.\xd7\xaen\xf4\xf1{\x1d\xb2\xa8\xca]\xdb4Y\xe7\xd1\x85gR\x85Jq\xbc\x8daQM\xdb\xa1\xf4\xb5\xef\xc4h\xfcEf\xb6\xe98\r\x8c\x10j\x7f\n\xfc/\xf1\x97\xc4\xbf\x14\xe8\xfaw\x85t\xa9\xae\xbc\xc9\x024i\x1e\xf2\xc4\xb0\xce\x01\xe0\x902}\xab\xc8\xfc\t}=\xe6\xa2\x0b\x0c\x92\xde\xbe\xb5\xfa\xb7\xff\x00\x04\xc6\xf8e\x1f\x87~\x10I\xe3k\xdb\x18\xd6}I\xd6(\x19\xa3\x1b\xd1#\x07w=FY\x88\xff\x00\x80\xd7\xa3\x91\xe0\xbe\xb77\xed6G\x81\x9eb\xde\n\x0b\x93vz\xbf\xec\xc3\xf0F/\x81\x7f\x0cm|5r\xc9&amp;\xa30Y5\x19\x90\xe4n\n\x02\xa0=\xc2\xa8\xc6{\x9c\x9e\xf5\xe8\xb4Q_y\x18\xc6\x11Q[#\xe0\xe5\'99=\xd8QE\x15D\x85\x14Q@\x05\x14Q@\x05\x14Q@\x05x\x9f\xfc\x14)C~\xca~#R\xb9\xc9\xb7\xfc?|\x95\xed\x95\xe1\x9f\xf0Q\x8dJ;\x0f\xd9[\\\x89\xf1\xba\xe6x"L\xfa\xef\x07\xfaVu\xb4\xa5/FiE^\xac}Q\xf93\xf1\x06\xd2A+\t[\x91\xd0\x9e\xf5G\xe1\xee\xb5&gt;\x93+@\xc9\x9d\xc7\xa7\xe1]?\xc4}\x1eMKH76\xa7\x12 \xc8\xc5y\xff\x00\xc3\xff\x00\x14\xd86\xb9\xfd\x95\xab2\xa4\xaa\xf8$\xf45\xf9\x94\xd4j\xbb\xad\xcf\xd4i\xceT=\xde\x87\xae\xd9\xf8\xa7\xc1pY\x98|m\xe1x\xaf\xad\x98g\x0f\x19`=\xf85\xcc\xea\xff\x00\x14\xfe\x04\xda\xce\xda}\xa6\x9b*"\x8c\xc7\x1a\xdbp\xa7\xd3\xadz\x0e\x95\xe0]\x13_\xb0\xd9\x14\xd1\xbcRFN\t\xe0W\x17\xae\xfc#\xf0\\7\xd2D\x9a|!\xc19b\xa2\xba!\x8b\xadF\t3\xaa\x9a\xa7)^\xc77\x0f\x89\xbc\x11\xa9[\xdcE\xe1\x9f\x08[\xdb+\x82d\x9bc)\x97\x9e\x87\x9f\xc6\xb8\x1f\x14\xcf\xa7,\xee \xb4\x0b)&lt;\xed\x1d\xab\xd6o&lt;\x1d\xa4\xe96\x1eL;#L|\xfbx\xc0\xaf\'\xf1]\xce\x99o\xe2\x06\x85&amp;RI\xc2\xaej9\xeab%\xef=\x08\xa98\xd3\xbd\x8e\xab\xe0\xbd\xb3&gt;\xbdbd\x07\ry\x10l\x8e\xc5\x80\xc5~\xe5\xfc\x16\xf0\xde\x93\xe1O\x85Z\x06\x8d\xa2\xda\xac0.\x97\x04\x85W\xbb\xbcj\xce\xdfR\xc4\x9f\xc6\xbf\x10\xbe\x16:A\xabi\xcf\x91\xf3^\xc5\xff\x00\xa1\xad~\xe6|9\xe7\xe1\xf6\x85\xff\x00`k_\xfd\x12\x95\xf5\x99\x04a\x1a\x12\xe5\xf2&gt;\x17\x88\x9c\xbd\xbc/\xe6l\xd1E\x15\xf4\x07\xce\x85\x14Q@\x05\x14Q@\x05\x14Q@\x05\x14Vg\x8b&lt;e\xe1\x7f\x02\xe8\xf2k\xfe.\xd7m\xb4\xfb8\xbe\xf4\xf72\x05\x04\xfa\x01\xd5\x8f\xb0\xc9\xa0\r:\xf8\xf7\xfe\n\x87\xf1\xab\xc1\xd7^\x11\xb7\xf8C\xa4x\x82\x19\xf54\xbb\xf3\xf5\x0bx\x9f&gt;HU\xf9U\x88\xfe#\x9e\x9dGz\xe7\x7f\xe0\xa4\xdf\xf0Y/\x84_\xb2o\xc2\t\xb5/\x01j\r\xa9j\xf7\xe8\xf0\xdaJ\x17\xcb16\xdc\xeeP\xf8\xc9\xc6y\xc6\x07\xb9\xaf\xcb\xcf\xd9\x0fZ\xf8\xa7\xf13P\xd7?h?\x8b\xbe!\xbc\xb8\xbe\xf1=\xcb\x8bk)\xee\x1c\xa4\x10\xac\x85\xa3\xda\x85\x8a\x8f\x95\x80\xe3\xd2\xb83,Dp\xf8g~\xba\x1e\x9eU\x84\x96\'\x13\x17\xd13\xe8!-\xad\xe5\x9bZ\xc8Fq\xce{\xd7\x93\xfcH\xf8K=\xcd\xdbk^\x1f\x91\xa2\x9dN\xe3\xb4\x91\xfc\xab\xd1n^UB\xd10!\xba\x11N\xb5\xba\x86+\x12\x97\xe0\x17*FH\xe0\xd7\xe6n\\\xb5.\x8f\xd39=\xcd\x8f\x9d\xf5?\x8f\x7f\x13\xbe\x1a\xa3\xe9\xf7\xd3LcA\x85\x91N2?:\xe5\xb5\x0f\xdb\x8a\xfa\xd9\x8aK#\x19\x7f\x8b&amp;\xbd\xc7\xe2\x17\x82|1\xe2[Yc\xbaD\xcbg\x18\x1d\xff\x00*\xf0}[\xf6f\xd3\xa5\xd6\r\xcaD\x1a2\xf9\x04We:\xd4$\xbfx\x8c\x1d:\xf1V\x8b.i\x9f\xb4\x8f\x8d~ \x1f\xb2iQ\xcb\x86\x18%\x8eG\xf3\xae\x97\xc2~\x12\xd6n\xae\xbf\xb4\xb5\x97ff9\xf9\xba\xd6\xbf\xc3\xdf\x87\xbe\x1d\xf0\xc5\xacp\xc7\x0ca\xc9\xfb\xdbEu\x17\x17\xb6\xaf2\xdaZ\x85\x00w\x02\xa6\xae&amp;\tZ\x08\x9at&amp;\xe5\xef3G\xc1\xb3\xdbXk\x9614\xea\xb1\xc3s\x1b\xbb\x1e\xc089\xaf\xda\xcf\xd9\x93\xe2\x8f\x85&gt;(\xfc\x1b\xd0\xb5O\r\xebv\xf7Om\xa6Aov\x91H\x0bG"F\x14\xe4u\x00\xed\xc8=\x08&lt;W\xe2 \x89`\x84\xcaX\xf2\x08l\x1ey\xaf+\xf8O\xff\x00\x05\x08\xf8\xcf\xff\x00\x04\xd2\xfd\xab\x8f\x88\xa7\xd7\xf5\x1b\xff\x00\x02x\x82\xe0\xbb\xdb\xb5\xc1v\xb3?".\x0c\x8cWgR\xc8\x06\x0f\xb1\xc1\xaf\xa5\xe1\xecLT\\\x1e\xec\xf9\xce#\xc2J\xa3U#\xd0\xfe\x94(\xaf\x99\xff\x00f\x1f\xf8)\xdf\xc0\xaf\xda\x1b\xc1\xba\x7f\x88\xeduxO\xdb!W{\x8d9\xbc\xe8\x90\x9f\xef\xa6|\xc4&gt;\xa3\x0c\x07\xad}\x1f\xa4\xea\xfa^\xbd\xa7E\xab\xe8\xba\x8c7v\xb3\xae\xe8n-\xe4\x0e\x8e=A\x1c\x1a\xfa\xc3\xe3\x0b4QE\x00\x14QE\x00\x14QE\x00p\xff\x00\x1e\xfe.\xc9\xf0w\xc0w\x1e&amp;\xb3\xd2\x85\xdd\xd6\xe1\x1d\xb4r6\x109\xee\xd8\xe4\x81\xe8:\xfbW\xe1\xe7\xc4\xaf\xf8(\xe7\xc7\x1f\xdb\xfb\xf6\xf1\xd1\x7fg\x9d_^\xba\xd2|1\x0f\x89&gt;\xc3\xa8[$\xbb^e\x04\x86\x08S\x1eZ\x91\xd8rq\xc94QU\x10&gt;b\xff\x00\x82\xc2x\x9bV\xf1\'\xed)/\x81\xee.\xa4\x16zv\x97m\xa7\xc0\x86C\x80\x10\xb2\x86\xc7\xa9\x1dOS_Wxn\xc2\xdf\xc2\xfe\x05\xf0\xdd\xa6\x9e\x81c\xfe\xcd\xb7\xf9W\x8eLK\x93E\x15\xf2\x9cP\xda\xa7\x13\xec8a.Y\x9d-\xa5\xeb\xdcp\xc3\xefc\x1e\xd5=\xc4i4f\x19\x07\xf0\xf5\xa2\x8a\xf8*\x8d\xa7\xa1\xf6\xc9+\x1c?\x8c#\x96\x12\xc4J~C\x80\x05y\xe7\x89\xfcc\xa9\xda\xc0\xd0B@\xdap\x0e(\xa2\x88\xeeRZ2\x1f\x0ej\xfa\x85\xdc~d\x97\x07w\xadu\xfa3\x87e\xc89#\xaeh\xa2\xae[\x84\x12h\x96\xfa\xf9\xcb\x14\x03\xadx\x97\xed\xcb\xf0\xfbK\xf1\x1f\xc0\x9b\x9b\xfb\xbc\x19\xad\xae"\x929\x08\xe4\x00\xc4\xe3\xf4\xa2\x8a\xf72\xb6\xd5hz\x9eFb\x93\xa3?CC\xfe\x08\xadi{\xf1\xb6\xd3\xc6\x1f\x015mb\xee\xd6\xdb\xfb\x12\xeb[\xb2\xba\xb7\xbatk{\xb8!\xc4L\n\x90v\x82rW\xa1\xaf\xa7\xff\x00\xe0\x96\xbf\xf0W\xaf\x8f&gt;\x1b\xfd\xa0u?\xd97\xc7\xccu\xdb\x8d\x16\xe5\xe3\x1a\xa8"(nb\x8f\x0b\x89#\xe4\x978\xff\x00X\x08n\x99\xdc8\xa2\x8a\xfd+\xa7\xc8\xfc\xc2\xa7\xc6\xcf\xdb\xcf\x0e\xeb0\xf8\x8bC\xb4\xd7 \x89\x91.\xad\xd2UG\xc6@e\x07\x07\x1fZ\xbbE\x15\x04\x85\x14Q@\x1f\xff\xd9'</t>
        </is>
      </c>
      <c r="M547" s="3" t="n">
        <v>45492.67743055556</v>
      </c>
    </row>
    <row r="548">
      <c r="A548" t="n">
        <v>1488136</v>
      </c>
      <c r="B548" t="n">
        <v>1977</v>
      </c>
      <c r="C548" t="inlineStr">
        <is>
          <t>Paulo Vitor</t>
        </is>
      </c>
      <c r="D548" t="inlineStr">
        <is>
          <t>P. Vitor</t>
        </is>
      </c>
      <c r="E548" t="inlineStr">
        <is>
          <t>UNK</t>
        </is>
      </c>
      <c r="F548" t="inlineStr">
        <is>
          <t>UNK</t>
        </is>
      </c>
      <c r="G548" t="inlineStr">
        <is>
          <t>UNK</t>
        </is>
      </c>
      <c r="H548" t="n">
        <v>185</v>
      </c>
      <c r="I548" t="n">
        <v>27</v>
      </c>
      <c r="J548" s="2" t="n">
        <v>38224</v>
      </c>
      <c r="K548" t="inlineStr">
        <is>
          <t>Right</t>
        </is>
      </c>
      <c r="L548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c\x8c\xe2\x8a\x00(\xa2\x8a\x00:SU\xf3\xd7\x14\xe2@\x195\xf9+\xff\x00\x05\xd9\xff\x00\x83\x8d&lt;-\xfb\x0e^j\x1f\xb2\xd7\xec\x915\x9f\x88&gt;)\x041\xeb\x1a\xa1\xc4\xb6~\x1d$}\xd7\xc7\x12\\`\xe7gE\xfe/JM\xd8i9;#\xef\x0f\xdbw\xfe\nW\xfb\x1f\x7f\xc1&gt;\xbc &lt;O\xfbI|Z\xb2\xd2\xeegBt\xed\n\xd8\xf9\xfa\x85\xf1\x1d\xa2\x81&gt;b?\xda8_z\xfcP\xfd\xbc\xff\x00\xe0\xeb\xdf\x8f\xff\x00\x19\x16\xeb\xc2\xbf\xb1g\x85`\xf0&amp;\x8b x\xe1\xd6\xf5vY\xb5I\xf1\x80\x18\'1\xc0\x0ex\xfb\xc7\x8a\xfc\x84\xf8\xe1\xfbD|]\xfd\xa0\xbe"\xde\xfcW\xf8\xc9\xe3\xddG\xc4\xde$\xd4\xae\x0c\xb7\x9a\xae\xabr\xd29\xc9\xfb\xa0\x1e\x15G@\xab\x80=+\x9b\xd3L\xda\xb3\xbd\xf5\xe9\xdc\x17\x00\xed=\x07\xb5C\x93{\x1b\xc6\x9c"\xf5\xd5\x9fo\xf8\x8f\xfe\x0bE\xfbk\xdc|/\xb1\xf0\xce\x93\xfbG\xf8\xf5&lt;C\x0e\xa7,\xda\x96\xb77\x8b|\xcbk\x88\x1b\xeeD\xb6\xdeH\xf2\xca\xf7o0\xee\xf4\x15\x8b\xe1\xcf\xf8.\xa7\xfc\x14\x9f\xc0\x8f\xff\x00\x12\xaf\xda\xe7\xc4\x0c\xdb\xb8YdY\x17\xf1\x0c+\xe4\x88\xec\x12\x05\xf2d\x05\xb7.S=E%\xb7\x825=RpWN\x91\x97\xd4!\xe6\xa7n\xa6\xde\xcb\x9bh\x9f\xa7\xff\x00\xb3\xd7\xfc\x1d\xa7\xff\x00\x05\t\xf8W\xa9A\xa7|K\x8f\xc3\xde;\xd3\xa3`g:\xa5\xa7\x939Q\xd4+\xc5\x8e\xbd\xb2\x0e+\xf5\xd7\xfe\t\xe9\xff\x00\x07\x19\xfe\xc4\x1f\xb6\xd5\xe5\xbf\x80\xfca\xafC\xf0\xff\x00\xc63,a4\xbdj\xf9Z\xd6\xe9\x98\x0e!\xb8\xc0Rrq\xb5\x82\x9c\xf1\xcd\x7f)\x97?\x0f\xa4\xb3\x7f\xf4\xb8.!Pq\xbeHH\x00\xd40i\xba\xa6\x8f\xa8\xc2-\xee\xd9\x8a\xc8\x0c3\xc2\xe7#\x1d\xf3\xebB\xa8\xbb\x91,&lt;\x92\xd5X\xfe\xef`\x9e\x1b\x98V\xe2\xdeU\x927P\xc8\xe8\xd9\x0c\x0fB\x08\xebO\xaf\xe7/\xfe\x08=\xff\x00\x07\x0f\xf8\xbb\xf6n\xf1&amp;\x9b\xfb\'\xfe\xdc&gt;1\xbb\xd4\xfc\t\x7f2\xdb\xf8{\xc5z\x9c\xad$\xda\x1c\x84\xe0G#\x9c\x97\x80\xfb\xf2\x9fJ\xfe\x8a\xb4]kI\xf1\x1e\x91k\xaf\xe8:\x8c7\x96W\xb0$\xf6\x97v\xd2\x07\x8eh\xd8\x02\xae\xac8 \x82\x08"\xb4\x8c\x94\x95\xd1\xcd(\xb8;2\xd5\x14QTHQE\x14\x00QE\x14\x00\xd5?9\xa7SG\xdf\xfci\xd4\x00QE\x04\xe0f\x80??\xbf\xe0\xe1O\xf8*\xbf\x8a?\xe0\x99\xbf\xb2\xcd\x84?\x08\xed\xa0\x7f\x1ex\xfa\xe6};@\xbb\xb8\x19M24A\xe6\xdd\x95\xfe&amp;]\xea\x10t\xdcrzW\xf2\x97\xa9\xea\xba\xe7\x8f\xf5\xedG\xc5\x1e#\xd7./u;\xeb\x99\'\xd4o\xae\xe5--\xcc\xd21g\x91\xd8\xf2X\xb1$\x9a\xfd\x14\xff\x00\x83\x98?m=S\xf6\xaa\xfd\xbf\xfcG\xf0\xdf\xc3\xfe3MO\xc2\x1f\x0en\x7f\xb248\xa2Q\xe5%\xd0D\xfbc)\x1f\x7f\xf7\xaaW=&gt;J\xf8\x0b\xe1W\xc2\xdf\x12\xf8\xe7\xc6\xf6\x9e\x1f\xd2\xb4\xe9\xa4\x8eS\x87\x91\x01\xc0\xaej\xd5c\x04\xe4\xdd\x92=\x0c&amp;\x1eug\x18E]\xc8\xa9\xe0\xaf\x82\x9e\'\xf1\xf6\xa0t\x9f\x0eYKv\xfdI\x898\x1fS^\xe5\xf0g\xfe\t\x99\xf1\x97\xc5z\xe4Sx\x9f\xcb\xd3\xb4\xf0A9|\x96\xfc\x06k\xec/\xd9\x8b\xf6q\xf0\xe7\xc2\xbf\x0b\xdb\xe9\xd1X!\xbb`\x1e\xe6\xe4\xa6X\x93\xda\xbe\x87\xf0\xe6\x95aa\x18\xddj&gt;P9\xc5|\x9e/\x88*\xb9\xb8\xd1Zw?N\xca\xf8\'\x0c\xa9\xc6\xa6)\xb6\xfbt&gt;b\xf0w\xfc\x12_\xe1Tp\xc3q\x7f\xacMur0dw\x04\x02~\x95\xeb\x9aO\xec)\xf0{F\xd2b\xd3\xa4\xf0\xe4n\xd1\x1f\xbe#\x195\xec\xd6\xd7\xb6\xf1\xc8\xbeD\x00s\xc75\xab\r\xc3\xc9\x16\xf2\xaa1\xeb^&lt;\xf3,eO\x8al\xfa\x8a\x19\x16WA\xfb\x94\xd1\xe1\xde0\xfd\x94\xbe\x11\xdf\xe9CM\xbb\xf0\x05\x9c\x88\xa8\x00&amp;\xd9rx\xf5\xc5|\xcb\xf1\xc3\xfe\t\xa3\xe1\ruf\xd5~\x1d\xc8\xfaU\xe4yx\xe3\x04\xec-\xd4\x0cv\xaf\xd0)\xd9n\x1b\xcbi\x90\x0e\xc0\xd6\x1f\x88&lt;5\x1c\xa4\x82\x83\xe6\xe7r\xf7\xaa\xa5\x8f\xc4\xd1\x974d\xcb\xc4\xe4\xd9v*\x9f$\xe9\xaf\xbb_\xbc\xfcd\xf8\x85\xf0\xcb\xc5\x1f\x0f\xb5\x99|-\xf1\x17H6\xd7\r 1N\xc9\xf2&gt;8\x0c\xa7\xb7L\xd7\xec\xc7\xfc\x1a\xfb\xff\x00\x05\x8c\xba\xd3\xa5\x87\xfe\t\xcd\xfbQx\xda5\xb7\x04\xaf\xc2\xedkR\xb8\xe4\x1c\x8c\xe9\xae\xec{\xe4\xb4Y=\x8a\xfaW\x81\xfe\xd4\x1f\xb3_\x85\xfe0x~[MZ\xd1M\xcc\x11\x93mp\x13\x0c\xa7\xa8\xe6\xbf9\xbcc\xa2x\x93\xe17\xc4&amp;\xd0Ak[\xab[\x95{[\xd8\xd8\xa3\xc6\xea\xdf+\xabu\x04\x11\x90E}f[\x99,J\xd7IuG\xe5\xbcC\x90K\x01=5\x8b\xd9\xf6\xf5?\xb7\x1a+\xf3\xcf\xfe\r\xda\xff\x00\x82\x96x\xb3\xf6\xee\xfd\x95n\xbe\x1f|i\xd5\xe4\xbe\xf8\x83\xf0\xe6H\xac\xf5mFE\xe7S\xb1p~\xcdr\xcc&gt;\xf4\x98VG=IPOZ\xfd\x0c\xafy5%t|L\xa2\xe3+0\xa2\x8a)\x88(\xa2\x8a\x00\x8c\x12\x0ejA\xc8\xcdGOC\x95\xa0\x05\xaf\x1c\xff\x00\x82\x81\xfe\xd3\x10~\xc7\x9f\xb1\x7f\xc4\x7f\xdaE\x8a}\xa3\xc2\xde\x17\xb8\xb8\xd3\x12A\x95{\xd6\x1e]\xb2\x91\xdc\x19\x9e&lt;\xfbf\xbd\x8e\xbe\x11\xff\x00\x83\x93\xf5[\x9d/\xfe\x08\xf5\xf1K\xec\xc3\xfe&gt;\x1fJ\x85\xdb\xd1[P\x83\'\xf4\xa4\xf6\x1cU\xe4\x91\xfc\xab\xf8\xbb_\xd4\xfcU\xe2\x9b\xedw\xc4\x134\xfa\x86\xa3x\xf3]\xce[\xe6\x96i\x1fs\xbf\xe2\xccM}\xc5\xfb\x04|*\xd2\xac\xf44\xd6\xda\xd1\x1eVA\xf3\xba\x82A\xc5|#\xa7Xk\x1e \xf1u\xb2X\xc6\xb2;N\xab\x1e\x07\xa9\xc7J\xfd[\xfd\x93&gt;\x17\xcb\xe0\x7f\x86\xfarkQ\xe2YbY\x1c\x01\x83\xcd|\xce{S\x97\x0e\xa3}\xcf\xd08F\x8f\xb5\xc79\xb5\xa4Q\xea~\x1b\xf0l\xec\x10\xc1\x163\xd7"\xbb]#\xc0WS2FN[\xa7\x02\xb9k\xbf\x8b&gt;\x0f\xf0D\x0f-\xfd\xea\x93\x17\xfc\xb3C\x92}\xaa\xdf\x85\xbfk\x7f\x04j\r\x1cZq1\xc8\xcf\xb5\x84\xf1\x9e?\x1e\x95\xf3\x94pu&amp;\xb9\x92?O\x9e?\x0bI\xdaR\xd7\xb1\xddZ\xfc:\x92\xd8\xae\xf4$\xe7$\x91Z-\xe0\x94d\x0c\xc0\x8c\x8e@5\xd3|\x14\xd6O\xc48n$\xd4e\x85Z#\xfb\xb0\x9f\xc4\xa7\xa1\xafAO\x86\xb6\xd3\xc7\xbaI@\xcfC\xd2\x9b\xc2\xc9;\x17\x0c]9\xea\x8f\x12\x93\xc0\x0b\xf7\xe3\x8c\xe4w5\x87\xab\xf8N\xe2\xdd\x9a8\x99\xb2:\x03^\xb3\xf13\xc2\x9a\x97\x87\xa1Y\xb4\xb92\x9bIf\xc6{\x7f\x8d|\xc9\xe3\xcf\x1bx\xdf\xc3\x13\xde\xdc\xcf\xa8\xear\\\x17&amp;\xd6(l\x8c\x89\x8fN\x17\xfa\xd6\xb4\xf0N\xa22\xad\x8f\xa3E]\xea^\xd6t9\x19\xa4\x8a\xf2\xddO8$w\xaf\x83?\xe0\xa4\xff\x00\x00\xe3\xd3oa\xf1\xd5\x9cF/1\xb0\x19\x07|\xd7\xd6\x9a?\xed\t\xaf\xebV,u\xdf\x08\xdd\xa4\xb0\xb1\xfbL\xc2\xd5\xd4\x10;\xf3\xd2\xb9\xef\xdb#\xc0\xfaw\xc6\x9f\xd9\x9fQ\xf1\x0e\x83+;\xe9\xb6\xedu\x18_\xbd\x85\x19e&gt;\xfcV\xf8:U0\xb8\xb8\xb7\xb1\xe0\xe75(c\xb2\xe9%\xbe\xe7\xba\xff\x00\xc1\xa1w%~)\xfc_\xb1Q\xb7w\x85\xb4\x97\x90z\xb0\xb8\x94\x03\xfa\x9a\xfd\xd3\xaf\xc3\x0f\xf84v\xd2(&gt;3|axQ\x95G\x854\xa5\xc3\x7f\xd7\xd4\xd5\xfb\x9f_qG\xf8H\xfc_\x15\xfcy\x05\x14QZ\x9c\xe1E\x14P\x04d\x81Do\xff\x00\xd7\xa8\xf3\xce3N\x8f\xbd\x00M_%\x7f\xc1t\xfc9\xf0\xf7\xc4\xff\x00\xf0J\x1f\x8d\x16\x1f\x12u$\xb4\xb2\x8f\xc2\x8dqg3\xbe?\xd3\xa3\x91\x1e\xd9G\xa9i\x82.;\xee\xaf\xad\x14\xe4b\xbeE\xff\x00\x82\xe5\xf83\xc2\xdf\x14\xff\x00\xe0\x99\xff\x00\x14&gt;\x18\xea\xbe-\xb2\xd3\xf5;\xdd\r.\xf4[[\x8b\xb4Io.-\xee"\x95!\x8d\x18\x86r\xec\xa10\xa0\x9c\xb0\xa5-\x11PW\x9a?\x97\x9f\xd9s\xe1\x88\xf1\x17\xc5\r\te\x89L\x7f\xda1\xb1ld\x10\x18\x1cW\xe9\xfe\xa9\xa1\xeb3\xe8gK\xf0\xdf\xcb9\x80E\tQ\xc2\x1cc?\x85|q\xfb5|5\xb8\xf0G\x8d\xacb\xd64\xe6\x82\xe2\xd7P\x11K\x13\x0f\x99$V\xc3\x03\xee\x0e\x7f*\xfb\xd3A\x96\xd4\xc7$\xea\xdb\x1d\x14\x16&gt;\x9cW\xc5g5\xe2\xe7\x19n~\xb1\xc2\xf8wJ\x9b\x8e\xcd\xbdJ\xff\x00\t\x7ff\x1f\x00Xi\xeb7\x8f\xe7\x9fU\xbdpK\xc6\xd2\x00\xb9?\x85zN\x93\xe0\xef\x80\xfa"\x7fg\xa6\x87\xa6[\x18\xc8\xdc$a\x91\xf5\xaf\x9d|_7\xc6\x1f\x1c\xfcE\x83H\x82]J\xd3\xc2\xb1\xa9\xfbL\xfaP&gt;|\x87\xd3=\x85|\xe3\xf0/\xf6Y\xfd\xa5\xfc/\xfbG\xc3\xe2O\x8bW\x9a\xcd\xc7\x86\x8d\xd1k\xdf2\xf1\x98\xca\x99\xe3\x8cpq\\\xf4\\\xabP\xe7u\x14|\x8fk\x14\xfd\x85u\x18Pr\xbe\xec\xfdE\xd1\'\xf0\xdf\x87\xa7K\xaf\x0f\xb4B\x16^\x0c\'\x8cWam\xf1+E\x92%\x8e[\xd0\x0e9\xc3t5\xf2\xfe\x9d\xe2V\xf0\xbe\x8f&gt;\x97\xa4A2C,\x9f\xe8kq&amp;\xe9\x14{\xf1]_\x87t\xedF\xe3K\x17\xd731\x94\xaeX\xe7\xa1\xaf6U\xea\'\xbd\xcf\xa0\xa1\x85\x8c\xa3fzo\x8e&gt; \xd8]\\yS\xde*\xdbG\xf7\x9d\x8f\x18\xae\x1b\xc5\xbf\xb4\x07\xc0\x7f\x06&lt;\x1f\xf0\x93x\x8fO\xb5\xf3\xdbdR\xdd\x15\x01\x89\xf4\xcdq~,\xd5/\x9a\x19t\xfb\xf9\n\xc6\xe3\x11\xc8G\x19\xaf\x01\xfd\xa3\xbfd}{\xf6\xaf\xd34\xef\x0e\xad\xe5\xa6\x9f&amp;\x9b\xb8Cvc\'\xcc\x1b\x8bg\xa8\xc1\xe7\x1fJ\xe8\xa1(V\x9f\xbf7\x14qciV\xa5J\xf4a\xcf.\xcfO\x99\xf5U\xe7\x8f\xbc\x03\xadX\x0b\xfd!t\xdb\xebk\x80@h\x11He?J\xf3\xdf\x15\xf87GO\t\xf8\x8a\xdfH\xb4\x11\xd9\xea\x1a|\xc1\xed\xcf\xdd\x0cT\xf4\xf6\xe9^S\xa1\xfe\xc5\x7f\x12~\x10|;\xd1t\xbf\x87\xfa\x9cv\xd7\xfas\x93\x7ft&amp;%.\xd4\xb1\xe0\xa7n=\xcdz\xe6\x8d&gt;\xb57\x85\x9fM\xd7!\x1fl\x16\xcd\x1c\x84t$\x8cf\xad\xd4T1IF|\xd18\xaaFu\xf0o\xdaS\xe5\x95\x8e\xd3\xfe\rY\xf0\xf5\xc6\x8d\xf1\x97\xe37\xfa&gt;#M\x0fL\x8d\x98\x0e\x01\xfbL\xe4\x0f\xc8\x1f\xca\xbfj+\xf1\xe3\xfe\x08\x8b\xfb[~\xcc\xbf\xb1\xf6\x99\xf1?\xc3\xbf\x1a5\x9b\xad\x1fW\xd7&lt;Eg=\xb4\xf6\xda\x1d\xcd\xda\xcdm\x1c,\x80\x16\x827)\xb6Fs\x86\xc7\xdf\xe2\xbfY&gt;\x14\xfc[\xf8q\xf1\xbf\xc1v\xdf\x10\xbe\x15\xf8\xb6\xd7Y\xd2.\x99\x92;\xbbV?+\xa9\xc3\xc6\xea\xc02:\x9e\n\xb0\x04w\x15\xf7\xb8i\xc6T\xa3g}\x0f\xc5s*\x15ib\xa4\xe5\x16\x93z;;?C\xa3\xa2\x8a+\xa0\xf3\xc2\x8a(\xa0\n\x89\x9d\xd54|\x8c{\xd3\x11=*H\xc6\x08\x14\x00\xf3\xc0\xc0\xaf\xc5o\xda3\xc3~/\xfd\xab\xfe+k\xfe=\xf1\xaf\x89\xaf\xe4\xb8\xd4\xe4t\xb5g\x94\x85\xb5\xb6\x04\xf9P\xc3\x8e#U\x07\x8c\x0e\xb9c\x96$\xd7\xedQ\xe9\xf8\xd7\xe4\x9f\x82g\xbb\xd6g\x83M\xb0\x85H\x82\xd9$\x9aC\xd1~Ls\xf9\xd7\x81\xc4\x15\'\x0c4#\x17k\xb3\xf4\x1f\x0f0\xb4q\x19\x85iN)\xb8\xc3K\xf4\xbb&gt;\x18\xd4\x7ff\xed\x7f\xe1/\xc5\xad7@7Oqnfi\xfc\xe9\x98\x968\xc9\xe4\xf7&lt;u\xafo\xf0\xf439\x16\xee\x082\xb0_\xa8\xad\x9f\x8cSG\xabx\xf0\xcc\x0b\x16\xb0\x91\xa03\xb2`1#8\x1f\x9dI\xe0\xcd#\xcd\xd4\xa0\xdb\xc8\\|\xc7\xd75\xf25\xa7:\xca*N\xe7\xe8tp\xb4\xf0\x98\x89$\xad~\x86\xf6\x93\xa0\xf8\x83G\x89^\xda\xd5U\x08\xc8\xc7Z\xbb.\x98\xda\xab~\xfe63\x1e9Z\xf4\xfd\x17\xc2+\xa8h\x82H\xd03B\xa3q\xc5A\x0f\xc3\xff\x00=Z\xe2\x14\xdb\xb5\xb9\xcfz\x97E\xad\x8fV\x94\xe8\xb5}\x8f\x15\xd5|3o\xa7\xea\r%\xccA\xa4Q\x96 p=\xab\xa6\xf0~\x99{y\xa0\xcbt\xc0\xe1\x94\x95\x15/\xc4m&gt;\xd6\xdbQ\x9e\xe6{\xc8\xedl\xed\xc2\x9b\xa9\xa4\xcf$\xf4\x1cW\xa4\xfc3\xf0V\x8f\xa8xF;\xc8\xf5[\x7f.X\xf7FCg\x8aP\xa2\xde\x8c\xddW\x8d7{\x9e55\x94W\xb1\x18\xe7\x887\x96\xe7p#\xde\xaf\xd8h\x87M\x91.-UZ&lt;\x02@\x1c\x8a\xd4\xf1.\x99\xa3\xda\xf8\xaa]+L\xd6m\xfe\xd6\xa4\xb1\xb7\xdd\x9d\xea95\xd4h^\x11MsOI\xec\xd4) f&gt;\xf9\xabT_5\xc9s\x83Wg54\x86\xfa\xd8\xc1\xe408\xc75\xca\xeaZ\r\xdd\xad\xe1r8\xcey\xafp\x8b\xc0\xbfd\xb1\x11\xdc\xc1\x9e2x\xe4W\x01\xe3\xad2(\x89\x8a\x16\xce\xd7\xfb\xd9\xe4U*K\x9a\xec\xe3\xc48N-#\x82\xf0O\xec\xf5k\xa9\x1b\x9b\xd6\xba\x91\xade\xbaiM\xbf\xf0\x86 d\xfe\x82\xbe\xe0\xff\x00\x82A]\xdd\xf8KU\xf8\x83\xf0\xad\xd1\r\xb4\x93YkV\xfbr\x0c,\xf1\xfd\x95\xd0\xf3\x83\x9f!\x1b \x0c\x12s\x9e\r|\xed\xf0\xd6\xc8]h\xd7V%\xde&amp;\xce\x16_\xe15\xf4\x07\xfc\x12\xbdo\xa3\xf8\xdf\xe3\x9b{\xf9\x03&lt;~\x1d\xb2\xc1\x07\xaen\xa6\xaf[&amp;\x9c\xa3\x99\xa8\xf7O\xf2\xbf\xe8|\xb7\x16\xd0\xa5.\x15\x94\xa4\xb5\x8b\x8b_7o\xc9\xb3\xee\x8a(\xa2\xbe\xd4\xfcX(\xa2\x8a\x00\x8c\x0c\x0cR\xa9\xc1\xa4\xa2\x80\x1f\xb8\x11\xc5~D\xf8\xafH\xf1\x87\xc0?\x8b^+\xf8c\x7f\x14#U\xd1\xef\xca4q\xca\x19n-\xd9\x04\x90\xc8\xb9\xc1\n\xd1\x90@ s\xb8d\xed\xaf\xd7@ps_\x0b\x7f\xc1S~\x0b\xf8\x87K\xf8\xa3\xa2|~\xd0\xac\xc4\xfav\xaf\xa4\xc7\xa1\xea\xf2\x08\xb9\xb3\xb9\x86W\x92\xd5\xcbdmY\x16k\x85$\x82\x03G\x18\xc8\xdf\x83\xe4\xe78W\x89\xc1\xbbo\x1d\x7f\xcc\xfa\xce\r\xcd\x7f\xb33\x85\xcdnY\xaeW\x7f\xbd~:|\xcf\x89|e\xe2\xcd3\xc6I=\x9b\xe9\x92Y\xeaq\\\xf9\xc2\x19##\xcc^7\x10{\xf0\x0f\xe5Z\xbe\x02\x8c\xc3\x1aO\xb7\x90rk\xbf\xf1\x9f\x86\xb4\xcb\x9f\x05\xc7\xa9\xb5\x9d\xaf\xda\xad\xe1*\xd3\x94P\xc0\x1e\xbc\xf5\xef\\\x97\xc3\xbb\x05\x9d\x98\xa0\xdc\x9d3\xda\xbe1\xc5\xd9\\\xfd\x82u\x15lG5\xads\xd7&gt;\x1ax\x928\xf4\xa9\xad.\xd7\x01\x81!\x89\xa8/\xfe#X\xdb\xa3\xday\xa1!\x072H8\xc5c\xe80I\x1b\xcbc\x07\x0c\xe9\x80=~\x95\xe5\x7f\x1f\xec5\xed3I\xfbo\x88ui\xf4\xad%X\x89\xbe\xc7\x11y\x0f\xb9*\x0e\x05L\')&gt;[\xd8\xb9\xca\x10\xd5GV[\xf1\xe7\xc6\x9f\x86:\x9e\xa96\x8d-\xe5\xbc\xcf#m\x9a\xd9\x97\xccW\x1d\xb7\x0eEt^\x14\xf1\x07\xd9\xfc6\x87\xc2\xd7f\x1b%Q\x98J\xf1\x18\xf4\x19\xed^E\xf06?\x80:\x84\xc9\xaf\xf8_OMU\x90\xe6K\xab\x99\x0eX\xfb\xee5\xef\x16\xba\xef\x84b"\xd0h\xd1E\xb1\x034qL\x98#\xf08\xfc\xeb\xadQ\xab\x18\xfc/\xee\x08bhT\xde\xa4W\x95\xd7\xf9\x9cv\xb1\xe2\x1f\x87\xb6z\xc2_\xcdqf\xb7y\x1ec\x90\x04\x8cq\xeay\xafG\xf8c\xf1\x0b\xc3L\x04\xb6\xb2!U\xe4\x00s^}\xf1c@\xf8=\xe2h\xe3\xbd\xd6t$\xb3\x94\xa1xn`\x9cg\x00\x1eN\xd3\xe9\xeb^G\xa4\x87\xb6\xf1\x14\x16\xdf\x08\xbe!G}r$\x1ef\x9c\xf2n%I\xee\x07N*gNi]\xab\x1a&lt;E\'\x0bFJ^\x8d\x1flK\xe2\xbb+\xc47\x07\x1b\x08\xe0\xd7\x92|F\xb9\x8e{\xb9\x040\xfc\xa5\xb9 v\xab\xfa&amp;\xa7\xe2\x0b\x7f\x03\x07\xd7!\xfb=\xd26\x1cv?Oj\xe7.\xee\xee5\x02\xe6G\xc8=\x07\xadaNnZ39F\x12\xa4\xe7\x12\xbd\x8e\xab\xe3{\xdb!\xa6\xe8Vf\xd6\xca9\xf1=\xdb\x9c\x19\x07\xb5}\xdb\xff\x00\x04\xaa\xf8Mw\xe1\x7f\x85\x1a\xf7\xc5\xbdv\xce\xdb\xed\xde0\xd7\xa4\xfb,\xeb&amp;\xf9V\xca\xd3\xfd\x15#c\xd1A\x9a9\xe4\n:y\x99&lt;\x9a\xf8\xfbW\xd4\xf4\xed\x13\xc1Q4\xb71b(\x83\x15WQ\x93\xc6\x179\xeaI\x00w$\xf1_\xa3\xff\x00\xb2\x0f\x80|G\xf0\xcf\xf6p\xf0\xb7\x84|]j\xb6\xfa\x9cvr\\\xde\xda\xabg\xec\xd2\\O%\xc1\x84\x9c\x0c\x94\xf3v\x13\x81\x92\xa6\xbe\x83!\xa1\xfb\xe9\xd5k\xa7\xe6~}\xc7X\xf9\xfdJ\x8e\x115k\xde\xddl\x96\x97=&amp;\x8a(\xaf\xa9?1\n(\xa2\x80\x19\xb4\xe34\x95&amp;8\xc5F\x01=(\x00\xac\x0f\x8a?\x0c&lt;\x13\xf1\x9f\xc0Z\x8f\xc3?\x88\xba*j\x1aF\xa9\x0f\x97s\x031V\x04\x10\xca\xe8\xc3\x94u`\xac\xae0U\x94\x11\xd2\xb7\xe8\x03\'\x14\x02m3\xe0_\x88\x1f\xf0K\xcf\x8fi\xf6\xef\x0c\xf8c\xc7\xbe\x1c\xba\xd0\x80&amp;\xdb\\\xd5\xae\'[\xd5\x89FA\x96\x04\x8fd\x92\x00&gt;b\xae\x81\xceH\xd9\x9c\x0f\x95~\t\xebl\x966S\\\xbclg\xb6Gm\xa0\xed\xdc\xca\t\x03\'8&amp;\xbfg\xf5\x0b_\xed\r&gt;{\x03&amp;\xdf:\x17M\xd8\xe9\x95#?\xad~$\\x\x17^\xfd\x9f|}\xab\xfc\x19\xf1\x1e\xad\x15\xf5\xd7\x86uY\xf4\xf7\xbd\xb7\xe1&amp;\x11\xca\xca\xae\x01\xc1\x1b\x97i\xc1\x07\x07#\x9a\xf9\xcc\xe3\tB\x85\x05:q\xb6\xa7\xe8\xbc)\x9c\xe3\xb1\x98\xb7J\xbdNkGM:-\x1f\xafM\xcfi\x9a\xe1,\xef \xd6\xad\xe2\x1bA\x05\x80\xf65_\xc6\xb66~#\xb4\x96\xda\xf2\x04\x9e\x0b\x849FPA\xcds\xba7\x8a#\xd44\xe1\x17\x98Y\x82\xe3\x06\xb54\x8dE\'\xb76\x92\x9f\x9d\x07\xca\x0f\xa5|\xa3\xd1\xdc\xfd&amp;1VR&lt;\xc7\xc2_\xb3\x9f\x864\xdf\x11\xb4\x1a\x05\x8f\xd9\x16Ys\x88X\xaa\x13\x9e\xe3\xa5z\xcc\x1e\x04\xbf\xd2\xe5\x16P\xdc[\x12\x06\xc9L\x91\x06$c\x18\xc8\xa2\xdbO\xb3\x99\x0b\xfd\xb0[H9\x12\x13\xde\xb1\xef-|i\xfd\xa9\xf6k;\xe8\xe5\x85\xc9\xcd\xce\xfe\x14{\xf3]\xb4\xb1\x12\xe4J\xef\xef=D\xb2\xf9\xd3\xb5j\n^vW\xbf{\x8e\xf1\xd7\xc2M?W\xd3v\xdd\xce\xb3\xb4i\xb28\x97\n\x00\xc6\x08\xe3\x15\xcb|)\xf8O\xe1\xbf\x87\xba\xbc\xda\xa6\x99\xa2\xc0\x973I\xf3\xca\xab\x93\x81\xd8\x13\xf4\xae\xff\x00M\xd1f\x82&amp;\x97Z\xf1\x02\xcd\xc6B!\xc0\xfc\xea;\xb3gi\x12\xca\xbc\x82\xd9\x06\xb3\xaf^RVo\xf13\xac\xf0\xb0\xa7jT\xe3\x15\xe4\x92a\xe3MMu!\x06\x93\x1f\x19\xc3I\x8a\xe7\xb5ai\xa4X\xee\x86&gt;W={\xd5\xb6\xb8\xf3f\x92\xf9\x98m\x1csY:W\x81|a\xf1\xeb\xe26\x95\xf0W\xc0v7w7\xda\xf4\xeb\x1c\xb2Z\xa6\xef\xb0Z\x07A=\xdc\x84\xe0,q\xa3g\'\x19fP2X\n0\x94\xa7Z\xa2\x84V\xac\xf0q\xf8\xdax&lt;$\xe77h\xa4}\xa7\xfb\x00\xfe\xc4?\x0f\xa7\xf8i\xe1O\x8f\xdf\x18&lt;#\xa8\xdd\xf8\xaa{\x99um2\xdbX\xd4Y\xe0\xb4\x8d\xe6v\xb2\x95m\x81\xf2\xd5\xd6\xdd\xa3#v\xe2\xacs\xf7\x86G\xd7\xf5G\xc2\xfe\x1e\xb0\xf0\x97\x86\xb4\xff\x00\n\xe9A\xfe\xcb\xa6X\xc5im\xe66[\xcb\x8d\x02.Os\x85\x15z\xbfB\xa7N\x14\xa0\xa3\x15d~\x0b_\x11[\x13U\xd4\xa9&amp;\xdb\xef\xa8QE\x15f!E\x14P\x02\x03\xd74&amp;1M\'\x04\xd2d\x8e\x86\x80\n\x01\xee\r5\xdb\xb0\xa6\x86\x19\xe0\xd0\x04\x95\xf8\xf9\xfbL\xe9p\xeb\x1f\xb5\xdf\xc4h\xa4?4\x9e/\xbfROlJ\xc3\xfaW\xec\nH\xa5\x8a\x922\x05~:\xfc_}V/\xdbK\xe2\xa6\x8b\xad&lt;RMa\xe3K\x86i\xa2l\x82&amp;U\xb8\x03\xf0\xf3v\xfe\x15\xe1q\r\xfe\xa1\xa7t}\x87\x048\xff\x00l4\xfa\xc1\xfeh\xe3\xaem\xbcK\xe0\x8b\xe2\xed\xba{Rx=\xc5nh\x1e4\xb4\xb9\x90\xba\xbe\x1f\x1fu\x8f5\xdf\xdaxn\xcf]\xd3\x84WQ\xa9\x05q\xc8\xaf:\xf1\xaf\xc2\xfb\xab\x1b\xb6\x8e\xc6O-\x89\xfd\xdc\x8a:W\xc6\xc6WWg\xea\xe9J\x9b\xf7O@\xf0\xc4Z_\x88\'\x8d\xee\xef\x02F1\xe6d\xf0k\xbf\xb5\xf0\xef\x84\xc5\xc7\x91\x15\xfcK\x19^\x19\xb9\xcd|\x9e\xbe\x1c\xfd\xa3\xf4k\x82t\xf8b\xd4\xac\xd4\xf0\x919V\xc7\xe4kV\x1f\x88\xff\x00\xb4\x86\x9f\xa6I3\xfc/\xbc\x91\xa3\\"\x06&lt;\xfe8\xad\xe1*ilk,\\\xb6\xbbG\xd0~%\xd0\xfc=\x1aH\xb0_\x02\x01\xe3\x15\xc2x\x8fU\xb2\xb4\xfd\xc4w[\x95z\x0c\xf4\xaf \xd1\xbcM\xfbX\xf8\xbef[\x8f\x87\xb2i\xf6e\x89\x92I\xe6 \x8ezt\xae\xd3E\xf0F\xbd\x1c(\xde$\xbdi.\x1f\x96E&lt;/\xb5L\x9c\\\xb6"x\x89\xce\x16N\xe5\xc85i\xf5\xa9M\xbd\xa0+\x02s#\x9a\xf7?\xf8%_\x8b4\x9d;\xf6\xd1\xd4&lt;7{z\xa9&gt;\xa1\xe0{\xe5\xb2\x8d\x872\x14\xba\xb3r\x07\xbe\x03\x1f\xc2\xbc\x98h\xf6\xfaV\x98!\x82\x1c\r\xbc\x9a\xea\x7f\xe0\x99z\x15\xd6\xa7\xff\x00\x05#\x9b[\x97Y{[]\x0b\xe1\xbd\xc5\xc0\x89Tbs5\xd4q\xb2\x93\xd8\x00\xaak\xd2\xc9\xdb\x96a\x04\xba_\xf2&gt;_\x8a\xe2\xa3\x90\xd4owo\xcd\x1f\xabtVO\x87\xfcu\xe0\xff\x00\x14\xdf]\xe9\x9e\x1e\xf1=\x85\xed\xcd\x83\x05\xbd\xb7\xb5\xbbI$\xb7\'\xa0\x91T\x92\x84\xfb\xe2\xb5\xab\xee\x0f\xc7\x82\x8a(\xa0\x02\x8a(\xa0\x08\xcfSM/\xd8\n\x19\x88l\n\xad}\xa9\xd8iv\xad{\xa8\xdd\xc7\x0cH2\xce\xec\x00\x14\x019\x19\x18\xaeG\xe2\xbf\xc5;/\x86~\x1f:\x82i\xf2^\xdd9\xdb\x05\xb4=I\xf5&gt;\xc2\xbc\xbf\xe2\xef\xed\x88\xbe\x1d\xd6\xe3\xd2|\x1f\xa5\x8b\x9bef\xfbE\xde\xec\xef\x03\x03\xe4\x1d\xbb\xf3\xed_&lt;|Q\xfd\xa0\xbe!\xf8\x92\xf9\xae/\x9e[[^|\xabh\x01y\xa4\x19\xf6\xfb\xa2\x80;\x8f\xd9\xab\xf6\xb7\xf8\xfd\xf1+\xf6\xb6\x97\xc1\x9e0\x8a\x15\xd0n\xadn\x84v\x11[c\xec\xad\x160\xc5\xba\x9c\xf4\xe7\xa95\xf1\xb7\x8c\xb5G\xf1\x0f\xed\x8d\xf1\x93Y\x98\xe0\xbf\xc4[\xc8\xc8\xf6\x8c"\x0f\xd1E}a\xfb&amp;\xf8\xd3C\x7f\x8e\x1aD\xb3i\xbfc\xbd\xbe\x82{i7\x10Y\x98\xae\xe1\x93\xf8W\xcd\x1f\xb4\x1f\xc3\xbb\x9f\x84\x1f\xb7o\xc4\x7f\t\xea\x01\xa3O\x11_E\xe2=$\xba\x91\xe7A:*\xc8T\xf7+*8#\xe9^&amp;}\x19K/v\xe8\xd5\xcf\xab\xe0\xda\x90\xa7\x9d.g\xbaiz\xe8\xff\x00C\xb2\xf0\xbc\xca\x8a!q\x90Ed\xfcD\xb5\x13]\xa4\x90\x9c\x00y\xad\x1f\rF|\xb4-\x8e\x9c\xe6\xb45\xdd\x02;\xdbf\x90\xa9\xca\x8e+\xe2\x96\xd6?]\xba\xe6\xe6 \xf8h\xc9\x08P\xc0rpk\xd2\xa3\xb7\xb7\xf2\x83\xa5\xba\x9e0\n\xfaW\x9a\xf8V\xd5\xac\x8eJ\xe7\x06\xbb\r?\xc4\xa7M\x8d\xa3\xb8\xb7s\xb5r9\xeb\xfa\xd6\xf0\xe5\xe59\xe6\xe5)hT\xf1\xb5\xef\xf6U\xa4\x8b\x1a\xaa\xb3\x8e\x07z\xf2\xf1\xbe\xebT9$\x9d\xd9\xc5u\x9e)\xb9\xbd\xd6dmB\xe4\x95\x0cN\xc4=\x85U\xf0\xbf\x85\xc1\x0f\x7f&lt;e\xba\x90ML\x96\xba\x15\t\xabY\x98\xfa\xe4\x0f\xf6M\x8a\x08\x00sW\x7fa}o\xfe\x11\xdf\xdb\x1b\xc4\x17\xcb\xf2\xa0\xf8g*J\xe0\xe3\x93y\x19P~\x985\'\x8a\xe2\x11D\xca\xa3\x8cq\x8a\xf3\xef\xd9\xc3]\xd4\xec&lt;g\xf13\xe2~\xd7[[Q\x0e\x8f\r\xd6\x08\x01bV\x92@\x0f\xfb\xd2\x0c\xfd+\xd3\xc8\xa0\xe5\x8fO\xb2l\xf9\x9e0\xaf\x18d\xb2\x83\xfbM%\xf7\xdf\xf4&lt;+\xc4\xdf\x15&lt;u\xfb&gt;\xeb\xfe8\xfd\xa7\xbc\x1f\xf1^\xff\x00D\xd5m\xfe&amp;\xea6\x96\xd2X\xc9"\x86ehYRB\xb9\xdf\x19\x18\xca0 \xe4\xd7\xe8\xf7\xfc\x12\xf7\xfe\x0bS\xe1\x1f\xdb_\xc4s|\x1f\xf8\x8d\xa5\xd9\xe9~,\x82\xdf\xce\xb5\xb8\xd3\xe4f\xb4\xbf\x8c\x0f\x9bn\xe0\n\xbf\x04\xed#\xa7\xd3\x15\xf9\xe1\xf0\xff\x00\xe2f\x81\xe0\xff\x00\xd9\xab\xc4\xff\x00\x16&lt;q\xf0\xae\xe3\xc5\xd6\x1a\xef\xc4\x8b\xf9\xad\xf4\xa8,\x16v\x91\x02\xc4\xbef\xd6\xe3\x9cu\xaeo\xe1/\x8c\x7ff\xbf\x1e|F_\x88_\xb2\x17\x8ea\xf8U\xf1"\xdf!\xbc1\xe2kf\x82\xde\xec\x9e\n\xaf\x05P\xf6\xe3\xd6\xbe\xd5;3\xf2Kh\x7fE\x11K\x1c\xe8$\x89\xc3)\x1c\x11N\xaf\xc9-G\xfe\n\xff\x00\xff\x00\x05\x01\xfd\x9f~\x16K\xe1\xdf\x14~\xc8wZ\x9f\x88\xed\xf6Ge\xab@\xc2\xebN\x99s\x83!1\xb8~\x9f\xc2q\x93\xde\xbe\x89\xfd\x97\x7f\xe0\xae\x9e+\xf1\xe7\x82\xf4\xcdg\xe3\xef\xec\xff\x00y\xa5;Y\xff\x00\xc4\xda\xeb\xc3\x92\xc9s%\xb4\xc2\x16\x9c\xb3\xda\xbchU&lt;\xb4l\x88\xe4\x95\x83\r\xb89\x15WW\xb0\x8f\xb9(\xac\xbf\x06x\xdb\xc2\x9f\x10\xfc+\xa7\xf8\xdf\xc1Z\xfd\xb6\xa5\xa4\xea\x96\x91\xdc\xe9\xf7\xd6\xb2\x86\x8ex\x9dC+\x03\xee\x0f\xd4t4S\x03\x81\xfd\xa2~7\xdd| \xf0tZ\xd6\x95\xa4\x8b\x9b\x9b\xd9\x0cV\xe2G\xda\xa8v\x93\x96\xc7\'\xe8+\xe3\xdf\x1e\xfe\xd2\x1f\x15u\xe8do\x10x\xb2\xe6{m\xcc\xc6\xd5\x14*\x86\xf5\x18\xe8\x00\xe0\n(\xa0\x0e*\xef\xc4\xde9\xbd\xd3l/t\xa9\xad#\x8bP\x93l&gt;k\xb1u&gt;\xa7\xe5 ~\x19\xabZ\xa5\xd6\xa9\xa4h\xa7\xfbVur\xc3\xf7\xdfg\'2}X\xe0\x91\xedE\x15/A\xa3\x9d\xd3\xfcw\xa9\xe9\x97px\x8f\xc3q\x8b+\xad5E\xf5\x8c\xa8\xc3!\xa39\xc1\x00t8\xc1\xf65\xec?\xf0R\xcf\ti\x7f\x13?g\xdf\x87\x7f\xb6\xce\x95l\xb6z\xbe\x83%\xa2\xdc\xc0\xe7\xe6\xb9\xb0\xbf)\x1c\x90\x12\x07UvW\\\xf1\x90}h\xa2\xb1\xc4F3\xc3N2ZY\xfeGV\x06s\xa7\x8e\xa7(\xbb5%\xf9\x9e[\xe1$\x8eX\xe3u^\x19A\xc3WS:F\xf6D\x15\xe8;QE~w\r\xcf\xdc\x9e\xcc\x83E\xd3\xad\x9e\\\x15\xefZ\xf7\x1a\x1d\xb9A;\xb1$\x0c\x0eh\xa2\xb5\x8a\\\xa6JrSvf.\xb9\xa2\xdb\xaa\xa9f\'-\xc8\xab6\xf6\xeb\x06\x9c\x15\x00\xc6\xde\x94QR\xfe \xbb\xd0\xe0\xfe%k\x07F\xd1u\r`\xc2\x1cYZ\xbc\xdb\x07\xf1mR\xd8\xfd+\x96\xf0\xe4\xda\x7f\xc3\x9f\xf8&amp;\x18\xf1\xecv\xad&gt;\xa1\xadi\x17Z\x95\xcc\x85\xbe\xf5\xd5\xc33n&gt;\xc3r\x8f\xf8\r\x14W\xbf\xc3\xa9s\xd4~\x87\xc4\xf1\xbc\xa5\xec\xe8\xc6\xfa]\xfe\x87\xcc\x1f\xb4\xa7\xed_\xe3\xcf\xf8\'\xfe\x81\xe0\x9f\x84_\x0c\xf4}:\xfa\x1b]\ro\xf5f\xd4"\x0c\xb7/!\xdcB\xe4dw\xf4\xebZ\x9f\xb3G\xc7\x7f\xd9+\xfe\n\x91\xa9\x7f\xc2+\xf1/\xf6i\x1a\x0f\x8a-\x86\xe1\xae\xe8E *\xe7\xf8\x83\xab\x07\'#&lt;\xd1E}#V&gt;\tv:\x0f\xda~\xe3\xf6\xcf\xff\x00\x82\\\xe9c\xc6\x1f\x0f\xbe=\xdax\xc7\xc0\xd0\xcc\xb1\x0f\x0e\xf8\xb6\x06\x9a\xe24 \x90\xab)Bx\x03\x19-]\'\xec\x1b\xff\x00\x05\x95\xf0\x07\xed\x87\xab7\x80&lt;W\xf0"}\'W\xb5\xc4\x86\xebNh\xbc\x8c\x93\xb7+\x96\xde\x0f=h\xa2\xad\x10\xfe#\xec\xdd?\xc3\xde)\xf8[v\xde&amp;\xf8+\xe3\xedG\xc2\x9an\xabo\x1a\xddh\xda0\x8e\x18d\x97,\xfe{.\xc6\x1ea\xdc\xc1\x9b\xabq\x92qE\x14U\x92\x7f\xff\xd9'</t>
        </is>
      </c>
      <c r="M548" s="3" t="n">
        <v>45492.67791666667</v>
      </c>
    </row>
    <row r="549">
      <c r="A549" t="n">
        <v>1494695</v>
      </c>
      <c r="B549" t="n">
        <v>5926</v>
      </c>
      <c r="C549" t="inlineStr">
        <is>
          <t>Nathan Fernandes</t>
        </is>
      </c>
      <c r="D549" t="inlineStr">
        <is>
          <t>Nathan Fernandes</t>
        </is>
      </c>
      <c r="E549" t="inlineStr">
        <is>
          <t>PE</t>
        </is>
      </c>
      <c r="F549" t="inlineStr">
        <is>
          <t>ATA</t>
        </is>
      </c>
      <c r="G549" t="inlineStr">
        <is>
          <t>PE</t>
        </is>
      </c>
      <c r="H549" t="n">
        <v>178</v>
      </c>
      <c r="I549" t="n">
        <v>32</v>
      </c>
      <c r="J549" s="2" t="n">
        <v>38398</v>
      </c>
      <c r="K549" t="inlineStr">
        <is>
          <t>Right</t>
        </is>
      </c>
      <c r="L549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c7d61161-4ee5-4d6a-b8ad-390c6c0ce6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b\xcc\xf5c\x00\x00\x03\x00PLTE\xff\xff\xffC3,Q6+C/\'/"\x1e?3.=*!\xfe\xfd\xfdA-#D501!\x1bL8.\xcc\xcf\xd3:\'\x1dH4,K4)F0$F2(tWJ/3;P;2oRE@)\x1dG72U9.%)14$\x1faJ&gt;;.)7$\x19\x83bR,/6Y?4dLB\xca\xcb\xd1E+\x1f^F;T=3w\xbb\xda_C80\'%]IB^@4\x92hUJ:5\xfc\xfb\xfc5,\'\x89eTzUCgJ=58A)!\x1ey`UZ&gt;/=&amp;\x1ahOD\x8ecPXC9"$*\x9crb8("sTET?8\x96m]\xa2vf|ZIL=9,%!\x8fk\\:#\x18jMA\x8chY\x7fi^\x85mciSI\x7f^N\xb9\x8f\x85\x96jW\xcb\xd3\xd8;&lt;D\x7fdYue\\\xd3\xae\xaboO@WFA\xc8\x9e\x93\xb4\x88z\x9co[\x9d}rI."w[P\xc4\xc9\xcenZQv\xbd\xdf\xd1\xd1\xd6\xcd\xa5\x9acF9\xc7\xcf\xd5\x91m_\x93rb\x87h[\xa8{j\xc1\xc5\xca\x98ob\xa0xl\xf9\xf7\xf8WMJ\xa2s^\x8bmb\xa6~p\xbc\x96\x8d\xd7\xb3\xafz\xbb\xdd\xc8\xc8\xca56;l_Z\xac\x82u\xb2\x7fheD3\x98wi{jb\x82rk\x8bshaNHMB&gt;\xa8w`\xd5\xaa\xa0M1"?0)B95\xac\x7fo^RM@AJ\x8avo\xa2\x80v\xc4\x9a\x8d\x87^K\x85ZF\xff\xfe\xff\xc8\xc3\xc4\xb4\x84r\xab\x87|PVb\x92shfWPNNV6 \x15\xe3\xe0\xe3\xaczevP=W7&amp;\xea\xe7\xe9\xf5\xf4\xf5\xd8\xd4\xd9++.*\x1d\x19hktOGC \x1e\x1c\xb0\x8d\x83\xf1\xef\xf1\xce\xab\xa7\xc4\xa1\x9bb=,\xd0\xca\xcb\x89cOlJ9kC1\xd9\xaf\xa6\xa8sW\xd3\xcf\xd1\xb9\xb0\xb1_`h\xb4\xcc\xda\x98\x94\x9a\x90\x80{y\xb0\xcd\xc7\xa8\xa3\xa3\x99\x98cZX\xed\xec\xee\x82\x80\x87}\xb7\xd7\xb0\xa7\xa7\xdc\xbd\xbd\xb3w\\\xde\xda\xdc\x93zrxml\x9enUEIS\xd9\xb8\xb5\x98gOtH4\xbe\x9c\x95\x84xw\x9f\xa1\xaa\xb5\xb4\xbb\xe5\xbe\xb7\xc0\x95\x86\x85\xab\xc2\xc0\xbe\xc3WRW\xc5\xbb\xba\x1a\x15\x11\x8a\x88\x8f\xd0\xd4\xdc\xbc\x8c{\xb0\x9f\x9d\xc1\x91\x800\x1c\x13\x9f\x88\x7f\xe0\xba\xb5\xab\xae\xb4oed\xbd\x84jvy\x83\x97\x8b\x8b\x88\xb6\xcf\xbd\x89r\x91]B\xca\x93{M\xa6\xd4\xbb\xb9\xbf\xb2\x96\x8eTj{&lt;\x9f\xd1Z\x9e\xc4\xd5\x9e\x88\xdf\xb6\xad\x86\x9f\xb1*\x16\x0cvty\x88\xbe\xdb]\xb6\xe4\x99bF\x81P8\xdf\xab\x95\xb6\xc0\xc9\x96\xbf\xd6j\xab\xce\xa6\x90\x89\x97\xb3\xc6\xa3\xc4\xd9\x83\x91\x9dc\x96\xb3p\x82\x91T~\x9a\xbf\xd3\xe3\xef\xbb\xa7k\xb2\xd5h\xb6\xe4=Zw\'C]\xf8\xc9\xb5\xfa\xcb\xbaew\xf6\n\x00\x00 \x00IDATx\xda\xc4\xd8\xfbO\x93i\x16\x07p\xed.\x161\x8a"`E(:8\x11\xa9P\xd0\x02\x85\x82\xa5\xd8\xb1\xe5\x16Z\xba\xd4B\xc8\xd4\xb4%\xbd\xd0\x96H\x0b\xbd\x0c\xa2\x02-\xa0\x10@,\xb0\x9d\x81\xd2\x16\x01\xc1@\xb8\x18\x1c`\x96\xdb\x02\x015\xe2\x96q\xd6\x0cF~\x18\x12\x93\x9d\xfd\x81\xff`\xcf\xf3\xb6&amp;\xfb\x07\xbc\xe0\xd1F\xe2/|\xf8\x9e\xf3\x9e\xe7y9t\x08\x8f"\x12cc\x95\xddJ\xa8\xd8X"\x91x\xe8\xeb\x17(\x94\xdd\x1d\xdf\xdfy\xb42\xfd\xeb\xaf+\x9f\xd6\xef\x0c\xcfL)\xbf6\x8dH\xec\xeb\xf8~e\xf4\xf3\xf3\xc9\x8d\xf6\xfa\xf6\x1eU{\xfb\xc6\xf3\xb97#\xc3S\xb1_\xd3\x15\xdb\xb1\xfe\xe1\xa7\xe7\xf5\x15\x15\x15W+"+\xea\xf3\xf3+*\xf2+\xf2\xeb\xdb\x9f\xbfX\xe9"~\xbd\xa4\xd6\x977\xea\x01R\x11\x19y:2\x12p\xf0\xc5\xd5\n\xec\xcf\xc6\x8b\xf5\xaf\x93\x18Q93:\t$\xbb\xdd\x9e\x9a\x9az#\xf5K\x9d\xb5\x9f\x05\xe1\xd5\xfc\xf67\xdf\xf4\xc5\x1e\xbc\xaak\xe4\xa7\xfa\xd3\x91@\xea\xc5\xea\xf5\xeb\xd7\xbe/\xe0\x03\xd4\xd3\x91\x15\xcfG\x87\x95\x07\xacR\xae\xff\xfb\x1f\x91gS\x11\xeaZ\xdc\x83\x07~qq7\xe2\xc2\xc3\xfd\xfc\xc2\xd3\x02\xc2\x02~\xec\xed\x8d\xb6\xa7\xda#\xf3\xdf\x7f\xea&gt;t\x80\x9d$v\x7f\xda\x80\xde]\x8b\x8e\xf3;z%%\x9b\xc7\xa3\x15\xd3\x82\x82\x82h\xb4\xe2\xf4\x9b\t\xb7c\x08G\xd2\xd2\xa2Qh\x91\x1b\xff\xec:\xb8\t#\xf6M\xab\xec\xf6\xe8\xf0\x13)\x17BXd:3\x03\xaa4\x83\x01\x1fy\x1e\x85B\x7f\xda\x98\x9e|\xf1X\xf8\xb5\xde\xdeT{\xfe\x8b\x03k$\xa8z\xec\xd1~\x99\xd9d\x0e\x87\xf2\xcb\xb3gw\xef&gt;yR\xd9\\\xd9\x0c\x7fk3\xcanA1\xd92Z\xc9\xe5c\xe1q7\xec\xf6\xf7\xeb\xdd\x07\xa3\xea\x18U\x85\x9f\xb9\x9e-ShJ3\xca\xca\x90\nH\xcd\xc2\xb7\xc2\xb7o\x85\xcd\xa5\x19\xf0\x7fe\x0c\x06\x93\xc9\xa6\xb2nf\xfaEG\xab\xa6\xfb\x0e\xa0\x8f\xc4\xa9\xd1\xfa\xeaI\x93\xa8\xc5\xa1\xaf\x05\x03$UZ\xdb\xfc67w\xad\xb0\xb0\xb0\xa1a-W(\xac--Em\xcd\xd0hD\x16~uxt\xf5\xc4\xfe\xefVb\xf7\xca\xa4jys|)\x17}{\x10\t\x85za\xeeZ\x83K\\\xe3t\xd68\xc5\x85\xda\xdc\\\xa1^\xaf\xd1h\x14\x1a}\x8b\xc33\xab\xab\xf6\xeb\xf9\xd0\xb1\xdf\xae\xee;\x9f\xe7&amp;\xc6\xc7\x97\x1c\x98\nDPZ\xad\xcbYP^&gt;??_0&gt;\xeeZZ\xd2\xe6:Z0\x19\xb8\x1c{\x1e\xdd\x95\xea\xd1}\xceKy\xe7\xcd\xd8\xb8\xd3\xb5\x83:X\xfa\xa4\x16\xa9\xb4K\xaeqP\xcd\xcf\xbf\x84\xc2\\.\x97V\x0b0\x8d\xbe\x16\xc1\x96v,*\xd5\xbe\xba\x1e*\x87\'&amp;\xc6\x01\xd5\xa2\xc7:\x08,@\xf9T\x98\xcb\xe9t\x8e\xa3ri\x1dz\xab/\xb0\x9d\x9d=c\xddD\xdf\xc3\xfd\x9b\xab\xfeM\x98*,\x08\x8dO\xe5r\xb9\xc4N_TP\xaf\xe6\xe7\xcb\x0b\n\xc0\x86\x02\x85\xf9\x12Y\xadV\x0f\xc0,\x93\xfb\xf6&lt;\x12\xbb\x8777\xd1\xb7\xd3\xc38C\x0ez}nC\xa1X\xecr\x96om\xf9T/Qh\xe5\x05(3\x97\xb6E\xa30\x88D"\xa0\xb5\xecl\x8e\xbd\x1f\xd9\xa7\xfd\xa5|\xb4\xb9\x84EU\xaa\xc8\x00\x97^\xe8\xd0\x16\xba\x80%\x06\x96\x17V\x0e5\xbf\xf5\x85\xe5\xd0\x8b\x0c\xa8\x14\n\x03\xb8,\xcb\xc3\xfb\x12\x97\xb2\x7fb\x07\xa6\xca\n\xadA\x87Mm3L;J\xabP\\S\x00\x05\xa2\x02\xef\xbf\x05h\xbc\\\xf0&lt;\xb6(\x0cR\xa9\xd4 \x85\xcc&lt;{{\xa6\x0f]\xfb\xb2\xdc7\xf7\x1c--V\xe8J\x06\x83\x91\xa1\x80\xdd\x00*`\x89k\xa0\x80\x83\x89\xb0\x0f\xb8@\x05\x0f\xa3\xc8 eK\x90\xcc\x00.\x8fi\x13\xff\xf1"NM{&lt;\xa0\xd2(@%\x9730\x16\x86B\xae\xa1\xa1!\x1f\xcc\x9b\x19\xda^;\x0e\xabB\xca\xa1\xca\x10\x0c\xb9&lt;\xcb\xcb\xaf\x94D\xdc\x07\xcb\xb3gE\rd\xc8A\x05\xacZ=J\xab\xc1\x17\xd7\x10&amp;\x1b*\xc7&amp;\xbe\xc0\x17\x96\xd5 \x91\x91e\x1c6\xc0\x0c"\xabgl\x19\xf7mO\x9c\xd9\x1b\xf3xUX1\xe0h\xc1\xba\xb8T(\x86N\xd6\xd4`\x91\xf9&amp;\xcc\xe9S\x89Z\xd9\x1c*\x95\xcaf\xb3\xa5h\xbe\xc6,&amp;\x9c\x9f\xc6\x87S\xd3\xb3"\x91\x15\xfa\'\x95`*F\xa9\x8f\xd5\xb0$F\x91\x81\xcb)v:\xb1\x81\xc7T\xd0B\x91\xc1\xcb\x82\xb8\xbcy\xcd\x9a\xc6\xfe\x8ek\\\xc4\xfe\xb1\xb1Y\x83\xc2\xc0\x90J%\xc8\x05#\xefui\x1b\xb4\xe8\xe6\xb0$v\xa2I\xf7=\x87.p\xa1\xb0\x14\x06\t\xc6\xe2\xa0&gt;\xb6\x1aD\xb3f\xe3&amp;\xaeqMM\x98,\xb3\x06\x03C\x8eXL&amp;\xf40\x03]\x10 .\xecat\x89\xb1a\x87\x9d5\xff\xc5\x85V\tz\x10\xc1\xc4\xc1\x02\x93H[g\xcd\xa61&lt;\x97\x17\xb1\x7f\xd9dn\x85\'\x9d\x89\n\x0b\x0b\xca\xda\xe2\xd0.\xa1\x06\xc2\xd0\x97\x97\xef\xce\xcfom\xadn\xed\xee\x0e9\xc7\xe1z\x83\xc5\x05iA\x03Q\'!0Ik\xab9\x0b\xe2\xc2\xcf\xd5=m2!\x95T\xced\xe6AV0[\xc0\x12!\x97\x16\xa5\x05\xe3\xbe\x8b6\xfd\xd6\xea*b\xc1\x8am@\x97\x1b\x8c%\x91`\x03\x06\x81\xa9\xcdf\x13\x7f\x0c\xbf\x87\x91\xd8\xf1\xc1b1KP\x03\xf3\xf2\xf2(\x10\xd7-\x06,zh\xa3#\xd7\xbb!\x86\x80\xb5\xba\xfar\x15jkw\x08\x16\x06\xba\x0e\xb6\xc0\xdeb\xa3\x16\xd2\xa9\xd4\xa7d\xaaL\xad6\x1b\xf9\xa6G\xb8\xbd\xd3*_\x99L\x96,5\xa8\xd8\x14\xa8&lt;hdY\xc6]\xb8B\xbc]k(D\x0b\x0bC\xf9\n\xe2B\xe5\x85i\x18L\n\x9dN\x7f\x8a\xe2\xa2\xca\xb2\xb2\x8c|\xddD\x1fn\xdba\xf4\xbd)+K\r\xae&lt;\x9f\nN\x9f\xbb\xb5\xc2w\xd8f\xf8\x7f\xd6\xee.\x96\x15\x8a\xcbU\x88\x9d\x8a\xd0vxEC.\xb2\x8c\xcb5\x1au\xcbxu\x918\xb3\xac3r\x81\xe5M+\x8fy\x0bT\xe8\xbe\xbc\x86\x0eET\xd8\xb1\xf8_oF\x85\xf0\x9a\x81\xceN\xb8gy\xac\xd0F\xb9\x9c\x89\xb1\xc8\x88\xc57\xea\xde\xf7\xe3\xd3Eb\xec\xa39\x1d\x1f\xa5\x05\x0f\x15\x05\x86\x0b\xa9\x14\xb0\\E\xdeR( \xb7w\xef&gt;\xbe\xfb\xf8\xc7\x1f\x1f\xdf\xfd\xde\xac\xcf\x90\xf0\x8aK\xb2\xb3\xb3KJJh4\x9eL*\x81\xb8@E\xe6q\xb9:\x1d_7\x82\xd3\xfb\xacrD7Y\xc2U\xab\xb3@E\xc1TL\x89\x8c\xc7+\xc9N\xce\xceNNN\x16\xb0\xe8\xb7\xe0U\xb1\xb2\xf2\xb7\x8f\xbf\xffVy\xb7,\xaf1\xe4b\xf0\x99\xc3\xf7\xef\xfb\x1d=s\xe5\xfa\xb9 \x99TN\x81\x91\xc7X|\x9dN7\x8a\xd3puO\xa8\xdaJ -\x19\x9c\xba\x94&lt;X\x0eLx1=w\xf9\xf2\xe5\x94o\x83\x83\x83\t\xa4*[\xd3\x02\xbc\\?\xfb\xb9\xf2\xe7g\xcf\x16\xb6\xe3\x07\x12\x03\xfd\xd3\xc2\xc2\xa2\xa3\xe3\xc2\xfd\x8e^\xbfP,\x85\xb9\xc7\xd2\xe2!\xd6\xe4r\x17&gt;\xb7\xfa\xa9\x0f\xaa6~\x96Y-S\xa3-$\x87kAN\xc8\xa5\xf3))\xd7\x83O\x04Bu&amp;V\xd9\x1a\xff\xb3\xb0\xf0\x0b\xd4\xc2B\x93m\xd0\xddY\xe4\x1fz\xfcxZZ\xf8\xfd\xc3\xc7\x82\x13r$\x0c9\x93\xe3K\xabD797\x83\xcfoV\xbb^\x00\xcblVC\\l\xa9\x81\xc1&amp;\x93sBn&amp;_\xb8\xf8\xed\xb1@\x02\xa1\x93\x94\x98\xe8\x1e\xf8\xb3i{{\x9b\xbe\xbd\xdd\x84\xa9\xee\xdd;\x19\x15u\xc4\xdf\xff/\xa7\x02I\xe7\x05d\x0e\x85\xce\x96p\xc84\x1e\x17\x16D\x9bj\xb2\x1f\x97_\xe2&lt;\xecXV\xb5\x19-\x18K"g\xb0\xd1I\x02?{z\xc8\xedDRgggb\xa7\xdb]\xb5\xb8\xf8\'V\x8b\x18\xaa(***44\xaa\x88@J\xac\x1a\xb0\xe5&lt;m\x8cgq$2\x18\x7f.bm\xac\xe3\xc6\xaa\x03\x96\x19\xc6\x0b\xce^lo\xa1\x9f\x9e%\x88I\xec$ X\x8c{p\xd1[H\x05\xa6$\xa8\xd0"\xd2\xa5\x01\x81\xcdf\x8bg\xb1\xe2m9l5\x8fFC{\xabn\xe3\x13.,\xe2\xcc\\\x9d\x97\xa5n5H\xa8\x14&amp;\xda\xa9\x148\xe8r\x041\x10\xcd=\xc8\xc4\x8d\\\x83\x83n7R\x85\x86&amp;E&lt;N\n\x8d\xeaL`\xb1\x9aX6\xc1\x80-&gt;\xde\x96NVsi|\xc4\xeaQ\x8d\xe0\xc5R\xd5\xf1\xe1P\x04V\xab\x84\x02\x87\xc9S:\x9d\xca\x96P\xc9\xc5\xb7\t\xd0\xaf"\x02\x81\xe4\x1e\xf4\x160\xa3\x92\xbe{\x1c\x11q&lt;\x8a\x94P,\xa3\xe6\xc4\xa7\x0b\xaa\xaa\x06\x04\x02A\xb1\x8c\xcb\xe3\x19\x8d\xc6\xb6j\x9cX\x0f;\xe6zT\xc02e\xc1\xdd\x06VccS#\x14\xcc=+\xe4\x1c\xa9(4\xd4\xffd \xcc\xd0\xe0"\x842\xe0\xbeW\x14\n\xac\xc7\xc7\x8f\x04\xa6$\x17\xf3r\xd2C\x04\x03U1\xee\xaa\x84\x9b\xe94.:{\xf8m=\xb8\xb1&gt;?P\xf1gg\xcdf\x08\x8b\xd3\xd8\xd4\xd4\x04M\x19H\xb8\x19\xc4+I9\x99\x04\xc1\xf8\x9f\x82\xdd5\x10O\xa6RYU\x10VDD@@X\xdaaXX\xdc\x90\xf3$\x12L\x1e\xa93\xe6vH1\xec\x07\xa3\x89_W\xdd\x83\x0f\xeb\xd0\xd4\x8b\x07\x7f\xd3\xcd\x8eY\x80\x05\x83\x1e\x8f\xfaB"\x9c\xfb!\xbb\xed\x87\xcc\xfba\x01\x01\x01\xc7\x81\xe5^dq\x14\x1ai:)\xea\xbb\x88\xb0\x80\xbf\x86\xdd\xbf\x92y%\xb3:\xf8\xc4\xa9#Q\xf7\x08\xd0\xe5\xc4\x84 /K\x95\xd9\xb3\x82\x0f\xab{\xa2\xba\xa7\xc4\x82XR2+]\x90p\x89\x10x\xec\xcc\xd1\xe8k\xbd\xaf_\xff\x18\x16\xf0/\xc4J\x1c\xb4\xd1K\xd7\x1a\x84\xd4\x98\xa2\xa4\x88\xb0\xff\xb1j\xfe/i\xef{\x1c\xbf}\xda\xe6V4\xdb\x87&gt;N\xb2}P4Dk\xa5\x1cM\xa3,\xade\xea\'Aq\xcb\x12\xe1J\x19[\xe9\xce/-\xfb*n\x8d\xbe\xe8\x1c\x86\xcbv\xc6\xe8\x10\xb4\x8c\x16\xdc\xe0t ZW(\xe2\xd2\x0f\r\\\x0eN\x8cNp\x7f\x08\xba\xb0\xed\x87\xfd\xd8/\xf7\xde\xd7\xebc\xe7/\xd0\xd7\x0fA!\xf4\xf0\xf5~\xbd_\x9f\xe7\xf3\xf5\xfa\x94\x977V\xd4\xb4\xb2\xa3\xfa+\xe5\xe5\xf1\x92R.\xc1\x97k0]\x80\xf5l\xe0E\x9e\xb0\xb6\x16\'\xe6X,?M:&lt;BnaAEE\xcd\xaf\xad\xad\x1f?\xb6N\x14`\xb6\xd4\xcb{ag\xf4\xec\xfbQ\xb3c\x81W\x02XE\xd5\x8bW\xaf\x02\xd7O5o\xdf\x16eJ\n\xb9\x84P@B\x7f\x18\x1d\\|\xb6\xf9&amp;/]\x9e\xd3\xff\xaf\x81\x89\xe7,V;\xadS\xca\x89\xd2\xebWj\x06\xff\xb8\x8a\xe9\xa8\x19\x9c\xbb\x19/)\x16$\x15Z\xdf\xd0\xe9Y\xda\xa9\x08\x10\xdc\xc6\xa2\xa22\xfb\\\xebO\x90\xac\xd6\x81\x89\xa2\xf3\xf3L\x89\x98\xa8\x94XT#\x805\xf1\xec\x8fW\xf9\xc1\xba\xfb~p\xf1\xf9(`\xf9\xbd\x06,\xab\xd2;\xe5\xf7G7\x06\x10\xeb\x86{\xbc\x89{\x9dO)\xc2\xbbk\x80u\xea\x0b\xef\x05&lt;\xb7\x8a\x8a-\xf6\xb9\n\xdc\xb6\\\xdd\x1c(?\x7f\x9b\xb9\xc3+%$\x1a\xb7}ttn\xa2\xe5?\xf9\x99\x90p"\xaf\xf7/\xb1h\x05\\w&gt;\x9f\xe0V\x8a\xdc2\x90.\xd52\x8b@`T:\x0c\xb3_\xd7\xb6\x8f\xcf\xbe\x9f\x06\xff\xfc\x96P(%\x1a\xd0Z\xb2\xea\x1b5\x8d\xb7[\x9e6\x16\xc5\xef\x94 \x96\x08\xb0\xa6\xe6&amp;&amp;\xbe\xe4I\xd8p\x96\xfe10\x80X^Z\xe1p\x18\x95J#\x1b\x92\xfa\xfa\xca\xcaJ\xa9\x83\x06\x15\xb6\x0b\xaa\x06\xb1\xb6\xbf\xfe\xf9-L{m\x1a\x89D&amp;\xbb\xdf\x04\xba\xa7\xb2\xac\x98[Z\xda\xcd%\xea\xb3X-\x8b\xeby\x9a\x8fp\xfa\xd77\x07F?C\x9b\xa7\r\x06\x92\r\\\xed\xa8\t\xee-BN\xd56\xe8}\xa9\xd4\xf66\x9b\xad\xb5\xaf\xa0$V\xee\xf5\xda4\xfcn\xf1u\xc0!\xf8B)\x84\x9c/\xbc&lt;\xc4\x96\xcd&lt;\x89\xe6\xbfq8o\xf67\xf7?\xef\x00\x16\x04\xc30\xd0%\x92\x015\x9f/4\x92\xb5\r\x93\xd1\xc9 H\xc0\xed\xed\x13\x16\x0b\xb8\xb4\xcd\x8f\xa6\x87mF|0\x89C\x0bj\x8f\x92\xa2 \xc5"Je\x9a\x82\xda\xca\x97\xc5\xb8\xdb\x7f\xf7\xf7\xdf\x067\x10\xcbF\xd7\xa2\x15]Ya\x0c\n\x1d\xa8\x95\xe1\xc7/;:\x8e\xa2A\xa4\xda&gt;\xfd\xceb}\xfd\xba\xeb|\x0c\x16c\xd8K:\x92\xc9\xd5\xa4C\x87\x12B\xa7\xa3H\x95yjjn1O\x9a\xb9\xff\xc3\xe1\xfb\xd7[#;\x88\x05\xaa\xd9Zeu\x82\x9ao@\xf3\xda\x99\xee8\x98\x999\xc8b\xc1\x19^\x9cm\xa7@\xa6\xee\xfa\x9et\xe0*\xe3\xf1#P\xcb\x10\xb5\xf0\x18\x85\x07\x16`\xed\x8c&gt;\xdf\xccSi\xbd\xfa1\xb5\xf3\xef\r\xd3\xce\xe7\xaeX\xcf=\xf0b\xbe \xb8\x89h\xb4\x13\xd2t\x00\xee\xf5\xc1\x0cf\x0b\xee\xe1\xe9\xf7\x8b\x8b\xb3\xe35\xd0\xcd\xbb\xce\xc9\x83\x07\x0f\x0e\xd8-\x0b\xee\x7f\x9cV|\xbe\x1b\x18\xc4\x9a\x1by\x07\xd9\xe7\xe4\xde\xb4\x0em6\xb0\xc3\xe6\xae\xae\xe1\xde\x9ef\xa7\x0f&lt;\xce\tD:}p\x80T\x7f\x7f0\x93\x1e\x82l\x1d\x1f\x9f^\xfc\xf7\xe2\x0cL\x06`\xa5\xf4\x9d?\xcf\xcc\xcc \x17.\xa6|\xce\x94U;\xcb06\xf3\x94yn\xe4\xf0pk=\xe7\x95\x06\xe7\xee\x96\xdc\xc1\xd0\xb4\x7fzz\xb89K\x15=9\x06\xaa4\xe6\xea\xafd\xc1\x11\x9e\x9e]\xfc\x0f\xb25\x0f\xe9\xd2V5\xf4\x81\xb7=\xe8\xe8LwvF\'\xe7\x83k)\xc8\x17\x8dX&amp;7X(\xdb\xc8\xd6/9c\xad\x13\xcb\n\xc4\xea\x02\xac\x86\xac\x1f&lt;\xc6l\x1d\x1d\x01\xd6\xcc\xccQzh-\xb8=trz\xf6\x1dJ\x1e|b*\xa5\xd5Z\xf5\x93\x90\'\xdc\xe1MN\xce\xcf\xc3\x9f\xac\xd6\xaa\x15\xc0\x1a3Y\xe0V\n\xea\xf7_\xe7\xdc\x1c\x0e\xf9\x0b\x8a\x95,\xd6C\x1f\xae\x0f\x87\xb0\xb6N\x00\x0b\xc0\x0e\x8e:\xe7\x83\xf3\xc7\xc7C@\n\xdeu{-\xb8\xe6\x0b\xa6f\xb5\r\x80\xf5\xe4\xc9\x13`\x9a\x9f\x873\xdc\xdd\xadB\xa7h\x1a3i\x94Ji\xa8n$\xf7S|!\\P0\xf4X\xd7N\xac\x17\x9c\xab/\x18\x0c\xceo\x03W:}\x12M\x1f\xa5\xa3}\xbe`\xf4\x04\x8b~m-\x85Mk754T\x15\xd6\xeaq%\x04e\x85\xe1\x04*\x90\xd94\r\xd9\x12I\xa5\xfcx|\x7f)w,\x89\x1c.\xb7y\x07\xb0z\x1f6;\x9d&gt;\x1f\x9b\xb1(\xee\x81;\x81*\x057\xd39\x8b&gt;\x11\r\xd9^"l\xf5\xc1\xafUN\x00\xc3KhuZY\xf9\xbf\xb2\xc2fK G\xac/9\x8f!"/\x04FCBi\xdb\x89\xc5z\xa1\xe6\xa1i\xa5|\xb83g\xd1\x86\x86\x82\xb8\x98nw\xa8\xd5\xc9\xc47\xd6\x8f-,\'f\xab\xb4\xe1Y\xabO\xdf\xe0tZ\xb5Zv\xd5?\xcb\xe0\x03\x02\xb0$B\x8f\xb4\xad\xfc\xb7\\\xb1"\x91\x17$\xa9\x08\x84\xc8\x9d\x98\xbf\xa7\xb9\xd9\x8a\x81\x19\xf3e\x93\x06\x85\xe5\xdb5\xf03\xe7\xe7\xa1\x00\x1a\x1fq\xe6&lt;#^M\x84k\xb5Z\\\xf0C\xbfZ\x01(\xc6\x00\xc1\x80M4\xdb\xea+%\x82k\x85[9?\x16#\xef\xcd$\xf8,\x17`\xe1\xc0\xa6J\x8b\xa3$k*\x05l\xec\x8b\x06\x93\xce\xf0j\xdd\xf9y\x9c/\x87L\xf1\xce?~&lt;\xcf\x84\x96\x13U\r\xf8)\xec\xa2\xe10\xa8\x7fE\x96\xcbfv_\x17\x0b\x057\xab_\xe4\xde\xe8?L\x19\x03\x0b\x01\xef0\x88\xc0\xf6v,\x13-\xcb\xe6tf\x9bX\xd4\x9aX\xe6eJ\x8a\x85j&gt;\xb8\x9e8H\xd1;\xe2P\xa0\xb9\xcfg\xb5j/]\x12\x84N\xa7s\xb9\x10\xab-\xd3\xcd/\x1b\xff\x90\xf3\xcc&amp;\xf2j\xc3\xb8\xbc\xec\xf0\xc6\xe0\x89\xe8\xad\xade\x8bw\x05\xd9\xe00}\xf3P\xf5\xcd\xab\xa1\xb660\x11\x04\x01\x1e\xf1N\x06"\xceS\xea\xa3}N\xa80\x96)\t\xe1p\xe8H\x12\xb0\xec\xa5\x99\xba\xee\xe2\x91\xdc\xf5)\xe7\xf5\x17\xd7\xea\xb2\xc2\xeb\x1f3\x99l42\xa1y\r\x87g\xb5UN_\x1f\xdcF\xfd^\xa8\xae\x0e\xb1\xb8\\n)/\x0ee\x96\xe1\x19\x9etN\xea![\x8a\xbd\xbd\xe4*\xb8jp\x95\x94\x0e\xb0F\xece\xf18\xaf,\x1f\xfat\xe9\x937\xb1\xaa\xa0\x01\xcb\xa6\x02\xad\xc5\xcc2a\x0c\xc0j\xf6ao\xd2\xd7:\x84j\xb9TH\x84B\x04\xb7[\\W\xd7\xc6\x13z\x1fOBs\x00\xac\xe4*P-\x07\x02\x1e\xe0B\xac\xc1\xb2x\x1bO\xb6\x9e\xbb\x10\x8c\xf4\xaf\xfb\x15\xabI\xc6of\xb1\xb0v\xa1\x84\xb3\xd9\xc2\xd6\xd4\xa7\xef\xa1IJG)\x89\x107D\xc8\xe5r5_J\xb67\xe8\xf5&gt;\xc4\x82\x96\x11\x08\xa8\xd5r\xb9G\t\xfa\xde&gt;\xe2.n\x13\x13\xaawy\xb0\xfa\x9c\xc31f/\xa9\xb3!\x96\xcb@\xb2T\n\xc3\xec\xecJ\x15\xae\x0c\xf4\r\x0f{\xdb\x19\x86ft\xea\x10\xc1W\x92\x8c\x8b$]t;&lt;\x0f\x9cx\x88\t\xb0$r5pI="\x8b[e\xd7p\xc5B\xcd\xd4\xab|\x8c \xde\xf9\xbd\xb5\x0e\xa3\x8b\xc5\x02\x19\x0fP\t\x85\x81\xa1W\xda\x9b\xe1\x9f7&lt;\xec\xf1z\xdb\x1f\x82\xeca\x8cFU\xac\xab+\xe6\x05!\xe4\xbd\x8730\xc0r$=,\x15`\xc9\xc6\xdd*\x95\x80 D\xaa\xbc,\x0c"\xaf\xa6\x98Z\x03\x05Xv\x17\xeb.t\t\xdd%\x16D\xcf=\xbf?\x16\x1b\x8e\xc5b\xfe\x98\xdfo\xb6\x81J\x88\xf9\xbd8\xfc\xc5\x01\x18I\xe1[fj\xb5\x10\xb8d\xe3sv\xbbHi\xb4\xd8\xb7\xf22\x01\xef\xff\xa4\xa2I#\x85\xf3X\x96J\xa7S V-\xfb\x9f\xdb\xfd\xb11\x13f\xd1b\xb1\x88$\x12\x81H\xa4q\x99\xcc^\x9a\x06\xd9O\xa3\x17\xc9r\xa9\x85\x12\x01`\xa9,\x94\xcb2\x98\x97\x19D\x84\xf3nGE))\x93\x19\xb1t\x14fKg\x80r\x02\xaf\xc1\xd0^\xaf\n7\x03\x96q\xd9\xfd\xfa\xa6\xa6\xfbh\x0e\x9b$x\\.\x17\xdcZ\x92\xc5\x92b\xbe\xa4,\x96Fi,\xfbg~\xcc~\xe4\xf7O6\x8ar\x99FM*\x92\xa4(J\xe7\xc8\xa6\x0b\xac\x99\xcb\xe5\xb2H\xea\xc1\xa96\x95UWW\xdf\xbeq\x1b~V\xdf\xb8\xfa\xf4v\xbd\xc6\xa2\xa1\xf0K\x18\xc1\x8a!\x97\x1c\xb0\xdc\x80%\xd0\x8c\xe7i\x01\x1b\xb9\xfbf\x03\xbe\xbdj\x14\x0fK\x87\\$\xb4l\x06\xef\x1c\xa5\xb9\xdfR\xdd\x02\xde\xb9\xf8fA!D\x05DMMMcccAY\xbd\x00&gt;\n\xaa/{\x8a\x80\x05\rBe\xb1\xb87&gt;\xe4k\x15\xf5\xcb\xba\x99\xd4\xb8\xcd#\x97X\xc0\x05]\x00\xfc\xb5FT\x7f\xbb\xe0iA!O,\xe6\x95\xb4\xc5\xe3mm%%\x99LQQ\xd1\x95\xf2\xf2k7+%J\xcc\x95\xd2\x83XR\tb\xb9-\xaa\xd1\xc3\xbc\xbd\xc2\xc8y\xbd\xfe\xe3\xf3\xa7\x1ff\x95\n\x0f\x11\xb1\x0c$\x12\x8a\xeaoVT4^+\xe4\xf2\xe5\x1e)!\xae\xeb\xe6K\xa5\xc2J\xa2;\xfe\xf6\xed\x95\xf2\xeb\\\xe0R\n&lt;\x1ei\x00\xcfP\x02\r\xc2.\xaaw\xff\xc8\xe3\x8b\\\x9c\xfe\xa5\xa5\xa5\xc3Q\xc8\x16\xe5p\xb0\xc9\x82\xa0\x8c\x92\xb2[\xd7\x9e\xde\x90\xb9\xfc]/;~\xee\x98\x8e=\x02\xf3\xf8r:f\x13\x15\x94\x17\x15]+,\x13J\xa4\xec\x00\xe2\x12kptjd\xe3]^_(\x8e\xc0\x85\xdc\xb7_\x1e\xe2_\xd3\x11\x81@&amp;{n\x9f\xda\xd9\x99~\xd9\xf1\x7fZ\xce7\xa4\xed\xf5\x8a\xe3\x8d\xf9o\x9a_\x9255\xb9Qo\x936YL\x89\x82\xda\x1aR\xb2\xb0\x9b\xa2\x1b\x0e\xe2-fP\xdbNd\x8c\xf6V\xb8\xe3\xd6\xc0\xd6\x92@\rqw\xa0 \xfea\xd5\xdc6\xbb}Q\xfa\xc2\xaa-U+\x88\xf8\xa6\x16\xa6E\xb9\x0c\x94\xde7\x8a\n\xa3\xf5M\xcbZQj\x0b\xfb\x9e\xf3$u\xec\xc5v\xbb\xeb\xef\xa4&amp;\x82\x85|\xf8\x9e\xf3\x9c\xe7\x9c\xe7\xcf\xef\xcf\xbf\xfe\xfd\xb7\xdc\xaf~q\t\xf9+\x9d\x8c\x05%\x835\x1c\x14\\\x84\xe5J\xc4\x1fN\xf5\x8f\xef\xf31g\xad6s?\x8f\x85$\x01\xb1@\x85\xf9\xe4*\xfa\xbe\xcf\x7f\xf7\xdbK?\xff\xf2\xeb\xb3g\xbf\xfc\xe2\xd2/&gt;\xfd\xd5\xb9\xcf\xfft\xed\xcc\x05\x9fU\x02V0\xe8\rz\x9d\x02\xeb\xcc\xbd\xcb2\x1c\x95\xea\xff^`5rt!\x7f\xbb\xdd.\xda\xcb\xa4\x1c\x85Y\xf0\x8fg\xbf\xa6\x13\x06\x9f"i\x9c\x8b\x8f\xa5ca\x83\xc1\xe0a.\xa7S8\xf1\xea\xd3r\x19\x0e\xe2\r&lt;&lt;s\x01C\xbe\x8e\xe4\xaa?\\\x1f(\x86!\xad\x17\xbb\x02\x81\xc0\xe1s\'\xc8\x903\xea\\\xae\xe2`8\xe2\xf7\x1b\x0cV+c\x05\x83N\xcc&gt;^_z\xfa\x8e\x1c\xe7\xca\x06\'\xaf^\xa8\x0f\x04\xear`\x84\xe5\xf6\x06\x9dN\x8f\x07\xdf\xef\xb1S\x19\x08\xc3\x87\xc5\xa2P($\t\xd9\xcc\x1a\x0e\xf3\x7f\xf08\x9d^w\xcf\xfd~\x19\xa8\x0e\x94?\x9d\x06\x96\xcb\xe5\xaa\x0b@\xb4\x80\x8b\xd4\xa2|`\xb2(u\x1acii_iimmMQ\x91\x06V\x02,\x03qy\xc2\xb4Ck\xf78\x83\xb1\x9e};j\xf0\x1f=\xd0c\xc2b\xa7\x05\xf6\xb0 \x8e\x92\xa8\xc8\x8c9C.\x93\xe0D\xf2#\x99\x01\\\xe1X\xfc\x9e\x1c\x97\r:Q\xd5\xc7\xeb\x119\xa8\x12P\'\x04(\xb0\x8a\x8f;\xed9\xb5\x1c\xa1P\x1e\xca\x01\xacv\x8b$\x99\x10\xf46\x830O\xd0w-#Ghuv^\x9e&lt;s\x81"\xcaE`\x84\xe5\x0e:1\x1bJ\x92\x05\xd3\xa1N\xa7\xd3\x14\x15\xd5\xd4\x18\x8d\x1aL\x89\x9a\x92v\x05\xc0\xe0I\x83`\xb3\x06[e9\xb1\xc8\xcb\x11\xd7.\x04\\\x95\x95.\xb6b7m\xa2\x1bl\xf4\xe5\x14\xea\x05&amp;s\x13mq\x12U\xa8\xa4\xa4\x1d\xa8\x84\x050I\x8f8\x8b\xf5\xdc\x93\xe9&lt;\xbf\xb6\xff~O\x80\xa5b*h\xe5\xb1\xb2\x1a\x05v\x0f\xaab\xcc\xc8\xf6\x82\xa6c\x1aVK\x03\xf5\x94\x12\x98\xf5\x92\x1e\xe3\xd2\x10\x8eMg\xe4:\xd5|\xfb\xbbx"\xe1\xc3\x94C\x8et\xbb\xddN\xa7\x18\xfd\xde\x16\xb4[\x9f}\x86\xa2\xaf\xe5\xa4\xc9\xac\x03\x13\xa8J\x80%\xd9\xf40`\xd9\x92\xf0\xa1\\X\x97\x9fN\xf7$|l\x88\xfc\x00\xaad\n\xb0\xe2\xca\xba\xc6\x9f\x89&gt;\xedp\xa5\xf7$\x8d\x01\x8b\x99\xaa/\x85\x82\x98@\xa5W\x18\xb2iy\xd2\x03g\xae\xa1\xc7q\xe2B9\n/\xd6\x9f\xf8\xe5O\xeax\xa3\x05s\x11\xda\xa1\xc6\xc6\xbf\xa0\xd1i9\xee\xf4\x18\x0c&amp;\x13\xe2J\xa1\xb7\xd9H+\xb5^\x1fi\x1d\x9b\x94\x0fk\xea\xfe\xf2X:\xc7\xe5+\x0e\x9c8\x81\x19\x12F\x85\xf4\xdd\xbb\x7f`kA\xc9e\x87!\xd2%\xc6R\xab\xd5z\x7f6=6)\xdbM\x11d\xaee\x96+\x86^\x82\x02, \xb0\x1a\xeb\xeaZ\xd0\xd3\xd3y\x83\x93dv\xe6b*uJ\x9dJ\xa5\x92\xad\xe9\xb4|X\x9d\xe3\xa3c===\x89\x18\x99/\x81\xe4\x85\xaa\xf8n#\x15\xc6(\xf5n\xc0\xae\xdf\xb8QP\x00&amp;D\x18c\xa5\xd8\x92\xd9l\x16X\xb2\xdd/\x18\xfcn,\x9dN\xb7\x12Uk+\x0f\xcaJb\xe2\x02\xd4\xceKIM\xe6&amp;\xcaavd\x0e4B\xa9\x1cV$\x15I\xcbRl\xe5{\x8d1\x10e\x93\xc9l2\x0b0rd\x0b\x8a\xf5\xe3N\xf8\xad\x80\x12\xaaNg&amp;\xe3i\x87\xb5R\xab\xf9M\xedO?\x95\r\xeb@yW&lt;\x96\x8cD\xf0\x0foY\n07)\xe5\xf40\x15j\x1a\xb3Y\t*%\xcd;H\x0e)\x8awXE\x85\xda?\xd6%\xdfe2\xed\xd0r6B-*\xa4\xb0\xf9#\xe1X\x0c5\x1eR*\x8a\x04\xe4\x04H$Q\xbeR\xea\x14\x88+\x1e\x83\xd45\x92\x01\xeb\x8e\x8cw\xdc\xa6\xa6\xd1\xaf\xdaRx\xe1[\xf56\x88\x16\x0e[\xad~13\x02U\xd1.L\xa8\x04\xa826`\xc5\x87d\xbc\xa6\xdb\xff\x98\xb0\xf4\x08f\x91\x90l\xa4\x1bR\xa6\xba]M)]\xafF[\xdd\x8e\x1f\xb5\xe8\xaf\t\xe94\xa8\x80\xb5\x9c\x91\x0fK;p\x9f\xd5\xd23\x82\x9aE\x11,y\x13&gt;\xe3\x0f\x10\tc\xb5\x96\xa7d\xc4\x1a\xff\xbe5\x19A\x92T\xebS\xec\xa5\x12\xbe\xc1\t\x8aP\x19\x81\xd0\xab,\'\x11\x01\xa9\xaaa\xe0\x12X\xb2\xf9P;\xf8\x90\xb1r#\x8c\x91J*\xf2\x11\x94\xe3\x01P\xb5\xc0\xc9}\xb0Z\xd3rb]\x9eL\')\xb80\xff\xaa\xf3a\x9d\x0fl\xe1\xb1\xea\x0f\x96\xff\xf54\xc7\xd6\xb4\x8c\x97\xee\xb4\xe5\xf7\xc6\x90\xb4\xfc"\xb4r\\\xd0\x8b\xa8T\xec\xb1\xea\x9b\xb0\xbf\xee\xb1\xddT\xa9\x08+\x15\x99\xee\x97\xed\x0e\x195e\x8cEi+\xcfE\xa3\xae\xc2\xe1p\xa8\nU7\xf3\xc6\xbec\xb5T*\x95#TQ\xa2\x96\x17K\xdb\x15O\n*r$\x19\xc6c{I\xa8"\xe4P\xa9\xf6\xa0\x00#B\x9e\xa8\xca\x80\xa5\xf7\xcb\x8buE`q\x86\xc8\x81\xc1\xe0\xc8PHUx\xf3\xefL\x05\x96\xd3*\x07\x07\x1a\xf1\x85\x900\xd4\xf2b\x1d\xc0\xec\x93\x14)T\xaf\x97\xa8*f\xacvR,D\x07\xf2\n\x0bI\xa1jU\x19\xc9\xa5b\xb5\xe8\x10\xb1\xccj\x1d\xc8Lg\x85\\\xc2\x8b\xfa=\xd9\xda5!\x07\x9dVT\t\x1a\x95\xf8\xe4\x03y%\xed6Y\x13\xc4\xbfc\xa1V\x07\x16\xcd\xc9\xf8D;\xa1\xd0\x19\x8d\x84UHb\xc1w*D\x9b\xaa\x90\xb1\xda\x156Y\xd3)\xcd\xd5\x84\x05.I\xf8\x10\\\x12\xaf2[,:\xa2\xea+\x1429\xca\x88\n\xa3\x93\xc6!\xb0"r\xce\x89{X\xc2qTU)D\xb7o1\x9b59\xb5\xaa\xd9{@\xc2\x1bE\x16&amp;\x03[$&gt;$ca\xa3\xcdL\xc7b\xe1\x88\x95\xa2\x9e\xb9\x98M\xc1X\x16ZN\x12!O1\xf5!\xb2P\xe6@-Y\xcb\xc0\xce;\xcb\xb4\x89\x12\xb6\xfa\xad\x06^\x11\xb1\xc0\xf0\x0b\xb5\xf6J\xa5\x86\x07#\xf1\x94Qz\xa5\xc0b,\x85\xc2\x1fI?\x91\xaf\x96/\xbf=\x19\xf7\xb9\xc3\x90\x0b\xa5\x9fd\xb1p-Jd\xc4\xa5\xa3\x9b\x0ey\xb5\x10V\x84\x15\ni\x88J\xef\x8f\xf8\x1e\x8e\xcbvS8s\xefq\xc2\xed%\xb9"y.\x1dc\xd1/\xba\x9cX\x85y\x03\x95F\xa3SR\x04\xfa#\xb1\xe5%y\x1e\rQ&gt;\xf0db9.\xb6\xc2\xc8\x8f\xc2\x8d:\xea)\xcc\xf4\xa9a\xb1\xf2`\x8e&lt;\x15\xda\r\x0b\x12D0\xd6\xfb\x8f\xfe\xfd\xf7\xa3v\xf0\xfc\x9b[\xcb\xf18zW\x81\xe5a.\xb3\x99Z0\x9d\xd0*\xcfU(\xe2\n\x1e\xa4\xfb\x18\x18\x11\x92\xcd\x1anmx\xf7\xb7\xfd\xe6\xea,\x1fXz6&lt;\x8c\x9e\xba\x95\xb0\x9cxy\xe8D\xa9\xc9BX\x14W\x1a\x8d\x11a\xee\xf8\xe0\xc1R\x87\xd1\xc8\x8b\\\x16\x85\xc2b1X\xc3\xd9\x99\xf7\xdb/w\xf6\xb5\xb5\xd6\x0e\xf6\xffs\xad{\xac\xa7\xbe\x9eZj(\xe5\xe1.\x0c\\\x16nW\x95\x8cU\x9a\x83r\xe4Ww\xc9\x87\xb4\x9e\x04\xb9\xfc\x91lo\xd5\xbb\x07/v\xf6\xef\xe96\xda\xf2\xf1\x9d\x17[\xdd\xf3D\x05\xac \xa8\xc0\xc5X\xe0\x82\x11\x97\xa6\xa8\xa6\x86p\xa0S!C\xd1:8\xa7\r\xa5\xa2]\t\xacdk\xc3\xfb\x8d\xdd\x17;\x03\x83\xfbpb\x91\x94\x1a\xe8\x1f\xf9\xea7[\xdd\xe9z\xc2\xf2\xb9\xf3X9\xb9\x98\x0br\x15\xf1"3\x81\xb1V{TJZ\xdd\xf5[\x83\xb1\x8e\xf7\x1b\x9bo_/N\r\xd0cw~\x04\x9aV\x8bL\xd5\x9f\xc9,\xbe\xdc\xdd\xdd\xeaN\x04\xea\x13\xe9V_n\xe7\x82;i\x03{\x91\xe4B\x8c\t.&amp;\xdb\x13K\xc7\x89\r#\xd1s2\xd8\xf1ncs\xf3\xc5N\xf3\xd0\\\xd7\xc0\x8fX\xa2\xefDHu\xad\x1e%\xac\xcd\xcd\x8dn_ @X^\xafW`\x11\x14\x85&lt;\xa5\x08\x90\xc1\x8d\x88/\xb2|`i8\xc7\x82\xca$\x11Vxf\xfbU\x0ekbb\xf5\xff\x8e\xb1\xf2\xdb\x99\xd9g\xcf\x9f,\x02\xeb\xf5\xe6\xe6\xab\xb5\xd6\x84+\x01\x1fz[x\x8d\x99\xb1$)\x97\xdfy82W\x8d1\xb7\x9f\xa1\xc9q\x01\xd9d0\xf8\xada\x88\xb5\xb2BX\xcd\x07G{g&amp;\x8e~&lt;\x98\x96\xc2\xfc\xca\xe8p\xc7\xcc\xf3\x8b\x8b\x99\xc5\xc5\x91\xdd\xcd\xdd\xed\xdet\xc2\xe5\xf2\xf9\xdc\xb4\xc4,|\xc8\xa5\x03\'\x87"\xde,(\xa2\xb8\xaf\xad\xed\xa3{&gt;\x1a6]\x11\x80M\xa6\x02\xab5\x92\x9a\xd9ZYYAl5G\xa3\xb3\xddG\xbe\xe9]\xb82\xae\xfd\xb8\xe7\x87i\xb5\xe3s\x13\xf3\r\rU\xbd\xcf.f\x08\xeb\xc5\xe6\xee\xd6\xda|\xa2\xb8\xb8\x98\xb1\x82\xc2\x89bV$*c\xce\x7f\x82\xaa/OE\xbcJ\xf3uS\x81\xdd\x9a\xea\xd8^YY_\xf9j\'\xd3\x1c]\\\x9a?t\xea\xd4\x91\xde\x89\xb9\xf1\x8f\xc0\xd2\x96\x0f\xacN\xccw\x80\xaaj\xe6\xd6*aE_\xfft\xf3\xd5vw\x82v\x81\x19\x8b\x82\x8b\xd5\xb20\x16\\G!UZ\xcbP}}\xb55D\xc4{e\xc7\x9aPb\x14\xd8m\x1dk\x1b\xeb\xeb+\x8fF\x16\x9b\xc15\xdb\xdbF\xcf\xc4:\xd4\xfb\xc3\x9f\xd2\x05\xf7\xad\x92R\x1d\xa0\xaa\xea\xb8\xb5\x04\xaa\xe6\xc5\x9d\x97o77\xb6\xe7]\xae\x84\xc0\xc2`\xa4\rD\x89g\x1f\xa1\x94\xa0*%\xadx\xff\xae\xa8\xc8\x08\xb0cMM\x16\xc9P`\x9d!\xaa\xf5G#\xd1fXtv\xb8\x83\x1e\xdau\xea\x9b#\xd9\x89\xae\x1f\x04\xa6\xbd=\xb4\xd0\xdbVUE\x0fDk\xabj\xe8\x1e=\xd8\x1cm\xce\x10\xd7[\xb81@\xbb\x17-nZ\x01\xb4\xf3\xc6&amp;a!5\x80\xa9\x86\xb1(\xb0\x08\x8a\xaf\x02\xd2e@\x1d\x1d\x84\xf3\xcfl\x13\xd5\x83\x91\xe8\xc1\x83\xd1h\xf4\xfc\xdc\x937\xc3U\xf4\x081\x90\xcd,\x1c\xbd\xfd\xbf\\\xd9y93:\x0c\x99H\xa9\xaa\xaa\xb6\xb6C\xdd\xa3G\xa3\xd1\xe6\xa1\x0c\xfc\xf8\xe0\xd5\xc6\xda|]eeq%/\x97~\xd8oE\xc6*\xa2\x9b\x7f\xb5\x8c\x05\xa5j\x08\n\xa6;vL\xa93_/\xb0\xa6\xba\xb7W\xd6\xd77\xa0U4\n\xac\x8b\x0b\xb7&amp;\x96Vg\x9f\xf7\xb2b\xa7\x8et/\x1c\x1d\xfc\xaf\x81^&gt;\x05yI\xa9\xaa6~k\x18\x9e\x9d{r&gt;\x1a\x1d\xa2\x80\x18y\xf4jk-\x1d\x08\xb8\xf6\xb0x\xc1\xb4\x89\xb8\x8c\x1f\xb0j\x84V:\xfa\xc1\x1f\xae_GXm\t\xaaE\xf8\xef`\xf4\xfc\xc2\xcc\x91\x867\x17/\xce--t\x7fr\xea\x93\x7f\xd5q\xfe\xa0m\xa3a\x187\x85#\x1c\'h\x8a D\x93r\n54p\x8b\xe0\xae\x90\xe1\x86\x0e\x1d:\xd8t\xcc)\x0eh\x11d\xb3\\\x08)=\xc8p\xbe\xc9 NS\x88\xd1\xd0\xc1\x93-\xab"`\x072h\xa9\x0cr\x8cJ\x16\x83\xe2\xa1&amp;\x14\x8c\xb3(\xc6I=\xdct\xcf\xfb}JJ\xb8\xbb7\xf2?!\xa4\x9f\x9f\xf7\xf9\x9e\xc8\xf9\x1c\xa1*g\xde\xe9\xee\xff)\x06S\xf5\xa6A\x91Q\x91TU+\t\x87a\xec\xc4)\x0c\xd1\xdc\xf9Th\x8ff_\x9d\xb3w\xcf_\x82ko\x83\xdc\xc5\x8a\xc9\xb5\xf2M,\xea\xdd\xfa\x16\x9a\xbb\xb2\xbc\xbc\xb2~\x905\xf0\xcb5|\xd5D\x0f\x8d8\x10\xa5j\xa8\xeb\xa6\x91\xce\x17\x96*m\xd6\xa5z\xd1\xc1I\xe2\x7f\xfeBZz\xdf\x88i\xf8\x01\x8a\x96\xc0\x8d\x87}\xd2\xaehwR\x88\x8f\xf7\xa9\xb7o\xa2[\xc4\xc4\x8f\xd0koo\x83\xcd\xa1&lt;\x02\xdb\x16o#S\xea\x17N\x05\xa7#\xd0\xc0\xf6\xe4\x85\xc5\x82\xc1\xbf\xd1\x0bB\xb3\xb9#0*\xc9\x1e\xea\x82 \xa4Q\x14\xdd\xbab\x1d%W;\xb5\x7f\x7f\xffz)\xb7{\xda\x8b\x1d\xc7e\xb1\xa0\x92Pc\xc3\x18\'"J\r\x92\x9eN\\z\xe1S{&gt;q\x90\xaa\x84\x85&gt;\xae&gt;\xbd\xfbs&lt;\xc7bT\xa4\xd4\x16\n\xe7;[O\xbeC.|\xfe\xfceFR\x81\xa3 \x8c;6\xa8d\xab\x07,\xc8\xef\xfb\xa3\xc9\xc2\xae\xd4\xeb\x92$\x9eyG\x0f/\xcf\x88\x17\x87=/\x8e=\x8f51pn\x87\xa9a*\x8a\x12W\x81%#&amp;B\x1dX\x18\xda\xba\x9e\x86S\xc6ES\x17kkk?s\xaeu\xe6z\xde&gt;\x9a\xc9\xd8:x\xfc\x18I\x0b\xaf\x83\xca\xbfn\x03\x02j\xed\x08C\xa7*\x92\x9b\x9cT\xdfi\x16\xdaW\xa5R\xde\x8f&amp;\x0b\xab"m\xcar\xc5m=\x88W|v\xf0\x1c\xd7\x0el\x1bb\xd9\xc9d&gt;\x9f\xa7$\xb2\x10\xda\xa2,\xcb\xa2\x08\xeb\x1b\x148\x80\x13\x94\xb1\xf7\xf1\xcd\xab\xe7\xf4e\xb1\r6}\xb1z\x87\x95u\xef\xe0`\x99\xcd\x11\x7f_\x81\xd7g\xb3.A5\x9b\x82\xae\x0b\x06F\xb9LT\xb2c\x08\x08\x1e\xc2*\x95\xfe\x9eE\x93\xdb\xc4R\xeb2\xa5\xd8\xfb\xfb\x14\xfb\xe9\xb0\xe19A5\x00\x14uoN\xd2bW\x00\xebY\xd4E\x90\xa9V\xa7\xa7\x80\x0b;\x13\x14\xa5\xdf\xf2&gt;\xeco#\xc2\xe8\\\x82\xb8\xe8_\x963\xa5\xa0\x13\x94z\xb4\xba\xfa\xc3\xef\xd6"\x1a]\xdfp(\xa8e\x0c\x93\xa0T\\\x81?\x00\x00\x02ZIDAT"\xf1\x02\x16\xfc\xca\xd4\xc22\x9bA\xb2[\xa7(\xd7e;n\xf0\x8b .\xed\x1e\r\x87\xc3\xa9}\xe6XUk1\x9fGQ\xb7\\\xbe\xba!\xb5\n\xa9\xab2*T\xd5\xf1\xfa\x02\xc0\x14AP\x04\xa5Q\x1b\x9c\\\xfc\xb9\xff\xdb+\xfa\x1c\xf4\x94\xb5q}\x9d\xcd\xf6\xd0l:\xce\xdc\x9f\xfd\xf1\xa6\x13\xa6\xed\xb6\xaeck\x12^\x1bvl\xb4\x8a\x05\x82,9}2Z\x86U*\x95}\xffk\x14M.\x03\xd8\xdf\xf6N!\xd8\xd2a\xdfs\x92a\xc7=\xb3\xad\xc5\x04Ju\xbb\xe5R)\xc32\x1cQ\xcc\xf4\x92U{\x1a\x12\x18\x1d\x03\xb6k4\x80\xd6:?\xbe\xf8\xf8v\xff\xf56\xf0~}A\x93-\xcf\xde\xfd\xb5\xfd\xfa\xed\x87\x8b\xe3\x93\xb1\xa6\x80\t\x9b5\x98R\x1d\x8a\x82M\xb6\xf0&amp;\xa2\xa9\xed\x11\xb0\xca\xc4U\xca\xe7\xfd\x19s\x99\xbaY\xe9\x9c\xee\xe6\x8eb\xc7\xb2\x92\xc4\n\x005\x1a\x8d\xbay\xb6]\xf7\x9aL*h\x89\x9aa\x89"]fr\xea\xa1\x95\x80"\xc1\x94\x86\xd90\xcdZm0\x18\xb4Z\'\xe7\xc7\xbc\xceONZ\x83A\x8d\xc6\x0b\x95\x00\xaa\xa6\x90\x86\x89\r(\xe9\xfe\xba\x95\xcc[\x19\x16\x93\x8bT+w}\xea\xe5\xa5ZL\xfa\xb9\xc4\xb6]\x97AE\x91\x8f\xf6\x95\xf3\xac\xd8\xe0\x81Z\xaaX\x01\x95$s\xd5\xe8\x92\xa1a\xdf$(*\x13U3j(\xa3f\xd6\xfa\xfcI\x8d\xd6\x9aPJc\xa3F1\x11&lt;AE\x96\xee\x8a\xc9\xe5\xf62\xb5\xf2\x19\x16\x0e\\f`&gt;\xa2\xb1j\xe7\\\x17j].\xe6#\x0eU\xee2\xaa.y\x9e,\xafVD\xda#a\xd1\r\x91f;\x90\xac\xc9\xb04E\x03\x81a\x1a\x0fJ3\xb0VQt\xdaB7\xc2\x8e[\xad\x90\t\x18S\xf6\x80\x94W\xb0\x7fm\xc4\x0e\xc6\xa1\xf2\xe5&lt;\xeb\xa5\x8f\x88\xbd\xcc9\x96\xebL\xa2\x11y\xea\x1e\x0bO\x19Va\xec\xaa|@s\xb1\x10\xb4\xb8+V\xa7cN\xa5k(\x80i\xec\xd1`?\xec\x85\xa9\x98`&amp;QC\xab\xa8\xb2\xf7\xc4\xf7#3\x9f";;\x86.4\xb4k\xde\x9brV%.\t\xc8r.\xeb\x1e\x94\xe2\x1bt\xf9}\xf7\xaa\xcd\xc6\xb4#~\x83\x12Up\xa1\xa58\xad\xe81\xaa4\xd5x\x19\xd9\xcd$\xa1\xf8*\xd6H\xd4qQ\x16\xe5\xcc\x9fw\xaa\x13\\BX\xfa\r\x8e\x9a\xb9\x86\xc1\xf1\'\x88\xd8\x7f\x00\x96`\xcb\xbfQ\xd7\xd6\xd1\x00\x00\x00\x00IEND\xaeB`\x82'</t>
        </is>
      </c>
      <c r="M549" s="3" t="n">
        <v>45492.67853009259</v>
      </c>
    </row>
    <row r="550">
      <c r="A550" t="n">
        <v>1500254</v>
      </c>
      <c r="B550" t="n">
        <v>1954</v>
      </c>
      <c r="C550" t="inlineStr">
        <is>
          <t>Robert</t>
        </is>
      </c>
      <c r="D550" t="inlineStr">
        <is>
          <t>Robert</t>
        </is>
      </c>
      <c r="E550" t="inlineStr">
        <is>
          <t>UNK</t>
        </is>
      </c>
      <c r="F550" t="inlineStr">
        <is>
          <t>UNK</t>
        </is>
      </c>
      <c r="G550" t="inlineStr">
        <is>
          <t>UNK</t>
        </is>
      </c>
      <c r="H550" t="n">
        <v>174</v>
      </c>
      <c r="I550" t="n">
        <v>80</v>
      </c>
      <c r="J550" s="2" t="n">
        <v>38454</v>
      </c>
      <c r="K550" t="inlineStr">
        <is>
          <t>Right</t>
        </is>
      </c>
      <c r="L5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1e3a8d3-55cf-4f32-94dd-ecead9be66e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b9\xa3\x06\x00\x00\x00&gt;tEXtComment\x00xr:d:DAEewil2SDw:3796,j:1497870925631122622,t:24040619\x85uW\x81\x00\x00\x00\tpHYs\x00\x00\x0e\xc4\x00\x00\x0e\xc4\x01\x95+\x0e\x1b\x00\x00\x03\x00PLTE\xff\xff\xff\x001\xbe\x004\xc1\x00,\xb6\x002\xc4\x005\xc8\x000\xb9\xfe\xff\xff\x10\t\t\x006\xc4\x00N\xe8\xe2\x90\x8b\xfd\xfd\xfe\x00(\xaf\x000\xb6\x13\x10\x0f\x18\r\x0b\x08\x05\x05\xaa_S\x00@\xd3\x81E5\x1c\x15\x14\xc7\x84u\xb3h\\\x9fZL\x009\xc8(\x1b\x1a\x01&amp;\xa8\xda\x8a\x83 \x10\r\xafdWp&lt;/\xc9\x7frx;*\xcd\x8b|\xe4\x96\x90\xc1zi\xce\x85x\xd6\x9a\x8e\xa3^P\xaci_\xd7\x84|\xa7fY\xe1\x9c\x98\xb4ma\xbbwk\xc0\x7fq\x00\x18\x92\xd9\x92\x88\xe1\x87\x80\xbaqf\x00-\xb2yB5]/#\x93K&gt;\xf9\xfb\xfc\x8bG7\x82@/\x00:\xce\x00\x14\x88\xc9rg\xe8\xac\xab\xa7VM\xc1wm\xdb~t\xd2~v\x00_\xf5\xbam_\xcak`\x8bO@\xdd\x95\x91\xe4\xa1\x9e\x00G\xdd\xbcvd\x03+\xbb\x9bTF\xc7ym^7-\xca`R\xbbi\\\xd2xo\x00\'\xb4\xc4fY\x00/\xc1\xbfYMe&lt;5\x00\x0f~\x00\x1c\x99\xe6\x99\x96\xb4^R5\x19\x11\x9fK&lt;\x00I\xe4\xa0?:\xd9\x9c\x96\xb6cZQ/(\x8c^Y\x00 \x9f\xf4\xf7\xf9\xce\x92\x8d\xaaOB5\x1f\x1a\xcf\x93\x82\xbe`T*\x15\x10\xd2\x8c\x82\xc6\x8d\x84\xb3lg\xa2_X\x8e&lt;+\x9ehb\xda\x89\x8a\xe6\xe9\xean-\x1bkB&lt;\x94[T\xd5k]\xc6\x86}\xe0\xed\xf7h4(3%#\xdb\xa4\x97\x94TD\xe7\xa5\xa5\xb0XL\xc0qe\xb4QI\xa3SF\xc1k`\x9a_YC\x1c\x14xICC\'"\xc3ik\x83J:\xd6\xe7\xf2\xb5\x7fw\x00\x1c\xa6r4#\xe5v\x81\xb2uh\xea\xf2\xf8\x89VO\x1d\x1d\x1d\xdc~\x84\xdavi\x95TM\x9874O$\x19\xd0rf\x95b`\xcf~\x82\x95F3\xc2`d\xca\xc7\xc8\xce\x9a\x8a\xd5s{~ZW\xdc\xa3\xa1\x00 \xad\xa7lf\x7fPK\x00Y\xef\xbc\x87\x81\xbc\xd3\xe6\x9d\xba\xe2\xd7\xdb\xddnPO\xc4\xda\xeb\x855!\xcd\xdf\xed\xef\xf1\xf2\x03\x1e\x87\xae\x8b\x8b\x00?\xda\xa7vr6?A\xe6\x87\x91\xe4\xdf\xe0\xcc\xd3\xd6\xc8vy\xd0\x9d\x96\xbcT[\xcdlq"%\'\xa2HJ[#\x17\xda\xab\x9d\xe1ho\xe9\xb2\xb3B.-\xb1C9\x019\xb8\xc1IM\xb8st\xb0CH\xa5\xb2\xb7\xcfakBNQ[gmMj\xb8\x9f\x83\x83\xac\xc4\xe47^\xc82S\xb7|+\x1b\xe8\x97\xa6l\x8e\xd2ly\x7fZEEO9;\xbf\x94\x8e\xdf\xaf\xa3W{\xd0"H\xc7\x160\xac\x8d-\'\x8a\xa9\xdd*34\xbd\xc6\xca\xb7\xa6\xa7\xd3WY)8\xa0\x01A\xc6\x15&lt;\xc3~\x9f\xca\xdb\xce\xce\xbb\xb9\xbb&lt;L\xa0\x9c\xb2\xd0\xa1\x9d\x9fy\x9b\xddCm\xd0\x80\x8b\x8fp\x1c\x11\'?\xad\x8dqs\xb8\xce\xdfST_\x03\x10ntbgd\x7f\xbb\xcf\xb9\xbb\xd6\xb0\xad\x149\xb7\x8a\x9b\xa0\x180\x98\x06\x06+o_\x90\x89q\x91TM\x90\x03\rV\x1ek\xe3\x07\nC-/e\xcc\x98\xee\xa5\x00\x00 \x00IDATx\xda\xc4\x99QH[i\x1e\xc5\xfb\x96\x0b\xb9\x90\x18\xbc\xad\\\x8c\x8eu\xa6&amp;Z\xc5,Mc!\xa6\x91I#\x83\x8dJ0\xd0Dj"\xd6\xbb\xa65Z\x8d\x16\xd3\x9aV\x133\xb3\xa5[\xbc\xdb\x928\xb20%\xbe\xa4\x88\x0c\xa6u\n\xa1C-\x94\x90&lt;\xb9D\xd9\xa7\xe4\xb1PpX\xca\xbc\xf8\xbc\xe7\xff\xc5\xcen\x97}k\xd2\xfe\x93\xde\xdb\xd4\x82\xbf\x9es\xbe\xf3}\xd7\x9e8\xf1\x89\xa3\xe01\n\xde46\x93\x9a\xd9\x1a\xdb\x9a\xc1elk\x8c\xfe\xf0\xc4\x97\x1b|w\xd3\xd6N)\x95*e\x0b\xb9\xfc\xe1Q!\xff\xbe\xf0.{\x98}&gt;\xb3e\xfa\x92P\xfcV\xe90WL\xe7\xd2EY%\x08*\x95,g\xe4L\xb1\x98/\x1c\xa5L\x8a\x13\xbc\xe2\xff\xc8\xfb\x19\x94\xda\xc9\x1e\xa63*N-\x10\x92J\xc5\xb17&gt;\xc8\x99\xf4\xe1s\x93\xe9\x0b`\x01*\x05\xa12\xc4\xc3\xa99\x95\x00"\x8e+_\x80\x96)\xe6\x0f\x913\xfes\xdb7\xb6s\x98\xcb\xc8\x02G\x14j\xbap\x0c\x8d\xab\xe1jj\x88KV\xc1\xca\xec\x16\xcf+&gt;\x1f\x15\x16^6-\xe3[\x83\xa6\x86cl55\xec\x82+\xfb\xc5\xc82\xef\xdf\xce\x8c}\xa65\x89:\x18\xa3L\xa98A\xa5\x16\x08\x82hj\x18\x11}bw\x8e\xf1\xca\x99\xdcav\xc6\xc4\x7f\x16\xff\x00\x95\'\xfb\xc0#\x08\x1fh\xfek`\xaaVM\x19\x03\xb7JL\x17J\x9f!aHz6\xf7&gt;\xc3\tj`\xe1\xbb\x97\xc5!m\x98^\xc7\xa2\xa9\xd4\x1f\xb2\xa6\x163\xb9\x92\xa9\xda\x01C\x9f\x97\xd2\xd4\x05D\xc5\xa91tGC\xa8X\xa8T\xaac7\x05\xd6\x14*\xfa\x8a \x17R\xa6\xea\x06\x0c\xf5\x99\xcd1!\x08\x88\xd3\x8aZ\xad\x9a4\xe2\x04\x81\xde\xe5D\x91}j\n=eL\x14UB1\x9f\x9d\xa9.\x96)U\xc0\x02\xe4j\xd4\x82(\xa8\xd5~\x91\xb885\xd9\x89\x97\x96D\x82&lt;j\xae\xac\x1c\x89*\x86\x04,\xc9ba\xa6\x9az\x99\xfe\x9e\xcf\xa0\x16 \x90 j\xd5`\x13\xd5Z?~\x036-\xa4S\x8b\x02\x19\xab%H5\xb0A\t|\x95 \xca\xe9l\xf5\xf2\xc5\xf3\xa9\x1cW\xf6\x86\x89\xc3\x90\xb4~\xbf\xdf\xe3\xf1D=\x1e(G\xd2qe\x15\xd5\xa4\x1b\xf9\x9c\xc1f$f\xf2;U\xeb\t^\xb1\x93V\xb1\xa6\x02\x93\xd6\xcft\xc1\xdd\x13\x8d;\x82?\xac8b\x92\xc7\xa3\xe5\xfc\x84+\x89ZAT3\xe5\xc4\x90\x08Q\xb5r\xbe4V\xade\xb8uT\xc4\x92\xab\xd1J\x92(\xfa\t(\x16\xf5D\x8d\x8d+\xe7\xe6\xa6\x03\x9a;+A\xa3/\x1e\x8d\x1b}Q\xfaZH\x04\xbcH#\x8b\xd0K-WK/\x9e\xa7n\x80\x06bH"\xe7@\xd0\xd8x\xee\x92\xc5{\xca\xed\xbd\xbb&lt;\xe1=\x15\xa8\x9b\xbbs\'2=\xba\xe2\x8by&lt;\x12\x92\x16\xda\r\x85B\x90\x8b\x16\x88*S\xa8\x0e\x17o:\xca\x901P\xc9\x8fDI\xf1\x85\xda\xae\xbe%\xb7{h\xc29\xe1\xc4,/\xdf5\x9b\xef^\xbe\xd8\xae\x8b\x8c\xae\xb8|\x12\x9b\x90$\x86\x88\x0b\xc1\xcf\xe4S\xd5X\x8e\xfc_\xf2T\x90\x88\x93\x07RE\xe3M]\xeb\xc3\xc3\xe3\xe3\xe3\xf7\x86\x86\x86\xfa\x9d\xfd\xfd\x84f\xc3\x98\xcd\x17;\x1e&amp;W\x8dQ\xc9\x03QwCR\x88\xca\x84\x93\xe5b\xb6\nX\x8a\xb1\xa3\x8cP\x8ey4\x1e\x7fil\xba05\xb5~\xb5\x8c\xd5\x8f\xa1\xeb&lt;\xe0\xfa\'&amp;\x9c@;[w)\xe8\x93\xfc\xd2.\xb8D\x14\x07\'\xc8ra\x8b\xaf\xc22\xcc\xd1f""Wq\xe3\xecl\xd3\xe6\xe6\xe6\xd4\xd5\xab\xc3\xaf\xef\x1dc\x95g\xa8\x7f\x02\xe2\r\x01mb`r\xd5\x81\xbf,\xc5$\xe9 \x84\xb6\x93\xe5\\\xa9\xe2r\xf1\xfcNZ \xad$,\xbe\x07\x0f\x9a\xf6\xf66\xa7\x80ET\x8cg\xbe&lt;\xfd\xa4W\xff\x10C\x1b\xd0M\xa36b\x90l\x1f\'Fl\x01r\xa1\xe2\x9b\x90\xe2D\xb6(\x8b\xccAP\xed\xcd\x12\xd5\xd4\xd5\xd7\xaf\x19\xd51\xd3\xfc\xa3\x0fh\x8c\xcb\xddpV\x17\xd9p\xc5\xfc\x9e\xdd4*\x02\xa7\x8at\xc9\xa4\xa8\xb4Zo\x81%j\xfd1\xe3\xc2\x83\xd9\xd9\xdf6\xa7\x00vu\xbcL\xf5(ALl\xe6\xe7m\xc7X\xf7\xc2a\x8dN77\x1a\xf4xb\x92\xc8\xf6\xa2b\xa9\xe2\x1dA\x89Gay \xd6\xec\xdeo{SS\x9bS\xc3\xe3\x7fh\xc5\x90\xacV\\\x12@t2#\xc3\xe3K-\x9a\xc0\xf4\xa8\xc3#\xed\x86\xa8S\x85b\xb6\xc2GB\x9e\x9f\xc9\xcb\x82\x88\xfd%\xbe0\x0b.8\x88z\xb87\xe4\xb4\x1d\x0be\xb5Z\rxY\t-1\x8f\x9epB\xae\xe1\xbe:Mkr\xd5\x15\xa5\x92\x10\xe9\xe8\x85p)*\xe8\xa3\x02X\x82V\xc4\x9el\\\x98-\x07k}}&lt;&lt;a\x1b\xec\x19\x1c\xb4\x96\x07X\x18&amp;\xd9\xfc|"a\x9bp[\x96\xeaZ4\rs\x1b&gt;\x0f\x1a\x18\\rz\xa7\xb2\x07\t\x05\xbfU\x10\xb4~\xc9C\xe5\xb0w\x01\xe50\x85.uC\xac\x04\t\xa5\xaf\xaf\xaf7\xfcg\xf4`K\xd8\x9c\xc0\xb2\xb4X4-\xab\xc1\x98\xc4\xdaK\xae@\xb8&gt;\xfaw\x91\x89j-\xc4z\t\xac\xb2V\xc3K\xc7T\x06b\xeaT*\x95\xcd\xcd\xcd\xca\xe6\xb6f{\xa7\xb2\xb3^?h\xb6M\x84-}K\x16\x8dfn\xc5\'\xc5\xb0\x071\xb5&gt;=N\x1f}J\xe5\x04\xec\xcfFP\x01\xab\x8b\xb0\xc6Q\xe7\x89A}\xbd\x92\xa6\x99Q\x11\xd7H\xa7\xd2&gt;b\xd7\xf7\x0c\x9a\x9d\xb0\x11\x821\xb9b\xb4ggr\x9fn\xe2\xff4r)\xad\x15\xa58\x89\xb57\xb5\xce\xa8\xc2\x08&lt;r\x05,;#j\xbe\x82\x17\xc0\x94v\xa5\xb2^\x0f.\x9b\xd3\x0b.\x8b\xa5n\x15\xfb\x10R/\xca\xb9T\xa5[&gt;\x8b\xd6\x82\x87$\xd6:\r\xb0\xa0\xd6|\x02Q\xef\xb4\xb7\xb5\x11Uy\xda\x00\x06[\xeb\xad\x83\xe6\xe5\x01\xb7;l\xb1\xf4\xe1\x90\xe8\xa1\xc5(\xe4R\x15.\x88\xb1#\x19\xe7\x14\n\xfc&amp;\x9a\x81\x9d\x1d\x86\xc8\xc4GV=\xf4B\xa2\x94D\xd4\xdb\xdb\xbb\xd8\xdb\xd6F\\zk\xc2\xb6&lt;0\xe1\x05\xd7\xd2\xe3U\x17\\D\xe8\xd3\xa9\xca\xb6&lt;\xbfu\x88\xd2\x8a.4&gt;\xb8\xd0u~xx\t\'\x87\xb0\x9be\xcb\xfa\x88lT2\x0b\xaf\xe0\x06\x07\r\x06,KkO\x8f\xcd\xe9\x1c\xf0\x12W\xcbc\x97\x8f\xc2\x95)V\xd8D\xc5L\x01X\xf1\xc6&amp;\x9cg\xb0\x06I\xac\xb0\x1b\xe7\xab\x84\xb5\x07.*\xcb\xa9g\x91WR\x83\x19\xf4z\xfd 2\xbf&lt;\x000\xb7\xbb\xa5e\xd5\x87=;Ty\xb5R\xef\xa5X\xccAX\x17\x98\x89\xe1\xb0\xbb\x8c\xa57X\xff\xa6$\x85py\xd6\xdcL\xb5u\x93a\xf5$l\xb6e\xe72qiZ"\xe4b(T\x81\x82\xf8\xb8Mw\xd2\xb1\x98\xcf\xd1\xf8\xa0\x89L\\\xb2X\x80E\xe7\xbdGz\xf8UOT\x86g\xcd\xcf\xd8\xdd@=\x86l\xf5\xf4\x98\xe9\xac\xba&lt;\xe0mhhh\xdd\xf0\xc5p\xb2\xaf\xb0Z\xbc\xa9\xb4\x0b,\x17\xc3Z_B\xb4\xc2\xe5hY\r\xe5\xda2\x94\xcb\x14p\x7f5(I-+\xb0\x06\xcd\x18\xdb\xb2\xd7\xed=\xa5\x8b\x04w\xab\x81\x95\r\x91X\x1f\xb2\x85\t\xbb\x07\xcc\xb6\xc1\xfa\x9bX\x85W\xa0\x13\xd5\xc33\x03\x03\xc4\'{\xbd\xfe\x1bl\x96\x97\xcd\xe6\xcb\xe6ew\xd8\xdd\xd0\x1a\xd8\xf0\x81\xab\xc2&amp;\xf2c\xef&gt;`1\x17QZn\xef\xf7\x97\x07\xf57\x95h\x85\xc5\xc5\xde+(\x86\xdero\xe1\xde\xdcfg}jN\x00l\xd9\xed\xd6hZ[G]\x07\x07\xa1\\\x85\xd5\xda:*c\x11\x17\xd5i\x9fE\xd3\xa0\xd3%\xa7\xb7\x7f\xbc\xb9\xb8\xd8\xdd\x8dw\xf7"\x1b\x14W7\xaa\xcbn\xbfI\xdb\xa2\xf9.eK\xd3\xa0\t\xb4F\x9e\x1e\x1c\xec\xbe\x7f^%\xb5\x1a\xd1\xa7MM\x0bF\xa3\xcb\xe1\x8bE\xe3\xbe\x8d\xed\x17O\xba\xcbC|\xaf\xf0~\xf5jq\xf1\x1f \xd3\x93\x89\xe8\x08\x88\xa5\t\x04"?=\xdd\xdf\xcd??Q\x15\xac\xc6\x85\x85Fc&lt;\x1e\xc5\xf9\x89~\xfe\x10\x8d\xfaV\xa6o\xb5\x11\x10\xcd+\x9a\xc5\xde\x91\x1b\xf7\xef\xff\xfc\xf3\xf6\x9b7_}\x05\x0f\xbd\x96\xba\x96@K\xd5\xb0|&gt;\x87\x8b\xb0^\x12\x15&amp;n4\xfa|q\x9fk#\xd9\xd9\xb6\xf8\x07\xd4\xab\xee\xb67sx\xa8\x8e\x91\x94\x8e\x95K\x81S\xc0\xaa\x0b\x90Z\xfb\xfb\x07\x15~\xf4\xe1\xc7\xb2\xbb\x0c+\x184\xe2\x81:n\x0c\x9e[\x9d\xd6%\xd7F766"\x0fo\xd8{\x9f,\x1e\xcb\xd5\xdd{}\xed\xa9\xcb\x17\x8d\x01]\xf2G\x1d+\xd3\xba@\xdd\xe3@\xa0\x85\xd4\xda\xaf4\x96\xa9t\x10cX.\xe3\xcb\xd9\x0bw&amp;\xdf\xdc\xba\xf6\xe2\xcc\xb5\x93\x1d\x0fu\xad\x93\xed\xb7\xae\xdb\xb1\x1c\x19\xd7?\x17Gnm\xaf\xad\xb8\x82\x0cm\xdf\xe7[M\xae\xae\xcc=\x9e\x0bD\x80\xf5t\xff\xb0\xc2X\xfc\xce&gt;\xa9\x15\x84\x8dM]\xe75\x7f\xba\xf8\xcd\xf53g\xce\xfc\xf9\xf4\xc9\xf6\xb3:\xddd\xc7\xe9\xce\xb6^F\xf5\xe4\xf6\xb5[\xf7\xdf$\x93\xf7\xef\'\x93\xdb\xc9\xed\xe9\xb57\xc9\xd5\xe0Jd.\x12YcX\x95}\xdcW(R\xef\x8f\xb1jk\xbb\xfa4\xa7\xceN&amp;\x1fb\xce~\xf7u\xfbdk\xc3\xb7\x97\xbf\xb1?!\x07\x9f\x8c\\\xbb\xd5\xde\xde\xdeq\xf2\xf4\x99\x17#\xb7G^\\\xbb\xf1\xcbd\xe4\xf1\xe3\xc8\xda1\xd6\xbb\n\xff\x14\xc2\xf4\xfcw\x87\x03X\xe7jkk\xcf\xf7\xdd\xe9\xaamt8\x9e\x8e\xaeM_Zj8\xd5\xaa\xf1~{\xf9\xfa\xaf\xdde\xaa\x0eP]\xfc\xfa\xbb\x8e\x1bP\xf3\xc5\x99\xeb?\xfe\xf2\xbdW\x17\x99[[[\xfb\t\xe1z[\xc9\xc7W\xfa\xff\xd5\x99\xdf\x1d\xa4\xd6\xb9\x1f\xa0V\xd3\x03c\\\xc2\x13V(\xf8\xaf\xed\xbe%M]\x8bw\xe0\xee\xe9\xdbd\xe1\xb5\xd3\'\xffM\xab\xf9\xfd\xa4\x95\xa6q|\xee\xbc(W\x84-d\xc3"ZAP4\x0c\xb1GH\xe8\xc1\x13\xf0\x98\r\xb4\x87\x10\x9a\x94%G\x96\x0c\xec0\x80\x80\x15\x89;\x96\x1f\xc7q1f5.#\xab\xf4thCC\xd2\xc64\xa6\xad\x830X\xa7\x06\\w\xe2\x85f[\xf7\x82l\xf4\xc6&amp;\xbd0\xa6i\xf4\x0f\xd8\xe7=\xfe\x0b\xa7/\xb7\x10&gt;y\x9e\xef\xfb\xbc\xcf\xf7y\xdf\xfe~\x9b\xb9{z8\xbe\xb4\x14-\xcd_O$*\xd9p\xb84\xb3\xba\xea\x05\xac\xcf\xbc\xfa\xb1\xc1\x8d\x8d\x17\xe3\xe7\x7f\xbe}\xfb\x1dD\xcb`\xf8\xfb\xd6\xd6\x0f\xef_\xfd\xfe\xd3/\x9f^\xbd\x1b\x16BO\x8c\xe12\xb3\x1c\xd4\xf5d4\xa8\xb0\xe9L\x14.\x89z\'\xde\xfe\xe5\xfd\xbb\xc7qI\xd8\xd4\x17n6\xa3\x08\xeb\xf9\xf3s&gt;\x8b\xfc\xe0\xa3\xc7\x13\xfb\xc7\xcforI4\x18:\xce\xb6\xb6\xda_\xfe\xf6\xa7\xbf\xfd\xe1\xed\xa7\x7f\x9d\x1b\\2k\x04\x13z\x98!\xb0\x16@EQ\x94\xd3\x85/\xbd\x7f\xf5\xbf\x7f\xfc\xfbwo\xef\xce\x0e\x0bM\xbaf\xb3t\x15\xad\xfd\x17\xfc]b\x0b6\xbcggg[7\xa7n\xdf\x9e\x98\x00\xaa\x83\xfb\xf7\r\xb8ju`\xea\xe6\xed\xd5\xe3\xf5\xb9\x96\xd0\xbd\x16\xc1\x93\xce\xc9\x1f\x87rv\x1b\x03\x8d\x05%Y\xfa\xf8\x9fO\xaf~\xf9\xfc\xd7\xdf\xde\xff\xb3C/\x06\xacp\xd4\x0bX\x9f\x8f\x07\x05\xbc\xdd\xae\xb7\x9d\x0e\x1c\x1c\xac\xaduLq\xc1\x82$\x1a\x0c\x91\xba,&lt;?\xbf\xd84\x99\xc5B\xda\xed_[s\xfb\xd3\'\'\x93\x93\x96\xac\xc7\xef\xb4\xd4\x97\xf6\x8f\xf6\'\xa0\xeaN\xecGE\xf7\xd7$\x9a&gt;\xd3\x15\xd6\xe3Gm\xe3\xa7\x1bm\xbc\x0c!\xda\x00\xeb\x0c\x9c\xbd\xbe\x9d\xdb\x88sz=f\xc5\xeaBq\x7f\xc2fLA\x9f.\x96\xb9\xd1\\p\xa7q2iq\x06\\\xfe@ IQ\x01&amp;\x1c-\xbd\\\x9fo\x86\xb1\x88[\xa6\xd1\x01\xd6c\xe0\xfax\xec\xc5\xa2\x17&lt;E\xeb\xd9r\x0b\xcbd\xb0\x0e\xd0V\xbbh\x0e\xcb\xe0\x1e\xb03\x1e\x8aa\x02I?\x98S+7\xe9\xda99\xd9\x9et\xa6\x93~\x97\xce\x1cp\x05\x18yhss\xf3\xa8\x9c\x95\xe1\xb8\x8bBX^\xef\xd2\xb4(\x92\xa7w\xca&lt;U\xfaSI\xde\x8d\xe1\xd6\x01tR\x1b\x0c\x98\x8b\xb1Ul6\xb9\xcd\xc4\x04\xc0\x9c\n3\xfa5\x84\xd58\xd9\xde\xde\x0e\xa4\xd3~\\\x9cD^\xcd\xd8\xe9\x0b%\n\x89J\xbf\xc9\xe32\xf7\xe9\xe0\xf8\xf4zq4\x94v6\xf9\xd9\x8em\x1b\xc2|&gt;b\xb5\x8a\xee\xdem\x87\xd64C\xd9\x08\xb5:\x18T\x106\x86a&lt;Iwdm\xad\x95\xdfilo/\x14-\x814t\xf9\x9e\x00\xe5p\x18\xe5\x9d&gt;\x9f/\x18\x0c)lL\xea\n+N\xad\xac8\x02;f~\xb0\x04\x1b\xc2V&gt;\xa2\xd7\xcf!,\xbd[\x98\xb2)\xd4A\xe9\x95\x830QI\x7f\x9e\x93\xd6\xc9\xf6\xc2\xeb\xdc\x1e\x9bN\xa7\x03\x0e\xc6d\\\xb1\x07\xb5\xa3OFI\xa5/hK1WI\xec\xb1\xc1O,\r\x1bO\xc5kc\x0ca\x89P\xb4DX\xc6\xc5\xd8\t\xb5T\x0b\x8e\x8b3\xa8\x01?\x1d\x89\xe4\xf3\x08+V\x04,\x97\xd3a$\x80y\x08\xbeC\x8e\xc2\n\xca\x8d\x8cY&lt;\x06\xc1\n\xcb\t#\xf3c\x83\xe0\xa9\x15\x04,\xdam\xe8\x98C\xe74\xe6N:\xecDP\xaaE\\\x84}\xc5\x18H\xbb\xe9|\x9e\xdeE\xd1*\xd6\xb2l `\xb1\xab9\xa3\x88\x06&amp;#\xdf\x8fj\t[\x8a\x92\x01\xd6\x8c\x0e\x9aU\xcbJ\xc3\xce\x17V\xa9E\xd7\x1f\xea\xa7\'\xa6:D\xd8C\xbfe\x85\x90Jc\xc8A\xd8\t\xa2\x86\xb0\xdc4\x97\xc4\x1cPeY\x07`\x91\xbd7H\xf2F/`\x8d\x90\xda \xc1x&lt;cqoT\x97\xd2\x19Wj\xbcEk\xfce\xcb\xed\xb7\x8ae\x08K\xefN\xa3\xffU\x0f\r\xd9\xed`\xc7\x08G\xdaO\xbb\x01k\xf7da\x01r\x98\xcd\xb2\x16\x8b=G\x82)\xebEK\t\xce,H\x18\xcd\xb2\xee\xb8\xb7\xa4\x11\xa7\x14\x84eG\xc1\x0f\x96`|&gt;\x82\xd3\x99\xfe\xbeYn#&amp;\x03\x10\xae!4\xa7\x91J\t#\xdaz\x99\x0c\x9dGX\xdb\x08\xcbh1\xdas`\x1e\xafI\xd1\xa0\x04\x8c\x99VM\x18S\x1c\x968\xe3\xb7\xab\xed;\xc1\x17&lt;y\xc4\xf5\x87I:\x19\xea\x7f\x8a\xaaV\xc6\x9fF\x93I\xb5\xf4\x9aT\x9a\xb3;\x02\x014\xbf\xc28m!\xac\x8a\xd1\xb8B\xa8\xaf\x917\xae\x868d/\xa9\x85\xed\xc7x\x00\xab/\x95L[\x86\xd4\x8eM~\xb0\xbe\xfa\xe6(\x92\xdc\xc1\x01k@\xa4GXW\xa2\xe6\xd4e12P@\xad\x18\x8d\xca\xd6\x02\xc2\xaa\xd4\xec\xd2k\xbd\xbd\xf7\xeeq`\xd2Q\x90\xfc\x8a\x91\x11\xf7\xc4\xe3\x89oM\x96\xbd\xa1Xv\x93\x9f\xdba\xc1\xe0\xb1&gt;\x9d\xcf\x87\xfb\x97\xda9\xac\xa4\x13a\x01\x15\x94\x08\x85\xdcC\xd3y\x1a\xe36b\xae\xc6f\xc3\x9elM:2\x82\x0c?|\xae\x91Z-\xa9\xb6\x18u\x1aq&lt;\xba\xf9\xa6\xd3\xe2\x9cTg\x9f\xf0\xf3\x10N \xb8\xc0\xe8\xd6AK\xb5\xd4&gt;\x00\xc7\xb4;\xe9tp\xd1\x82\x0fag\xa1:\xe4!\x87{_\xbf~\r\\\xd9\xe4n\xbaZ\x84`\x81\xe9\x1f\xe9\x05\xd9\x83\xe2\xa5\x84\xdc\xa4\x13\xc7Ko.\x0b\x8e\x9d;\x84\xf1\x92\x8fj\xda\x06X\xa7\x92\x88\xe1\xec\x0c\x8b\xdf\x1d\x18\xc6\xdc\x194\xc9\x05.4|W\x18wQ\xcd\xa2ig\xee\xf0\xde\xe1\xad\xd7\x156]\xad6\xd8\x18\x9a\x94\xdcB\xa3\x08nD\xa2\x90\x9b\xfa4\xf1\xf9\xcbK\xe2\x8e\xf3\x8e={)\xe0)Z\xe3/1\xec\xe0L?\x03\x9d&lt;d1\xe9\xba\xc2\x82\x8a$\xcf&amp;\xa164\xea4;\xfa\xeb\x83_O\x0f\x0bY\xf6d\x8f\xdd+\xf6\x8ep\xb6\xf1\xc1=P|\xac"\x87h\xa9\xe2\xe5\xcb\xe0\x8as\xe7N\x8d\xbd\xe0\xab\x9d\x17\x1cId\xb8^\xd2=\x01\xe2\x9a\xb6\xe2.(\x11\x80\xa5\r*R)\x0f]o\xec\xa5\xeb\xd5\xd8\xad\x07\xb7N\x9f\x14j\xc5\\n\xafV\x8b\xa1\xe1\x12\xc2"A]\x04a\xd3\xe9zV\x8f|+Nz\xc7\xc9fOy3&gt;\xa7\xab\xd1p\x8f\xb0gbj@?\x8ced(\\RmPmK\xa5\xb2x\x1d-\xbcB\x82\xb1&amp;\x0b\x95\x1c\x19\xab\xd5\n1\xed(\x1az\xa1{\x16\x80W\xf4\xe9\x16g\xa2!\x0f\x9dO\x9bL\x81\x04_\xc6Z x\xb1\xef\x8dv\x0bU\xb3S\x03\xa2a\xcc*Iz\x18[\x10\xfe\x0f\xdaS\xaa\xba\xdb:;ka\x9e\x82\x8f\xf4\x15J\xcb\xf9z\xb5V\xc8\xf9`\x03B"!\x85j5Q\xb9\xde\xb7X\x9a)\x85\xf0|@yD9.y{\x91*\x10\x1c{\xbd\xd3\xdd\xaa\xd9v\xc0\x82\xcd\x98q\x99mjm\xb0\x13\x1a\x02\x86\xad\xa6\xb9\xcd8\xd6\x04\x7fS\xa7[\xf9j1\x16S*\x81\x0b\tK\r\xcd\x84\xbc/\\*\xcd,~\x1b\xf4\xfd\xf7\xb2\x1c\x90o\xf0\xe7}\xbe\xfa\xf9\xfc\xe9\xb0dy\x02\xb0\xe6\x80kZ\x08XA\xe8\x04\xed58\x9d\xd3\xd5\xe4\xeen\x1d\xd3/\x0b\xd9f\r\xc4\x15\x8b\x91$9\xaa\xd5\xde@T ,\x93F\xa5\x8a\xae\x96}\xbe7\xd0D7/\xf9\xf3\xd5(\x8bO\x97\xe2\xb3\xe7\xc8\xeb\x0fC\x1a\x93\x14\x87\xd5I\xd8+5\xb6\n\xad=^\xad\xeeVk\x95J\x11\x16`]#I%W@\xe4\xc6\x94Y\xacR\x85\xa33\xe5\x9f\x12!\xdfQ\xf9\x88\xd7\x87\\\x82g\xfb\x8fg\xf7?\xccv\xcc\xcdA\x8d\x98\xc6\xcdr\x05PuVLa\x96\xaa\xba&lt;\xe1p\xd3T\x03\xaaJ\xb6\x82\x04\x0f\xe1\xea\xe5.\x15\x156\xb3G(\xec\xd1\x84\xa3\xabc\x89D9T.\x9f\xf2{\x87.\x18\x7f\xf4h\xfc\xe7\xd9\x0ed\xc8\xf4\xd38e\x03,\xc5bX\x88\xfb\xeb\xe9\x06\x0b\x9dC%Q\xa8dY\xb6\xc6\xb2\x95J!F\xf6"uI\xe5]f\xca#\x13k\xc4c\xeb\xfb\xe1D(T\xbe\xe0\xfb\xdd\x88`pP\xb0\xf1\x1ca\x81\xb82\x1e\x9b\xa2\xb3\xb3\x7f\x0c\xc7\x93.\xa8\x9e98x\x8a\xc5\x85\x85\x85\x1c:\x80\xf6\xb2\xd9BH\xf9\xbdRKB\x1bo\xa6(\x8fF\xa3\x8a\x1eo\xec\xcf\x97\x8f.\xf8\x7f\xcd\x82\xaa\xfd\xe7\x0e\x91H\x0fi\xb4\xca\xba\x14\x89\xc5\xf8r\x1dOV\xd9=\x90\xf9\x02\xb7^\x1f\x1e\x1e&gt; c\xb9Z\xc5t=\x04\xe1\x92v\x99\xcd\x94Y\xcca\r\x8e\x7f\xb8x\xf6e^\x96\xbd8o\x17\xa15\x87\t\xbb\xe4}\xdd\xcb\xcb\xfa&lt;:\x12A\xec\xc5m\xb4\xa0\xc4\xc7b\xb9b\x11R\xba\xd8\x93PJ\xd5]b\x8a\xa2\xccf\x8d&amp;\xfa\x01\r\xa3\xbe\xcc\xb3E\xd8\x8fh\x16h\x00\xd1\x03\xd6\x1fU\x92\xa9\xad\xb3\x83\x83V\xab\x05h\x8dF\xe3\xa4Q\xdd\xad\xd7i\x9a\x86\xaa\x8f\xa9z\xfa\x94\xdaN\x9d\x18\xa0R(Z\x8f\x00\x89\x7f\xaa\xab\xd3\xf5\x9b\xe3\xa9\x01\x83h\x0e\xa2%\xe9\xba\xde\xd9\xdf\xfe\xdd\xd6\xf0\xf2\xcb\xf90T\xa3\xf5\xf9j\xb5R.\x17\xca\xcd\xf0\xfaj&gt;\x7f\xff\x87\x0e\xb1B\xa9L\x88e\x14c\x86,\xaa\xceO\xbfH\xa0\xda\xaeT\xff\xa1\x1d\xb0P\x12\xad\xe6\xce\x9f\x14\xed\xdf}\xfe\xb8~\xfc\xe1\xff\xbc\x9cqL\x93\xf9\x19\xc7O\x0f\xe4\x98]6\xdf\xc3\xbe\x15\xf4m\xa9\xb4o}y\xdfWW[+c\xa3\x93\xa6jm\t\xdb\x0c\xe8\x91\xac\xd0\x83H\x04\x1aDH\xe1\xe8\xa5\xbbA\xb5\xedy-!\x1d\x83\x88B(P XBN\x0e\xee\xe4\xee\x0c\x9e3C\xcfh\xc4hr9&amp;\xab\x803\xd9\x8c\xc3\xbb\xc1\x1f\xe2\xedy^\xd8\xb2?\xe7I\xf7\x84? \x90\xf0\xc9\xf7\xfb\xfc\x9e\xdf\xf3\xfc\xf8\xfd\x98no\x7fv\xb1\xea\xd97}U\x0f?\x7f\xd8\xfe\xaco\xf6\x8b\xe1\xbam\xe3\xbf\xdeh-\xe5I\xd2\xf0\xbb\xdcB\x92e\x86\xfbD\xb1\xa1JH\xc0S\xf0&lt;\r\x14T\x8f\xc7h6\x94*K9\xcd?\x1eMO\xcf~=\xd2\xf7\xf0B\xa0\xaf\xaf\xea\xc2\xc5\x87U\x0f\xdb\xfb\xbe\x9e}TT\x90\xf1\x87\x8d\xf0\x03$k\x80\xd1\x95T5\\\xbf\x18\xbb\xdb\xb0"]{\x8e\x14\xcft\x93\x8cN\x95\\Y\xbaKqi\xcf\xdf\x1f\xfdqv\xa4\xefb\xa0J\x88\xbe\xaa\x91\x91\x91\xd9\xd9\xe1\x8c\xb7\xf6A\x85pp*\x16=$\x99\x86\xeb1\xbc=,\x12\xb5\xe7\x01\x16\xd8\xe8q\x9aM\xbbJ\xe5\x8a\xb1\xdf\xfc\xfeRWkk\xeb\xd0l{\xfbH__\xfb\xf4\xf4\x90o\xfa\x8b\xb1\xb1}\xfb\xeb\xeb\xeb\xcf\xf1~\x96E*\x95\xbdu\xa8\xea\xb5\xd8b\xadd\x97\xd1I)\xca\xe4\xea,\xecM\xaf\\\xbdze\xec,\x0e=g\xc7\xc6\xae}|\xed\xcfg\xdb\x94J\xc0r\xf8\xfc,,C\x92\xa4Z+c\x8d\x95\'MM\xd5$i&lt;\x12\x15//\xe5\xa0\x07\x84\xe9\xe23\x1c\xc6&gt;\xf8l\xa5\xa26_\xbb\xd6V\xa2\xb4Z\x95\xe7\x1c&gt;\x964\xe4\x92$io\xad\xbc~!\xa6X9R\xe0\x02\xac$\'c\x92\xc9y\x8a\xce\xbatu\xec\xfc-\x0c,\xf1?\xbf\xf5\xe1\xf9\xb66\x87\xb2\xfeS\xebhy\x8fOE\x92\x85\x14E\xd4\xb42C\x17bl"\xe8\xa5\x81\xf0HX\x8e\xe7Y\x92\xc8\xfa\xed\x95k@\x04\xbb"\x80}~\xebD[[y\x89\xb5\xfe\xd3\xd1s\xe5=~\n\xa4RI\x82\xb6JU\xec\xb1r\xea\x90\xcb\xe3d\xfc\xa4\x1e\xe6\xbf\xc2BH(p\xb1\xf9Ct\xb0\xb9\x04b\xb4st\x14Z+_\x05\x857\rjl\xad]\xcc\x90.\xd6&amp;\x02\x16\xa6\x97\x91f\x11\x8b;}\xdar\xfa\xf4\xc7\xd8\xfe5\xb7A\xe0A\xdb7\x9d\xa3\xe7\xee\x96\xfb|*\x80b\xf0\x04\xa9\x82\x19*\x8e\xadZ\xa9\xd2\x1c\xe4B,\x15\xab\xe6\xd4z\xbd\xe5\xa3\xb6\x8f \xa1\xce\x9f\x87\xf6\xcfj\xed\xc4\x18=Wr\xf7\xae\xcf\xcfP*\xa4\xb2\xa9*b\xae\xd6\x19\x8d\x14\xb0\x80\xcb\x13d\x18\x15RA\x9fzBh\x1c\x9a\xa1\xf9[\xa1R\x96\x94\x80Z\x0cF\x83\xad\xa3\x81e\xed\xd7\x8bE\xb1\xc5J\xd5H\xb5(\x17$\x17\xc3\xb0\xfa4\x99b\xdf\x8e\x13\xcd\x18\x1f\x9cX\xe1\x1a\x85\xf4\x82F\xd4\xafbP\xac&amp;\x10\x8b%bl\xa2\xf6Lj\x86\xa6N\x8bYo\xa4\x19\x82tYd\xfbv\xech\xfe\x85\xd0h\xad\xcaeU\x96\x94;\xee\xf6\xf8\x01\xdb\xde`k\xb2C_C\x0f\xe9D1\xc6JJ\x02\x1b\xc1G\x94\x0b\x063\xc5\x0e&lt;T\x82QG8\x94\x04,\xab\x15\xb4*/\xf7u\xd9\xc1\xc2\x9a\xa6\x9a\n\x8e\xa5$1\xc6\x02\x13\xa1\xdf\x02\xb9@/\x94\x0bG\x8d\xad0\xe8\x1c=\x90\x9e~\x00\xb1\x0et\xd6\x03\x16L\x13\xc3\x95v\xa4\xb2\xa98\xb5\x8a\xf9\x7f`\x19\x8d\x1a\x90\xabN\xea\x91\xd0\x14\xe5\x02\xac\xadx\xd5\r\xef\xba\x1d=\xd0\tXJT\xabg\xb8\xb2\xa1\xc1\x16\xea\xa8\xe485I\x04c\x86%\xbc\xbdE\xac\x8c\xbdF\xa3T\x8b\xe9\xe5\xa4\t2W\xb8\x94\xb4z\xd9\r\xef\xfft\xa2\x87%\x0e_\x17H\x15\n5\xf9y\xf0\x90\x08\xc6lO\\\xc5:\tXN\xa7\'\x07\xb9\x8c4\x01M\xf1/w\x9c\xd8\xb5\x7f\xe3O\xb6\x0bT\xef\xbe\x0bX\xb8\x10\x87+\x91*\xd4\xc5#\x16\x1d\x8c\xf5JD\xac=N\xa7\x06\xb0r4F\xb0\x11\xb2k\xeb.\x18U\xb7\xef?z\x14\xa9:\x95\xb8\xff\xf8*mM!\xb7\xbb\x95\xe7y5I\xc5\xd0\xc4\x95\xeeT{\xf2\x8c\x80\x856\xe6\xe4h\x9c\x04\xf5\x16d\x17\x8c\x84\xe9\xdbW\x12\xbe\xb3\x1e\xca\xd6\xdd\x9e\xe1\x0e\x90\xaa\xdf\xe6s\xf0\x9c\xcb@\xd01\xc5zM\xb7\xaa\xd6\x1e\xb3\x04m\xd4V\x1b%\x04\xd4.\x85\xbc\x0c\xcf\xb3\xd2\xd3\xeb\xd3\xadV\xd8\xa5Kz\x86[\xfb!B\xc3\x0e1\x0f\xbb9`=\x8a!\x15\xa8U\xb4b\xa2Y"q\xe7h[\x8a\xaa\xa1HP\x14\x99\x0b\x8a\xedR\xe2\xc9_Y\xa9\xa0UkG\x7fu\x7f\xa8\xd2\x81X\x86B\x82\xae\x99\x16%\xc4\xee\xe5\xa4n\xf6?jI\x82\x9a\x9c\xa2SE\xd5\x9e \r\x89Or\xbcC.W(d2q\x0f\x94\x86\x8e\xfe\xfe\xea\xeaP\xa5\xcf\xe1\x90\xf1\x9c\x81"\xb2j\x1e\x05b\xf6\xe2.A\xf4\xdfXt\xd0\x9dSt\x0c\xc0\x9a\x82\rP\xcf\xfd~N\xaf\xe7\xf4~\xbf\x00u\xe7Nu\xa8\xcb!v8x\xbd&gt;\x97"$\xc1?-\x84\x07\x8bc"\x18\xd4\x07\xef?qO\x04.\xc0\x92\xd0\xce$i\xd1\xb1cEyy\xd5\xa1\x1a\x88\x86\x06{\x96\xddf\xeb\xe8\xbf355U\xdd\x04\xa5A\xf0\xd0\x05XY\xc1\xa9\x17O\xe7\xa2\x83\tk\x0f\x96 Jx2\xf9\xdd\xc9\x7fc\xd1\x12\x89\xd3\xe8\x91\xd65&amp;\x1f\x03\xc9\xa6\xaa\xef\xb8\xc1\xb8\xbc\xbc\xa9\xa9\xcb\x97/\x17\xe5\x85jT`\xab\x80\xa5\x86j*i:\xb5i\xd3\xd2\xd3\xc9\xde5\xe7J\x10\x15\xcf\xcf=\xfdD\xc0\xc2\xbf\xfcHh\xdal4z\x92\xa4-\x05\xdb6\x1fO~\'9\x19\x1f\xd7A\xbcs9\xcf\x1d\xb4\xab\xd4\x1cP\x81\x87.\x17\x89XE?\x06\xae\xc8\xe3A\xddZ?\xc5\xd0\xcd?\xc8_:~\xf2$\xaa\xb5\xd7\x8cO?\x08\x90\xcb\xe3I:\xd3\xd2\x88\xefL\xf1%\xde\xf1\xe4\xc6"p\xd4ng`\xfep\x88\x15b\x8b\xde\xa5\xc6"\x1f\x92\x8e\x03\xd7\xd3\xc4\xc77\x8a\xd7\xf6\xdd\x8a\xee\xc9\\\xe4\xf9\xa6\x15\xac\xa4=\xe6\xf7\xb2`\x01\xd2F\xe1\xb4+)\xb5n\xbc\xa5\xb1\xb1\xb1e\\+56\xd8\x01\x8aa*x1\xacJ\x19x\x88&amp;\x06\xdd\xd23\xe3o\x00\xd6\xcc\xfdp@\xb4\x86\xd9\xae\xbb1\x17\x89,m*\x00\x13S\xc1Cs\x16A\x10h#\x9e\x93\xc0\xd6\x8d\xb1\xd7\xe8\x940\x15\x15*\x08\x062\x8b\x97\x89W\xb0H\xc6\x0eX\xa9\xa9\x05\x9b"\x8933\xcbk\xc7%\x12\xbd\x16\x06\xaa\xfc\xa5m\xe3\xb0\x12\xb1B\x98\xb1X\x11\xb4\xc4\xe9\xc1\xb9\xdf\x19\x0c\xc2\x97*\x96\xe58\x9e\x13\xc0*8\xbdL!\x96\x89y\x97\x81\xa5(\xc0\xd2dd\x14,\xa5$n\x99xs\xf9+\xafh\xad,\xec\xbd\x19A\xac\xc6\x15,\x8f\xd3\x8cT\x04!q\xee\xf5\x18A$\x9a&amp;\xd5&amp;SZ\x1a\x8f\xfd\x02R\xa9q\xf2\x80\xb0\xe8\r\x06\x122\xde\xad\xf1H\xb7=\x7f=q\xcb\x86\x99\xee\xe5{\xe1Z\xd1+\xff\xb7\x8a\x04\xcc\xab/\x17\x01+\x13\xb0\xc6\x05\x13\x05,\x08\xc2\x8c\xd6\x05\xa1\\P\xea4\xc8%\x9e\xf3W@\xc0\xa4\xa6\x17\xa8 \xe5\xa1\t\xb4\x07\x8d\xd0\xf9\xb7\xfc(\xb2&gt;1~Cbw\xf7\xcc\x83\xc9\x1b\x81W=G\x15\xe9j\x9fLN\xecD\xac\x17\xabj\x01\x16\x80\x90\xa4\x81\xa4\x9dX\xf1i\xdaN\x91\x06S\x1a4\xa2~\xb5Z]\xc1\xb2j\x8b\x0c\xf6"\xb1Cl\xe1X\xe8M\x8d\x1a\xb7\xe6\xf8\x8b\x1f\xae\x8f\x8b_\xb7\xa5;{9z{2:\x10x%.Q\xe0\xc9\xc2b\xca\x04Re&gt;/\x10\xb0 \x9b\x00\x85 Y\x83\x81\x928\xf1s\x06\xf7k\xc0\x14\xa8`\xed\xa9\xf5b\xb9\xbc\x14\xd4Z\xed\x1fB\x1a\x8d\xf6\x8d\xfc\xc3\x88\xf5fw\xf7ro\xed@t!\xda[\x0b\xdb\xf7\xf7*\x17\xd0\x91z\xe7\xa3\xd1\xb9\xdd\x02V\xe4\xe9\xe6qm]j\x06b\x99%D\xa1\xc1d\x82\xdf\t\x9fJ`\xaf&amp;\xa9\xc2B\x92E(\x0e&gt;\xc4\xf2\xd2\xd2\xb22a%R\x88\xe5\x96\x16\xbcHY\x1f\x17\x17w\xe8`v\xf7r\xb8\xd7[\xdb\x1b\xbd\x1d\xbd\xe1\xd5}\x9f\xc6"\x01\xb5\xea\xad\n\xdc\xde=q\x04\xd5\xca\\j\xd1J\x85\xfa\x00\xe5\x94\x00\xdb\x04.\x1aW%\xcb\xb2\xb9\x06\x83\x9a\xe3\xf4\xe0\xa4\x9aG*\xb9\x02\xa88\x83\xa0\x96[\xbb9\xb2\x0e\xa8\xd6\xaf\xfbAv\xf6\xc1\xbf}y/\xec\xad\x1d\x08G\xa3a\xaf.\xe1\xa5\x1f\x06\x8a\x02\x83\x81@`p~r\xf7\xc4\xdb Vf\xe4y#\xa8\x05\x93\x0f(\xf4\x1eA!\x96\x89% \xf9Q-\xb0\xd4`\xd2#\x1569eB\x9bcI3\x19HF\x02\xed\xf3\xb1\xe7\x1b\x80*\x0eS\xab{\xc3\xfb\xaf\xff\xea\xdb\xc7\x00\xe6\xed\r\x87{\x03/\xab\x98\xaev\xd0[\x1b\x9e|\xb0\x18I\x99\xd8\x8dX\x99O\x93\xb5R\r\x94\x84\xbd\xd8\xd8\x10$\x94\x04\xe0\xa20\xafrs\r.\x97\xcb\x84\xf7\x86y^\xac\x10\xb0d\x16K\x9a\x9ae\x01\xab\xc9\xfd\xc9\xdb\x89\x02\xd6\xc1\xec\xec\xe5\xc7\x937\xbfM9t\xff\xf1W\xbd^\xef\xe0\xc0\xa07\xf02\xff\xc4B\xa4\x0bx\x03\x03\x0b\x8bG`\x11.NL\xec\xcc\xcf\xcc\xdc\x99\xf9b\x1c\x96\xba\xd3)\xb8H\x83\\&lt;obY\x03\xa9"\x81*\r 9=\x0f\\\x02\x94Xf\x91!5I\xd9klw\xf2\xe3\x13\xe3\xe3\xe2\x0e\xc7w\x03\xd6`\xed\xe0\xfc\xc2\xcd\xbf\x1c&gt;t\xff^x\xc0\x8bQ[\xfc?n\xe1"\x9d\xaeXT\x1b\xbeydqn!:\x7fsb&amp;%??3\xb23\xff\x94\xc6m\x94``\xa2\x83\\\x16\x9eC+\xd5j\x97\xebg\x964,\xa8b\xd0J\xa0\x82\xef\xa5\x99@-\x15\xd3\xda\xf1\xdd\xe1\x9f\xc6cj\x81X\xd9\x7f\xfdW\xe3\xe6\xf3\xd2\xc8\x96\xc5\xf1\xdc\xbaU\xb7\xa9\xc0\xcdb.\x08E=\x1a\x11\xdbn\x1a_WC-\x1a*\xf0\x16\xce\xa6\xba\xe8MQ\x8c\xb5\toQ\x0e\x04&amp;\x8b\xd9&lt;\x14\\\xccZ\x03:\xff@\x16yO#\x04\x99N\xaf\\\xb9\xc9\xd26\x82\x8bVC6\xd1\x06\x1b\x85\xb4\xdd\xef1\xf2P\x17o\xbe\xe7V\xec~\x0c3\xcc\x1c\xd0D\xf3\xc3O\xbe\xe7{\xbe\xe7F\xbb\x97\x96\x96\xd6\xd7W\xb6\x0e\x0f\xfa\xb1\xdd;\xdc\x82^\x1a\xec\xc1\xff\x03\xf5\xe2\x05\xfa\xf7\xeb\xaf{\x1f\xaeZ\xed\xf6\xfbk\xa3\xfb\x0f\x92+\xfb\xedO?\xfd\x1d\x1e\xd7d\xdf=\xfc#)D`\xd3\xafP\x13\xba\x1e\x01\x8b\x92t\xf2\xd9\xe4\xb3\xe9i\xf8\x7f\xed\xc7\xbf~\xf2\x03\xcb2\x93\x04\xce\x9a+^\x1e\x0f\xf6\xb7\x01\xb6\xd4&amp;\xcd\xec\xb3\xde\xf1\xc5&gt;D[\xd2\xc7\xea\x07\xff\x03je\x00\xa8_\x08j\xbb\xbd?80N\xfdy\xe8\x95\xb9\xbf\xfd\xf4\x03\xfd\xda\x8a\xe4z\xfc\x07D\xe8Km\xb0i\xec\x9aIH\xf4\x88\xc0t\xc0\xe3\xf80\t\x9b=[]}\xb3\xf6s?p4V\x05T\\F\xc6I\xef\xa2E`+\xdb\xfb\x83\xe3\x93\x08&gt;\x83h+KK\x0b\xff\xad\x958+\xac\xaf\xbfX\x00T\x1fJ\xb5\xa0\xd4\xfe\xe1\xdeh\xd8\xef\x9e\x9ez\xc4\xe5\xf6?\xfd\xf0\x84\x1aC\x82i\xd3k*l\x1e\xec\x1e\x10M\x90\xa5 \x17}\x8d~..n\xae\xae~\x1cZ(8+@\x0bO\x9b\x9c1\xc34N\x8e\x07\x90\x0c\xfd\\ioA\xb4\xb3\x93\x9e&amp;\xfb\x8f\xefD\x00\xb5\xb0\xbe\xb0\xbe=\xe8\xf5\x87\xd4\xbe\xd6\xd5`o$\xa5\xebf\xd2&gt;\xed\x96\x89K\xf6?=Y[\x9b}B\x8d|\xfcPc\xe5jMj\x94\xc9g\xaf^=\xca\xb1&amp;\x16\xa7j\xb5\xc5\xcdMM\x05cY\xa6\x16+\x16\xcc\xb0m\xdb0\xcf\xc8\xf1K\xba\xf0\xda/O\xceN./\xd0\xdd\x7f7\x99\xfeG\xd0\x18\xbf}xqHJ]\xed\xbf\xef\xf5\x9b&gt;\x95\xebB.j\xe3\xbc\xd7\xf4\xef\xde\xac\xae~Kzi,\x1a74\x13`\xaf4\xa3&gt;:\xa0\x9f\x13S\xb5\xa9Z\xa3V\x03\x95cj*57\xb7a\xf2\x88\x19\xc0\xc2\x87c&amp;\xa4\x19Hh\x06\x96Z\x03"#\xd2\xdf\xbd\x01\xa7\xc9[\x80\xcd[\x17{\xa3\xfe\xc1/\x1fZ\xed\x16\xf0\xdc\xa6_\xca\xcb\x17\xa7J\xb9\x9aK\xf2\xbb\xb7\x13\xabk\xe0z\xfc\xf4%\x1aE\\/\xb5l\x7f#\xca\x89G4\x89\xa8Z\xb5\xd6x\xd7\xb8\x1d\x91V\x89iY\x0e\x02^q\xc1\x08\x8b\xc8\x1c\xc76\x92(:\xcb\xbbG\xc3\xd9\xba\x00\xd9\xe5\x00\xef\xdc\xee\x8f\xc4\xeb\xeb\x0b\x0b\xeb\xed\xc1\xf1h\xb4w\xf8\xe1\xaa\xbd\xbdMPuW\xdec\t`\x85*\xa3&gt;\xa6\x92\x9f\xbf]$\xae\xa7Og\xa7\'\xa6&amp;&amp;\x9ei{M\xbf\x04\x16\x02b\xea/U]\r*P99\x95\x85p\x08\xb90\xf2"*\x07\x97L\xb0\x84\xday\x91\x0f\'Z\xd5;\xeb]\xb4\xf5\x81\xaa\x00\xa9\x88\xe9`\xb4\xf7~\x9f\x98\xda[\xc7\x07\x92&lt;\xe5j\xb0nI\xf8R\xa8p\xe34\xf5\xb0\x19S\xb74\xba\xdd$\xae\x87\xb3\xd3$\r\xb8(\xb1\xa6A\x85\xdeU\x9f\xcf\xcc4\xaa\x8dZ\xa3\xb1\xd3\xb8\xb9\x1e\xfb\xca\xb2\x82\xe2\xdc\xa9\xe7\xa5\xae\xa0\x0e\x92\xbb\xe82a\x02WM\\\x90h+\x04\xd6\x1e\\\x9e\x9d\xe8}\xbc\xb0\xb2u\x01\xa6\x83\\\xa7\xd6\xd6a\xef\x9a\xfaFV\xcf2\x17\\~\xea\xd5\x9b",\x16\xbbn\xe6y^\xe6\xf2\xfe\xcd*\xb8\x9e\xccN\xe3\x00S\xadN\xe9\xc4\xa2\xb5\x93S\xcd4f\xa0\xd4\xce\xbb\xbbk\xd2\nT\x8ec\xa9\xb90\x8a\xa2f\x8a\x07kw9\xc0b(\xed\x7f!qr=\xa3\xd8@mo\x1d\x17\x1e\x90\x9fz\x07\x07\xe8]k{\xcc\x14\xfb\xa5n\xb7\xab\xc1\xb24\x83j\xe5r\xbd\xd9\xac\xdb\xc5\xa2\x92\xf4-&lt;u\xa9t\xf7\xe6\xdb\xb5\xd9\x97tV\xa0\x82\x95jS\xce~\xea\xa4\x00\x00\x04\xc8IDAT\x98\xbdjuf\xe6\xfb\xe5\xef\xe9?\xad4^\x9f3\xe0\xdcW\x18&amp;V\xa0T \xdc4\xf3Y\xee\xac\xbc\x9dv\x12\xc5R\xe0;\x96\xa9\xd7\x11\xc8\n+\xe8\x17Y|\x1b[\xb3\xb5u\xd1\xeb\xc6\xb1\xe04|%j^IB\xaez\x96FQ\xdc\xf4\xe6\xbb\xc5\xb0\xc49\xc0\xea\xae/\xf8\xf0\xe3\xda\x1a\x1d\xac\xa0L\xb5Z\xab\xe2\xda\xd4\x98\n\xb5\xb3\xbcs;4\x03{\xcc\x04\xc5l\xaf\x19\xa8\x8e\xd5\t\x15K\x9b\x9c3\xcb`c*\x03T\x04JW\x13\xb3w\x88\xcc/\xec\x1d\xec\xbd\xbf\xc2&amp;om\r\x8e{\xd7\x82\x97DW\x94x\xee+\xfcp!\xbdr\x96\xc9$\xe1\xd9\xfc\xe7\xf9n(8\xa0q\xa3\xe4"\x19\xfe\xbc\xf6j\x02\x1cd%\xedq\xfa\xa0\xbfo\xee\xee\xee.\xff\xf9\xa6o~\xd1\n\x9e\x8f\xe1+\xa3\x13H\x1e\x84\xa1\x95\x04q\xea\xfa\xc0b\x8c:\x18\xcb\x98\x8d\xddfC\xb2\xd3\xdea\xe1=\xfc\xb4?8&lt;\xee\x9d\\s\xceE\xb7+\xa8t\xff\xb2\xd4\x95i\x19\xae\x92&lt;\x92i\x8a),3\x86\x1b9\xd4\x8cq_\xd6\xbf\xfb\xf1Q\x958\xf4\xd0\xc1P3U\xd2jw\xf7h\xf7\xedy\x04\x1cG\x83Qj\xc5\xa9\x87W\xa7:\x89kU*\x95\xa0\xd3\xf1\xb3\xb4\x1e\x93\xb3\x0c\xe1\xfb\xf7\x03j\xeb\x01u,\xbb\xd0na+\xc1\xe1\xdc\xe7&lt;\x8ecj\x9e 4J\x05\x17\xa7\x99z\xac\x0b\x9e\',\xcf\xa5\x9b\x00F/A\xb0h\xf8\x11X$\xce\x0c\xfd\xbdU\x17\xb0\x8evnF4|_\xb18fG6]V\t;!\xb0\x8a\xc5bE17\xb2"\x01\xc1b\x9f\xa8D\x9e\xfe\x8e\xae\xc2\x85vxI\x83\x00\x0c\xb1 }\xae\xbf\x96)2*\x8e"\x0ee\xa2\xba\x97R4x\x9a\x8b\x04#*T\xff\xee5\xb0\xfe\xb9K\xa5\x9dN\x86\xcf\xa5"\xac\xb1\xad0h\x92L)U\xf1Km\x14\x95\xea\x98\x19D\x84#\x0c\x9b\xc1n\xc6\x18\xcav\n~\\\x82\x88\xb0\x94\xc8\xd3\xdc\x07\x17~\xa8\x0f\xa5\xe6S\x9e$\xb4V\x91/\xaeG\xc1 \xdd4\x959\x97\xc8\xb1\xecht\xbbst\x94\x83-S\x1fg\xde\x91\xab,\xbcpMe\x99\xda\xc8\xf4\x10&lt;u\xd2\xa9\xe4PJ!nB\xa5X=\xa5gN\xebM\xbd+s(\xc7.h\x14\xdd\x14~\xbfg\x80Fq\x9erzV&amp;\x1c\x8c\xb5\x9d\xe1\xd1\xc8\x05\x98=\x8eD^:t\x18\xf6\xc7\xf9\xed\xce\xee\x11\xd0\x96\xd1\xca\xe7\x9b\xb7\xc3H3Y\xf8\x9c\')c\x81m8%\xbf$\xa5e\x8c\xf5\xb2\x9b,,V\xd0\xd3 \x08LIl\xcd(\xa2\xd8\xa0y\x84Zh]I\x7fh2\x98O\xf8\x99W\xc6\t\xc6\x08\xa8l\xd7u\x14^\x14\xc2*\xd5\xb3i\x05V\xf2U,\nD\x80\x8dn^/\x1f-\xcf&lt;\x7f\xbeys\x1eA\x1e\x93\xb8llg\x93\xd8:aG9\xf0\x8e/c\xc4C\x8e\x15\x06F\xa7R\xe9t\xa0^E\xe1\x8c\x88\x1f\xd5\t\x83\x84\xe5K\\\xab\x95\x17\xfaX\x12\x8c\xbb4q\x9efQ\xb8/\xcf|\x88\xa5\xd0&lt;h\x05\xaa@9N`}\xc1\x1as%Q\xff\xfc\xb6\xf6\xcd\xea\xcdPC\x99\x84e\xeac\x83m\x04\xa1\xc6\xa0\x89\x8b\xb9\xa3\x88#\x08`\xf9\x8a\xa6\xea\x14U\xe2F\x81\xaalPU\x82\x08\xb1\t\xe7\x17(6\xb5\x81\xf1)\xd6L\xe5Tj(\r\x96\xf0@\x05\xcaN=-\x96\x8f\x1b\x18\xd0\x12\xa9\xb9r2\x8dfF\xfd\xe1\xdd0JL\x8d5\x862m\xd3Pc3\x85\x96\xd0\xf6\xe0\xe8\x1d\x93\xaa2\xc6\xaa(l\xb3\x08Tsy\x15U\x1cC\xb2\x82$ca\xe4\x9b\xf5:z\xf7\xf93\x9d\xa8L\xc8a*\xda\x14\x01\x8d\xb8c\xe5\x86\xf7\xa5\xa1\x94#\x81e OA5\xc6\xa2\x12\x08\x91H\xab4F"8\x93q\xfb\xcb\xe4\x85\x8e\xa1\xe7\xc9\x82Z\xdc\x1aS!Z\xb3\xcc\x84\xfd\xef\xb1p$\x0bRi\x170\x9d\x14\x0c\xf5&amp;\xd9\x8eD\xa9c\xfde\xf3\xe58\xa1\xd3\x08\x9e?A\x8b\xbc2\xa8\x84)HE\x87\x14\xd3G\x0b!\xb0{s(?\xcfi3\xf7\x15\x9d\xa7p\x95\x91\x89+_\xb9lN\xc3(\x83J\xb1\xa3\xed\xce\xc0\xd3Q\x96\xf5{*\\1\xea\xa9,d\x14\x07&lt;\x8a\x12\x96\xc4\xd0\x13x($\x14\xe0 \x00n@ee\xc2\xf2\r#\x18\xb7\x96K\x9do%\x0ce\xc4\x04\xd2.\x8e\x90"\x9a\xc9\xb4\r\r\x87\xce\n\xda.\xdaYy\x82\x86\x0e=.f\x8a\xbe\x82X&amp;V+\xc7C\xadpL\xb5\xb1\x81{\x05f\'\xa8\x17\xb0\x9b|\xa6\xc2\x10\xf1\xeb`\xd3H\xecdT\x9d\x08\xeb$\x1c\xe0R\xfdV,\xe3\xce\x98J\x19l\xbc\xcbm\xe4\x87\x901\'{\x01K\xef5\\ \xe9"\nG\xc4\x87\xc6\xaaXNH\xf9Y1\x80e\x84\x14Y\x10+\x0cM:\xbeyi\x93\xa9\r\r\x05,\x8c%n\x0e\xff\x05\x9e\xfe\x19\xc9\x8c\xc2\xeb\xb5\x00\x00\x00\x00IEND\xaeB`\x82'</t>
        </is>
      </c>
      <c r="M550" s="3" t="n">
        <v>45492.67767361111</v>
      </c>
    </row>
    <row r="551">
      <c r="A551" t="n">
        <v>1514747</v>
      </c>
      <c r="B551" t="n">
        <v>5926</v>
      </c>
      <c r="C551" t="inlineStr">
        <is>
          <t>Gustavo Nunes</t>
        </is>
      </c>
      <c r="D551" t="inlineStr">
        <is>
          <t>Gustavo Nunes</t>
        </is>
      </c>
      <c r="E551" t="inlineStr">
        <is>
          <t>ME</t>
        </is>
      </c>
      <c r="F551" t="inlineStr">
        <is>
          <t>MC</t>
        </is>
      </c>
      <c r="G551" t="inlineStr">
        <is>
          <t>ME</t>
        </is>
      </c>
      <c r="H551" t="inlineStr"/>
      <c r="I551" t="n">
        <v>39</v>
      </c>
      <c r="J551" s="2" t="n">
        <v>38675</v>
      </c>
      <c r="K551" t="inlineStr">
        <is>
          <t>Right</t>
        </is>
      </c>
      <c r="L551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1\x1f\xdb#\xfe\n\x11\xfb0~\xc3^\x12\x9b\xc4?\x1b\xfc\x7fo\x05\xf7\x90d\xb3\xf0\xfd\xac\x82K\xdb\xafM\xb1\x83\x90\t\xfe#\x80(\x1aM\xec{u~\x01~\xd6\x1f\xf0r\xef\xedY\xf1?\xc5w\xd6?\xb3\x9c\xba\x7f\x81|;\x1cel\xc1\xb5[\x9b\xe9\x7f\xdai\x1b\x85&gt;\xca*\\\xa2\x8bT\xe4~\xfe\xd7\xf2\x9b\xa9\xff\x00\xc1W\x7fomsW\x9bZ\xbb\xfd\xac\xbcm\x0c\x8c\x8b4\x8d\x06\xa8\xc89=\x02\xf0\x07\xe5G2+\xd8\xbe\xe7\xf5e_\xcc\x9f\xc1/\xf88\xdb\xfe\n?\xf0?S\xb5\xb4\xd4\xfe\'[\xf8\xcbI\xb7\xb9\x06KO\x12\xd9$\x92K\x1f\xf7|\xd5\xc3\x01\x8e\xf4s\x13\xec\xa4\x7fM\x95\xf0G\xfc\x13\xab\xfe\x0e\x05\xfd\x91\xff\x00n\x1b\x9b_\x00\xf8\xbe\xe5|\x03\xe3I\xb0\x8b\xa5\xea\xf7+\xf6[\xb91\xc8\x86n\x06s\xd1[\x07\xebN\xe8\x97\x19D\xfb\xde\x9b\x1c\x91\xcd\x1a\xcb\x13\xab+.U\x94\xe4\x11\xebL\x91\xd4P\x01E\x00\x14P\x01E\x00\x14P\x01E\x00\x14P\x01E\x00\x14P\x01E\x00\x14P\x01\\\xef\xc5\xcf\x88\xda/\xc2\x0f\x85\xde \xf8\xa5\xe296\xd8\xf8\x7fG\xb8\xbf\xb9o\xf6c\x8c\xb6?\x1cb\x80&gt;(\xff\x00\x82\xc3\x7f\xc1d\xb4/\xd8KNo\x83\x1f\x08\xa1\x83T\xf8\x8d\xa8Yy\xc5\xa4!\xa1\xd2"n\x928\xfe)\x0fP\x9f\x89\xaf\xc6\x81\xa3\xf8\xc7\xfe\n#\xfbA\xf8\xab\xe3W\x8c\xeff\xb7\xb7\xd6\xb5\x89\xaeo.\xa6b\xd2\x94/\xf2\xc4\x99\xfb\xa0.\x17\xf0\xaf/\x17\x9aa\xf0\xab\xdeg\xad\x84\xca\xf1\x18\xaf\x81\x1e\x07\xfbL~\xd2\x9f\x15\xbfh\xaf\x88\xda\x87\xc4_\x8a~4\xbe\xd6\xb5k\xf9\x0bOuw\'\xdf\x1d\x91Ge\x1d\x94`W\xe8W\xc2\xbf\xd8o\xf6r\xf0e\xdd\xbe\xa7\x17\x81\xe1\xbe\xb9\x8f\x9f3P\xfd\xf1\xe9\xd7\x07\x8a\xf0\xeaqN\x16;E\xb3\xde\xa7\xc2\xd8\xc9[\x9aI#\xf3\x9f\xe1\xff\x00\xec\xf1\xf1C\xe2\x06\x89\xff\x00\t\x07\x84\xfc\r\xaa5\xa8\x8fz\xdd}\x9d\xd9]\xbd\x869\xfc+\xf7\x0b\xe1\xac\xde\x16\xf0\xcc\x10\xe9\xf6\xbaU\xbd\x9d\xbc1\x85\x8e8\xe1U\x00z`\x0e+\x8dqEYJ\xd1\xa7e\xe6\xcfJ\x1c#F1\xf7\xaa}\xc8\xfck\x97\xf6.\xfd\xa2\xf5\x01\t\x8f\xe1o\x8b \x96X\xc2\xb3\xc9\xa2\xcccA\xfd\xed\xdbzW\xee\x95\xef\xc5\x1bu\xd1\xe5\xd3\xed\xe7\xc4\x81\x7fu\'\\U\xff\x00\xacUz\xc5\rp\xae\x1f\xf9\xd9\xfc\xff\x00\xf8\xf7\xf6T\xf8\xab\xe0\xc5Y\xf5\xdf\x02j\xc20q5\xcf\xd8d\xea;\xe0\x81\xc5~\xe9j\xfe(\xd1u\xcd9\xacukKy\xf7\xae\xd6\xf3!S\xbb\xd7\xaf\xad\\x\x92\xa4w\x8958V\x8e\xd1\x9f\xe0\x7f&lt;\xf1^\xeb~\x1f\xd6X\xd9\xc5$w\x16\xf2\xff\x00\xac\xe67\x0f\xfd\xe0=\xab\xf5\x93\xf6\xaa\xfd\x85\x7fg\x8f\x8ew\x9f\xda1i\xab\xa1\xebP\xfc\xd0\xeaZB\x88\xf7\x7f\xb2\xeb\xd1\xc5wP\xe2,=m\'\x16\xbf\x13\xca\xc4p\xc6*\x9b\xf7$\xa4\xbe\xe6z\xa7\xfc\x10#\xfe\x0bg\xae\xdd^\xe9\x7f\xb1w\xed}\xe2\x86\x93\xcdH\xed\xfc\x15\xe2;\xe9\xb78n\x8bk3\x9e\xa0\x8f\xb8\xc7\x9e\xc6\xbf7\xfe&gt;~\xc9\x9e:\xfd\x96\xf5-7\xe2\x0e\x9f\xaf\xfd\xaa\xd6\x1b\xc8\x8d\xa5\xfd\x8c&amp;6\xb7\x986C\x11\x93\x8e@\xe7\xa5zx\\\xca\x85yr\xc6G\x91\x8b\xcaq8x\xf3J6G\xf5\x90\x0eFEx\x1f\xfc\x13\x1f\xf6\x9c\x1f\xb5\xcf\xecM\xe0\x7f\x8cwR3j3i\x8bg\xac\xf9\x87\x9f\xb6A\xfb\xb9\x0f\xe2F\x7f\x1a\xf5O"Qqvg\xbeQA!E\x00\x14P\x01E\x00\x14P\x01E\x00\x14P\x01E\x00\x14P\x01E\x00|\xef\xff\x00\x05`\xba\x9a\xdb\xfe\t\xdd\xf1Ym\xdd\x96I\xbc/$+\xb7\xae]\x95q\xfa\xd6\xa7\xfc\x14\xb7Fm{\xf6\x1b\xf8\x89\xa7\xa8\xcf\xfcH\xcc\x87\xe8\xb2+\x1f\xe5Y\xd6\x93\x8d&amp;\xd1\xb5\x08\xf3VH\xfcU\xfd\x96&gt;\x1d\xdbx\x17\xc1\xb0\xad\xa4^\\\x97\n\x1am\xde\xb5\xd9h:\xb6\x8d\xe1\x9d2\xde\xf3Q\xb6\x9d\xe1VE\x10\xdb\xc6Y\xe4c\xd1@\xff\x008\xaf\xce\xb1\xde\xdf\x11Q\xd8\xfd+\x03\x1a8jJ\xe7\xa1xZ\xc6\xf6\xe6\xea;kyN\x0b`m^Mp\xbf\x15?h\x1f\x8e\xde\x0bx\xe7\xf81\xe0\xdd\x01\xac\xb8\xc4z\xa3\x15\x9cq\xdc\xf4\xae\x08\xe5\xd5\xaao(\xafVz2\xcc\xa8\xd3ZE\xbfD{\xa2x#^\xb3uk\xc3&amp;\xd6\xfe,\xd7\xcb\xfa\x1f\xed\xd3\xfb^\xcd\xa8\xf9\x1e6\xf8k\xa5\xddX\xb3m\xff\x00\x89l\xbb\x99\x17\xf0\xae\x8f\xec\x9a\xca7\xe6\x8b\xf9\x93\x1c\xe3\x0e\xdd\x9ak\xd5\x1fY\xa5\x9d\x9d\xb2ys\xea\x1b\x98\xf0\xa8+\xc74/\x8d\x8f\xa9h\xf1\xeb\xba\x85\x94\x96\xad"g\xec\xf27(s\\\xb2\xc1\xd6\x84\xacz1\xa9FQ\xe6OC\xd2\xb5\x0f\x05j\xda\xad\xcf\x99ep\xc1\x7f\xbb\x9c\x03_4\xf8\xfb\xfe\n1\xe3\xff\x00\x87\xf7\xb7ZO\x82&gt;\x13\xcd\xaa]\xc71\x89%y?vq\xdf5\xd5O,\xc4\xd4\xd7D\xbc\xd9\xe7\xd6\xcc\xb0\x94[Wo\xd1\x1e\xbd\xe2\xcf\x0ej\x9a5\xd7\x93r\x8c\x9f6s\xd6\xbe{\xd2\xbfo_\xda\xa3^\xff\x00J\xd6&gt;\nxj0\xe7-\x1d\xc5\xd1$\xe7\xb0\xad\x1eUZ\x9e\xd3\x8f\xdea\x1c\xd6\x8c\xf6\x8c\xbe\xe3\xd0~4\xf8\x7fH\xf8\x81\xe0\xeb\xaf\x07j\xcd\xfb\xb9\x94m\xe38a\xc8\xaeB\xc3\xe3\x05\xcf\xc4\xab\x89\x16\xf3\xc12\xe8\xf7\xc8\xbb\xa5\x8e)|\xcbw\x1d\xca\x9e\xa0\xfb\x1a\xda\x85&lt;V\x1e\xaam\x98b\xab\xe1\xf1\x14y-\xbft~\x98\x7f\xc1\xbdZt\xfa\x07\xecQ\xaax^@\xc2=?\xc6\xb7\xa9\n\xb7e*\x87\x8f\xc6\xba\x0f\xf8!\xad\x82\xda\xfe\xc9z\xa5\xca\x9c\xf9\xde1\xbc\xc9\xcf\\\x04\x15\xf7x)\xca\xa5\x04\xd9\xf9\xdea\x15O\x10\xd2&gt;\xd0\xa2\xba\xce\x10\xa2\x80\n(\x00\xa2\x80\n(\x00\xa2\x80\n(\x00\xa2\x80\n(\x00\xa2\x80&gt;\x06\xff\x00\x82\x95\xfe\xde\xde&amp;\xf0\xbd\xe7\x8d\xbff\xbd\x0b\xc16\x17\xf63h\xadcs4\xd30\x97\xcc\x96&lt;\xee\x18\xe0m\xc8\xe0\x8ek\xe7/\xf8(v\x91\x7f\xf0\xf7\xf6\xa7\xf1\xd6\xa5\xe2wi\x9bR\xd5\x92K\x1c\xe7\x1e\\\x886\x8f\xd2\xbe74\xcdq\x98|s\xa7\x17e\xd8\xfd\x07&amp;\xc9p\x18\x8c\xb6\x15ZR\x93\xd6\xfa\xe9\xf8\x9e\x1f\xa7x\x86\r\x17\xe1\xbd\xae\xa9|\x8cgh\xfe\xe6\xcc\xb0*1]\xd7\x81|%c\xab\xe9p\xe9z\x95\xba\xee\xf9\x9d\xd7nv\xe4\xe6\xbc\x8cU}\xa4\xcfK\x0f\x86\x97-\x9fC\xe1\xbf\x8d\xff\x00\x12\xfe9\xf8\xbfO\xd6\xb5\xed\x1a\xe2k84\xd9\xd5-t\xf9\x15\xe3y\xd5\x8e7\xa0\x03,\x07rO\xe1_mx\xe3\xf6\x01\xf17\x8f\xaf&gt;\xd9\xe1k\xcf"\x19\x8eWt\x9b@\xfc+\xa3\t\x99`\xe3\xa4\xa9\xa6\xcc\xb1\x19n.\xa4\xb4\x9bG\xc0_\xb3\xbf\xc4\xef\x8c~\x1fM;]\xf1F\xbe\xae\xba\x84\xce\x92\xe9\xb39\xf3\xe0\xda\xd8\x0c}\x8fj\xfb\xf7\xc1\x1f\xf0N\x0f\x85?\x0f\xf5\xb8\x1f\xc6\xba\xd4\x1a\x96\xb5+~\xea\xd46y\xef\xc7_\xce\x96#0\xc2\xd4\xbf,56\xc3eX\xba\x7f\x1c\x9f\xcc\xcb\xd2&gt;\x1cx\xab\xe2_\xc2{\xcf\x18xj\xd1\x8f\xd9\xed|\xdd\xa4}\xf2\x07A_l|3\xf8=\xa6\xe8\x7f\x0f\xae4\xdd6\xde\x18#\x8e\xdc\xfe\xe4`g\x8a\xf3\xe9\xc7\x15R.qM$z\xde\xc6\x9d;BR\xd5\x9f\x8a\xfe)\xf1\xff\x00\x8a\xfcY\xe3\x1b\x8f\n\xe9\xd7\xf0\xe9\x93,\xcc\x92Kx\xc5\x02m\xea:ps_o|g\xfd\x82\xbe\x17x\xb7\xc6\x92]x\x8fRM\x17P\xd4\xae\x18\xdb\xdd\xa6\x11ebzg\xa15\xddC\x17F2\\\xd1&lt;\xecF[^WP\x7f\x91\xf9\xa3\xe1\x7f\x11|v\xd5\xb5\x8dP\\\\]B\xb6\x0b\xbe\xd5\x95\x9f\xfd)\xb3\xf7\x13=\xfd21_\xa3^\x1a\xff\x00\x82Gx\x96\xd7Z\x8e\xf3R\xf1\xc8\xb8\xd3\x95\xb2\xbeL\x81X\xaf\xd6\xbb\xe5\x8f\xc3\xf2\xe9M\x1etr|de\xac\xe5\xf8\x1f:\xfe\xcc~,\xf1\xce\xa1}j\xfe*\xf0\xdd\xdd\xbb\xba\x98\xee&lt;\xe8p\x18\x1e\xfcw\xaf\xb0|o\xf0\x17\xc2\xbf\n,\xed\xf4\xbd-\x15V&lt;\x0f1\x9b9&gt;\xe6\xbc\xdf\xae\xd3\x95ov6:\xa7\x82\xa9\x1a~\xf9\xd2\xff\x00\xc14\xbf\xe0\xa2^1\xf85\xafxg\xf6U\xb3\xd1t\xf8\xec\xb5\xbf\x1cH\xb77S)f+q\'R\xd9\xf9q\x8e1_1\xfe\xce\xfe\x02\xf1~\xb5\xfbI\xdb\xe9RX\xb4S\xd9\xf8\xaa\xd6k;\x95\xee\xdfiR\xbbO\xb8\xafV\x8eg\x88\x8e"\x10O\xdd\xd3DqT\xc9\xf0\xb2\xc1NsK\x9a\xdf\x13\xe8\x7fD\x15\x1d\xa8\x90[F%\xfb\xdeX\xdd\xf5\xc5}\x91\xf9\xd1%\x14\x00Q@\x05\x14\x00Q@\x05\x14\x00Q@\x05\x14\x00Q@\x05\x14\x01\xf0\xef\xfc\x15\x7f\xe0v\x8bu\xaci\x1f\x19\xb5];\xed\x16\x12\xc1\xf6-J\x1f/\x83"\xe5\xa3b{\x1e\xb8\xf7\x15\xf6\x87\x8b|\x1f\xe1\x7f\x1eh3\xf8c\xc6:\x1d\xbe\xa3\xa7\xdc\xae&amp;\xb5\xba\x8c25x\xf9\xaeQO1\x8a\x94]\xa6\xba\x9e\xeeO\x9d\xd4\xca\xdb\x84\x974\x1fC\xf1g\xc0^ \xfe\xc4\xd4\xa4\x8dgy\x15f`\x1eO\xbc\x17\xaa\x83\xf8\x1a\xfaS\xfe\n\xb3\xf0C\xc1\x1f\x06\xb5\xff\x00\x07\xea\x1f\r&lt;\'k\xa4X\xdd\xd9\xcd\x0c\xd1\xd9\xc7\xb5ZEpr}N\x1a\xbeo\x19\x95\xcb\x03F*\xa3\xbf\x99\xf59~mO0\xac\xe5N-[\xa1\xe4~)\xfd\xa4\xf5\r\x0b\xc2n,\xa6\xf2\xe4T`\xcc\xad\x83_&gt;\xfcN\x93Q\xd44il\xad\xae\xfc\xb51\x96\x92l}\xd5\x1dk\xc5Q\x8a\x96\x87\xd2G\x15.[\x9dG\xc0\x1f\x8e\xcd\xa4x\xab^\xf8\xbd\xf1\x1ai\xa4\x13C\xe4i\xd3J\xa5\xfc\xa5\r\xc9\x03\x9eMx\xaf\x83\xfe5|5\xf1\x1f\x86%\xf0V\x9f\xe2h\xdbP\x86_\xde[/\xcd"\xe3\xd5{f\xbb\xa3FV\xd2\x0e\xc6k0J_\x12\xf9\x9f\\j\x1f\xb7\x9f\x87e\xf0\xd1\xd6\xadu\x986G\x9c\xe6}\xbd=\x8e+\xe1\x9f\x1c\xe8\xe9y\xcaj\xd1\xb4\x07$G-\xa9\xf9\xfe\x9e\xb5\xb4h\xf4\xb3#\xeb\x93\xbe\x92_\x81\xf4\x1f\xc6\x7f\xdb\x8b\xc1?\x1d\xfe\x17\xea\x9e\x11\xd3\xc4w:\x92\xb2\xcd\xa7\xc9m\x9d\xd6\xf2Fr$\r\xda\xbeQ\xd1\xbe!x\x1b\xe0\xb5\x8d\xe7\x88|H\xef\x1cS[\xba4\x8dk\x84\xdb\xd0\xe3\xf1\xad\xfe\xac\xed\xee\xc5\x91,\xc2KII~\x07\xd9\x7f\x03?k?\x17\xd8\xf82\xde\xdfU\xd5\xa4\xb8\x11\xa6\xd9\x16F\xe7\x1e\x95\xf2\x1f\xc1\xdf\x89\xb7\x1a\xf7\x86o5--\xa4\xfb+M\xfe\x8e\xec\xa5w!\xe9\xc1\xe7\x8a\xf3\xb1\x14\x1f=\x9e\x9eF\xd4\xf1\xf7\x8e\x8c\xfb\x13\xe2\x17\xc7{O\x88P\xbe\x9a\xa7\xcb}\xb9V\xdd\xc0\xc7j\xe0\x7f`?\x06\xdd\xfca\xfd\xad\xbc\x0f\xe0}B\xd1nmn\xb5\xa8\xde\xfa\x19\x06U\xe2O\x99\x81\x1e\x84\x0ek\xaf\x03\x81\x8dJ\xca\x11&lt;\x9c\xcb0\x95:.\xa3\xe8}i\xff\x00\x04\xc2\xf8_\xa0\xfck\xf8\xd5\xa2\xeb\xb6z|\x9fe\xf0\xd7\xfa}\xf4\xca\xa3l\xb2\x0f\xb8\x1c\xf7m\xdd=\xab\xf4\xcb\xe1\xe7\xc2_\x86\x7f\tt\xf9\xb4\xaf\x86~\x05\xd34;{\x89&lt;\xc9\xa1\xd3mV \xed\xeaq\xd6\xbe\x97\x03\x92\xd3\xc2\xd6\xf6\xb3w}\x0f\x93\xcc8\x8a\xae/\x0f\xeci\xaeT\xf7\xd4\xe8\xa8\xafp\xf9\xb0\xa2\x80\n(\x00\xa2\x80\n(\x00\xa2\x80\n(\x00\xa2\x80\n(\x00\xa2\x80\n(\x03\xe4\xaf\xf8,G\x81\xdf^\xfd\x9b\xac\xfcgk\x16\xe9\xb4\x1dj7b:\xf9r\x02\x8d\xfd+\xb9\xff\x00\x82\x9a\xe1?co\x14\xdc\x95\xdd\xe4\xfd\x9eL\x1fiV\xbc\xec\xd2\x9cg\x84m\xf4=l\x96\xb5Jx\xe8\xf2\xf5?#\x94\xd9j\x16-\x14\xb1\xee\xf3W\r\x9e\xd5\x9fk\xa8X\xddO\xfe\x8d2\xa9\r\x96\x8f8\xc5|%l/6\xb1&gt;\xfe\x9e!\xec\xd5\x8a\x97?\x05&gt;\x17iz\xb4&gt;#\xd2\xbc3\x0c7\x83\r5\xd5\xbe\x15\xc9\xfa\x8e\xbfC]\r\xee\x9df4\xc9/\xe5\xd5V5\xdb\xf2\xfc\xd9\xe6\xa6\x86#\x11G\xddM\xd8\xebP\xa3SW\x04\xfeW9\xedf\xe6\xd7H6f\xe3\xc5\x13][C!\xcd\xbc\xdat;\xb6\xb6r7m\xcdb\xf8\x8f\xc1\xba\xf5\xed\xea\xb1\xb9\x8d\xa3o\xba\xdb\xb8\x15\xe8,d\xb7c\xfa\xb6\x1f\x9a\xfe\xc6\x1fu\x88|A\xe1\x9f\x84\x1e6\xbd\x16\xf6^\x0cI\x99T\xabM|\xdeb\xc6\t\xc9\xda\xbd\x01\xcf\xb5\\\xb3\xf0i\xf0\xdd\x9b&gt;\xa3\xac\xc7\xb9\x97-\xb3\x1f\xce\xa6\xa62\xa4\xd7*dT\xa7O\xf9"\xad\xd9/\xcc\xf3\xff\x00\x18xo\xc3\x9e\x12\xbb\xfe\xcc\xf0\xed\xbcq\xc2y\xdb\x1fL\xfa\xd3u{Hu\x1dM\x99.v\xc4\xad\x86v?\x9dM\x1c5J\x92\xbc\x8f?\x11\x88\xa7Oo\xc0\xfb\x97\xfe\x08\x13\xf02\x7f\x16\xfcv\xd6&gt;5\xde\xdb\x96\xb3\xf0\xd6\x9a\xd0A#/\x06\xe6n0=\xc2\x82\x7f\x1a\xfa\x97\xfe\x08[\xe1\xad7I\xfd\x92/\xb5\xdd:\xd7\xcb]G\xc4s\r\xd8\xe5\xc4j\xaa\x0f\xf3\xaf\xab\xca\xf0\xd4\xe1O\xdau&gt;?:\xc6T\xa9QS\xd9\x1fjQ^\xb9\xe0\x85\x14\x00Q@\x05\x14\x00Q@\x05\x14\x00Q@\x05\x14\x00Q@\x05\x14\x00Q@\x05\x14\x01\xf3\xdf\xfc\x15#Q\xb6\xd3\xff\x00b\xaf\x16\x0b\x89B\xb4\xff\x00g\x8a!\xfd\xe62\xaf\x15\xe0\xbf\xf0[_\x8e1\xdbh\xfe\x1f\xf8\x13\xa4\xde\xae\xf9\x9c\xea:\xb2+r\xaa&gt;X\x94\xfe9o\xca\xbc\x9c\xdb\x11N\x18wI\xbdY\xed\xe4xZ\x951J\xafH\x9f\x9a\xf7\xf67~a\xb8\xb5f\x0e\xbc\xf1Z\x91\xab\xc7\x0bL\xc7pc\xf9W\xc1\xca\xa5Jr\xdc\xfd\n4\xe38&amp;\xd1\xcc\xb6\xb1\xaf\xda\x89 \xbc\xb6\x99\xa3a\x95\xdaMuP\xa4SmF\x84H\x0b\x01\x95#\x81\xeakHcju\x8a!\xe1\xd2\xf8[G\'q\xf1^\xcfO\xd3\x9a;\x98\xa6\x0e\xbf\xc1\xdcWA\xe3O\x08\xf8~}9\xa6{e\xf3\xbb|\xa3\x9a\xda8\x8aR\xf8\xa2e:ub\xbe6x\xfe\xbf\xf1&gt;\xf7Y\xbe\xfbD\x8f&amp;\xc5\xe28U\xbf\x9dM\xac\xf8&gt;;{\xa0\xe2%\xe7\xba\xf6\xae\x88\xe2(\xc3X\xc4\xe6t\xe5SII\xb3.\r_T\xd5\xae\x969\xd7\xcb\x8f?u{U\xebm=#e\'\xe59\xfc\xea\xbe\xb1R\xae\x97)a\xe9\xd2\x8d\xed\xa9\xfb\xa5\xff\x00\x04h\xd2\xe3\xd3?`\xbf\x0c\x94\x1f\xf1\xf1}y+~2\x91\xfd+\xc4\x7f\xe0\x8e\x7f\xb7W\xc2\xef\r\xfc&amp;\xd3\xbff\x8f\x88\xda\xaf\xf6f\xa1\x15\xf4\xa7D\xba\x99\x7fs:\xbf\xccc-\xfc,\x0eq\x9e\r}\x86O\x19V\xc2\xa8\xc1]\xad\xed\xa9\xf0\x99\xe7\xfb&gt;!\xd5\xab\xee\xc5\xd9&amp;\xdd\x95\xfb\x1f\xa2\xd4\xd8g\x86\xe6%\x9e\xdeU\x91\x18eY\x1b \xd7v\xdb\x9ebw\xd5\x0e\xa2\x80\n(\x00\xa2\x80\n(\x00\xa2\x80\n(\x00\xac\xff\x00\x11\xf8\xab\xc3\x9e\x11\xd3\xa4\xd5\xfcM\xad[\xd8\xdb\xc6\xb9in$\n?\xfa\xff\x00\x855\x19Kbe(\xc7wcB\xbe[\xf8\xe3\xff\x00\x05 \xb7\xd1\xa0\xbb\xf0\xdf\xec\xf7\xf0\xe2\xef\xc4\x1a\xd2\xa1[]C^G\xb1\xd3C\xf69 \xcd(\xff\x00q1\xef]t\xf2\xfcuo\x82\x9c\x9f\xc9\x9c8\x8c\xdb+\xc2\xab\xd6\xad\x18\xfa\xc9/\xd4\xfaS\xc4\xfe*\xf0\xcf\x82\xb4;\x8f\x13x\xc3\xc4\x16Z^\x9dk\x19{\x9b\xedB\xe9a\x8a%\x1d\xd9\x98\x80+\xf2\x17\xe2O\xec/\xfbh\x7f\xc1J&gt;"\x1d;\xf6\x99\xfd\xb4d\xb7\xb1\xd5&amp;2[\xf8O\xc3\xfaC\xc7\xa7\xd8*\x8c\xe1\x15\xdf\xe7 \x7f\x13.MtT\xc9\xf3\n\x14\xfd\xa5Zn1]Y\xc7\x87\xe2\\\x87\x17\x8aXz\x18\x88\xceo\xa2w\xfc\x8f\xab\xbcq\xff\x00\x07\x02\xff\x00\xc1:\xfc?\xf1J\xd7\xe0\xdf\x80\xfcy\xa9\xf8\xd3]\xbd\xd4\x12\xca\xdd|3\xa6\xb4\x96\xef30P\xa2f*\xa7\x93\xd4dW\xe5\xc7\xed\xc7\xfb.~\xcc\xbf\xf0E\xcf\x8e\x9e\x016\xbe\x18\xd6~\'\xf8\xcb\xec\xe7Y\xb5\x97X\xd5\x85\x8d\x9d\x9f\x95"\x84m\x90\xa7\xef\x0e\xeev\xe3\xb7Q\\\xb0\xa3\x19l{\x1c\xe7\xeco\xed\xf3\xfbY\xfcC\xf8\x05\xf0\xb2\xde\xf7\xc0zdV\x9a\xa6\xa9h\xf2,\xf7\x0b\xe6\x1bP6\xe7\x03\xa1a\xbb\xf4\xaeg\xe0\xf7\xc5\xff\x00\xd9\xfb\xfe\n\xf1\xfb\x1fYx\xcf\xc3z\x8cV\xd7\xd2[\xed\xbc\xb3\xdc\r\xc6\x8d}\xb7\x0f\x1b\xaf]\xa7\xf2a^\xa6W\x1c\xadF\xa5,bi\xca-Fv\xba\x8b\xe8\xda\xea|\xde}\xfe\xb0FT+\xe5\xcdJ0\x92s\xa7{9\xc6\xfa\xa5-\x93\xfb\x8f\xcd\xdf\x8d&gt;%\xf1w\xc4_\x10]x\xc3\xc6Z\xf5\xc6\xa9\xa8^a\xee/.\xa4\xdc\xcf\xe9\xf8{\x0e+\xbe\xfd\xa1?f\x8f\x8b?\xb3\xcd\xec\xbe\x1d\xf1\xdf\x85.\xa4\xb1\x8c\xe2\xc7Z\xb5\x84\xc9o&lt;c\xa7\xce\x07\xca\xde\xc7\x15\xf9&gt;m\x81\xcc0\x18\xc7\x1a\xaf\x99t\x92wR\xf3\xf2\xf4\xd1\x9f\xb3d\xf9\xb6_\x99\xe1#*1p\xb6\x8e2Vi\xf6}\xfdU\xd3\xeexl\x04&lt;\x06\x02\x95\xa7\xf6\x08e\x9b\xcc\x81\xd4\x7f\xb3^\x05Y^G\xbfE\xaeS&amp;\xd4\x8bK\xd0\t\xda:b\x97\xc41\xad\x84\x9fhc\x8e\xfc\xd61\xf7\x8d$\xa5\xb9kV\xb7\x8e\xe2\xdd\x9b\xcd\x1fw&lt;\xd6\x1bx\xa3Kx\xfc\xb9/\xd3\xe6\xed\xb8qZ\xdaH\xca\xdc\xcc\xe7\xbcCa\'\x9c\xcc\xa5v\xf3[rh\x9a\x87\x89Ym&lt;5\xa6\\j\x13I\xc2\xc5g\x03H\xc7?A]8j8\x8cENJPr~Z\x98\xe218\\\x1c9\xebMEwm/\xcc\xe0V\xd8\xc9u\xe5\xc7_Q~\xcf\x1f\xf0M\x1f\xda+\xe2\xc6\xa9o}y\xe0\x96\xd2\xecd`Z\xebZ\xcc1\xa2\xfa\xed\xfb\xf2\x1f\xf6@\x03\xde\xbe\xeb\'\xe0\xdc\xcb\x13iWq\xa3\x1e\xae\xa4\x92v\xee\xa2\xbd\xe7\xe9c\xf3\xfc\xf7\xc4,\x9f\x06\x9c0t\xeab\xaat\x8d(6\xbesiSK\xcf\x98\xe5\x7fd\xef\x87\x9e*\xf1w\x88t\xd84\x1d.i\xaf.\xae&lt;\x9d&amp;\x18\xe3%\xa4v8i1\xd9Tg\x9a\xfd\x0c{\xdf\xd8\xc7\xfe\t\t\xf0\x86\xe3\xe2\x8f\xc6\x7f\x1d\xda\xc9\xaeInB\xcd9Syz\xc0q\x05\xb4#\x95S\xd3\x81\x8fS_\xa8d\xb58g\x82\xe4\xea\xe0\x14\xb18\xa6\x9aS\x92\xe5\x84o\xbf,w\x7f;\x1f\x88\xf1\x16\x03\x8f\xbcL\x94p\xf9\xac\xa1\x80\xc0\xc6J^\xca\x0f\x9e\xb5Km\xcd5\xee\xafE{\x1c\xcf\xfc\x16\x07\xf6\xcc\xf8\xab\xff\x00\x04\xca\xfd\x91&lt;\x0b\xf1\x03\xe1/\x88\xa3\xff\x00\x84\xa2=j\xd6\xcb\xec7q\xf9\xd0jQ\xa49\x969\x179\xdb\x80~a\x82\r|\xcf\xfb\x06~\xdc~,\xff\x00\x82\xd7\x7f\xc1C|Q\xf0\xe3\xe3\x97\x82\xf4;\xef\x84\x1a_\x84g\xba\xd3\xfc\x0f\xa9i\x90\xcf\xe4\xb7\x9c\xa9\x14\xc6V\x1b\xc4\x84o\xdd\xb4\x81\xd0v\xe7\xe5\xb1\x15*b*:\xd5-v\xf5?I\xc2Q\xa7\x83\xc3B\x85;\xf2\xc5$\xaf\xab\xd3C\xd5?eo\xf8:;\xf6r\xf8\x83\xa5\xe9\xfao\xed5\xf0\xbfV\xf0n\xa7"\xaa\xdejZo\xfa]\x88n\xed\x8e$U\xfa\x83\x8a\xc1\xfd\xb7?\xe0\x89\xdf\xb1 \xf1\xa4\xfa\x07\xc3\x1f\x86\x97^\x19g\xb3Y\x11\xb4\xbdVDEv\xcep\x8d\x95\xae\xcc\x1eE\x8e\xcc0\xfe\xda\x84SW\xb6\xe9;\xfa3\xc4\xcd8\xcb!\xc9q\x8b\x0b\x8c\xaa\xe3&amp;\xaf\xf0\xc9\xabz\xa4\xcf\xd3_\x81_\xb4\xb7\xc0o\xdac\xc2\xff\x00\xf0\x98|\x08\xf8\xa9\xa3\xf8\x9a\xc3\x0b\xe6I\xa6]\x87hI\x1c\x07O\xbc\x87\xea\x05~,|\x11\xff\x00\x82r\xfe\xd6\x1f\xb1\xff\x00\x8e\xff\x00\xe1c\xfe\xc9\xdf\xb4m\xfe\x8b|\xbf#\xdajZbM\x05\xe4y\xff\x00W7\x94\xea\x18{\xed$R\xa9\xc3\xd9\xb5?\xf9t\xfeV\x7f\x93a\x87\xe3\x8e\x14\xc4\xfc\x18\xb8|\xef\x1f\xcd#\xf7\x82\xbe\x1a\xf8\x1b\xff\x00\x05\x1f\xfd\xac&lt;%e\x06\x8b\xfbY~\xcc\x1f\xda^R\x85\x9b\xc4\xdf\x0fo&lt;\xfc\x8f\xef\xbd\x9c\xc1$\x07\xbe#-\\\x152\xfcu\x1f\x8e\x9b_#\xd8\xa3\x9ce8\x8f\xe1W\x84\xbd$\x9f\xea}\xcb\\\xb7\xc2\xef\x8d\x1f\r~2h\xab\xad\xfc&gt;\xf1D\x17\xab\xb73[6c\xb8\x80\xff\x00vH\x9b\x0e\x84z\x11\\\xb2\x8c\xa3\xa3G\xa1\x19FJ\xf1w:\x9a*J9\xdf\x1fx\xe2/\n\xf8^\xff\x00[\xb4h\xe4k5\xc7\\\x8f3\xb2\xfds_*\xfe\xce~&lt;\xf1?\x8d?\xe0\x97\xbe\t\xf8\x9f\xe2\xcdJ[\xbd[Z\xb7\x1a\x96\xb1s#e\xa5\x92Y\xdc\xb3\x1fl\x91\x8f@\x05{Y._\x0cve\x1a\x156g\xcaq\x86m\x8a\xcar\x1a\x98\x8c&gt;\x92]{\x12x\xcf\xc5z\xff\x00\x8d\xaf\xdfQ\xf1\x06\xa2\xf3H\xcd\xf2\xae\xef\x95\x07\xa0\x1d\xab\x93\x87\\\x92q\xe6n\xfb\xc2\xbfU\xa3\x96\xd0\xc2\xe9N\t|\x91\xfc\xd1\x8a\xce\xb3,}Nj\xf5\xe5+\xf9\xbb~e\x89t\xb8Q\x8b\xa4\n\xa7\xf8\x99W\x93M[\xa9\x1f\xe6&amp;\xba\xe2\xa5\x03\xce\x9a\x8c\x9d\xde\xa7\xac~\xc7~\x0e\xb0\xbb\xf1\x9d\xf7\x88\xee\xa0\xdc\xd66\xea\xb6\xe7=\x19\xf2\x0f\xe9]\x1f\xecb\xa1\xacu\xb9\x88\xe7\xed\x11\x0c\xff\x00\xc0k\xe1x\xdb\x19Y:tS\xd1\xee~\xc7\xe1&gt;_\x87\xa9R\xbe&amp;J\xee-%~\x97]\x0f\xc3\xaf\xf88\x87\xe2\x8e\xa9\xf1_\xfe\nK\xe2\x0f\r\xcf1\x9bO\xf0^\x91i\xa5X\xc6\xaa\x07\x94\xec\x9el\xbc\xf7\xc9d\xfc\xab\xce\xff\x00\xe0\xabZ\xcbk\x1f\xf0Q?\x8c\x17r6\xecx\xbeH\xc7\xd1"\x8d\x7f\xa5|\x85\x1d(\x9f\xb4O\xc8\xf1\xcf\xd9\x83\xf6\xb5\xfd\xa3\xff\x00b\xdf\x88k\xf1#\xf6~\xf1\xc5\xc6\x93u\xb8\x0b\xcb)\x18\xc9kx\x9f\xdc\x963\xc3\x0f~\xa3\xb1\xae:\xee1 \xc6?*\xa9.bb~\xf1\x7f\xc1(\xff\x00\xe0\xb3W\x1f\xf0R\x0f\x18]~\xcf\xbf\x15&gt;\n[\xe9~!\xb3\xd0\xde\xfe\xea\xfa\xd6a-\x8d\xca!U#c\x8c\xab\x12\xdd9\x1e\xf5\xf1g\xfc\x1b\x1d\xa5\xad\xc7\xed\xcf\xe2k\x9c\x7f\xa9\xf0\x1c\xff\x00\xac\xf1\x8a\xca\xa4#\xcb\xaa.2\x94d\xac\xcf\xd4_\x8b\xff\x00\r\xbf`\xf8|Qu\xa2|D\xf0\x06\x8bk\xa9@\xc3\xcf\xf2\xecZ&gt;\xa3 \xe50+\x86\xfd\xb8t(\xa6\xf8\xdd|\xd1)\xdc\xd6p\x16\xf7\xf9k\xeexs\x81r\x0c\xf3.U\xf1\r\xa9]\xa7n[i\xf2?\x1b\xe3_\x14\xb8\xa3\x85s\x99a0\xb1\x8c\xe2\x92j\xfc\xd7\xd7\xbd\xa4E\xe2?\x82_\xf0Mmj\xc3\xec\xa7G\xd0\xb6\xaf\x1b^\xeaE?\xa9\xaf\x9euo\x87\xb2^\xdd3\xb4N\xb5\xf4K\xc2\x1e\x14\x96\xaa\xb3_\xf6\xec\x7f\xc8\xf8g\xf4\x8a\xe3\x98N\xcf\x07\t\x7f\xdb\xf3_\xab=\xab\xc3\xdf\x07?\xe0\x99\xde\x0b\xbe\xfbU\xa7\x85\xbc-#\xabd\x19\x11\xa6\xc7\xe7\x9a\xf0\xd8&gt;\x15\xcb\x0by\xb1F\xc4\x93\xfd\xda\xb8xE\xc2\xb4\xdf3\xaf\'\xf2\x8a\xfd\x0ez\xbfH\x8e:\xa9\xb6\x06\x0b\xfe\xde\x9b\xfdQ\xf7\xff\x00\xc1O\x0e\xfc\x10\xf1O\x86\x1b\xc4_\n\xb4\x9d6\xde\xc69Z#%\x95\x82C\xf3(\xe7\xa0\xcde~\xc3^\x1am#\xf6p\xb8\x94\xc5\xb5\xbc\xeb\xc6\xe9\xe8\x95\xf9\xef\x14d\xd9~C\x99}W\t&amp;\xe2\x92n\xf6\xbf\xe1c\xf7\x0f\x0f\xf8\x9b4\xe2\xec\x868\xfc\xca\x11\x8c\xf9\x9a\xb2\xbd\xac\xbd[\x7f\x89\xf9[\xfbb\xff\x00\xc1\xc7\xbf\x1d\xed|]\xe2?\x84_\xb2\xef\xc2\xfd+\xc3?\xd8\xfa\xa5\xd6\x9b\'\x895i\x8d\xdd\xc3\xb4R\xb4fH\xe3\x18Q\x92\xa4\x82I\xc7\xa5~e\xfcN\x13\xdd|a\xf1u\xd1\xdd\xba_\x16\xeaM\xbb\xebw-xQ\xa7\x15\x1dO\xb6\xe6\x95\xcb\x7f\x17&gt;)\xfca\xfd\xa0\xfca7\xc4\x0f\x8e\xbf\x14\xb5o\x12j\xd3\xb1/w\xa9\\\x996d\xfd\xd4_\xba\x83\xd8\x00+2\xdfMk\x83\xe5\x85?\xedU\xad63\xe6\xbe\xe7\xe8\'\xfc\x1b\x07\xa5Gm\xff\x00\x05#\xb9\xb9\xd3.\xe5\xd9\x17\xc3\xfdC\xedj\xbfu\x94\xcb\x06\xdd\xdf\x8eq\xf8\xd7\xa3\x7f\xc1\xac^\x10\xb6\xff\x00\x86\xc2\xf1\xf6\xba\xd1\x02\xd6~\x06\x865&gt;\x9ee\xc1\xcf\xfe\x83EkF\x8a\x1cb\xe4\xcf\xd4\xaf\xda\xe3S\xb3O\x88\xd6p,[\xa4\x1ah,@\xe7\x968\xa7\xfe\xd2\xf6q\xdd|T\x92R\xa3\xf7v1\xaa\xfe\xa6\xbe\xeb\x849)e\xceR_\x13\xd0\xfc\x03\xc5){n \x8c\x1a^\xec\x11\xe6\xf6\x92\xcb.\xd3\x1d\xb7_Z\xb3y\x7fi\xa5\xc3\xbd\x99\x7f\xdd\xaf\xa6\xe6\xf6\x9f\n?5~\xce$\xe0\x98b\xcc\xff\x00\x95r\xda\xb7\x89fhd\x9d\x9flc\xa7=kh\xe1\'=\xcc\xddjp\xd4\xf6\x9f\x87\xff\x00\r\xfc-\xaf|,\xd4\xfe#\xa5\xa4\x96Z\xe6\x8b\xe7\xcf\xa6\xebZ|\x9eU\xc2\x94\x8fv\xc2\xc3\xef\xa9\xc6\n\xb6Eb|d\xf1\xb9\xf8\x15\xff\x00\x04\xbf\xf8\x81\xf11\xee\xfe\xcfqo\xe0MJ\xf2\x19\t\xe9,\x912\xc7\xf8\xeee\xc5~Y\xc4\xd5)\xcb6p\xa7\xf6RO\xd7\xa9\xfd-\xe1\xce\x17\x13\x85\xe1\xb8\xce\xbbw\x9b\xbaOt\x9e\xc6\x97\xfc\x13\xcb\xfe\n7\xf0\xbf\xf6\xdd\xf8q\xfd\xa5i\xa9\xc3g\xaei\xf0\xff\x00\xc4\xc2\xd6i\x15&lt;\xc0\x1baq\xcf\x047\x0c\xbd\x89\x1d\x8d\x7f7?\xb2\x7f\xedw\xe2\x1f\x81\xda\x86\xa1g\x17\x88/,\xec\xef\xedD\x82K[\x82\x8e%\x0c\xa0\x8c\x8e\xcc0O\xa9E\xaf\x1atc\xd0\xfb\xd8\xce\xe7\xed7\xfc\x11c\xe3&amp;\xa9\xfbD\xff\x00\xc14\xb5o\x87&gt;!\x84\xabx6\xea\xf3H\xb7\x9d\xbe\xebD\xbf\xbd\x88\xfe\x19\xc1\xa2\xbd\xac\xbeR\xa5\x98Q\x944i\xaf\xcd\x1e\x06\x7fB\x8d|\x9f\x13\n\x8a\xe9\xc2\xf67\xfc+y-\xe6\x82\xaf/\xdeFe\'\xd7\x06\x8a\xfd\xb3\x17\xee\xd6\xd0\xfe;\xc3\xcaN2\xbb\xd8\xd0\xb3\xbc\x90\x9c\x12h\xaeYltS&gt;\x91\xfd\x89\xdb~\x8f\xae1\x1f\xf2\xf7\x17\xfe\x83E~c\xc7?\xef\x94\xfd\x0f\xdf&lt;#\xff\x00q\xc4\x7f\x89~G\xf3\xc7\xff\x00\x05\x1e\x90]\xfe\xde_\x17\xae\x1b\xabx\xea\xf4~L\x07\xf4\xa2\xbef\x8f\xf0\xcf\xd6*|g\x85\xdc[\xa6y4V\xaf`\x89\xfaI\xff\x00\x06\xbci\xd1O\xfbc\xf8\xe6\xe8\x9eb\xf0.\x07\xe3r\x94W5f\xd4J_\x11\xfa=\xfb[\xd8\xc0\xff\x00\x1a\xaf\xb7\xae\x7f\xd1a\x1f\xf8\xed\x15\xfa\x8f\x06\xca_\xd8\xb1\xd7\xab?\x9a&lt;QK\xfdh\x97\xf8Q\xe5\xef\xa0\xd9N\xdb\xf6\x01E}tg.\xe7\xe7\x0e1\xec&gt;?\rYv\x14T\xca\xa5N]\xc1F7\xd8\xfa\xb7\xf6m\xb0\x83O\xfd\x9c\xae\x12%\xeb\r\xe3\x7f\xe3\xadE~5\xc5\x92\x94\xb3\xa9_\xcb\xf2?\xa8\xfc2\x8cc\xc2\xb4\xed\xdd\xfeg\xf2\xb7\xf1\x07M\x87\xfe\x16W\x88\xdf\xfb\xde!\xbe?\xf93%\x15\xe4\x9fs/\x88\xabej\x8a\xd9^\xd4V\x84\x9f\xab\x7f\xf0k\x15\xbc_\xf0\xbf\xbe*N\x17\xe6_\n\xe9\xe3?\xf6\xdeZ+\x9f\x17\xf0\x9a\xd2\xf8\x8f\xd1\x8f\xda{T\x92\xd3\xe2U\xde\xd1\xd2\x08\xc0\xfc\xa8\xaf\xd18N1yZo\xb9\xfc\xe1\xe2l\xa5\xfe\xb2M_\xec\xa3\xca\x96\xd6mb\xeb\xfd"n:\xe2\x8a\xfa\xd9&gt;H\xfb\xba\x1f\x9d\xca*OS\x9d\xf1\x95\xdb\xbe\xa5o\xa1@\xa1D\xd7\t\x19=\xb9`(\xafF\x84Tp\x93\x9a\xde\xcf_\x91\xcfO\xf7\xb8\xeat\xe7\xac\\\x92k\xca\xe7+\xff\x00\x07"|n\xd5&gt;\x07\x7f\xc14\xb4\xbf\x85\x9e\x1c\x89\x94x\xd3\xc4V:=\xc4\xd1\xe0*\xdbD&lt;\xd7S\xfe\xf6\xd0(\xaf\xc0k7,C\x93\xdd\xb6\x7fi`\xe3\x1ax*P\x8a\xb2QK\xf0G\xf3\xa3\xaa\xeaSZ"\xb2\x1f\xf9h\xeb\xfa\xd1A\xd5\x13\xff\xd9'</t>
        </is>
      </c>
      <c r="M551" s="3" t="n">
        <v>45492.67789351852</v>
      </c>
    </row>
    <row r="552">
      <c r="A552" t="n">
        <v>1516708</v>
      </c>
      <c r="B552" t="n">
        <v>2020</v>
      </c>
      <c r="C552" t="inlineStr">
        <is>
          <t>Kauan Rodrigues</t>
        </is>
      </c>
      <c r="D552" t="inlineStr">
        <is>
          <t>Kauan Rodrigues</t>
        </is>
      </c>
      <c r="E552" t="inlineStr">
        <is>
          <t>MC</t>
        </is>
      </c>
      <c r="F552" t="inlineStr">
        <is>
          <t>MC</t>
        </is>
      </c>
      <c r="G552" t="inlineStr">
        <is>
          <t>MC</t>
        </is>
      </c>
      <c r="H552" t="n">
        <v>174</v>
      </c>
      <c r="I552" t="n">
        <v>37</v>
      </c>
      <c r="J552" s="2" t="n">
        <v>38457</v>
      </c>
      <c r="K552" t="inlineStr">
        <is>
          <t>Right</t>
        </is>
      </c>
      <c r="L552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c43c8cfd-d0eb-4cc6-aa52-9b8cf5c267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H\xb5#\x00\x00\x02\xfdPLTE\xff\xff\xff\xda\x03 \x17\x12\x0e\x11\x0e\x0b\xd1\x01\x1a\xfc\xfc\xfd\xf6\xf6\xfa\xfe\xfe\xfe\xfa\xf9\xfc\xd6\x02\x1d\xcd\x01\x18\x1a\x17\x12\xd7\x97l\x0c\n\x08\xda\x9ao\xdf\x03!\x02A\xc6\xc9\x01\x16\xd0\x8em\xb1v[\xaeqV\xbd}`\x9fhR\xc9\x8cp\x06\x05\x04\xc2\x81d\xcb\x88a\x02&lt;\xbd\xdb\x9f\x81)\x1b\x12 \x1c\x17\xd4\x92h\x02F\xcf\xb1~g"\x16\x10\xef\xef\xf5\xb8tQ\xf4\xf3\xf7\xd0\x8dd\xc4\x01\x13\xc7\x85]\x94^I\xca\x89g\xb4oL\xe0\xa2y\xc4\x86iO5$\xafiH\'"\x1f\xe5\xad\x93\xb8xX\xc9\x80`\xb7z`\xd3\x92p\xe1\xa6\x80\xa1eI\xd9\x9cy\x8fYB\xbc\x82h\xe1\xa7\x8f\xa9lP\xbf\x02\x11\x85T@\x94U87,%\x9acL/!\x16\xdd\x9es\xa4mW{D(/\'\x1e\xa8cC\xe2\x07\'\xb8\x01\x0e\x85N79)\x1bB5+\xd4\x98|\xdb\xa2\x8a\xc5|[\x8cS8\xc2\x81[A2!\xb8\x88u\x97[?\xc0|V\xd0\x92v\xa8s]\xa6iK\x9c_B\xa3_@\xbdwU\xcf\x87i\xaeya\xd9\x9a\x80\xe3\xa8\x89\xe8\xb4\x9c\xb5\x83mv?%\xe4\x04$\x04;\xb3pM&lt;\xd6\x95w\xc0\x87p\xe9\xe9\xf1\xdd\xda\xdd\xf8\xf5\xf4\xaeoOH;1\xf3\xed\xee\xe8\t(|O&lt;\x7fJ1\xce\x95\x81E*\x1f9 \x15R;/\x9cY:\x8bL/\xc8\x90z\xa6xfSA7\xe0\xa1\x86\xec\xea\xe9\x9fq\\uF3#$\x1a\x83F,m:#\x03N\xd9\xd3\x9c\x87,-&amp;^9+\xd5\xd2\xd3\xe5\xe2\xe6\xc3\x96\x85sWF\xbe\x8f{\x89[IYF.73-eF8\xb3\xb0\xb0\xc8\x9f\x90fO2\xe7\x1a5\xe3\xc9\xc2jC3^@5^KA\x92eR\xeb\xbb\xa7\xcd\x0e%_aZdTF\xe4\xd5\xc8\x03.\x95IKB\xd9\xbc\xb1\xdd\xe1\xef\x055\xa3&lt;&gt;7\xbe\xbb\xbb\x82^P}b?\xe9\xe0\xdac2\x1b\xa7\xa4\xa3\xd2\xa7\x95\xc9\xc3\xc2\x93n^\xda\x16.\xaa\x03\n\xe6\x97\xa4\xdc\xaf\x9b\xc7\x159\x94\x93\x90\xaa\x83s\xd2\xd6\xe8\xf0\xd6\xd7S)\x15\xc1\xca\xe4\xab\xb7\xdb\xdc\x96}r^Y\xcc\xca\xccRTN\x04(\x85\xc0\xae\xcf\xe1\xd0\xd6\xf1\xe7\xe3\xd9\'&gt;vusmma\x86f\\\xe5\x95\x8c\xabiU\x87\xa0\xdc\xf5Zu\xe9\x81\x92\x84oR\x16S\xd2\xe6\xa5\xb2\x04\x1bl\xe6\xb6\xc2\x18I\xb3\xdfl\x83\xb8TR\x9a\x9a\x97\x95}f\xe1H^\xcf}\x93\xcc\xad\xa3i\x83\xc2\xc8&gt;hMo\xba\x8c\x8b\x88\xb6\'T\xe46M1Z\xbb\x86pl\xb0d\x95\x84\x7fz\xc6e_\xb4\x1e\'\xc73G1h\xd9\xbc`U&lt;Y\x9aj\x8f\xdf\xb8\xa2\x98\xd9ql\xb0H}\xcf\x9b\xae\xc8t{x\x91\xcf\xba\x91\xba\x9a\x8d\x7f\x1f=\x92\xba\x80\xa8\xe1\x83{\xdcZm\x99\x9c\xcdPz\xd9\xa6\x89]\x9dLG\x9dG+\xcac}\xa8\x95\x91\x8d\x194vz\xa5y7\x1b\xcd\xab\xc8W%g\xb9bm\x93xE\t\x00\x00 \x00IDATx\xda\xc4\x98\xcfk\xe2\xea\x1a\xc7\xcb\x1b\xbc\x11^\xb2)\x0c\xd7\n\xc9"\xd3\x0e\x9d\x96\x13\xc3\x95\xa1tSs\x02\x8d\xd0\x04\xb4/\n\xf5\xc7\xaa\xe0\x05\x9d\x94\x1eZ-\x88\xb7\x99BF\x11\x92J\xe0\x8c\x8bx\xf1\x82%\xa7\xe2\xac\xbc0\x8b\xa9\x8b\x83\xee\\\xb6\xbb.\x0e]\x9e]w]\xdc\xe5}b\xe7\xfe\x057\x9dy)\x9aJ!\x1f\xbf\xcf\xf7\xf9&gt;O\xba\xb4\xf4\x7f\x1f\xfa\xf9-\xdc\xba\xb9\x19]\x95\xd7\xe8\xa5\x1f\x7fh8!\xda\'\xa9\x94\x1b\x95J\xa5\xd5\x1a\x1d\xd1?\x18\x8c^\xa2Ck7\x9dN\xb3\x02p\xad2\xbd\x14\nW\x8e:e\xc0\xfa\xa1d Tk\xdaw\xfb\xfd\xfb\x06\x1d.\xaf\x85C\x8df\xb3\xf3\xd8\x19\x1d\x85\xc3!z\xe9G\xb1\xd1@\xe1\x9a\xb3\xf1\xa4?y(w\xeeoG\xaf\x1b\xcd\xce\xdd\xdd\xdd\xfc\xf1\xf1?\xa3V%\xdc\xa8\x84\xbe\'\x99_$x;j\xb4\x9a\xb7F\x7f6\xb0\'\x03s`\x9a\x93q\xa7\xf3\xd8\xeb\xcfz\xdd^\xcf\xe9\xdd\xdfTZ\xcdf\x18\xaa\x1b\xfeNht\x08jD\xd3\xa3\xd9l\xe6N\x1e\xa6\xfd\x81\x81)\nS\x86i+\x8ab\xdb:\xa9;\x8e\xae\xbb\xe3fs&lt;,\xb7\x80&gt;\xf4=\x98\xd6ZW\x9dr#\x1c\xbe%\xb6\xa6\xf7\xa7\xd3\x89\x81y\x84(\x86\x014\x84\x15[2XV%\x8a\xd6\x9f\x8d\x86\xfd\xbe{?\x1c\x8e^^\xb0Py4\xbc*\x83\xab\xae\xfa\x8a\xaeqx0\xebcYU)\n!\x8c\x11Eq\x86\x81"\x11VF\x9cf\x0e\xc0u\xc3f\xa7\xef\xde\xac\x85^\x16,\xd4\x1aAd\x1e5\xcaS]\xd5-\x05S\xdc\xc0\xc62\xab\xf2\x88\xe2\xb1\xac \x90\r\xe1\x08\xa3\xc9\xac\xa4p\x0c\xb6{\x9dVy&lt;\xb9j6\xe8\x17\xcd\xce\xd0\xa8s\xeb\xda\xae;1d\xcbrX\xa8\x1dby^\xd2A!\x84\x18\x10\x0c&gt;@\x11\x84\x19\x86S8N\x92z\xae{{\xebB3\xbc\xa6_.&lt;\xe9F\xc7\xedk\x06\x13\xe1\x0cl9\xc4aY*BiD\xa9W\xf9H\x84\xe1P\x84C\xbe\xf9#\xfe\xa1\xb0\xc1qf\xdb6f\xee\xc3\xfdtzs\x14z!\xa9\x1aW\xb7\xaei\x98\n\x02w+\xb2#X\x0eO\xd8\x08EX\xa9\xae\x81\xb3"H\x11%\x91SD\x8a\x01\xb1\xa0\x01D\xccI\x96b\xf6\x07\x83\x81\xd9\xbf\xed\x1c\xbd\x0c\xd5\xda\xd8\xe6L\xd30\x08\xdc\x94bI\xc9\xf2\x1c\xa9[UU\x8c\xb4\xaeH\x81\xe79\x0e\xfaP\x11\xc1R*8\x1e\xbc\xcf\x99D\x16m\xf8&amp;"L\x82\xe1\x8b\xb8&gt;T\xbe\xed\x1b\xdc\xc0\xc4\x1c\xc1\x1c\x85XR-\xdd9\xf5.+\x13\xac\x94\xba\xbe\x80\x8bFd"\x0c\x13aUE\xb3}@(\xa3\x88\xb1\xd9wo\'h\xdc\xfa\xcb\x0b\x88\xd5\x9cN\x07\x06|slH\x14@\xc8\x92\xec&lt;Uu\x89\xa1T\xe28,\x85\x0c\xa8\x94\x88\x98\x85\xad\x0cBaI\x97X\xc4\xc1_"l\x18v\x9f3\xee\xaf\x82\xefF\xba\xd2\x19\xb7f\x9a\xa6\x89X\x11A\x11\x9eh\xbc\xb0\xed\xe8\x92"\x0b\x9e\xa7\xf2\x06\x07X\xf67,\n\xd7\xb9\x08\xa3HDR\x0c\xffW_1\xd1v;\xafC\x81G{k8\x04,\xb04\xf4\x97\x7f+\x99\xc8U\x81Xm\xcf\xf3\x1c\xa2\x12\x02\t\x06E\x84!\xe4\x9b\x9d\xd2\xea\x94\x9f\x10\x84U \xc3\xc4\x81m\x9a\xb6\x88\xed\xe9M\xc0\x93\x9b&gt;\xea\x8c\xef\xcb\xae\x04A$\x0b\x96@\xc0Q\x96\xe0\xf0\x18\xfa\x8f\x87\x90X\x1c\xce\xa00\x87A\x19\x14apW\xa3\xc0hD\xed\xd6\xa1\x19@+\xd0\x91a\xccI\'\x1c,V\xb9s5}\xacKXr,\xa2\xca\x82c\xa9\xb2E|wG@\x9b\x88\xef!&lt;0\x91\xcf%\x8a\x90\xa8\x11\\\x97 \xd1\x14A\xefu\x15$\x9a"\x87\x10\x87\x1fn\xfb\xcd \xdb\x91\x0ew\xdc\x07\xd7\x94\t/{% \x10d\xc4\xa8\x02ZP\xf9X\x8c?s0\xe4\x03\xdc\x1b\x01\x16|\x82IU%\x96\xa7\xd5\xbf\xea\x88\xb3u[\x81\xbc\x985\xa7\xe3J\x90XGc\x17\xd6\x17\x99\xb0\xaa\xe392q$"\x10\xc8\xf5E\x1c@\x8d0g\x88\xa2\x08\x99.\xc1 \x149\xec\x87\x18\x85xV\xbb\xd3\xc5zU\x86\xb4\xd5\xf5\xba\xa5\xf7\xc7\xe3Y\x80\xddH\xd3\xe5{W\xd7TVV\x05\x95\xb5\x1c@\xb3T\xca\x97\naQ\x92\xfc{BLi\x92$\xe9\x9f./?\n\'\xa7,\xcb\xfb\x13\x08\xdfuE\xa9\xaek\x9a^\xad~\x9a\xdfugc\xb7\x11\xe40\x1c\xb9\x9a\x02\xd6\x96\t9eX\xc1\xf2\x08O1\xbe$\xf2\xc9\xa7\xcb\xd2\xaf\xc7;;\xc7\x97\x97\x97%8;\x99\\n{\xe7\xfc\xe3\xc7\x13\x95\x07\xee\xde\x1c\x02E\xaf\x93j\xb7m\x95\x9e\xda\xbdi\xa0Xts8\x13y\x16\xa9\x04\x1c\x05\x9b\x01\xb1X\x8a\xd3X\xf9D8\xdfK\xa7\xd3\x89\\\xee\xe7\xb7o\xb7\xb7\xb73[[\xc9X,\x99\xcc\xa4\xf7\xce?\xaa \x982\xd7\xa1\xc2\xba\xa4\x12A\xb6\x9e\xbc\xba\xe9\x06\x1a\xa9G\xad\xb1\xa4\xf2\xac\xa0\x9e\xc2.\x83`P\x0b\xd5\xba\xaa~\xbc8&lt;K$j\x89Z&gt;vp\xb0\x95\xdb:8\xd8\xdc\x8c\xc1I\xe6s\x99\xf4\xb9 \xc3\x0e\xe6\xdc\xd9\x18A\xcc\xc2\\R\x9f\xdau\xc3\xbd\t\x12\x8bn\xcc\xe0\xfb\xf2\x04\xb1\x8e\xc5-\x92\x1c\xeaw}\xb8\xfb\xe1\xac\x96\xcb\'c\x9b\xab\x80s\xb0x\xff\xc6\x95\xcfm\x1fWU\x96g\xe7s\x91\xc2\xb6\t[E\xf5\xc9\xe9\x19\xe6}\x80\xadH\x87\xaf4Y\x13T\xc2\xf2\x8e\'\x80\xaf\x18t\xfa\xe5\xfa\xf0\xc3\x87\xb3D&gt;\x9fOn\xae\xfagss\xb5\xe0\xbf\xfad\xc0\x95\xcf\xec\x9c\x0b\xaa,{s\ra\x93\xa3\xd4\x7f\xcc{mMz\x08\xb2\x15\xc3Cxd\xb0\xfcpw&lt;\x8b\x87\x91\xe8S\xed\xfaT\xc9$\xb8\t\x80RY\xff\xa4\xb2\x85\xc2\xb3b\xc9d-\x91\xd9&gt;?aYk\xde\x86Vu\x9e\xbc\xde\xe7y7P\xac\xa5\xdff\nV,\xf5\x94T\xdb\x9e\x86\x18\xf6\xcb\x97\xeb\x0b\xc0J\xd7\xfc\xfbC\xf1\xf2\xb1\xec~*\x1b\x87\x93*\x146\x9f%K\xe6r\x99\xb7\xc7\'&lt;\x8f5\xa7\xed\xb5I\xef\xf1\xee\xae\xa7|\rR\xad?5\x93U\x05YuJ%O\xa3\xd8/\xd7@\x05%\xac-\xec\x04\x95Kn\xa6R\xfb\xfb\xf1u\x9f+\x15\xf75+\xacB%k\xb9\xdc\x1epA\x8f \x8a\xcc\xe7w\x9f-\xe5k+0,\xba\xf2\x07\x87`a\x90\xc9\xdc\xb3`\x8bYP=\x970\xb6Z(\x00D\n\xcez\xb4\xb8\\\x8c\xa7\x16d\xa9T\xc1\xd7+Y\xcb\xe4\x8eO9\xccP\x8c\xec\xf5\xda\x9f\xe7\x9a\xf2\xf5\xf7\xe0\xb0\xca=\x84\xd5\xae\x8e\xd8v\xc99&gt;=\xbd\xbe\x00\xaa\xdd\x0f\xb5$\xb8\xbd\x90\xf5!\xe2\xf1\xf5\xf57o\x96\xdf\xbd[.\x16\x8b\x0b\xac\xd4\xea\xa2#k\xb5\xcc9&lt;\xa51\xbccY\xf3\xa7\xb6\xa4=\x06\xd7\x89\xa1\x7fv!\xdf/\xeb\x88\xb7&lt;\xcfb\xbf\\\xfcO+\xa8aj?\x15\xdf\x88F\xe3\xd1h\xb4\xf8fAU\x8c/&lt;\x06z\x81\\\xf9Zb\xaf\n\x8fC\xfehx\xf2l\xb1w\x15\xa0\xb5~\x9b+\x9a@\x9c\xaa*\xec:*{}xx\xb8{\x96\xae\xf9\xd1\x00je\xc1\xea\xd1\xe8F\x11\xb86\xa2\xc5h\xbc\x18\x87\x97\x05W\x0c\xc0\xf2\x89\xbd\x92\x06\xbb\x85j\xb5\xbb&lt;\xcf\xf5\x86\x016b\xe5\xdf\xaa \xb0\xc2\xdc\xdb=\x94\xf9\xd3\x8b\x05\x15d{&gt;\xf6\xde\xb7\xd6\xcaz6Z,./o\xf8v\x8f\xc7\x8b\xcfbe\x0b\xd9U(d2\xb1\xb7w\xa9\xd8"\x05\xbb\x0f\xec\x88\xf6C\x90\x8b\xcd\xbf\x04\xcb\xe2\x85c\xe7\x84\xa7\xd8\x13\xdfW\xe9\x84\x7f\xf2\xb1\xd5\xd5\xec\xfe\xc6\x06\xc8\xb5\xfc\xcdR\xd0\x82\x90ap\xb1\x02\x97P\xc7X-\xbdW\xd2a\xfc\xf8\xbb!\x92\x94I3\xb8\x05\x95\xfe\xbdmY\x94,\xc0b\x0e\xf1\xee\x07V:\x91N\x9f% \x1e\xf6\xa3\x1b\x1bP\xb3"\x14.\x15\xf7=\x06R\xf9\xb2\x15^\xa5\n\xfb+\xd9\xcdX.\x9d\xde\xf9\xa4p0\x19"\x88RD{\x16\xdc\x82J\x87\xff\xbc,\xf1\x10&gt;\xf0\xd8zr\xfd\xcb\xee\x1e\x88\x05C:w\xf0&gt;\xbb\x0eT\xafR\xf1g\xa7\xfb\xa5\xf4\x7f\xe0:\xb5\xb2\x12_Yy\xb5\xfa&gt;\x99\xc9l\xff*-\x9e\x89`34\xc6\x9d\xab\xe0\xfe\x15\x1dj\xfc\xd1\x168\x16Q0u.\xf6~\x01\xac\x0c\x9c\xfc\xc1\xfb\x95\x8de0Uq\xd9\xefA\xb8|\xf7\xf7w\x8b\xf3\xd7\xe2O++?m\xac\xbc\xfa\xdb\xea\xc1\xd6\xd6\xcf;\xf0\x1c\xb7\xd8\x1a\x19\xb39\xba)\xff\x97V\xb3{M#\xdd\xe3\xf8!!\xf5@Nn\x1c\x9d\xa9\xcb$`\x9a\x85\x1d\x0fc\xd5\x8c;\x99\x19\x99\xc4`\x12\xb0:u\xab\xf8\x92\xc6\xb7\x80J\xab\xc5\x97\x98\xfa\xb2c\x1b\x8c{4\x9e\xa6\x81&amp;*Mi!\x11\x1a\xeb\x85Tv\xa1i\xe0\x94=\xa1\x7f@\x17\xf6\xa2\x17\xa5\x97{q`o\xcb\xc2\xde\x9c\xdf\xa4\xe7\xfc\x07S\xf3\x02\xc9M&gt;\xf9&gt;\xbf\xe7;\xdf\xef\xf3([\xffQ\x8c\xbdt\xfc\x13\x12\xe7\x08\x18\xfcz\xe6\xbe\xdd\x05P.\x97\xc7o\xd2\xe8\xc0\xab\xe0e\x96&lt;\xcbl\x8e\xe3eg&lt;\x14r\xeaH\x9d\xc4\x05X&amp;\x8b\xdf\xe2o\xe6\x17\x0c\xa3\x17\x19\xfb\xec\xd6\xc9\x8b\x7f\xc8X\xcbN\x0c7nL\x8fHb-\x81X\x90Aa\x871~\x93\xce{\x81\x15w\xc6\xf1x|.\xee,s\x02Py5&amp;\xb5\x06^\xa4\x1a1\xa9,\x16\x0b\xb1\x0b\xfdrBj$\x1f\x1f\x1e\xbd\xbf#\x1f\xd5\xd8\xeb\xa3I\x88O\x1bz\xb0\xd2\x0c\xe8\x14\xf0\xd8\xed.\xc2\xc2b^\xcc\x1b\xaa\n\xc0R\xc6\xe7\xf0r\xb9\x8c\x0bB\xb5\x9a-\xb0\x88\xea-B\xa95jD\x95L&amp;\xe9\x98\xc3p\xb1\x8c\xa3gG\xdb\xef.\xc9\xe8\xa8w\x1e\x1b\x16\'\xa7\xf5\xfbK\x17by&lt;\xf6\x0cO\xd8\xa2;\x05\xaf\xb7\xca\r.\xb0\xc2a\x8e3\x1a\x85\xea^}8t\x0f\x8b&gt;\x1b\x8a\xaa(\x8a\xb2X\x92*\x7f:\xbf\xfcy\xba\xc6\x8fN\xae\xc8z\x8c\xf4~\n\xfa\xf3.\x01"\xb9\x18\x0f\x93\xa9\xa4\x9bmq8\x1c\x16\xdd\xd5\x01\xe0p\x12R\xc4\x18\x19\xd4\x7f9-\x95Z\xa5V\xab\xd1\xed\xf2\x04\xfa\x16QY@-\xe6`\x01\x8a\xf5\xe5\xcb\xf7\xc6\x7f\x96\xf5tW\xf1\x97\x97S\xd3\x8b\x8b\x8d\xa1\xd4$\x18\xfb~\xad\xb6\x1b\xdb-\xa5\xf2)\xfd\xc1\xb9\xbb*\x18/\xa8:\x83\xc8\xc0\xddm\x1d\xb6R\x0b\xcb\xcb\xd0\xd3J\xa5}\x1eU\xc1p\xd1\x81X\n\xac\x0b\xc4\x9a8\x93\xf5\xa6J\xa18\x19\x9fZ\xbcv\xbe\'\x12\x8c+S\x830\xbc(\x9d@L/;\x1c\xa5\xfe\x0en\xbc\xa0\xea\xf4\x06\xbd\xe1i\x0b\xa8\x1e&lt;XX\xd8\x06\xac\x94\xe3\xa0\xf9\xd6\x02\x1e\xc1\x1f8\x0c\xd2\x91\xca\xe5\x07\xb7d\xad\xfbw\xde\x8f\x8f/^\xeb\xef\xb9Q\xbe\x02\xc9\x0e\x98\xa0iM\x19\x16\x96\x1d\xa5F\xd1\xf9Y\xac\x88 \xd4\xfb\xa7-\x80I\x95RPf\x1d\xa5R~!\x97F\x01\xab\xb9{\x8152qvG\xd6C\x9b+\'\xdb\xa3\x8b\x0b\xfd\xbd\x1d\x94\xd7OOC\xa5\xb9\xe6p@\x8f6,/\xa4b"\x86\x87\x05A\xc2\xc2\x0b\xc5\xeea\xabt\x00\xa3u~~\xda8&lt;l9r9\x1e\xa5i"&amp;aML\x1d\x1d\xcb{T9\xf6\xf5;\xc3\xe2\x8d~\xdd\xdd\x8e\xe56r\xb5X\xa3{~~\xde\x8d\x1d\xe4\xf3\xf9X\x9bu:C\xb8\xb1\x13\xe1\x04\xafVDE_\xd0]\xdf\xeb\xf5\xf6\xf6\xea\xc5~c\xb7\xb6kE\xad\x01&gt;e\x98\x9a\x18={-\xf7}\xc6\xd8\xf7\xff\xbew\xa3\xef\x1e\x8a\xbb\xfa\xfdt\xbb\xa8u\xd7\xeb\xd9j!\xeaC\xadV\x94\xc2\xbc^\'\xd7\x89\x18\xc3N\x92%\xa5\x1f\x04\xa17x6\xe8\xd5\xa3n\xb1\xb1K|\xc6\x1a\x990\x1c\xcb\x7f\xcb\xa28~p\xa3?,\xf6c\xe96*\x02U\xb6P\xc8f\x0b$\x95\xa4\x03I5F\x92x\xc4\xc8\xe1s\x18\x89\x91\x88\n\tj\xa3\xeez\xaf\xd7\xab\xef\xb8\x8bM\xdeJx\x98\xfc\xf6\xf8\xf8\xf6\x0f\xf2\x9f6+^\x1f];\x1f\x16\xc5vQ\x14}Z\xad\x0fm\x8b\xc5h\xd4\xe7\xf3\x07\\\xf3\x16SR\xb5\x86\xe3\xa1\xb8\x92$\xc1@m(\xd1l\x8a\xa0h\xb5Zpk\xc56a\xf5\xf0\xf9\xe5\x91q\xc3\xb1\xfcXc\'\xf7\x96\x01K;\x8c\x16\xe1\xcf\xf2\xe9\xfd|\xfe\xa0\xd1\xedkE&amp;\x93qy6g\xd6\x00J\xa9#\xd5\x16\x86\xdf\xcfoLn\xe4\xbb}\xd1\xe7\x06,\xf8\x0fP\xa8\xfe\x0b#\xa3\x86\x17_@\xad\x87G\xdb\xddbq\xe8\x8e\xfa\x88t\xa5\x96sLC\xfa:;m4\x99\xa5\xf5\x8c}\xfe\xba\xf2\xd5+\x08\x0e\x18e\xaf\xc5&gt;\xb4\xa6G\xa7\x16\x1d\xfa]\x9e\x88&amp;\xe0\xc3g#\x00kt\xf4\xe8\xd6\x17P\xeb\xfb\xc7\xdb\x8d\xe2\x10\x86\xc5Z\xd9\xd7O\x96NsG\x86\xa7\xa7\xc7\'\xa7[\x80\x95\x99\xbf9kV\xea 4X\xb7\xba\xf5_OK\x86\xa7\xb9\x0f\xa7\xd7\xf4\xbc-\x9a`Y\xad\xcd\x1aK\x81?l\xbf\xbc$\xbfZc\xc7O[b\xd1\xed\x16\xd3[@u\xfeA\x9f\x9aJ\x9d\xbe~\xf1K\xed\xf9\xfaRfsf\x16\xda\xabZm\x82\xa9\x1a\xd6\xbb\xb9\xe9\x8d\xd6\xc9\x1f\xad\xc9\x1coc\x13\t\xad\xcf\x1a\xcbO]\x1ey|\xf6\x83\xfc\x17,\x8a+?\x97\xc4hT\x8bV\xf4\x93\x1b\x8d\xfe\xef\x87\x1b\x1b\xb9\x8f\xbf\r\x9b\xeb[\xeb\x15\xfb\xea\x8c\x14\x9c5&amp;\x13e\xe3y\xa2Y\xd3\x1f|\xf8\xa3\x7f\x90\xdb\xa8\xa1\t\x0cc%,X\xf3{\xdb\x0f\xbf\x80C|\xfd\xb1$jaA*\xb5\xfd\x03\xfd~\xa3Q\xab\xc5\xfaE\x1bQ\xa9T2\xf6\xcd\x99\xebk\xbaY\x8dZ\xadF,`e\xed\xf6y\xff\x9c\xe7\x9b\x04\x1aL\x14\n\t-\njA\xe5\xff\x02[Q1v\xe9]\xbeX\xb4\xd1\x90j\xda"\x9f\xaeT\xf86X\x05j\x97\xa8\xec\xf3Wo^\xbf~\x11I\xd5\x14\x12\x0c\x06\xa3Q\xb7;\x1a\xd4\xb2,\xc5b\x9f\xb1\xa4\xfb\x8c\x97\xf2\xbf\xd3E\xa1P\xbc&gt;\xf4im\x01\x97\xdd\xceC\xbeAQ\x1b\x82\x04}\x84=\x03/\xbbg\xe6:he\x82\xfc\x0e~JJF\x8b\xc1\xac\xb3\x90R\x93H\x82\r\xa2\xe9\xda\xe4\xc4\xc8\xe1\xbfn\xcb\xfd\xc6\x88\xbf&gt;\xf9\xed\xf8\xe1\xa1h\xa3%*\xc6\x8a\xaa\x10\n\xf6\x1d\xab\xf23\x99\xa5\x0c\x130\xad\xad\x99a\xb4\x10\rIz\xe3\xd2\xd3\x07\xa2\xa1\x80;1pW\x1a\xa1\x10\x14"\xda\xc6\xd6\xfc\xdb\xc2\x1by\xb9\x14\xcf\x98\xad\x9a~\xd7\x872\xf64OXL\xdfA\xe51\x83y\xaah;\xf8C\xc0\xafV\xc6_\xc5\xcd\x1aJMbJo\xc8\x1b\n\xff\x9fKc\xa2i\x9f\x0fu\xd9WW\xff~\xf3\xeaJ\xf6\xb6\xac1\xf0\x8d\xdbs\xff\xcf\xe7\xf6"\xca\x83V~\xd3w\xdf(%,\x8d\xc9\xefZ__r\xd1I\xdd+\x08\xf3e3\tXP:\x04\x8e\x0b\x87\x8da\xf8\x8dS\x89Q\x16\xd4\x862\xc47J\xa5\x86Z\x99y$+\xd6#(\xd1\xf3w\t\x9f\x95a\x08\x1b\xd4Ce|\xeeof\x9d\xe9\xea\xe6\xfd\xfbKK\x01\x8b:\x1e6v:F\\IQR\x17\x02*\x08\x86\xf0\xc5\x85\xf18F\xa1(\xea\xa1\x95f\'.T\xd5\x03Y/\x15\x9f}\xda\\\xa5\x03h\x10%\x08\x14\xd1`\xf1\xb9\xb9\xb9\xb8Rw\xd3?\x7f\xdf\x95q\xd1\x14\x86G:?&gt;\x8ap!\x8d\t\x0b\x85B8H\x07rE"\x90*B\x18\xab\xb2\xa2\x04\xad\xab&gt;1\xce\x19\xd7\x06\xb2\xae"`m^5!\xe0ZhP\x8dAi\x8d\x9b\xe3\xca\xafLR]\x0cXLj\xdd\\\xb8\xf3\xa8\x03M\xa3\xec\xc58A\xc0\x81\xcb(qu:\x1d\xc1\x8b!\x10\x04\xad$\xfe\xc8h\xe6\xe4\xc5R&lt;\xfb\xb4\xba\xba\x92\xa4\xa2\xc5\xa2O\x9b IL#\x9d=\xcc&amp;=\xaeyZ\x03c\xad\xc6B\xd0\xc78\x01\xbe\x85\x84\x08W\xe6\x00\xc9\x08\x94\x83Ng da\x15\t\xab\xe6\xdb\xc8\xb7J\xe3W\x9c\xdcjYVV\x82;u\x08*,\x85\xa8I\tK\x93\x0cx\x02\t/\xcb\xef\xa7UX\x99\xcb\x8a\xdd\xae\x16\x1al\x04\x1a\x07^\x86%\x0c\xc3\xecC\xb7\xcd\xb26+aU\xe9\xc2a37;\x90\xf3\xf1\xa3\xf8q\xf5\x93\xca\xbf\x1a\xacC\x0e\x8e\x82GR\xa4\x12\xd3)5I\xdaC\x17\xbc\xcc\xc6\xc4t\x05)d\x83\xb5\xe9\xc9\xe7j\xa3 \xcd\x14\xac \xa8\x85\x0b\xd9*t\xff\x04`\x15\xb3:&lt;2gV&gt;\x91u\'\xdef?\xad&amp;\xfd\xda\xbd_{ \x17\xa2\x92\xbc\x1cv\x1ci\tx\x10\'\x9b\xfei\xcbE\'\n\x89`\x93@\xb0r\x88\x93\x16P\xda\x87\x11\xe8\xfe\xd9\xc2\xff\xb08\x10PX\x13\xde\xc8[_\x9fm\xae\xaaV$,\xadV\x1bD\xc06YM&lt;\x8c\x93~\x8f\x87tj\t+A\xc3\xa3/\x9bu\x86\xe2\xde*\xc7E\xa0\x9dI\xaaq\xd5l6Q\xf5\xb2*\x82\xb1\r\x8c8\x8e\xafud\xbeD\x7f\xa3ZY\xd9\x0c~V\x0b\xe4RQ*5Ly\xd9\x04\\\x01\xbb\xdd\x8f \xdeP6\xfb\x1f\x8a\xa20\x81\x93&lt;\xac#M\x18hU(T1\xcaF0\xbe^\'\xae\xf4z\x9f\xc8\xfcP\xbc]_\xbd{\x97\xde\xeb\xed\xedh\x83A\x9b\r\xc0`V"N\xb5IE3.\xc6\xc6z\x9d\xa1l!\xc1R\x1ao\xa8\\.G$\xac\x8b3%\xf8\xc4\x10\x94`(!\xa2\x9bU\xfe\x97\x97\xf3{i+M\xe3\xb8\x08N\n{\x97\xf3\x8b,\'\x85\x93:\xd0\xc4=\xb1M\x8f\xc6\xc4pb\xc2I\x0b\xa6\xc7\xd1\xc6\xe6$\xb5\'\xed\x11\x92hRIL4\x89N\x82"jL@\x03&amp;\xcdBe\x15tZ\xad\xd0\xd2\xed\x0e\xd8.\xecPj\xae\xf6\xa6;0\x17sQ\xb6\x17B\x0b\x0b\x03\xde\x08\x03s\xb3\xcf\x1bg\xff\x82\xcd\xf1\x89\x98\x0bo&gt;&lt;\xef{\x9e\xf7\xfb=\xef\xf38\xd4\xe2\xfe\x1fM\xc7f \xf3[\xa6\xd4\xc4\x12\x8c \x1e8\xc0z0\xd2\xd5\xd9\x086H#\xc9LCD}L4+\x86\xe6\x8f\x8e\x9a\\\xb0\xb1\xa6\xe19\xccf1\x97\xd1\xe6\x1b\xd2v\xde\xd0\xfe9\xd6b\x05\x01\xa7b\xd0\xb3\xc0T\x00\x0bN^$jt\xf4u\xaa\xbb\x1boX\xa1\xf2\xbb\x04P{L.\x97\x97\xed\x94\xff(\x129\xba\xfe?\xac\xa5(\x15EG\x96D\x8c\xe8D\xf1o\xad\x166\x9aX\x05\xc7\xacL\xa5\x08\xeaN\xca\xe5I\x12\'"\xfe\xc6l\xa0a5\xf2\x05\xbe\\&amp;\xa3R\xb9\\\x87\xef|\xd4\x1f\x89Dh\xa8\x12h\xc3Og\xedQ\xd8\xf1&lt;o\xd5\xd2Y\xf1e\xac\xf52p\xaba\xe7\xe4J\xc5\xc7(\x12\xe3\x13HNg\xc2\x83Ak\x90/T\x97\xab\xd5pB\x16\n\t\x9e_\x0b\xf3u\x06D\xc4\x11\x94\xd3\xfe\xa1,\x08\xf9lV\xc1]&lt;\xcf\xf5\x89KC\x9b*8\x8cX\x11\xb3c\x95\x8a\x02\x05\xc2\xe7\x13\x04\x82%\x82\xa3\xa3\xc3\x85\xe5\xe5\xe5T5Q6J\r\x9b\xd1\xc8\xd7fj\xe1\xbd\xc3\x9c"\x86\x90\xde\xcar\xd1h4\xcb`.~\x98\xa0\xc5\xec\xc1\x94\n\x9de\x9a\xad\xac\x1d/\x16}2\xb8x\x9f\x8c\x11\x16\xab\rl\xac\xd9l^N\x90\x84\xdf\x7fc\xec\x86\x18\x8a\xd6k\xa8\x1fb\xad\xaeP\xe2\xfc&lt;\xed\x07\x8fh\x8fbx\x80\xe7u\x80\xb5\xa9J/q\xec\x80s\x94*&gt;8\xac}%\x05\xe3\xac|\xd5\x9cJ\x9b\x0be\xc9N\xdd\xbf\x7f\x84"\x12\x9aVr\x87{\xeb\xb5\xf5\xb5&lt;u\x14\x12E\xbb\x84\xa1\x13\x14\xe7\xcbYQ\x1cR#Y\xa8F\xd8\xb1b\xc5\x97\xcf1\n`\x05\x86k)o:\x95\x90\xa2v\xe2\x9bo&gt;}\xbaq\xff\x0b\xba\x1d\xbb\x1fZ*\xbd\xaf\xcd\xcd\xac\xe7\xa9\x88\x1f\x1c"\xceav\x16\xe7\xebP\xc46\xd5i\xd6\xd5LU\xb8RE\xc9\xe7\x94\x92\x8f\x11l\x05\xb3\xd7\\\xad\x0bx\xe3\xde\xbd\x93\x93\x93\x0f\x1fNN&gt;A\x9c\x9c\xb0\xd3\xc5\xdc^mn\x8d\xeb\xf1\xb3Q\x0e\n\x1c\xcbr\xb6\xfa\xc1\xcb\xcd\x98J\xad\xa7\x9a\xa9\xcd\x9f\x8a\x8c 1\xa5\x12C\xda\xaa\xe6\x1a\x9f\x17\\\xb6\xc1\x85\xcc\xd9\x07\x14\x88\xed\xc3\xd9\xd9YC)\x96\x0e\xd7k$E\xb1QP\x1b\x18K\x11\xc6\xcf?\xc4\xd4\xeb\x1f\xd6h~\xa8\xc8\x82\xa4\xf8\x8a\x08\xabj\x14$[\xa1\xb0p\xf6\xe1\xe4\xd3\x97f\x9c~\xf9\xf2\xe9\xe4\x8c7\xe6|\xa5\xc3p\x99e\xc1\xbdb8\xc1\xb2D~E\xdd\xce\xf9\xa9\x03Y\x90\x01K!\x8d\t\x1b.\x19\x13\x89\xc13\x80:\x85\xf8rz\xfc\xe2\xf8\xf4\xf4?\r\xa8\xf9r\xd6W/\xdb)\xa0\x929\xbb\x89\xe2\x18\x95\x074b/1\x12\xb0J&gt;0\x1b\x02\xe6\x00\x1f\x84,\xc7\xe9q3^\xfc\xf3\xe1\xf1\xf1}\x82\xb3G\xa9\xe9\xa5l\x9e\xa1\xec\x18\x86\x11\x84\xced)\xa9\xdb2\xaf\xe9\xd8f$\x84U\x8a\xca\x0e\x07f\r\x06H\x1cV\xe9\xe8\x1c\xeb\xfa\x8b\xfec\xa8\n"x\x1fQ\xa4\xb3\x14\xc5\x81\xf7&amp;,:\x9d\xe5@\xe5\xe9\x07\xcd\x96O\x96\x95R\xb1\x04E\xd2\x81.\xe5\xac\x01\x9c\xd0QZ\x16k4\x1a\x98\x9d\x12\xe9y\x1a\xf9\x1eZ\xa4E\xf1w,\x82sl\xab\x8d5U\x94e{\xa9t\x8e\x05\x11w\x04\xe0\xb7P\xae\xae\xaf\xd7\xc2\xe7\xba\x8b\x86\xfa\x0e^Q\xf4G1\x07\xceY,\x04.=U{V\x04V\x11\xaai\x14t\x04\x1e\x00\xae\xb8\xc5b\xc1p["\x91\x08W\xd7\x13.\xcc.\xf6\xf6&gt;\x98\x0f\xf9#bH\xf4\xdb\x11\x16\x08\xc5@iJe*\x8df\x13T\xb3\xe2S\x18\xd9\x11@w\x8588\x7f\x1d\xf0\t\xa0\xba\x8c\x92\x9f\x06\xdb\xda\xdb\xdb\xa7\x05q\x03\xb6\x15\x12\ng\xa7\xc3\xb5}Iu\xac-\x90\xa7\x8c\x02X\xa4\xd5\n`x\x9c\xd0RZ\x8a\xd0\x11P\xcd)0\xd3\xd7{\xe9&gt;\xa4\xda\xb5\x94\x0e\x92\x85\xe1\x16\xccAn\xb5\xa9\x1c\x9a\xb6\xad\xa2\x02X\x8c"\x0b.\x17p\xc5\x1d\xb8I\xcb\xeaPsM\xe4\x88\x9e\x0f\xc1\x81\x1d\nE(\xa8\xf0&amp;\xa2\xf9P\xe0\x18\x99\x7f\xaa\xf6\xe4\nd\xab\xe8\x93$H\x18\x83\xac\xb2\xd5\ne\xc2B\x10l\x0f\x08e\xb0\x16\x0f\xe6\xe7Qu\xf0S,\xab\xd3\xc1y\x88\x07\x02\x01\xdcu\x11X\x9bEE %Yf\x04#\xa4\x8b\xc4\x1dq8\x8c{\xe0\xe9\x83]\xd5\x8f\xdeC\xd0C"\x15e\xd1\x0bJ\x0cCW\x9c.[\xee\xdb\x0b\xc0*)\xa4\x0b\xb8\x98\xe6\xe5\x98$Ay\xe0\xa8P\xa8o\x1e\x9ct\xd3\x1d\x0e\xf5/5\x15&lt;\x01\xa6-\xe0r\x81\x8e\xffkLu\xac\x0e\xc0\x82&lt;\x91\x82,#\x03$\t\x82\xc3AP4\x1d\x9a\xef\xef?x\xf8\xf0e?\x98\xc3\xa1\xe9\xa8"\xc9(Y\xe0\xc4x\xdeXR\x1fK\xb3\rZ\xcbh\x83\x05\x14PO\x01$\x8et\xe8(?Tvz\xa8\xff\xe5\x01\xb8\xd5\xe9\xe2t\xd6\x07\xde\x08\xfd\xdd\xc6\'\x12.k\xb1\xe3\x02\xb0\xd0\xea\xa1\xfb\xfdr\x1d\x02\x16\x89\x940.\xea\xf7\x87Dzi\xbaT\xf2)&gt;8\xc8\x99&lt;x\xb3:,`!i\x0b\x00V\xdb\x05`\xc1#h\x1b\x1e\x84\xba\x0e\xf60\xc1\'\xcae\x97\x00F\x82\xf2g\xb3&gt;%\x97?&lt;\xcc\xe5\x0e\xf3\x87\xf5p\x95\xe7\x13\x85\xc4\xa8#n\xadh\xd4\xaf[\xdb2\tP\x83I0=509\xa8\xf7\xbb\\\xcf\x93y(\x19\xb9\\}\xaf\xbe\xb7\xf6~omo-l6W\x0b\x05\x9e\xc4\xbb.\x04K\xb3-\x19\x87\x07\x93I\x8fg\xd1\x9c2/\xd7\x96\xd1%\xfa\xda\xdew{\xcd\x08\xaf#\xd7\xb3^\xab\xcd\xa4\xd2\xa9*\xef\xb2\xe2\x96\xce\xae\xe0\x05a\r&amp;=\xe3\x9eq\xc0J{\xbd\xa9\xd4\x9d;\xe6\x19\x80\x01\xe3:77\xf3\xe8\xd1\xed\xdbs3\xb7\x07n\xbaSU\x9b\x03\xd4\x83\xa5\xb33Xi\xbb\x10,D\x85\xb2\x95N\xeb!\xbc\x03\xde\x81;^\xaf\xf7\xe6\xc0\xcd\x9b\xd7\xae\xa16\x96\x81\x01\xaf\xde[5bpP\x82\x04\xec\xbaWQ\x9bI\xd3\xa6\xf9I0&amp;\xc7\x11\xd6\xf8r*\x9dv\xeb\r\xfa\x9b\x06\xbd\x1e\rM\xa2v\xdc?\\\xbb\x0cp\x03\xeeT\xcd\x86\xd9\xed\x08k\xacK\xddli4\x97bS\xdf&gt;-\x92\xc3I\x04\xe5I\xa2Ut\xbb\xdb\r\x86\xf6kzC{;\x1a\xab\x01,\xc3e\x83\xc1\x9b\xaa\x1aq\x96eM,;\x02X\x9f/\xa9\xa4\x02!O\xb1\xa7\xcf7&gt;\xff\xfa\xcb/?\x92\xc3\x0b\x1e\x0f\x90%\x0b\x8b\xe7\xd3 \xed\x88\x0c\x8df\xa0\xb9\xc9\xcb\x06\xbd\xc1m\xae\x82 \x04\x15\xa15\x99tw\xbbg\x7f\x9c\x9c\xf8\xba\xa3M\x85\xab\xc4\x8e\xa9\x95\xdd\xfd\x8f\xef?B\xd4\x8d\xc3\x90\xac\xcc \xbaG\x04\xae\x14\x90\xb9\x01\x05\xa8P\x8b\x92\xdb\x9bF\xefJ\\\xe8\xc5=\x05?\xa6\x91\xb1n\xe7\xfb\xfd\x8d\xb7\xad\x9f\xe5\xd7t|=\xf9vw\xe3\xd5\x9b\xb57\x10\tx\x0e=\x0b\x99a\'*^\xf08~\x8fv&gt;l2\x83\xdb\xadw\xa7\x96\x97\x97\xab\x05\xde\x86\x99\xb4\x91f\x1b#`\xc5\x9dk\xef\xde\xbd\xda}=\xd1\xd1b\xaa\x89\xc9\x95\x95\xe7\x1b\xaf\x9e&lt;~\xf2x\xc6\xbc\xe8AT\x19\'\xea\xf1\x04\xb4\xc5g\x8b\x8b\xcd\xb7I\xc0cN\xd5\xc2p\x06J\x02N\x98zz\x90n\x06\xac\xce\xee\xd9\xc2_\x1e\xfd\xfd\xe7\xdd\x95\x96ri4W&amp;WW_?\xdf\xf8\xf7\xdcL\xca\xadO\x9f\xf7\xca\xa3\xce\xd3 \x8a\xe1\x85\x05XP\xd4/\xc8\x0f\xf2\x89jX\xe0\xec:\x8e\xd3\x99\xb4}}\x91\x9e\x1e\xd3\xd5\xbb\x9d\xdd\xceB\xca=\xf0\xe4\xe7\xdd\xd7-\x1d\xcb\xfdjrbbue\xf7_\x8f\xd3\x86v}\x1a\x8d;@\xb2\x86\x9d\xc1[\xd6\x00|F\xd1\xa0\xcfh\xd0\x1a\x88\xe3q\x8c\xe0\x90\xa0g\t\xd6\xd4\xd3G\xf7\xa15\xbc:\xd6uk6\xf9,m\xb8\xfd~cg\xe7\xab\x16.\xe1\xe4\xe4\x95\x89\xc9\xe7\xfbo\xf4\xa8G\xf7w*X\xc2{\x81@&lt;\x1e\x0fX\x83(mVG\xdcr\xd5d\xa2P\x80b\x06\x17K\xff\t\xb2\xa55\xfd\xf1nW\xf7(l\xc1\xb4\xe1\xc9\xfe\xea\xceD\xebF\x0b\xa6VV\xaf\xac\xbe\xddx7\x80\xc6U\x9e\xa1\xc9\x82\x85\x8csv\xf6^ \xde\x15\xef\xb4X:A\x17\x03\x9f\x85\xb8j\xd2\x82\xdf\x01\xab\xef\xa7\xb4@\xd5w~\x11\x8a\x161\x98\xf1d\xc6\xf5w\x00k\xa7U\xcd,\x9a\xd8?V&amp;\xae\xac\xc2\xc6J!\xa2\xdfP\xb3\xfcBf\x16\xcd\x1cuY:-##w-\x9dq\xc0#FL\xda\x9e\x08\xac\x9c(\x02\x0eb\xa2\x11\x96\x96\x1d\x03,\xe7\x823\x93N\xff\xba:\xb1\xd3\x92\xdd\x85\xa6\xce7\xb7\'\'\xae\xbc\xfd\x18.\x14\x92\xc9\x05\xcfxs\xb2\xc09\x8b\xe6\x1d\xc6\x80i\xe4\xea\xc8\x08\x9c\xc7\xba\x11\xd6\x84\xae\xaf\x01\x86\xa6E\x11\xf0\xe8^d\x17{\xb4\x90\xad\xf8-gf\xd6\xf9}j\x1f\xb0v\xfe\xef\xff\x10\x81\x98\xfeK\xca\xd9\x86\xb6q\xdfq&lt;\x82\xf3E\'\x8c\xa4\xcb\xc3 R\xc0\x86\xb3t"V1\xb8\xf1CCn~\xa1B\xa4A\xd9\xcc*HmFX\xa4\x11\xd9F\xa2{\x91,L\x83\xcccv /\x1a\xac\x17E \x13\x8b\x82\xba\x06[5\xb1bA\xb0e\x8f\x81g\xfc\x18\xf0CL\xec\x8d\xd8\xc6\x0e\xb5]\x12l\xbf\xc8\x9c6a\xdf\xdf\xefNi\xb2\x96\xad\xed\xfe\xc2\'\xa1\x87\xff}\xee\xfb\xfb\xfe\xbe\xffS\xd0\xc5\x15\xe9\xd8\x06\x96\xeb\xa3\x1b\xef\xbc\xd3\xf0~C\xc3\x95k\xb4\xea\xf0%+\x95\x15`\xf280\x1a\x83\x1e\x07\xa0jj\xeak/\\\xa8\xe5\xea\xd5\x02\xaa\x96&lt;\x8f\xd8\xaa\xa8\xac\xba\xdc\xd0\xd4p\xf7\xcf\x9fD\x94\x9e\x81N\xfa/\x1b\xfe\x1f\xa6\xc3\xe6\x9e\xfc\xf3\x8d\x7f&lt;J@\xad\xc7h\xb9\xba\xba\xa6\xa6\xcb\xe02\xb0*\x9a\x1b=\x0ew\x99\xdb\xed&gt;\xe5\xa1\x07eV\x9f\xaf\x16\xdf\xf3\xbd\'q\x03\x96n-G#]&amp;\xd5t\xf9\\\xc3\xdd\xdf\xdcS\x80\xb5U\x88\x88?\x16\x8c\x84\x8a\x80ijj\xe3\xe5\xa3\x0e\xa8\xb5p\xecX[\xdb\xd96\x9d\x8b\xadUY\x19d\x98\xd2\xd22\x08\xe6\xc6\xbd\xd5G44\xbc\xa8\xa0\xb7\xbe\xdeZ\x03\xe2F\xbaH\xea\\S\xd5\x95\xbb\x7fkQ\x94H\xcf\xfcv~\xac\xe7G)\x06\x9d"\x83;+O\x86\xa6\xa6\x9e\xfcem\x1bXb\xe2\xcc\xf1\xeac\xc7\x8e\xb6UU\x81\x0b\xd6\xa2\xcb\xd9\x82\x1e\x0f\xb0\xc0SJ[h\xe5\xf5\xa2\x88\x17\xa8|4Nz\x81\xe5\xf04\xd2USUUU\xd7\xee\xde\x89\xbb\x80\xb5u\xff\xde\xe2\xca\xce\xc0\x0fU\x8c\x8b\xb7\xb7\x94\xc6\xe8\x1e\x1a\xda\xd8Z\xddn\x01V\xe6w\xf4\x8b|\x9c\xffV\x9e\xa3\xcc\xba\xdc\x04\xc3\x1bj\x81\x08\xb7R+q1\x0f\xfd\x04\xa2\xf6\xf7\xde\x93\xd6RPA\xad\x8a\x8afD\xeaW\x9f.(\x84u{m+?\x13^\x19\x1b0\xff\x000\xb2\xd4\xc0\xe2Fw:\x8c\xd1=5\xf4\xfc\xa6\x8e\xa5,\xd0\x0f\xa0\xc0\x85\x05\x8e\x06jH\x8e\xa7\xda\xb9\t\xcb\xea\xab\xaf\x87Z\xe0\xba\xc07j\xc3\xd22\xc6\n\x06\x7f\x0e\xc9\x1a&gt;\xbdQp\x11Vam{`)\x1cvB\xb1\xef\tF\x8eR\x06\x17\x9ftw\xa7\x9dv\xbb3\x8d\x1a~4\x1f`,1\xf1\x16\xfdb\xecxu\xb0\x92.\xfd;\xc7XA\xc2"\xa1P\xc7R\x9f\xcf\xca\\\x17\x8c\n2\x95\x03\\\xc1\xa0\xc3\xed\xa8\xb8\xf6\xc7\xc7\x11\x91\xb0Z\x1e&lt;h\xd9\x01\x96\xd39\xb38\xa8|\x8f\xb8 \xa8\xfc\xe2\x93\xa1\xa1t\xd8^n\x0f\xa7\x87\xa6\x866\xee\x15\xb1\xe27O\x9c\x01V\x10\xe7\x03|\xf9\xa1\x8e\x85*\xeaXV\x0c\xd2\xccK\x83\x9a\xb1\xbe\xbe\xd4\xadc\x91\xa6\x8e\xba\x8b?\xedp\x11V\xa4\xf3\xd9Z\x01U\x04\x963L`\xffC1\xbc\xac\xe4\x97\x00ER\x95\x97\x87\xd3\x8c\xd51\xaf=j\xe9\x04\x96+q\x89\xb8N4VW\xf2u\x9bD\x85\x80\xa0\x16\x04Pi\x8d\xd5g\xd4\xd2\xe7#\xef\xd7\xfbt\xb1\x1czv4_\xb9\xf8/LB\\\x9d\xf3\xc9\xe9\xc1\x15\x1c\xb8\x0e\xb64\xf8_\xce\xa7\xc1$\xf6\xecm0\x94\xbd\xbc\x1dZ\x85\x9d\xddSS\xddK\x1d[\x84\xa5\xb8X\xae\x13\xa7O\xbc\x85\xefW\xc1 &lt;\xdc\x1cD\x88R\x98\xba\xa9\x82F%\r\xe7\x83\xcbg-\xe3Ds\x9f\xa2\x0bn&lt;M_\xdd\x80X\x84\xa5D\xb2\xc9l\xcfR\x98\\RTL&lt;\xfc\x9d\xe7\xd3\x045\xb0\xb71\x84\xceK;\xcb\xdb\xdb\xdb\x9dag\xbb\x1d\xf1\x90\xde\xe8\x98\\\xbd_\x88+\xa2\xd9lN\\:\x83\xaf1p\x97\x87\xfc\x82\x80\x07\x15\xa4\xa0f\xe4\x022\x17\x86O\xff#*w\xd9\x11\xba8\xd0]q\xed\xe2\xe3\x08c\x81+\x9b\x9c\xef!\xcf\x7f\x03\xb63\xf0]\x16\x03\xd4 \x9a\xaf\xbb{\xa8;LP\xe5\xe1\xb0\xbd\xbd=&lt;EX\x83\xd3\xabk\x85\xceB!\x91\xc8\xc4\x17\xc8\xf3\xc7\x19\xa8\xb1\x91W\x1d\x12\xcb\x88.P\xd1\xbd\x95\x07\xf4b,\xbct\xa4\xac\xa6\xe6\xc4\x07\x17?.\xb8D\xb3\xc8ze\x93\xb3\x91E\xa8E\\v\'=@\\D\xbe\r\xa67\x1f\x06C\xb5\xa3\x80TF\xb2Vz&amp;_X[}y\x7f\x15cm\xbap\xf3\xcc\xe9\xd3\xa7\x8f\x03\xc9\xc3Z\xb9\xcbtE\x0c\xb5\x90\xaa\x94\xf4&gt;\xceU/(k\x00\xe5\x06\xd5\xa9\xf3\xd7&gt;\\\x88Bp\x96+:+\xcd*\x8b8r\x83\x0b\x03`K\xf9o5\xe5\x1bP\xb0\x95\x13\x1b\xbb}e\xe9\xf9_\xd3\xe9\xe7[\xab}}\x81&gt;U\x0bH\xbb\xb9x\xe2\xfa\xaf\x8e\x1e\xc5\xb9\x0c\x91y\x1c\xb4\xee\x00\xacLo\xc3R\x96Kw\x16\x86\x8f\x9f8\x85*\x9fj\xfb\xc5\x87W[\x14\x1dKt\x8d\xccIY\x05\t\x81\xb6"0\xda\x10\x17,\xf6\x1f\xde\x07R\xfa\x95Tvz\xff\xc4\xfe\xce\xde\xd3\x97\x07\x07/^\x1c\xf4\xd1\x08X\xe4\x80\xda;\x1e\x15\xe3\xb7~}\xf6\x18\xd2\xbe\x1a\\n.\\\xd1\xe4T7\xdd\\\x9c^\xe0\xa2\x90\xc79OE\xf5/\x17n\x17&amp;\xb7o&amp;\xa2\x0c6=\xda;\xad\xabe7\x04\xb3;Y\xb3\x95\x9d\x9e7\xfeq\x0e\x89\x9eN;Y)\xbcmb}\x7f\xef\xcb\xf9\xdd\xd1$h\xb4\x00\x94\n\x044A\xb0\xa8\x01\xa17\x1b\x15\xc5\xc2\xf5w\xcf\x9f=\xdfV\x1d\xe4\xd3\x07\xd6\x87\xb3\xca\xeb\xf3Y\x8d\xe1#*/VpO\xc5\xf9\xf7\x1b\xae\xde\x8a\xbb:\xc7{\xd5\xbe\xd5\xfb\xf3\x05L0nZ\xceE\x96f\x96\xf6\xd7\'\xcaI0{\xb9^\xca0,\x96W^\x13\xcc\x19N\x93T\xf4\xf2\xc4\xfa\xe6\xde\xd6\xf8\\\xaf\xcdfR\x03\xaa,\xab\x16\x01H\x82 \xabr@\x93F\'Q\x8a\xe8\xc2Op\xee~\xbe\xad\x82\xc1PB\x9f\xd7\x90\x07\xae\xe2Br&gt;@\xaa\xb7\x9b\xcf]\xf9\xd9\x9d\x8cYT\xc6\x93j \x10\x90-\xfd\xcf&amp;\x13s\xa6\xf1\xe8\xe0\xca\xcc\xf3\xc9\xe1\xfc&amp;\x91\xd9\xed\x86nh\xce7zm\xd7\x05\x8c\x00\x00\x05\xa5IDAT2\xcd\xa9@\xa5\x1b\x1b\xde\x9a]\x06\x93M\x92d\x9aF\xb6\x08\x16Y\xb6\xe0\x0f\x84\x01\x8bmt\x12]\xae\xdc\xbeZWw\x96C\x9e\xe2\x94\xb0\xe8\\\x06\\^\xee?\xdd\xfdee\x8e\xb7+\x1an&lt;\xee\x14\xcd\xael?&gt;o\x11$\xc9$\xf5\x8e\xf6\x8eN+c3\xe9\x83\xe4\xe8\xee\xfc\xd7Lf\x7fE\x86J~\xd3\x93i\xc4\x013M\xee\x8e\x9a\x04A2aHj_\x00\x95S\xc1D\x82A2YU%\xd3\xe8d\x14KH\xcbu\xeeG\x8e\x07w\xf14\x8b\x04\x83F\xa4\x1f\x9dV \xe3\x9b\x9b&gt;\xfe$\xc2n\x120!\xa8$lLRr\xee\xe9\x8a\xfdI\x1ff\xb3u\xcde\x8bd\xe5z-\xed\xce\xa5|D\xb7\x18tZ\xdf\xccC\'|\xd6BT\x120\x80ea,&lt;\xc6\xd3\x18\xb2*\x98l\xa3YEt\x89\xf1\x85Kt\x8e|D\xcf\x04\xa3\x88\xd4}n2\\\xa9AU\xf7\x87\xdbX\x1e\xcc\xb99\x89\xe6\x94\xa4\xa4@\xf3H\x82I:xq\xa0\xa9\xa4\x1e&amp;\xdc\xcd\x0e\x8f\xed\xb3\xcd\xf4\xd6\xb4SX\x90`\x13\xfb\xf9\xaf\xe7\xd7\x92x\xbbE\x95I+:,\xad\x0fE\x84#4\x95\x06\x97\x00|6p\xb9h\xc9M\xfc\x16g\xee\xfa\xb0\xf2w\x1c\xfa\x02V\xe3\xe6\x9c\xe5,s7\xd6\xdd\xe9\xa0E\x0b\x1e\xb7\x99\xa0\x0c6\x12Y\x82\x8e\\\xd0\x02\xaa\xa6\xd2\x8eL6\t\xd5\xdc\xcaoN\xb4\x13\x18\xb8p\x87\x85\x12\xeb\xd1\xf0\xd6n\xbfF&lt;\xb2\xa6Y\xf0y\x12\xcb\x12\xe8\xd3`,U\xd34U6\xeaJX\xfeP\x17\xfa\x11kH\xe1\xb3\xf7N\xd2\xa5&lt;\xb7\x12\x89T.\x93\xcb`\xe4r\xa9T\xe2\xd6\xad[\x9f\x7f\xfe\xd9\x9f\xde\xbb\xf4\xee\x9d\x82\xe2r\x99\xc5\xdcr(\x04$\x9b\xdfFS\xc8\xbaa\xb5\x00\xe65\x85\xe0a\xec\xce\xa2&amp;\xe7\xb2\xc3\x9b\xeb\xedFgb3\xb3\xd3sh\x8d\xf6\r\xad\xe8\x18\x08@0\xb0\xc8\xeb\xe8F\x99\xcah\x0c\x93?\x16[\x9e\xa6X\x14;\x13\xb9\x11\x18\xcd\\\xa2\x8f\xc3%\xaf\x86Yl\x8d\x8e\x14n\xb7\xb8h\xbd\x89\x8e\xfbC1?\xeb\xc2r\x91K-|\xb8\x01H Q\x01 \x87`Z\x1e\x1f\x1e[\xa7\xce#.\x80\xad\x1c\xa2*\xc16\xa0\xd2\x04\x1b\x1f\x13&gt;\x87\xbc\xa2\xf6\x93!\xb6\xac\x1b\x8c\x1a\x89\xb0bs9Z\xb9E\xda\xbc\x1a%\xc03\x08\xf5\xc7\n\x15\xd0lvMv\xd9B\xb1\x98_b\xc5if\n\x1cjm\xd6\x80n\xb6\x10\xc2\xc8\x82v\x9a\x05\x18\xe7T9\x81\x1d\x02\xb9,\xd9L\x16\xa2\xf2\xf31\t:\x16\xa9\xa5R\x15\x8bX&amp;\x9b\xdf\x1f\xeb\xea\xfa\xfb\x08\xa3\xd0nK\x98\xa9\xb5\xb5\xd5\xdc\xdaJ\x9cE0\x83\xca&lt;\xbd\xecg,S\x11+\xc9X\x16\n\x1c\x8d\x9f\x02V\xc8\xa4\x05d\xa8\t0*%\xebU~(\x00n\x1b\x89%\x9b\xd8\x06\x82\x8eE\xdeb,\x80Y\xf4\xd8!.\xc8\xd5\x95u\x19\\@ q2\xa9L&amp;\x95\x8aGS\xa9(\x93\x89\x8a"2Un\xae\x0bX\xccE\x9fNJ\x16\xeeF\xcaA\xe4\xb31e(\x14\x92\x90\x92\xa4\xcc\xda\xb3\xe1\xcd\t].\x14Q\n\xc5l\xb2&amp;\xdb\x98\x8a\xd5\xd2\xfa\x80EU\xc4"\x1d \x7f\x92\xf1\x91\xb3\xf0&lt;\xb8\x96s\xaf*\xc8\xe2\xa4R#\x19\x9c\xf9\xa42\xf1x\x91\xcaL\xef\x88\xce\x16\xa9\x18K2%\xf5\x14d,M\xe3@$\xb9b!!@V\xc3\xde\xfb\x9f\xed\xadSV\x00K\xc0\x07%\x15T6\x9d\n"\xa1\x86*g\x95.\x17\n\x99\xec\xef\xc7\xcb6*c,6\x1b5\xbf\xc6\xa5c\xa5\xe2\xa9hk\xeb\xebT\xe2d\x97\xdfO\xfa\x86p\xc71!\tIC.\x0b\xb5=\xf7\x00\xcb\x15\x82\x85$\xdd\xd7\xbb\xc3\xfb\xac\x96\xc5\x06*\x01\x8a\xc5\xf025,\x1b\x92\xac%p\xf1h\x1eA\xfab\xf8\xcb~\x9b)i\x0b\x91^\xc52\x9a\xb9V%\x99\x91\x92L\xa2\x83\n9b.\x11#\x8a\x99\xa9Jrs\x8c\x83Y\xfd!\x7f\x7f?\x0e\x0c#\xa9g3u\xa3\\\x0cC\xc8\xe5\xb7\xa0\x8c\x12\xf6-\x98\xe6\x867\x91\x15\x87\xd0^!\xd3\xc3\x07\xfax\xd8\x9f\xd4\xb3\x02\xf9\x00\x85\x92l\x89\x87x\xf6\x8b\xfc\xde\xc3\x07O\xff\xd9\x1fb\xb9\xb8\x8c\xe4w\x91\xcc\xedj\x15]\xf1\xb8\x82?&lt;\x88(F\x85]\xe3\xd8\x1b\')v\xfc\xf0\xdfMV\xb1j\xc30\x10M\xc0\x14\xc7\x8b\xe9\x1f\x14J\xe8\xaf\xa8\x7f\xa2\x1a\x9c\xcf\xc8\xeeM\x9b&gt;\xc0\x18\x83\x822\xa9\xcdd\x87\x18\xe3!\x06\x83\x02\x82d(h\x10\x88v\xc9\xd2\xa1w\x8e\x1b\xfa0\x06\xc3\t\xde\xf9\xbd{:c\xbc\xfbq\xceX\xcd\xa21Ua\xc6\xd1\xb0\xe3\xefZ\x81\x8b^\x80\x17$zD\xc8\xf1\xe7\xf3\xf04\x0b@\xbd\xd2\x17\xed\xfb\x9a\xae\xdb\xfej\x86&lt;\x8e^\xcfZk\xe3\x94\xb3e\xac\x9d\x94\xca\x18\xa1\x8c\xe0\x0eh\x81\x8e\x84t\x1f\x93\x88\xb0\x9d\x03\x96\x98\xfd\xf8,)\x9d\xc4\x85\xbb\x10*\xd1\xd3\x80\xd26\x9b4\t\xc3\xa4\xed:[\xc2F\xc2\xd8#^\x1e\x8by\x10\x8d\xc3\xb8\x1ay\xe1\x10\xacH|j\xab\xc3l\x1e\xe7\xc3\x15O%\xd0\x7fQ\xd7\x9de\xda(!\x95\xa8\xaa-wV\t\xef\x05\xff\xe6RrS"%\xe4\x95\x15w\xd7\xc3Rq\'\x06$\xc3)6P\xc2\x9b\xd5\xe3\x856]\xd14\r\xb4\xb2\xa9\xeb\xda\x96\xdaxo\xcf\x11\xc6\xce&lt;\x18c\x87\\.\xb8KE\x01A?\x02\xafY\xb6\xeb\x8b=\xa2M\xc2t\x0f\xc7z\xed\xe5\x96\xcbgYU\x95\xa0[\xeaw\x17G%\x95B\x0c\x19"\xc7\xd7q\xf3/Ma\x19~\xf8\xc3-N\xc3d\x7f\xabE\xd8\xbeF\x14i\x98B\xdb\xd0\xb7\x11\x82\xaf\xfb|\x02\xd6\rJ\r\x19c,?\x9d\xf0\xf3\xeb\xed\x17N\x97\xb3\x16\x83\xe0 y\x00\x00\x00\x00IEND\xaeB`\x82'</t>
        </is>
      </c>
      <c r="M552" s="3" t="n">
        <v>45492.67780092593</v>
      </c>
    </row>
    <row r="553">
      <c r="A553" t="n">
        <v>1517440</v>
      </c>
      <c r="B553" t="n">
        <v>1954</v>
      </c>
      <c r="C553" t="inlineStr">
        <is>
          <t>João Pedro</t>
        </is>
      </c>
      <c r="D553" t="inlineStr">
        <is>
          <t>J. Pedro</t>
        </is>
      </c>
      <c r="E553" t="inlineStr">
        <is>
          <t>UNK</t>
        </is>
      </c>
      <c r="F553" t="inlineStr">
        <is>
          <t>UNK</t>
        </is>
      </c>
      <c r="G553" t="inlineStr">
        <is>
          <t>UNK</t>
        </is>
      </c>
      <c r="H553" t="n">
        <v>178</v>
      </c>
      <c r="I553" t="n">
        <v>55</v>
      </c>
      <c r="J553" s="2" t="n">
        <v>37653</v>
      </c>
      <c r="K553" t="inlineStr">
        <is>
          <t>Right</t>
        </is>
      </c>
      <c r="L55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acdd90d4-857d-48d3-8b3a-e1b5d7a5e1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p~\x8d\x00\x00\x00\tpHYs\x00\x00\x0e\xc4\x00\x00\x0e\xc4\x01\x95+\x0e\x1b\x00\x00\x03\x00PLTE\xff\xff\xff\x03&lt;\xfb\x18@\xfc\x8bO?\x90QA\xfb\xfc\xfc\x1dA\xfb\xfe\xff\xfe\xff\xff\xffYBF0(&amp;S@D\x18I\xfe\x83L;\x010\xf4O&gt;C\x1fM\xfe$Q\xfeB84\x87N=:1.\xce\x88\x80\x7fJ96,)-c\xfel?5\xaej`^DG\x026\xf9oLM%V\xfe\xf8\xfa\xfc\xee\xf5\xf4\xaaf[\xaf`MrA8=35*##\x13?\xfazH7\x03:\xf6kHHJ&gt;;\xa5bXf&gt;4uML\xa1_T\x97TB\x9dWD\x13D\xfe\r&gt;\xfcL;A\x06B\xfe\xbewn\xd6\x88weKO\xb9rg\xa3ZG\xcc\x83z\x01+\xed\xb4ne"E\xfctG6G9@gCA\xdc\x95\x8a\x0eG\xfd\'^\xfeG2-\xaftreFH\x95UG\xc1s`A5&lt;\xc0~x\xb5yw\xa8_MS50\xa6ic\xa0d`\x0e=\xf6\x1dR\xfd\xf5\xf9\xf8\xcd\x80r\'\x1d\x1d\xc4\x85\x82^GMvUW\xe8\x9c\x87\xdb\x90\x82Z7/\xda\x8d|\x17N\xfd\x98WM\xa3qq{G?\xaamk\x07\x08\x0f\x97`]_G1\xb4dP\x80KD\xc8}rUE0\x9d[PiI4\xbbn[\x00$\xe3\xacUH6.31j\xfe\xb5iW\xdc\x99\x91RCJ\x18H\xf9\xce\x8d\x88V??\x8aWTc80U&lt;9R.(\xe1\xe6\xf9\x89PI\x91SJ(I\xfd\xd3\x84t~OM\xe4\x94\x7f\x086\xf05e\xfeXFO,W\xfc\xe9\xed\xfa\xa0mlkOS2*/\xc6zl^1*\x86LC];5M94A-)\x98kj\x81TT\xbc\x81\x80\xd5\x8f\x86\x10\x10\x18_@&gt;\xdd\x9f\x99\x1d\x17\x1b1]\xfd\xde\xa5\xa3\xef\xf2\xfb\x8ccd\xec\xef\xec\xb7tm\xe9\xae\xa8j8/tEA\xc3wg\x8d]ZH\'!8"\x1fq;2\xcbyc\xce|h\xd3\x8b\x80\xe3\xe7\xe3\xf5\xf5\xfb\xd4\x95\x90\x80\\`\xa9tt\xd5\xdb\xfa\xee\xaa\x96\x93XR\x15\r\x0e\xd3\x81m\x89C9\xc1\xc3\xbf\xb2\xb8\xb2\xe4\x82k\xdbxa\xc0bNy=3\x8ejn\x8fI&lt;\x85\x9b\xfa\x00\x1c\xd5\xa0MA\xd1pZLp\xf8old[RR[}\xfa\xda\xde\xd9j\x85\xf9?b\xf8\x80@5\x99K?\x1aD\xee\xa3\xb2\xf8\x81~w\xcd\xd1\xcd9p\xfe\xc7\xcf\xf9\xbcQX\xe9\x81\x8f1:\x90d`X\xa3\xa5\xa0[QB\x9ez~\xcbVb\xbc\xca\xf9\x108\xdf\xcaiSzxsF;I%A\xd1\xb4\xc0\xf9\x87\x85|\xac\x88\x90\xcd\xab\xb6\x95\xab\xf7\xbc\x92\x8d\xec\xb7\xb6}ri\xb9\xa7\xa1\x97\x98\x91\xae\xba\xfau\x8d\xf8\xe0n\x7f\xd7\xbc\xc4\xd8fuRP\xa0\xea\xc1\xca\xe3\xd9\xe9\x8c\x8d\x86\xe9\x93\xa0C=mXRs5F\xb6s]~\xdd\xc8\xd6\xeb\xe5\xf2\xdd\x82nu\x98\xf7()m\n\x10=\x16/\xbbUg\xbf|h\x98\xc2\xd0\xe1bx\xf1xk\xb0\x83s\xb6\xaa\x80W\x95\x00\x00 \x00IDATx\xda\xcc\x98]H[y\x1a\xc6\x0b\xe7\xc8a\x8e\x84\x81\x93\xf3\x81\x81\xa5Fs\x08$\xd9\x9c\xc0\x92\x90\x84\x901\x90\xd9\xa46\xb1\xa0\x11\xf2Ah\xc1hbX\x89%\xdb6T\x82W\xbb\xd5\xc6\xb4HS\xca\xfaQk4\x11wq6\xd5m\xad\x17\x83"t\xa0^i{\xa1\x17\x9d\xa5\xdd\xf5\xd6\xcb\xb9\xdf\xe7\x7fRX\xf6z\x13;/\'\xd1\x86~\xfc|\xde\xe7\xff\xbc\xef\xbfW\xae\xfc\xbf\xc5\xfco]\xf9U\x14\xc3t0\x83\x0b\x0b\x1b\xa4\x16\xba\x07;:~\r`P\xe7\xea\xc6\xd1\xce\xc5\xbb}R\xef.N\x8e\x16:\xbe\xbeb\x90\xea\xf0\xe4_\x07&amp;n\x8e\xe3L\x1cw\x8d7\x1d\xec\x9fl|e\xc1\x98\x8e\xc1\xc3\x7f\xef\x7fc2\x998&lt;\xcd2\x18L\xc7\'\x87_Q1(\xb5qr\xdci2}\xcb\x19\xb8o\x0c&lt;a\xe2\xb8\t\x9e3\\;\xdeF+\xbf\x96\xa9\xba\xb7\xcf\x88Nj\xfb8\x89\xe3y\xde\xc0\x19\xf0f\x98\x980\xbd\xdb^\xf8\x1a\x82\x11S]\x1c\x00\x877\x81\xc7d\x90\x0c\x9c\x04"^\x92&amp;&amp;\x1e\xb0\x13\xd2\x83\xdbg\xdb\xdd\x97\r\x86L\xe8\xde9F\xcfL\x9c\xfa\xc6\xf3\xac\xc4Kh\xa3\xc4\xb2\xd2\x04\xcb\xb22\xcfK\xb7/\x8e\x06/\x95\x8ba\x06\x8f\xce:Ac \x8e2p&lt;@X\xa9\xccK\xacD\x90d9"\x93o\xb9\x83\xf3\xc3\xcb\x03S\xad~\xc0\xc1\xdah\x1e\xbe\xf0R\xb9\x1c\xb6\x94\xfa\x9e\x94\xfc\x92T\xad\xaaXOeR,\x7f\xbc\xd3}I\xde\x87T\x87g\xa6f\xbf\xd0=\x88\xc4\xce\xdd\xd4\xcf\x98\xef\x8f\x8a\xbd\x96\xb8\xbf\x10\xf6\x97%I\x8e\xa0\xc0%u^\x1c^\n\x17\x0e\xe0\xce&gt;\x0e\x1d\x0c\x0e0\x7f\xd8b)\x95F\xf5\xeb\x8e\xa1l.\x17\n\xdd\x1f\xa5(\xcak\x99\x9d-Te\x16T\x92\xc4\xef\x1f]\x02\x17\xd3\xb1p~\xc0\xb28q\xac\xe4\x0f\x97\x9e\xdf\x0c\xe9s+\xc5\xe8\xd6\xd2R4\x9aX_\xcf\x86\\.\x97M\xa1^\x8a\x16\x7f\xb5\x1a\xc1\xef\xe2\xa5\x83\xed\xb6sA\xabs\x93\xda?I\xf6[D\xabg%\x11\x8dnm}\xfe\xfcy):\xedX\x0ffS==!\x02\xf6\x93\xd6h)T\xa5*\x9c/\x1d\xb4]\xaf\x8e\xc1\x13d\x14+G\xa4p\xe9\xa1&gt;\xbb&gt;\r\xa6-\x82\xb5\x15u4\xd6\x81\x95K\xa5T.\x9b\xa2\xec\x19\xe3\xe52\xf9\t\xf8\xe36\xfb\x8b\x19\xdc1\xb1$\xa4\xca\xe1\x87\xae`\xb0\x91hR\x91\x8a:j\x04+\x0b0"\x98\xcdf\xa3\xf7z\xe3a\xbf\xca\xf5q\xa3\xad\\\x1d\xdb\x07\xb0K\xb9\\\xa2l=\xb9l\xb01\x1d\x8d\xe2A\x1b\xa3\xd1bc\xbd\x16\x0cf\x83\x84\x0b\x8a\x91F\xeei\xbd\x96\xb8D\xea\xc1\xc7\xee\xf6\xe5\x17\xc3,\xec\x93\xe4,\x97\x02\xa1P(\xbbR\x03\xd64\xa9\x04\x9eF\x8d`\x91\x02X\x8e`\xd9(\n\x06#mdY\xc3y\xfbr\x95\xe9\xd8\xe1$)"\xc5)WO(\x15\xac5\x1a\xc5\xe9D"\x96H8\x1c\x8e"\xb0\xd0\xc4u\x82\x85G\xc5\xa2iJ\xe3\x8d\x97\xc9\x04`Mm;\x8e\x10\xeb\x98\xcc\x14P\xb9R)\xfc\xe33CC\x0e\x82D\xa0\xe0w\xb5\x82++Yt2g\xb6f\x02\n\xb0D\xa3\x85\xd8Kf\xf7\x17\xda$\x17\xc3\x9c\x98x\x99\rS6W(\x95%X33\xee\xba\xa3\xaeR\x11\xb1\xd4\xa76\xb3B\xfa\xa83[\x93I\xc8\xa5\x05X\x1cy/s\'\xed\x91\x0bAzf`eI\xb4)\xa1\x101\xfc\x8a\xdd&gt;6$\x08\xaa\\\x8dZ\xb1Xk\xd4jhl\r\x829\x9d:\x9d9\x93\x0c\x04h\xadV4\x1a\xcbO#\xac\xb4\xbf\xd1\x1e\xb5\xaen\x9b\xa4H$L\xdb\xa0VO*\xe7t\x02\xab\xe8v\x17\x1d_\xaa\x08\xd1\x86\x1aE\xd4\x98\xdd\xee\xd1\xeb\xcd\x04\x0bri4^\t\\\xfc\xc9`;\xb8\x98\x853\xac\x06U\x8db\xc3|\x01\x96\xc7c\xefw\x0b\x82P\x8f\x11\xd7\x93r\xa8\x84u\x94\xbb\x1f\\D.\x1a}\xa4\xc0U}*\xb3\xb7\x0f\x99v8\xeb\xc8\x04\xe7z\x15Zq\x85 \x97\x9e`\tB~~^E\x8a\xf9\xc8\x89\xac\x0bE\xa1N&gt;\xcb\x0f\xf7;\xf5V+\xb0\x9a\x82\x95"2\xcb\xb6C.\x04&lt;/\xcb\xf7\x14\x85\xa8\x152\x9b\xf5:`\r\x0by\xa1\x9e\x88\xc5b\xea\x0br\xb9\x8b\xf8$\xbf\xb9\xb9)\xf4\xdb\xe1\xfa\x0cM\xd1M\xdf\x97\xb1\x81\xed\xb7\xfe\xde\xc10\x1b\xc7\xb2\xeaw\xda\xe62\x9b\xcdV\xb3\xce\xe3\xb4\x0f\xe77\'\'}\x93&gt;\x9f/\x06\xb9b1\xc7\xfc\xfcf&gt;\x0f\xac\xbc\xd0\xdf\xef\xd4\x852\x10+@\xe2\x8b\xea\x93#\xc8\xae\x96g\x04\xa2\x14\xf1S\x86\xdf\x15[H\x0f*\xbd\xce\xe9\xec\x176+\x95g\x95J\x85\x80E}\x84o\x12\x05\xaa\xe1~\xfb"\xd4r)\x01\x85\xf8K\xa3\x19\xf5c\xfb:o}t\r~\x84\xb3\xee\xaaXf`\xe9I\x13\x85\xfc\xe4\xb3\xca3p\x81\xa5\xc9\x05&amp;\xfc\n\\\xf0\xbc\xce\n\xcf+4\t\tt\xd1\x82e\xfa\xac\r=\xc4\xf2\'\x19Uk\x81\t\xe5Y\x84X\x93\xa0z\xa6\xea59\t,\x9f\x0fn\x17\x044r\xb8\xe9-\x92\x11D,\xa4WY\x96\x0f\x06[\x8e\xb5c\x90Y\xbf\x16\xce\xb2e\xd0A\xbdN\x87\xd8r\xa3\x89\x93\x9b\x93\xbef\x17\xa7\xa7\xe1\xfc\xf9&lt;)ax\xf8\xfa\xf7\x1e3"\x82X\x8b\xd6j\xb4\x1a\xe3\x1c\xcf\x9a\x8eZ\xdcE\x86\xb9\xc0\xc4\xf5S\xb4bS2_\xa8\x9c\x1e\x98Kp\xcc\xfb\xd4S\x885BM\n$\x19\xb4\x1a\x1e^\\\xbc5p#\xd3LT\x1cE\xadh\xc1}\xa4\xc5\xe6b\x98\xabgrY\n\xe3\xb8\x07\x02V\xfd\xc0\x80\xde\xa3C9\xc7\x10\xa6M\xa8\xe9\xe6\x8e\x13s\x14\x05\xc1=\xdc\xdf\x7f}Q7\xd0\x1c?\x88SL Q\x1c\xf7s\xfc\xbb\xab\xad\xc5\xea\xd8\xb8-\xfb\xcbq\r\xad(\x01\xeb\r\xf3\r3\xa0\x10\x10nw\x9ddV"F\x90\xb0\x0e\xa2\x8d\x8e\xa1\xb1\x99 \xd9\xb8\xac\xd6Lfj\x8a\x9e"RQZQ\xe3\xbd7\xc7\xb7x\x8d@\xc4_\x93\xfc\xe5.\x8aR\x92\xc9\x8c5c\xd5\xebny\x9c3cB^M\x05\x1f\x80\x9a\x8bj"\xd1\xf8\x11u\xfa\x9al\xce!k\x12Z\x91s\x88\x97\xd6X\x9a\xe3\x8f[\xbb&lt;3\x0c\xc6t\xb9\xd0\x85\xd0\x0e\x04\x92\x81$L?\xe0\xb1\x8f\xb9\xdd\x983$\x16\xa2\xcd"\x9a\xfd\xe3\x97_^\xfdxz\xfa\xfa\xf5\xebT*\xe4\nL\x91\x06\x1aE-E\x89\xe3%\xeev\x8b\xef@\x04\xcb_\xf2R\xea,\t$3I\xab\xde\xe9\\\xc1\x1eXt\x90y\xd8\xa4\xda"d\x84\xcd\xf1\xea\xd5\xe9\xe9)\x04s\xb9\x14\x1a\xd9 \x1a5\x14Mu\xa5\xd3\xb7\xb7[|\x12\xb7M~\x7f\\\xa4I\x05H\x99=\xa0\x1as\xd7\xeb1\xa8Uy\x86\xabO\xa5\xb2\xb4\x85\xef\x96\x96*\x15\x1fNg\xdd=\x16\xcc\xe1\x06\x84\xd42\x1a\x81E\xd1\xde\xf4\xc8\xfb\xedV_y:\xfd\xe1.-E\xba\x08\xb0\x0c\xb4r\x8e\x15c\xbef\x9c.\xa1\xfe\xfb\xb6\x84\xe4\xff\'\xaa\x82\x03\xa9\x0b\xe1\x8a\xadQ\xb1(\xef\xc8\xc8\xfb\x9dV\xab\xf5&gt;=n4jiB\x06*\xac\xeb+\x82\x8f0U\xc8Xl\xe2,\x91\xaf\xf8h\xf3\xd3\xa7\x9f?|\xf8\x19\xaf7\x8f\x9f\x8fN)\x94(b\x17\xd4z\xc7G\xd2\xe7\xad\xddm\x98\x9d\xf7#^\xafW=Wt\x08\x1b\xf3\x98;\xbf\x99\xff\xf4\xe1\xd1_\x1e=\xfa\xdb\xad\xfc$\xc6O\x13\t\xa1\x9f\xbf\xfe\xa7\x17/~c\x9a\xeb\xfc\xf6w\xdf\x19X\xfe\xf7S\x8a\xc6("\xe7\xbd\x96\x91\xf4Ew\xeb\xb1\x8cF\xdcd\xb4\xb4+\xa5s~\xff\xe8\xcd\x9b\xbf\xfe\xb9\x93\xe3\x9e\xfc\xf6\xce\x0fI;9\x8e\x15R\x9b\xc2P\xff\xc0\xe3\xbe\x122Jb#\xec\x04\xf9\x8f\xa6\xb9\x87\xf8c\x88y\xef\xf8x\xfac\xeb\xb1\xc6q\xce\xf1\xd7+.\x9b\xf5\x85\xe9\xdaw\xdc\x84aB*?\xb1\xdc\xa4\x92\x1e\xb7\xdb\x11\xf3\xcd\xd7\xeb\xf3\xc2\xccJ\x8e\xda].\xacV\xab\x11\xb2\xbf\x1b$\xe0\xf9!\x15\x19\xd6\xde\xf1\xf4\xbb\x85\xd6\x9a\xab\x89eD7l\xf4\xd4c\xect\x0fPR\xd9\x7f\xefn/.\xfe\xd9\xe0\x90\xba\x9b\xba\x87\x82\xb9\x14\xad\xe9\xbd;[X]-\xc4\xe3}}\xe1\xb0\xbf\xfa4\x8c\x1d\x02\x17\xb3\xf1v`\xa5G\x8c\xa4\xb4\xda\x9b\xcf\xe5\x88\xe4G\x85\xe3\xf1Bav\xd9\xb8g\xb3\xf5\x04\x1b\xc5\xe6\xd8I\xd9\xc4\xdd\xe5\xe5\xd9\xd9\xbbk\x1a\x1c\r\x9dn\xe0\xc6\x0f\x96UQ\xfc\xa2V\x8b\x9bH\xb0\x88Z^\x91\xea\xad\xcal\xdf\x9d\x1bd?\x08h\xbaf\x0b\xb3\xb3k\xbb/C\xb9`\xad\x06\xaa\\OH\xd1\xbc][^\x13iL(\x0f\x06:\x1e\xab\x16\x19\x81a\xedm\xbd\xe5\xb7\xd1D\xafH~\xea\xd5H\xb5WoG-.:\x9d\x03\x99\xfb\xc6\xe5\xb5\xe5\xdd\x9f\xfe@n\xff\x84\xca\xa6(d\xdc\xac\xf5\xf6\xf6\xde\x1c\x9d\xc2\xf0\xd4\x9bC\xc8z\xb4_\x1cO\xa7[{\xf9a\xd4\xdc\xf2\x8a\x1aQ\\[\x9d\xa5p\xbd\xf0,.\xda\xc9\xa33\'\xb5\xbb\xbb/\xf7\x14\\\x1d\xb3Y=\xe6\r\xf2S\x9c]-\xf4\x85\x0b}\xa5\xbe\xae]\x1a\xf7$\x97\xcb\xa6\xc19\x1eG\x9cv\xb4v\xb19&lt;H\x8f\x00Kc\xb4,\xd3\x19\xac\xf2\xba\x81;\xa3\x96\x82\xa5\x14\xbf\xdb\xd5\xfb\xf6\xed\x1e.\x8f=\xb9\x9c}\xd1\x93J\xb9\xf6\xd6VW\xc3\xf7\xcaO\xff\x1e\x89\xfc\xb1o\xb6\xb0ks\xfd\x87V\xb3\xfbM\xe3J\xc3x%\xb0\xb8Xq\x85\xa0\x1a\xa4U33\xbbB+&amp;\x03\xd2\n/\x8c\x10J%g\xed:\x18$C6k,:\x94a\x86\x0f\x11Q)\xcb\xechFv\xa4J\xd9\xc28N\x97\xcdZU\xec\x00\x06\xfc\xb1M\x95\xc18\x89m$PW\x96\xccE\xaf\xd2\xfa\xc2\x8dT[N\x9d\x0bK\xb9h\xd4\xa4\xf7\xfb\x1e\xb2\x7f\xc2\xe4 \xb0\r\x83\xf9q\xce{\xde\xf3&lt;\xef9n\x9f\xcb\xe0\x08@h}\xbf\xad\xeb&gt;\xa8\xc9t\xe1\x87\xdb\\\x00\xcd\'\xdb\xd0\xec\xd3j\xac\xb9\xd4\xfe\xa4\xbd\x14]\\lH\xbb\x1d_\x10\xf7LB\xf3\xa7\x08\xf7.L\xc3\xc5\xcf\x9e]\xbf\xfel\xe9\x8fc\x8dX\xa3\x05&amp;\x0e\x8d"`=\xfdvDG.\xf4\xaf^\xa4\xd3\xa8\xb7,\xb0"\xba\xdcf)\xdan\xff\xeb\xe7\x9f_\xbd\xfa\xef\x9f\x9a\rI\xea\x80\xf9\xf7Lz&lt;\x93\xde\x94\xafS\x15\xa5\xc6\xde\xf1/\xaf^\xfd\xf2\xf9\xde\xf1\xef\xa2\x8df\x0b\x99X3Z{\xfe\xf1zdysY\xa7\x814Mo.O\x03V6`\x00\r\x0c)\x02\x03\xa8\xf7\x1f|~\xfd\xa3\xcf\x9e}s\xb2\'5\xa4\xea\x80 \xfc\x9ez\xdd\x1f$z\x1d\x9el\xdd:9\xf9h)\xfa\xfb\xe8\xf1\xc9\x83\xa5\xa8$\xed\xc2\x9ae\xcb\x02\xd6\xd3o\xbf\xdb[\xbd\xb3\xad\x8ft\xbep&amp;|\xfa\x1cb\x9e\xcb\x9a\xc1\xf4\x99\x8dd\xf4\x93v\xfb\xcfg\x7fi\xb7\xdbK\x87\xe7\xc7\x87\xb5\xea\xc1 \xdf+\x94\xd6\'p\x88\xa3\xaeAM\x9c\x02O4\x1a\xfd\xfba\x92\x92\xa2\r\x11CA\x89\xb0~s\rS\x8d\xe4Oz\x94\x94`\x16j\x19\xbfp\xe5oi\x94\xe7!\xde\r\x8dv\xb3Q\xc6\xe6\xef\xdd\x1d\x1b[8\xbcS\\\xe5E0D\xbd\xbc\xb0^\'z=\xf7\xc0\xd0\x02\xd9\x10*\x92lmuU\x8b[H\n#1H\x19Y\x8eKO\xedja~\xf1\xfb}]\xb0\xf6\x9f\xf2\xce\x04N\x01V\x00\xe3Y\n\xe6\x99Cq\x829u*J\x86\xb6C\x8a@T\x83\xfc\xda\xfaZ\xaa7p\r\xba \xf7\x9dx&amp;\xeet\x86VVp\x83\xd9\xa0\xf2,\xeb@\xa1\x95f\xc3a\xbe*\xfd\xa8\xcb\nd\xfa\xe0\xc7\xb2J\xe3*`\x91\x18\xb9\xb0@\xf22\xcb\xc6W&amp;\x99\xd2\x04\xe4S\x1aZ0\xe8\x1b\xf4\x88\xb5\xb5&gt;`\rz\x03\x1f\xf8V\xd0\xfb\xe0\xbc\x9d\nH@EQy\xc5Bb\\\x9a\xcb\x84\x8d\x9d\x8e\xe3L\x97\xd82\x8d\x9c\x89U6\xa3q\x80U\xab\xb1\xaa\xac\xc5\x15EVU\xa3\xa2@W\x80\xdd(\xe4\n\xf9^\x8fX\xdfZ\xdb\x81Q\xec\x11\xa9`\xd0\x8eg\x14sG\x19\x1f\xcf\x04\x83qMae\x15\xa9\xad,M\x17\xba\x1dU\x1fA?2rFV\x1d\x06\r\x82\x03\xd6\x93yY\xa3\x9d\xa8\x92\x14WUU\xc9\xd8\xfd\x13\xa5z\x8e\xc8\xe7\xf3\xfd\xc7\x8f\x9f\x1c\xed\xe4\xf3=\x02\xd9D?\xac\x878\x0ezq\xa2\x80\xd3\x8ajV\x1d\xd0[Y\x97\xd3c\xecf\xce\xf5I\\#g\xdd\xdd\xf18\xac\xb4Y\x9egyU\xa3a\xfd\x85\x8f\x1d\x16OK\x91Q\xc1\x99\x02\xaa\x9d\'\x8f\x1f?\xee\xef \xc0\xd4\x84 \xd4\xc1\x18\t\xa5z\xbd&gt;\x91\xcb\xf9\xf1q\x8by\x88e\xf4\x05]]\xe7\xc9\xb4.!?}\xea&lt;0\x06\x0f0. \xb35V\xd6p\xaf\xa7T/\x95JBd\x0e\xfc\xd8\x867\x08,\x04\xc2z\xd2\x87\xde\x82?ru\x81A/G\x84\xc8z\x1d\xae\xf4\xc7A\x9f\x92\\\xfav\xd9\xe5suB\xa7\xfa\x84\xfc\xf4iB\xedv\xab\r.\xc0:X\x9b\x9a\xf1\x02O$\x82&lt;\xe2\xe8\xdc\x9c\x95)\x15\x82\xd0EG\xa8\xb7\x9e\xec\xe4\t\x02\x86\x11\xae\x88 (\xe0f\x18\xab\xe0\xf7\xb9\x86R~\xb1\xb1\xebvw\xc2\x87\x9bza\xc9\x9d\xddr\x13\x12\x84#\xe00\xd0^\xb0\x87s@\x06PH\x91\x96\n\x04A\xec\xbc\xc5:J!\xd3J\xf8K\x11tAi=\x12\xb1nX\x99\x1c\x01X\x0e*}[\xda\xed\xba,\xc9;\x9b\xfa\xecM\x9f\x86\x94\xeeA\xb9\x01\xab\x0f\xa8&amp;#\xedg\xac\xcc\xe8\xe8\xff\xeb\xf1\x0c\xe3\x01\xac\xd4N\x1f\r"\x8c" \x12v\x8f0\xc4Z\x87Vb\x04X)]\xb0\xfa\x04\xd2i\x10\x8c.y\xf5c}\xb0FN\xe3Z\xaf\xdb\xaaB\x96w\x98\xcd\x06\xa7\x97\xb1V\x86\xb5\xf8\x99\x99\xd9\xd1\x12*\x91\xfaR@u\xf3\xe6\xdb\xe8\xf2\xb9\x83\xf6\x15O\x04\x8d0\x1ak\x86\x99\xac\xa7\xdc\x06\xc0\xe2\xb8\x83\x83\x0e\xad\xc9\xc7\xcb:\xe5-H\n\xdd]\x12\x04\x97\xcdbv\xf9=\xd6\n\xaaG\xa2\xea\xf2\\.H\xfb iA\xc0\xdf|\xf8\x10q\x1d\xe5\x07=_\x10\xe6idcvvc\x16Bk\x83\x99H\xf9P)"\xcb\x19\xdd\xbdDQ=\xbb\xa0\x0f\xd6\xeb\xb0\xe2\x0f\x0eH\xa4\x9a\xcd\x06\xa2.\xdc\xa8\x0ck\xb8\x1f\xceD\xfc\x19:\xb5\x03\xd3\xef\xe8\xd7\xbf\xde\x1f\xee\xc1\xa2\xa8\x87\xb0/x\xed^a\xb42S\x81\xf6\x95\xb5^\xf0\x19\x87\x8b5H\xd5\xcb\xf3\xda\xb9Ne\x9b\xe5Sm\xd2[ 9\x87\xd9`q\xa7&amp;\x98\xca\xb0\xce]\x99a\xfc\x99q:\x85\xaaF\xfd\xd9\xe7/\x9f\xdf\x87\xfb\x870\x8c;G;\xa9\x15?n\x176\xe0B\xb4uP/\x80\xf10\xdb\xb2\\w\xd0K\xb0\x1f\xeb\xb5\'5\xb2]\xf4\x13\x84#\x160\x1b\xc0S\xe7JL\x05\xed\x12lX\xbd\x99q\'&gt;\xb1\xbe\xb5\xde\xef\xff\xfa\xf0\xfe\xc3!\xd6\xd6\xe8\xd6\x16\xa0Mzp\xa7\xff-\xd7\r\x01\x96\x0178\xdf,\xd590$kgz\xc9\xc0\xf7\xf6\xefi\xf1N\x87\xcaBw\x81f\x9f\x88X\xbfBT%\xe7x\xd0\x8b\xa7\xb6fG\xfbo\xf3\xc3\xcd\x9b3\xebk\x90a\xe7\xfa;\x82\xd5\x8b\xdb=\xccF\xe5\xd3\xaf\x98R\x0e\xa4\xb4\xc5a\xce\x8a\xd5\xaa\\\xbb\xb7\xaf\x97j6-\x1f\xb7\x14[9\xc69l\x06w\x90\xc8\xd5\xad\x95\x1b\x0c#xi\xda\x1b\xa9\x0f\xdcD\x8a\xc8\xfb\x88\xa3~\xbf\xff\xa4\x9fJ\x15\n\x85\xa0/\xc8T\x04\xbb\x13\xb8\xac7\xac\x91z\n\xb9G\x87-\xdbh\x905\xf2T\xbf\x82\xa0\xe9\\\x16\xc9\xea\x14\x87\x91\x16\xe0JM\x94\x04h\x1e\x9c\xc6=\x02\xe3/\x96\xc1\xd8\x8bf7\xa4\xfa\xa0Om\x95\xc1\x8d\xc9\x937\xac\x82\x9d\xce\xd8\xbd\x1e\x01Lm*\xe82\xdaH\x92\x8b\x89\x94\xb8\xba\xaf\x9f\xf51-\xff\x93\xad\x9a/\xa61\x0cl\xb5\x1b\xe6\x99\x07nv\x9a\xc6a\x95\x99\xbcR\x94\x1aH\xaeb\x18\xc9\xb2U\xacU\x16\xb5\xabWQ\x12u\xc6\xe3\xb4\xdd\x9b\xcb\x15\x08\xb7\xcb\x12\xa00\x8eWE\xf5L?\x03\x0b\xc6\xe7&lt;\xac\x82\xa1\xa2(\x00\x03\x19\x80\xdbA\x94\xd2\x8a\x82\xdc\xb5\xd7\xbbB\xf3\xa8\xe8\x00\xbe_$yU\x95\x9d+W\xc0\xd9zV\xf0\xb8A\x01OI\x80\xab\xb68\xe0\xadi\x8a$\xef\xe8z\x80\xc44}\xa6\xf1\x01\x8e\xa2(\x91\xb2\xb9\xdc\x99\x0c\x9d\x89\xab-\x19\xf7{\xc1[_N$\xe7\xc1\xf0\x03\x11\t:\x91\xd7\xc2\xa1+\xd0.\'\xc2\n\xcb\xca\xca\xb8\x1b\xf5\x15\tX\\\x80/n\xeb\xec\xf67\x0f\xe7y\x84\x15\xa3H\x9b\xaa(\x9aR\x93\xa8b8q\x19&gt;&gt;q9\x94\xd44Y\x06\xcd*\x17\xe5d\x18\x9e@O\x875\x19\x13k&lt;8KK\x00\x13E\x8a\xe2\xcc\xec\x0b\x9d\x0bI`\xf7\xf7X\x8e\xc2\xa8\xd8\x02\x84\x90*\xcb\xec\xd8\x18+\xaf\x86\x12o[8\x1c\n\'\x93a\xb8\xa3\xc7\xd0\xb0\x85\x932+R&lt;\x1b\xb09\xe0m"\x06X\xab\xba\x9fM2Mo_LCh\xc5\xa6D\x8c$y^j^\xfa\xa2\x98\x0c\x87@?\x87h\xf8\x19\x02\x9aD\x88\x0e\'A\xe9g\xd0\xee,\x1eJ\x16\xc9\xaa\xc8\xb3d\x00:+\x06\xdf(}\xf1L\xff#-\xa6\xe9GO9\x0c\x13\xa7`\x9aS,\xd5\x9c\xba\x08TIM1\x1a\x9d\xf8\x8a\xb5\xb2\x11\xf1\x80L\x8el\\\xbd\x02\x89!\x13\x1f\x8fg\xc2\xc9\xd5ZLdY\x98\xa1\xc3\xce\xa2\xbe\xf9\xee\x1d\x1c\x002\x99&gt;x\xf4[\x0c\xab\x96cb\x99b\xa7\xa4Kw/\xd6j\xb2&lt;\xee\x0b\x16\xbc\x93W\xafB\xc2\xb0{A\xe3O\xc2o\x05\xc2\xe76\x80\xee\x9f\xafI\x12\xc9b\x80\x84z\x18\xdb~7\x07!L\xfb\xd7\xe0\x9b\x97%\xb1,\xd6b\xe4\xdd\xc5\x85\xbb\xa4jtw\x0f\x0e\xccJ8\xa9\xb0\x0e^Vy9\xfcu\x08\xfc\x9a\xa2\xc4\x8d,\xb6\xb0\xb0\xd8$y0\x97(\xb1`\x97\xde\xcd\xa17\x93i\xf9\'\xacJ\xb6\xa4Xl\x81\xa5jw\x9b\xcd\xc5\xa9rY\x92 ]\x89\xd0\x89\xd0!5\xb6\x86Q\x90#0\x08\xf1\xa9\xb2\xd4\x8c\xc2\x8dT\x03\xd0Q\x90 \xde\x15\x16\x80\xbd\x80/\xdd\x82\xb4\x19\xe3\xf9\xf9?4\x97\xda\xd0\x9aR\xed\xc1!/\xcbd\xf8\xeb\xa4|\xeb\xf4\x16Y,~\xb1w\xed\xd2"\xbc\xb8\xd4\x8e6\x9bj\x9cEX\x18\x85\xbd\xabC6\xa6\xf7\x1e]\xa2Z\xbb\xadr,\xc6j\xab\xf3c\xef/6\xdbK?\x1c\x9f\xbc~s\xf2\xf2\xf9\xbf_\xbfy\xf9\xe5\xeb\xffl~\xf9\xf2\xfc\xe4\xcd\xf6\xffx9\xff\xd0&amp;\xd24\x8e[\xb8^y\xf3\x1e\x0e[*\xb6\x8es\xcd\xd9dq\xc6Fp\xa7\xcb\x1c\xe5`BM\xe7H{5X\x9a\x19(6\xad\x81\x16\xffh\nY\'7\x97\n\xe1\x88\xf9\xb14\xd34\xdb!\xbbI\xbd+Y\x04\xed%Rq\xfd\xc3VD\xd1\xdb\xd5\xebzmu\xa9\xb2\x15Oo{{[\x8b\xbd\xae\x87\xa2\xde\xb2\x7f\xdc\xf3\xa6\xb0\xf7\xc7\xfdwv\xee!\xa5M\x18\x92\x0f\xdf\xe7;\xcf\xf3L\xe6}\xfb\xe8\xee\xf2\xf9\xd1\xd4\xc7\x9a\xeb7=PS\x81\x0b\xce\x95\x87\x13f\xad\x94\xbaq\xa7\xf1\xd2g\x17~\xdf\xdd8\xe9\xf1\x84RFh\xe4\xb4\xfb\x93p8\x9c\x8b\xe5\xac/\xa6\xea\xa7^LMM\xbd\xc8\xc5^\xc4\xc2\xe1s\xcf&gt;\x1e\xe9\rE:\xea\xf6\x9d\x18\xe9\x87\x13\xa5\xae.\xf5\xb5\xd5,\xac\x89\x95\xee\xba\xd3\x9f5\xc0\xe9\xbe\xffP\xc1\xe1H{n\xf6\xfcm=\x1c\x8e\xc5bS\xb9\xa9\xcd\xc8M\xc1\xb3\xf0\xb9\x8b\xa1\xd9\xd9i\x8f\xdf9\xfc\xb3\xe1~\xa2Vc#k\xdez\xb7\xce\x7ft\xa4~}\xfaRww\xdd\x88\xa7\x10\xca\xe7}\xc7\x06\xf7d\x1e=Y_\x8f\xe5b\xb1\xdcT.\x07\xbfb\xb1\xf5\xf5G\x7f\xf1\x0c^\xe9\x81J\x1f\xda\xbfo\xb8\x7f\xb2\xb7\xa1\xce\xd0\xae\x99\xb6\xca\xb3\xaa\xf2\xa2\xeeJ]\xbaT\x07\x8d1\xe4\xf7\xc7\xd3\xe9\xf4\xcd\xf9\xa5\xf9S\x7f\xf5&gt;y\xbeND"L\xcf\x9f\xfc\xc1\xbbkp~\xf0G\xd0\x98\xe2\x1e\xcf4\x88\xd5\xdb\xd0\xa8\xe9s\x13\xe6\xad\x0e\xbcq\xc7\xd5\r\x951\xd5\x9d\xeaO\xc7\xe3\xbex\xdaO\xb8\x96\x96\xd6\xd6\x1e=y\x1e\x0e\x03\xd3GkK\xf3\x10\x83\xbf\xdc\xd7\xd7W\xf2\xc5\xfd\xfd\x93\x93\r\x93\x8d)]\xbbk\xde\xd2\xd3*\xeb\xd7.\x174\xc5F\xbd\xc3Y\x88\xfb|\xf1x\xbc\xe7\xca\xfc\xfc\xea\xc2\xea\xda\xea\xc2\xc2\xc6G\x1b\xabkk\xab\xab\x04\xac\xa7L\xd5\x17\x0fM:\x9d\x93u)]\x17&gt;7q\xe5i\xe5\xe7_\xb8HS\xec\xd0\xb5H\xbc\xe4\x83\x88\xf7\xdc\x9c_{\xfat\xa1\x1c\x1b\x1b\x0b\x1bO\xbfZ]\x9a\x1f\xdcO\xa6\x1b\x9f\xcf\x13a\x9dNgc\xb7\xae\xaf\x98\xb8 v[\xe5\xc4\x1c\xb93\x06I\xd1\x9d~\x10\x8b\x80\x85n\x0e6o\x00\xd2W\xbf\xdb \\\x0bkK{\xf6\xec"S\x18\xe40D\xa8\x8cT\x87F_4s\x9b\x01\x98^+\xdf\xb1\xd3]\x1d\x11p\x17\xd8\xab\xe4\x9b\x1e\xb9\xb2D\x92\xb8\xb0\n\t\\[Z\x9a\xff\xd5/\xc8pX*\x95\xfc\x0e\xa7\xe1$\xf7b\xb5;gM\xc5\xdav\xe3\xce(\xe1\xea\xd0;\xd8\x02X&gt;\xee#\x9f~\xe2\xe6\xe0R9\xe6\xe1\x04\x18\xdc\xd5GF\xe6\xd6R)\x1eb@-C\xd3u\xfdKs7eT\x9d\xbdS\x03X$4G\xda\xe7\xf1\xf8|\xa5\xd6V\xcf\xf0\x85\x0b\x17fgg/\xcc\x9e\x809\x0b\\\xd5\xda\xdaWj-\xa5\xc7\x1c,K\xc4\xaa\xd6\xe7\xcc\xc6\xbaV]\xe3\xda\xd4K(\x90,\x12\xacC\xfb\xa6{I\x8c\x0c\x9f8v\x08\xe6{\x88&gt;\xc8oQq0D\xac\xea\x1a}\xce\xe4\x15\xf3g\xaf\xe95e\xae\x94\x8e\x14\xff&amp;U\xeb)\x18\x00w\x91\x15\x83\xbb\xc8\x9d\xc6\xb66\xc0\x82\x04\xa7\x8b\n$\xd1\xe0\xaak\xaaU\xb3\x938\xb1B&gt;\x86`ij\xa2\x10/\x95\xc0E\xad\xe4r\xf1]2\x9b\xfe\xfc\x14\\!f\xc8\xe5\x98/&gt;3\x93W\xc0\xf2\x1ag\xab\xe1L\xc7\xea|\xc8q5\x84K3\x0c\xb6\x98&amp;6jo\x7fw\x00.\xff\xdf\x07\xb8\xf7\x07\xda\x06\xda\xcaj\x95|\xe9\x99|\x91\x85\x14\xdaj\xfe\x1fXs\x1c\xd9\x9ce\xb3\xe9\x9a!(y_\xd9Hm\x03\x03\xcd\xcd\xcd\x03\xe4;\xeff\xa0\xca\x00W)\x0eX\x8c\xa1jpp5\xa6\xb6x\x9d\xdb\x7f\xb7\x9f9\x8e"\\5 \x97S\xc9\xa7[3\x99v i&gt;sf\x07\t\xa0\xf3z3mm\xadD-\x10K\x85\x14Vs\x18\x9bmy\xc0R\x9d\\\x00\xf4\xd2U\x83\xc9\xa7K\x19o\xc6\xdb\xb6c\xc7\x993\x1f|@\x96+\xc2\xc3\x0b`\xd0x|3\t\xc4U\x93]f\x1c\x87\xe6:\xb7m3\xd9[\x12\xab\xba\x03IH\xa3\x9a(\xe6}\xed\x99\x8c\xd7\xdb\xbc\x83\x88u\xe6\xf8\x19B\x95\xd9\xc4J\x17i\x8elW\x04,\x84Lm\x89\xdb\xc8j]m\x92\xa1Ew \x10\xb0\x89X\x99\x99)\xb5\xb7g\xbc \xd2f\x12\xcb\x8b;\x81\xac\x94\xf6\xe5%\xd0*@\xa802\xbe4\x17\xab\xaa\xfe\xa1\xc1:\x90{\xd9\x06Xn7\xa7\xe4gZ\xa1 xw4{\xc9\xe2y/\x89\xe3\xc73\xa5\x99\x99\x19\x05\xbbm\xe4\x18\x91\xa7\xb0f\xbeZ\x06+\xd1\x14B\xee$|\xa6\x8dW\x8a\xf9R\x06\nj\xf9\x04$\xe9#?\xa5|1\xaf\x88\xe2&amp;\x15\xa68J5\x19\x0b\xbc\xd5\xe8Ti\x86I \xd0+\x90\xb4T\x0b\x89b\xb93\xb7\x03\x140\x81t@\xa5(\x92-Y\x16T\xa4(\n\x13\xcb\x9b\x8c\xb5\xd2h\xa8H`\x18\x99\xb2Y\x92\xf6\xf1,G\xd1!\x18\xdb\x0f\xf5\x9d"&amp;#\xcd0^`i\xd5\x92M\x96\xd3L\x05\x11B\x14\x9a3Y-\xeb\nt\x1d\x151\x8a\x1c\xe4\x03\xf6\xec\xf8\xd1\xae\x9d\xa2\x1a\xf1\x1f\xea\x83\xeb\x1chC}\x1e\xbf?\xa2\xd9j\xecY\xbb\x05\xb0x&gt;*H4\x80\xadL\x98\xdd\x13\r\xa0\x02\xac\xe8\xb2\xe8Nv\x8d\x8f\x1f\x1d\xcf\xee\xd4\x1b\xfa\xfd\x9e\xe9i\xbfg\x7fhll\xd2\x05\xb4\xe3Y\x0b\xf1\x1e\x96\x13\x0cK\xd34gv\xdd\x9aXq\xaa\x1ab\x18\x1c\r\x8an[2\x0bz\x1d\xcd\xdaw\xba\xbaSu\xbd\xbd\xfd\r\xa9\xd4\xa8%\x9b\x85\x97,\x96\xa4\xdb\x8d\x05Eq\xb0\x92\x849\x93\x0bD\xe5\xc45\xc3\xe0h&amp;\x1a\x0cF\x83&lt;O\x05\x88^G\xcf\x8f\xdb\xed\xf6\x9d\xa3\xaeQKW\x96&lt;?:n\xb7$m\xa2\x18\x8c\xca\x82\xc4\x80^\x14\xd9\xa2h\x1eW\x15\xcc[\x9a\x8a%\x14\x8cF\x83Q\x87\xc3\xc0nK\xb6\xcc\x01\x0f\x12\xe5\xbf\x08V\xd2\xc6\x07\x97\x97\x83\x10Q\x84$,_4\xf5\x7fET~\xf2\x05\xc1\xc2Q!!\x0b\xc3\xc3\x0e\xcc\xbb\xede\xae\x1f\xa2\xec\xb6\xae\x80\x88i\xb9\x0c\x15\rb\x8c0\xbe\xf6}8\x963E\xb1*\xb2\xa3\xfa!\\\xc6\xa8(*\'\x14!t\xec\xc4\x98 \xbaE(\x13\xff\x81\x02\xac\xac\x1dNAZ\x10\x18A\x8e\n\x02\x81\xc3\x98\xe3\xbe]\\\xfc\xee^n\xeb\x07\x89\xaa\xca\xfa\xf0\xf7w\x1d\x9a\xa6a\x1c\x94\x13\t!4=\xccRA\x8a\x02\xe7\xff\xa0\x18\xe4\x11\xf2\xb7\x0c\xc6\xa3\x1d\x8c\x10%\x87\xc9Q8\x86\xe3\xb8\xec\xeb\xd7\x8b/\xc3[\xfe\rx\xfd\xb9\xc7\xdf=S\x9c\x80\x05\xf5QV\x94\x84\x83\x91\x90("\x99\x87\xb6\x97\x04\xab\x8f\x9f?O\xea\x82M\x04K\x89"\x8f0\xc0A\xb2\x13B\x14\xa0\xa0_\'\xc7_\xdfz\x19\xdb\xe2\xed\x18\xf5\xf7\xae\x9f\xfc\xb6\xbfW\xd24\xd5\x90(:\x91H\x14\x05Y\x86\xd6\x82(\x11\xda\x9f\xcdb\xef\xea\xb2C\xad\x82\'\xcb"\xa4vyY\x16\x08\x96\xa2\x08A\x9e\x83\xc3\x103\xfa\xfa\xfe\xe1\xbfo\xe5\x98Z\x05T\x9f\x9e\xbc\xf5l\xd8AC\x8d7X$\x83q\n\xc5\xa2"\x18*\x85y\xd1\xed\xae&amp;\x9b\\\x93\xe5&amp;\x18\x84\xfe,\x82Tcc\t\x99`1\xa0)\x8f\x91*9_\xddj\xb9\x1a\xde\xc2\x1bw\x95\xb9{W\xdf&gt;\xfc\xd3g#\x912\x96\x13\xaa\xb7\x80B\x85B1?&amp;\xa9\x9a\xa6\x8b\xbc\xee\x1a\xddY\x03&lt;\x14\x0f\x94\x14\xa2\x05$\x87\n\x8c,\x08\xd1\x04\x83EQE\xb4Dk\x8b--G^\x86\xb7J\xaf\xaa\xces\x97?&lt;\xd0\xd4r\xe4\x9f\x91\x08Ry^SEJ\x96\xb1\xa3\xa0@\x08X\xe4U\xb7\xdb\x06\x83h\xc0f\x03\xb5\xc0n4\x13QdZP\n\x90@\xa8\xa84\xcf#Ib\xa4\xe5\xfb-\xf0&amp;\xd7\xef\xe5\xb6\x82\xab\xb23\xfc\xf8z\xed[-\x15\x15-\x0f\x12\x11\x1aa\xe8\x89"\x98K`\xc6$\x07C\xf1A\xe4\x86\x08$\x9302\x90\xa1\x81G2M\xb3B\x02\xcc&gt;\x16\x81\xba\x8b\x91\x8c)\x9ae$\xe3UESS\xd3\x91\xc3W\x1f\x87\xdf|\xcc\xa9\xb4v^\x1e\xba]\xfb\x93\x03\x15\xbb\xdf\xb9\xb5\xd8/\t4\xcc)\x14ECYb\x98PH\xc04\x86\x1a\x11\xb0\x11\xaed\x12F\x19\xc0B`*%\x11\n\x8dI"\x05\xb5\x14a\x83e\x19\x07\xfeW\x13p\xb5\x1c\xb9=\xf4\'\xab\xb5\xfe\rO@k\xf8\xcf/k\x87\x86\x0e\xb4T\xec\xde\xfd\xde\x03\x99\x15h\x1a\x1b\x08\xd3\xc0\xa58d$!D#\x1a\x83^6Q/\xe7\x90\'eMH(\xb2\x1ca\x82\x14L\xcc\x98\xa6\x9c4\xcb:\x17\x7f\xbbw/p\x1d\x19\xaa\xbd|.f}\x93\x1b@\x95@\xf5\xc7\x93\'kko\xbf\xd7T\xb1}\xf7\xdb\xb7\x16Y:!I\xac\x84a\x8a\x1a\x0b\xb1T\x94u\x80\x97U\x95\'\x96\x92\x9c0\xc3 R\xd4%0;\x16QP\x06,(\r\x98\xa5\x19\xe9\xd5\xfd\x8a\xbd\x15\x15M\x15\x07\x87\x86\x0e~\xf8M\xd8\xdaY\xf9?W\x05\xab5\xf6\xcd[W?=x\xf0\xf6\xe1w*\xb6o\xdf\xfb\xe3\x07Q\x89a\x9d\x12\xccP\x88b\x86%\xc6\xc1\xb0\x12\x85U\nj\x84\xc8\xf3\x98\xbc\xfcoN\xce \xb4m&lt;\x0b\xe3\x91\xc1\x0e\xc6\xc2\x91\x0e\x0b&amp;\x96\xa5\xf4"l\x8a\x06\xa41xX\xd5L\xb0\xa9/\x05G\n\xd4\xb9\x88\xee`\x98\x93\xc1P\x95\x1c\x0c\xc1H\x95\xebc\x94\xb9\x08{\nK\x8e\xc6k\xe6\x1c\x1c0kl\xb0!\x86\x1cB\x02kSrr\x0e\xb9\x94\xf4\xd0\xa1S\xba;\xdf_N\x0b\xcb\x0e\xc3\xcc\xfe\x1bBZ\xb9\xf5\xcf\xdf\xfb\xde\xf7\x9ej\x92\x8d\xafI\xd7\x11CE\xc2aPm\xc4#q\xb0\xff\xebC\x12\x87\xa2\xccj\xac:f\x94Qm\xeb\xff\xfby\x1f0\xd5\xd6n\xab?\x98\xd6zC#V\xa5\xb8h4\xaaM\xce\xd1R\xf1H\xaa\x80\xa7/\xd4%)\x1e/\x95\xc8\x82\xf3-Y\xda1\x937\xc0\x16\x89\x172\x85\x02""\x9e\n\x13\xd6L\x04\xf4\x05\x94\x90\xe3\x92\\2\x1f\xd3\xfb\xbd\xe50;\xec\xed\x02\xecO\'\xd5\x16l\x19\xac\xdd\xdc\xf4:\x82\xb0\xd0\xf5\xaa\xc1qQ5*\xce\xdf\xc2\xf4\x85m\x00D\xb6\xb7%\xa9\x10.e\x12(]\x04O\x0fWK\x90\xc9\xffRr])!\xa5\xbe\x06\x16\x1a$Q\x92\xdeV\x92I\xc8\x1d5\xab\xf9AO\xe8\xd4\xa6\xde\xe0\xb2\xb3\xf5\xe7\x1c\xb6\x1e\xc4+!\x7fw\xd0\xaf\x05;\xb5\xc5t\x90\xcb\xc7 \x97\xaaZ\xda])\x15\xfe{\x8a&lt;[\xaa\x90\xd8.\xc0\xfa\xf5\x04Y\xf5R\xf1Hd#\\\xf2\xbf\xccd\xf6\xdcz\xbd\xfe=\x02\x0b\x0f$\xdb\xcd\xdb+@E\xb9\xa8\x96\xcf\xe7\x87\xd3YKh\xcd\x86\xcehA\x1c\xb6\xfe\x877\x05TO\x10\x00\xe5\xf4\x1b\x9d\xde\xf5\xc0\x9cLVr\xa9\xaa\xaa\x89\xe7\t\xc8\xb2\xe1K\x92\x8a\x17\xea\x89pA\xc2b\x9c\x92\xa4L)\xfc\x12.\xcfd\xb0\x8b\xbd\x84\xab\xa4\xbf\xe1~2\xb2\xf1\xbcT\x8a\xff|\xca\xad\xb0\xf8X\xde\xb44\xe7\xa6\xd7\x12j\xfd\x83\t\x1c\xb2\xf5\xc72\x0cLPJ\xa8-\x87&amp;\xdbou\x16\x03\x93\xa6\xb5\x8a\xa9\xc7\xaaI"W\x14\xdd\xf8}=\x85\x11\x03#K\xa9z]\nG\x12\xae\x0b\xe5\xeaRj\x1b\x9a\xe16GJ\x84\xc9\x0cJ\xd5\xe3\x88Ql\x8c\xa5\x9f}\xadp\xccX\xdeP\xad$\xc5\x8d\xa7\r\xa1\xb5\x1cs\xd6`Y\xdb\x15\xc8\xff\x15\xff~\xa2\x83iW\x80DCGq\xae\x1b\xc1\xa9\xc7\xb0\x0c-Z\x96\xceWu\x98^\x8dF\xc5\xab\xf3z\x06\rV@\x14\xa5\\ly\xd0\xad^OmK\xa8\x1ad\x8b\x17\xa4z"\xb2\x81\xb8@v\x94\xdc\xfdL\xe1\xe59\xa1RI\tcy=i\x01+\xad\x98#8\xacw\x13\x8a\x9a\xa3Ec\xf7w\xc6\xe4\xba\xef(R\xbd\xebOc\x8f1\x87\x8b\x960\xf5x\x96a\x189\xa9\x9a|\xdeoF\xe8\xa5]\x9d7\xf7\xb0C\xc0\xe1)i#\x0ci\xe2)\xb4\x1a&gt;A\xb0x\x02^\x8f?\xdf\xf86"\xa5\x12)wg\xe7+\xf7\\\xf5\xa9\xa2\xa4\x0by\r\x99\x8a\x8ft\xda\x1c/\x04\xa1\xb1\xf8\xa4i\xcehF\xc2\xe27k\tGA\xa8N\xabv\xd9\x1fO\x1c{\x00;v:\xb31\xeb\xf8\\\xb4\x96\x04\x96\x8e\xa0\'\x0e\x11\xafn\xf72\x18x\xc0\xa8\xa3\xe7\xc2$\x19\xd0\x81\x91\x08j\x18Od\xc2\xe1\xd2sLA7\x91hJ;\x8f\xbaw\x96_|\x88\x85\x122\xd0\xca\xcf\xaf\xb4L\xa3\x1a\x1d\xa1\xb6\x18\x8dY\xaf\xdf#}\xbf\xfe[\xd5k\xb4Z\xbdE\x7f\xe8h\xe2\xb8\xbf$\xb1\xd0\xe9\rY\x9ewX\x96\xa5\x19F1\xf3\xb1\x98"\x12\xc18\x05u\xfcg\xd3-\xbb\xee\xfe\xfe\xf1\xbe\x1b\xc6\x88AV\xa5Rd\xfa\xc1pR&lt;\xf2\x12W\xdcf\xc2\xdds\xdf\xcd\x11\x0c&gt;\x15\x87.\xd4I\x05)`a:\x1a\xb4H\xd2\'\xd8\xe9-G\xe3\xe1ec\xeb\x7fs\x7f\xb7\xf1c\xab1\xbb\x1e\x0e\xce\xec\xf1\xa7i\xaf\x13\x0c\n\x820\x03\x15\xfb\xf90"Lo\x04D"\x18\xa7\x04&amp;\xb7\xed\xf6\xce\xb1[|\xf8\xb0|\x9c\xd9\xdbofHL\xb9RA\xda/\x97w\x8e3\x99\xe3\x87?%\xf6\xddr\xf3\xfcJ\xe1VnOF\x8d\xbc\xa1\xf9D+,\x9aNS\xe3iM\x08\x06\x91A\xd3\xferV\xfbo\xb0u\x81\xbcAyy3\x1e^/f\xbd^#\xe8?\xb2w=\xa6\xef\xa9\xe0z\x91\xb5u\xa3\xca\x07\xb2\xa2\x020\x8e\x12\'\xb7\xaf\xda\x87{\xc5G\x9b\xdfl\xba\xed\xe2^\xc9-\x1f\xef\x1do\x16\x1f|U\xfei\xe7\xb0\x94)?\xd8\xaf\x97\xdd\xe6\x07\x8bZ\xf5 )\x1c\xafW*\xb9\xb4\xaf\x16\x85\xe1\x983ri\xca\x1c\x100h\xd0\xea\xcd\x16D\xb1/\x9b\xc5\xee\xeeV\x8bTx8E\x98\x08(^\x10\xe5[\xbe\x1f\x9b\x0c\xcb3\x04\x8aau\xd3t\xec\x98\xc1\xc7\xb2\xd9l`\xc5%O\xeeN\x0e\xdb\xdd\xd7\xdf&lt;(\x16w\xbe\xebf\x9a\xdd\xe3\xb2\xff\xadY\x9b\x0f\x8a\xddR\xf7\xd1N\xb9\xe8\xbe\x9dkb\x92[AQZ.o\x9d\x9eQ\x96vM\x00\x00\x04\xc5IDAT\xaa&amp;\xadP\xe4`\xc3\x81\\\xe8Hs\xdc\x9f\xb5: \xeb4f\xd3\xcb\xd6\x97I\x89\xcd\xe5z4\x18-}\xeaN\xabQ\xebM\xfb\xc3\x81\xa3j\xfc\xbdT\x8e\x17\xc3\xf1t\xd3\x88\x1d\x1c\x1c\xac\xc0(*\x10\x9a\xbf{\xd5m\xbf\xde,\x1f\xb7\xdb\xdd\xbdfs\xaf\\&lt;.\x97\x8b\x9b\xaf\xba\xcd\xf6\xa3G\xe5b\xfb\xfc\xca\xaf9\x97Lj\xa2&amp;\x8a\xa6\xac\x9e\x9e\x9eZ\x06\r\x91\x08\x16\xaa\x98K\xa7e\x99\x12\x9d\xd1\xf5\xac\x06I\x90\xe0\xfdK\x7f\x84\x83\x0cL\xc3&gt;n,\x83B\xa3\xb7\xbc\xee\x8f\x06c\xefl\x9cU\xd5,q:\xc3\xc7\xaa`\x82\xdd=Mg\xf3\xec\xc1g0\x8a\x92a\xb0n\xb3\xfb\x1dy\xcb\xfa\xa4\xdd\xed\xb6\x0f\xdb\xd8\xa1\xdb\xe5n\xfb\xd9\xeb\xd7\xc5\x9dw\x1f\x92\xa2F\x91\xe1\xac\x88\x81P@\x14\xb5h\x05X\x15\xd3043G\xb0d"WZ\xc6\xbf\xc4\x98\xce\xe0f:C\xef/G\xef\x17=\x7f"\x81\xa9F&lt;\xde\x9b\xde\x0c\xbcl2\xcb{g\xb6V\xa9\x98\x9e\x9e\xa6Y\xfb\xec,v\x7fLS3\xb3\x07+\xae\x10,\x96\x0e\x84\xb4\xf9\xed\x1ep\x9e\x1d\xbez\xf6\xe4\xe9_\x9f\x80\xef\xb0\xfd\xf81y\x07\xe3\xdd\xed\x95\xa2P\n\x05\x95B\xe4\x04\x02VE\xad\x9c\xe2\x97j\xe4T\xd5\xd4s~\x15\xb1\xdb\xcb\xa4\x05\x186\xa0\x89\xce\xa0\x7f\xd9i,oF\xd7\x00[#M\xba.\xcc\xfa\x03\x87\xe5=&amp;j\xda\xa0:=\xd5&lt;\x87\xa1\xe8\xb33;\xf6\x05\xcbJZZ\xf6\xc0\xf1\xb1B!EQ \xc2d~\xfb\xe6\xf1\xab\'\x8fO\x9e=\xfd\xcb\xd1\xd1?\x9e=%\xefB\x1d\x9e\xdc\xce5\x08\x84\x87\x00*\xebcY\x98\xa7\x15PU*\x9a!j\x06\xcf\x03\x8cf\xe8\x1c$CX[\x0c\xcf\xd0\x8ab"Y;\x8d\xcb\xfe\xf0\xfd\xe5\x1a\x0cU[\xdc\x8c\x1d\x87u\x1c\xcf\x8c\x1e\xd8\xb6\x08\x0bx\xb6C\xd3\xf6\x19*h\x88F\xcc\x8eUu?\x9eC\xd9{\xb9\x88\x00r \x10\x10\'\xf3\x7f\xbfy\xf1\xc3\xd1\xc9\xc5\xd1\xd3\x17GG/\x9e\x1e\x9d\xbc\xbb\x9d["\xae\x80\x9a\x10\xe1\xc1Y\x91\x8bZ\x00\xf3\xe5\xc2|\xc5ay]\xa7\x81D\xb0\x14l\x00\xac\xc3\xd2\x8aL\x9b\xce\xcd%\xa2\xaa?\\C\xae\x0f\x00\xc422\xcb;\xb2\xe8\xd9f\x85P\xd9\xc0\xb4A\xa5s\x1cm\x13kA\xac\x9c\xa9\x05\x18P\xdd+@\x9e\x17F\xd3&amp;\xbf\xfc\xe7\xcd\xc5\xc5\x93\xa3#\x90\xbd\xf9x\x07(\\\x14}&amp;\xf20\x94\x9cJs\x08.\xc8E\x8e%\x1a\x86\xceC/\x9d1\x08\x19\xe4\xaa`\xb89\x8c"\xca\xb0\xb33\xbal\xb4zk#\x8f\xa5y\xcfcd\x9a`\xf1\xb6\xa3\x9eV\x18\xdb#\x07\xbe\xaa"\x17\xf2\xb6}f&amp;54TH4\xf3\x0cP\xb2D\x88\xfb\'&amp;F\xd3\xae\xeen?^\\\\|\xfcena\x08@\xc5\xd0\xe7\x83W`E\xd3\xb9\x9c\x92$r\xf9X\x96\xa6\xeb&lt;\x06\x88e\x99\x86L\xf4R\xd4\x8aEc\x98\x90\xdf`\x02\xb3\x98|k\x8e\xc3\xd0\x10\x8bV\x80\xe5\xf1\xb6\x07cY\x189N\x8cG\xedp\xcfS\xb5q\x1c\x92\xcf&amp;:\x13k\x9cL$\n\x001D\xd4\n\xad(E\xedj~7\x9f\xf8\x16\x17}\xe0lhUD1\x9aDr\x920\x88\xae\xb84\x13ed\xa0\x166/\x1dw\xc5\xa8"\xe4\xd2h\xac*\xf2\n\x8cv\x86k\x1e+3\xf0w\x9a\x02\x96m{\x01\x94?\xc02\x0eH\x80\x84\xfb\x01\x14\xd2\xb6MMK\x9a|\x8cg\x81\x95\xe7\x19R\xc4U\x8fe\t\x15\xca\x8a\xbe\x03\x0c\x9c\x97\xf5\xffxu\x91 \xe2\xe5\xe4t\x03\x89\x8eC\xf9u\xc4\x8a\xab\xf3h\xeb&lt;\xa9\xa3\xce\x10\x14\xc8\xa5\xca\xcc\x8a\x8b6Hm\xd7Vb\xc9H\x0f\x06Z\xd1Q\x88u\x00kU\'\xa6M\xb4\x02\x96m\xeb\x88D\xcddc&lt;\xb6\xcb&lt;&gt;tYD\x12\x89\xbeZD\x15\x85\xa3\x02\xd9\xcf\xdd\x80K\xa8\xa3\xdf\x83\x01\x8a\x8c\x9a\x9c\x01\xac\xd5!c\x1b\xc7\xe4\x19\xd5"\xfe2\xd0\x93\x84\x85\xabT8\x94\xd1\xe7Bp\xd0\xcc\x1a\xa6\x8b\xe3\xd0\x94\x02\xf1\xf2\x1e\x93\xbc\xba\xc2^\x83`\xc8k:\xee\xe8\xce~\xad\xb9Z\x91(\x84a \x83\x8e\x00\x87\xe8Df\xb0\xc42\x18z\x81\x87\xe7\x14\xd5\x08\x18\xee\xf0.\xc5\xa5\xden\xca\x8b\xa9\xddn\xf6\xd3\x06,%*\x01,\x06+\xf9\x82f\x19\xdc5\x95,%\xaf\x0e\xa5\x1bh\x85\xd6c\x8bL]$:\xd8\x02]\xef\x8c\x01\xebT-g!,\xd1k\xd0P\xd7l\xa8:p\'4\xa74=\xda\xa5wTA\'zk\xfe\xe6JQ\xde\xf0dx\x1eD\xc45PX\xb6`\xc5\xc4\xc5\xd9\xf0\xadBZ\xba\x03XJ\xf6O\xd9#\xf4\xb4\xc4Z\xdb\xc9|\x8f\x9e\x01,\xa6\xc1\x1a\xc7\x8b\xeb\xa3\xda\xd1\x8c\xfb\x8a\xcbg\xd4\\\x81\x11\x84z\xa7\x050?:\ns\xdc\xf3\x02\xbb\x0e\x00\x00\x00\x00IEND\xaeB`\x82'</t>
        </is>
      </c>
      <c r="M553" s="3" t="n">
        <v>45492.67881944445</v>
      </c>
    </row>
    <row r="554">
      <c r="A554" t="n">
        <v>1523441</v>
      </c>
      <c r="B554" t="n">
        <v>212560</v>
      </c>
      <c r="C554" t="inlineStr">
        <is>
          <t>Fábio</t>
        </is>
      </c>
      <c r="D554" t="inlineStr">
        <is>
          <t>Fábio</t>
        </is>
      </c>
      <c r="E554" t="inlineStr">
        <is>
          <t>UNK</t>
        </is>
      </c>
      <c r="F554" t="inlineStr">
        <is>
          <t>UNK</t>
        </is>
      </c>
      <c r="G554" t="inlineStr">
        <is>
          <t>UNK</t>
        </is>
      </c>
      <c r="H554" t="n">
        <v>178</v>
      </c>
      <c r="I554" t="n">
        <v>83</v>
      </c>
      <c r="J554" s="2" t="n">
        <v>38323</v>
      </c>
      <c r="K554" t="inlineStr">
        <is>
          <t>Right</t>
        </is>
      </c>
      <c r="L55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t\x00d\x9a\x00)\xb2I\x1cH\xd2H\xe1UFY\x89\xc0\x03\xd4\xd7\xc9\x7f\xb7O\xfc\x15\xf3\xf6q\xfd\x8d,e\xd2\x06\xb1\x06\xbb\xe2\r\x84Eck0h\xd1\xba\x00J\x9c\xbf=\x97\x03\xfd\xa0F+\xf2+\xf6\xbc\xff\x00\x82\xe5\xfe\xd5\x7f\xb4U\xd5\xc6\x8f\xa2x\x8d\xf4\x1d\x0eW\xfd\xcd\xb5\x91+\x95\xe9\xd1v\xe7\xbf\'\'\xde\xb1\x9dzpv\xeas\xd4\xc4\xd2\xa4\xec\xf5~G\xef\x8f\x88\x7fi\xaf\x80\x1e\x16\x99\xed\xb5\xbf\x8bz\x1crG\xfe\xb1#\xbd\x12\x95\xfa\x84\xce+\x9f\xb3\xfd\xba\x7fd\xdb\xedMt\x8bo\x8d\x9aY\xb8c\xf2\xab\xc72\x83\xf8\x94\x02\xbf\x98\x8f\x11|\\\xf8\xa7\xe3)\x8e\xa7\xac\xf8\xdfU\x9d\xa6\xe5\x8b\xde\xc87c\x9cc5\x9fk\xe2\xbf\x15[\xce.\x17\xc4\x17\x89"s\x1b\xad\xc3\x02\x0f\xe7Q\xf5\x87k\xd8\x87\x88\x92W\xe5?\xac\x8f\x0b|D\xf0\x1f\x8e#\xf3|\x1d\xe3-3T\x00e\x85\x85\xf2JT{\x85$\x8f\xc6\xb6s\x9a\xfeW&lt;\x0b\xfbl~\xd0_\t\xaeb\xbe\xf0\xcf\xc4\xedF)bp\xea\x92\xdd\xbb\x8e;\x00[\x8f\xc2\xbe\xef\xfd\x8d\x7f\xe0\xe3\xcf\x88\xfe\x14{o\x0e~\xd1\xdabk\x96\x1eb\xa3\xdf\x96"h\xc7L\xee\xc1?\x8b\x16\x1e\xc2\x9c1\x11\x96\xea\xc5\xc3\x13\tn~\xdaQ^e\xfb5\xfe\xd7?\x03\xbfj\xcf\t\xc5\xe2\x9f\x84\x9e1\xb7\xbc-\x18i\xec\x1aU\x13\xc3\x91\x9eT\x13\xb8s\xd4dz\xe0\xf1^\x9b]\t\xa6t&amp;\x98QE\x14\x00QE\x14\x00QE\x14\x00QE\x14\x00QE\x14\x00\x92H\x91!\x96W\n\xaa\tf\'\x00\x0fZ\xfc\xa7\xff\x00\x82\xc3\xff\x00\xc1i\x13\xe1\xd9\xbb\xf8\x05\xfb;\xea\x8b%\xe3\x03\x1e\xa3\xa8D\xf8\xc8\xef\xcfP\x98\xe8?\x8b9&lt;\x1cW\xd2\x9f\xf0Y\x1f\xdb~\xd7\xf6O\xfd\x9c\xef\xb4}\x0bQ\x11\xeb\xba\xd5\xb3G\x08V\xc3*0`\x07\xfc\x08\x83\x9f\xf6Q\x87\xf1\n\xfc\x12\xd0|1\xa8\xfcP\xd7\xee\xfcs\xe3\x17\x92\xea\xebQ\xba2\xcd4\xc0\x96v=\xc6\x7f\x9dq\xe2\xab\xbak\x96;\x9c\x98\x89\xd5\x97\xb9K~\xa7+\xab\xb7\xc5\xaf\x8e\x9e&amp;\x97\xc4\x1a\xdd\xd5\xde\xa1ur\xc4\xb5\xcd\xc3\x16\x18\'\xf4\xae\xf3\xe1\xcf\xece\xe3}j\xee\x1b\x8dY\xc4q\xb7\'+\x9c\n\xf6\xaf\x86&gt;\x10\xd2&lt;?o\r\xa4vJ\x9b\x07\xca@\xe4\xd7\xb9x\x06\x1bQj\xa6p\xa8I\xc7\x1d+\xc8\x96&amp;\xdaD\xf5\xb09E9(\xb6\xb7&lt;\x83\xc2\xdf\xb0\x97\x86\xeelsspVP\xbcI\x8f\xfe\xb7z\xa7\xe2\x8f\xd8_E\x82p\xf1\xddH\x08\x1c\xedQ\xcf\xa7j\xfa\xb3L\x8e\xc5XC\x9c\xa8\xea\x14\xf2i5M.\xced2w$\xed\xcds\xbcD\xe3\xd4\xfa\x1ayV\x19-b|7\xac~\xc2\xd0Ow\xe6C\xa8\x1e:\x02\x0f\xf8W=\xe2o\xd8\xc7V\xb2\xd3Z\xe7M\x90\x97L\xb8\xc0\xe7?\x95}\xc3\xaah\xb0[\x8f\x95F\x0f\xde\xc1\xe6\xb0\xb5-:\x10\x9b$\x03\x0cpT\xf6\xad)\xd7\x9f{\x9c\xb8\x8c\xa3\x0e\x93j(\xf8\xa7\xe0\xcf\xc7/\xdaC\xf6/\xf1\xdd\xbe\xa9\xe0\xcd{P\xb6\x8df\x12\xecIJ\x80Gq\xe8}\xc5~\xdc\xff\x00\xc1/?\xe0\xb0&gt;\x01\xfd\xb24;O\x87\xdf\x12.\xa2\xd3&lt;i\x14h\x8f\xbfj%\xd3\x9e0@\xe1X\x9e\x87\x80\xc7\x8c\x03\x8c\xfeq\xf8\xf7\xe1\x87\x87|Wj\xf0_[\xc3\x9d\x84\x87\xda2\r|\xbdy7\x8a\xff\x00d\xbf\x8e\xd6_\x10\xbc/y,v\xf1\xde+\xb2\xa1 2\x16\xe52=\xab\xbb\x0f\x8b\x92\x97\xe8|\xdd|,\xf0\x92s\x8b\xd3\xaa?\xa9\xfa+\xc3\xbf\xe0\x9f\x1f\xb5.\x8f\xfbY~\xcd\xfa7\xc4\x0bMD\\_C\x02A\xa9\x12\xd9fp\xbc9\xf7 \x10OvF\xafq\xafa4\xd5\xc6\x9aj\xe8(\xa2\x8ac\n(\xa2\x80\n(\xa2\x80\n\x0fJ++\xc7Z\xa4\x9a\x1f\x82\xb5}j\x13\x87\xb3\xd2\xee\'C\xe8R&amp;a\xfc\xa8\x03\xf0\'\xfe\x0b\x7f\xf1\xe3S\xf8\xfd\xfb[\xbf\x82\xf4\xe9e\x96\xc7O\x9d\xf0\xaa\xc7hL\xaa\xc4q\xd3\xfdX\x1f\x89&gt;\xb5\xe4\xbe\x0c\xd1F\x8d\xa7Cn\xf1\xe1\xe3\x00\x03\x8e\xd5\x7f\xe3\xe3M\xab\xfe\xd3\xfe&amp;\xd5\xa7b\xdeV\xa7$\x03x\xc9\xc2\x92\xbc\x1fN*\xf6\x9b\x08\x90\xfc\xf2*&amp;\x06K6+\xe5\xb1x\x89\xce\xb4\x94L\xb2\xeaj\xa5i\xcd\xf5:m\x12I\x02+\xbey\xe8k\xd2\xfc\x01e\xa9^M\x10B\xdbN1\x9a\xf3\xad\x1a\xff\x00\xc2\xf6\xbeX\xbc\xd6\xe1R\x0f\xdd.+\xda\xfe\x12j\x1e\x13\xb8\xbb\x81\xad\xf5{r\xa4\x0eK\x8cW\x02\xe7R\xbc\x8f\xb5\xc2(r(#\xad\xd3\xfc7\xa8\xdaD\xb2I\x0c\x98#\x04\x81V$\xd2/\x16#)\x8d\x89\x07\xa1\x1d\xab\xd6&lt;3&amp;\x8dq\xa7B~\xd7g.W\x04\x07\x04\xe7\xf3\xadg\xd0t\xdb\xfbf\ro\x0e\xd1\xe8EK\xa8\x8fj8f\xf5&gt;x\xd5\xf4;\xd0\tU8\xcf\x1c\xf5\xaegZ\xd3ome\x1eb\x13\xb8\xd7\xbf\xf8\xae\xe7\xc0\xba\x1co\xfd\xb1{on\xc9\x9d\xa3&lt;\x11\x8a\xf1o\x1c|e\xf8%l\xb2D\xfa\xf4Fh\xc9\xf9c&gt;\x9f\x85kJ\xab9\xf1Ti\xc6:\xb3\x8c\xd5-\x9e\x18K\xba\x12\x02\x9c\x8cW\x8c\xfcx\xf0&lt;^2\xf0\xdd\xc4b\xc5$\x921\xb9\x18\xf5\x1f\xe1]\xe6\xb1\xf1\xfb\xc07\x97R[YJ\xf2.p\x19A"\xb1\xb5?\x10\xe9^$\xb2\x9b\xfb1\xf7\x87\xca\xb6\x01\xe9\xf4\xae\x98\xcd)&amp;\xba\x1f1\x8d\xa2\xa5\x17\xc9\xa9\xf4O\xfc\x1bi\xf1kX\xf0\x7f\xc4\xcf\x11\xfc\x01\xd5\xf5\t\x1e\xdfP\xb6ylm\xe4\x90\xfc\x8e\x99\x90\x9c\x1fL0\xff\x00\x81\xd7\xec\x95~\x15\x7f\xc1#\xdb\xfe\x10o\xdb\xdfB\xbc\x85\xb6\xad\xdc\x82\xdb\x0b\x9c~\xf2X\xe3?\xa3\x1a\xfd\xd5\x1d+\xe90\xb5\x15J)\x9e\x0c,\xae\x97@\xa2\x8a+\xa0\xb0\xa2\x8a(\x00\xa2\x8a(\x00\xaeg\xe3C\x94\xf8=\xe2\xb6\x03\x91\xe1\xbb\xec\x7f\xe0;\xd7MX\xff\x00\x10\xb4\xb7\xd7&lt;\x05\xad\xe8\xb1\x8c\xb5\xe6\x91s\x02\x8fR\xf12\xff\x00Z\x00\xfer&gt;4fO\x8e&gt;#t^?\xb7.I\xf6\xfd\xebW?\'\x84&lt;q\xe3\xbd@\xe9Z\x15\xdbA\x08\x18iw\x11]o\xc6\xad\x1e[?\x8f&gt;!\xb5\xbaB\xa5\xf59\xa5\x19\xf4i\x0b\n\x96\xc3\xc6\x16\xbe\x04\xb477%#\x18\x18\x90\xf4\x1fZ\xf8z\x8eQ\xac\xd7\x99\xd3\x93S\xbdK\xb3\x97\xbb\xfd\x8c\xbe+j6\xa6M?\xc4\xe6W\x8dw.\\\x8c~\xb5\xce^i\x9f\x16\xbe\x12\xeb\x03K\xd5u\xa9\xa2H\x80,\xd1\xcc@\xafF\xf1\xa7\xedM\xf1#\xe1\x02\xd8\xea\xd7\xbe\x05v\xd3\xf5x\x8f\xd8\xef\xae\x9b\x11\xca\xb8\x18#i\xf4#\xa8\xae\xdb\xc3\x9f\n\xdf\xe3\xdf\xc0\xe6\xf8\xdf\xab\xeb\x1aT*\xe5\xb6XI$\x82G\xc1#\n1\xed\xde\xabY#\xe9\xb9\xa9\xc1\xa5\r\xca\x9f\xb3\xf7\xed\t\xa9$\xd0\xdb\xea:\xcc\xd2\xb1?s\xcd$q^\xfc\xdf\x1c\xfcZt\xe6\x96\xc2\x1b\xa9!+\xf7\xd5N\x05|e\xe0\xdf\x0f\xbe\x9d\xe3\x81\x1e\x9de$H\xb2\r\xc8\xc7\xa7=~\x95\xf5\xdf\x86u\xbdOB\xf0\xbd\xb4\x87KYm\xddG\x98\xc13\x9a\xe1\xad\xa3\xd0\xfaL\x14\x9c\xe1\xa9\xe3\xff\x00\x17\xbe2k:\x9d\xac\xf1]\xdc\xba\xb3\xe4\x00\xdfx\x7f\x85y\x8f\xc3O\x826\x9f\x10\xbcX\xb7\x1a\xc6\xbd0Y\x1fs\xc7\xbc\xe1\xbfZ\xf5\x9f\x8d\x9e\x1c\x8b\\\xd5N\xa1\xa2\xe8\x81\xc4\xbc2\x81\x81\x1f\xd6\xb8\xdf\x88:7\x89\xfe\x0c\xfc=\xb2\xf8\x91\xe0_\x14\xd8\xdf\xdd\x9b\xd4K\x9d"\x15c$jH\xc9\xe5zu\xef\xda\xba(\xbb\xab\xa3\xcd\xc7\xde2\xb4\xb5G\xd1?\x0b\xbfe\x0f\x84\xda\\J\xb7:-\xb5\xc8\xf2\xf9\xdeA\xcdy\xf7\xc6o\x85\x1a\x17\x83\xb5\xe1w\xe0\xcbf\x82\x17\xff\x00]n\x87\x81\\\xf7\xc0o\xdas\xe3W\x8c\xfc\x17\xacx\xc7^\xf0lCM\xd2\xdbo\x9d\x11e\x98\xe3\xd1x\x06\xba\xad\x17\xc4\x8d\xf1\x13@o\x13\xab\xc9"\xdc\x82PL0\xcb\xf5\x15\xd2\xe6\x91\xc1R\x9c*Rj+\xa1\xa5\xfb\n\xf9\x9a7\xedk\xe1K\xb5\x01\x0bk\x16\xfd{~\xfe3\xfa\xe2\xbfs\xc7O\xc6\xbf\x12\xff\x00b\x1d\x11o?j\xff\x00\r+\xb0-\x1e\xa9o\x81\x9e\x07\xfaDc\'\xf3\xaf\xdb55\xf4Ye\xfe\xae\xfdO\x8c\xe5\xe4\x9bB\xd1E\x15\xe8\x8c(\xa2\x8a\x00(\xa2\x8a\x00+\xcd?iO\xda\x8f\xe1\xc7\xec\xc9\xe1\xdb}g\xc7r\xc9$\x97\xa5\xc5\xad\xa4$\x06\x90.7\x1c\x9e\x00\xe4\x0f\xc6\xbd.\xbf8\xbf\xe0\xbc\x9a~\xa9\xaaM\xe0\x884\xd7pbY\x1d\x82\xb1\x1dd?\xe1Xbj\xba\x14%5\xd0\xd2\x95?kQG\xb9\xf9\xf9\xf1\xf3Y\xd1\xfe"~\xd0\xda\xd7\x8a\xbc-bm\xac\xaf.Y\xe3\x88u\x00\x9c\xe3\xf0\x1c~\x154\x9f\x0b\xf4\x8f\x15\xdaGo\xa8\xe8\xd1\xcc\x02\x80\xd9\x1c\x929\xac\x08n\xb6\xebr#\x00&amp;V\x01\xc8\xea+\xd6&gt;\x1b]\xab\xb2M,@\xf4\xe3\xad|MZ\xb2\xa9\'.\xbb\x9fK\x92\xe0\xe9\xd3\xad\xca\xf59\xd6\xfd\x9e\xaf\xfcmmg\xa1\xeb\x8e\xd7Z}\x96\x1a\xda\xce\xef\xe7H\xb1\x8cm\x1d\xbaWm\x0f\xc2\x07\xf0\xe6\x98\xb6QyJ\x8b\x1e\x11"\\"\xfe\x15\xe9^\x18\x93\xce\x9d\x96\xda\xd4\x13\xb7\xe6;\x07\x14\xff\x00\x11h\xf7S\xe8W\x97\xb7\x80G\n\x0c\x82\xa7\x04\xfe5\xc6\xf1\x15\x0f\xb1\xa7\x96\xe1`\xefc\xc44\x8f\x00hz~\xba\xf7\xf2[\xc54\xe4\xfc\xcf\xb3\x9e\xb5\xee\xbe\x1b\xd2\xe7&gt;\t\x81 \xb1\xc2+\x8e\nv\xe7\x9cW\x0b\xe1\x8f\x0b\xb5\xc4\x1f\xf0\x91k,\x96\xd6\x8a\xe3k\xbb`\xb0\xcd}#\xf0\xe6\x1f\x01\xeb\x9e\x04\x8bN\x1a\x8c1\xb2\xf2%f\x05\x8e\x7f\xa5e)JL\xed\x8c)R\x8d\xa2xm\xef\x81t\xedn\xf5\xefm\xad\xd5_;]B\xf0j\xb4\xbf\xb3]\x94\xb2\x8b\x98\xec\x94\x19H(\xc8\xb9\xc1\xf5\xafW\xbb\xf0\x9f\x86,\xb5s\xaa\xf8G\xc40^E\x0b\xed\xbc\xb7\x12|\xd9\xf5\xc7&gt;\xa2\xbb\xdf\n\xe8Zf\xa1f\xb7zz\x86\x8d\x97\xe6\x04\xe4)\xad)JkK\x98V\xa5J\xafK\x9e\x11\xe1\xdf\xd9\xf2X\xa2\x90G\x07\xee\xc8\xc4\x89\xb7\xef\x9fz\xa7\xaf\xfc3\xb1\xf0\xc5\x8c\xd1C\xa7\x88v\x022\x17\x83\xc5}5\x0e\x91\x1d\xa2\x966\xfbS&lt;\x90\xbf\xadp_\x19\xd3G\x1a,\x9eh\x02R\x08\xc0\x1dx\xae\x98\xc9\xb9+\x1c\xb3\xc3\xc2\x14\xdd\xcf\x94|\x1c\xfe#\xf0\xe7\xc4\xeb}O\xc3Z\x8f\xd9\xaebr\xebpOE\xc88\xc7\xe5_\xa2\x7f\xf0N\xaf\xdaO\xe2\xff\x00\xc4_\x88Z\x97\x80\xbcs\xab\\\xde\xd8[\xc0\xe2\x17\xbb\x91\x9d\x95\xd5\x11\xc1Vr[\x1c\x90Fq\xd2\xbf9|m\xad_\xf8oT]WN\xd3\xfc\xe4I6L\xcb\xfc#\xfc\x8a\xfb\xef\xfe\tqq\xa5k&gt;2\x93Y\xd3\'gil.d\x988\xe5HX\x17\xaf\xe3^\xe6UZ\xa7\xb7T\xef\xa1\xf0\xd9\x8e\x06\x9d:.\xac{\x9fuQE\x15\xf4\xa7\x84\x14QE\x00\x14QE\x00\x15\xf1\'\xfc\x16{GK_\x86\xbaO\x8c\x1e\x00\xe2\x08\xe5\x8c\xb1\x1ft\x89b\xc0\xfcD\x8d\xf9\x1a\xfbn\xbew\xff\x00\x82\x9d\xfc5o\x89?\xb2\xed\xf5\x9c0\xee{+\xf8\xa7\xdd\xfd\xd0C(\xfc\xdc\xc7Xba\xed0\xf2\x8f\x91t\xe7\xc9QK\xb1\xf8\x8bpm\xc5\xe4\x9a\xed\xad\xe1\xdb4\x84\xedn\xbcW}\xf0\xcf^\x06X\xcbL0\xa3\xa1\xac\xcf\x14\xfc\x1b\xf1V\xab\xa7\xbc\xfa.\x894\x93\'\xca\xd0\xc5\x11\xc9#\xaf\x03\xe9X\xfe\x16\x87V\xf0\xed\xd7\xf6^\xb5o$7\x10\x9cK\x14\x99\x05\x7f:\xf8\x99\xd2\x9aWj\xc7\xd4`\xf10\xa3\x89\xe7\xbd\xcf\xac\xbe\x1c\xea\x96\x12[\xa5\xd1#;\xb2NG5\xa5\xe3\xedgO\xbf\xd2f\xd0\xed\xeeR1,d\x86\x03\xfc\xf7\xaf\x1a\xf0\x8f\x8cc\xb2\xd3\xb6\xac\xa4\x90\x01\xc0n\xb5[\xc5\xbf\x15"$Z\x8b\x82\xf3I\xc2\xc5\x9ek\x8a4\xad#\xec&gt;\xb5\tSM\xf5&lt;\'\xe3\xc5\xef\xc5?\x12\xeb\xa7\xc3\x17&gt;"\xba\xd3t\xeb\x19\xff\x00s$\x07\xfdg?C\xe9^\x8b\xf0G\xe2/\xc5]7HM*k\xa7\x16\x11\xa8\x8b\xed\x92\xbe\x19\x87L\xe3\xf0\xf4\xabg\xc0\x9e-\xf1\xc5\xe4w\xba\x83\xdb\xc1\x0b\x1c\xa9n\xbcs\x9e\xb5\xe8\x1a\x7f\xc0\x8dF\xefG[[}f\x0f/o.H\xc8?L\xd7R\xa7\xcd\x1d\x8e\x1fk%;\xa6yo\x86&gt;\x14\xf8\xcb\xc1\xff\x00\x14\x0f\x8e\xfc!\xf1.\xfa\xeb\xed\xf7;\xafm%\x97\xe5\xc1\x18\xe9\x8f\xa5}\xdf\xf0_\xc5Q\xdbh\xb6\xf6\xf7\x97+\xbfh\x0e\x01\xcek\xe6Ko\x81\x1e3\xd0\xcbjZ?\x88-\xe7#\xf8\n\xe3\xfa\xd7]\xe0\xaf\x1ck~\x0e\xbb\x8e\xd7\xc46\x8d\x13d\x01\'c\xf8\xd1\xec\xf5\xbb5\x85~M\x1b&gt;\xb0\xd5n\xad\xae\xf4\xc7\xbd\xb6\xdb\x802\xdc\xf3_&lt;\xfe\xd0\xde"\x13Z\x1f&amp;]\xac\x01\x18V\xae\xaa\x0f\x89\xde}\x89\x86+\xa2RE\xe0\x06\xf6\xaf&amp;\xf1\x16\x97\xa8\xfcD\xf1P\xf0\xcd\x9c\xf829!\x9c\xf0\x07RkZt\xa6\xe5\xa1\x9e7\x14\xa3F\xe8\xf2}w[\xd34\x8d\x06\xea\xd3P\x92Iu\rE\xb1\xa7\xdbF\xa4\xefnG\'\x18\xee;\xd7\xdc?\xf0D\xbf\x0ekZA\xd4\xe7\xf1\x05\xd1y\xdfO\xb9&amp;#\xd6 d\xb4\xc0\xfeu\xe3\x9a\xcf\xecm\xe2\xdf\x0c\x1d*_\x12i\xb2\xdb\xac\x91\x89\xf4\xeb\xc9\xe3\xd8\x1c\x1c\x1e9\xc7\xe1\xd7\xda\xbe\xe8\xfd\x81~\x03\xdd\xfc1\xf0\x9d\xd7\x8b5K\x1f\xb3\xcb\xa9\xc4\x91\xdb\xc6\xd1\x95v@r\xd2\x90y\x01\x88P\x07\xa2\x03\xde\xbd\xcc\xbf\tZ\x96*\xf3[#\xe3\xf3\x0ce:\xd8E\x18\xbb\xdd\xfeG\xd0\xd4QE{\xe7\x82\x14QE\x00\x14QE\x00\x15K\xc4~\x1d\xd1\xbcY\xa1\xddxs\xc4\x16+sey\x11\x8e\xe2\x17$\x06S\xee9\x078 \x8eA\x19\xab\xb4P\x07\x96\xf8;\xf69\xf8\r\xe0\xbdu\xbcEe\xe1F\xba\x9c\xb6\xe4[\xf9|\xd4C\xea\x17\x00\x13\xee\xd95\xf93\xff\x00\x05\x12\xf0f\x9b\xe0o\xda\x9b\xc46\x1am\xa2\xdb\xc7%\xfc\xe5#U\xc0\x0b\xe76\xdc\x7f\xc0@\xaf\xdb\x8a\xfc\x90\xff\x00\x82\xdbx8\xf8_\xe3\xdax\xa4&amp;\x17QX\xa4L\x0cgt`\x13\xf5\xdc\xaf^niIK\x06\xec\xb65\xa3YP\xa8\xa4|\xafc\xa9\xb46\xcc\x12B\n\x8f^\xb5\xccx\x8b\xc7-\xe0\xad@k\xb7\x1aL\xd7\x12Hp\xa5Sp\x07\xd7\x9a\xb5\xa6j\xe8 \xd8X\xe1\xba\xe4\xe6\xb6c+\x1cq\\\xcf\xe5\xbc}v0\xef_&amp;\xac\x99\xf5\x94\xb12\x9cT/\xb1\xa7\xf0\xbf\xc3\xdf\x18&gt;#\x88\xf5\x9d\x16\tO\x9c\xc1\x91\\\xe0\x00{`W\xb6i?\x06?h\x08\x91|\xcd5\x94\xa0\x19PN\x0f\x1fJ\xf3\x8f\x00\xfe\xd4zO\xc3I\x92\x19\xb4\xe61\xc6C\x10\x06+\xd8t\xbf\xf8*G\xc2Hm\x155\x0f\x0f\xdc\xb3\x80\x17r\xa9\xeb\xf9P\xf9\xaf\xa1\xee\xe1\xdd\x0e[\xb6b\xeb\xbf\x0b\xfe9i^\x1e\x92\xf7S\xf3"\x920Xy_\xfe\xaa\xf1\xed?\xe3/\x8f[\\o\x06\xf8\x9b\xc3s\xdc\xb2I\xfb\xab\xa6Lm\xe7\xbe+\xe8Y\xbf\xe0\xa2?\x0f~"X&gt;\x91\xe1\xdf\r\xccI\xf9@\x95z\x1f\xc8W-\x15\xdc&gt;,\xb8k\xc84h`,\xc4\x96+\x83\x8a\xd2\t\xb6\xd31\xc5r\xcaK\x91\x8d\xf0\xf6\xadp\xdaz\\\x97dp1\xe5\x93[\xdf\x04%\x9fQ\xf8\xa6\xf2L\x06\xe8\xec\xa5*3\x9c\x8d\x8f\xcdr:\xd5\xd2i\xac\xc9\x1c\x80\x1e\x98\x15\xd2~\xc80\xdc\xf8\xbf\xe3\xe4:h_\x95\xd9`a\x9e\xbek\x88\xff\x00\xf6j\xf4p\x90N\xb4W\x99\xf3\xd9\xbe!\xd3\xa3\xcb\xf2\xfb\xcf\xd8\r3L\xb0\x9bG\xb3\x8a\xe2\xca\'\x11\xc1\x1e\xd0\xe8\x0e\xd2\x14t\xab\xe0\x05\x18\x03\x00t\x14\x88\xa1T*\x8c\x01\xc0\x14\xb5\xf5\'\xcc\x05\x14Q@\x05\x14Q@\x05\x14Q@\x05\x14Q@\x05~d\xff\x00\xc1\xc1\xda\\pE\xe1-qIV\x92\x1d\x8cG}\x8f/\xff\x00\x17_\xa6\xd5\xf9\xa7\xff\x00\x07\x05(\xba\xd3&lt;\x1ff_\xa4R6&gt;\xac\xff\x00\xe1\\\x98\xff\x00\xf79\xfa\x135x\xd8\xfc\xcc\xd25\xaf6\x7f$2\x82\x07\xc9\xcfZ\xed\xb4\x04\xb8\xd4\\#\x15d \x01\x8ey\xaf\'\xbb{\x8d,\x99\x12\x12\xec\x8d\x9d\xaaz\x8a\xe9|\x07\xf1B\xd6\xd2\xe9c\xbb`\xac\xbdC\x1eE|b\x8fc\xe8\xf0Pj\xdc\xdd\x8f^\x9f\xe1\x06\x9d\xe2m&lt;9U\x127B\x07$\xd5\x8f\x0b~\xc9\xb7\x0f \xcd\xa2\xbcl\xd9\xe4V\x06\x8b\xf1\x9bN\x82u6\xd7\xc86\x90J\xe4\xd7\x7f\xa0~\xd2v\xd6\x8a\xb1\xcdp\xa1\xb1\xc1\x07\x8a\xd1[\xa9\xed\xc1\xc1\xab#\xb0\xf0\x0f\xec\xcb\xa4xUM\xc7\xd8c\x12\xb3\xe5\x8f\xadu:\xaf\x87\xad\xb44Q\x13\xa8\xda\x0eq\xd2\xb8\x8d+\xf6\x9c\xd2e\x0c\x1aU`W\x1c\xb5r\x9f\x12\x7fi\xbd&gt;+7\xb3\x86p\xd20;B\x9ekU\xcaT\xa7\x18\xc6\xec\xb5\xf1\'\xc4\x96\x96\xd3&lt;+&amp;0~\xf2\xf6\xafQ\xff\x00\x82hm\xd5\x7fi]\x1eBI\x12j\x16m\xcfR\x05\xc27\xf4\xaf\x96\xbc=\xadj\xfe8\xbf\xf3g\x82O/v\xe0\xe7\xa6+\xea\xff\x00\xf8&amp;\x1d\xb2\xda\xfe\xd4:4,\xbbA\xb9\x80\xaf\xd3}z\x18;}b&gt;\xa7\xca\xe6nu_3]O\xd7\x959P}\xa9i\x13\xee\x0f\xa5-})\xe5\x85\x14Q@\x05\x14Q@\x05\x14Q@\x05\x14Q@\x05~d\x7f\xc1z/ \xbf\xf1o\x86tupZ\x1d26e\xf4\xcc\x93\x93\xfab\xbfM\xeb\xf2\x87\xfe\x0bO\xa8\xcd\xa8\xfe\xd1\xd1\xe9R\x1f\xdd\xdbY\xdb\xaa\xfc\xdf\xf4\xc5\x1f\x1f\x9b\x9a\xe2\xccd\xa3\x83\x95\xcd)A\xd4\xa8\xa2|\x07\x7f\xe1\xebdB\xb1\xa0\xf3\x0bw\x1dk\x84\xf1o\x83f\x82y/\xec\xa5dr~\xea\xb61\xf4\xafb\x9fIt\xb8\x91\xbc\xb1\x822\x063\x9a\xe7\xf5\xfd\x16\xdd\xc6\xf6`\t&lt;\x8cW\xc9A\x9f_\xec\x1ci\xc5\xad\xec\x8f\x1a[\x9f\x16\xe9\x0e$\x82\xe2F#\x82J\x9e\x7f\xc6\xacC\xe3?\x19I2\x95\x8el\xaas\x95"\xbd\x19\xf4;4\x8c\x19T`\x11\xb5J\xd7\xa0|)\xf0G\x825\x8c\xddjv\xd1\x87^\xa8\xe2\xb5Z\xd8\x84\xaaG]\x8f\r\xd0\xf5\x1f\x8aZ\xad\xf1\x86\xd6\xda\xe4/M\xc5H\x03\xf1\xef^\x87\xe0o\x83\xde+\xf1\x1d\xfa\xdck\xf7\xae\xc5Xd\t:z\xf1^\xf1i\xe0\xef\x0c\x05\x16\xd6\x161(Q\xcb"\xd6\xe7\x86\xbc)ac\xa95\xc40\x80\xbb:\x11[*v\xdc\x89{Yne\xf8s\xe1\xfe\x9f\xe1M\x128m\xd3-\xb7\xe6,s\xfa\xd7\xb5\x7f\xc1&gt;\xe5\xb7\xd3\xff\x00j\r\x06E\x072j\x96\x91\x82\x0f\xac\xea?\xadp7\x96\xe2h^(\xd3\x00\xaf\x19\xae\xb3\xf6B\x9c\xf8s\xf6\x92\xf0\xe5\xd4\x8d\xb4&amp;\xb3j\xcc}\x02\xce\x8d\xfd+\xab\te^,\xe0\xc7\xc1\xba\x17?`\x17\xee\x8f\xa5-\x03\xa5\x15\xf4\xa7\x82\x14QE\x00\x14QE\x00\x14QE\x00\x14QE\x00E}v\x96\x16S_H\xa4\xac13\xb0^\xa4\x01\x9a\xfcQ\xfd\xbe~1j\x1f\x19\x7fh\x8d[^\xbe\xb4\xf2Q&amp;+\x14d\xe4\xaa\x81\xb5G\xe0\xa1G\xe1E\x15\xe5g\r\xac&amp;\x9d\xcfG+\x8a\x96\'^\xcc\xf2h\xaca\xbc\xb1W&lt;\x16`\xa3\xda\xb1&lt;I\xa4[\xbd\xa1l\x02G\x19"\x8a+\xe5\xde\xc7\xd8A\'\x14r\x96\xf6\t&lt;\xe6=\xdc\x03\xce{\xe2\xba?\x04\xd8\xfd\x97YYc|.9Q\xde\x8a)\xdd\x99I+\x9e\xaf\xa2\x87\x85PD\xfc\xb9\xe75\xd5\xf8v\xd3\xce\xbf@_\x86\x1d(\xa2\xbbb\xdf!\r+\x9d\x05\xf6\x8f\x14,\xc7w#\x1c\x0e\x9c\x8c\xd6\x1e\x99\xe2\xa9\xbc\x17\xe3k]~\xdd\x0bI\x04\xe3n\xd3\x8c\x1c\xf5\xa2\x8a\xd2\x9bj\xa2fX\x98G\xea\xb2\xd0\xfb[I\xff\x00\x82\xb1\xdc\xc6\xf6\x1an\xa9\xf0\x95f\x9e}\xa8\xf2\xc5\xa8l\x0cOS\x82\x0e?Z\xfa\xe3\xe1\xcf\x8d\xec\xfe#\xf8/O\xf1\x9d\x85\x94\xb6\xf1\xdf\xc0$\x10LAd=\x08\xc8\xeb\xc8\xebE\x15\xf4\xb4g)\xa7s\xe3\xa4\x92\xb1\xb7E\x14V\xc4\x05\x14Q@\x1f\xff\xd9'</t>
        </is>
      </c>
      <c r="M554" s="3" t="n">
        <v>45492.67868055555</v>
      </c>
    </row>
    <row r="555">
      <c r="A555" t="n">
        <v>1564266</v>
      </c>
      <c r="B555" t="n">
        <v>250667</v>
      </c>
      <c r="C555" t="inlineStr">
        <is>
          <t>Randerson</t>
        </is>
      </c>
      <c r="D555" t="inlineStr">
        <is>
          <t>Randerson</t>
        </is>
      </c>
      <c r="E555" t="inlineStr">
        <is>
          <t>UNK</t>
        </is>
      </c>
      <c r="F555" t="inlineStr">
        <is>
          <t>UNK</t>
        </is>
      </c>
      <c r="G555" t="inlineStr">
        <is>
          <t>UNK</t>
        </is>
      </c>
      <c r="H555" t="inlineStr"/>
      <c r="I555" t="n">
        <v>17</v>
      </c>
      <c r="J555" s="2" t="n">
        <v>38057</v>
      </c>
      <c r="K555" t="inlineStr"/>
      <c r="L555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f2/\xdb;\xf6\xd4\xf8)\xfb\x0c|"\x9b\xe2\xef\xc6}ZU\x80\xcc \xd3\xb4\xdb(\xfc\xcb\xab\xf9\xcfH\xe2A\x92}I\xc6\x14\x02O\x00\xd1\xb0\x1e\xb1{{g\xa7ZI\x7f\xa8]G\x04\x10\xc6^i\xa6\x90*"\x81\x92\xccO\x00\x01\xdc\xd7\xc3\xff\x00\xb5/\xfc\x1c\x01\xfb\x0c\xfe\xcd&gt;&amp;\xbe\xf0t:\xbe\xa5\xe2\xbb\xfb\x06h\xe6\xfe\xc1\xb3w\x85\xa7\x03&amp;%\x97iB\xc0\x90\x0eYB\x9f\xbcGZ\xfc\xbe\xff\x00\x82\x94\xff\x00\xc1{&gt;9\xfe\xd5\xfaN\xa3\xf0\xeb\xc0RM\xe0\xaf\x07\\n\x8e\x1b\x1d2\xe1d\xba\xbe\xe4\xed[\x99@*9\\4H\xcc8 \xc82\xf1\x8f\xceO\x1a|G\xc4\xd6\xdfe;\xae\xac\xe0`\xf70\xea\x0e\xf1\xde&amp;\xe2UH\'\x08\xc3%N&gt;S\xb4c\x14\x94\x93f\xb1\xa7}\xcf\xd9?\x1d\xff\x00\xc1\xd0\xff\x00\x16\xbcO=\xdd\x97\xc3O\x81\x9a/\x87!\x8e}\xb6\xda\x9e\xb7\xa9%\xc1H\xc8\x0c\x1ahA\xc08&lt;\x84\x90\x8c\x91\x86=+\x93\xbd\xff\x00\x83\x8a?o\x8bo\x10\xd9\xcd\xb7\xc0\x7f\xd9W\xdc\xc3\x14\x1e\x1a\x9aiv\x82\xa1\x8f\x9c\xaf\xe562X\xe0e@!\x80#\xe6\xfc\x90\xd7|]i\xe3\x9d%\xbcJ"\xb7\xb9\xb8\x89\xe3:\xa4N\xb2\xefE\x1b\xb6\xb3+9\xde\xa7\x90p\x08\xc3\x01\xc7J\xd3\xf0\xaf\xc4\xc8\xc7\x87lt/\x13Eq\x17\xf6u\xd9\x9e\xc1\xad\xe7w\x8c\x12\xc43\x00\xb9\x00\x94\xda\x08\xe0\x1f(\x10C\x16&amp;\xd3\x89\xa2\xa5\x1b\x1f\xbb?\xb3\xd7\xfc\x1c]\xa8Z]\xc5m\xfbR|:\xd3\xad\xf4\xeb\x88\x99\xad\xb5}\ni]\xdfk`\xb1\x89b\xc0E\x1f{g\x99\x86\xca\x926\xb1\x1fy~\xcd\xff\x00\xf0P\x9f\xd9G\xf6\xa8\x86\x15\xf8O\xf1R\xc2\xe2\xeex\x96H\xf4\xeb\x99V9\xca\xb66\x9d\xb9\xe3%\x80\x00\xe0\x9c\xf0+\xf9\x84\xf0\xcf\xc5\xedSA\xd6t\xff\x006\xf3\xce\xd4,\xe6Q\xa6jS\xdf\xad\xb7\xdbL\xab\x8f\xb2N\xa1\xc6\xe5;\xd9Q\xc4\xa1\x99Y\xbee\x7f\x95{\xef\x87\xfe)\xb3\xb9h&lt;M\xe1\xad_^\xb3\xd4|9z\xbf`\xbc\xd3\xa1\xf2\xa5\xb5\x9e@\xcd\xe6\xdb\x91\xc2\xee\xc1\x06\'`\xa0\xb6\xd5R\xa5\x80\xd1\xd3Ob]$\xdb\xb1\xfdT\x03\x9e\x94W\xe5o\xfc\x13\xc7\xfe\x0b\xbbe=\xf6\x97\xf0c\xf6\xb2\xbbc\x14\x96\xf6\xf1\xe9\x9e8\x94"\x19\xb7&amp;\x03]*~\xee"\xcc\xa7\x18b\xa7\'\x052\x91\x1f\xd4\x9d\x1bY\xd2\xfcA\xa5\xc1\xadh\xb7\xd1\xdc\xda\xdc\xc4$\x82x\x9b*\xeaz\x11X\xb5c\x16\x9a,\xd1E\x14\x08(\xa2\x8a\x00(\xa2\x8a\x00(\xa2\x8a\x00(\xa2\xa1\xd4\xb5\x1b-#O\x9fU\xd4\xaeV\x1b{hZY\xe5~\x88\x8a\x0b3\x1f`\x014\x01\xe6_\xb6\x07\xed\x7f\xf0w\xf6)\xf83\xa8|e\xf8\xc3\xaeG\x05\xb5\xacel4\xf4\x95D\xfa\x84\xf8\xf9a\x88\x13\xc9\'\x03=\x06}H\x07\xf9\xa1\xff\x00\x82\x8e\xff\x00\xc1G~#\xfe\xde\xdf\x19/|i\xe3\xcdFo\xec\xd13\xc1\xe1\xdd\x16\t\x82\xc7\xa7\xdb\xee\x00*`\x9cHFAl\xfd\xe3\x82H]\xd5\xdd\xff\x00\xc1m\xff\x00\xe0\xa17\xdf\xb6\xff\x00\xedY}\xa8\xf8WU\xbe\x87\xc1\xbe\x1c\xdd\xa5xq\x1d\xb6\xa6c\x91\x95\xee\x14\x068i\x89 0\xe1\x94.1\xb8\x83\xf2G\xc3_\x82\xfe(\xf8\x97q\x1e\x9d\xa4i\xd9_&lt;\x0b\x8dN\xea\xe1\xf6\xa0%\x9b\xa9\x1fQ\x81\xea\xb5\xc3\x89\xc4\xc2\x9a\xbbvGv\x17\r:\x92\xb4U\xd9\xc2kZ^\xb7\xa9$\xa3]\x9aBZC\xb2(\x0f\x1b\x02\xe1#\xc99=\xc62N\x08\xeb\x8a\xee\xbe\x18~\xca\x7f\x14|g\xa2\x9b\xdb\x8b\x08\xac\x15\xa5Qj\x9a\x83\xf9{\x80?{\xa6T\x01\x90}\xb8\xaf\xa7\xbc\x07\xf0\xc7\xc3\xfe\x06\xb76Z5\xa4w7@\x83=\xfc\x8a\x039?{g\x19P\x0ex\xfc\xfdk\xac\xb3\xf0\xe6\xb1\xa9\x99 \xdb$j\x9fp\xc6B\x93\xc8\xcf g\x821\xce?\x1a\xf0+\xe7s\xd5CO3\xe9p\x99\x159?\xde;\xf9\x1e%\xa4\xfe\xc4zu\x92B\xb7&gt;9\xb2V\x92&lt;\\I\x14n\xecX\x90\x18\x02\xa3*\xb8\x1b\xb0\x08\xcfN\xd5\xd0\xe8\xbf\xb1\xaf\x81\xec\xee\xfc\x8d;\xc6\x88\xb7\x18\x02W\x92\xd4\x94\x00\x8c\x00\xaa\x0ey\xc1\x07\x9c\x9e9\xe2\xbd\xca\xd3\xc2\xb7\x960*\xca\xad\x96U\x12\xac\x8d\x93\x83\xea:\x83\x8c\x9c\x8e+_I\xf0e\xd1\x8c_[Nv\x06\xc4qa\xb9n9\xe0`zs\xf5\xed^Ls|S\xa9\xac\xf4=\xb5\x93a#\x0bF\'\x85\xe9?\xf0No\x14\xeb\xf7\xfa\xa4\xf6_\x16\xe3\xb8\xb1\xd6\xadD\x0f\xa7\x1d\xc9\x90\x80*+\xb3\xe4\x04\x00\xed\xce7\x05$\x01U\xb5\xbf\xd8\x7f\xf6\xa6\xf0\x15\x8b\xea\xdaw\x84\xaf\xfcU\xa5\xda.-\xce\x8a\xd3M\x15\xa4{\x81U\x8clis\x9e|\xc7&lt;\xe7\x19\x1d+\xea\x11\xac\xc9\xe18#6pm\x91\x13\x98\x12O\x9bq\x188\xce\x0bq\xf4\xe9\xde\xbd\xa3\xe0g\xed/i\xe1[\x8b}.\xdbXkk\x88\x8a\xc9\x10\x98\xae\xdd\xaa3\x87V\x05][\x18\x04\x03\x8e\x9c\x00E}^_\x8d\xa7U{\xd3&lt;\\fY\x18\'\xca\xae\xcf\xcd\xb8\xdb\xc5\x1e\x12\xbaK\xab\xad\'UTV\xb8_\xec\xab\xeb\x7f\xb3\xdc[\x86A\x18\x83\xcb\xe4\x92\x02\x9c\xec\x01\x8e\xc5f\xdd\xb8\xe3\xf5\x17\xfe\x08\xbb\xff\x00\x05X\x8b\xc2\x17\x96_\xb2\xbf\xc7/\x10\xcf&gt;\x91qt\x96\xde\x16\xd7\xb5\x0b\x8c\x98d&lt;\x0bW/\x86,0\xa0\x02Y\x9f\x9c`\xa0\xf3c\xf8\xcd\xf0o\xf6m\xfd\xae|\xaf\x19\xdd\xdb.\x87\xe2\xa6\xb8\xf3f\xb9\xb0\x95#[\xf2xh\xae0\xacJ:\xed$\xe7x\xc2bE\xf9\x90\xfc\x01\xf1\xafS\xd5&lt;\x07\xf1\xafU\xf0\x87\x8al\xff\x00\xb2o,\xe3E]8\r\xd1\xa4X\xdd\x1d\xcc\x07j\x89!L\x1006\x94Y\x15\xb2\x03!\xf54s\xbag\x81\x88\xc3\xaeM\xb5?\xa7\xb8f\x8a\xe2%\x9e\t\x15\xd1\xd42:\x9c\x86\x07\xa1\x07\xb8\xa7W\xc3\xff\x00\xf0D\xdf\xdb\x8e\xe3\xf6\x92\xf8\x16\xbf\t\xfcs\xaa\xbd\xd7\x89\xfc#i\x12\xbd\xe4\x98\x1fl\xb6&lt;+\x81\xb8\x9e\x182\xe4\x9f\x98\xa3\x15\x01\x02\x13\xf7\x05i\xb1\xe5\xb4\xd3\xb3\n(\xa2\x81\x05\x14Q@\x05\x14Q@\x05|u\xff\x00\x05\xd2\xfd\xa0\xaf\xbe\x00\x7f\xc1&gt;&lt;Sy\xa0x\xa1\xb4\xcd[_\x96\x1d.\xc9\xe0\x9bd\xee\x928\x12\xf9g\xae\xe0\x87?/ \x03\x8a\xfb\x16\xbf\x1c\x7f\xe0\xebO\x19js\x9f\x84\xbf\x0b\xcc\x9b\xac\t\xd45\x99\xe18\xc1h\x80\x8b&lt;\xf7\x0b!?\xf0\x1a\x99\xbbE\x97\x05y\xa4~.\xeaZt\xba\xae\xa5b\xb700\x0e\xfee\xcb\r\xa0yj@\xc1\xdaq\x800\x02\x82Ny\x18\xcd}{\xe0\xed\x02\xdfH\xf0V\x9b\xa4\x9bH\xd1\xbe\xc2%1\x80\x07\'\x90\x9c\x00\x17\x8c\x0cv\x07\x9c\x9c\xd7\x87|1\xf8E\xaex\xdb\xc4\xb6\xb6v\x16\x112\xbcr]N\xf2q\x1c@g\x00\x1f^\t9\xeb\xc9\xec1\xf4|\x9aU\xae\x95\xa7\xacP1\x91\xa3\x89Q\x9eG&lt;\x05\xeb\xce\x01\xfcq\x9fo_\x90\xcdk*\xae)=\x8f\xaf\xca\xe8\xca&gt;\xf1J-J\xd7D\x89\xa6\x9eh\xf1\x08\'\xef\xf7\xc8\xc9\xef\x9fL\xfe\x1e\xb5-\xbf\xc4]R5?\xd8\xfe\x1b\x8d\x9aF\xca:\x8f\x97p\xe0\xb1U\xfd\t\xc6p3\xe9Y\xf7\x96v\xf7\xb7\xd0\xfd\xbauL0e\x0c\xe3\xe6\x1c\xfc\xc5N3\xd0\xfc\xb8\xe7\x06\xbd\x0f\xc0^\x1f\xf0\xdcK\x1a\'\x884\xc4\x91\xb2Z\x18.\xe2\x0eO\\\x01\xdc\xe4\x1e\xa3\x8cW\x85Y\xda7Qm\x9fG\x87\x92\xbe\xad[\xd4\xe4\xed5\xff\x00\x1cjrGusf"U\x1b\x94\x15\xda\x14\x1e\xb8\x18\x04v\xc63\xf8\xd7_\xa2x\xa7\xc7\xb6\xdahK\x1b\xd9;\x83\xb7 g\x92I\xc7Rp}\xf1\x9fj\xea\x0f\x81\xd3^\xb7k\x8bGp\x12]\x8e\xd8\x18BA\xcf\xccx$c\xa5Y\xd3\xbe\x1a\xb0\x98\xc3.\xa1($\x17\x8d\x0c\x84\xae09\xf5=\x80=1\\.\xab{\xc6\xc7\xa1\x18\xab]3\x8c\xd4t\xbdkY\xb3\xdb\xaa_\xe2\xe2GICD\xc1X`\x93\x9c\xf6\x1e\x9c\xf6\xe9^\x87\xf0\xeb\xe0D?\x11\x99F\x9b\xae\xdd\rBM\xd2\x88\x16TdV\x01\xb2\x0289\xdc\x06\x02\x02\xa4\x90Fp\xdcs\xa3\xe1\xce\xa1&gt;\xa6\xfax\xbdtx\xc2\xc8\xa5a;wn#\x96&lt;\xf6\xe7\x81\x8cV\xb0\xb6\xd4|\x1b9\x9c\xde\xb0X\xe2#\xcclc\x04\xf3\x83\xe8x&gt;\xc4\x0fJ\xf6\xb2\xccu:RJp\xba81\xb8w8\xde2\xb1\xda[\xf8\x7f\\\xf0}\xe2\xad\xfd\xec\r$q\x15\xf3\xe0\xbe"\xe4\xedc\x92\x10\xab\x15\xc1\x19\xce\xed\xb9%s\xf3\x10\xdc_\xed\x99\xa3h\x1f\x15&gt;\x0fE\xadj\x97\xd0\xff\x00m\xe8*&amp;\xd3un\x03\x00\xce\x15\x949\xe8\x84\xec}\xad\xc6cRFFG\xa1\xf8+\xc4\xbf\x0b\xbcso\xfd\x99u\xf1\x07M\xb1\xd6\xa6\x8dL\xa9\x7f\xa8\xc5\x14w \x10\xbb\xd5\xf0rO\x1fy\x87nA\x15\xc9|^\xf0-\xec\xbaN\xb1\xe1\x19Ub7\x96\xc47\x9f\x0eP\xab\x10c\x93\x8e\xb9\xc2\xb0e\xe1\x81\x04q\x8a\xfa\xd9V\xe4\x8cjCf|\xd3\x84f\xdc%\xb9\xe5\xdf\xf0H\x9f\xda\x9a_\xd9\xf3\xf6\xd7\xf0\xde\xa3\xaa\\\xc1ee\xad\xde&amp;\x91\xac\xdb\xdb/\xc9$\x92\x8c\x02\xa8\x84\xa0r\xd8\x8c\x7fw\xcc|\x1ey\xfe\x8b\x11\x83 e`A\x1c\x11\xde\xbf\x94\xcdOL\xf1\x17\xc2?\x14\xcfm\x14\xabi\x7f\xa1\xdfEq\x19\xb6}\xac\xdb\x142\xc8\x98#f\n\x96\x07\xae\x19Fx\xc0\xfe\xa4&gt;\x0e_\x9dS\xe1/\x865\x16\x98\xc8\xd3x~\xcd\xdd\xc9\xe4\xb1\x813\xfa\xe6\xbd\x1au\x15H\xa6|\xc6*\x93\xa5R\xcc\xe9(\xa2\x8a\xd0\xe5\n(\xa2\x80\n(\xa2\x80\n\xfcn\xff\x00\x83\x9a\xfc5q\xaf\xfe\xd0\x1f\t\xddAX\x93\xc2Z\x92\x196d\x02n\xa1\xc8=\xb0p\x07\xaf5\xfb#_\x9b\xbf\xf0p\x1f\xc3e\xbb\xd1|\x11\xf1Y\xa3f\xfb\'\xdat\xdc\x83\xc2\x87es\x9f\xc3\xf9\x1a\xc3\x13uBV5\xa3oj\xae~i\xfc&amp;\xf0\x95\xa6\x9d\xe0Y\xae\xad\xd8I%\xd91\t\xd2"\x1bb\x96$\xf5$\x8c\xb1\xe3\xf4\x1c\x81\xc7\xfcv\xf1\x97\x8b\xf4{\xdb?\x00|2\xd1nu\x1dsT\x88\xb8kX\x95\xcd\x9cY H\x14\xf0[*\xd8\xdd\x85\x1b\x0b\x1e\x01\x15\xea&gt;\x04.|6m\x07\x96\xa4\x07\xc1\r\xf2\x83\xbb\x1d\xb8\xe7\x8e\x98\xa8\xed#\xf0\xd7\x80#\xb8\xf1%\xfd\xc5\xb4o#y\x97\xba\x83\xe4\x15\x890;\xf0\xbf\xea\xd3\x00rv\xae\x07J\xf8,EOc7+]\xf4&gt;\xda\x82\xf6\x90\x8aN\xcb\xa9\xe0&gt;\x1e\xfd\x83\xfe=\xeb6\xd7z\xaf\x8a|{\xa7i7\x97\x13\x96h\xee&amp;\x92\xed\xe6c\x9c\xac\xae\x9cw&lt;\x8d\xc3\xa5A\xa8\xfe\xc2_\x14t\xc8\xe4\xb8\xd5\xbe)\xde\\\\\x06\x064\x82\xeeqo(\\d\x0cme\xecG\xde\xc9\xcfN\xfe\x81\xe2_\xdbsZ\xf1m\xc6\xb1\xa0\xfc\x19\xf0\xb6\xa1\xaa\x9d\x0e\xc4^_\xdbh6\xf0Mw\x14\x05\xb6\x89&amp;\x92V\xf2m\xd9\x8b\x0f\xdca\xe6\xf9NB\xfc\xc4q_\x07\xbe+\xfe\xd1\x1f\xb4O\xc4\x17\xf0.\x8b\xf0w\xc4\xf1\xce\x96\xf7r]\xc9c\xe3t\xb9\x9a\x06\xb7\x8a7\x91$@#\x866\xc4\xa8\xc1\x18\x80w\xa2\x9ep\x1b\xb6\x8cs\xba\xb4\xb9\xa3\x14\xa2\xbd\x0c*G,\xa7&gt;YI\xb6v\x9f\x0f`\xf8\xef\xf0r\x08-/4\xeb\x8b\xab%a*Ikr&amp;nT\xa8\x8d\xb6\xe4\xed$\xabg\x18\xca\x91\xdcg\xde\xac&gt;&amp;x\x81\xb4{[\x88\xf4\xc7\xb7w,.\x1etV\xfd\xe1\xc6A#\x903\x9c\x01\xc0\xc8\xe9\xd2\xbei\xb0\xf8\x9f\xe2\x7f\rx\x99\xf4;\xaf\x17\xc9w5\x8d\xf1\xb4\xd4\xb4\x9b\xfb&amp;\x86\xe2\x029)*tV\xc79S\x8c\x83\x82\xd85\xedV_\x11\xa4\xf1\xf6\x83kq\xa6\xe9-\x1c"%D\xb6\x94"\xe0t,2G\x1d\x0e\x01\x1d\x05x8\xbfm\xed\xbd\xf4\xaf\xe4{\xf885\x1bBM\xaf2/\xda\x0b\xe2\x8e\xbb\xa3\xf8J\xcfP\xd3l\xee\x84\xf77\x029\xda\x1c\xfc\xaa\xbbd\xc9 \xf7+\xb4\x0e\x8d\xceH\xaf\x96\xf5\x8f\x85\x7f\xb4_\xc7\xfdn=c\xc4\xbe"\xbcKL\x9d\x89.\xa3)\x8a&lt;\x80C,h&gt;S\xf8\x0c\x9a\xf5\x8f\xda\x1f\xc7Z\xd6\x85\x14Z\x1d\xf4\n\x0bN\xdec\xbev\x98X\x8c8\x19?.\x01$g#\xd0W \x9f\x15\xbe7\xda|3\xd4\xbe*\xf8\x13\xc2\xfa\xa5\xfe\x99\xa4\xdd[\xda\xec\xf0\xe6\x8f\x13\xc73\xcb?\x92\x8a\x1e_\x99\xf3&amp;T\xb2!A\xd78\xc0&gt;\x86[\x1cLc\xcbJ+\x99\xbe\xa7\x0e&gt;TUF\xea\xb6\xa2\x88\xb4\xff\x00\xd8S\xe2\xce\x8c\xb3^Z\xfcO\xd3Yc\x01\xa1\x87T\x81\xd9\xdb\xd8\xed\\F\xc3\xd4s\xdb\'\x9c\xfb\xaf\xc0\xcf\x88\xdf\x17&gt;\x18h\xf6\x9f\r\xbe+i\x87W\xf0\xec3\xa2\xdbj\xd1\xcd\xe6\xff\x00g\x87\xd8\xb28q\x1a\x95\x8b\xab\x94*\x06C\x1c\xa9%\x9b\xc1\xbc\'\xfbq\xfcX\xbc\xbc\xb8\x97\xc5\x1f\x0c\xb5\xa8\xf4\xe8\xb4\x18u{\x9dJm\x14\xdeZ\x0b\t\x19c[\xc3$\x11\xc5"\xc1\xe60\x1en\xc6BA\xc3\x107\xb7\xa5|:\xfd\xa1&lt;\'\xe3\xbb(\xf5\xef\x06\xdfE)d"kF\x93\xcc\x86d\xe8\xc22F\x1d:\xf6\xcf\'"\xbdJ\x98\x9c\xd7\r$\xabF\xf1\xf48hQ\xc0\xd6\x8f5\x19;\xef\xa9\xe8\x1f\xb5\x0f\xc2\xdd\'P\xb0k\xbdR)"\x9a\x06x\xde[~\x8e\x18c\x9c\x91\x8c\x81\xb7p\xcb\x1c\xaf\\\x0c~\xf6\xfe\xccw\xd2j?\x00&lt;%w,E\x0bhp\xfc\x84\xe7\x18\x04\x0f\xe5_\x8d\x9f\x1dm!\xf1\xb7\x83\xb4\x1f\x1d\xf8f\x08\xa2Mj\xc6\x19\xd9\x10`$\xb8\n\xe0\x0e\xd8p\xc4v\xc1S\xd6\xbfi~\x08i\xc9\xa4\xfc\x1c\xf0\xb6\x9e\x89\xb7\xcb\xf0\xf5\x9e\xe5\xf4c\n\x93\xfa\x93^\xfe]w\x16x\x19\xbc\x93\xa9\x13\xa9\xa2\x8a+\xd2&lt;p\xa2\x8a(\x00\xa2\x8a(\x03\xc7\x7fnO\xda\xc3M\xfd\x8f~\x04^\xfcPm*=GT\x96\xe1,\xf4-.I\x82\x0b\x9b\xa7\xce\x03\x1c\xe4"\x80Y\x88\xe8\x01=2k\xf1\xdf\xf6\xac\xff\x00\x82\x8b\xfe\xda\x1f\xb5\xdf\xc3\x9f\xf8B\xfcc\x07\x82u\x1f\x0e&gt;\xa8\x93\xef\xd0\xac\x8aM\tS\xbdcYD\x8c\xa4\xe0\x00I\x1f0\xcf\xca+\xed\x9f\xf89S\xc13x\xa7\xf6\x19\xd35[\x9b|\xe9\xba_\x8c\xad$\xd4\xa7$\xfe\xe1\x1c\xec\x0f\xb7\xf8\xb9\xe3\x07\x8ey\xaf\xcc\xff\x00\x88\x9e&amp;\xbe\xf8y\xf0~\x0f\x10Iy{\xa9k:\xb5\x82\xddY\xf8n\x0b\x85\xb6\xd3m\x84\xab\xfe\x8e\xd7\x08\xa3t\xa5P\xa3l\x04.N\t#"\xbe?\x88\xf3|^\x02\xbc)\xd3\xd9\xa3\xebx\x7f)\xc3\xe3\xa8J\xac\xf5i\x92\xf8{Z\x95|;mu&lt;l\x98\xe6eP\t\x05X\xa9\xed\xed\x9e;\xf4\xae/Q\x82\xe7\xc4\xb0J\xba\xa5\xf6\xdbY\x18n\x8b\x96\n\xdd\x88Rq\xc0=\xfb\x8a\xec&lt;G\xa2j\xde\x1a\xd2_@\xd6\x1a?\xed\x1b8\xe4\x86\xfcZ\x1f\x90J]\x8bm\xc8\xcfB\x0f&lt;\x8c\xf4\xaaZ\x0f\x86\xf72\xcaZEY\x13s6\xc2\x17\x8e\xbds\xc6x\xe7\xfa\xd7\x93\x8b\xa8\xd2\x8c\xdfU\x7f\xc0\xf5p\x94\xe2\xaa8|\x8eZ\xd7\xe1\x9f\xec\xcf\xa3i/\xa3\xde\xfc\x19\x92\xf2V\xdd\xe6M\x03Gm\xe6n\x046H#9=Gp}+\x1fA\xf8A\xf0\xf7\xc3\xcd.\xa3\xa4|\x15\xd0\xb4\x85RLw\x97\x12\xb4\x97,\x08\x1b\x95\x16"\xbb\xc1\xc0\'p\xf4\xe7\x19\'\xda_O\xd5/\xe2\x8e\xd3J\xd2\xd6\xdc\xac[c\x98B\x03\x81\x81\xc6Fv\xe7\xa9\x00\xf6\xef\xcdQ\xf1G\x80\xdf\xe1\xdf\x84\xef|\x7f\xe3Y&amp;u\x8b\n\xb1\xc5\x96\x91\xd8\x90\x00\xc9\xe89\xaf&gt;\x8ea\x88\x8avo\xef\xd0\xf6\x1e[E\xc6\xee\xdfq\xe6\xda\x87\x854\xfb \x97z\x85\x9cp\xc4\x18\xfd\x9a\xca\x1bdB\xa4\x92\xc4p9c\xd4\xb1$\xf1\x8c\xf4\xc7i\xf0\xd2\xdfV\xd4.\xadV\xe6\xcc\x937\xcb\x1a\xba\x91\x8c\xe0\x01\xc1\xf7\xff\x00&lt;\xe7B\x1f\x84\x1a\xdf\xc4\xaf\x0bE\xf1C\xc5\xfe)\xd3\xfc=\xa0\xdb\xc6\x1e(.\'H\xc4\xc0\x90\tg$\x02Ol\x91\xdcu&lt;\xfa\xcf\xc2\xff\x00\x05\xfc*\xff\x00\x84v\xcbW\xb2\xf1t\xd3\x8c\x92n"@@$\xf0\xea\xc8\xcf\xc0&lt;\x95\xc6F\xd23\x9a\xe7u\xa4\xe6\xa6\xee\xd5\xf5f\xf4}\x8c_-\xecyg\xc6\xdf\x87\x96\x97\xda\xad\xce\x8f\xe2m,\xac\xb1\xa0X\x0cO\xf3\xc6GP\xa4r\xc3\xd3\xd7\xf1\xaf\x0f\xf1\x1f\xc2ky\xf5\x17\xb6\xf1?\x864\xcdr\xca\xe4\x146\xf7\x8a\xb0\xa5\xcce\x81(\xcc\x83`\x93p\r\xb5\x94n=\xfac\xeb\xbf\x1d\xdfX|R\xbd]\x0e\xf6\xf1\xda\xf2\xd6lE\xacEl\xd9*8!\xc3\x10\xb2(\xc8\xce\x08=\xcdy\xef\xfc#:V\x93\xe2\x99|\x0b\xe2F\x82k\x94 \xc5w\x1ce#\xbd\x85\xf2Q\x82\x92v\x1e\x08*I\xc1\x04d\xf5\xafZx\x88S\x97\xb4\xa1-&gt;\xe6\x8e7B\x15\xef\x1a\x897\xf7\x9e#\xe1\x8f\x83_\x05\xbc3mq\x0f\x86\xbfg\xbb\xcb%\xbb\x08\xb7\xfa|\x13F\xd0\xcc\xaa\xc1\x82\xc8\x9e`\x0e3\xd5N@\xeck\xae\xf0\x87\xec\xd7\xe0\xebk\xc5\xd6\xf4\x0f\x867\xfe\ns6\xeb\x9b\x98b0\xc398\x00:\x02\x03d\x1e\xde\xb8\'\x90+\xde&gt;\x1e|(\xf0\xfe\x9d\xa9=\xac\x1a\x87\xd9\x91\x98y*\xea\n!\'\x19\x04\x83\x91\x8c\x90\x0e:\x0cc\x15\xdbk\xfa\x7f\x8a\xed-\xd2\xd6]~\xc7R\xb0$G\x0cq\xccw,g\xef6\xc2\x1bi\xe0}\xd3\xc7\xe3]\xb4\xea\xce\xa2\xe7\x9c\x9bO\xcf\xf48\xeaa)\xd2IA$\xc6\xe9\xba\xa6\x99\xe1\xef\x81\xda&gt;\xaa\xd1\x8b\x8b\x7f\n\xeb0,\x91\xef]\xcf\x1f\xda\xed\xd9\x8e\x08\xfe\xec\x8d\xd4\x9c\x91\xda\xbe\xd5\xfd\x93\x7f\xe0\xb2\xff\x00\t~-\xf8\xf3F\xf89\xab\xf8N]\x1c\xdeK\x15\x8e\x9dt\xef\xb5W\x0b\xb57\xe4\x9e\xa0\x0c\x8e:\xf1\xb8\xf1_\x0bk\xb6\x11\xdb\xfc,\xf1&gt;\x90\x97/o\x1c\xda\\\xcf\x14\xc2\x13!\x80\xac\x0c\xa3\xe5\xc8\xdd\xc8L\xa8#$\x0ex\xcdy\xcf\xec\xcd\xfb&lt;\xcf\xe2o\xdbC\xe1\x0e\x89o|&gt;\xd1\xaax\xb1/\x0e\xa4\x96\xbeG\x99\x1c*\x8e!`\xa4\xfc\xbeda\x82\x93\xd5\x899\xc6k\xbe\x9ek,6*\x95\x08F\xfc\xff\x00\xf0\xc7\x99\x88\xcah\xe2p\xd5k\xcd\xeb\x05\xa7\xdds\xfa\x17\x07"\x8aE\x1c~4\xb5\xf5\x87\xc4\x85\x14Q@\x05\x14Q@\x1f7\xff\x00\xc1Y\xbe\x04\xea?\xb4O\xec\x17\xe3\xdf\x87ZE\x93\\\xdd\x1d3\xedp@\x8b\x96s\x16[\x8fp2\xdf\xf0\x1a\xfc0{\xaf\x15\xf8\xeb\xfb\x07\xc4\xfe\x10\xf0\xc8\xd5\xf5\r:\x0b}\'\xc5\x9e\x1d\xfbHI\xac\xde\xdf\x02;\x88\xc1\xfe\x16U\xe4\x0c\xfd\xc0Frk\xfa\\\xb8\xb7\x82\xee\x07\xb6\xb9\x85d\x8eE*\xf1\xba\x82\xac\x08\xc1\x04\x1e\xa0\x8e\xd5\xf9)\xff\x00\x05,\xff\x00\x82Nx\xb3\xe1/\xc4\xcb\x8f\xdag\xf6a\xf0\xdd\xd5\xf6\x9ds/\x99u\xa7\xda\xca\xfef\x99!}\xd889x3\xf7GU\xe1r\x06\x08\xf9\x8e$\xca\xaac\xa9\xc6\xad5yD\xfa~\x1b\xcda\x81\xa9*U\x1d\x94\xba\xf9\x9f\x19\xf8\x7f\xc5\xbe\x1a\xf8\x8d\xe2\xado^\xf0~\x93\xa9\xd9i\xba\x9c\xd3\xdcGc\xe2\x08\xf1wm8wI"\x97\x05\x97ph\x83\x03\xb8\x96\x0f\x9c\x01\xd3\xae\xf0\x96\x93\xa7\x9b\xa8\x9a\xf5Y y0[\x1f)\xf9\x81$\x81\xef\xfex\xaeW\xc2\xfe\x01\xf8\xaf\xa3j\xfa\xaf\x8c&lt;[\xa2j\x97\x05\xa3i/\xef\xe2\xb0x\xed!\x90\x94O,\xc8\xea\x03H\xdf9&lt;\xe7*O\x19\x1b\xaf\xdax\xa6\x08t\xe3s$\xe4\x08nT3t\xe4\x1c\x8c\x91\xd0d\xf3\xe9_9\x8a\xa3VXXif\x95\xb5\xf2=\x9a\x15\xe9\xfdjRN\xe9\xbb\xa3\xdd5\x9f\rxC\xc1\x96\x10\x8f\xb5\xc2\xb7W(\x18!r\x06\x07|\xb6\x01\xfc\x07C\xd6\xbc\xb3\xc6&gt;+\x7f\x1cx\xad\xfc5\x0e\x9d\x15\xce\x9dk\x86\x9d%\x1c;\x01\xcf^:\x93U\x1b\xc7\xd2\xeb\rz\xc2\xf3l6\x90\xee\xb9\xbax\x80\xf2\xc1\x04\x83\x91\xc1\xe0t\xe4\xf5\xf4\xaf\x16\xf0\xff\x00\xed54\x1e,\x9bA\xf07\x84d\xd6uK\x89\x98\xdb\xe9\xf6\xe5x\x8f\x03\x12&gt;3\xb5y\x1c\x9c\x0c\xf7\x19\xaf;\x0f\x86\xadQ&gt;E\xb1\xee&lt;M(\xc59H\xec\xfco\xf0mu\xbb\x0b}\x07\xc71\xf8\x7f^\xd0\xad\x9eA\xa7i\x1e!I\x9d"\xdep@\x11\x91\x96\xc6\xd0\x1b\x86\x00u\xc15O\xc3\xbe\x15\xbe\xf8Ei\'\x87\xfe\x10\xe9\xba/\x874\xcb\xe9Y\xa5\xb5\xd3\xdd\x92\xdd\x1c/\x12\x88\xb2\xd9eQ\xcb.O\x006@\x02\xb9\xbdu\xfe#\xfcM\xd6\xcb\xfcR\xf8\xf5\xa3\xe8M\x1c\xb9\xb7\xf0\xfe\x83n\xd3\xc8\x89\x95\x00\x16\x0c\xaaX\x90\x01\xfb\xc0\x92\xc3\x8c\x81ZV\x1a7\x83\xf4\xeby\x0c\xdf\x1do\xa2YmeF\xb9\x93N *\x106\x80\x11\xd7\x18\xfb\xdb\xb0q\x82r2k\xd1\xa7B\xad8r\xc96\xbb[C\x08\xc6\x8dY^\x11\xb7\x9bv9}k\xe0\xa2i~8\x9f\xc4\x1a\x0e\x9f\x04\xbe(\x9ePG\x88\xc7\x8a/\xe0\x91\x9c\xf3\xe6*\xe4\xa9$\xff\x00\x11_Q\xed^\x9b\xa7\xe9\xde,\xf2\x8e\xbf\xe3\xcdF\xdbQ\xd5\x00\xf3gkx\xca\xa2m\xe5B\x11\x83\xc1\xcf=\t\'\x8e\x82\xbc\xff\x00ZO\x02\xf8sS7\xbe\x18\xfd\xa0N\xa7r-\xc6\xd95\x1b/%V]\xc4`\xb0$\xed\xc6\xd1\xd1\xb6\x9csU5\xdf\xda\x17\xc7\x9e\x08\xd1\xdbV\xf1\xa6\x8bk6\x92#\x00\xea\xd6N^\r\x87\'\xe6)\x9f,\x8e\xa07\xde\xc7^+Z\xd8Z\xd5"\xacD+\xe1\xe9J\xed[\xf2&gt;\xa6\xf07\x8bt-cAk\xb9f&gt;b[e\xd1d\x01\xb2\x01\xdb\x92N\x07a\xe9\xcf\xe5^\x1f\x88v\xd6z\x8cpG!py\x1b\xa4\xfe\x1e\xfc\xe0\x81\xf9W\x87|=\xf8\x9d\xa2\xfcT\xf8W\xa9O\xe1\x9dXYj\x96\xa8|\xb9\xa1\x00\xe00;\\\x03\x90\xdd1\x8epF\rs\xde\x10\xf1\xad\xfe\x98\xc9\x16\xb7t\xadu\x11\xfd\xe7\xef\t\x0cG#h&lt;\x01\xd7\x8f\xf6}Mq\xc6\x85X\xc9\xad\xacU\\M9\xa5(\xec\xfa\x9fS\xb7\x89\xec\xf5o\nx\x85m-\xeeg\x8aK8\xedR\x0b8\x9aIn%\x96@\xa8\xb1\xa2\xab3\xb31U\x08\xa0\x92O\x00\xd7\'\xfb\x1dx\xcb\xc7\xcd\xfbF\xfc\x1d\x82\xc7G\x92\xdf\xc4\xad\xe3\xc6\xd4\xed\xb4\xdb\xb8\xde9ml\xd6\t\xe1pS\xa8$1`\xa4\x0c0\x1e\x86\xa5\xf8+\xaa\xa6\xb1\xe0\xfb\xfb\xa9\xael\xa1\xba\xbb\xd6m\xcd\xa9\xbe\xb8\x92?6Evr\xb1\xb8\x1bQ\xc6\xd8\xd9Y\xf07\x11\xf3\x0e1\xf6o\xfc\x12\x87\xf6!\xbe\xf1\x97\xc7}_\xf6\xd4\xf8\x83k{\x12G\xaa\xdc\x1d.\x0b\xd4\x08^\xef\xcdo\xb8\x81F\xc8a\\*`\x9c\xeel\x97\x05\x19}\xac&amp;_*\xf8\xeaUW\xd9&lt;\x8cVcO\x0f\x97U\x84\xf7\x9e\xdf\x91\xfab\xbd?\x1aZ\x00\xc0\xc5\x15\xf6\xe7\xc1\x05\x14Q@\x05\x14Q@\x05\x18\xa2\x8a\x00\xf0O\xf8(\x97\xc3\xbf\x0c\xeb\x7f\xb1\xb7\x8c\xed\xc6\x95m\x07\xd8\xadSP\xb7\xf2\xa0UQ&lt;r.\x18\xe0s\xf7\x8ek\xf0\xf7\xc4\x1aL\xb6\x973\xdf\xc5!!\xc1\x12#\x13\x85 `\xfd:\x12}\xf2{\xd7\xee\xbf\xfc\x146\xde[\xaf\xd8\x93\xe2t\x10HRC\xe1\x0b\xad\x8c;0\x00\x83\xf9\xd7\xe2\x1f\x88\xa4\x8b?o y\x1a\xa5\xb2\xdd\xdb\xee\xe5v\xc9\xf7\xd7\x8e\x9b_z\xe3\xaf\x03\xd6\xbek\x88\x93\xe4\x8b[\x9e\xfeH\xd5\xe4\x99\xc4x\xb95K_\x86\x1e%k\x17,\xd01\x17\x08\x87\xe6 )$g\x9e8\xe4\xfa\x13_,h\x1e\x0c\xf8\xdb\xe0]m|M\xe2=f\xe1\xbc;\xaf^\xac\x9a\xdc\x9aXX\xee\x00\x19X\xcce\xb6\x9d\x80\x11\xb52\xa1\xf8\xe4\x1a\xfa\xfbOH\xef\xef\xee4K\xa0~\xc9s\x16\xd9\x02\x81\xfd\xe0\x0e}O\xcc\x0f&gt;\xbc\xf5\xae\x9d~\x15\xe8\x1a\x90\x16S\\G3H\xa4J\x1a&lt;\xc7\xb8\xe4\xed\xe83\xd7\x9e\xbe\x9e\xa4\xfc\xc5\x1c[\xc2&amp;\xad{\x9fR\xa8\xc7\x14\xa3\xae\xc7\xa2~\xc9\xbe=\xff\x00\x82f\xf8cD\xd3\xa2\x9bZH\x9d\xb5E\xfbm\xb6\xbbkr\xd7\x12E5\x96\xd9"\x94\x94\xce\xd8\xe5\x0cC\x0c}\xec\x12\xdc1\xf7\x1dJ\xd3\xfe\t\xc5\xe3\x1f\x82\xbe\x1f\x86\xff\x00\xe2o\x85&amp;\xbb\xb7\xd5\x17m\xd6\xad:\xc1u,Ip\xd9\x86h\\$\x91\xfe\xefi\x1b\xd5pHb:\xe7\xe4\x8d7\xe0.\x9d\xe1X&amp;f\xf0\xb4WP\xc8\xc4\xb4\xd3[\x19|\xb0\x07i\x01\xdc\x07|6{zqB\xd3V\xd3,\xe76\xfa\x01\xd3\x8d\xb2\xe5w\xdc\x13\x80@\xc6\xde\x84\xf1\xc0#\x83\xcf\xa9&amp;\xb4\x8dh\xd4w\x8c\x8e\xbat"\xa1\xefTq\xf2V\xb1\xf4\xcf\xed\r\xa5\x7f\xc10\xf4\x8dK\\\xd24\x1dCF\xb9\xb6\xd4t\xcd&gt;\xd6\xc6=\x13L\x92\xedayf\x93\xce\xb9\x0b\x02\xc8\x0c\x8a\xa3\x05\x01\xce\xdc\x12\xa4\xc8\x01\xfc\xf3\xfd\xb0\xae\xbe\x01xo_\xbe\xb4\xfd\x94l&lt;I%\xd6\xb1{t\xb1h\xd2\xda\xdd\xdbY\xdb\xc2\xccV\x18\xd8]\x02_hM\xce\xbbpD\xb8\xca\x88\xf77\xb7x\x9cY\xf8\xf3O\x83L\xb3\xd6\xf4;)\xad\xc1O&gt;\xddwn\xce~Px\'\xf8\xb0\x0f\x04\x92z\xd6L?\x05\xbc3\xa7F\xb7\x8d&lt;\x93\xcc\xa1\xbc\xcb\xbb\x84\x05\x80\x03\x18A\xfc&lt;q\xd4\x9cw\xae\xdaX\xb8PW\x96\xa75l&lt;g\x15\x18\xc9\xb4\xbb\xd8\xf9\xaf\xf6@\xf8/\xf1?\xe1\xe7\x89o\xb4]\x7fP\x8d,\xaf`d\x92\xde\xd3\x08\x90\x91\xcb\x05\xe4\x9f\x90\xae\x06\xd3\xc8\xe3\xb5z\x94\x9e\x17\x97\xfe\x12dY\xad\xbc\x87y\xd8\xb9Q\x81#\x9d\xc7(?3\xcf\xadw\x9a\xf5\x8e\x99\xe1\xdb\x08\x7f\xb3\xdaH\xfe\xd0c\x16\x91\xc2\x84G\x1a)\xc2\xeeQ\xf3|\xdb\xce~^H\x198\x1c\xe6\xe9v\xef\xae\xea6\xb6\x1aE\xb3\xcd,\xce\xa9j\x13%\x99\xc9\x00.:|\xc7\xe5\x00z\x8a\x88\xce\xae&amp;\\\xfde\xa1\xc9(\xd3\xc3\xc7\x95=\x16\xa7\xe9o\xfc\x11\xc3\xf66\xf85\xf1\x87\xe0\xde\xb7\xe2\xff\x00\x8d\x7f\x0b4\xdd~\xd95\x88WB]N\x03"Dc\x0c^D\xc9\xe1\xf7\x8c\x93\x9eI\xe7\xa0\x03\xf4\x9fB\xd0to\x0ci0h^\x1f\xd3 \xb3\xb3\xb6M\x90[[\xc6\x15\x10u\xe0\x0f|\x9c\xf7\'5\xe5\x7f\xb0\x97\xc0\xe8?g\xcf\xd9{\xc2\xdf\x0f\xb1\xfe\x97\xf6\x05\xbb\xd4\x9cdo\xb8\x95C3`\xfd\xd3\x8d\xb9\x1d\x8ek\xd7\xeb\xed\xf0\xd4\x95\x1a1\x8f[\x1f\x0f\x89\xaa\xebV\x94\xbc\xc2\x8a(\xad\xcc\x02\x8a(\xa0\x02\x8a(\xa0\x02\x8a(\xa0\x0f(\xfd\xb9\xa2\xf3\xff\x00dO\x88p\xf9\xa17x^\xe4on\x83\x81_\x84\x9e\x18\xd7,\xf5\xed%\xbc)|W6S\xbbi\xe5\x81\xfb\xacy\x8b&gt;\xe7\x04\x03\xd4\xe7\xda\xbfr\x7f\xe0\xa2\xd7\xc7L\xfd\x86\xfe)_\xaa\xee1x6\xf1\x80=\xfeQ_\x80\x17jV\xef\x10oE9v1\x9eH\xcf\xe1\xd3\xb6\x0f\\\xf4\xaf\x9e\xcf&amp;\xa3(\'\xd4\xf7\xb2X\xddM\xf6\xb1\xd6\xcbe\x1e\x99x\xcdvU&gt;b\x1c\xa1\xc3\x05\xc0&lt;\x9f_\xc2\xbb-\x0bQ\x82\xf7J\xdbo\x1f\xeeZ\x0c\x89\x00\x00q\xd3\xd4g\xbe?\xc6\xbc\xd6\xdb\xc6\xcbsj,\xf5\xb0\xd3,Cj\\3\x06b\xb8\x1c\x9e\xbd\t#\xdb5s\xc2^+\xb7\xb3A\x0e\x99v%\x83xc\x15\xb9\xca\xbe3\xf2\xba0%\t\xcf^\x01\xda\x06V\xbec\x13\x83\xf6\xb4\xd7&amp;\xac\xfa\x1c&gt;-R\x9f\xbcz&lt;\xbf\x1b\xac\xbc-\xa6\xcde\xa9_}\x9c\xc7\x19\x05\xc9\xe1\x97\x9eNA\xc8\xe9\xfe5\xc9jze\xef\xc4\x06\x9a;\xd8\xa4\xb9\xb5\x90\x1d\xdeljW\xa9\xc0,\x06?SO\xd5\x93\xe1\xa7\x8a#\xb7\x9f\xc4\x1au\xecZ\x85\xbc\xafsg=\xb4\xdbK\xaa\x93\xb6A\x93\x91\xc0\x04\x80I\xc8&lt;V\xc5\xa7\x8e\xf4M.H\x0c\x12\xc6\x85\\\xedl\x14Bz\xf1\x9e;\xe7\x03\xa1\x06\xb8\xe9\xd1\x96\x1eI=\xcfZ\x15\xf0\xf5n\xd3\xb9\x8d\xa1Oc\xe0\xf9\xa1\xd1U\xa0\xb7I\xd9\xc8_)\x01$\x0e\xbd\x068\x03\xf1\xcdh_[\xdfM\x0f\x9f\x1b\xed\x03\x88\x83\x0c\x007d\x9c\xe3\x9e\x9cUo\x1ak\xff\x00\x0e\xfcA\xa6&amp;\xb3w\xacY\x89\xed]%\x92G\xf9I8\xe5@\xea\xe7\xe8\x008\xce{W&lt;\xde9\x9e\xfd_K\xd2b-\x04.\xb1\xc9\xb1\x18\xa6\x0f\x04\xa9\xc9$\xf0@\xc7a\xcf\x06\xba\xe1\x86\xaf^W\x8a1\xa9\x8a\xc3\xd3\x8b+x\xa2\xd2\xe2k\x96\xbe\xbegiZ\x1d\x98/\x82\x10d\x80\x07nI\xe9\x93\xcek\xb8\xfd\x96\xfc3\x15\x9f\xc5\x1f\t\xf8\xa3U\xb2\x02\xdc\xf8\x96\xc2\x1d:\xd6d\xc7\xda3s\x10yH\xee\xa8\x1b#\xb6\xf0\xbe\xe2\xbc\xe6o\x1cxw\xc3s\x9dC]\x84\xdf\xde\xca\xa4\xd9i\xb1\xdc\xe5C\x9d\xd9\xf3X\x1f\xba9\xc8\x1c\x9c\x0e\x05v?\x02\xfcW\xabj\xdf\x10\xf4\x0f\x12\xf8\x96\xe4b=r\xc1\xed\xe3\x85\x02\xacj\xb3!\n\xaa\x07\n00:\xfb\xd7\xb9\x84\xa3\xec\'\x15=\xef\xb1\xe2b*&lt;E98\xad,\xcf\xe8\xa98\x18\x1e\xa6\x96\xaa\xe8z\x8a\xea\xfa5\xa6\xaa\xa0\x01sm\x1c\xa3\x1f\xed(o\xebV\xab\xebO\x8b\n(\xa2\x80\n(\xa2\x80\n(\xa2\x80\n(\xac\xdf\x18x\xbf\xc3\x9e\x01\xf0\xbd\xf7\x8c\xbc]\xaaGe\xa6\xe9\xb6\xed=\xe5\xd4\xbfv4\x1dO\x14\x01\xe2\xdf\xf0T-W\xfb\x1b\xf6\x02\xf8\xa9z\x8e\xa2O\xf8D\xe7X\x83t,J\xf1\xfa\x1a\xfc%\x1aZ][\x99\xed\xa6\nTt\x91rH\xea\x0f\x07\x1e\xa3\xdb\xde\xbfD\x7f\xe0\xa7\x1f\xf0T\x9f\x86\xff\x00\x18\xbe\x15_\xfe\xcf?\x0bti\xe7\xfe\xda\x91Kj\x13\xbe7[F\xcb\xe61A\xd1N\xe0\xa3\x93\x9c\xe7\x8c`\xfc\x0f\xe1\xdb\x04\x9a\x19\x0cv\xe3\xe7a\xbdXu\x01O\x07\xaflq\xdcb\xbeW\x88\xea(\xce1\xea\x91\xf5\\=N\\\xb3\xbf[\x18\x93hQ\\\xd9;\xcc\xcc\x98$~\xf2&lt;p\t\xceq\xc7~\x9d\xf1\x8e+\x12O\x87\x97S\\ \xd3\xee\xa4\x88\xb8c\xbe6\xf9\x8eO\x19\x04\x10\xc3\x91\xf8W\xa8\xeb\xdaI\x95"\x92\xde\xdb\xe5HG\xef?\x80\xe3;\xb3\x83\xdc\x1c\xd6\x15\xee\x93{cp\x927D!\x99B\xe4\xaeA\xe7\xd4\x7f\\\xd7\xcc\xd3\xc64\x9d\xd9\xef\xd4\xc2\xc2[\xa3\x93\x9b\xe0\xd7\xc4\x12DZG\x89\xa3\xba\xc2\xe3l\xb6\xe2"\xa3\x1d\x0e\x1b\x19&lt;\xe4\x01\xe8z\xe2\xa8\xdc\xc9\xf1WN\x95\xed\xaf\xf4\xa8X\x800\xa6l\xa8\x03\x04\x8c\xb7L\x009\xcfq\x92k\xd5 \xd5\xcb;J\xa86F&gt;P\x01\xe0u\x07=\xb1\xc6~\x86\xa9k\xba\xb6\x8e\x91\xbe\xa5y:J\xcb\x96\xc1\x01O`6\x8e\xa7&lt;z\xf4\xe7\x9cQ\x1ceV\xf5I\x99&lt;\x15\x1e\x87\x8cx\x83\xc2\xbe:\xb2\xbe\x8a\xebZ\xd2b@UHD\xbd\x05H\xe3\x01\xb6\x83\x82x\xe3\xb6\x07\xd2\x9b\xa9\xeb&gt;.M14\xb6\xbbK{lg\xcb\xb2\x8c&amp;\xf1\x8e\xa5\xba\xb0?\xefc\xd4v\xad\xcdg\xc4o\xadjRJ\xf2&amp;FJE\xd4\xec\xe9\x80N;\xf7\xfeuc\xc3&gt;\x1c\x9b\xc6\x1a\xcc\x10H\x1da\x8d\x80\x92C\xf2\xe0g$\x1c\x8f\xa8\xe9^\xbd,mHB\xf6G+\xc1\xc1\xce\xd6\xd4\xcd\xf0o\xc3\xeb\xbd^\xf95k\x94&gt;D\x7f\xf2\xdd\x94a\x8f`\x01\xe7\x07 \xe7\xbfJ\xf4m%_K\x96u\xd3\xd9\xd6xm\x8c\x96\xe4\x0c\x10\xe3\'#\x1d0@9\xf7\xadK\xbd.-:\xc6;\x0bKu\x8d A\xb61\x80s\x9ca\xb1\xf4\xc9&amp;\xa9\xe8\x92:\xeb1\xb4hJ\xa8\x1c9\x19$\x11\xd7\xd8\xf3\xc5s\xe1\xf1u+b\x93g|\xf0\xb1\xa5\x87qKt\x7fC\x1f\x08\xae\x85\xef\xc2\xaf\r^\x07\r\xe6\xe8\x16m\x90{\x98\x13?\xadtU\xf2G\xfc\x13\xcf\xf6\xd2\xd1&lt;c\xf0\x82\xd7\xc2^5\xb4\x96\xd4\xf8xEa&gt;\xaa#&amp; \xe6$\x94o\x03\xee)\xf30\x1b\xa0\xc1V\xc1\\\xb7\xd6\x1an\xa9\xa6\xeb\x16i\xa8i7\xf0\xdc\xc1 \xccsA ua\xecE~\x82\xb6?8\x9c\\$\xe2\xfa\x13\xd1E\x14\x12\x14QE\x00\x14QE\x00V\xd4\xb5(\xb4\xc8&lt;\xf9cf\x1e\x8b_1\x7f\xc1N\xbe"\xdf\xbf\xec7\xf1*M.\x0f-\x97\xc3W\x85\x03\xbb\x00Lp\xbc\xa0\x12\x84\x10\t@\x0e\x08&gt;\x84QE\x1b\x15\x0f\x8d\x1f\x84\x1f\x0f\xa4\xd4\xf5\xaf\x18\xcb\xac\xeb\x9a\x87\xda&amp;\xb9\xb3\x12;\xf9ap\x1c\x0c(\x0b\x85U\\\x00\x14\x00\x00\x03\xdf&gt;\xbd\xe18-\xe1\x9eHeV\x0e",^20q\x91\xd0\x8c\xe7\x1d9\xa2\x8a\xfc\xe7\x1f9\xd4\xa9\'\'}\xff\x003\xf4\\\xb2\x11Kn\xc7ecigy\n\t-\x95~\xd2"\x03\x80pYr\x0fA\x8cc\xb5r\x9a\xee\x9d4#\xecOq\xbeC(M\xe7\x9c\x82GRrOQ\xfa\xfa\n(\xaf\x06\x0fVz5\x92KC6\xee\xc6H\x03D\x81\x03\xed\xc6rN\t\xc08\xf6\xfc+\x85\xd7t9\xae\xd9\x0b\xcb\xb5\x16m\x8aVS\xbcg?\xc5\x8e\x98\xa2\x8a\xed\xa4\x95\xd9\xc7 \xd3&lt;\x18D\x9bZ\xe5HQ\xb8\xae\x0e\x0fA\xd3\xfc\xfe\x95\xde\xf83H\x16\x96\xb2Ml\x91"`\x82\x81z`\x8cc\xf3\xa2\x8a\xaa\xf3\x97"\xd4)\xa5\xcc\x99\xb1\xe2v\x85\xf4\xf3\x7f\xb5\x94H\xca0\xa7\x91\xfe=k\x03G\xf2\'\xb8\x8au\xca1`\xe3\x0b\xd4\x06\xc7&lt;\xf5\xc1\xa2\x8a\xe8\xc1i%\xeao\x89o\x91\x9f\xa0\xff\x00\xf0L\x8b(,&gt;\x04k\xbe$T\x05\xb5\xdf\x16\xdc\x14A\xd5#\xb7\x8e;P\xa4\xff\x00\xbf\x14\x8e1\xdaJ\xfa3N\xf1&amp;\xb5\xf0\xe6\x19&lt;i\xe0\xbb\xc6\xb5\x10\xba\x9b\xdd&lt;\xb6`\xb9R@9N\x81\xbf\xda\x1c\xd1E~\xad\x14\x9e\x1a&gt;\x88\xfc\xc3\x16\xdf\xd6\xa5\xea}\r\xf0\xf7\xc6\xd6\xfe=\xf0\xc5\xaf\x88`\xb4x~\xd1\x10c\x1b\xe3\x83\xf8V\xed\x14W1\x98QE\x14\x01\xff\xd9'</t>
        </is>
      </c>
      <c r="M555" s="3" t="n">
        <v>45492.67844907408</v>
      </c>
    </row>
    <row r="556">
      <c r="A556" t="n">
        <v>1586575</v>
      </c>
      <c r="B556" t="n">
        <v>1961</v>
      </c>
      <c r="C556" t="inlineStr">
        <is>
          <t>Felipe Andrade</t>
        </is>
      </c>
      <c r="D556" t="inlineStr">
        <is>
          <t>F. Andrade</t>
        </is>
      </c>
      <c r="E556" t="inlineStr">
        <is>
          <t>MC</t>
        </is>
      </c>
      <c r="F556" t="inlineStr">
        <is>
          <t>MC</t>
        </is>
      </c>
      <c r="G556" t="inlineStr">
        <is>
          <t>MC</t>
        </is>
      </c>
      <c r="H556" t="n">
        <v>182</v>
      </c>
      <c r="I556" t="n">
        <v>13</v>
      </c>
      <c r="J556" s="2" t="n">
        <v>37404</v>
      </c>
      <c r="K556" t="inlineStr">
        <is>
          <t>Right</t>
        </is>
      </c>
      <c r="L55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adf1153-d87c-4c45-9093-385f7fef5e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E\xe7\x9e\x00\x00\x03\x00PLTE\xff\xff\xff\xd3\xb5\xa5\xa0zc\x9bv^\x1f\x1a\x1c#\x1f!\x1b\x17\x19\xfe\xfe\xfe\x88fJ-(,\xdc\xda\xdf)%)\xd0\xb3\xa4\xa5|e\xb2\x8aw\xcf\xb0\xa0\xaf\x87s\x95pW\xd4\xb7\xa7\xfc\xfb\xfb\xb9\x93\x84\xce\xab\x97\x85cH\xf8\xf7\xf7/+1!==\xb3\x8f\x80\x16\x14\x15\'"%\x94mS\'DD\xcc\xab\x9c\x8diMz27\xb1um*\x1f\x1e\xc7\xa3\x95\x8fmU\x91kP4-/\xbd\x97\x89+IH\x99sY\xcc\xa6\x95\xd5\xb9\xab,$"\xe0\xde\xe45\'#\xec\xed\xf6\xc8\xa7\x9b\xb3\x8e{h\x17,\xa4\x7fk\xc7\xa5\x8e\xc6\xa0\x91s*3%\x1c\x1bw-49,\'\xc1\x9b\x8c\xd0\xae\x9b\xaf\x7fq4/6`\x14(\xa1y]=1*I:4i\x1f-\xad\x8b}\xa8tk\x8058\xaaof\xcb\xa9\x93\xc3\x9e\x90,NM1WWs\x1c1\x8diV\xbc\x9c\x84\x9amZ\x84WI\xbe\x8f\x80\xd3\xb4\x9f\xb3wr\xcf\x9f\x96\xbb\x83\x8183;2)(~`M\xa9\x84p1#"\xef\xed\xed\xc0\x94\x84\xa2j`\xc2\xa1\x89\xab\x81m|[B\x1eDF\x89gR\xc1\x8e\x8cb\x1f+6NK\xaa}jA89/RR^J&lt;):7\x9bobB5.\xab{q/B&gt;\xb4\x82w\xb8\x91}aGE\xb8zt\xe1\xe0\xea\xb2zy\xb8}}\x81_E\xd5\xad\xa3\xd7\xba\xb0\x8cZK&lt;14\xb1oiuTDE=Ao&amp;0\xc5\x8b\x84\xa2sb2GE\xf4\xf2\xf2\xc7\x9b\x9a\xaa\x84x\xbc\x89\x86lTC\xa0rj\xb9\x8b{\xd1\xa6\x9d\x95bU\xcc\x96\x8d;UQYF=\xf0\xf1\xf8\xbd\x81y\xa4\x82u\xd8\xd0\xd2\xb8\x8d\x8dlNH\x8fl_\x99zmP?5\xe7\xe7\xf1R?&lt;@*\'I1.zUMj&amp;1\xde\xd7\xd6\x9afXY\r%\x9euW\xbd\x81\x88\x94h_\xc2\x94\x92\xa3wu]&gt;8\xcc\xbd\xbd\xb4\x84\x82\x8f_S\xeb\xe6\xe6\xacusRGI\xd6\xd4\xde\x95wi\xc1\x9a\x84\x8bea\xbe\xa3\x9c\x87fXmUR\xb9\x98\x95"32\xc8\x8d\x8f\x84aR\xc6\xc4\xc8\x7f]X\x91ki\xd9\xd6\xe7S53\xaa\x84\x85jK=\x92rb\xc2\x85}\x98\x91\x90\xae\x8e\x89|!8\xce\xcd\xd0\xd5\xb4\xad\xce\xa8\xa4\x99hd\xb3\x94\x8b\x85^]e_[\x8b(A\xe8\xde\xda\xb7sq\xaaaa\xcf\xcc\xda\xc4\xab\xa7\xd5\xc7\xc8\xd9\xbf\xb4aRM\x8eNW\x85njt]Vw:D\xa8\xab\xab\xcd\xb9\xae\x9cb_mfg\xd1\xac\xae}fa\x95Wd\xe4\xcf\xc9\xda\xc6\xbd\xc0\xaf\xb9yK9IUT\xaf\x8b\x96YRV\x9a\x9e\x9f\xb7\xac\xadcrs\xa8z{\x91\x87\x87zss\xbb\xbe\xc2x\x82\x81\x84GFJ^]m;+\xc6\xb5\xcd\xb0\xb4\xb8\xa7\xa2\xa2\x814FUjh\xaban\x19+,\x9bh\x80\x99~z\x87\x93\x97_+\x1e\xad\x98\x97}@\\\x8dwu\xb5\x96\xabN\x0c\x1fW\xfa\xfd0\x00\x00 \x00IDATx\xda\xc4\x99\xdfK\x1b{\x1a\xc6{1\x938\x0e\x94\x95@\x13p\x84\xa5AgY\x98\x06\x96s\x11\x02;l\x06\x82W\xa1H1\xe3F\xcb\x16\xcb\xee\x10\x9c\xe2\t\xc4s1\xc7\x81\x12P\x03K\xa0\x12\rI\xa4\x87j\x9bfc\x90\xa0\x17\x1aq-\x01A\x92[i\x91\x8a\x17\xbd\x88\xe2\x8f\xde\xd4\xab\xbdY\xd8\xe7\xfd\xa6]\xce\x1f0\xf6\xbcig\x82\xb9\xf0\xd3\xe7}\xde\xe7\xfbNz\xe7\x8e\x03\xe5\xa6\xf2\xb8\xdd_\xdf\xa4\xbd\xb8\xde\xf9\xcd\x0b \xe3\xac\xd2^oz\xdc\xeb\xf5\x8e\xf7V=\xee\xdf\x14\x08 \xe9\xeaN\xf3\xea\xb2ys\xd6\xbc9&gt;?;\xfbr}p\xd0\xbc&lt;H\xe3#|\xfc]\xe9\xe8\x97A\xa2\x07\x8b;\xe7\xc7g\xcd\xcf\x9d\x98\x1c\xb3m\xc32l[\xb3\x8f\x8e\xda\'\xedZ\xfb\xe6\xe0\xe0Ku\xfc\xc1\xf7\xe4\x82s&lt;\xd5O\xcd\xabv\xa7f\x18\xb1XL\x16E\x9f\xaa\xe2.+\xbalj\xa8\xbcVh_\xb5/w\x0e\xaa\xee\xefH\x95^\xbc9\xb1\r\xd5\xe7\x13D!f\xc7D\x9e\x17T\x11\xefuE\x11e\xcb\x00W!\xafi\xa6vr|\x90\xfe&gt;\xee\xc7\x90y\x17\x9b\x1d;\xe6\x13\x04\x9f*\xf1\x82\xcf\'I R}\x80\xe3yIP!\x9a\xa9\x19Z&gt;o\x9aZ\xbb\xb9\xf3}\xc6\xd2\xed\xa9^\x9f@\'P\x89\x82\x0f\xdd\x03\x16/\xf2.\x0e\x80\x12\xe7\xe2$\x9fJ\xad\x0ck\x85D"\x9f\xcfgO\xae\xbd\x1e\xcf\xedS\xa5\x0f.;2C\x82X18\xca\xb6}`\xe3].N\x14%\x9eC?e]\xd7\xc3aS\xcbgA\xa6\xb5?U\xbd\xb7\xac\x97\xdb]=\xeb\xd8\xd0J%\xbdb\xaa(I\xe0#\xcd\x04\xde\xd5\xdf\xef\xe2\x99\xcbd)\xa8\x1bF8\x14\x0e\xa3\x93\xf9\xfc\xd1\xe5\xce-\x1b\xcc\xdd\xfb\xd9\xe8J\x14\x13|\xb1\x18\xfe\xa8"\xc7\xb9\xa0\x94\xa4\n\xb8\x13\x96(\xc7\x04\x9e\xd7\r\xcd4\xc3\xa1\x90IdG\xcd\x97\xb7)\x98{\xbc\x89,\x101}0&lt;&lt;\x8e\xbb\xc0\x83\x06\x96B\xf3\\\xac\xf0\xce\'\xcb\x82\xa2\xe8&amp;\xb8\xba\x92i\xf9v\x13\xf9z;d\x18\xc1c[\x90\xc9\xec\x02/\xa1u\x12z\'\xf1&lt;\xc7q\xfd\xfd\xe4\xfa.\x16\x8d\xa3"\xc8\x96\xae\x83\x8a\xaahjxwt\xfc\xe0v\x14s\xbbw:\x08\x02\x14\x82JDz\xc6\xec\x9a\xadb\xfa\xe0\xaa\xfe~\x8eL\xcf1\xe3\xd3\x95\xd7\xf5@ \xd4\xe5\n\x85\xa9\x9f\xb5\xe6\xe2\xad\x1c\x94\xee\xea\x95\xcc\x02AE\xeb\xc4\x18\x19\x1d\xd6\xe2\x99\xb7\x08\xcd\xd5\xffM.\x8e\xf5\xd2\xef\x8f\x87\x00\x16\xa2"8\xe3\xea`\xdc\xe34\x99\x1b\xc62\x04Q\xe4\xc9X0\xb6 \xb1\xd8\x92\x08\x8b\xd4r\xb10e\x82\x81\x8f~\x80\n\xfa\x03\x8c+\x10\x0f\x9b\xa1@\xb8}\xf32\xed4\x96\xf7K\ry%q\x82\xfdw\x1bM\xc4\x14\xc6T\x1c&gt;_\xd5b\xe9\x80\xf3\x87\xeb\xffU\x01\x0b\x01\x06(\xc5\x1f\n\x87\x14\xddj\x1fW\x1d\xf6\x17\xb5\x10b\xe1\xa0Ah\x91\xdb)\xb7\x04\xc2r1ep\xe18\x91\xc5\x17#\xe2X\xf9u3\xa4\xf8\xfd~%D7E\xee\x1c\x8f;\xdaF\xb7g\xa7\x86\t\xa4\x83\x90L\x85\xb4\x92|1\x91\xe3Yh12\x82\xa1y\xecv\x90\x97H\xc5\xa0\xa2\xebJ\x90\xe3\x82\xf1p\x1c\x90\xc1\xa0T\xfb\xe2h\x1b\x11\x0e\xd8\x18dfx\xea\x9f$\xd1\xf6\x80@g\xa2|\xc3\xeaw}\x13\x8br\x03A\xc1*H\x16\x0bpPP\x94k\x90\xcbQ\xc3\x7f\x96U\x9c\xc2\xd4D\x11\x9e\x82\xe1\xe1p\x91\xac\xc5}\x8dQ\x17\xe7\xfa\x95\xad0\x91\x84\x14"\xc7S\xda\x07\x828\x04\x8c\x93\xcb\xf3\xaa\x83\x9b\xa1\xdb\xfd\xb2-\xcb\x96\x8a\x1c\x15$\t\x19\x8a\xadA\xf5\xd1\xecI4\x8bA*X\x88\xe3\xfe/\x17\x05\x04\x8f\x1e"\xb44La(\xa0\xf8\x83J\xed\xaay\xde\xeb(\xd6N\r\xfb\x1dF\x91\x0e\x9do\x07\x10\x06@\x8ac\xcc\x80\x14\x0f\xa0\xe2\x80su\xad%\x8a0U\x106G\xa6\x9a\xe1\x00&gt;\xc6q\x04\xac\xcf;\xe3Nby\x8em\xc3\xb0d\x19K\x0cz\x89\x15K\x12\x04\x19\xc2)~E\xa1\xdc,\x16\x8b\xa5b\xc0\xef\x0f\xb2\x96r\x12\x0eE?\x930\x1e ,RKQx\xbd\xd6&gt;st\xbd\xf76A\xa5\nd*_\xccF\xb8\xd3\x1e\xaa\n\x12\x90\xe2\x01\x06\xb5\xa7\x15\x03q\xe8\x85Fb\xe5\x12\xbaP\n\xa8\xb4\xbc\x19\xd0\xb4\x00\xeb\xb1b\xb4\x1d\x1d\xc5\xf4%i%\x90N\x02\xf2\noE\xc1\xb2\r\x1d\xdd!\xa6\xd2^~\xafDX~\xe2\x12\x0c\xdbR\xe05\xb45^\xd4\xf2\t-\x90\xd87i$\x91c\xf2I\xaf\x83\x89\xda\xdb\x06\x96@\xeb\x1e2S\xa2\x15^\x90t\xcb01g\x10\xaa\\N\x96K\xc0\x02\x07$\t*\xb2%\xfb\xc9Vh\x9eV.\'\xb2\xf9\xf9\xf9\x84\x896r\xbcmwv\x9c\x0bT\xf7\xb9Mb\xd1\xe1C\x9b\x0b\xcf\xfbTZ\xa9p\x02C\xadR9\x99K\x96\x80U\x04\x88\x9f#C\xe9p\x19l\x15"\xaarb\x7f~vvl\x1f\xff\x04E\xe9|&gt;\xb9v\x0e\x0b\xd6\x92\xc9\xe3\x02\x99\x8a\xe7\x82\x92\xac\xd2\xca\x1e\xc2S\x17x\xf6\xf6\xf6pemd\x96"\xbb\xfb\x89*\x9cO\xec\x13T\xcf\xe4\xe4\xe0X\xc24Cz\xe7\xcb\xcd\xb5c\x9ew\xf7"\xb5t\x1dj\xc9\xaa\x84\x08\r\xf2\x82$\x18\x96U*$\x93\xc9\xc2\x1e^\xe52\xa0\x8aE\xe6\xad`\xdcO\x15(\x86\xf3\xfb\xf3\xf3\xa4T\xcf\xe0\xe0\xe0\xd8~\x1e\xdb`\xedz\xf1`\xdc)sQj\x11\x94\x88\x8c\x97e\xa4i\x90\xe7dC6\n\xb9\x95\xc6\x87,51W\xde+\x92\xb3H\xac8Y]\t\x84\xcc\xf2\xfe\xec\xec\xec\x93\xd9\']\xac\xf9\xac\x196\xed\xb3j\xd5\xa9\'m\xb7\xe7\x9a\xb0d2\xbd\x88UP\xa0#G\x90Cf\xb6\xd1\xaa\xb7V\xca{{\xe5\\\xb2\\(\x15\x99J\xf1\x10E+,\x97\xd8\x9f}\xf2\xd3\x93\'c\xf7z&amp;\x81\xd53\x9f\xc0s\xb6y\xd5\xebu,!\xbc\xe7\xb6\xae\xcb\x96f[8\x11\x91XxZ%G\x97r\xf5\xfa\xee\xeen+\t\xae\x95V\xb2D\xd9\x04G\xc51\x83\xa1\xe2^b\x1eTc?\x8d\xdd\x9b\x84\xb3\x86\xa0\x16\x1eg5\xed\xe4\xa5\x83\x8e\xbf1\x80e\x14\xb2\x9a\xccN\xe8.V\xa8\xd0 \xaa\x85\xdd\x95\x1ckc\x11\xb1\x15\xd7\xe3q\xca\xb2\xd2\x1eIu\xaf\x87^=\x93C\x03\x03]\xac&lt;\xb0\x9cK-\xef\x99\x15\xd7\xadB\xf6(i\xb0\x87\x1e\x9eV\xa9pa\xa5\xd5Z"\xb0\x06\x9cE\xf9\x00\xcb3,\xe4ky\xff\xc9\xbd\x9e\xdf\x0f\r\x0c\xa1pc\xdeJd\xb3\x85|{\xd19\xact3\xac\x9b\x85lrk+i\xd1\x97F\x12\xc7\x87\xb4\xe4&amp;\x88\xea\xad\xb5\x85\x85\xd6&gt;\xf2\x94\x8a\xe8J\x14\xaf\xfb+\xdbC\x0fY\r\x0c\xf4=\x1c\xe8C\x01+\x91\xc8\x16\x8e\x0e\x9c\xc4\xb2\xa0U2\xb7\x05\xaeZ\xcdF4\x14\x92\xb9\xed\x857\xcf...R\xa9T\xe4\xb0^\xaf\xaf\xad\xad\x1d\xd6\x1b++\xb9\x1c\xc6\xf3_\xbfL=G\xfd\xe5\xd5+\x80=$\xaa\xbem\x86\x95=\xdaq;yP\x7f\xa5\xfa\xd0x\xb7\xbc\xd4h\xd4[\x8d\xb5g\x7f\xbe;7\xf7\xf4\xe9\xdc\xe8Lj}a}}=\x12Y8\xfcx\x88\xfa\xf8\xf1\xf0\xf1\xe3\xe7\x91\x08\x81=\xff#\xf4\xfa\x05\xd6bje\x81\xf5\xc9\xb1\xed\xd4\x9dn\xda\xb5\xa3\xad\x0f\x1f&gt;4\x1aK?LS-D\xa6G&amp;\xfe\xf0\x14Ts\xab\xc4\x05\xaa\x85\x85Hd=\xc2\xf8\x86\x87#\xc3\x0c\xeb\xd5sj#*:\xb8\xdd\xc5\xca\x1e{\x1dT\x8bQ5\x1a\x8d\xcd\xa9\x7fLOg\xc0\x95\x99\x9bx\xfd\x9a\xb0VWGWg\x18\xd8\xfa\xa3\xd4\xa3u\xf4\xf4\xd1\xfd\xf5\xfb\x91\x08a=~&gt;E\xf6\x1a\x1a\x8a\x0eE\'W\xa8\x8b\x89\xec\x8d\x83XgG\x80:\xdd\xdc\xac/\xfcm:3\x02\xa8\xcc\xdc\x08)\x85Ze5\x83\x1a\x05\xd1\xa3\xd4\x0c.\xf7I\xb2\xc8\xc2\xd4\xd4\xc3\xa9WS$\xd7P4\x1a\x9d\x1c\x9b\xdf\x07V3\xed\x1c\xd6M\xfb\xf4\xf4\xb4\xbe\xb4\xf1\xd7\xbb\x99\xcc\xc8H\x06TxUfR\xa9J\xa5\xf2\x95kttt\x86\xa8f\xd6\x7f\xbe\xbf\xfe3Q\x01\x0b\xc5\x04\x1b\x8a\x0e\x0e\x12\x17\xb0.\xc7\x1d\xc4:=}\xbf\xb4\xb4|73\x02*V\x15j\xdb\x1bLbe\xb5\x92\xaa\xac\xc2\xf8\xf8\xfb(\x95\x1a\x1dM\r\x0f\x0f\x1f\x1e\xae\xad\xd5\xd7pY[\x03\x19l\x1fe\\+\xe8\xa2sXn\xcf\xf9\xfb\xf7\xef\xdem\xfc.32\xd1\xe5\xca&lt;;\xac\xb7Z8\x11\x11\\8\x16[\xbb\x17\x95\n\x9aJ\x9d\\M\r\xaf\xb5r\xb4Wd)\xcar\xb9\xad\xb1\xe8\xc3\xbeAt1\xba9\x86u\xf0r\xdc\xb1\x84\xf0\xbc\xfd\xef\xc6\xc6\xc6\x8b\x1fG&amp;\x08kbdz\r\xbf\xd7f\x85\x0cC\xa4\xe5Z\x17\x95\xd7\xaf!\xd9Le4u\xb8\x924,\xac\xf9\xb4\xcb\xd3\x17\xf5\xf9\xe4\xd8`__trr\x13mt\xb2\x89\xee\xb7\xff\xd9X^\xbe\xfb#k\xdf\xc4\xc4t#k\x18\xf4\xff\x03*V\x1d\x9cE\xb2\x95\xdc\xda\xad\xbc~\nw\xa5`\xfc\xdd$\x8eNQb\xdf\xe6\xd02\xab\x84\xb4\xf9(aM:\x8c\xe5!\xac\x17\x99\x0ck\xe0\xc4\xddm\xcd\x8aYD\xa5\xd2\xb7\x81\x82j\xd9\xb5\xad\xd3\x7fw\xb1\xa6+\x17\xf5\x82\x15gO\xb6l\x97E)\xba9\x1f\x85\xb5\xb6\xc9\xf4\x0eN\xa2\xe7\xed\xf2\xf2\xf2\x8b?\xa1\x7f\x13\x13\xff\xcclj\x96Q\xebtN\xae\xaeN\xda\x1d\x1cEv\xad\xb3\x05\xacn\xe0OO\xbfieM\x9dJ\xc6\'\xffc\xd5\x8c\x7f\xd2\xca\xb28&gt;\xbc\xd7\x0c\xcenQQZ\'f\r\x86\xc1\x96\xa0\x93\t\x86%\x9b"\x9b\x8e\xf1\x95\xf8\x83\x01\x86\xe7,n!5\x900\x99\xb0DKt\xf0-4\x8f\x14,\xf0H\x03\x83\xd04K\x86L\x95\xd67m\xd4\xa2\x81\xa5Y\x845\xb1\xda\x89\xba\xad]\x9b\xd4i\xa3a\xda\x1f\xdc\x1f\x1a\x7f\x9d81\xd9s\x9f\x9d\xbf\x00\x8e\x90\x90\x90\xc8\x87\xef9\xf7\xdc\xef\xb9\x17.n\xf7\xfe\xed\xb6\t\xb5\x08\xc0z^\xc3v\xca\x7f\xf6\x0b`\xd5\x8f\x02\x95\xd9P\xba\xfa\xe0\xa7\xe3_\x8a\xc57(\x8a\xff;\xde\xd9\xd9y\r\xcf"t\xd7\xc1\x911M \xb3p\xf5\xd6-\xd8\xd6_\xbc\xde9&gt;&gt;~\x84\xf6\xf3\xc2\xd4\xcd\xa9\xfc\x00\xd7"~\xfcg\xed\x8eF\x9a\xbf\x8d%\x93\xcanDes\xbeX&lt;~\x13\x8f\xc3c2\x1e\x8f\xaf\xac\xf4\x15\xfb\x8a\xb1X\xa0O\xe6\xf7\x03\x96S\xa3Q&amp;L^S\xb6\x04\xdf#\x96\x89e@\xe6\xb9R)\x917Y\xd1Z4\xddx]#\x07\x81.U?@X1\x0e\xcb\x9cI\x16\x97f\xe2\\\xcc\xce\x06\x9cJe\xa0\x0f\xa2U&amp;%9,\xe7\x15e)\x9f\xcf\x0e$\x90\x13+\x95J\x0e\xc7\x9c\xa3\x94(%@+x\x98n\xec\xfc\x8e\xfb\x97\xd5+u\xfdr\xcb\x07\xdfqX\xa3\xf3\x90C\x91l\x06\x02\x98\x02\x07\xc9G\xd9\xbc)?\xe0P:\x87\xeae\xd20\x99\x9bt\x11\x04\x86[M\xa6|*Ux]X\x9c\xf2\xa6\xe05\xa8\xd4\x91\x10B\xebBX\xd0\xb6\xf85\xb8\x04j\xdeP,\xbd\xbc\xbc\xd17\x97\x0c\xa0\xda\x9a\x97\xa9\x15\n\xa0\xea\x8b%\x17^\\\xed\xed\xed\xbd\t\x1f\xcd\xea|\xce\xd6~\xa4\x96K\xe2\xd3Ya\xdcY\x9e*\x14\x9e\xf7^\xf8\xebgh&amp;\xf3B\x02K8\xea\xa8V\xd3\x8b_[Z6\xf66\xaa\x1e\x15\xaf\xf3BZ\xdd\xd2~\x1ft\xd3\xfa\x90y^\xad\x96\x8a\x15\xb2z%\x9e\x9d\xba\xfd\x97\x8f~\xfe\xe8\xd4\xf9\x070v\xe9\xa7\x83\x01\x99*R\x8e\x1a\xb5:\xeb\xf0\xf2\xf2\xf2Tjj\xf1\xed\xcf\xd7&gt;&lt;\xf5\xf1\x97\x17z\xbf^\x1e\xb6&amp;p\xc4\x05X\xf7.\xbf\xec\xae\x1f\xdd\xafr9\xf2\x7f\xe8\x9c7x,J%\x94|#\xc85\xaf\x167\xa8B\x02\xeb\xd7\x17.\\;\xff\xfb\xb7\x1f\x9f\xfa\xf2\xa7\xe7w\x97\xf5:\x87\xc6`\xa6\xc7]\x12KZ\xef]^&gt;\xbc{uq\xe7\xc7k\x7f\xfe\xf0\x0f\x0f\xde~\xfe\xa7\xcf\xeez\xf3B\x1c/\xc1\xae8\xfc\xe2\xd7\xa5\xb6\xb6\xef\xd3\xb2jw\xa0\r\x92$i\x97V\xa0L*\x87P\x16e\xe2N\x03\xc1\xa6\xa6\xc0&lt;\xf7\x9e?\xff\xe9\xa7_-\xc2\x88Xa,\x1a\x03\x1d5J\xb4\x16\x06a\xdd\xfd\xd7b\xe1\xc9\xf3\xaf\xfe~\xe1\xf3\xdb7o\xf5\xa2)h\x00\xc7;\xac\x1dV\xef\r\x93^\xdf\x96f\xec\x1b\xfc*K\x0b\xb0"\x91\xa8\xa6Q\xa9T6\x8e\x1aBf\xa9*D8\x1c\x07\xeb+\xc5\xe3\x9d\xd7\x8b\xe0\xdc\xbd)=k\xd1\xba\xcaQ\x97\xc7\xc3aU*^=;\xbd\x86\xfaU!\x9f\xcdfS\xde\x1b\xde\xb3P\xf2\x08\xcb[\x19\xa6ti\xca\xf2]uU\xcf\xdf\x8b\x84\xc3d8b\x08\r)\x87\x1aC\xe6\x90\xb9\xb3\xd3&lt;\xe2\xbc?\x16\xf7\xfb\xfd3\xf1\x00\xd8w\x86Y#\x08\x89+\x8a\xb0&lt;\x90\xc4a\xaf^\xcf\xa6\x83A\'\x04\x81\xf9\x1c\xd3\xd6\xbc\xc9d\xe5\xb0\xea\x86\x87\x87\xebt\x80\x95\xde\xab\x0e\xaby\x8f~\xe5&amp;\xdd\xa4j\xbeq\xa8\x11j\xde\xac\x96J\xcd\x83##\xb3\x93\xb2\x19\x99mr\x96\xb0\xec\xa6w\xb5\x12\x89\x11\xb0\xa2\x9b\xa0V\x9a\xd2\xeb\x11Vz\r\xe6\x0cK\x1a\x0c\xd7\xc0\x00&lt;\x85r9\x1a\xf8\xbf9\xdb\xae\x13\x00\x16S\xe5\x10\xdb\xbcW~\x0cXaR]?T\xdf\r\xceF-U\x19\x90\x11\x05\xcf&gt;\xe6$\xd6\x18f\x97\x00\x93,1\x82X\xae\xdf\xb0(\x8aM\x03\xd3Z\x9aaX\x96a\x00M\xe7\x80\x85\xd8!o?\xdb~\x0e\x17\xe8\x98w\xe9\x8d\xaa\xb1r$\x8a?\x8e6vw\x87D\xb2~\xa9\xda`@\xc6\n\xc6\t\x90\xcaB\xdc\x1f\x1b\x07\xac\x13\xb1&lt;[\x964\xab\xa7X\x16ai\xb9\x08\x02\x1f\x18T\x0c\x93\x0b\xe5xG]{]\x9b\x0f\xb0\x1c\xd5a\xf1\x01\x8b\x8e@\x90\x9d\x86FPK\xa4\xeeW\xa9\xd4f\x1b\x8d\x06\x1e\x84#1\x1a]\xef\xa9@\xac\xad\xad]\x86\x05\xadX&amp;m\xf1!\xa8\xfb\x12\t\xa1\xf5\xf9\x82&gt;\x0c\xc3\xe5\x1c\x16\xc5\xeatT%X\xe5aR\x0b\xc2"\xc3d44\xdf\xd8=\nXj\x95B*UEl4\x8ca\x08\x88\xc3r\xd14P!,\xc8\x1a`1\x80\x05P\x84\x84\x0b\x98\xcc0\xcc\x81\x97p\xac\xe3\x9b:x+M]\nT\xe9\x05\x9b\xb7]t$\xec.S\x8c\x08\x9a\xb3H\xa6\xee\x97\x8a\xc3bRe\x1b\x84Q\x07\xaa\t\x15\xbb+JsX\xb0\x10A-T[\\\x0e=\xf0\x1e\xa2\xb2\x13A_\x10\xc3q9\x8e\xb5W\x0e)\x9d/\xfd\xee\xd2z\x95^\xb0e\x7f\xb3\x0c\xfd\xc1CYD"\x84\xa5R44\x88\xc5ar\x06\xe6|\x90ks\x13\xa0\xcae\xe8Y\xa8\xe0Qq\xa5Y\xb4\x14\x19\x8b\x96K\xb0\x11\x91\t \x83\x18\xa2\xc2\xac\x87G\x15J\xa7\xab\\z\xdaRm\xc9Gi2R\xf6l\xdd\x97\xcd\xa3\xd2\x92\x8a\x1b\xc4g:;\xa1\xc3\xe6rw\x10\x97q\xdc\x00[\xa1\xc7\xb3\t\x88\x9b\'\xd5\x85\xf4\x82$"*\x94ep`\x08\x0b\x07\xac\x8e\xca\xd1!p\xbd{w\xaf\xb9\xda.\x0f\xb5\x15\x85O\x1bW\xabF[E\xfd\x9dg\x00\xaa\x93T\xf9\xfd\xb9\\\x8e\x1e\xdf\x84\xce@\x97\xdf\x17\xfd\xa0\xcd\x86Z\xc4.{\xc2\x85\x92\x08j\x195#\x1a;\x8e\x02\xc3\x85\xc3G\xc0\xc5\xe8\xa1mU\xbb\'\xd2\xe5\xc8\xe6\xd6\x961G\x8aE\xad"\x95\x14a\xa9\xd0\x86\x04Xw\xa0\xaf\xbb\xcat\x19\xa5\xb1L\xd3\xfeW~\xe0\xf4\x10\x0e\x94H\x8a\xe1\xaa\x0b\x85\xc6nW\x9e\xa8%\xac;&lt;:&lt;\xa4\xa8L\xb5\xa7\xba\xfc\xcb$\xc2\xf2\x0cF\xdc&lt;Q\xb7H\x8a\xd4:\xd3yB\x95\xbb\xe3\xd1z\xa2\xb4\x19\xadU?\xf9\xea\xb1\xffqn\xdc\xe52\x8e\x11\xd0\x99~\xe32r5O\\\x81\xf2z\x8fut\xa8\xa7V\xaa=\xd5\xe5\xb7\xac\x96#\xae\xad\xadh\x8e\\Uw\x8b\xc4\r=gzz\xc2\\i\xe5\xeelj-\x80E\x97sa7\x19\xde\xdf\'\xc1\x06\x02\x96\x16\x9a;W_\xd0%8,\xc2\xeeT\x9edQX9BX\xec\xd3\xaam`\xf3^$Bom\xb9r9R\xda*R\xf0\xdc\xee\x86\x06w\x18Q\x81\xdd\xd9\xb2h\x01k\x12\xaa\x8f\xa5\x8a\x8fI\xe8\x12\xe0m\xa8C(k\xb41R\'\xebQBh\x1a\x05B\x0e\x0b\x89\x05k\xd1Q\x83\xf3\xd3\xcb\xee\x08\x99\xdb\x8cF=\xc6~\x91H\xd1\xd5t\x9a\xc7\xe3\x85#\xd0\xa9\xca\xe0\xae,\xc6Ax58h\xd1\xffwmv\x06\xb0$Zf\x19\x1d\x9drX\xd0\xbe\xb4\x1eh\xaa\x9a+\x18\xec&lt;r\x1c\xaf\x1c\xc2\x1f\xc5\xae\xd4\xe0\x1e\x03\xe4\x82\xad\xba\x93\xf6\xa4C\x80\xb5\xba\xda\xc0\xebZ\xe5\x91@\xe5\x02\xaa\xfb\xb3\x83\x93e\xd8\x89\xd0l\x16\xb7\x85$\x1e-\xb8S/\x0c\x16\xfa&lt;\xf2\x11\xd3\x0eh\xf5\x1e\xc2n\xf7\xe9\xe4B \xabT\xce\xb51l\xe2^\xf5T|&gt;\x92\xcb\xbd\xea\x8eDe2\x99\xf4\xf4*\xaf\xa9\xabk\x15\xe4\x8aJ,\x16\x02\xa8 f\x81j\x05\xc63\r\xd4\xba\xde\x8b\xcetS0\x92e\xf3\xf9i\x87\x03\xed\x8cv;l\xd4\xc2\x0e!\x0e\xfeA\xceR\xb5\x10\x0bv\xeb\x8dp$\xbc:\xc1\x0b\x87\x11\xd6\x04O\xda\xc0a\xb9\xb4\xbaL\xb1\x08"\x01\xd6l\x11\xe2\xe0 \xe3`\xc12#\xbfZ\xc8\xc2\x9c\x98\xcdN;t:\xadVb\x17`\xe8\xacY\x8e\x9f\x13bm\xd4\xdc\xb3\xda\xdcc\xb4\xec\x91\x805\xd1\xe4V\xcb\x14\x80\xd7\xdf0\xd1\xe5\x8e\x94%\xe9\xe4\xca\xca\xca\xfa\xd2\x127[\xaf\x14\x8b\x99L28\x9d\xc8\xe6\x0b\x85\xc2Bb.9\x97\xc8\x02\xdb@^\x07X\x17Q\n\x85\xb8\xbcN\x88\xe1\xa5\xa7\xb5\xb9\xf3\x814n\xbbW\'V\xdda\xb5L&lt;11\xd1\x05\x01)\xb5$V\xd6\x01\n"~"V0\x03\xe1\x0c\xaeM/,&lt;\x9aK\xc6\x80\x0bE\x9e%4\xf6\x8b\xc2\x0eT\xf2\xf2v9\x86\xad\xd7\xec\x82\x8c\xff\xc3\x84\x1b"l\xe3\xb0\xb6\xbb\x9a\x9az\xe6\xedLl}\x1d\xc0@\xb0\xf5@&amp;sP\xcc\xac\x01\x14\xb8\xf756\x9f\xe5\xd4*\x9d`\xe9\t\x8d\xe6b[\x07j\x10r!&amp;\x18\xda\xaf\xddUT\xf3\x1e\xc2"i\x99bb{{\xa2\x89\xd7\xd4c\xf6\xe9Z\xfb\x920j\xaf/=\xf4\xcf\xd8\xe2\xb6\x99;\xc8F\x8fA\xdf\xda\xdd][s\x04\x83\x90N\x98z\xb2\x805\xa2\x11\x08\xdb\xf0\x8b\x9c\xb5\xc1\xd67j\xf83\x88\x96=\xc8"Y\x16\x89\x01k\xbb\x8b\xc7s\x9b}\x82\xd6R*\x1b[B\xf3\x0f:rF\'\xbc\xc8pY`\x12B\xf6\xdd\x91\x80\xda2\xa5L\x80e\x18\x11@a\xe1\xdf#\x7f\x1axV\xbb\xe3-t\x8f\xb1\x07\xb5uZ\xaa\xe8\x02\xb5\x00\xab\'\xa2\xb17\xe6\xbd\xf9\xfc\x93Tj\xee\xcd\xc3\xd8\xa37\x07\x997\xc5\xcc.(\xb5PX(\xa4\x9e\x14\xbc\xcb\xde\x14\x0c\x887Rz\xa7!$@\xcbP\x8e-=|\xfamm\x7f{\xcdG\x07\x1a\xd7_*N\x9f`}A\x1a\xec\xd8\xc0@\xea\x1f\x9f|r\xed\xdf\xff\xf9?/\xe7\x1f\xd3T\x96\xc5\xf1iq\xb6\xdd\xa6}\xef\xb5\xd06!!\xaf\xc4R\x9b\x96ei\xa7\x94eh\xb3\x1dD\xb7\xfdC\x1c:N\xa4\x83\xdb\x12 \x9d\x18 \x94(\xc8\xbafB@)d\x83\xcbC\x1d\x98@\x13\x16\xb0,\x0e`\xc5\xcc\x12WC4\xd2\xc1\xc4]A\x90F\x17T\x12\x13\xb2\xf3\x07\x89\xab1c\xc2\xc4\xec9\xf7\x15\xfcgwg3\xfa&lt;)\x84\xf0\xd7\'\xdf\xf3\xe3\x9e{\xef\xb9\xcd\x89\xae\xdf\x89\xae\x8dskO^\xad\xaf?\xbb\xfe\xec\xfaw\x9b\xd7\x17?\xdb\xf9\xd5\xd53e\'N|&lt;ZZ\xef\xca@\xac\xee\xdbo}`\x17\x0f\xb9\xdeK}l\x91c*zE\xaac\x7fp\x8a}\x01\xdb\xad\xab\xc7\xff\xf1\xaf\xf1#\xdc\xc2\x11\x19\'\x93\xdd\x99\xbes\xe7\xe6\xf4\xf4\xcd\xb5\xeb\xeb\xcf\xa6v\xee\xfc\xea\xfc_ff\xf6\r\xa5\x95:\x07\r\x19\xa0W\xfa\x98\x00\xe3\xcd\xf8\x9e\xe1\x11\x94\xd2\xe6\xbb\xcd^\xafJe\xee`\xd2J\x0fu\x84\xfb\x97\xbf\xdb\\\xdf\xdc\\\x88\xaeq\xdc\xcdhtz:\xba\xbev}\xf9\xe5\xea\xf9\xab\xe7\xfb\xf7\xd5(\x145\'\x87K\x15\x19x\xfd\xaa\x8c\xb5\n4\x12\x1b\x89\xa1\\\xd9"\xaf*\xdb1YZXX\xe8\x19&gt;\xfa\xe0!\xda\xc8\xf7#On\\{\tv\xe5\xd6\xad\xfeD\x7f"\xb1\xf1\xbb\xfd\xe2` (6z(\x10+\xc3\x90\x95\x12\x15\xea%\xc4\xed\x98\x9e\x86%\x11*D\xb67\xef\x90]\x7f\xc0\x12o\xabj|\x91\xb4\xbf?\\\xda\xb2\x87K\x7f\x1ej\x11\xdb\x18&amp;\xc0\x14\x96*\x94\xe0CCFwD\xa8\x01\xe2\xb1\x18l1\x80I$\x82\x8aj7w\x9a;\xe3q\xe8Ja\xb3\xf1\'\xec\n\x81\x8c\xd8\x83\x07\xbf\r\xef\xb1\xd9lN\x86q\x86&amp;\x03&amp;\xbcP4d\xcc\x95\x0b\x85U\x1e\xf3X\xd4\x0e\x91J\x04A/2\xab\x1d\x9d\xe6\xf8\xca\xca\xec\xec\xcaJ[\x1bak\xfc\xdb\xefQ\xb6\xdf\xecq\x9ed|6\x1f\xc50\xd4!\xe2\xc2\x0c\x83A9/\xd8\xd8|\xab%\r\xf6\x18^4\x88\xaeNhS\xe3+\xb3+\xcd\xb3+q\x0b\x94\xfaS\x9f\x8e\xd6;/\\\x80\x15\xc8y\xf2$\x15\x08P\x14C\x85:\\:\x03^\xf0\xebl\x91\xf7\x04\xc3\x8aY\xfdnh\xe6\x01\x0b\x9b\xc1cr\xe0B\xb1\xe2\x16\xcfp\xcf\xa9\xd1\x93u\xb8*\xd6\xd9\x90\x0b\x8f\xc3\x98z*\x144\xe8\xf8\xa1\x83\x98V0,\xad\xc5Z\x92\xe7F0\xb57\xbb\xb9Yt,\x8ez\xad\xc4\xe3m\xc6\xf4\xd1\xbap\xcd\xd0P8\x1c\x9e\xa8\xa9\t\xd7\x05\x02A\x88,\x8a\xa2\\:\x9dA\xa7\x93\xea\x94\x0b\x82\r\xccK\xb4\xf3\xd6\x12?p\xb9\xd5\x10a\xcdwga\xfd\x8e\x13.\x0b\xac\xd6\xff\x0c\x0f\xdd\x1a\xaa!w\xae\xe1 p\xa1XT@\tb\xe94R\xe9DD\xb89~\xad\xdcZ\x02\\yyn\x07\rX \xd7\xb1\xceN\xc8\xc6x\xe7\x81\xb6\xe1Su\xe10~\xf6\xa0#A+\x80\xa2\x9cb\x90J\'\xd5ht\xe7n\x0b\xa8\x96\xdc\xea\'\\n\xb7C\x0e\xab6\xc8\x15?p\xa03\xde\x86\x07\xa9x?\xf6I\xdd\x9e=uN4`\xea\xa0\x18\x9bI\x8a\x86j\xdd\x16T-\x7f\x1e\xaf\x97\x9a\xe6\xbd\xd8\xd9i\x07$\x1c=\xa8\xaa\xfa\xb4\xb1\xb1\xfe\xa8\xf3\x13\xa4\xaa\x07(\x8a\t\x88\xf1\xb8\x94\x90\t\x8au?\xe4w#\x97\xdf\x0fr\x890\xe8a\x87]\xc5\x1bV\x88?\x02\x98\xb3\x0e\xf5\xaa\xaf\xafw\x06\x14J\x1da\xaa\x94j\x04\xc7B.\x10\x8cea\xd9\x9eE\xb5\x86\xbf\xa9\xaa\xfaf\xb8\ro_\xd1\x80\x8b`9\x15bS\x96N\xc7S\t\x8d\x95\x07Y\xe8\'\\n7}\x7fV%\xa7\x0f\xa0\x13Ip56\x12\xacz^+\x05\xf4\xeeY\xbcZ\x1a\xa1\xb1\xa0lA\xd1B\xbd0\xc2,\xf4}\xb9\xc5bi#\xd63z\xf4\xc2\xe8\xe8(\xef\xc4\xfa\xfas3YYY\x95\x98\x85\x1a\x8d\xc0\xb1\x95\x8aX\xeam.\xbf\xbf\xc4b\xb9\x1cC\xac\xcbm=\xb0\xff\xc1=\x19\xe4b\x18\xb8&amp;.\x95\x95UV\xa2\xfb\xdeA\xc87\x13,\xaf\xd7\x91\x87\x8e\x04\x9b+~ym\xee\xb2\xd1\xd8S\xdc}\x05\xe74.^&lt;{\x16\x8f\xe1\xcf\xf6\xb7\xb7W\xa0\xf7\x9a\x10\x0b\\9#d9\xbd\x9b\xc4\xf2:\xdc~"W\xf1\xbd\xd5{/\xbb\x8b\x8b\xbb\'\xeeM\x9dihX\x9cZ\x9eZ\xbet\xf6RY{\xd7\x97]\x15|T\x11\xb1\xde\x11\x96\x17\x1c\x89N,^^\\\\^\xbdr\xee\xde\xeaTC_QQ_CCW\xc3\x99\x13\xed\x87\xbf\xac\xad\xed*\xe3\x0b\xa9Tp\xb5R_cy\xbdj7x2}b\xaa\xef\xeb\xc5\xa9\xa9\xa9\xc5\xaf\xfb&gt;\xdf\xb5\xeb\xf8\xf1\xcf\x8f\xd7\x16}YT\xfb\xe1\xc1\xdav\rQ+\x89\xa5\xe4\x84U\x0bS\x11\xfa\x1a\xaf\x97F.\x7f\xdaLCQ__\x1f\x0e\xf9\xe3s\x08|\x7f\xf1\x19y\xd8s\xb8\ti\xb6\x9d\x98\xc5\t\xa9\xd6d\x1e/\x97\x888\x12\xb9P\xaf\xda\xe3\x1f\x1d\xfcyr\xa4f\xc7\xfb8\xbf\xff\xe1\xe1\n^,\xde\x00kA@\xb5\x1eO\xfay,\xd27\xf3~,\xe9^m(\xfa\xe8 \x8e\xac\xe3\x03\x96\x1d?\xdb\xf1\xab_\x16\xb5\xe3\xd8\xa9T\xda\x84F\xf4z7X\xa8\x96\xc8K;\xd4\x98\x91\xe9\xdd3\xcb\x8bE\xbbp\x0e\xe8\xfd\x9d\xbf8X\xd4\xd5^F\x14\xd245Ulqe=\x16\xee\x05l*\xc1\x82\xe0\xa2i/\xed\x15\x81\xd14\x8b\x8aY\x19\xdb\xcc\xea\xd4\xe1\xae\xc3\xf09\x01LR\x9e\xaa\x02\xac\xa9\x82\xc7\x8a\n\x86%I}\x84\xb1\x85u\xde\x81hrQ\xb6H.\xf7\xd2l\x1er\x89g\xb2*+\xcb\x00BS\xc6\x87\xb9\xa6\x82`\x91\x82*\xcd\xba/\xa0Z\x8f\x88\x13\xc1\xcc,\xcbB\x87\x9a\xadB\x13\xd1n\x7f\x9a\xd5gK1Tj\x9a\xca\xd0i\xb8B\xf3b!\xa6\x14:TA\xb1\xf8\xd8R\xbb\xcd`j\xd6!Jn\xb1!\xf8\xf3\nC\x8c\xc2\xb4\xaf\x92\x04\x95\x0e;\xe5\xd7j\t\x8d\x95\x0cy\xbc$3\x9bY3+Obe\x8bhV?i\xf5\x89\xf1\xa2&lt;KW\t\x14\xc0\xd5\xb4%\xd7\xbbR\x8b\xe7\xd2\x9bq\xe3\x0fXh4k/\x01?\xe2-\xab\x12\xe7\xd0\r&lt;\x16\xa6"\x11\xcf0/x&amp;\x12,=\x18Kcd\xa1\\\xd9*9\xebI\xb32\x01\x05\xde\x95+3\xb0\x01\xd44%\xcb\x16\xc1*\x8e\x08\xf5\x84y\x0b\x0b\xc0\xccf\xbb]o\x86}\x86\n\xd5\xca&amp;\\zc\x9a\x95\xf2)\x88`\xca\x0c\xc3V\x8d\x97\x92\r\xacN97\xcf\x95k\x059K"Xj\x0cy\xb5\xd9\xee\x01.&lt;\xbfQ\xa9\xa0P\x80\xc9-\x85\x87B\xb0\x07\x13\xf3z\x19\xf8\xb8G(\x03\xfe\x9d1\xe8*\x9e\x8f \x98\xe4\xed\xcc\xbbmW-\xed\x98\xfcu&amp;\xe6\x01\x97\xdd\xc2\xe2\x85\x99\\\x8e\x8a\xa9X\xc0B/&amp;\xe5Rn=y \xbf\x11kp"\x16\xc9\x19+oEo\xbe\xad\xf3J\x89vl!V2\x99,[\xe8D0&lt;\xee\x02*Z\x8eX\xb4\xa7\xb4#`\x03,\xb1\x0b\xb8L&amp;\xd3~%\x9e \x91\xd3-\xc4\x02\xaesQ\x99L\x16\xe1"\xf8\xa5\x07o\xcc\x85S\x8b\xa9\xda\xdeh:\x15\xf2oc\xf1\\\x16\xc4\x020\xb9J\x041\x0f\xa5\x0b\xa8\x14\xc85\x98\x92\x92\xd2\x823\xe9d\x8c\xdf\x80t\xc0%^\x93E\x00k:\xb69\xff\xc6\x19 \xd1\xb6j\xb5\xbd\xbd\x919*\x14\xc26P\xed@0\xbd&gt;\x89\x05A/G\xa3\xd9B*\xa0 \xe6r\xb9\xc4\nEK\xcb\xe0~\xd3 \xde$\x12\xaeA\xc0JY\x97\xa1E\xd6.&amp;n]\x8b\xbe\xc9cf\x89\xa4\x9c\x9b&gt;\xd2\xdb\x9b\xcb\xa5\x87&amp;\x01K\x8d+"\xea\xa5G2=\x96T\x15\xa1\xb2\xd8\xd3\x90\xcafS@\xd4+\x82\xc1 p\xed\x1f\x1c4\xc1\x07\x13\xc0`\x1at\x11\xac\x08r]N\x14\xe4o\xdc\xe0~\xf2\x17E\xa4\x96G_=\xfdko\xee\xe9\xdc\x88\x11\xb0&amp;\xf3\x80\x8au\xb0\xc9\xcaE\xb00\x17\x01Ko\xa4\x80\xc5\x16\x80\xf0R\x00V \x10\x08\xb6\xb8Z\\ \x11IL\x83\x12\xb1\xd6\x08\x95\x8c\x8b~[\x90\x99\x9f\xb9tc\xe1\'\x0c\tBT\x8e\xcd\x8f$\xbe\x07\xaa\xdc\xd3\xa7sb\xbcZ\xd0:\x00\x99\xd9\x82\xc1\xe5\x01/b\xa1G\x17\x02\x16\xe3\xf3\xf9\x18_\x00\xb1\x02\x0c\xe3\x04\xbd\x14\x00\xe6\xda\xc6\x1a\xec\x9e&amp;N\xcc\xe1\xb8\x9e\xcc\x82\x82\x82\xcc\xbdK#\xf3\xdcXk*\xf9&amp;\xa3\xff\x1b\xaa5z%\x7f\xa0:\x89\xd5{\xdf:Y\x82\xbbj\x9a\xc69\x1b\xb5\xde\xee\x01\xc3\x13q\x15RY\xf4F+\xc5\x80\xf9P.\xa0b\x9c\x81 \x1fgP0 \xec\x11k\x8e#X\xb2qn~o\x01\xe1\xda\xbb\xb1\xf4\xed\xc8\x8d\xcb\xb1\xe8\xd8\x8fg\x80\x84\xff\x0e\xa6\xb1\'\x89\xea\xea\xdd\x03Ox\xac\xdc\x05\xa3\x7f\x92`\xc9\xe5\xc7\x1c,k\xe6\xb1X9`\x01\xa7\xc5nL\xdf\xc2\x02\x072\xf0w \x18$\t@\xd6\xc9\x0c\xd3v\xc4\xe7\xc88.\xba\x91O\xa8\xf6ff\xe2Obc\x043@\xf2cP\xa9\xad\xe5\xdc\xc8@u\xf5\x07\x03\x89W&lt;\x16x\xd1\xef\x9f$N\x04u\xc0\x8dzOa\xa1\x87\xe4\xa2\x08}\xe81\x86BV\x8aB.p%\x05\xd29\x11\xcb\x05z\xf1X.\x97-\x9a\xc3\xab\xc5\x8d\x13,\xe0\xcaDK \xdbRO\xe4\x7f}\xe7\x8dD\xa2\xbd\xbd\x10\x9d\xdf|\xd9\x0fT\xbf\xfe`\xf7\x0fkI\xac\xdch\xa1\xdf\x8fXP\xd5\x01K\x8dX\x85\x1eR\xe8!\x0f\x01+\x8d\xe7\xf2\x01W\x12\x0b\xb4\x12\x13/\x02\x96\xd2\xe5\xba\xc1%\xd5\x1a\x97E\x97\xbe\xc8\'H{\x93d\xcf\x9f?\x7f\xb1R\xfe_\xb9 \xccc\x0f7\x12\x89|\x84\xda\r\\?&lt;Mb\x81\\\xd03\xb3\xb4\x9c\x14v\x16\xa2\t\xb9\xf4\xf8\x8f-\xact\xe0"X\x94u\x0b\x0b\xa1R\xb0F\x98\\b\xe2\xc3\x9c\x1c\x82\xf5\xf1\x17\xf9\xbc\x13\t\xd7\xde\x8d\'\xaf\xae\xbdxx\xf4q\xeb\x7f\x06\x93h\x17\xae$\x06\xaaw\xef\x1e\x00,\x00\xabF\xac#\xb9I\xb9\x8cPM\x11\x0b\xf6\x16\xac\x9a\xd5\xdbA-\xbd\x85\xe6\xab\x16`\x01\x97\x95OG\xca\xdaA1$\xe4y\xb9\xf0j\xdfU|\x13\x81\x00k|\\\xb6\xb0\x94\x8c\xad\xa4-==\x92\xc3\xad\xf4\xfc\xbbm\xf3}i$1\xe3x\xea\x9b\xe3\xc2u]ZaI^\x8c\x08\xbep\xda%\xc4D.\x88G]\x9aP\xd81\xff\x80xP\x04\x87\x1b\xf2b\xb82o\x96\x83\r\xcc!\xf4\xcdp\xe8AqY"\xb9\x17\xad\xb0\x90\x17\x01\x03\x81\xecRN\xd3\xeb\xa2\x07\x89\xd4mb\xbd\x86J\xb6\xb9\xdc\x99lX/as\xc1;\xed\xf7\xfbLt\xbbp\x8f&amp;\xd1(\xc9g\xbe\xcf\xf7\xf9\x918~\xb3}\xf0SM\xf6\xad\xa5\xadZ\x84D\xbb\xbb\xf1x4:\x8f\x00\xd6\x95\\\xde\xec\xa4`a\xc7z\xe7=q\xd7]f\x91^\x9b\x9e\x9c\x03\x96\xdf-FPA-\xb7\x12)\x17\xb9~\xf5\xd9H6\xe0\x8a\x15X\x07V\x8d\xd6\x92$J\xbc8\t\xa0g[\xeb\'\xdb\xdb\xffyt\xeb\xcd\xc1\xf7\xd6\xad\xcd\xe7/\x92\x14*\x1d\xde\xdd\xdf\xdf\x8dG\xd3\xe9\xf9\xca\x89E,\x91\xeb`z\\\x92\xf8\x0b)\xbe_\xa3GP\xaeq\x16\xe2]`\xf9\xdf\xc0r\xd5\xc2\x80\xbc#\xbb\xce\x9d\xb5\xbc%X\xdeb\x11\xa6\xff\x17\xb0"\x11!#[\xe5xP\xcd{\xad\xa5\xe0\xa3\x83\xf2W\xeboT\xdf\xc7\x9b\xe5\xdaD\xbc[;\x9c]\xb9L\xc7\xf7\xc1\xb5;\x9fN\xa7.\n\xd7rYGB%r\x8d^\x99\x1e\\\xf4\xd9\xd4\x14\x9c\x15\x8a\xdd\x10\xb0\x1b|S^\x1a\xc4\x88\xcbu\xe7\xce\xcf\xcf\xbd\xa2\x96U\xfc\x0e\xc9\\\xffc2\x92L%\x11\xa9T\x8a6{\xa0;\xbdv\xa3\xb5n--\x05\xd6_C\xdd\xfa\xf2\xab\'\xb5\xeen\xb7\x7fR\xba\xa8\xac\xa4E.\x80!\x8f\xdff2"\x17{\xd7\xa6\xecV\xb2c\x8d\x8e\xbaX&lt;\x15\x15cH\xc4\xa2\\\xb1\x9b\x8b7\xa5\x10\x7f\x7f\xa5\xd6\x08cfu\xcb\x12gY\xd5v)\x10\xd8|\x92JE\xa3I\\\xa2\xb00\xbez\xa0\x1b\x8e\xe3t\x9a\x83j1\xb04\x84\xba\xb5t\xf0\x9cL?\xf4O2\x96\xf55\xb0.\xd3\xf3\xd4\x8b\x99\xec\x972%7\x8d\xc1O6\x0e\x8e\xb0\x88\xca\xca\xc0\xcc1\x8b\xe0\xba\x8b\x9b)`1u1W\xad\xd0\r\xa1\x92\xf5k\x04\xf3{f\xf1kX\xdd\xeb\xb5\xac\xf5\xd3&amp;\xb0\xbc\x9f\xb2\xd4\x01\x15M\x12+5\xfb\x07]\xd7\x1dF\x07\xa2\x11\xea\x97\x1f\x7fY\xfe\xe6\xb0\xdb=\xecs([\xde\xe2yee\xfe\xf2\x12z\xb9\x82\xf5K\x85\xd7z\x05\xb6n\xdf\xbb\xc7\xb3\xb8\xd8Q\xc957E.R\xd1Z\xa1X\x0cr!\x83\xc0\xba\xa6"\xd6H\xach\xa1\x00\x03\x96uV\xef\xe5\x81\x95\x9dHE\x05\x0bj1\x89\x15[7\\.\xc7\xa9\xcb\xd2\xb9]\xbbb\xda\xb0\x8ag\x83\xde?p\x1c\x97\xe4\x8a\x83\xab\xbb_{i\x15\n\xf9R\x90k\xc4\'A\xef\x96\x9c\xce"\xe6\x12\xac\xf7\xc7\x00F\xaa1\xc9\xa2\xdfO\xa8\x90\x8b%\xd6\xa2T#\xff\xecUK\x99\x0c\xa82m\xb3\xd3\x02V\xb9\x92\x92H&amp;#\x11\xa9\xc9\xfb\x84\x1aJ\xe69\xd8\xee\xd7j\xfd\xe7\x17\x07C\xa6\xa6\xa3\xf8&gt;\x82\xaci`!\x8f"\xd8\xc5\x86e\xb5\x06\x85\xa0\x1b\x9bGe\xbe\xd0\x91\x89\x83\xc1\x08\x9e)\xc6\xd8S\x97*\x16\x8a\x85B\xfe\x0f\xfd\xc4\x92\xec\xb9T\x8e\xea4(V\xe0\xbb\xba\xe9T\xd1$\xb6^$9~H\xe4\xce\xec\x07\xb6\xee\xe8C0\x0f&amp;\x9f\xe3\xec\x00\x00\x04\x0cIDAT\x90NJ^k\xc3\xca\xb4\x1a\xed\x9ec\xa8\xaa\x8b\x85\x12\x04WX\xb8\xfa\xf8q\xbe9\x90\xa6\x1a\x0cZ\x83\xe3\x1d\xfe}\xdf\x9d\xd0\x93S\xefS\xa7\xb1)\xf9t\xe5\n\x89\xf5\xf1j\x03T\x8b3\xe8\xae\x7f\xdd\xd3\xf1\xb0\x9d\x96eY\xc5\xa6i\xea\x038\x9f\xfdtBz\xbc\xdb\xe6\x7f\xf7\x17[\xd5\x19\x00s&lt;\xb08\x90\xf2\xd5v\xb3\xe3\xa8\x9a\xaa\x10\xeb!\xca\x0fS\x07d\xe9y&amp;\xf2\xf0\xe5\xc6F\xa9\xe9\x9c\xb9\xf6j\xf5\x8c\xce\x8f\xd9\xa3{\xb2\x94\x8e\xe2U\x98`\x8d\xf9\x87L1\\\xf0\xed\x87\x9c\xd9\xa0Z\\]\x9c\x01\x95\xe2\xf3\xf9\x94f\xcb\xebm\xe8\xa6i\xb63\xc0\xfa\xfb\xc4\xebn\x8a\xdb\xfd\x89\xfb\xaam\xeb6\xc0l\xd3\xb3Q@\xe6 \x93\x02 UA\xa8J\xee\xf1\n\xb0\xc2\xe1p\x9a\x11\x8e\xc7\xbb\x17\xb4\x84\xaf\xd7\x12\xae\xc6\xc2\xc2\x82s\xfcy\xf9\xe86\xbb\xea\xf8\xe4\xdc\xd8\xd0V\xb1\x980\xe1\x82\xb4\x92\x0b:-\xae\xae\xcd&lt;\xfb\xafP\xf9\x14\xb5\xd7\xa8\xf6@e6\x8b\xe8\x10\x7ff\xf6\x84l8\xb1\x91E\xcd&amp;\x99i{\xe0\xa6\x0e\x14V|\xcb\xcb\x8ap\xa9J\xe2\xb1\x0c\x9dp\x18W\xd0\x0b\x82\xf5\x0bV`\xa0\xa8\xcd&lt;\\\x9fi\x03k\xc1\xa8\x9f\x9e\x8f\x1e\xdd\xbew{T\x86\x0ez\x03\xa8\xdc\x7f\xdb\x12*p\x85\x80\xb5\xb6\x08\xaa\xba*Z)\xaa\xa6\xe9u&gt;\xa9)\xa5\xf8dB\xac\x15\x19\xc6\xeel\xcaVU\xdd\xb6\xa9\x99\xa7\xa3\xfb$\x96\x81E\xc1@\xf6\x9b\x95\xf0\n\x91\x84,\xcd\x9b\xc3R\xc1:s\xc8\x15\xdc\xa8v\x16\x84\x0b\x99&lt;\x87\xc5~6\xfd\xae\x0cC@1\x84\x8b\'\xfbc\xfb\xba\xb9\xba\xba\xb66\xf3\xef:\x0fZ\xa04\xd5L\x00\xca4\xebg\xe8\xf7\xdb\x13,\xc1\xd9\x08;}\x84_F&gt;\xc0\xd3\xdb\x0c\xdd\xe3\xbb\xa6\x12\xb9\xf8\x10\x1f\x01\'L\xad\xd2\xf3np\x89(\xe4{\xf8q\xb3\xd5\xea-\x0c\xc3\xd0\xf7\xbe-\xff\rr\xdde\x7f\x8f\x01\x81\xffx\x07\xac\xa7\x18G\xd8UC\xabk\xab\xab\x7f\xda\xd3]*M34\xc5L$\x12\xa0J\xd8U\x0c\xa1r\xe5Z*pq&gt;&gt;\xb6An\x83\xfb\nkyY&gt;\x85+\xf1\x10X\xd1x4\xee\x9a\xeb\n\xab\xd4\xf4)&gt;\xb3\xd3\xa3PC.\xc39&gt;/\xbf3\x8e\x1e\xe1w\xb5\x82Z\xfe\xa7O\xb7A\xc5\xb7o\x00\xfa\xacn+bX\xcdp\xa9r\tAc)n\xbd \x96t\t\x8a\x85\x8f\x94\xc8eR\xad\xdck\xb9\x14\xa6Qr\x18\x86\xcf\x19\xd1\xb0\xb8\x0bX\x99L\xa9\x8d\xdfJ\xf8l\x03T\xc6\x95`Z\xfdt\'\xfb\xee\x1cs\x18\xa3\xb7\x08\xb5\x9d\x05\x15\xb0bk\xcfD*E\xa424\xf2\xe4\x12.\x96\x94b\x8d*Q(*E\xd1f\x1f\x9b\x8a\x02*X\x1e\xcf\x95\xa3T\xcb\xae\xbb\x10\x0f%\x85\xd0K"\x8cF\xb1\xf2\xc3\xcbR\xa9\xd4\xce\xe5p\x0c\x8amk\xc6u\x1e\rM\xab\x1f\x7f\x1fc\x12c;19\xdf3;\xfd\xc5\xf8\xf4\xf8\xf4\xdc*\xa0\xe40UJ\xb5 T\x12\xccb\xb3hY(E\xf1\x95k-\\\xc7#\xa9\xfb*\xb9t`)\xffg\xaeeuY1W\\,\x08\xb6;\x8be\x90\x84\xc4\xca7_\xbdz\x05.&gt;\xf05\x98A2\xa7~\xfc\xe3\x1a\x85"T6[\xfe\x02\\;\xe8\n\xaa\x84F*\xc36\x138*\x88\x95\xe0\x93%:x\x9d\xfe\xe8I\x17\xabf\\V\x1b,\xc3\x1c\xda\x91S\xf4\x05\xa7\xde\xa9{x@\xd7T\x1a\xc0&gt;\x88\x86\x91&lt;V"3)\\\x82Ul\xe6\xc8\x95\xf3\xf1\xd1\x15M\x0cf\xb8\xc1\xc2\xdf{\xf6\xfd\x0e\xa1\xa6A5\xb9s\xda\xc1\x9d\xf0\xaf\xc6\xfa\xd34@%\xde~;\'r\xc3\x08f\xa2~\x06\xac\xe7\x15R\xc1\xc5\xe1\xa8\x1b\xc9d\xbfTjU\x1b\x8d\x81\x87}\xfd\x1a\x8by\xfc-a\x90\xbc\xb0pqw\x8e\xa7\xe0-X\x9eX\x00\xe3%a27\x12\x861\xbc\xad\xef\x9d~N_e\t%\xf7\xe27\x160;\xe8\xf4\x9cP\xc1[&gt;\x93dv\xc3\n.\x95\xbbp\xaf@\t\x17\xd7\x89\xca\t\xa6%\xf6\x95\xff\x01\x9b\x9c\xa63o-/\xd0\x00\x00\x00\x00IEND\xaeB`\x82'</t>
        </is>
      </c>
      <c r="M556" s="3" t="n">
        <v>45492.67810185185</v>
      </c>
    </row>
    <row r="557">
      <c r="A557" t="n">
        <v>1587711</v>
      </c>
      <c r="B557" t="n">
        <v>5926</v>
      </c>
      <c r="C557" t="inlineStr">
        <is>
          <t>Ronald</t>
        </is>
      </c>
      <c r="D557" t="inlineStr">
        <is>
          <t>Ronald</t>
        </is>
      </c>
      <c r="E557" t="inlineStr">
        <is>
          <t>MC</t>
        </is>
      </c>
      <c r="F557" t="inlineStr">
        <is>
          <t>MC</t>
        </is>
      </c>
      <c r="G557" t="inlineStr">
        <is>
          <t>MC</t>
        </is>
      </c>
      <c r="H557" t="n">
        <v>186</v>
      </c>
      <c r="I557" t="n">
        <v>35</v>
      </c>
      <c r="J557" s="2" t="n">
        <v>37662</v>
      </c>
      <c r="K557" t="inlineStr">
        <is>
          <t>Right</t>
        </is>
      </c>
      <c r="L55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2\xdf\xda\xd7\xf6\xc8\xf8\x07\xfb\x14|/\xb8\xf8\xaf\xf1\xf3\xc6\xb0\xe9v\x10\xa9\x16\xf6\xe3\xe6\x9e\xed\xff\x00\xb9\x1auc\xfc\xa96\xa3\xb8\xd2r\xd8\xf4\xeb\x9b\xabk+v\xba\xbc\xb8\x8e\x18\xa3]\xd2I#\x05U\x1e\xa4\x9e\x95\xfc\xd9\xff\x00\xc1R?\xe0\xe1\xef\xda#\xf6\xe2\xb5\xd4~\x0e~\xce:U\xd7\x82|\x05&amp;\xe8\xee\xa7Y\xb1y~\x80\xf5y\x17\xee)\xfe\xe8\xfck)b)G\xa9\xachT\x97C\xf6\xab\xf6\xa0\xff\x00\x82\xce\x7f\xc1&lt;\xbfd\xbb\xa94\x9f\x89\x7f\x1eln\xb5(\xf2\x1fM\xd0T\xdeL\xa4v;8\x07\xeak\xf9\x1c\xf1cx\x98\\\xcbw\xad\xdc\xdd\xcf$\xbf3M31\xdf\xf8\x9e\xb5\x1fX\xe6\xd8\xd1a\xfb\x9f\xbd\x7f\xb5\x17\xfc\x1d\xd1\xf0\xcfE\xd2\xa7\xb0\xfd\x96&gt;\x07^j\x17\xc2LC\xa8x\xaaa\x0c%s\xd7\xcbB[\xf3"\xbf\x9f+\xadOP\x10\xef\xfb\x066\xff\x00\xcfE\xe7\xeb\xf5\xa3\xdaT\xee_\xb0\x84ug\xee\x0f\xc2\xaf\xf8&lt;\'\xe2D:\x89\xff\x00\x85\xb9\xfb4\xe8\x97\x96||\xda.\xa5$R/\xfd\xf6\x085\xf8[%\xf6\xa2\xdf\xbc\nwg\x80\x16\x92\x95N\xe2\xf6t\xfb\x1f\xd4\xd7\xec\xc9\xff\x00\x07&lt;\xfe\xc0?\x1c\xaf\xe0\xd0~ .\xb1\xe0{\xe9\x88\n\xfa\xa4"[|\x9fY\x10\xf0&gt;\xa2\xbf\x97\xbd3\\\xbd\xb9x\xc3\xc7\xe5\xc8\xa7p1\xe5\x7f\x95\x0e\xb4\xa3\xbd\x89\xf61\x96\xd7?\xb8\x1f\x85\xbf\x18\xfe\x16\xfcl\xf0\xda\xf8\xbb\xe17\x8ft\xbf\x10i\xaeq\xf6\xad.\xedeP}\x0e\x0f\x07\xeb_\xc7\xa7\xec\xe9\xfbv~\xd5\xff\x00\xb2.\xaa\xba\xe7\xc0_\x8b:\xde\x85\xbbk\xc9\x1d\x9d\xe3yr7\xfbq\x9c\xab~TG\x15\x07\xb8}V\xa6\xe8\xfe\xcc+\xf2S\xfe\x08\xeb\xff\x00\x07\x1ax\x7f\xf6\x95\xbc\xd3\xfe\x02~\xd8\xd7vzO\x8b.dK}\'\xc4\x91\xaf\x97o\xa89\xe8\xb2\x8e\x91\xb9=\xfa\x1fj\xda5i\xc9\xd93\x19R\xa9\x1d\xd1\xfa\xd7H\x8e\x92 \x926\x0c\xac2\xac\xbd\xc5hf-\x14\x00Q@\x05\x14\x00Q@\x05\x14\x00Q@\x05\x14\x00Q@\x05\x14\x00\xd9\x1dcF\x91\xce\x15W,}+\x07\xe2\xce\xaa\xfa\x17\xc2\xdf\x12kQ\xc9\xb5\xad4\x1b\xc9\x95\xbd\n\xc2\xe7?\xa5\x00\x7f4\xdf\xf0[\x7f\xdb\x1b\xc5_\xb7\x07\xed\xd3\xacx4k\xf2\x0f\x0b\xf8^\xfeM7F\xb5I?v\x91\xc4\xc4&lt;\x9e\xec\xc4\x13\x9f\xa5x\x7f\x80&lt;\x19\x7f\xf1\x0b\xe3\xd5\xf7\x88u-\xb3y\xda\xb4\x92;H&gt;\xf6d,\x7f:\xf1\xf1\x15\x9c\xdb\xbe\xc7\xb7\x85\xc2\xc6I(\xeeu\xbf\x0f\x7ff\xdbK\xed&amp;\xd6{+Xt\xf5u\x0c$\x9a\x1f1\xdb\xd0\xe0\xf0+\xe9/\txy\xaeg@-6\xaa\xfc\xaa\x02\xf0\x00\xaf\x16\xae2Q\x95\x91\xf4\xf8|\xaa\x8c\xa9\xfb\xe8\xf1\x8f\x12~\xc5\x96&gt;5\xb7[k\x99&gt;\xd6\xaa\xca\xcb\xb20\xa4\x91\xf4\xaf\xb2\xfe\x1b|5\xbd\xbb"\xed\xedr\x19\xba\xa8\xe9X\xfd~p\xd9\x1d\x91\xc9p\xc7\xc0\x7f\x17\xbf\xe0\x9d:\xf4\xf05\xd6\x91\xa6~\xee(W\xe5E\xe78\xc7\x18\xaf\xd4\xa4\xf0\x02\xf9\n\xb2\xda.\x17\x9eW\x81\\\xf53lDex\xa3e\x91\xe1\'\xb9\xf8\x9bo\xfb\x0b\xfcI\xd3\xef\xeeD\xbe\x1a\xb8\xb8\x8dX\x0bwH\x8f\xcd\xeazv\xfe\x95\xfb\\~\x1f\xd9&lt;f+m:\x15U\x19\xccq\x00)&lt;\xeb\x11\xd1\x02\xe1\xdc$uL\xfcw\xb2\xfd\x80\xfe&amp;\xf9\xa2Y&lt;:\xd1\xc6v\x9c\xb4X\xea=k\xf5\xbeo\x85w\xb7\xd7\x0c\x8d\n\x98X}\xdd\xbf\xad(\xe7\x18\xa9\x1a\x7f\xab\xd8(\xab\xa6~ZE\xfb\x0c\xea\xd6V\x19\xbc\x1bY\xb2\xac\xac:q\xd6\xbfA\xbc}\xf0\x99,\xa6\x911\xf7[\xb8\xaa\xfe\xd0\xac\xfa\x99\xbc\x9f\x0b\xb5\x8f\xc8\xff\x00\x15\xfc=\xf1W\xc1\xbf\x18\x14\x89\x9a\x19\xac\xee\x83E6J\x95#\x95`k\xec\x0f\xdb[\xe0\xb2\xdfxy\xb5\xd8,\xf14\x7f+\x15_\xbc;\x1a\xf50\xd8\xcfi\x1b7\xa9\xe0c\xb2\xff\x00e\xaa\xd8\xfd\xb4\xff\x00\x82\r\xfe\xdbZ\xef\xed\xa5\xfb\x0ciz\x9f\x8e/~\xd1\xe2O\t\\\x7fcj\xd3\xb1\xf9\xa6\x08\xa3\xcb\x90\xfb\x94\xea{\xe2\xbe\x1b\xff\x00\x83J\xbcq\xab\xe9\xde5\xf8\xaf\xf0\xa2\xeeI&gt;\xcd%\x8d\x9e\xa1\x0cl\xdf*\xb8fBq\xeb\x8cW\xd1a+:\xb4\xf5\xe8|\xb6.\x8a\xa5+\xad\x8f\xdb\xaa+\xa8\xe3\n(\x00\xa2\x80\n(\x00\xa2\x80\n(\x00\xa2\x80\n(\x00\xa2\x808\x1f\xda\xaa\xf9\xb4\xdf\xd9\xa3\xc7\xd7\xc9\xd6/\x08j\r\xff\x00\x92\xefU\xbfl\x04\x96O\xd9S\xe22@&gt;s\xe0\xbdKo\xd7\xec\xefJ_\tQ\xf8\x91\xfc\xdd|\x01\xf0\x95\xb3x\xae;\xd8"b%&amp;@\xc0w5\xe8\x7f\xb3E\x8d\x94^\x1e\x8fQu\x06Vb\x1c\xed\xeb\xed_1\x8e\xc4F\x11j\'\xd9\xe5\x98~kM\xbd\x0fi\xf0V\x87\x00*\xcd\x17\xcd\xc1&lt;V~\x89\xe3\xcd6\xdbR\x9a\t\x9f\xcbH\xe4Ti\x1d\x80W$g\x8fZ\xf0\xe5\n\x92\xd5\x1fOM\xf2\xab#\xe8/\x87\xda\xce\x93\xa0X,s[)\xdd\xfe\xd5fx\x06\xc6\xcfX\xd3\xe2\x98M\x1bo_\x97\xf7\x83\xa5J\x85dm\xcd\x17\xd4\xeeO\x8c\xb4\xbb\x91\xb9\x11wt\xdb\xfeEC\x1f\xc3)\'U\x96\'\xc7\xfb\xad\xd6\xb0\xa9N\xb1\xb4\x1cP\xdb\x8dgO\xb4_&gt;R\xaa\x8c1\xb5G5%\xb7\xc2\xbb\xfb\xd9w]\xcb\xb9\x17\xa2\xfaV\n\x9dcnx\xae\xa5V\xf1\xa5\x82Z\xe68\xf8\xdb\x81\xb8U\xadO\xc0\x1av\x95j\xcd%\xec\x11\x94_\xba\xf3(\xc7\xebV\xa8\xd5\xea\x8c\xe5*r{\x9cG\x89\xe4\xd3\xf5\x91#\xdcB\xab\xf2\xe5[\xd6\xb9\xef\x8b\x1a\xfe\x8d\xe1\x88\xa4\x13kv\xfbB\xf3\xe5J\x1c\x8c\xfa\x81\xc8\xaa\xf65L\xe7(\xc7fyw\xc7\x1f\x01\x1f\x13\xf8^\xea\xc2(\x95\x99\xa3a\xf7z\n\xd5\xb6\xf1dz\xb2m\x82Q&amp;\xe5\xcf\xd2\xae\x8c\xa7F\xa2l\xe7\xab\x08V\xa4\xd1\xdc\x7f\xc1\xb6\xbe\x0fO\x06\xfe\xd7\x9f\x10-R\x13\x18\x9b\xc2Q\xfd\t\x13\xf3]\xbf\xfc\x10\xfbH]3\xf6\xee\xf1\x88\xb4\xdc\xb17\x83wH\xbd\x83\x19\x81\xaf\xb2\xca*\xfbH\xb3\xe0s\xaa&gt;\xc6I\x1f\xae4W\xb4|\xf8Q@\x05\x14\x00Q@\x05\x14\x00Q@\x05\x14\x00Q@\x05\x14\x01\xcb\xfcl\xd0\x7f\xe1)\xf89\xe2\xaf\r\xe3\xfe?\xbc;y\x00\xfa\xb4.+\xf3\x7f\xf6\xd4\xfd\xa8?i\xc8?l\x9dkH\xf8\x7f\xf1\x9e\xfbE\xd2\xb4\x9b\xbf\xec\xfb]"&lt;5\xac\xa9\xe5\x8d\xfeb\x1e\x1b%\xba\xf5\x15\xc5[\x1dF\x8c\x9cd{\xb8|\x83\x1d\x88\xc2\xc7\x11\x1bY\xec|\x0b\xf0\x1e\x0b\x98|3y\xa2\x84Q=\x95\xf4\xd6\xff\x00\xee\xb2\x9c\x1f\xd6\xbbO\x82~\x14\x96\xc7\xc4\xfa\xc47\xb8f\x93\xc47M!U\xc6\xef\xde\x9a\xf9\xacEZu*{\xbb\x1fK\x81\xa3R\x9d\x1eG\xba\x1d\xe1\xef\x80~\x15\xb93x\x83\xe27\xc4\x0b\xe8~m\xec\xf1\x90\xa9\x11\xec\xa1[\xadz_\xc4\xdf\x836\x1f\x12\xb4/\xec\x16\xd4n,a\x95~y-X+\x9f\xc6\xb4\x8c\xbd\xdb\x1br\xf7G\xcf\xdf\x14\x87\xc2-\x16\xf1t\xcf\x0c\xfe\xd5w\xda|\xccN\xcbW\xb6g,\xff\x00T \xfe\x95\xdb|R\xfd\x96&lt;/\xa1\xf8\x7fG\xbdK\xdd&amp;5\xd0J&lt;;a+$\xc5\x03a\x9c\xf3\x97\xc30\xdd\xef[\xc3\xd8\xb8\xeb7\x7fC\x86\xaf\xf6\x877\xee\xe9\xa6\xbdN\xa3\xf66\xf8\xf5q\xa2\xeb\xcb\xe1\x8b\xdf\x8a\xb2\xeb\xdb6\xa4\xcdr\xac\x19}\xc8~\x95\xe4\x1f\r\xee|I\xaa\xf8\xc7T\xf1\x12iv\xf6\xe6\xee\xf9[\xce\x82\xdf`T^6\x82z\x8e+\x83\x13O\x95]3\xd6\xc0G\x136\xb9\x95\x8f\xd1?\x88~+\x10x\x02\xfe\xea\xc2\xf68exq\x0c\x8a\xdfw#\xad|\xff\x00\xe2\xbf\x15\xea\xba\xe7\x82\x1bK\x87UO1b\\\x05o\xbd\xc7J\xf2\xbfy\x19n{\xdfU\x9b\x8d\xcf\x01\xf8\xcd\xe2+\x1dgW\xba\xd55\xcf\x1cx\xb1\xac\xf4\xf1\x9dDh\xb6\xc5\xb0\xa3\'\x96c\x81\xc0\'\xf0\xae\x83E\x8bW\x9b\xc5z\xaf\x87&lt;B\'\xb7\xd2\xfcAl\x91^\x0f\xb3\xab!\xdb\xdcq\xd7\xaf\xe1^\xbe\x19R\xe4\xbc\x9b\xfc\x0f\x9f\xc7a\xf1\xb2V\xa6\x95\xfc\xeeI\xf0{\xc7?\xb2N\xa3\xa5\xda\xcdt|Is%\xe4q\xacR\xeb\x97\x0e\xbefT\x15+\xc0\x07*A\x18\xcf\x06\xbdkJ\xfd\x98\xbe\x10j^\x07\xb0\xf0\xad\xf5\xcc\xba\x85\xae\x9f\'\x9fmm"\x05X\xdf\x00n\xe0g \x00\x07\xa0\x03\x15\xa5oc\xcbzm\xfc\xcc\xb0\xd4q\xd0\x8f\xef\x92\xf9\\\xe7u/\x87^\x17\xd0\xf5U\xf1\'\x85md\xb7\xb5\x96&lt;7\xef\x0b,\x9e\xff\x00Z\xf4\xcdK\xc3:F\x99\xe1\x0f\xec[h\x8f\x97\x14{a\xdd\xc9\x18\xaf6\xa3oc\xd1\xa6\xa5)-\x0e\xe3\xfe\x08\xd6\x9e\x17\xf0g\xed\x07\xf1G\xe2\xe7\x8c\xfcEi\xa5\xe9\xban\x83im%\xdd\xfc\xeb\x1ci\xb9\xcbu\'\xda\xbei\xd1&lt;%\xa7\xdf\x1f\x12A\xa9\xcb4\x91\x99-\xe5{D\x90\xec\x90\xaeF\xe6P~l\x0fZ\xf4\xb0\x19\x8c0t\xda\x94u~g\x97\x8d\xc8e\x99bW\xbfe\xe9v~\xeax[\xc5~\x1b\xf1\xb6\x85o\xe2\x7f\x08\xebV\xfa\x8e\x9ft\xbb\xad\xef-d\r\x1c\x83\xd4\x11_=\xff\x00\xc1&amp;#\x8a/\xd8\x97\xc3\x89op\xf2F//|\xb6|\xfd\xdf\xb4&gt;\x00\xf6\xaf\xa8\xc2\xd7\xfa\xc5\x15R\xd6\xb9\xf19\xa6\x07\xfb?\x19*\x17\xbd\xba\x9fJQ]\x07\x9e\x14P\x01E\x00\x14P\x01E\x00\x14P\x01E\x00\x14P\x07\xe4\x8f\xfc\x14\'\xe1V\xb5\xf0\xe3\xf6\xae\xf1F\xa3\xad\xeb+\x1cZ\xdc\xcb\xa8h\x12\xdc}\xd2\xf2\x00\x18{\xe0\xad}\x93\xff\x00\x05I\xfd\x95t\x9f\x8f_\x08\xa2\xf1\xa4:3]j\x9e\x1b\xdc\xe3\xc9\xc8\x91\xad\xdb\xef\xed#\xb8\xeb^.a\x81\xf6\x8d\xd5\x8d\xfd\x0f\xb4\xc8\xf3\xa8{\x15\x84\xaf\xd3\xe1}&gt;g\xe5\x97\x80^O\x0fx\xf7Y\xd0ui\x17\xedK\xaa;\xb3\x0f\xe2\xf3\x00p\x7f&amp;\x15\x93\xe2[\x1b\x9f\x08|y[@\xb2\xc7\x1d\xc6\x93nw\xcd&amp;^F\x8cy{\x89\xf5\xc0\x19\xaf\x0eQ\xe6\xa7{Z\xc7\xb5N\xaf\xb2\xc45\xd1\x9fGxsH\xd3\xf5\xdd:9\xaf]\x97\xcb\x07\n;\xd5\x1f\x00\xeb\x12\xa5\xbe\xf2w+/\xa7J\xc65-\xd4\xf4i\xba39O\x88\xfe\x07O\x10]5\x9bG"\xd8\xaf\xde\x1b~f\xc7j\xf5=sI\xd3\xae\xb4)/%\x9dQ\x9a&gt;\xb4{yw:\xe3\x1ar\x8d\x92&gt;i\xf1f\x9di\xe1\x8f\'M\xd2-6=\xc7\x10\xc4\x8b\xf7Tw5\'\xc4\x0b\xaf\x12x{]\x90\xf8z\xd2\x1b\x8b\xc6`,n/7\x18\x97\x9e\x84\x81\x91K\x9a\xe7Dh\xca1\xd1\x1d\x14^\x1c\xf1?\xfc"\x10K\xf6\x19\x15\xe3\xf9\x94\xacg$W}y\xf17\xe2}\xa7\xc3\t\x05\xaf\x85\xed\xe3\xd4\x1bM\xf2\xe3\xb9\x991\t}\xbdI\x03 {\xe38\xac\xaaJ=\xcd\xa9\xca\xa3\xf7m\xf8\x9c\xa7\x85,4\xddz\xc9\x06\xafl\xac\x0c\x81d\x07\x86\x8d\xfdEG\xf0\xad\xb5}oR\xb7\xba\xd6\xad\xa3\x84\x85Sx\xd0\x82#i{\xed\xcfQ\\\xea\\\xa6\xd5)Kv\x8fe\xf8y\xe1[X\x15b\x99\x9aE\xdb\x86}\xbd\xabv\xdek}7NQ\x01\xda\xa5~\xf7\\\xd6\xd1\xad\x1e\xa7\x0c\x94Q\xcc\xfcQ\x82\xc3O\xd2\xe6\x16\x92|\xaa&gt;\xf5q?\x1c\xfcVlt\xdb\x88a\x91\xb3"\xb2\xaa\xe7\xd0u\xa9\xe6\xe7\x928\xaaT\x85?x\xf2\xa1\xe3Ko\x0f\xeb\x7f\xf0\x91i\x96\x17\x17\xf7\xd7:\xa0\xb1\xb6\xd3a\xff\x00\x96\x80/\xce\xe4z\x0c\x8a\xfa{\xfe\t\xd1\xfb\x19|A\xf8\x95\xa4\xe8&gt;8\xf1\x0f\x83\xbc\xbd\x1e\xe3Rk\xe95+\xd8\x97\xe7\x8b~v\xa1\xeas\xb7\xb5w\xd0\xcb\xeabj+\xc1\xdb\xb9\xe6\x7fmapq\x9dIM9t]O\xd0/\xd8\xcb\xe1\xb2\xfc(\xfd\x9a|)\xe0\xf3c\xf6i\x17N\x13\xcdo\xff\x00&lt;\xdeRd+\xf8n\xafN\x82\x18\xed\xa0KxWj\xc6\xa1UG`+\xec\xa8\xd1\x8d\nj\x11\xe8~q\x8c\xc5T\xc6b%Z{\xb1\xd4V\xa70Q@\x05\x14\x00Q@\x05\x14\x00Q@\x05\x14\x00Q@\r\x928\xe6\x8d\xa2\x9a5ea\x86V\x19\x04zS\xa8\x03\xf3\xc7\xfe\x0bQ\xfb;x\x13\xc3\x1e\x1a\xf0\x7f\xc7/\x08xJ\xc7O\xba\xb5\xd6\x9a\xc7S\xb8\xb5\x80\'\x98\x93.Wv=\x1c~\xb5\xf5\'\xfc\x14\'\xe1\x1c\xdf\x1a?d\x9f\x17xV\xc6\xdcI{oc\xf6\xfb\x01\xb3q\xf3`&gt;`\xc7\xbe\x01\xae\x1cv\x1a5\xa8\xb4\x96\xa7\xa5\x97\xe3\'\x87\xae\x9bz\x1f\x97\xbe\r\xd6\x96\xca\xc2;\x87#\xef\x81\x8d\xd5\xc7xg_\xb0\xd54h\xe4\xb6\xbb\xdb\'\xcad\x8f\xba\x90y\x1f\x9d||\xe0\xe3u\xd8\xfb\xaaX\xaaq\x8aw\xdc\xf5]J\xfbT\xf1$\xab\xe1\xfd,\xee\xf3\x17w\\\x05_\xad`\xd8\xeb\xb6\x17\xcc\xda\\3\xedy\xad\xca\xb4\xb1\xc9\xb5\x93\xda\xb9\xf9_S\xbe\x9e#\x9aV\x83H5-3\xc0\xde\x11\xbaY&lt;m\xe2\xbb$\x93nV\xdf\xce\x04\x9foz\xf3=G\xf6h\xd1b\xf1\x1c\x9a\xee\xbb5\xfd\xf4n\xecU\xdaB\xe5T\xf6\xe4\xd7\xa1\x87\xa7\x85\x94u\x96\xa7\xa9\x87\xe6\x9c\xadRg\xb3/\xc7\x8f\x85W\xf7\r\xa7K\xe2KU\xb1h\x04q\xa8V\xca\xb6:\x91\x8a\xf1=?\xe1\xb7\xc2\x07\xd7\x9e\xc0iW\x0b&lt;\x91\x81\xfc_.=y\xf4\xad%\x86\xc2Gy\x1e\x9f\xb1\xc2\xc67\x8c\x97\xde{w\x86\xb4\x0f\x0c\xebo%\xc7\x85\xbc]gy\xb7\xf8c\x98|\xb9\xae\x0f\xc0?\xb3\x9f\x85\xb4\x7f\x16C\xe2\x8b9/m\xedc\xf9\x9dV\xe0\xa0\x91\xbb\x02\x01\xe4W\x1dh\xe1-\xee\xc8\xe0\xc4\xd4\xa9\x08\xfb\x93=XkW\xdau\xa4\xba}\xf3a\xa08V\xf5\xf4\xaeo\xc6~;\xd1\xe2\x8akxn\x94y1\xa8\xf3\x1b\xd3\xdc\xd7\x95\xec\xe4\xe5\xee\xa3\xcc\x96*\xd1\xf7\x9e\xa7\x1b\xf1nk\xadb\xdfxVs#\xacj\xa0wc\x8cWA\xfb0h3\xfe\xd1\xdf\xb4\xff\x00\x85~\x16i6\xe5\xec\xdbRK\xadQ\x81\xca\x8bx\x08w\'\xeb\xc0\xfck\xd7\xc0\xe0\xeaV\xad\x15c\xc3\xcc3\nt\xe8\xc9\xdc\xfdt\xfd\x9d\xfc\x1b\x07\xc3\xef\x81^\x11\xf0e\xbc\x025\xd3\xfc?k\x19E\x1d\x1b\xcb\x04\xfe\xa4\xd7a\x14I\x04K\x0cK\x85E\n\xa3\xd0\n\xfb\xa8\xc7\x96)#\xf3\xd9\xc9\xceNO\xa8\xea*\x89\n(\x00\xa2\x80\n(\x00\xa2\x80\n(\x00\xa2\x80\n(\x00\xa2\x80\n(\x02;\x9bxn\xed\xa4\xb4\xb8@\xd1\xcb\x19I\x14\xf7R0EI@\x1f\xcfG\xed#k\xa8|\x18\xf8\xf5\xe3/\x0c]\xc0\xd1\xe9p\xf8\x9a\xea;9\xd0\xe1b_4\x9d\xbf\xfe\xba\xf7\xbf\xdb_\xe1\xce\x8f\xe2\x1f\xda\x8f\xe2G\x83\xf5+ue\xfe\xdf\x92_\x99{8\r\xfdM|\xce*Q\xa7\x89\x92\x9a&gt;\xbb\x07FU\xb0\xb1\x9c\x1e\xc7\xcc\x1a/\xc6\x8b\xbb=Z\xdc\xdb\x15\xc0\x94+H\x1b\xf8OC\xef\\\xa7\xc4\xdf\xd9\x8f\xe2\x1f\x835v\xd5\xfc\x17\x0b\xddZ\xe4\xbc6\xbc\xf3\xe9\x83\xdb\xf1\xa240\xb5c\xad\x87\xed\xb1Tgs\xec/\x85_\x18t\xfdWL[-J;Y\xa6P\x15\x99\xb00=k\xe2\xbf\x07\xfcd\xf8\xa1\xe0\x0b\xcd\x9a\xaf\x86\xb5ky\x11\x81e\x92\xc5\x9b\x03\x00\x1eq\x8f\xd6\xb9\xaae\xb4\x9a\xd0\xf50\xf9\xc4\xa3\xf1\xa3\xef\xa8\xf4-\n\xebPmx\x0bX\xdbq\xda\x8b\x18\xe4W\xc7#\xf6\xd7\xf15\xbd\xfe?\xe1\x1c\xd5\x1a\x16_\xf5\xabnv\x83\xec\x05rK-\x9e\xdd=OG\xfbr\x8fo\xc0\xfa\xa3\xe3\'\xc5\xab\x1f\x0e\xe8ie)\xb7\x84.H\x926\xc18\xaf\x89\xfcs\xf1\x87\xe2\x97\xc6]A\xad\xfc\'\xe1]Jh[\xe5\xf3\xee\xed\xda4_rO\xf4\xcdU,\xae\x94u\x9e\x9f3\x8f\x11\x9cs|\x07[\xf1\x07\xe3\x95\xac\xd7\xf26\x97\x7f$\xcdy0[{Uc\x92\xdd:\x0e\xb5\xd0~\xcd\xff\x00\xb2m\xd7\x86\x18|F\xf8\x80\xcdy\xa9\x16\x06\x05\x91\x7fun=\x97\xd6\xb6\x9b\xc1\xd1Zj\xcf&gt;\x9f\xd7qR\xec}\xef\xff\x00\x04\x08\xf8\t{g\x7f\xe3?\x8f\xde2\xb4+\xa9\xcc\xb1i\xf60\x9e\x96\xd1\xb0\x0e\xe3\xfd\xe26g\xf2\xaf\xa4\xbf\xe0\x93\x9e\x1f\x87J\xfd\x99$\xd5\xd2 \xaf\xa9k\xd72\xb3c\xae\x08A\xfc\xab\xde\xcac\xcd\x87\xe7j\xcd\x9f=\x9b\xbe\\G\xb3N\xf6&gt;\x9e\xa2\xbdC\xc8\n(\x00\xa2\x80\n(\x00\xa2\x80\n(\x00\xa2\x80\n(\x00\xa2\x80\n\xe7~(\xfc[\xf8e\xf0K\xc1\xb7_\x10\xbe.x\xefK\xf0\xee\x8bb\x9b\xae\xb5-Z\xf1a\x89\x07\xd5\x8f\'\xd8rh\x03\xa2\xaf\xcf\x84\xff\x00\x83\x87\xbfe\x0f\x8b\xdf\xb4v\x97\xfb-~\xc7\xfaV\xa1\xf1\x03\\\xd4$\x7f\xb4k\xd1\xc6m\xf4\xdb8\x90\x12\xf2oo\x9a@1\xfc#\x92kjxz\xb5%h\xa39V\xa7\r\xd9\xf7\xf6\xaf\xaci&gt;\x1f\xd3\'\xd6\xb5\xddJ\x0b;;X\xdaK\x8b\xab\xa9BG\x1a\x01\x92\xcc\xc7\x80\x00\xaf\xc5\x8f\xf8-o\xed)\xf1\xf7\xe2\x17\x8e\xf4_\x82\x1a\xaf\x8co,\xfc9ui\x14\xd7\xdan\x9b+C\x15\xdf\x9b#)W\xdar\xea\x02\xe3\x07\x8ek\xda|;\x8c\xa7\x94U\xcc\xaa4\xa9\xc3Gm]\xfd?S\xc4\x97\x10a\x7f\xb7(\xe50M\xd5\xabv\xaf\xa2In\xdb\xfd\x0e\x8b\xf6\x8d\xf8\xad\xf0\xff\x00\xe2\xf7\xed\x8d\xe3\x0f\x1d\xfc0\xd6\xe1\xd5\xb4K\xeb\xc8\xd6\rB\xd4\xe69\xca\xa0Ve=\xc6A\xe7\xbdx\xcf\xec\xeb\xe1\xf3\xa4iV\xe9m\n\xa0\x8eM\xaa\xb8\xc0P1\xc6&gt;\x95\xf9\x8e:\xa4qU\xb9\xd5\xd2?\\\xcbh\xcb\r\x85T\xe4\xd3\xfb\xcfq\xd4&lt;\x1e\xd7\xb6\xb0\xce VW\xc1]\xcb\xf2\xfd&gt;\xb5\xe8\x1e\r\xd3\xa1\xd6\xb4u\x84\xa8o\x94|\xb5\xcb\x1ar\xeau\xbdw0\xbc!\xe0\xcd\x06\x19V\x1dOE\xb7hXfM\xd1\x0f\x9b\xfc\x8a\xed\xb4\x9d\t65\xac\x83\x1bN6\x9f\xe1\xaa\xf6&amp;R\x8cT\xb6+\xde\xfc2\xf8w\xa7*\xdd\xdah\x1az\xee\xe5G\xd8\xd0\xf1\xe9\xd3\x8c\xd6\xc2hO\x14;\\;(o\x97s\x1c\n\xcd\xd1\xd4\xd2\xd1Z#\xcdu?\x85\xfe\x1a\xbe\xd4c)\xa5[\xc6\xaa\xd9X\xe2\x84/\xf2\xafL\xb3\xd2\xac\xdd\xdaC\x86h\xdb!\xb6\xe3\x9a\xceTG\xee\xec\xd1\xe4~?\xd1a\xf0\xfe\x834v\xb0,c`]\xa3\xf8q\xfdj\xef\xc7T\xfbC\x1bx\xdf\xef)\xcf\xa5b\xe3\xefnuA\xc61\xba&gt;\xc3\xff\x00\x82N\xfcP\xf0\x17\x89\xff\x00f\xf8|\x05\xa2x\x8a\xd6MgB\xbe\x98j\xbah\x90y\xd0\xefr\xc8\xc5z\xe0\x83\xc1\xe9_\x91\xde#\xf1\xcf\xc4\x9f\x80?\x184\xcf\x8a\xdf\t&lt;_}\xa0\xeb1\xce\xf0\xb5\xc5\x9c\xa5D\xf1\x85\xde\x12E\xe8\xeb\x95\xe8Gs\xeb_\xa3pNY[\x89\xaa&lt;\x16\x17J\x89_[Y\xfc\xd6\xdfq\xf9_\x88\x19\xc6\x17\x84\xe8,\xc7\x19\xad)I/v\xf7_\'\xbf\xc8\xfe\x85k\xe1\xbf\x10\xff\x00\xc1Y\xaf\xbfg\xcf\xd9\x8f\xc1\xff\x00\xb4\xdf\xc7\xbf\x05\xbd\xf7\x85\xf54\xb3_\x12jZJ\xe2m4O\xf2\xf9\xfe_\xf1\xa0~\xa0s\x83]\xd8\xcc\xb3\x17\x81\xad:U\x16\xb1vv9px\xfc6:\x84*\xd2zI)/F}\xc9^\x7f\xf0\x07\xf6\xa7\xfd\x9e\x7fj?\x08[x\xe3\xe0\x1f\xc5\xdd\x0f\xc4\xda}\xd4BEm6\xf9\x1eD\xc8\xe8\xf1\xe7r\x1fb\x05y\xed5\xb9\xd8z\x05\x14\x00Q@\x05\x14\x00Q@\x18?\x13&gt;)|;\xf85\xe0\xcb\xdf\x88\x7f\x15&lt;g\xa7\xe8:&amp;\x9f\x11\x92\xf3R\xd5.\x96\x18\xa3Q\xeaX\xf5\xf6\xeak\xf9\xa9\xff\x00\x82\xc9\x7f\xc1L\xbca\xf1\xf3\xf6\xd5\xf0~\x87\xf1\xa3\xe2[x\x83\xe1\x8e\x92,\xf5k\xff\x00\x87\xbe\x1eS\x0c:{?\xcf\xf6{\x8e\x7f\x7f2\xae\xc2\xfb\xb1\x8c\x95\x18\xae\xa5\x85\x94~7c\x19U\xfeT~\x9e~\xd7?\xf0so\xec\xb1\xf07\xc4M\xe0\xaf\x86:2\xea\xd7R*\x88umr\xe9\xad\xad\xd4\xbf\xdc\x7f&amp;4y\xccg \xee*\xbcr+\xf1\x9b\xc1&gt;4\xf1\x0f\xc5O\xdaK\xc3\xbe9\xf8\xc1\xe1\x9f\x85\xbe)\xf0\xccw\xf9\x93\xc7\x97\x93\xc1f,\xb4\xb6\xc8&gt;d&gt;b\xbbK\ngb\xba3nP&gt;a\x8a\xdf\xea\xf4bG\xb4\xa8}\x8b\xfbO\xff\x00\xc1\xc9\x9f\xf0X\x1f\x06\xc5y\xa4\xf8o\xf6t\xf0^\x8fo\xf64\xba\xb6\xf16\x8f\xa6\xdcjV\xcfk*\xee\x8a\xe29\x19\x8a\x15)\xf3\x02\xc3\xea\x05|)}\xf1\xe7\xe1\xf7\xc0\xaf\x8b\x1e"\xf8\xbb\'\xede\xaa|@\x94\xd9\xea6^\x0f\xf0\xce\x93\x1d\xd3\xc0\xd0\xcb\x1b\xc5o\xf6\xa7\x98"*F\xac\t\x8dQ\xb9\x18\x18\xab\xf64\xbb\x0b\x9a}\xcf\x1c\xfd\xae\xbf\xe0\xa2\xbf\xb6o\xed\xd9\xe2X\xcf\xed\'\xf1\xf3\\\xf1\x1d\xbcr\x19c\xd3^\xe3\xcb\xb3\x80\xff\x00\xb1\na\x07\xe5^\xfd\xfb\x03\xfe\xc3^\x07\xf0\xc7\x86!\xf8\xef\xfbExR=[U\xbe\x02\xe3K\xf0\xfd\xf6E\xb5\xb4g\x95\x96u\x1c\xbb\xb7Q\x1f\x00\x0e\xb9\'\x15\xf5\x19\x17\x03\xf1\x16}\x1fi\x87\xa3\xcb\x0f\xe6\x93\xb2&gt;\'\x89|H\xe1^\x19\xfd\xd6*\xb75O\xe4\x87\xbd/\xb9\x19_\xf0C_\x88\xc9\xf0\xa3\xfe\n%\xe0\xadw\\\xd3.\x7f\xb3uG\x93J\x92\xedm\xd8\xc7\x1bN\xbbT\x93\x8c\x0f\x9bm~\xac\xff\x00\xc1O\xbe;Z\xfe\xca_\xf0Gm?\xc7?\x05\xbe\x1ei^\x17\xf1\x16\xac\xbae\x8d\xbe\xb1\xa3\xe8\xf6\xf6\xcfj\xf2\x1f0\xba\x90\x99,Q\x08\xe3\xa6\xea\xf3qX\x1a\xf9N2T*\xc9^\x1a6\xb5O\xd1\x9e\xe6Y\x99R\xce0\x14\xf1t\xe2\xd2\x9e\xa9=\x1a\xf5G]\xff\x00\x05{\xfd\x9du\x8f\x10\xf8GE\xf8\xef\xe1\x8d8\xca\xfa\t\xfb&gt;\xa7\xb5rV\x16`\xc8\xe7\xd80\xc6{\x06\xad\xef\xf8$?\xfc\x14[\xe1\x7f\xfc\x14\x7f\xf6a\xb4\xf0\xb7\x8eu[;\x8f\x1a\xe9zX\xb1\xf1~\x83t\xcb\xba\xf5\x02\xed\xfbB\xa9\xfb\xca\xc3\xefc\xa3}E{\xb9Fy\x1c-\n\xb8Z\xd0\xf6\x94j\xabJ?\xaa}\x19\xe3\xf1\x07\r\xcb4\xa9K\x15F~\xcf\x11I\xde\x13]\xfb5\xd5&gt;\xa7\xce\xff\x00\xb3\xec\xf6\xba\xc6\x84\x9a\xa5\xb9\xcf\x99\xf3m\xfe\xebw\x07\xe8k\xdf\xbe!~\xc2\x9e$\xfd\x9a&lt;_{\xe2\x9f\x87:}\xc6\xb5\xe0]A\xdaf\xb7\xb7B\xf7:D\x84\xe7\x95\x1c\xc9\x17\xfbC\x91\xdcu5\xf9\x87\x11\xe48|\x1e!\xd6\xcb\xa5\xcdB[/\xb5\x17\xd9\xae\xcb\xba\xbf\xa1\xfag\x0c\xf1\x16;\x1d\x1fa\x99\xd3\xe4\xad\x14\x95\xd6\xb0\x92\xfed\xff\x004\xec\xcb\xdf\x0c\xe7\x97\xc81\xc4\xfb[\xafL\xd6\x7f\x83om#\xd5\xad\xef\xf4\xdb\xc5\x9a\xdeb\x14\xb2\xb7\x1fOc_#/iOs\xee\xa3\x1edz\xa5\xb5\xcd\xa1\x80=\xc4{Yyo\x97\x9a\x85b\x9d\x8a\xb4C\x91\xc8_Z\x9fi!J\x9d\xd9q\xa4\xb4\x95Q\x93q]\xd9\xdbT\xdeibeP\xc4\xef9\xf6\x14{Gk\x89G\xde$\xd6n\xa2\xb3\xb5y\xa1\x84*\xed\xaa~ \x82Y-\xa2\xb5V\xdcf;\x98g\xb5c*\xac\xd7\x96\xc7\x8d\xfcL\xbe\x92y\xe4\x9eE\xe1\xb8_\xc6\xb9\xdf\xda\xb3\xc6\xf7\x1e\x1a\xfb?\x82|\x05\xa7\xb6\xa9\xe2\xadQ\xbc\xad7O\xb5\x8c\xc8T\x9e&lt;\xc6\x0b\xd8u\xf75\xdd\x95\xe59\x96s\x89\x8d\x1c\x1d7)_\xe4\x97\x9b\xd9/3\xcb\xce3\xec\xab!\xc2\xfdc\x1bUB+\xbfW\xd9%\xab}\x92L\xf0\xff\x00\x16xwS\xf8\xd3\xf1\xb7K\xf8_\xe0\xcbv\xba\xbaY\xd6\xd3lCvn&amp;##\xfe\x02\x83\'\xd35\xf7\x8f\xfc\x13_\xf6\x10\x7f\xd9\xe3Do\x8c\xff\x00\x19QG\x89.-\xe4\x92\x18\xee\x98n\xb1W\xf9\xa4\x9aC\xdaF\xff\x00\xc7G\x1e\xb5\xfb\xe7\r\xc7+\xf0\xf7\x07U\xd2\x9a\xad\x8d\xa8\xac\xdcu\x8c\x13\xe9~\xaf\xd0\xfek\xe2jy\xf7\x8ay\xb5%^\x12\xc3\xe5\xf4\x1d\xe2\xa6\xbd\xfa\xaf\xbf*\xd9[\xbd\x9f\x91\xe0\xbf\xf0p&amp;\xbd\xe1\xef\xd9\xc7\xfe\tkk\xf0N\xddPM\xac\\\xe9\xfa=\x98\x18\xe5`P\xf2?\xe6\x07\xfd\xf5^\'\xfbc\xff\x00\xc1C~\x0f\x7f\xc1F?\xe0\xa9\x1e\x0c\xff\x00\x82}Y\xf8\x1b\xc3\xfe.\xf8`5y4\xbdcS\xbc\xb7-p\xf7^[\xb4\x92\xdaL\xac\x0cx(\x17p\xceq_/Z\xb5ld\xee\xdasm\xb6\xcf\xd0\xa8\xd1\xa5\x81\xa5\x18R\x8bP\x8aI\x1f\x90\x1f\n~=\xfc_\xf8\x01\xe2\x9b\x7f\x1b|\x1b\xf8\x97\xacxgT\xb5\xb8W\x86\xebH\xbexHa\xcf \x1c0\xfa\xe6\xbe\xe2\xff\x00\x82\x92\x7f\xc1\x08\xbcu\xfb6|M\x9a\xcf\xf6p\xf1\x05\xa7\x89\xb4\x8d[\xcc\xb9\xd2|5}t\xb0\xea\x96\xf1\x02&gt;D.B\\\x00O\x18`\xd8\xeck\x0f\xec\xfc]Z~\xd20n=\xd2m\x15S0\xc1\xd1\xac\xa9N\xacT\x9fF\xec}\xe7\xff\x00\x04\x9a\xff\x00\x83\xa6\xfe\x1f\xf8\xd7E\xd3~\n\xff\x00\xc1E\xaf\xd7C\xd7\x93l\x16~&gt;\x86\x0cY\xdev\x06\xe9G\xfa\x97\xf5q\xf2\x9e\xf8\xaf\xc5MC\xf6\x10\xfd\xb34w1_~\xcc\x1e6V\x8f\xb8\xf0\xfc\xcc?0\xa4W3\xc0\xd4\x97\xd8gJ\xc6Q_m}\xe7\xf6q\xe0/\x88\xfe\x02\xf8\xa5\xe1\xbbo\x18|8\xf1\x8e\x9b\xaeiw\x91\x89-\xaf\xb4\xbb\xc4\x9a9\x14\x8e\x08*M\x7f6\x9f\xb1\xef\xfc\x14)\x7fb\x7f\x80\x1e\x15\xf0\xe7\xc6\x1f\x84\x7f\x1a~\x1e\xf8\xb7\xc177\x12G\xaa\xf8N\xcd\xad\xed|O\x0b\x9c\xa4W\x8bp\xbb\x00OP\xa4\x9a\xcax\n\x91\xff\x00\x82i\x1cU9\x7f\xc0?\xa6Z\xfc\xc5\xff\x00\x82T\x7f\xc1\xc4\xfe\x0f\xfd\xbb\xbcU\xac\xfc0\xf1\xe7\xc2k\xad\x06\xfbC\xb1k\xd3\xab\x1dB&amp;\x13Z\xa9\x00\xb3G\xc1\xde3\x96\xda1\\\xce\x8dE\xd0\xdf\xdaD\xfd:\xac/\x87\xff\x00\x13|\x03\xf1SAO\x12\xfc=\xf1e\x96\xadd\xfcy\xd6s\x06\xda}\x18uS\xecpk&amp;\x9cw-;\xec\x7f.\x1f\xf0J\x8f\xd9\xeb\xf6\x05\xfd\xaf?o;?\xd9c\xc6\xdf\x07\xfc]\xe2\x0bY\xecon\xb5/\x12k\xde\'\xf2\'\x9aX\x97?,\x16\xe0\x80\x0bz\xc8M\x15\xedS\xd6z\x9euC\xeb\xaf\xf8(\xc7\xfc\x12\xe3\xfe\t\xd9\xfb+\xfcV\xd2\xfc\x15\xf0\xe3\xf6i[\x88\xae\xb4\x91w3j&gt;&amp;\xbc#%\x88\xc0\n\xe3\xd3\xd6\x8a\xfd\xb7\xc3&gt;\x1b\xc8\xf3l\xbe\xad\\e\x08\xceJV\xbb\xbe\xd6^g\xf3\x8f\x8b\x9c]\xc4\x99\x1eqN\x86\x03\x13*qqN\xca\xdb\xdf\xd0\xf0/\x87\xde\x15\xf8S\xa0\xf8\xa2M\x1f\xe1\x97\xc0_\x05xz;~~\xd8\xbaG\xdb.\xc7\xd2k\x96\x90\x83\xee\x004W\xea\xd8n\x12\xe1\x9c+\x8c\xa9a \x9f\xa5\xff\x003\xf3,\xdf\x8c\xf8\xaa\xae]yc*j\xb5\xf7\xad\xf9\x1e\xb5\xfb&lt;\xf8\x02\xd7\xf6\x80\xfd\xa6&lt;/\xf0_Q\xbbkm:\xfbQ\x06\xf9\xd7\xef&lt;h\x0b\xb0\x1e\xe4.?\x1a+\x0e/\xaf[-\xe1\xca\xf3\xc2\xbeF\x96\x96\xe9\xe8g\xe1\xd6\x0f\x0b\x99\xf1\x06\x1f\xebQ\xe7\xe6\x96\xb7\xd6\xfe\xa3\x7f\xe0\xea?\x8f\xf6v&gt;\x04\xf8s\xfb\x18xSD\x96\xc7K\xb7\x99\xb5i\xa4\x04l1\xc2\x9eTq\x8erO$\xf2(\xaf\xe5\x0cT\xa5[\x0f\t\xcfW&amp;\xdbov\xcf\xed\xbat\xe9\xd1\xad(SVQI$\xba#\xf2\x0f\xe0/\xed\x0f\xf1[\xf6k\xf8\x93\xa7\xfcU\xf8\x1d\xe2\xcb\xbd\x07X\xd3\xa5\rouk1\x05\xb1\xd40\xe8A\x1c\x10r\x08\xa2\xbc\xd7)FJ\xc7\\}\xe8\xea~\xfb\xff\x00\xc1\x1e\xbf\xe0\xbf\xba\xa7\xed\x9d\xe2m\x1f\xf6x\xf8\xed\xf0\x9eh\xfcUxD\x11x\x8bGh\xc5\xb5\xc3c\xefK\x130*O}\xb9\xfaQ]Qm\xc7S?\x85\xe8~\x80|H\xfd\x91\xbe\x15\xf8\xb7Po\x11X\xd8\xb6\x8f\xa9;\xef\x92\xefK\xc4bF\xf5t\xc6\xd6\xfa\xe3&gt;\xf4W\x1c\xb0\xb8z\xcaNpO\xe4wG\x15\x8a\xc2\xb8{)\xb5}\xf5\x7f\xa9\x97\x17\xec\xcb\xad\x16#M\xf1m\xb9m\xa4n\xb8\xb5#?\x91\xa2\xbcz\x99f\x05F\xea\x9a\xfcOZ\x96i\x8f\xe7\xb7\xb4\x7f\x87\xf9\x18:\xb7\xec\xd1\xf1\x12\xea\xe5l\xd3\xc5:J\xaaI\x92\xc293\x8f\xca\x8a\xe5Y~\x0e\xdf\x07\xe2\xff\x00\xcc\xe9y\x967\xf9\xff\x00\x05\xfeF\xb5\xbf\xeci}\xab\xcd\xe6x\xb7\xe2,\xabo\xb7\x0bo\xa5\xdb\x84\xe3\xfd\xe6\xc9\xfd(\xae\xcc&gt;Y\x80\xb3\xbd4rb3L\xc2\xe9{FX\xd6&gt;\x18\xfe\xce\xdf\xb1\xaf\x845O\x8c\xd1x\x02k\xab\x8bxY\xee\xb5\x05U\xb8\xbe\x94\x01\xd0&lt;\xac\x02\x8f`@\xa2\xbd\xcc,}\x9d8\xc2\x1a.\xcbO\xc8\xf9\xectcR\xb3\xa95w\xdd\xeb\xf7_c\xf1\x07\xfe\n\xd1\xff\x00\x07\x16\xfcn\xfd\xa1\xa0\xd6\x7fg\x8f\xd9\xd3\xc3\x97^\x05\xf0\xc4\x85\xed\xb5K\xe9\xae\x15\xb5\x0b\xe8\xfa\x14\xdc\x84\x88\xd4\xf7\ny\xf5\xa2\x89\xc9\xc2N1\xd8T}\xf8\xdd\x9f\x07\xff\x00\xc1;&gt;3\x8f\x81\x9f\xb6\xb7\xc3\x8f\x8cw\x96\x13^\x7ffx\xb2\x0f\xb4C\x1b\x0f2E\x94\xf9lA&lt;g\xe7\xcf&gt;\x94Q\x85\x93\xe6\xb8\xea\xfc6?\xa0O\xf8,\x87\xd95\xff\x00\x82\x9e\x01\xf1\xc4\x16\xcb\x1d\xe4:\x9c\xdbde\xf9\x8a\x18\xb2S\xe8h\xaf\xdb&lt;\'\xf7\xb1\xf5\x93\xfeE\xf9\x9f\x82x\xd5\xee\xe0p\xf6\xfew\xf9\x1f\x07Zx\x93]\x86\xda+\x88\xf5k\x8f&amp;\xe1p"i\xd8\xf9g\xdb\x9e\x94W\xee^\xc6\x8f\xf2\xa3\xf9\xa6\xb4\xa7\xb5\xdf\xde\xce\x9f\xc3\xde6\xf1f\x8a\x17L\xb6\xf1\x05\xd7\x93:\xfc\xf0\xbc\xa5\xd1\xbd\x8a\xb6T\x8fb\r\x15\x85\\\x1e\x0e\xb4mR\x94e\xeb\x14\xff\x004qG3\xcc\xb0\xf2\xbd*\xd3\x8f\xa4\x9a\xfc\x99\xeb\xff\x00\xb3?\xfc\x13\x1b\xe1\xcf\xed}\xe1Ms\xe37\x83\xf5\xa5\xf8s\xf1#I\xd4\x0c\x1a\x1f\x8a\xfc\'f\xb6\xf1\xcaLE\x9d/-\x94\x08\xa6\x8d\xb3\x83\x80\t\x19\xceh\xaf\xe7\xaf\x14\xb2\xfc\x0e_\x9bS\x86\x1a\x94`\x9aM\xa8\xa4\xbf#\xfa\xa7\xc1,\xdb3\xcd2j\xb2\xc6V\x95F\xa4\x92\xe6\x93v_3\xe6\x9f\x05\x7f\xc1E|_\xfb\x14\xfce\xf1O\xc0O\x887\xfe \xb5\xd6\xf4\x17k{\xab\xef\x01j\x84Y]\x8d\xe3\xe6T\x9d\x91\xe2\x07\xaf\x97\x97U?t\x81\xc5\x15\xf9\\\xb5\xdc\xfd\xc2\xf6\x93\xb1\xff\xd9'</t>
        </is>
      </c>
      <c r="M557" s="3" t="n">
        <v>45492.6767824074</v>
      </c>
    </row>
    <row r="558">
      <c r="A558" t="n">
        <v>1587965</v>
      </c>
      <c r="B558" t="n">
        <v>1999</v>
      </c>
      <c r="C558" t="inlineStr">
        <is>
          <t>Vinicinho</t>
        </is>
      </c>
      <c r="D558" t="inlineStr">
        <is>
          <t>V. M. Pereira</t>
        </is>
      </c>
      <c r="E558" t="inlineStr">
        <is>
          <t>UNK</t>
        </is>
      </c>
      <c r="F558" t="inlineStr">
        <is>
          <t>UNK</t>
        </is>
      </c>
      <c r="G558" t="inlineStr">
        <is>
          <t>UNK</t>
        </is>
      </c>
      <c r="H558" t="inlineStr"/>
      <c r="I558" t="n">
        <v>54</v>
      </c>
      <c r="J558" s="2" t="n">
        <v>38036</v>
      </c>
      <c r="K558" t="inlineStr">
        <is>
          <t>Right</t>
        </is>
      </c>
      <c r="L558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c\x8f\x18|@\xf07\xc3\xed5\xb5\x8f\x1dx\xbfL\xd1\xedUI3\xeaW\xa9\n\x90=7\x11\x9f\xa0\xaf\x8e\xff\x00\xe0\xab_\xf0Y\xef\x82\x7f\xf0OO\t]xG@\xd4\xad5\xcf\x88\x97P\x15\xd3\xb4tm\xf1Z9\x07\r9\\\xe0\xf0p\x87\xf1\xf4?\xcfW\xede\xff\x00\x05\x0c\xfd\xa8\xbfko\x18\\\xeb\xff\x00\x12\xbe-jw\xb1_\xb9\x11Z\xbc\xa0E\x08\'\xee\x8c\x00\x00\x03\x8cT\xcaj#J\xe7\xf4\'\xf1\xf3\xfe\x0e\x08\xff\x00\x82r|\x05\xd6\x9f\xc3\x9a\x8f\xc4{\xfdb\xf1d(?\xb24\xe6h\x89\x1d~s\x8f\xe5^1\xe2\xef\xf8:W\xf6@\xd3\xe61\xf8G\xc0\xfa\x95\xf2\xa8\xcbIss\xe5\xe3\xf0\t_\xce\xdd\xcd\xf4s\x87\x8e\xe2i\'\x92\xdc\xee&amp;B~bk7R\xd4\xa3\xbd,\x96\xd3 \n3"3\xe0V~\xd2L|\xb6G\xf4O\x07\xfc\x1d%\xfb6\\\xc3o:\xf81bW\x95D\xe2K\xc7%T\x9eH\xf9=+\xee\xaf\xd9\x17\xf6\xfd\xfd\x98\xff\x00m\x8f\x0e\x8do\xe0w\xc4\x08.\xee\x160\xf7\x1a]\xc1\ts\x10\xc6I\xdb\x9f\x98{\x8f\xc7\x15\xfcj^\xdb&gt;\xa5d\xfa\x9cwB8\xd7\x80\xa1\xfb\xd7u\xfb ~\xdb\x9f\x1b\xff\x00c\x0f\x89\xf6_\x12\xfe\x18x\xae\xebN\xbb\xd3\xe7\x18\xf2\xa5;e\\\x8c\x83\xf5\x03\x14\xd4\xda\xdc,\x8f\xedj\x8a\xfc\x1a\xfd\x9f?\xe0\xf0\xddv_\x10\xd8\xe8\x7f\x1d~\x02\xe9\x92\xe9\xb9X\xef5\x1d*\xf2E\x9cv.\x17n\xd3\xf4\xaf\xda\x0f\xd9o\xf6\xa6\xf85\xfbb|\x1e\xd3&gt;6\xfc\x0e\xf1Lz\x9e\x8f\xa8\xc6\t\xc7\x12\xdbI\x80Z)\x17\xaa\xb0\xcfJ\xb5%-\x89=\x16\x8a(\xaa\x00\xa2\x8a(\x00\xa2\x8a(\x00\xa2\x8a(\x00\xa2\x8a(\x00\xaf\x88\xbf\xe0\xb5\xff\x00\xf0U_\x07\x7f\xc1;\xff\x00g\xbb\xed\'\xc3\xda\xe2\xb7\xc4\x1f\x11X\xc9\x0f\x87\xed`!\x9e\xcfr\x91\xf6\x97\x1d\xb1\xce\xdf~{\x0c\xfbg\xfc\x14+\xf6\xda\xf0\'\xec\x15\xfb7j\xdf\x1b\xbc`\xe9-\xd2\xa9\xb7\xd0\xb4\xf6&lt;\xdd]\xb2\x92\x8b\xfe\xe8\xc6O\xe0;\xd7\xf2\x97\xfbg\xfe\xd7\xff\x00\x15\xbfn\x9f\x8d\x9a\xbf\xc5\x9f\x89\xfa\xa4\x97\x17W7,w\xca\xc7\x11C\x93\xb65\x07\xa2\xaep\x00\xa8\x9c\xb9P\xd2\xb9\xc2|[\xf8\xb9\xe2\x0f\x8b\xbe7\xbb\xf8\x8f\xf1\'\xc5\xd7\x9a\x86\xa9t\xe6y\xaen\x981b\xc4\x9f\xbd\xf8\xd6U\xbd\xc5\xd4\xbap\xfb$K\xe4\xb3\x12\x1e\xe0\xec \xfa\x8fZ\xca\xbb\xb3\xf0\xa5\x88Sy\x7f%\xdf\x96\xdb\x84(\x03\x0c\xfb\xe2\xb3.\xac\xbe)x\xfa\xf2;/\x0b\xe8\xd7\xcfn\x87\x11$p\xb6==+\x9a\xa5Zp\xd6N\xc7M&lt;-z\xdaB775k\xfbK4h\xa3\xd7\x10\xcc\xc9\xf3\xb8\x91\x7f*\xe5\xcd\xde\x86t\xf16\xa1x\x15\xf7\x1f1\xa2!\x89\xe7\x8a\xebt\x1f\xd8\x9b\xe3\xa6\xb8\x05\xe5\xcf\x85.\xf6?$\x18[\xfc+\xbf\xf0/\xfc\x13\x8f\xc6\xba\xebG&amp;\xafg=\xb21\xe7rc\x1f\x98\xaf&gt;\xb6u\x97\xd1Ws=L?\x0ffU\xe4\x92\x86\xe7\x88\xdaj\xd6\x97+-\x85\x95\xb0h\\\x8d\xb2J\n\xe7\xde\xab\xdfBZ\xdb\xec\x97\x02\t\x94w\x12d\x8a\xfa\xf5\xbf\xe0\x991\xdaA\xe4\xbf\x88\'\x0b\x8f\xb86\xe2\xb0uo\xf8&amp;\x85\xfci,\x9av\xb7"\xb6\t\x01J\xfc\xdf\xa5qR\xe2&lt;\xbe\xa4\xac\xa4w\xd5\xe1\x1c\xce\x9c.\xe2|\x89\xa8]\xdb\xc2\xcboi\x17\x96\xca\xb9\xde\x07\xde\xc5}\xe1\xff\x00\x04J\xff\x00\x82\xd4|P\xff\x00\x82h\xfcOm\'Z\x12k&gt;\x01\xd6\xe6A\xaf\xe8\xb2JG\x94\xbc~\xfe \x07\xfa\xc0;w\xaf\x96\xfe.\xfe\xca\x7f\x10\xbe\x197\x9ds\xa7\xc9q\x12\x02\x0c\x85I\x00}q^Nl\xefl\xf5d\x85\xdc\xc6[\x81^\xd6\x1f\x13F\xbcy\xa9\xbb\x9f=\x89\xc1\xe20\x93\xe4\xa9\x1b\x1f\xddO\xec\xfd\xf1\xe3\xe1\xc7\xed1\xf0\x83C\xf8\xdb\xf0\x9f]MCC\xd7\xecR\xe6\xcet&lt;\xaeG(\xc3\xf8YO\x04We_\x91\x9f\xf0h\xcf\xc7\xdd\'\xc5\x1f\xb1\xcf\x88\xbe\x02\xdf\xf8\xaeK\xad[\xc3\xfa\xeb\xdfAc3\xe4\xc5k.\x14\x95\x1d@\xdc\x17\xf3\xaf\xd7:\xeeN\xea\xe7\x1b\xd0(\xa2\x8a`\x14QE\x00\x14QE\x00\x14QA\xe9@\x1f\x80\x7f\xf0v\xcf\xedK\xadO\xf1\xdb\xc2?\xb3\x9d\xb5\xeb\xff\x00ei\x1a|7\xb3\xc1\x1b\xfc\xa6\xe2F\xdcX\xfb\xed*?\n\xfc~\xd0~\x1a|M\xf8\xa9\xe35\xf0\xff\x00\x80\xac\xaee\xfbV7\xac\nHU\'\xbe+\xec/\xf88+\xe2\x1e\xa7\xf13\xfe\n\x1f\xe3y.e2\x8d7\xc47\x16\xb6\xccy\t\x1a&gt;\xd0\xbf\x90\xae\xdf\xfe\tk\xf0\xc2\xd7O\xd0\x8f\x8d\xaf\xec\xa3y\xa5\xf9\x16]\x9d:\x1a\xf0\xf3\x8cs\xc1Ps[\x9e\xf6G\x97\x7fhbT^\xc5\x8f\xd8\xfb\xfe\x08\xe9\xe1\xb8\xb4\xcb\x7f\x10|c\x9aIog\x01\x9a\xda,\x15\xc7\x04\x02\x08\xaf\xae-\x7fc?\x83\xbf\n\xf4\xb8\x93\xc3\xfe\x08\xb3\x8fj\xf3#[\x00\xc7\x8e\xb5\xea\x1e\x0cdC\x1c\x98\xdc\x00\x18\xc5o\xfcK\xbcIt\x05\xbax\xd7\xe5\\\x11\x8ezW\xc0\xe21\x95\xf1\x90\x94\xa5&amp;~\x97\x85\xc1a\xf0Uc\x08\xc5\x1e\t{\xe1\x8d:\xc6\xdc\xad\x8e\x9e\x8a\xa3\x8c\x05\xae{R\xd1\xa3\x8e\x01\x88B\xe38\xc0\xae\xd6mn\xceY\xda\t\x14\x0c1\xe3=k\x17\xc5)\x98sj0\x1b\xbd|\xcc\xa3)7\xa9\xf5T\xdccot\xf3}WM\xf3\t\x8d9\xf75Q|?t\xc8eU\x1bB\x9c\xe6\xaf\xeb\x97Oi;B\xa7%O\xcdL\x1a\xa5\xda\xd8\x92\x88J\xb2\xf2}+\xa3\x03\x18\xf3\x93\x8e\x93t\xd1\xe6\xbf\x13\xbc+c\xe2\x8d\x02\xf3L\xbd\xb1\x8eB\xd1\xb0\x02E\xce8\xaf\xcd\x9f\x8e\x1e\x01\xff\x00\x84O\xc7\xb7V\x8dh\x02\xa4\xc4D\x00\xe83_\xa8\xba\xc2\xac\xe1\xe4u\xe4\xa9\x18\xaf\x8a?m\xaf\x87\x8bm\xe2_\xed\x98\xa3*\xb2FN\xee\xc5\xb3\xd2\xbe\xcb!\xc5\xfb,C\x83z3\xe18\x97\x03\x1a\xd8U4\xb5G\xde\x9f\xf0g\xce\xb1om\xfb_x\xdfH\xfbK\x07\x9f\xc0\xe4\xf9@\xf0\xdbgS\xf9\xd7\xf4W_\xcco\xfc\x1a}\xe2+\x8f\x0b\xff\x00\xc1M\x9bH\x97w\x97\xaa\xf8N\xee\xdd\xc7\xbe\xd6a\xfa\x8a\xfe\x9c\x81\xc8\xcd~\x85I\xde\x07\xe5sV\x95\x82\x8a(\xad\t\n(\xa2\x80\n(\xa2\x80\n\x0fO\xc6\x8a\x0fJ\x00\xfeP\x7f\xe0\xa6\xdf\x0b\xf5\x9f\x19\xff\x00\xc1C\xfcv\xb7\x11\xb0K\x8f\x16\xdd2\xef\x1c\x11\xe6\x1a\xfa\xbf\xf6I\xf8ei\xf0\xcb\xc06\x9a$LN\xf5\x12\xb9=\x98\x81]?\xfc\x15\x97\xe0]\x97\x80\xbfo\x8dM\xde\xd5Uon\x9e\xf5d\xda9\x12\xb8\x95\x7f\xf1\xd7\x03\xf0\xaci&lt;\x7f\xa4|=\xf0\xc4:\x96\xa4\xe7f6\xa2\x83\x82\xe7\x1d\x05~s\xc4\xd8\x8a\xb51^\xc2\'\xea\x1c\'\x86\xa5K\x07\xf5\x89\x1fEx2\xee\xd9\x8cp\x85=\xb2s]\xfd\xd6\x93\xa4\xeb\x1e\x1ek\x0b\x80\te89\xe9_\x9e\xbe*\xfd\xab?j\xe8\xe4]K\xe1\x87\x84Qm\x15\xc8\x84Me\x1b\x92\x07|\x923^I\xe2O\xf8+\x07\xed\x93\xe0o\x13&gt;\x9b\xac\xf8j#\x1a\x01\x98\x85\x8c@\x93\xdf\x9c\xd7&gt;\x17+\xfd\xd7\xbd5\xe8tbskW\xbc \xec\xba\x9fpx\xdf\xc0\xb3\xe9Z\xdbIn\x18&amp;\xf3\x8c\xd5(4\xc7\xb8\xb5\xdb8f\xf7\xf4\xaf\x94\xbe\x1e\xff\x00\xc1Z\xb5\xff\x00\x1c\xeb\x90\xe9~9\xf8\x7fq\x0b;\x05\x92PcP\xb9\xef\xc5}%k\xf1oMo\x0e&amp;\xb5\x0b\xaa\xc1*o\\\xff\x00\x8dxx\xac\xbdP\xaa\xd3&gt;\x8f\t\x9a,U$\xed\xaa\xeeW\xf1\x0f\x85-\xe0\xb9.\xf0p\xc7,MP\xd7mmm\xb4F\x82\xda\xd0n\xe3\x9cW\xcb\xbf\xb5\x87\xfc\x14\'\xc6&gt;\x10\xf1\x14\xfe\x1e\xf8}\xa5\x89$\x882\xf9\xaf\x1a\xb8\xe9\xef_0K\xfbc\xfe\xd4^=\xbf\x92\xca\xff\x00^\x8a\xd5&amp;|\x12\xb6\xd8\xc7\xe4\xd5\xea\xe5\xb9\x1f5?h\xe5k\x9e&gt;g\xc4&lt;\xb2T\xe3\x16\xda&gt;\xe8\xf15\xf3\xd9\xdclo_\xbb^q\xf1c\xc3\x9a\'\x8d4\x0b\xbb{\xcb8\xd9\x8c-\xb0\xba\x82T\xe2\xbc3@\xf8A\xf1\x8b\xc6\x96+\xac\xde|Nv\x97!\xa3\x8d^Q\x9e\xff\x00\xde\xafC\xf0f\x9d\xf1O@\xb1}\'\xc6\xd0\x99\xe3\t\xfb\xbb\xc5M\xab\xf499&amp;\xb7\xa9\x82\x86\x11\xf3\xc2z\xa3\x1a\x18\xf9\xe3b\xe9\xd4\x85\x93=\xfb\xfe\r\xac\xf8Ysc\xff\x00\x05G\xb4\xbb\x8e6\xf2\xec4K\xa9\x19\x87L\x08\xde\xbf\xa4\xe1\xc0\xaf\xe7\x87\xfe\x08q\xf1\xbf\xe1g\xec\xd1\xfbe\xea\x9f\x14&gt;/kCM\xd2\xdfA\x9a\xd4]\x18\xf7m\x91\xf7\x01\xc0\xfa\xd7\xef\x9f\xc2\x1f\x8d\x9f\x0c\xbe;\xf8c\xfe\x13\x0f\x85\x9e)\x87U\xb0\xdf\xb1\xa6\x89J\xedlg\x040\x04q_w\x95b#\x88\xc2E\xdfS\xf3\x9c\xe7\t&lt;.6K\x96\xcb\xa7c\xab\xa2\x8a+\xd3&lt;\x80\xa2\x8a(\x00\xa2\x8a(\x00\xae3\xf6\x86\xf8\x87u\xf0\xa3\xe0\xa7\x89&gt;!X\x01\xe7\xe9zc\xc9\x01a\x90$$*\x9cw\xc1`k\xb3\xaf5\xfd\xb0t\xe95_\xd9\xab\xc5\xd61&amp;\xe2\xda`${,\xa8\xc7\xf4\x06\xa6m\xa86\x8b\xa6\x94\xaa$\xf6\xb9\xf8\xc5\xfbd\xfcU\xf1\xa7\xed\x0f\xe28&gt;,x\xa5$\x9e\xe5B\xa7\xdb\x1dTo@\x00\x03\n8\xc0\x00VW\x85\xbc9\xa5x\x9f\xc21\xea\x9a\x8d\xaf\x9d-\xa1\xf3!C\xc8\x0c\x07\xa7z\xeb\xfe2h\xb6^\x18\xf0\xcc\x9a\r\xfc%.\x0c\x9c \\\xf6\xeb\xedY\x7f\x03\x90\xcb\xa6\xfd\x91\x101\xde~S_\x89\xe2\xb1\xb8\x8cF5\xce\xa3\xd6\xe7\xefXl\x06\x1f\x0f\x82\x8d:K\xdd&gt;y\xf8\x8d\xf1\xb3\xc6\xfaF\xafsek\xe1\x97\xbb[l\xe3L\x82!\x1b2\x83\x80Cc\x035\xf0w\xc5\x9f\x8c\xfe4\xf8\x89\xe2\xdb\xb8\xac\xfc\x13uc,\x13\xb6\xe1+g\x1f1\x18\xaf\xd8\x1f\x1c\xf8:\xf2\xde\xe6[\x91\xa2\xc2\xe6U\xc1&gt;R\xf1\xdf\xd2\xbev\xf1w\xecg{\xf1\x0f\xc4\xadv\x82\x0b\x15\x96O\x9d\x92\xddNE{\xb8,\xca\x85\x1a|\xb3\x8d\xd9\xe3\xe2\xb2\x8a\xd5\xaasA\xd9\x1e?\xff\x00\x04\xe7\xf8p\xff\x00\x19\xef\xbc\xaf\x10\xe9#\x100\xdf#C\x8c\xf3\x8e\xb8\xaf\xb9\xfe-|\x08\xb5\xf0\xff\x00\x80\xa0\x8fH}\x8a\x13\x1by\xad?\xd9\xdf\xe0\x16\x97\xf0\x9f@\xb7\xd1\xb4\xfbX\xd7o-"\xc6\x01c\xdc\xd7\xa3|a\xb7\x8c\xf8B(!P\xdb\x10\xe6\xbc\xbcUomU\xb8\xecz\x98|/\xb2\x82\x8b\xdc\xfc\xa5\xfd\xb5&lt;\x01\xa9hzd\xda\x8f\x86\xb4\x1f\xb4L\xc0\xf9\xd2\x002?:\xf8\xf3\xc3^\x17\xf8\xb3q\xa9\xc7\xabxr\xd1\xa4s0.\xa4\x02\x17\x9e\x9c\x9a\xfdR\xf8\xb7\xe0\xabo\x13\xdc\xdc\xda\xedR$\x05]H\xeck\xc6\xb4\x7f\xd9\n\xd3J\xd4\x9a]\x16\xe0E\x14\x8f\x93\x85\xc8\xaf_.\xcd\xe1\x85\xc3\xb8\xc9]\xf9\x9en?#\x96.\xb2pv^G\x9ch^\x02\xf8\xe5q\xa2i:\xce\xa3v\xab\xba5&amp;\x08\x80]\x9c\xf7\xc1\xe6\xbd\xc2\r/U\xb7\xf0\x1e\xddbu\x92e\\\xb6\x07N+\xab\xf0\xff\x00\xec\xe5$\x16\x11\x8b\x9dVI\x15@\xf91\x8f\xebR\xf8\xc7\xc11\xe8\x1a\x04\x96\xf0\x82p\x84\x10OZ\xe0\xc5\xe3\xd6&amp;WJ\xc7f\x1b,xH\xa8\xb7\x7fS\x8d\xf85\xe1};Uk\x87\xbd\x9cF\x0b\x93\xf7\xb0[\xda\xbfW?\xe0\xdf\x8f\x1c\xea\x16\xde\x1c\xf1\x0f\xc3\xcb\xdb\xf6\x9a9\xa5\xb8\xb8\x88;\x12P\xc32\xa8\x1c\xfa\xac\xad\xf9W\xe4\xdf\x86\xfc1\xacCck\xe2\xbd&amp;\xe8\xe2\xd3Q\xfd\xec\x1d\x01P+\xf5_\xfe\x08W\xa0\xa4~+\xbc\xd6\xa1a\x89\xb4\x9b\xd9$U=\x18\xcb\x00?\xfa\x15z|1Z\xa7\xf6\x9a\x8d\xf4\xb3\xfc\x8f\'\x8b\xe8RY#\x93Z\xa6\xbf3\xf4\xea\x8a(\xaf\xd2\x8f\xc8\x82\x8a(\xa0\x02\x8a(\xa0\x02\xb9\xdf\x8b\xba3\xf8\x8b\xe1g\x88\xf48\xe3\xdc\xf7z\x1d\xdcQ\xa8\x1dX\xc2\xd8\xfdq]\x15#*\xba\x95`\x08#\x04\x1a\x03c\xf1\xd7\xe2\xd4~\x1b\xd5\xfcE\xa8\xad\xf4{\x9aK\x03\xe4\xb1N\x03\x9e@\xcf\xady\xd7\xc0\xcbCe\xaa\xc9l\xc0an\n\x8c\xfa\xe6\xbe\x91\xfd\xa6\xfe\t\x8f\x87\x7f\x13\xb5\xaf\x03\xeb:b\x98\xc5\xd3\xddi\x93\xbf\n\xd0\xb1\xccN\x0f\xae&gt;S\xee\xa4W\xcd\xbe\x0b\xbaM\x17\xc5W\xb0N\xc4yw\x8cr\x07^k\xf1|\xdf\t&lt;\x1e&gt;I\xae\xa7\xee\x99.:\x18\xcc\x059E\xf4=\xf3_\xf8wi\xaaxo\xed\xa8\x10\xb1NI\xc0\xc7\x15\xe1\xbf\x12&lt;k\xe0\xbf\x84P;j\x97\xb1\xf9\xe7;QH$\x9f\xc2\xbao\x8b\x7f\xb4\xb5\xa7\x81&lt;\x05q,\xd7\xaa\x8b\x14%\x8b\x17\xc6\x07\x15\xf1G\xc2\x0b\xef\x11\xfe\xd9\xdf\x1a\xa7\xd5uY\xe5M\x03O\xb8\xcbH\xfc\t0\xcc\xa4\x0c\xf5\xed\xd0\xd5\xc6\x11\xad\x14\xe0\x8e\xd8\xd4t/\xed\x1e\x87\xda\xdf\n|U\xad\xf8\xff\x00\xc21\xeb\xf1^GknY\xb2\xf2J\x14*\x83\xd7\x9aO\x8a\xfe8\xf0&gt;\x87\xa0\xa47\xfe3\x86V\x97\x86eu!\x7f\x10k/\xc7\xff\x00\x0e\xbc9w\xf0\xb2O\x87\x9e\x18\xf1\r\xd6\x8c\x92B\x11\xaela\x0c\xc3\xa7bq\xda\xbeK\xf8\x89\xfb9\xdei\xd0E\xe1\xe4\xf8\x9f\xad\xdfF\x8c\xccZ[5\x18\xe7=\xab\xa1`_*\x94\x9e\xa7/\xd7\x1b\xa9\xee-\x0fA\xf1}\xbf\x83\xf5\xadE\xe3\xf0\xd7\x8d\xed\xbc\xd6&lt;+\xce\x8a\xcd\xf8\x13^[\xaf\xfcfO\x83\x9e7O\x0e\xeb\xe8\xf3\xd9H\xe4\x19\xb6\x12\xaar\x00\xe4q\xde\xb95\xf8\x19\x16\x8d\xe2\xd8\xf5\xbb\xbbi&amp;\x96&amp;\xcaO !\xbbv\xae\xb7\xe2\x06\x87\xa4\xf8\xd7\xc3\xaf\xa6\xeb\x9a`%\xa2"9J\x9c\x83\x83\x83\xf9\xd5\xcb\x03\x06\x92Lq\xc7\xd4\xa7w${\x87\x81|e\xe1\x1f\x17\xe9q\xea\x1aN\xa5\x1b#&amp;\xec\x06\x1f\xe3X\x9f\x16\x85\x84\xdat\x8f\x01Q\xb5Npk\xe3?\x86_\x10|m\xf0G\xe2\x04\x9e\x08\xd5n\xa5}5\xa5)i6s\x81\xc0\x00\xe0`W\xbf\xdcx\xf2}wMkf\x9b{0\xeaMrW\xa1\xf5{G\xb9\xd3\x0cTq\x14\xf9\xd3\xd8\xd5\xf8\x7f\xe1\x1dO\xc4\xda\x13YG{\xf6[1zZR1\x99?\xd9\xe6\xbfX\x7f\xe0\x87\x7f\t\xb5O\x0b\xf8O[\xf1m\xcd\xbbGk\x1cme\x01a\xf7\xd9\xe4Y\x0f\xe4\x11\x7f\xef\xa1_4\xfe\xc2\x7f\xf0L\x1f\x89_\x1d&lt;\x11\xa7x\xa2\xed\x92\xc7E\xb9\x98K\xfd\xa3+\x02\x87\x8e@^\xac\x7fOz\xfdf\xf8#\xf0{\xc3?\x02\xfe\x1c\xe9\xff\x00\x0e\xfc/\x180\xd9\xc4\x04\xd7\x05p\xd3\xc9\xfcR7\xb9\xfd\x06\x05}\xaf\x0ed\xf5\xb0\xb3\xfa\xc5Uk\xad\x0f\xcex\xa7=\xa1\x8b\xa2\xb0\x94]\xec\xf5~\x87[E\x14W\xd8\x1f\x08\x14QE\x00\x14QE\x00\x14QE\x00s?\x11~\r\xfc/\xf8\xb3\x04V\xff\x00\x11&lt;\x15c\xaa\x88A\x10\xbd\xcc_&lt;`\xf5\x01\x86\x08\xfc\xeb\xf2\x97\xf6\xe3\xf8+\xa0\xfc\x08\xfd\xa7\xb5o\x06\xf8V\x1f+N\x92\xda;\xabH\xb3\xf7\x04\x8b\xbbn}\xb2G\xe1_\xb0\x15\xf9q\xff\x00\x05wsg\xfbP\xff\x00i\xaa\x9cG\xa6Y\xac\x8c\x07A\xe5\x9a\xf9\xbe)\xa3N\xa6Q6\xd6\xaa\xc7\xd4p\x8dz\x94\xf3\x98E7g{\xa3\xe0/\xda\x87\xc2^$\xf1\xe7\x83\xb5}"\xda\xe2dAj\xdf\xea\xf9\'\'\x1e\x95\xe6?\x06?k_\x87\xbf\xb3\xce\x98\xfe\x1bo\x05\xea)ml\x80\x16\xb3\xd3\xdd\x96I\xb3\x87\xc9\x1d\xf3\xd6\xbe\xbc\x9e\xc7L\xd4m\x8c\x9ePq*\x02\xd9\xee+\x96\xf8g\xfb&gt;\xfc?\xb9\xbd\x96\xc7Z\xf0\xa5\x9d\xcc\x0fr\xf2\x84\x9a,\xe0\xb3\x12H\xaf\xcer\xccDh\xa7\t\xec~\xa7\x8f\xa4\xea\xb4\xd1\xd3\xfc1\xd0\xff\x00k\x9f\xda[D\xb1\xd6\xbe\x12\xfc)\xb5\xb5\xb3\xd4\x01\xf2g\xd6\x1a[|\x008\'#\xbdtW\xbf\xf0Ko\xdb\x93V\xf0\xdc~\'\xd5|A\xa5\xdb_\xc9!\x12Y\xc5\xaa\x8d\x8a3\x8c\x8c\xaezW\xa4\xf8W\xe2\xaf\x8e\xfe\x0ch"\xca\x1f\x1a\xea\x11i6\xf1\xfe\xe6$\x97\x0b\x10\xc7@?*\xf2\xff\x00\x89\x1f\xf0S=M\xaf[IO\x8b\xd7\x96\xdeQ9&amp;\xec\x03__\x87\xfa\x94\xa0\x9d\x9b&lt;GC3\x94\xedNqH\xe0~)\xff\x00\xc1+\xbfl\xbd\x1bZ\x8b\xcb\xf1\xe5\xbc\xb1\xb4L\xf2\xe7R_\x97\x1d\x87\xcb_6~\xd4\xfe\x01\xfd\xa5?e\xfd&amp;\xcfS\xd5\xff\x00\xb35\xc8\xae]b\x16\xa9|d\x9dw&gt;\xdd\xdb\x14g\x03\xa9=\xab\xe8\x1dk\xfe\n\x05\xe2\x9f\x19jB\xdfO\xf8\xb1\xabO+)UH\xaeA\x1c\xd7\x1f\xe3a}\xe2T_\x10\xf8\xb7P\x96\xfa\xef\xcb"\x16\xb99(\x0f\\~5\x9e\'\x11\x84\xa3\x1d#\xa8\xfe\xa7\x8do\xf7\x93O\xd0\xf97E\xd1\xfcg\xf1+\xc4K\x1f\x8at\xc4\x81\x92q0U$\xed+\xcfz\xf6\x8f\nxNhu\x01o+d9\xc75z\xc7B\xb6\xd3\xae\xce\xa0a\x1ekulV\xcf\x86\x81\xbf\xf15\x9d\xb5\xba\x02D\xca\xce}\xb3_7R\xab\xaf\x89\x8fk\x9e\x95*J\x86\x16V?z\xff\x00\xe0\x9bV1\xe9\xdf\xb1\xc7\x83\xed#Lm\xb7\x98\x1f\xa8\x95\x87\xf4\xafu\xaf\x15\xff\x00\x82|\xe0~\xca~\x1a\x89F6\x0b\x81\xff\x00\x91\x98\xff\x00Z\xf6\xaa\xfdz\x87\xf0#\xe8\xbf#\xf1,G\xf1\xe7\xea\xff\x000\xa2\x8a+S\x10\xa2\x8a(\x00\xa2\x8a(\x00\xa2\x8a(\x00\xaf\xcc\xef\xf8(\x9d\xa5\xb7\xc4\x1f\xdaW\xc4zi\xf9\x96\xde\x08-\x81\x1d\x99c\\\xff\x00:\xfd1\'\x15\xf9[\xf1\xd7\xc4M\xe2\x0f\x8e\xbe+\xd6\x9d\xf2e\xd7.\x819\xec\xb2\x15\x1f\xa0\x15\xf3\xbcQQC*k\xbbG\xd3\xf0\x8d7&lt;\xe22]\x13\x7f\xa1\xf3j5\xef\x86uG\xd0\xb5\x11\x8d\xae|\xb2GU\xcf\x15\xd8\xf86\xde\'\x0fq\x0c\xb8r9\xab\x7f\x11\xfc\x19\x0e\xbbjnl\xe3"\xe1rVA\xeb^y\xa3x\xd6\xfb\xc2\x17\xc7N\xd5\xe3h\xdfv\x16F\xfb\xa6\xbf/\x854\x9d\xd1\xfa\xb5j\x89\xc0\xf6=^\xe2\x1dCDm\x17P\xb6Y\x84\x8b\x81\xbcg5\xf3o\xc5\x7f\xd9W\xc2z\xa6\xb8\xf7\x97:M\xb2\x89I-\xb6:\xf5=\x7f\xe3&amp;\x93\x06\x9e\xb7\x8a\xe1\x8a\xaf\xdeV\x1cW\x95x\x8b\xf6\xa4\xd0N\xa2\xcb\xa8N\xa5\xb3\x807\x0e+\xd5\xa1*\x94\xe1\xa6\xe7\x04jBR\xd4\xe5t\xdf\xd9\xbf\xc2^\x0b\xbb\x1a\x96\x9b\x02\xac\x89\x9cqM\xd5R\xf6\xe2s\x1d\xc3\xb7\x95\x17l\xd4^\'\xfd\xa0|9}(\xb6\xb3\xb8\x0e\xccy\xda\xc3\xadSO\x19\xdaOf\xf2N\xe1ZA\xb8\x0655aV~\xf4\x99^\xde\x9e\xd1)\xebo\x18\x88&lt;y\x1ct\xad\xbf\x86\xfa4\xbat\x8d\xe2+\x90s\x9f\xdd\xe4v\xaesOi\xb5\xadDN\xe3\xf7\x01\xb8\x1e\xb5\xda\xcbw\x14\x1ao\x91o\xc0U\xed\\\xaaj5Q\xd7\x18sQg\xeeG\xfc\x13\xae\xe7\xed_\xb2o\x86\xa6\xc7Q1\xfc\xe4\'\xfa\xd7\xb8W\xcf?\xf0K\xcdTj\x9f\xb1\xf7\x87\xc6\xe0M\xbc\xb2\xc6\xc0\x1e\x9fu\xbf\xf6j\xfa\x1a\xbfc\xc3;\xe1\xe0\xfc\x97\xe4~\x17\x8aV\xc5My\xbf\xcc(\xa2\x8a\xd8\xc0(\xa2\x8a\x00(\xa2\x8a\x00*+\xdb\xcbm&gt;\xd6K\xdb\xc9\xd68\xa2B\xce\xee\xd8\n\x07RMb\xf8\xf3\xe2o\x82~\x1bi\x87T\xf1v\xbfoh\xb8\xf9#\x92A\xbeC\xe8\xab\xd4\xd7\xcb?\x17\xff\x00i\xbf\x11\xfcX\xd6\x0e\x91\xa4,\xf6\x1e\x1fRF\xce\x8ds\xee\xde\xde\xd4\r&amp;\xcf\x97?\xe0\xa9\xdf\xf0Y\x9f\x8a\x9f\x0e&lt;{\x1f\xc2\x0f\xd9\xc3Xh\xb5\x1b\x89\x88\x8a;q\xf3\x18\x01\xda\xd39\xc88\xcf@\x08\xe2\xbc\xd3\xe1\x17\x8b\xbcO\xe3?\rE\xe2\x0f\x17\xca\x8f\xa9\\\xaf\x99vbB\xa0\xb9\xe4\xe0\x1fz\xf2\xef\xda3\xe1\xc5\xa1\xfd\xafo\xf5Mf\xddZ\xea{-\xd6bA\xd2\x1e9\x1e\xdb\xab\xd3\xbe\x14Db\xd3\xfe\xcc\x91\xfc\xb1\xb6+\xf3\x1e$\xc7V\xaf\x8b\x95\x19?u\x1f\xb2p\xe6\x07\x05\x86\xcb!V\x9c=\xe6\xb5\x97S\xb2\x9ftV\xc4\xaa\xeec\xd1;\xd73\xaf\xf8\x07C\xd7\x13\x17\xf0\x8f\x9f\x9c\xf7\x07\xeb]T\xf6\xecaYOPx\xf6\xa8\xed\xe2\xc4\xc3\xe5\x0e=1_?\x0b+\x1e\xadW\xa1\xe0_\x15\xbfemGP\xd3..\xbc-\xe27\x82FBDr\xbb\xb0\xfc\xab\xe1O\x8e\x9f\x0f&gt;9\xf8\x0bYq{\xe1\xab\xeb\xc8\xcc\x84,\xd0|\xa3\xaf\xb9\xaf\xd6o\x12\xc0\r\x8bD\x8b\xb4\x95\xfb\xc7\xa5x_\xc5\xcb\x8d\x16\xcfM\x92\x1dF\xc6\x19\x9f\x9c\x16\x8c\x1f\xe6+\xba\x96+\xd8\xbb\xeeq\xca\x84*\xe9\xb1\xf1O\xc1\xbf\x83\xdf\x10\xfcAk\x0e\xbf\xad\x99,\xd4\x8c\x88\xee\x01\'\xf45\xec\x9aG\xc3c\x0c*\xd3]3\xc9\x8eN\xe3\x81\xf8WA\xe1\xf8\xc5\xe2\xac1\x01\x1a\xe7\x85\x03\x15\xd1M\x04\x166\xa1I\x1c\xf6\xc5e[\x17:\x8c\xe8\xa5\x86\x84\x15\xacs\x96:\x17\xf6|h\x88\x01=\x18\x8e\x95gPV\x82\xcd\xf7\x03\x96^9\xab\xaa\xa8\xeed\'\xe9T&lt;Cy\r\xbd\x8b\xbeq\x859\xc9\xcdqsZG\xa7B\x1c\xd2\x8c;\x9f|\xff\x00\xc1\x1a\xbf\xe0\xa4\x1e\x10\xb0\xd1o\xbe\x0c\xf8\xe2C\x0c0\xdemV\x04\x17\x81\x94\x04\xf36\x8eJ\x10\x06q\xc8\xc0&lt;\xf3_\xa8\x9aF\xb1\xa5\xeb\xfat:\xbe\x8b\xa8Cum:\x07\x86x$\x0c\xae\xa7\xa1\x04u\xaf\xe5G\xc1~:\xf1\x0f\xc3\xdf\x18]x\x87\xc3\xfa\xa4\x96\xd7\t\xa8\xb4\xb1I\x1b\x91\x9e{\xe0\xf2+\xf5s\xfe\x08\xc9\xff\x00\x05\x0b\xf1\xef\xc4\x7f\x89\t\xf0\xb3\xc52\x19\xad\xe6X\xd2\xe5#\x18\x8ft\x87jH\xab\xd9\xb7c$pA\xe7\x91_\xa0p\xf7\x10\xc3\x14\xe3\x84\xa8\xbd\xee\x87\x17\x88\xde\x10\xe32&lt;\xa9g\xb8WzRW\x94{y\xaf\xf2?V\xe8\xa3\xad\x15\xf6G\xe0aE\x14P\x00N\x06Oj\xf9\xdf\xf6\x88\xfd\xa7\xbc]\xa2\xf8\x96\x7f\x00x\x08\x0b\x07\xb7A\xf6\xadBT\x0c\xfc\xff\x00pr\x07\xd4\xd1E);"\xe9\xa5*\x893\xe6\x87\xd5\xae&gt; \xf8\x8e\xfbY\xd5\xf5\x0b\xbb\x93ata\x9c\xde\xccdy\xe5\xc0p\xfb\x89\xe0\x0c\xe3\x02\xb6\x12\x160\x0b\x82x\x07\x81\x9a(\xaci\xc9\xb4zX\xeap\x8dU\x14\xb4G\xc9\xdf\xf0P\x1d\x02\r\x03\xe3o\x82~*Y\xbe%\xbd\xd3\xff\x00\xb2f\xb7\xc7\x04\x19\x89\xdfZ\x7f\x0f\xadD0\xbe\xc6\xe0\xb9\xc8\xa2\x8a\xfc\xcf\x88\xd2Y\x9b?M\xe1\xa6\xff\x00\xb2"u\xce\x80\xdb\x9czw\xac\xb8\xefLw\xaa\x9b8-\xebE\x15\xe1/\x84\xf6$\xae\x89|Ou\x8b2\xa8\xb8\xf9y\xaf\x00\xf8\xbfl\xb3\x16\xdd\xfcG\x8fj(\xad7Z\x93IZG\x9fh\xe5\xad\xee\xcc1`c\xbe*\xd6\xa1y4\xf7\x02-\xd8\xa2\x8a\x89nt\n\x88aO%\x9b$\xe7\x06\xb8\x9f\x8b\xde#\x9fC\xd0\x1e(#\xcb\\\x1f,6~\xeeGZ(\xac%\xb9\xf4&lt;=N\x15s:Jj\xea\xe8\xf1\x1b\xc9%\x16^c6\\6\x0bz\x9fZ\xfd\x1d\xff\x00\x82\x0c\xfc?\x81\xfck\xa7\xf8\xfc\xddf{\xedn\x1bR\x84}\xd5\x89\xcb\xe7&gt;\xf8\xa2\x8a\xf6\xf8R1y\xb2v?`\xf1\xcer\xa3\xe1\xe4\xa1\x07e\xca\xb4?pW;FO4\xb4Q_\xad\x9f\xe7\xf0QE\x14\x01\xff\xd9'</t>
        </is>
      </c>
      <c r="M558" s="3" t="n">
        <v>45492.67717592593</v>
      </c>
    </row>
    <row r="559">
      <c r="A559" t="n">
        <v>1589416</v>
      </c>
      <c r="B559" t="n">
        <v>1974</v>
      </c>
      <c r="C559" t="inlineStr">
        <is>
          <t>Leandrinho</t>
        </is>
      </c>
      <c r="D559" t="inlineStr">
        <is>
          <t>Leandrinho</t>
        </is>
      </c>
      <c r="E559" t="inlineStr">
        <is>
          <t>UNK</t>
        </is>
      </c>
      <c r="F559" t="inlineStr">
        <is>
          <t>UNK</t>
        </is>
      </c>
      <c r="G559" t="inlineStr">
        <is>
          <t>UNK</t>
        </is>
      </c>
      <c r="H559" t="n">
        <v>170</v>
      </c>
      <c r="I559" t="n">
        <v>66</v>
      </c>
      <c r="J559" s="2" t="n">
        <v>38427</v>
      </c>
      <c r="K559" t="inlineStr"/>
      <c r="L559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e2\x02@ICC_PROFILE\x00\x01\x01\x00\x00\x020ADBE\x02\x10\x00\x00mntrRGB XYZ \x07\xcf\x00\x06\x00\x03\x00\x00\x00\x00\x00\x00acspAPPL\x00\x00\x00\x00none\x00\x00\x00\x00\x00\x00\x00\x00\x00\x00\x00\x00\x00\x00\x00\x00\x00\x00\xf6\xd6\x00\x01\x00\x00\x00\x00\xd3-ADBE\x00\x00\x00\x00\x00\x00\x00\x00\x00\x00\x00\x00\x00\x00\x00\x00\x00\x00\x00\x00\x00\x00\x00\x00\x00\x00\x00\x00\x00\x00\x00\x00\x00\x00\x00\x00\x00\x00\x00\x00\x00\x00\x00\x00\x00\x00\x00\ncprt\x00\x00\x00\xfc\x00\x00\x002desc\x00\x00\x010\x00\x00\x00kwtpt\x00\x00\x01\x9c\x00\x00\x00\x14bkpt\x00\x00\x01\xb0\x00\x00\x00\x14rTRC\x00\x00\x01\xc4\x00\x00\x00\x0egTRC\x00\x00\x01\xd4\x00\x00\x00\x0ebTRC\x00\x00\x01\xe4\x00\x00\x00\x0erXYZ\x00\x00\x01\xf4\x00\x00\x00\x14gXYZ\x00\x00\x02\x08\x00\x00\x00\x14bXYZ\x00\x00\x02\x1c\x00\x00\x00\x14text\x00\x00\x00\x00Copyright 1999 Adobe Systems Incorporated\x00\x00\x00desc\x00\x00\x00\x00\x00\x00\x00\x11Adobe RGB (1998)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curv\x00\x00\x00\x00\x00\x00\x00\x01\x023\x00\x00curv\x00\x00\x00\x00\x00\x00\x00\x01\x023\x00\x00curv\x00\x00\x00\x00\x00\x00\x00\x01\x023\x00\x00XYZ \x00\x00\x00\x00\x00\x00\x9c\x18\x00\x00O\xa5\x00\x00\x04\xfcXYZ \x00\x00\x00\x00\x00\x004\x8d\x00\x00\xa0,\x00\x00\x0f\x95XYZ \x00\x00\x00\x00\x00\x00&amp;1\x00\x00\x10/\x00\x00\xbe\x9c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f\xcd?\xf8*\xbf\xfc\x1ce\xf0;\xf6/\xba\xd4&gt;\x0b~\xcb\xb6\xda_\xc4O\x89V\xb2$w\x97\x92K\xe7h:3\xee&gt;ds\xc9\x0c\xaa\xf7\x13\xa8\x01L12\x84,w\xc8\xaf\x1bD@?K+\xf9\'\xfd\xb1\x7f\xe0\xaf?\xb7\xe7\xed\xc1%\xe5\x87\xc6\xdf\xda\x0bV_\x0f]\xeeF\xf0\x7f\x87\xe4\xfe\xce\xd2DE\xfc\xc1\x13[\xc1\xb4\\\x85o\xba\xf3\x99d\x00\x0c\xb9\xc5O4@\xfe\xa4\xfcY\xfb`~\xc9~\x02\xd7d\xf0\xbf\x8e\x7fj/\x87Z.\xa7\x0b\x016\x9d\xabx\xda\xc2\xdax\xc9\xe8\x0crJ\x18g\xdcW\xf1\xac/\xae\xc8\xdc\x1f\xf8\xb8!\xa8\xe7\x0b3\xfbd\xd1u\xdd\x13\xc4\x9ad:\xd7\x87u\x8b]B\xce\xe1wAwep\xb2\xc5 \xf5VRA\xfc\r\x7f\x17\xdf\x0b\xbe8|`\xf8\'\xe2\x98|k\xf0o\xe2\x97\x88\xbc)\xacB\xb8\x8fT\xf0\xee\xb15\x9d\xc2\xaf\xf7|\xc8\x99[\x1e\xd9\xc1\xa3\x9a \x7fiu\xfc\xe6\xfe\xc5\x7f\xf0u\'\xed\xaf\xf0k\xc4\x96:\x07\xedga\xa6\xfcT\xf0\xab]F\xba\x85\xe7\xf6|6\x1a\xd5\xac&lt;)0Kn\x12\tJ\x8c\xbe\xd9\xa3-!\x1b|\xd8\xc1\xdc\x0ed\x07\xf4e^]\xfb%~\xd9\xdf\xb3g\xed\xc7\xf0\xb6\x1f\x8b\xff\x00\xb3/\xc5\x0b\x1f\x12i,\xc2;\xd8b&amp;;\xad:ns\x05\xcc\x0f\x89 \x93\x83\x80\xc0\x06\x1f2\x96R\x18\xd0\x1e\xa3E\x00\x14P\x01E\x00\x14P\x01E\x00\x14P\x01E\x00\x14P\x01E\x00\x14P\x01E\x00\x15\xf1O\xfc\x17\xc3\xf6\xe9\xf1o\xec)\xfb\x02\xea^"\xf8k\'\x93\xe2\xaf\x1cj\x8b\xe1m\x0fPK\xa3\x1c\xba_\x9fm&lt;\xb3^\xa0R\x18\xbaE\x0b\xaa2\x91\xb2YbrN\xdd\xac\x01\xf0_\xfc\x1c\x17\xff\x00\x05\xc1\xd6|]\xaax\x93\xfe\t\xe9\xfb$j-\x0e\x8fo1\xd3\xbe"\xf8\xd2\xd6\xe0\xac\x9a\x8c\xca\xdf\xbe\xd3mYH\xdbn\xa4ysHNf`\xf1\x00"\x0c\xd3\xfef\xfe\xcd\x9f\x04,|sr\xde.\xf1\xa1-`\x8cv\xdb\xf43\xbf\xfbG\xb0\xfa~u\xe7\xe2\xb1\xf4p\xebVz8&lt;\xb6\xbe*J\xcbC\x85\xf0G\xc1?\x1f\xfcC\xbeQ\xa3i.#c\xbb\xedSFV\x15\xf6$\xf5?\xad}\xbd\xe1\xad"\xc1\x16\x1d2\xce\xda8ma\xf9c\x865\n\xa0c\xa6+\xe7+\xe7\xf55PH\xfa\x8c/\r\xd1\xd1\xd4m\x9e#\xf0\xc7\xfe\t\xe1q\xe2\x89!MCU\x9e\xf2O3\xf7\xb6\xf6\x91\x85S\xed\xb8\xf4\xef\xce9\xfc+\xec\xef\x85\xcd\x07\x87\xad\xe4\x8e\xdac\xfb\xccn\x07\xa0\xc7O\xe6\x7f3\\\x1f\xda\xd8\xca\x9a\xcamzX\xf4\xbf\xb1\xf0\x14m\xcbM?[\xb3\xc55\x1f\xd8#\xe1\xff\x00\x80\xb4\x88t\xeb\xef\x02B\xef"\xe5\xa6\x95\x8c\x8c\x1b\xa8$\x93\xc1\xe0\x8e8\xfdk\xe9\xedR\xca;\xcbW\x9d\x82\xbb4eC1&lt;w\x03\x9e\x82\xb0\xa9\x8e\xad(\xe99}\xe6\xd4pXd\xfd\xeaq\xfb\x8f\x86&lt;w\xfb\x1f\xf8\x12\xfd\xa6{-!\xac\xdbo\xde\x87\x85\x07\xe9\xd3\x15\xf4\xd7\x8d\xb4Q\x1a\xc8\xcdo\xbbty\xf9Fq\xfe\x15\xc9\x0c\xcb\x1dOj\x8f\xef;%\x96e\xf5\x16\xb4\xd7\xdc~}\xf8\xfb\xf6S\xd64$\xfbV\x83\xab\x0b\xbd\xaaZHd]\xaf\xff\x00\x01\xec\x7fJ\xfa+\xe2&amp;\x9e\xf0O*\x08\x99s\xcf\xdd\xafW\x0f\x9ec\x13\xf7\x9d\xcf3\x11\xc3\xb9|\xe3\xee\xc6\xde\x87\xcc\x7f\xb3\x97\xed)\xfbE~\xc2\xbf\x19,~3\xfc\x06\xf1\xce\xa1\xe1\xbf\x11\xe9\xbb\x97\xcc\x89\x7fwu\t`^\xdex\x9b+&lt;.Ur\x8e\x08%T\x8c\x15V\x1d\xdf\x8c\xfc1\xa7\xf8\x86\xcd\xec\xf5k5n\xd1\xcd\xb7\xe6S\xea\r{\xb8|\xe22\xb7:\xfb\x8f\x9b\xc5d2\xa7\xf0K\xef?\xa3\x1f\xf8$O\xfc\x15\xc7\xe1\x1f\xfc\x153\xe0\xe4\xfa\xa6\x9bc\x1f\x87\xfe!\xf8j\x18W\xc6\xde\x0f2\x16X\x8b\xe4%\xe5\xab\xb72\xdbHU\xb1\x9f\x9e&amp;\xf9\x1f?\xbb\x92O\xe7\x8f\xfe\tU\xfbd\xf8\x9b\xfe\t\xc3\xff\x00\x05\x08\xf0\x7f\xc5(5\xc5\xb5\xf0\xdd\xe6\xa9\x1e\x87\xe3\xc5\x99s\x1c\xda\x15\xcc\xf1\x8b\x96a\xd7tAR\xe1q\x8c\xbd\xba\x0eT\xb0&gt;\xf5:\x91\xa9\x1b\xa3\xe7jR\x9d)r\xc9j\x7f[\x14V\x86aE\x00\x14P\x01E\x00\x14P\x01E\x00\x14P\x01E\x00\x14P\x01E\x00~.\xff\x00\xc1\xdb^(\x1a\xd6\xb7\xf0#\xe1-\xad\xdf\xdc]wU\xbe\xb7\xf3\x17\x041\xb2\x8a\x16#;\x87\xdd\xb8\x19\xc0\x07\'\x04\xe1\xb1\x8d\xff\x00\x07;\xf8/\xc4z\x8f\xed\xa1\xf0\xb7[%\xbf\xb3\xef~\x1f=\x9d\x8e\xe5;E\xc4w\xf34\xa4v\xce\xd9\xa0\xcf&gt;\x99\xea3\xcd\x8a\xa9\xec\xe9\x9dXZ~\xd2\xa5\x99\xf17\xc0\xcf\x0e\xcdc\xe1hlc\x87\x11/\t\x81\xc9\xc7S\xf9\xe6\xbb(\xec\xef&lt;=\xa2[\xe8:\x1e\xa1\xf6\t\x9a1\xe7\xea\x1eHv\x82!\xc6S&lt;o\'\x80ONN\x0f\x02\xbe\'0\xaf\x19J\xf2v&gt;\xeb-\xc3\xc9%\x18+\xbf\xc8\xec\xbc5\xa6xoH"O\x12x\x9e\xc7M\xdb\xcb%\xd4\xe0?\xe5\xd7&amp;\xb9}/D\xfd\x98\xf4=:k\xaf\x1cj\x16\ty$fK\x8b\xedj\xe9d\xb8f?\xc5$\xb2\x10\xb1\x93\xdb,\xb9\xcf\x1d\xab\xcc\xa7N\x8d}"\xe4\xfd\x12\xff\x003\xd4\xad,F\x1e7\x9b\x8a\xf5o\xfc\x8fh\xf0G\x8e\xfe\x13\x9dB\x1d*\xc7\xc5\xf0\xdd\xc9$\x813\x19\x0c\x8aH\'\x9e\xeb\xd0`\x9e\xb9\xfa\xe3\xe68\xfe)|*\xf0\x9f\x88Y\xbc\x01-\x9d\xf5\xaa\xcd\xb7\xed\x16\xec\x8f\x199\xce\x04\xb13\xa1\xc7\xfb\xdd\xbf\x1a\xd2x^]Te\xf3I\x11F\xbdJ\xdbN?#\xef\x1dW\xc3\x13$\x0b,.\xad\x1b\x00\x19c\x1d?\xcf\xf9\xe9^\x15\xf0\xcf\xe3\x17\x8a&lt;qjmln\xe5\x0c!\xdc\xd2HF\x14c\xdc\xf3\\\x9c\xd1\xe6\xb3L\xec\xf6\x15b\xb9\xae\x8fB\xf1\xde\x8d\xe1\xed#M\x93S\xd5n\xf6\x84\xea\xa8\xa4\x9epq\x8e{\x7f*\xf9\xb7\xe2\xe7\xed\x03\xa9\xe8:\x95\xe5\xb5\xd1f\xf2N\xdd\x92I\xf2\xe7\x18\x04/rx\xa7\x1aj\xac\x92Q\xb8\xe5\xed(\xc7YX\xcd\xf8\x8f\xf1o\xe0\xed\xe6\xab%\x84\xba\x9c\xd6\xb2d\xef3\xc7\x8e;\x1ek\x92\x87\xe2\xc7\xc1\r\x07\xca\xd5\xbe3Gem=\xd0\xdfg\r\xdd\xbcE\x9c\x13\xf7\x82r\xdb\x7f\xda`\xa0\xf6\xcdz\x14\xf2\xf5\xbci\xce\xfeO\xfe\x01\xe7\xd5\xc6N\x1aJ\xb4\x17\xaa\xff\x00\x82\x8cMj\xd7\xc3\x1e)\xd3\xe6\xbf\xf0n\xb9\r\xe2\xc1\x8f3g\x0c\xa4\x8e\xe3\xb7J\xd6\xd4\xfcw\xf0S\xe2F\x9d$&gt;\x0f\x8a\x18af,\xff\x00\xd9\xec\xb032\xf0\x1c\x18\x8f?\x99\xc5G\xb4\x95\x1a\x89J\x12^\xbf\xd2-SU\xa9\xde3\x8c\x9f\x96\x9f\xe6|\xc7\xf1oH\x92K\x96\xb9k\x7f\x9b$Wq\xf1\'\xc3\x13\xcde#\xdc~\xf1\xa2\\\x99\x08?\xbc\x03\xf8\xcf\xb9\x1dq\xde\xbe\xa3/\xc5++3\xe4\xb3L$\xb5\xba\xb3?\xab\x9f\xd8\x97\xe2\x95\xef\xc7\x0f\xd8\xd7\xe1?\xc6]P/\xda\xfcU\xf0\xdbC\xd5\xaf\x15P(Y\xae,!\x96A\x80\x00\x18va\xc7\x1e\x9cW\x92\x7f\xc1\x10\xef\xf5\x9dG\xfe\tE\xf0F]v=\xb3C\xe1\x1f\xb3\xc67\x86\xfd\xccW3E\t\xe3\xd6$C\x8e\xdd;W\xd0\xc5\xde7&gt;fK\x96V&gt;\xaa\xa2\xa8\x90\xa2\x80\n(\x00\xa2\x80\n(\x00\xa2\x80\n(\x00\xa2\x80\n(\x03\xf2/\xfe\x0e\x15\xf8\xaf\xf0g\xe2\xb7\xc5o\x84\x9e\x0b\xf0g\xc4-7T\xd7&lt;\x15\xad\xeb\x16^#\xd3mY\xd9\xac\xde\xe3\xec\x04#8_/r\x9bfW@\xc5\x91\xb8`\x0f\x15\xf0_\xc7=\x1b\\\xf0w\xc6\x7f\x14\xde\xf8\xbfR\xbc\x99\x07\xc4{\xa2\xcb\xa8+\x19\x12\xe0^\xca\xbb\x97#r\xfc\xa5I\x07\x8c1\'\x9e\xbf+\x88\xcec[\x10\xe8J6\xd5\xdb\xbe\x87\xda\xd3\xe1\xd9a\xf0\xb1\xaf\x19]\xb4\x9b\xedg\xaf\xa9\xa5\xad\xc3\xe2\r^i\xad&lt;2m\xd2C\xf2\xac\xb7\x03r\'\x03\xb7\x7f\xccWM\xf0\xc6\x08.\xbcB\xb0\xddH\xbeJ\xaa\xbc\x9b\x87Ry\xfeU\xf2\xf8\xe7\xec\xebs=O\xa1\xc08\xca\x95\x91\xe0\xba\xaf\xec\xd5\x06\x9b;jz\xad\xc7\x88/5a|\xb71j\xda&gt;\xa8\x9e|\x0c\xa5\x88\xf2\xfa4\x07\x93\xf7\x1b\x07\x82K`\x1a\xfb\xa2?\x0ex\x07\xfb$j:\x85\x84?\xea\xf2ee\x03\x1cq\x9f\xf1\xae\x8c.?\x15\x14\x9c[_\x82\xfb\x82\xbe\x0f\x0bS\xdd\x94\x13~\x89\xfe;\x9f!\xf8[\xe1\xc6\xa3g\xf0\xf6\xe3@\xd4\xf4T\x91\xa5\xd6\xae5\x83\xad\xeb\x90\x89uyf\x98F%\x0f8b]\x1b\xcb\\\x87\xc8\xc8$|\xc4\x93\xee\x1f\x14n\xf4\xaf\x11\xda\x7f\xc2\x1d\xe1\x98c\x8d\xef\x06\xe9$\x18\\F\x08\xc9\xcf\xbf\x15\xd3\x89\xcc\xf1\x12\xa7g+\xfa\xeaF\x1f+\xc3\xc2\xa2q\x8d\xbd\x0f&gt;\xf8!\xe1\xebf\x9a\xe7P\x8bR\xfb\x05\xb4v\xef\x1c\x0b\xb8\xe1\xbeB;z\x91\xf9\x1a\xf6\xdf\x81\xda\x07\xc3?\x0c\xe9\xf3[x\x8a\xfbM[\x91\xa7&lt;,.\xad\xfc\xd5L\xae2\x06\xd3\x86\xe3\x83\xd4s\x8c\x1a\xf1\x15\xebT\xbb\x7f\xd7\xdez\xeeQ\xa3N\xc97\xa9\xf1\xcf\xc4\xcd\x12+\x0f\x1e\xceu8\x8c\xd0\xdd2\xacs\t\n\x98e\xdd\x95`pGn\xf5\xeb\xbf\x1c&lt;7\xe0\xdf\x14\xdc]iZ&amp;\xa3n6\xdc|\xf2"\xe0(\xcf\xd3\xd2\xb4\xa1U\xd2\xf7^\x9e\x7f\xf0\xdb\x8e\xb5\x17[\xdeG\x01u\xe1\xbb\xd7\xf0\xccz4\x9a}\xd5\xc5\xaczd\xb6J\xban\xact\xe9\'\xb7\x95@\x969\xfc\x94_\xb5y\x80\x00\xcd!r\xd8$\xe4\xb1\xcfu\xf0\x17\xc6~\x13\xbc\xb1\xb8\xf0\xae\xb2\x12k\xab\x1b\x83\n\xdc\x9eD\x83\x01\x81\xe7\xfd\xe1\xf9}k\xd2\x8ee\x99S\x8d\xaf\xa7\xabG\x9b,\xaf/\x94\x9c\xb9u\xeb\xa2&lt;%\x7fg\x08\xe6\x9a=WK\xd2\xd7C\x92\xddBD\xd6\xb39l\x01\x85\x0c\xc7\xa8\n0\x06\x0e8\xc6+\xeb\x8f\x19\xe9\xfaU\x8e\x90\xe68\xa2hZ2U\xb6\x83\x8cg\x18&gt;\xf5\xc9S2\xc5E\xb4\xff\x00;\xfef\xf1\xcb\xf0\xaf\xe1_v\x9f\x91\xf1N\xb9gyl\xff\x00\xd9Z\xb8W2\xc6\xf0\x86\xdb\xd4\xe3\x00\xd6\xe7\xc5\xfd&gt;\xde\xdf\xc4\xeb\xf6b\xc62\xec\xdd:`\xe7\xfaW\xab\x95\xd4\xe7\x972\xd0\xf0\xf3\x8an1\xe5g\xee\'\xfc\x10\xb3\xfe\n%\xfb&amp;|Y\xfd\x9b\xfe\x1c~\xc5\x9e\x04\xd6\xf5\r?\xc7\x1e\x13\xf8{l\xd7\x9a^\xb1jc\x8e\xfeH\xd4}\xa9\xade,\xc2LH\xe6O,\xedm\x8cJ\xa9H\xdc\xa7\xe6/\xfc\x10#\xc1si?\xf0T\x7f\x84~!\xbc\x12)\xba]g\xec\xec\xed\xc3\x05\xd05\x10\xe9\x8c\xe3\x82\xc9\xd3\xd0\xf7\xaf\xa4\xc1\xe6\x7fX\xc4{%\xe7\xf8\x1f;\x8f\xc9~\xab\x82\xf6\xed\xbb\xe9\xbf[\xf9\x1f\xd1\xf5\x15\xec\x1f:\x14P\x01E\x00\x14P\x01E\x00\x14P\x01E\x00\x14P\x01E\x00\x7f&gt;\x7f\xb7\xf6\x9f\xfd\xa1\xfbY\xf8\xf3M\xfe\xc3\x92\xf9\xad\xfe*x\x82\xe1\xad#P\x0c\x90\xfd\xb1\xf6\xb2d\x80\xe5Y\x19J\x83\x9c\x05\xe3\x9c\xd7\xe8W\xfc\x14G\xf69\xd4\xbc\x13\xf1\xceo\xda\xcb\xe1\xe7\xec\xed\xa9|I\xd3\xf5\xc8Tk^\x15\xd1c2Ig\xa9\x84\xf2\xd6\xec\xdbG\x04\xafq\x0c\x8a\x10\xba"\x82%F\x91\x98\xf9\x99_\x8f\xccrz\xd51\xd2\xad\xcc\x94w\xbd\x9b\xf9Y\x1fy\x95\xe7\xd4i\xe5\xf1\xa0\xa2\xdc\x96\x8d]/\x9d\xdb_\xd7C\xf2\x7fD\xf1\xf2\xf8[T\xde\x1d\x93\'\xe5\xf9}\x80\xc6=}\xab\x9f\xf8\xc3\xe1\x1f\x18\xf8\x07\xc5\xd3x[\xc7\xde\x1a\xd6\xb4}b\xd3\xcb7\x9a\x7f\x88t\xc9l\xef#/\x1a\xc8\xa6XeUt,\x8e\xae\x03\x01\x90\xe0\xe3\x06\xbc\xdcv\rV\x8a\xe6N\xff\x005\xf83\xbb/\xc5*u\x1aV\xb2\xf3\xbf\xe4w\x17\x9f\x1a\xb5MOC\x8e;\xbb\x89\x93O\x8dc\x126\xd3\x96$\xe0.=I\xff\x00\xf5W\x1bsg\xae\xea_\r.G\x85\xadb7\xb6\xd7\x11\\\xc2\xb27\r\xb4\xe3\x1fN\xf5\xc1B\x9f,\xbd\x9b\xfcOj\xa5Ow\x9e*\xe7E\xe3\xfb\xf5\xd64q{\xe1\xadF{\x1b\xd8\xe3P\xb7\x10\xe0\xb8\xf5\xfb\xc0\x83\xdb\x82;z\xd6W\xec\xfd\xf0\x97\xf6\xb0\xf8\xcf\xe2q\xe1\xef\xb2\xe8z\\\x91\xba\xb2\xdd6\xa2\x06\xe8ZTB\xea\x15w\xb6\xdd\xdb\x88\x18\xc0C\xdc\xa8=?Q\xc5||\xca\xde\xb7\xfd\x0eo\xaf\xd1Q\xb4\x97/\xae\x9fv\xa6G\x81|)\xaaO\x04\xa9\xae|I\xf1=\xbc\xd7\x04\x9f\xb6ym(\x7f\xf6N\xe8\xf6v\xc6\x14\xaf\xe3_Zx\x1b\xfe\t\x9d\xfbe\xddh\x1a\x9e\xa3?\x8d\xfc)lt\xdbW\x9e8\xe3\xb9i$\xba`\xf3/\x96\xaf\xb5A$E\xb8\x13\xc1\x0e\xa0\x1e\xb8\xec\xa7\x83\xa8\xf5\x7f\x96\x862\xcc01\xb2\xf6\xa9|\xcf\x83~\'\xf8cR\xd1\xbcF\xd3\xdax\x97\xc43F\xdf3\xddI4\xb1\xf9\xa3\xd4\xa0P\x98\xe3\xd0\x81\xeapk\xed\x8f\x8f\x1f\xf0J\x8f\x8e\xbe\x1c\xbd\x81\xb5\x0f\x8f\x1e\x14\x9a\xee\xf3J\xfbE\xbckj#gq2#F\x9f\xbc,\xc1w\xaed\xda\x00,\x80\x81\xb8U\xfdV\xacu\xe8\x11\xc6\xe5\xb55\xf6\x89\xbf\xeb\xbd\xbe\xfd\x8f\x8d\xfe\x16x\xbf\xc3\xbe\x1b\x8a\xea?&amp;Id\xcf\x99\xbb;\x9bw\xa9\'\xbfO\xd2\x9d\xfbC~\xcc\x7f\xb4\'\xc2O\x11H\x97Z\xa6\x8bu\xe5]=\xbc7\x11\xdc\x05i\x02\xcb\xe5\x93\xb3\x1b\x86\x08\xce=\x8fpk)`\'V&lt;\xdc\xd6\xf5o\xfe\x01q\xcc!\x1fv\x9a\xe6\xbfd\xbf\xcc\xe9\xb5\xaf\x8e&gt;$\xd4t(\xe2\xb8\x92H\xd9c\xdd\xf7\x8e\n\xe3\x07\x1d\t\x1d\xba\n\xa3\xaex*\x0f\x08|&lt;K\xbdV\xeb\xed\x17\x1ff\x91w?Vff?\x90\\z\xd7\x0c\xe8\xd3\x9c\xb9V\xac\xea\xa7^Q\x83\x93\xd0\xf2O\x11x\xaa\xf3\\\xd6\xfc\xc9%yym\xb9n\xbe\xd5\xd2\xfe\xcf_\xb3\x8f\xc5o\xda\x8f\xe3\x0e\x8b\xf0K\xe0\xa7\x85\xa4\xd6\xbcM\xae-\xd3\xd8\xe9\xe2\xf2+p\xeb\x05\xbc\x93\xbee\x99\xd28\xf0\x911\x05\xd9A8Pr@&gt;\xce\x0e\x87+q\x82oC\xe6\xf1\xd8\x85;:\x8e\xc9\xbe\xa7\xd5\xdf\xf0BK\xaf\x11j\x9f\xf0S\x7f\x84\xfa,\xd6\xb2K\x1e\x8fy\xe2\x0b\x89\x964,\xb6Q\xb6\x85\x7f\x1e\x0b`p\xce\xe9\xcf@J\x81\xcbW\xe9\xa7\xfc\x11\xe3\xfe\t\x83\xe3\xbf\xd9\x0e\xf3R\xfd\xa1?h=?O\xd3\xfc}\xaexv-\x154=\'T{\xc8\xac-D\x89$\xd2\xc9!%|\xe9\x9a\x1b|\xc6\x85\xd2? \xb2\xc8\xdeq\x8e/W.\xcb\'\x86\xc4*\xad\xe9o\xc5\xf9\x1eNm\x9cC\x17\x85tm\xad\xfb\xa6\xac\xbc\xd6\xe7\xdd\xd4W\xbc|\xb8Q@\x05\x14\x00Q@\x05\x14\x00Q@\x05\x14\x00Q@\x05\x14\x00Q@\x1f\x90?\xf0r/\xc0\xdd\x07\xc3_\x15|\x05\xf1\xfbC\x84Gy\xe2\x8d6\xebN\xd7"X\xd4+\xc9da0\xcep2\xce\xd1\xdc\xf9D\x9e\x8b\x04@W\xa0\xff\x00\xc1\xcb\x88\xd1\xf8\x07\xe1E\xf2\x8f\xf5z\x96\xb0\x8c\xbe\xaa\xd1\xda\x13\xff\x00\xa0\xd7\x97\x9aB\x9c\xa9\xc5\xcb\xb9\xedd\xf5kFR\x8c}O\xcc\xcf\x85\x9a\xfc6\xd7qZ\\I\x88\xe4\xf9\\\x1e\x9bk\x8f\xd3ov*\xdc\xc1)\x07wL\xf7\xaf\x97\xad\x97\xf3{\xf1&gt;\xb7\r\x98\xf2\xfb\xb2\xd0\xf7-n\xef\xfe\x11\x8b\x88\xf5\x0bE3XM"\xc9\xb9z\xdb\xc8\x19v\xc8\x08\x1f)\x18\x04\x1e\xc4g9\xac?\x87~&amp;&gt;"\xb0m:i\x83\x7f\x08\r\xdf\xd8\xe7\xde\xb8}\xa5l.\xe7\xabJP\xad\xac\x1f\xf9\x1e\x91\xf0\xefK\xfd\x9du\xad\x1a\xf0j\xda\xcd\xd6\x87}\xa8..\x9bO\xb9h\xfc\xeeI\xc3\x94\xfb\xf9,\xdd[\x04\xb3z\xd7\x9ax\xaf\xe0BkW{\xc2\xdcZ3\xe3kA3.\x7f#]\xd4s\x15\xcb\xd7\xfa\xf9\x9b\xce&lt;\xd6n\x0b\xe5o\xf2gO\xf1\xebH\xf8\x07\xa0i&amp;\xefO\xd6\x7f\xb6/\x1a\x16\x8d./\x94O*.8\xf9\xe4\x0c\x7f"?:\xf2-k\xf6|\xb3\xd2\'\xd9u\xa8\xdd\\H\xb2\x03\xb5\xa4s\x9ey\xe7"\xaeY\x84w\xbb\x1d8\xfb5\xa58\xff\x00_#\x1f\xc3O?\x895\xc6\x9e\xe5\xdf\xfb2\xce\xe6Y\xf7M!f\x92I\x18\xbb31\xe4\xb3;\x16$\xf2I$\xf5\xa8\xfcOz&lt;\x11\xa5\xb5\x9a\xfe\xe2B\x87\xf7|aG\xbdsJ\xac\xf1VQ9\xea\xd4\xf6:\xca\xcb\xc9h\x8co\x8c\x7f\x10$\xd4f\xfe\xc8\x12\xa7\x96\xb9!Ux_a\xfc\xbf\n\xf3-o\xc4\x1fif\xbf\xbb\x97\xe5\xc1\x0b\xf2\xf5&gt;\x95\xe8a\xf0\x1c\xba\xb3\xc1\xc5f\\\xda\'\xf2?T\xff\x00\xe0\xd6\x9f\x84\xda\x17\x88\xbe?\xfcQ\xf8\xe1~\xfb\xaf\xbc1\xe1[\r#M\xb7h\xc1P\xb7\xf7\x12\xc9$\xc3&lt;\xab/\xd8\x02\x02:\xac\xd2\x0e\x99\xce\x97\xfc\x1aY\xaa\\^x\x97\xe3\xcf\xda\x81\xdd-\x9f\x86\xd9\x07eUmLc\xff\x00\x1e\x15\xf4\x19u:pR\xe5\xdc\xf9\x9c\xd2\xb5j\x9c\xbc\xdb\x1f\xb4\x14W\xa4x\xe1E\x00\x14P\x01E\x00\x14P\x01E\x00\x14P\x01E\x00\x14P\x01U\xf5\x1d_L\xd2c\xf3u+\xe8\xe1\x18\xc8\x0c\xdc\xb7\xd0u?\x85\x00X\xaf\x9c\xff\x00\xe0\xa2\xff\x00\xf0Qo\x00\xff\x00\xc1&gt;\xbfg{\x8f\x8e:\xff\x00\x86g\xd6\xee%\xd4"\xd3\xf4=%g\xfb?\xdb\xae\xdd]\xc2o!\x8a(\x8e9\x1d\x89S\x80\x87\x00\x9c\x03\\\xad\x81\xf2\x0f\xfc\x1c\x9d\xac\xc3r~\x10\xf8J+\xd5-\xff\x00\x13\xbb\xab\xabu\xe5\x95I\xb1H\xdc\x8fC\x89@\xf5\xda}+\xe4\xbf\xf8(\xa7\xed\x13\xf1\x13\xf6\x8f\xf8\xc7\xa2\xf8\xd7\xe2V\x99kc~\xbe\x16\xb7\xdd\xa7\xdaJ\xd2Gm\xbai\x89\x8c1\x03v\xd6\x057\xed]\xdb3\xb5z\x0f\x9f\xcf\xaa{:q\x87\xcc\xfaN\x1e\xa1\xcfRS~\x87\xca:\x9d\x9c\x96\x0e\xd2\xdbz\xe0\xadvW&gt;\x1cMFf\x05Wl\x83&lt;\x0e\x86\xben\x9e;\xd9=\xcf\xac\xa9\x97\xc6\xb4NW\xc2\xff\x00\x10\x9b\xc3wB\xe87\xca\x0e\x1a&gt;\x06\xd6\xf5\xe9\xfesY~3\xf0%\xed\xbc\xf2E\x14\xcc\xac\xdc\xfd\xde\xb5\xdd\xf5\x8c.*&gt;\xfd\x8e\x07\x84\xc6agx\\\xf4\xe8\x7fj\xb8\xd6\xddl\xa6\xd4`\x90n\x07\xf7\x80n\x04\x0c\x0ct\xff\x00?\x8d|\xd1\xe2\x1f\x06x\xbe\xdd\x99\xa2\x82F^\xc5Eg\xf5\x0c,\xbe\tX\xd7\xfbC\x19\x05iC\xf3&gt;\x85\xf1W\xedG\xa3Cg\xb6Qj\xd3`n\x9b\xd0g\xf1=+\xe5\x1b\xfd\x13\xc52J\xd1Ii)\xdb\xc1\xca\xd6\x91\xcb0\xff\x00j\x7f\x91\x9b\xcdq_f\x1f\x99\xda|O\xf8\xa4&lt;Yr\xd2,\xb9Y\x0f\xccv\xf2{\xf1\\\xff\x00\x86\xbc\t}u0\x9e\xff\x00w_\xbb\xb7\xa5uS\x96\x07\x08\xb4\xdc\xe2\x9d&lt;\xc3\x1d/{DU\x82\xd2[\xf7Y&amp;B\x14p\xab\x8e\x95\xd8]\xf8f;(\xb2\x10\xe7\x1cV51\xea\xae\x88\xde\x96Y\xecU\xd9\xfae\xff\x00\x06\xa2\xeb\xb1X|y\xf8\xb9\xe0\xf0\xd8k\xcf\x08\xe9\xf7{}D\x17L\x9f\xa7\x9f\xfa\xd7\xe7\xaf\xec\xb9\xfbE~\xd0\xbf\xb2\xdf\xc7\x9d\x07\xc6?\xb3\x7f\xc4\xab\xdf\r\xea\xb7\xba\x95\xbd\xae\xa5-\xab)[\xdb1(\x95\xe0\x967\x05%F1\xa9\xd8\xc0\x82@\xf6\xaf_+\xa9\xabO\xa9\xe2g\x14_,Z\xee\x7fY\x15\xf3_\xecM\xff\x00\x05H\xfd\x97\xff\x00l\xa1\x1f\x80t\x8f\x88\x1an\x8f\xf1"\xce\xca7\xd7\xbc\x07\xa8O\xe4\xddG!\x8d]\x9e\xdf\xcc\xc0\xba\x87\x0c\x184e\x8a\xab.\xf0\x8d\x95\x1e\xd5\x99\xf3\xc7\xd2\x94R\x00\xa2\x80\n(\x00\xa2\x80\n(\x02\x1b\xddJ\xc7OM\xf7\x97K\x1f\x19\xc1&lt;\x9f\xa0\xeak\x89\x98\xb9;U}\xebOfO1\xbf\x7f\xe3\xcd&gt;\xdfp\xb3\xb6\x92b?\x89\xbeU?\xd7\xf4\x15\x89kb]Iu\xa3\x96!~\xa4:\xd7\x8c\xfcA\xf6v\xbc\xb8\xd4\x96\xd2\x1eB\xc7o\x18\x05\xff\x00\x13\x92?\x0cW?\xe3\x88\xaf5;\xf4\xb2\xb7\x8d\x9a8y\x93j\x93\x8c\xfbUF1\x0fx\xb3\xe1\x98\xae|A|\xda\x95\xf3\xb3\x01\xf3e\x899\xf4\xe4\xd6\xaf\x85V\xda\xcbI\xf2\x0bbC\xeb\xde\x9f\x92\x03\xe0?\xf89K\xe1\x86\xaf\xf1\x07\xf6\x04\xb7\xf1.\x93\x1b&lt;&gt;\x0c\xf1\xa5\x96\xa9\xa8$k\x92m\xe4\x8e{\x12\x7f\x07\xbcBO`\x0fj\xfb7\xf6\x85\xf8E\xe1?\x8f\x9f\n&lt;E\xf0O\xc6\xc1\x9fG\xf1?\x87\xee\xb4\xddE\xa3\xc7\x98\xa9&lt;M\x1b\x14\xcfGP\xdb\x94\xf6`\x0fj:\x07S\xf1\x1f\xc7\xb7\xd6\x1f\x18&gt;\x07\xf8?\xe3\xc5\xb0V\xbb\x92\xca\x08uO-\xb2#\x8eE%\xc1&gt;\x91\\\xef\x8cc\x8f\xde5yg\xec\xed\xe3\xff\x00\x18~\xc9\x9f\x1b&lt;A\xfb\x15~\xd0\x16p\xdb\xff\x00gk\x97V1\xfd\xb5\x87\x97\r\xdev\x98\xce\xe2U\xa0\x9c|\xc8s\xb7.\x0f"BG\x06;\x03O0\xa3\xc8\xdd\x9a\xd9\xeezYnaS/\xaf\xce\x95\xd7U\xfdu:\x9bm!\xa4\xb4\xfd\xd0\xc9S\x95\xe2\xbb?\x1fx\x14x!WP\xd2\xd5\xbf\xb3o%+m\xf3\x12\xd6\xcf\xc9\xf2_&lt;\xe7\x03\xe5n\xe0\x1c\xf22\x7f=\xcc2\xbcn\x06_\xbd^\xefu\xb7\xf5\xea~\x8d\x97\xe6\xd8&lt;tmN^\xf7T\xf7\xff\x00\x83\xf2&lt;\xef[\xd3\xed^H\xe5\xbcL\x8e\x01b\xbc\n\xb1\xa9\xd8\xdd\xdd\x06\x89&amp;\xda&gt;\xf0\xf7\xfc\xeb\xce\x8f\xbaz\x92\xf7\xbeE\xab_\x04h\x1a\xe6\x8e\xc2\xd6Ui\x14\xfc\xc8\xa4V~\x99i\xab\xe9C\xfbB\xdc)e\xff\x00\x96G 7\xf9\xfc\xaay\xb9v\x90r\xf7G\x17\xe3\xdf\x05h\xfa=\xdbY\x9d\x9eh\x1f6[\xa5Z\xd7\xac5}kQ\x9a\xfe\xee\x03\xe6J\xdf\xea\xc7j\xe8\x85I%\xac\x8c\xe5\x0b\xfc1\xb1\xcb\xe8\xba\r\xba\x99.3\xc2\x8c}\xde+\xa6\xb9\xd3\xe1\xd1,\x0clw&gt;&gt;n\xe75R\xab)lLi\xa8\xeep~%\x86\' \x84\x1f0\xab\xba\xdc2\x1bi\xae\x91P/\xdd;\xb1\x9e\xb9\xe3&lt;\xf6\xeb\xf9\xf5\xae\x9a2\xb6\xe7=tq\x7f\x0f\xbc=y\xe2\x8f\x8e\xde\x17\xd3l\x99\xa3]?R\xfe\xd3\xba\x95\x17\x88\xe3\xb6\x1eb\x83\xec\xd2\x08\xe3\xfa\xc8+\xd4|#\xa0i\xff\x00\x00~\x17\xeb_\x19\xbcqo\xff\x00\x13+\xe8T\xdb\xd9H\xd8\xc4|\xf90q\xc8i\x1c\xee|r\x14/\x00\xa3W\xdaeXY\xc6&gt;\xd2\xa2\xb2&gt;\x0f8\xc5Sr\xf6Pw\xb1\xec\xff\x00\xf0G\xaf\x02\xcf\xf1\x87\xfe\x0b1\xa8x\xcfMV6\xde\x0b\xf0\xde\xa3yu"\xb7\xcb\xb9l\xe2\xd2\x8a\x93\xdc\xef\xba,\x07\xfb\x04\xf6\xaf\xa4\xff\x00\xe0\xd9_\xd9\x97\xc4\xfe\x1a\xf8S\xe3\xaf\xda\xff\x00\xc6\xf6\xae\xb2|@\xd4#\xd3\xfc=\xe7G\x86\x92\xd6\xd5\xe57\x17 \xf7Y.$1\x81\xd8\xd9\xb1\xe8\xc2\xbd\xa5\xefJ\xe7\xcf\x9f\xa8\x1e\x19\xf1g\x8c\xfc+g\x1c\xdf\xdb\x12\\\xdb\xa9\xc1\xb7\xba&amp;E\x0b\xd8\x02y\x18\xf6 Tz\xdb$Zw\xd9c9\xc9\x19\xad9{\x81\xdch\xff\x00\x1a\xbc\'}+Y\xeaK=\x95\xc2\x00Yd\x8c\xba\xb0=\xd4\xaer&gt;\xa0W\x13\xa7\xf8}/\x84\x13J\xb8\x92\x14%\x1b\xd4z}*%\x18\x81\xeb\xda~\xaf\xa6j\xb1\xf9\xbau\xf4s)\\\xfc\x8d\xce&gt;\x95\xc3,h\xb1\xc7&lt;k\xb7\xa1\xf9{R\xf6d\xf3\x1e\x83\\v\x9d\xe2Mn\xc4lk\xaf=U\xb1\xb6a\x92G\xd7\xae~\xb9\xa5\xc9"\x8e\xc6\xb3t\x9f\x14\xe9\x9a\x981&lt;\xab\x04\xea\xb9\x92\x19\x1b\x1f\x88=\xc7\xf98\xa9\xb3\x03\x9f)\x1d\xb8\xdc\xfb}y\xefT]\xa4t\xf9\x9b\xb7\x1e\xf5\xb9&lt;\xa5\xad?S\x17\x0e\xd12|\xcb\xc7\xb5W\xd2\xe1\xc1y\x88\xf9\xb1\x8e(\x0b\x11[\xdeH\xda\xa4\x84\x95\xc6\xdct\xa6\x9bS\x133\xa0\xeb\xcf\xd6\x81&gt;\xc4\xf6\xe1\xe6\xbc\x93\xf7\x8c\x06\xdf\x96\x9bf\xf8l\x9a\x04C\xa9YN\xf7\x0b ]\xe1z\xd6\x8b7\x98r\x05\x00|y\xff\x00\x053\xff\x00\x82E|\x18\xff\x00\x82\x86xI\xfcE\xa7-\x9f\x85~%\xd9\xc6\xa3J\xf1\x82Z\x16\x17H\xa3\x1fe\xbdT \xcd\x11\x03\n\xfc\xbc\'\x052\xbb\xe3\x7f\xaf\x9c\x05\x1b\x8f\xe5S\xca\x8aM\x9f\xcf\x7f\xc3\x0f\x1ex\xff\x00\xe0g\xc5][\xf6\x0c\xfd\xb0\xfc)\xe4\xf8\xa3C\x99\xf4\xf5\x9a\xe2\xe7|Z\xa4 n\x87c\xb6\tb\x85^\tG.\xbbxW\xfb\xff\x00\xb0_\xf0R\x1f\xf8&amp;\x97\xc1\x8f\xf8(\xd7\xc1\xf9&lt;%\xe2\xebk}\x17\xc6:lFO\x07\xf8\xe6\xde\xcdZ\xebL\x98e\x84nxim\x9c\xf0\xf0\xe4\x03\x9d\xcaU\xd5\\)G\xdd\xb3WE\xc6r\x8c\x93\x8e\x8d\x1f\x94\xde\'\xf0&lt;\x1a2\xc7c\x15\xeb^D\xca\xd2X\xdd\xba\xe0\xcb\x188(\xc3\xa0\x91r7v9\x0c\x00\x07\x03\x8c\xf0\xe6\xaf\xf1\x97\xf6x\xf8\xab\xa8\xfe\xc4\x1f\xb6\x0e\x8bwa\xe2\xfd&amp;Y\x13M\xd5\xa6\xfd\xec:\xac(7Eu\x04\x8d\xb7\xcd\xca|\xca\xf9\x06D\xdc\x8eRM\xe0\xfc\xc6c\xc3tq\x17\xa9\x85|\xb2\xed\xd1\xff\x00\x97\xe4}VY\xc4\xd5\xb0\xf6\xa7\x8a\xf7\xa3\xdf\xaa\xff\x00?\xcc\xe9t+\x1b\x1dF\xdb\xec\xf2\x90$\x0cF\xdfO\xfe\xbd&gt;\xfbF\xb8\xd3usp_\xe6\x8d\x81\xf3 \xc9I\x14\xf2\x1dx\xe8G\xaf \xe4\x1c\x10E|\x0e3\x0b\x88\xc2\xd5\xf6uc\xcb/?\xcf\xb1\xf7\xf8&lt;V\x1f\x19IT\xa5$\xd3\xfe\xb5\xf3$\xbc\xf0\x02\xfd\x9d\xa4\x85c_\xee\xfc\xb8\xcf\x1e\xb5z\x1b\xbb\xbdM\x85\xb4\x05\xd8\xb0%\xbeR\x161\xdc\x93\xd8\x7f\x91F\x1b\x0f\x8a\xc5O\x96\x8c\\\x9f\x92\xb8b\xb1\x18|-&gt;j\xb2Q^n\xdf\xd7\xc8\xf2\xbf\x1a\xf8fW\x99\xa2\x80n\x906\xdf/\x19$\xfbV\x8f\xc5O\x8d\xff\x00\x0b&gt;\x01|\xba\xa4\xb2j\xbe \xbb_\xf4]&gt;\xd60\xd3\x10F\x07^!B{\x9f\x99\xbb\x02\x06\x07\xd5`\xf8g\x1d/z\xbc\x94\x17m\xdf\xe1\xa7\xe2\xcf\x97\xc6qV\x06\x9c\xb9hE\xcd\xf7\xd9~W\x17\xc3\x9f\x0e\xbc;\xf0\xefH\x9b\xc6\x9f\x12\xef\xadaK8\xcc\xdf\xe9l&lt;\xbba\xd9\x9f\xd5\xb3\x8c(\xcf8\xc6[\x00}-\xfb\x19\x7f\xc1\x1b&gt;\'~\xd4:\x8e\x9b\xfbC\x7f\xc1F \xba\xd0\xfc:\x8d\xf6\x8f\x0e\xfc\x1e\xb4\x91\xe1\x96X\xceJ\xc9\xa8\xba\x90\xf1g\x82b\x04Jx\x0ea\n\xd0\x9f\xa8\xc1\xe58\x1c\x1f\xbdN\x1c\xd2\xee\xf5\xff\x00\x80\xbeH\xf9&lt;fq\x8f\xc7]N\\\xab\xb2\xd1|\xfa\xbf\x99\xf3O\xec\xdd\xfb\x1d|`\xff\x00\x82\xba\xfcKG\xd2\x96\xf3\xc1\xff\x00\x08|7y\xff\x00\x13\x0f\x15]Z\xb3I\xa8M\xb8\x07\x8a\xd8\x11\xb6K\x8d\x84\xe0\x12R\x05$\xbe\xe6u\x8d\xff\x00u\xf4\x0f\nxw\xc2\xda\x15\xaf\x87|5\xa1Y\xe9z^\x9dn\xb0X\xe9\xfa}\xaaC\x05\xac*0\xb1\xc6\x88\x02\xa2\x81\xc0\x00\x00;W\xa9\xcb)n\xcf&amp;\xe9\x0b\xf0\xf7@\xf0\xff\x00\xc3\xef\x05\xe9?\r\xfc\x01\xa6.\x9f\xa2\xe8Z|6\x1a]\xac*\x89\x1c\x10D\x824\x8dF\xdc\xe0*\x81\xd6\x93\xc4~-\xf0\xb7\x81\xbc3y\xe3\x0f\x17k\xb6\x9a^\x91\xa5\xd9\xc9u\xa8j7\xd3\xacP\xdbB\x8b\xb9\x9d\xd9\xb8U\x00g&amp;\xa9.\x88./\xc4\xef\x1e\xfc&lt;\xf8\x1f\xe0\x1dG\xe2\xc7\xc6\x7f\x1b\xd9\xe8\xbe\x1b\xd1\xe1\x13jZ\xa5\xe3\x1f.\x14,\x14t\x05\x99\x8b2\xaa\xaa\xa9fb\x00\x04\x90+\xf0/\xfe\n\xd9\xff\x00\x05_\xf1W\xed\xf1\xe3\xd5\xf0w\x81%\xbc\xd2\xbe\x19\xf8v\xe9\x86\x8b\xa4\xbc\xa5_T\x98e~\xdfr\xa3\x8d\xe4\x12\x123\x9f-I\xfe&amp;rk\x95-\xc8\xe6\xbe\xc7\xf4!\xf0{\xe2\xa7\xc3\x0f\x8c\xfe\x1c\xb7\xf1\xdf\xc1\xef\x88Z/\x8a4[\x88\xf3\x0e\xa5\xa0\xeaQ\xddB}\x8bF\xc7k\x0e\xeap\xc0\xf0@#\x15\xfc\x96xO\xc7&gt;4\xd35\x95\xd4\xfc\x1f\xaf^i3C\xf2\xff\x00hX]&lt;3\x1f`\xe8A\x1f\x9dM\xd0\xbd\xe3\xfb\x05\x96\xd8y\x0e\xab\xdb\x91_\xcb\x8f\xc3\xaf\xf8*o\xfc\x14\x13\xe0\x83[\xc3\xf0\xff\x00\xf6\xc1\xf1\xf6aa\xf6{-S^\x93T\xb7Q\xe9\xe4^y\xb1\x05\xff\x00gn=\xa8\xf7@\xfe\xa3aT}\xa4\x8f\xbc\xb5\xf8\x99\xfb\x19\x7f\xc1\xcc\x1f\x1c\xfc+\xaeYxk\xf6\xd7\xf0N\x9d\xe2\xad\x0ei\x95f\xf17\x87l\xd2\xcbT\xb1Ry\x91\xa0L[\xdc\xa8\x1f\xc0\x8b\x0bu;\x9c\xe1H\x07\xedu\xd5\x84\x12\xbf\xef\x11[\xebY\xbe\x00\xf8\x89\xe0\xaf\x8b\x1e\x05\xd1\xfe&amp;\xfc9\xf1-\xae\xaf\xa0\xeb\xda|W\xdaF\xa9f\xd9\x8e\xe6\xdeE\x0c\x8e3\x822\x0fB\x01\x07 \x80A\x14\x0fRi\xae\xf6\r\xdb~\xb4PX\x7fm,P0\x8e\x1eM\x14\xc0m\xc6\xb3\xf6US$[\x99\xbaQH,%\xb6\xb9f\xfbI\xb7}\xc7\xd8\x7f\x8d\x14\xd1,\x96\xe3^\x86\xde/\x92\x16\xc9\xfaQHd\x16\xfa\xbf\x9f/\xcc\xadE\x033\xb5?\x13\xdc\xc9;\x18F\xd8\xe3l{\xfaQ@\x18\xfe"O\x0c\xf8\xbe\xd3\xfb\x03\xe2\x0f\x84\xf4\xfdr\xc7\xcc\x0e-\xb5;8\xe7P\xc3\xa3\x00\xe0\x8c\x8f\\qE&gt;X\xb2N\x17\xc5?\xb1\x17\xecm\xe3\xf6\x8em[\xe0e\x9d\xb6\xd6&amp;5\xd1\xee&amp;\xd3\xd5I\xeb\xf2\xda\xcb\x1a\xe0\xf7\x18\xc1 g\xa0\xa2\xb1\xad\x87\xc3\xd7\x8a\x8dH\xa9/5\x7f\xcc\xda\x8e"\xbd\x19^\x9c\x9a~N\xdf\x91\xcd\xea\xbf\xf0K\x8f\xd8\xd7U\xb5k{_\x07k6Q\x14 \xc5k\xe2K\xc5\x07#\xae|\xdd\xd9\xff\x00k9\xef\xd6\x8a\xb8\xd1\xa3J&lt;\xb0\x8aK\xcbBgZ\xadIsNM\xbe\xefR\x8f\xc0\xdf\xf8%\x87\xfc\x13\xe7\xf6r\xf8\x84\xbf\x14&gt;\x16~\xce\xb6q\xf8\x9a5&amp;-k\\\xd5\xafui\xa1\x93po6?\xb7O0\x8a\\\x8f\xf5\x88\x15\xf0H\x04\x02A(\xe5\x88\xae\xcf\xa1\x92\xd27\xdc\xce3EP\x88f\xb0\x89Q\xa2\xec\xddh\xa0\x0f\xc0\xdf\xf8.\xbf\xfc\x14{\xc7\xbf\x1f\xbe3\xea\xbf\xb2\x87\x82\x92\xf3D\xf0G\x81\xf5\xa9\xac\xf5+w\x9bl\xba\xde\xa3\x0bly\xa6\x08\xc5|\x94`\xc2$\xc9\xcf27\xccUc*\xaa{\xb1V3\x8e\xba\xb3\xf3\xfe\x18\xe6\xbc\xb7\xf2&lt;\xdcn\xe0\xb7\xb6(\xacM\x1e\xc6\xa2G\x1d\x85\xacp@\x9bUx\xe2\x8a\xd2:\x08\xafypt\xe6H\xad\x98\x89\xae\x1b&amp;ltPz~\x94P$M\xff\x00\t9\x86\xc7t\xd6\xc2I\x99\xf6\xee\xfe\x1c\n*[\xf7n\x11\xd8\xfdG\xff\x00\x83z\xff\x00\xe0\xa5\x1a\xaf\xc1\xed7\xc4\xbf\xb2\xd7\xc58\xb5m[\xc2\xebk&amp;\xbf\xe1\x96\xb1\x8d$\x97K\x9b\xce\x8e;\x98\x00\x92D\x06\x19L\xc9(\x00\x8d\x8e\xb2\x1c1\x94\x95)\x0b\xa1\xff\xd9'</t>
        </is>
      </c>
      <c r="M559" s="3" t="n">
        <v>45492.67616898148</v>
      </c>
    </row>
    <row r="560">
      <c r="A560" t="n">
        <v>1597264</v>
      </c>
      <c r="B560" t="n">
        <v>241802</v>
      </c>
      <c r="C560" t="inlineStr">
        <is>
          <t>Esquerdinha</t>
        </is>
      </c>
      <c r="D560" t="inlineStr">
        <is>
          <t>Esquerdinha</t>
        </is>
      </c>
      <c r="E560" t="inlineStr">
        <is>
          <t>LE</t>
        </is>
      </c>
      <c r="F560" t="inlineStr">
        <is>
          <t>LAT</t>
        </is>
      </c>
      <c r="G560" t="inlineStr">
        <is>
          <t>LE</t>
        </is>
      </c>
      <c r="H560" t="n">
        <v>180</v>
      </c>
      <c r="I560" t="inlineStr"/>
      <c r="J560" s="2" t="n">
        <v>38775</v>
      </c>
      <c r="K560" t="inlineStr">
        <is>
          <t>Left</t>
        </is>
      </c>
      <c r="L560" t="inlineStr">
        <is>
          <t>b'\xff\xd8\xff\xe0\x00\x10JFIF\x00\x01\x01\x01\x00x\x00x\x00\x00\xff\xe1\x00fExif\x00\x00MM\x00*\x00\x00\x00\x08\x00\x04\x01\x1a\x00\x05\x00\x00\x00\x01\x00\x00\x00&gt;\x01\x1b\x00\x05\x00\x00\x00\x01\x00\x00\x00F\x01(\x00\x03\x00\x00\x00\x01\x00\x02\x00\x00\x011\x00\x02\x00\x00\x00\x10\x00\x00\x00N\x00\x00\x00\x00\x00\x00\x00x\x00\x00\x00\x01\x00\x00\x00x\x00\x00\x00\x01paint.net 4.3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8d\x7f\xb5\x9f\xec\xcd\xfb8\xdb\xb5\xc7\xc7o\x8e\xfe\x15\xf0\x9e\xd8|\xdf+\\\xd6\xe1\xb7\x91\x97\x1dB;\x06?\x80\xa0\x0f\x94\xf5\xff\x00\xf897\xfe\x08\xff\x00\xe1\xedVM\x1e\x7f\xda}nd\x8aB\x8c\xf6:-\xc4\xc8H\xf4e\\\x11\xf4\xec+\xd8\xbfg\xff\x00\xf8+O\xfc\x13\xb3\xf6\x9c\x9e+\x0f\x84?\xb5o\x84\xefo\xa6\x8b\xcc\x8bL\xba\xd4\x92\xde\xe9\x97\xda)\x08c\xf9P\x07\xd1QM\x14\xf1\xac\xd0\xc8\xac\xae\xbb\x95\x94\xe4\x11\xebN\xa0\x02\x8a\x00(\xa0\x02\x8a\x00(\xa0\x02\x8a\x00(\xa0\x02\xb9\xff\x00\x8a_\x14\xfe\x1e\xfc\x13\xf8\x7f\xab|T\xf8\xab\xe2\xdb=\x0f\xc3\xfa%\x9b\xddj\x9a\xa5\xfc\xbb#\x825\x19$\xfa\x9f@2I\xe0\x02h\x03\xf0\x1b\xfe\n\x9f\xff\x00\x07W|Q\xf8\x87\xaf_|$\xfd\x81\xad\xae&lt;+\xe1hVH\xee\xbcqw\x85\xd4/\xbb\x03\x02\x8c\xf9\x0b\xdc\x1eK\x03\xc8\\s\xf8\xed\xf1\x17\xf6\x81\xf8\x8b\xf13\xc4w\x9e\'\xf1\xbf\x8b\xf5\rJ\xfa\xeeV\x92\xe2\xf6\xfa\xe9\xe6\x92Fc\x93\x92\xc6\x82\xe3NR\x8d\xd1\x8c\xac\xd7rIz\xdbZf\xe6I7\x0c\x9e:\xd5\x18\xf5\xc9\xb4\x8b\xe5\xbe\xd3/\xe6\x82h\xf8Y\xa1fR\xa3\xd3"\x8f"y]\xec~\x9a\xff\x00\xc1+?\xe0\xe7\x1f\xda\x83\xf6/\xbc\xd2\xfe\x16~\xd0\x17w\x1f\x11&gt;\x1eF\xc9\t\xb7\xbe\x9f:\x86\x9b\x0e@\xdd\x04\xad\xf7\x82\x8e\x91\xb6\x01\xfe\xf0\xaf\xe9#\xf6L\xfd\xae~\x04\xfe\xdb?\x05\xf4\xcf\x8e\xff\x00\xb3\xdf\x8d!\xd64=J&gt;v\x90&amp;\xb4\x97\x1f43&amp;IG^\xe3\xf2\xc8\xaa\x94\\tb\x97\xbb+3\xd3(\xa9\x00\xa2\x80\n(\x00\xa2\x80\n(\x00\xa2\x80\x1b$\x89\x14m,\xae\x15Ur\xcc\xdd\x00\xf5\xaf\xe6\xab\xfe\x0eQ\xff\x00\x82\xca\xea\xdf\xb5\xcf\xc6\xfb\xef\xd8\x83\xf6k\xf1K\xcd\xe0O\x07\xdf\xb5\xae\xb9%\x9b\r\x9a\xd6\xa9\x1b\xe1\x8e\x7f\x8e(\xdc\x15Q\xd0\x95\xdd\xe9S)r\x95\x18\xca[#\xe0\x0f\x83_\xf0O\x9f\x8c\x7f\x14\xec\x13^\xf1F\xb7k\xa0\xd9\xcc\xbb\xa0\x8ei&lt;\xc9\x9dI\xfe\xe8?-{&amp;\x97\xff\x00\x04}\xb9{U\xb8\x97\xe2I\x95\x98u\x8e\xc7\x8a\xf9\x8cw\x12Q\x8a\x958t\x7f\x91\xf7\xd9\x0f\t\xcb\x11I:\xda\'\xa9\xe8\xdaO\xfc\x12\x1b\xe1\xd6\x92L\x87\xc4\xf7\xb2\x19!\xdaVE\\v\xe4q\xd6\xa3\xd7\x7f\xe0\x93\x9f\tm\xbc9&gt;\x8cuMAf\xba}\xd1\xde+\x0f\xdd\xb608\xc7Oj\xf0\xd7\x11T\xf6\x8bS\xe8\xa3\xc1\xb8X;\xc4\xf9\xf3\xc7\xff\x00\xf0L-WK\x9ah|\x17\xf1\x0e\x1b\x8b\x88\xd8\x84\xb7\xba\x8fc8\xf6\xaf[\xff\x00\x82G\x7f\xc1G\xbe;\xff\x00\xc1\x17\xff\x00j\x98t\xef\x1ei\x17W~\x02\xf14\xd1[x\xbbHy\x9b\xca1\x86\xc0\xbb\x88tYP\x1e\xb8\xf9\x87\x078\x18\xfa\x9c\x06q\x1cg\xba\xf7&gt;\'\x88ru\x81\xbc\xd2?\xab\xaf\x86?\x13&lt;\x0b\xf1\x93\xe1\xfe\x91\xf1K\xe1\x97\x89mu\x8d\x07]\xb1\x8e\xf3K\xd4\xac\xe4\r\x1c\xf0\xba\x86V\x04{\x1a\xde\xafp\xf90\xa2\x80\n(\x00\xa2\x80\n(\x00\xa2\x80&gt;3\xff\x00\x82\xf1\xfe\xdc\xdf\xf0\xc2_\xf0N\xef\x16x\xdb\xc3\xfa\xdf\xd8\xfcU\xe2X\xff\x00\xb0\xbc&amp;\xca\xc0:\xddL\xa7t\xa3\xd9\x139\xfa\x8a\xfet\xff\x00b\xef\x85\xba%\xa6\x81\'\x8b5\xcd69/\xb5;\x8f1f\x93\xe6&lt;\x9c\xe4\x93\xef^\x1e}9G\x0b\xa3&gt;\x8f\x86c\x19fK\x99\\\xfa\xc3\xc0z%\x85\xa5\xf4)v\xe9\xb3p\xe88\xfc+\xe8\xcf\x0eh\xb67\xfad1i\xd0#\x06^&gt;N\x95\xf9]e\xabw?o\xa3\xcb\x15d\x8e\x8a\xf7A\xb5\xfb&lt;\n\x96*\xcd\x1a\xe1\xb0\xb5\xcd\xf8\xf7F\x8c\xe9XM=~\xe7\xa5sF\xeeGb\x96\xa7\xcd\xbf\x10|-f\xe2[\x96_"h\xd8\x98\xa4\x1dE|\x9f\xfbfxb\x7f\x1c\xf8nmJ\xea\xde7\xbd\xd3S|\x13"\xfc\xe5GQ\xf8\xd7\xd4dr\xe5\xc4-O\x86\xe2h\x7f\xb3\xd4\xba\xe8~\xcb\x7f\xc1\xa3_\xb5\xac\xbf\x17?bms\xf6p\xf1\x0e\xa4\xcd\xa8\xfc=\xd6Y\xf4\xf8f\x93.l\xaeI\x93#\xfd\x95\x91\xb6\xfbg\x8a\xfdj\xaf\xd3\xe9\xbeh&amp;~4\x14U\x00Q@\x05\x14\x00Q@\x05\x14\x01\xfc\xff\x00\xff\x00\xc1\xe6\x1f\x175\r{\xe2\xf7\xc1\xef\xd9\xd4\xc8\xedca\xa4\xdd\xebOl\xacq,\xb3\xcc\x91)8\xee\x04\x07\x1fZ\xf8\xc7\xe1!\xd4\xb4m\x0e\xc6\xd8\xab[\xf96\xe9\xe6+\x006}k\xe7\xb8\x82\xea\x9a\x83\xeb\xb1\xf6\x1c)M{iU},}!\xf0CQ\xf8m\xaa4:\xae\xbf\xf1\x13K\xf3\x15\x80\x105\xe2\xe4}E}\x89\xe0\xb8\xbe\x1f_h\xb6\xf2i\x1e#\xd3\xe4\xde\x80\x0f"`I\xe3\xda\xbf=\xa9\x82\xa9\x1d\xd1\xfa\x85&lt;v\x1e[H\xe9\x0f\x86\xbc?ig\xf6\x9b\x9b\x9f\xdd\xaf,\xcaz\xd7\x85\xfe\xd4\xbf\xb5\xe7\xec\xc9\xf0\x1fM\xff\x00\x8a\xeb\xc4s,\x8e\xbbV\x1bxw\x1f\xe7Xa\xb0\xb2\x96#\x90\xacf;\xd8\xd2\xe7]\x0f\x8a\xfe-\xff\x00\xc1F\xfe\x01\xf8\xabK\x92\xd3\xc1\x9f\x0e&lt;Et\xdb\x8e\xdb\xa0\xbbC}&gt;J\xf3]/\xc4\xde\x1b\xf8\xd1\xe1\xe9\xae\xf4{\xed\x8c\xd9[\x88f\xfb\xf1\x83\x9f\x95\x81\xef\xfe\x15\xf4\x18\\,\xb0\x95\x94\x8f\x9b\xc5c\xe3\x9aQ\x9cZ\xd8\xfa\xab\xfe\rG\xf16\xa3\xf0\xbb\xfe\n\x7f\xe3/\x84wZ\x9b\x18\xf5\xef\x07\xdd\xc6\xb0\xf1\x87\xf2\x9dgS\x81\xe8\xa8k\xfa&gt;\xaf\xd1(;\xd1\x8b\xf2?\'\xc4\xc64\xf1\x12\x8a\xe8\xd8Q[\x18\x85\x14\x00Q@\x05\x14\x00Q@\x1f\xce_\xfc\x1d/r\x9a\xcf\xfc\x16\x07\xe1\xfe\x81\xa8Z\xf9\xd6\xf0\xfc5\xb1\xd8\xad\xd03]\xdd\x93\xfd+\xe6\x1f\x10\xfc&gt;\xd5\xfe)\xea\x8b\xe0A\xa8\x1d/G\x92=\xfa\xa5\xed\xbbm\x95\x80\xe0\xc4\x0fa\xeb\x8e\xa3\x8e\x95\xf29\xf4\xe5\x1cd&amp;\xde\xdd&gt;\xe3\xee\xb8V*XZ\xab\xbd\xbfS\xa5\xd3\xff\x00b\xff\x00\xd8f\xfb\xc3R]\xdfx\xcfP\xd2/\xa2\xb7\xc0\xb9\x8a\xfc\xa6\xe7\xe9\x95\xde\xc0\x1f\xc2\xb1~\x0f\xa5\xf7\xec\xc7\xe295?\x00|F\xbd\xf1\x16\x9b\x14\x87w\xdao\xd8\xbe\xdc\xf6Rv\x9e=+\xc5\xa9\x8a\xabZ..6]\xcf\xa8\xa3\x86\xa3FI\xc6Wg\xdd\xeb\xf1\xa6\xfa\xff\x00\xe0\xcc\xfe#\xb5\xd6ZUkQ$|\x809\x15\xf0\xcf\x8a\xb5/\x0f\xf8\xeb\xc7O\xe2\xef\x8b&gt;\x1d\x9bX\xb5\x0e\xcb\r\x8b\xc6\xcc\x84\xa9\xe4\x91\x8c\xb7\x188PI\xaf/\x037S\x12\xd2=&lt;\xc2\n8t\xd9\xd0\'\xed\xc9\xfb$\xdd\xe9\xd6\x9e\x11\xf8m\xe1\xfd\x01&lt;\xbbO5\xda\xde\xd6h\x1bh\xe3\xefJ\x8a\x99\xce\x07&amp;\xb0u\r\x17\xc2&gt;2\x9e\xdf\xe2\x17\x83`\xb5\xb5\xcb\x7f\xa5\x1bP&gt;e=A\xc7\x1f\x88\xafR\xa41\x14k\xc5T\xeayq\x96\x1e\xae\x1en\x92\xdbs\xde\xbf\xe0\xde\xdf\x0b3\x7f\xc1s\xff\x00\xb5"\xb7\x921e\xe1\x1d@\xb3/\xddu\xfb\x1b c\x8e\x99\xcf\xe7_\xd2\x15~\x83\x85\xbf\xd5\xe1~\xc8\xfc\xa3\x1d\xca\xb1S\xb7p\xa2\xb79B\x8a\x00(\xa0\x02\x8a\x00(\xa0\x0f\xc3\x9f\xf8:\xcf\xf6z\xb9\x8b\xf6\x8c\xf8\x1f\xfbO\xe9p\xa4\x96\xf7b\xe7\xc3\xba\xa4\x91\x8f\x9a\x19ce\x9a\x00\xe7\xfd\xa1,\x98\xff\x00t\xd7\xc8v\xff\x00\x0bu\xff\x00\x10\xfc?\xb8\xb6\xf0\x94\xcb\r\xd5\xd6\xe4I\xa5\x8c\xc8\x01\xc7R\x01\x07\xaf\xbd|o\x12K\x96\xa2\x7f\xd7C\xf4\x0e\x11\xa7)P\x97\x9b&lt;\x92\xe3\xfe\t\xc7\xe2\xef\x1b\xd8\xd9\xaf\x8e\xbcK\xae\x8dZ\x1b\xe9\x1aMGOS\xb6Kv\x03\x11m\'\x03\x188=\xb7\x1e\xbd\xbe\x81\xbb\xf8\x1d\xa0\xe8\xbe\x13\xd2\xf4\x08&lt;%k\xa3\xddiz\\6\x90\xa4(\xdf\xe9\xb1F\x81w\xcc\xccNdl}\xe0\x06\t\xe8k\xc7\xad\x9c\xc7\x11\x85\xf6*)\x1fQG\x87\xabQ\xc5{d\xff\x00\x13\xdb&lt;9\xf0\xf3\xc2z\x7f\xec\xff\x007\x85\xb7\xc9\xe5y\x1bdf\x1d8=+\x87\xf8\'\xe0m2[\x88\xcf\x87\xde\x18ukFd\xb7\xbahD\xb8\\\x9e\n\x91\x8e}k\xc3\xc1T\xf65\x9c\xcfs\x1b\x85\x96"\x8a\x8291\xff\x00\x04\xc4\xf0\x8d\x85\xfe\xad&gt;\x8b\xe0\xad.\xca\x1dz2\xba\xb2\xc1\x96i\xb2\xe1\xf03\xf7&gt;a\x9f\x97\x1e\x95\x0e\xbd\xfb2\xe9\xdf\x04&lt;.\xfe\x1d\xb6\xb4\x10\xc7\xf2\xedU\xe7#\xb0\xcdz\x953\t\xe3+\xc2\xfd\x0f"9J\xc0\xe1\xe4\x97S+\xf6)\xfd\xa8\xb5\xaf\xd8\x1f\xe3\xc7\xc4\xcf\xdaK\xc3\xd0i\x9f\xda\xf3\xf8N\xd7I\xd3&amp;\xbf\xb73:\xbb&lt;LD1\x82\xbb\xa4p&lt;\xb0K\x007g\x07\xa5\x7f@\xbf\xf0O_\xda\x1b\xe2\x1f\xedM\xfb$\xf8O\xe3o\xc5O\x07G\xa1k\xda\xbd\xab\x1dCO\x8c\x9c++\x10\x1b\x07\xee\xe4`\xed\xc9\xc7\xad}\xc6S\x8d\x95\x7f\xdd&gt;\x88\xfc\xf7&lt;\xc9\xe9\xe1p+\x17\x7fzSj\xdd-k\x9e\xd5E{G\xca\x05\x14\x00Q@\x05\x14\x00Ph\x03\xf9\xbb\xff\x00\x82\x8a\xdf\xfe\xd2\xbe\x1c\xf8\xc7\xe3_\x86\xff\x00\xb5&amp;\xa5\xa8\xea\x9a}\x97\x8b\x0e\xb3\xa4\xebP\xea34\x10H$q\x02\xcb\x13\xb6\xcf\xb8p\x18/\x1c\x82zV\xff\x00\xec\xc1\xe2M\x1bRX\xf4\xbb\xf8#\x0c0]s\xd0\xd7\xe6Y\x8dZ\x95\xa3QM\xed&amp;\xbf\x13\xf6l\x0ch\xd1t\x94#d\xe3\x17\xa7[\xa3\xea[m\x03\xc3\xd0\xd9G5\xa6\x9a\xac\xac\xbf)^B\xfe5\xe2\x7f\x1d\xf4\xdd\x16\xcb\xc4\xab\xab\xf8\x8fT\xb5\xd2t\xbb[S5\xdd\xf5\xdc\xe25X\x94\x96a\x968\x00\x8c\xf3_=B2\x94\x94Q\xf6\x17j7\x1d\xf0\xfb\xf6\xb1\xfd\x94\xaf~\x19\xdfC\xa7jvz\x86\xdbv\xdd}\x06\xa0$\x8a0:\x92C\x15\x1f_z\xe3\xff\x00g/\x89\x1f\n\xfe#|M_\x11|%\xf1%\xac\xd1\xdf3\'\xd9-\xee\x16\\M\x19\xc1P2~\xf0\xc7J\xe8\x95\x1a\x94\xd3\xba0\xe7\x8f2&gt;\xa6\xb3\x92\xd1l\x97P\xbdh\xf6)\xc4\x89\x90\t\xaf\x9c\xbfl_\x1d\xe9\xaff\xd61\x94\x8d&lt;\xe5*\xcc\xc3\xdf\x8c\x9a\xac\x1f\xfb\xc22\xc7\x7f\xbb3\xe7/\x81\x9f\x06\xa2\xf8\xb9\xf1;\xc5\x1a\xc6\xa3\x07\xda\xa0\xd3\xf4O2\xd6\xd9\xb2vL\xa9\xb9f\x03\xdb\x1d}k\xfa\x10\xff\x00\x82e\xbc\xd7\x1f\xb2.\x81\x7f!m\xb7\x12\xca\xf0\x869\xc2\x8d\xab\x8f\xcdM}\xd6G(\xfdjQ\xf2\xff\x00#\xf3\xbe(\x7f\xf0\x87K\xfc\x7f\xa3=\xfa\x8a\xfa\xa3\xf3\x90\xa2\x80\n(\x00\xa2\x80\n(\x03\xf1\x97\xfe\n\xdb\xf0\xdb\xc3Z\xaf\xc6\x7f\x8a\xdaw\x8b\xf5\x95\x86K\xc4\x86}:\ta,Jy@\x8cc\x9cn\xdd\xce;W\xc2?\xb3\x17\x89u7\xd5V\xf5\xa4?0T\xda\x0f\xa0\xc6k\xf3|\xc2\x9d\xa5[\xfcO\xf3?f\xc1\xcb\x9b\x0f\x84k\xf9#\xf9#\xec\xef\x04|D\xb9\x86{}:we\xdd\x85\xcfc\xc5p\xdf\xb6\x07\x80t\xff\x00\x88\x97\x9aG\x89\xa0\xf1&lt;v3i1\xb2I\x0c\x91\x87\x86\xee6\xce\xe8\xe4BF\xe5 \x9f\xa5|\xde\x1e^\xca\xb71\xf5S\xa8\xa3M#\x82\xf0O\xc2\x0f\x82\x17\xde\x17\x91\xec&gt;\x13A\x1a\xdb\xc0\xcc\xd1\xda\xaf\x91\x15\xc1\x1d\x17\xcb=\xf9\'\x92\x01\xc5s\xff\x00\x04O\xc3?\x05|[\xb7\xf1T\xd6\x13i\xf7\xfan\xf5\xd2\xf4\xfd\xab\x1d\xad\xa8bw2\x05\xc8\xde{\xe4\xe7\xd0W\xa1)J\xa4[99\xb9ef{\xc7\x8e~\'\xfd\x92\xea\xdea7\xfa\r\xd1Q\xb8I\x8f,\xff\x00Z\xf0\x8f\xdaKP\xd15Vi\xa4\xb8i\x80\xfb\xb1\xff\x00&amp;\xfc+\x1c\x1c\x7f\xda\x11X\xd9\xc7\xea\xec\xe2?d\xabO\x10\xda\xf8\x9fX\x9b\xc3\xba]\xd5\xdd\xe6\xbds\x0e\x9d\xa7\xf9S\x10Y\xdb\n\x10\x0cs\x93\xf2\xfe5\xfd$~\xcb\x7f\x0b_\xe0\xb7\xec\xf7\xe1?\x8636\xe9\xb4\xad\x1e8\xee\x1b\xb9\x91\xbev\xcf\xbe\xe6#\xf0\xaf\xb8\xc8h\xff\x00\xb5U\xab\xe4\x97\xea~]\xc55\xff\x00\xd9h\xd1\xf3o\xf4\xfdN\xfa\x8a\xfa\xa3\xe2B\x8a\x00(\xa0\x02\x8a\x00(\xa0\x0f\x81\x7f\xe0\xb3\x9f\xb1\xd7\x88\xbcsm\xa6\xfe\xd3\xff\x00\x0c\xec\xe6\x92\xfbK\xb3m7\xc5\x10[B\x1d\x9e\xcb%\xa3\x9bn\x08;\x19\x9c6A\xe1\xc7\xa5~/x\x7f\xc2\x9a\xcf\xc2\xff\x00\x89\x17z%\xf5\xbd\xd5\x9cf\xe8\xcfl\'F\x8ft$\xfc\xa5A\xc7\xcaGLq_\x1f\x9b\xe0e\n\xd5j-\xa5g\xf3?E\xe1\xec\xd2\x12\xc2R\xa3-\xe0\xda\xf9t=\xb7\xc3\xdf\x12\x9a\x1dZ;k{\xf2\xd2\x00\x197\x0c\xe3\xb5q\x7f\x1e\xfe;x\xd6\xcb\xc5\xb0\xf8/H\xf0\xf3k\xbe"\x9a1\xf6\x1b\x1d\xa0[\xc0\xacpg\x90\x8e\xaa;d\xe3#\x9c\xd7\xc6\xd1\xa7\x1ews\xed\xfd\xbb\x94\x92\x1d\xe1\x1f\xd9g\xf6\xbc\xf1\xa6\x83\x1f\x89\xf5\xef\x89\xb6v\xcd\xa8G\xb2\xea8\xee\xdf\xe4\xcf;~V\x0b\x8flv\xaew\xc6\xff\x00\xb3\x9f\xc5\x7f\x83w\x1fhO\x89\xb6\xba\xcc\xc8\xea\x7f\xb1\xe4\x8btRw\xc0s\xf7X\xff\x00x\x1c\x8fZ\xf5\xbd\x9c}\x9d\xd1\xddR\x859EM\xb3\xba\x97]\xbe\xba\xf0M\x9a\xeb\xd6\xb2[\\G\x1f\xef!y\xb7\xae\xef\xf6O\xf8\xe6\xbc\xcf\xe2~\xb3ou\xa64\x8bvw\x0e&gt;f\xe6\xb9\xf0\xb4\xff\x00\xdaU\x8f\x1f\x19[\x96\x8c\x91\xfa\xdd\xff\x00\x04&amp;\xfd\x82?g\xdb\xdf\xd9O\xc1\x7f\xb5\x1f\x8c\xbe\x1f\xfd\xb3\xc6Sj7\x976w\xd3\xdeLcEK\x87Xd\xf2w\xf9{\x82\x81\x86\xdb\x91\xd7\xad~\x93W\xe9\x98ZP\xa5Er\xab]+\x9f\x8e\xe6X\xaa\xb8\xacT\xb9\xdd\xedt\xbc\x95\xc2\x8a\xe8&lt;\xf0\xa2\x80\n(\x00\xa2\x80\n(\x01\x19U\xd7c\xa8e=A\x1dk\xf2\x0f\xfe\x0eX\xf8\x1c\xde\x13\xf1_\x80\xff\x00i\xbd\x1c,6\x97\xd1\xb6\x87\xaaC\x1a\x80\x0c\xcb\xbaH\xe4?\xf0\x01\xb6\xb8s({L\x1c\xd1\xead\xf5=\x9ecO\xd4\xfc\xd5\xf0\xf7\x8fc\x87V\x8fP\x8e\xef\'h\x1f{\xa8\xaf]\xb2\xd7\xfc/\xe3\xcd:(\xf4\xe8W\xfbZ(q\xe6\xb0\xe4\x8f\xad~c+\xc6L\xfdf\x8c\xb9\xa4\x89\xac?f_\xda\x8b\xe2%\xc2\xd9xK\xe3\xd5\xf6\x87m\xe5\x13\xe4\xdaF]\x15{\x9eH\xc1\xf7\xad\x8d7\xf6g\xd7\xfe\x16\xdaMu\xe2\x8f\x89:\xb7\x88\xa4V\x0fqq\x7f!l\xb2\xf5\xf5\xae\xaauo\x1b\x1e\x95OzH\xf2\xff\x00\x8e\xff\x00\x16%\xb5\xb0\x8fG:r\xc7\xe4\xe7\xcb\x99W\xa8\xcf\xf3\xaf\x11\xb9\xf1\xb5\xe7\x895;_\x0f\xc9q\x1aGyt\x91\xb3\xb99\x198\xe2\xb6\xc1F\xf8\x94x\x19\x85N^t\x7fU\x1f\xb2\x87\xc2M\x0b\xe0G\xec\xdb\xe0\x8f\x84~\x1b\x8d\x96\xd7A\xf0\xcd\x9d\xaa\xb3\xae\x1aFX\x943\xb7\xfbD\xe4\x9f\xadz\x15~\x95\x15h\xa4~C9sI\xbe\xe1EQ!E\x00\x14P\x01E\x00\x14P\x01_\x9e\xff\x00\xf0r\xaf\x84\xa4\xf1\x17\xfc\x13\xc5\xf5[a\xfb\xfd/\xc5\x162\xc2\xd8\xe8^A\x19\xfd\x1a\xb9\xf1\x9f\xee\xb3\xf4g^\x07\xfd\xf2\x9f\xaa?\x9e\x9f\x0e\xf8\xde\xebM\xba}+X\x0c\xac\xad\xfc]E{\xe7\xec\xf1\xf1G\xc2\xd6\x97\xfb\xf5\xddUc8\xf9X\x91\xcd~cV&lt;\xf2\xb2?M\xc1\xe2\xa5\xbc\xba\x1e\xd8\x7fn\xfd;\xc2\xbaD\xb6\xbe\x16\n\xd3K\xbe\x00\xde`S\xb4)a\xeb\xd7myW\x8b\xff\x00\xe0\xa4\xba0\xf0\xc5\xa4\x13^\xb5\xd4\x97s\x13q\x08\x1bv\x1d\xc4\x15&gt;\xb8\xc5iK\x0f3\xbaY\xb4!\xd0\xf0\xcf\x8d\xdf\xb4\xb6\x9d\xf1*8\x7f\xb3\xa20\x84\x0c[o\xd7?\x8dr\x7f\t-|K\xe3?\x88\xba=\xdd\xbc;\xada\xd5 -!\xef\x89\x16\xbd,\x1cy1\x08\xf11\xb8\xa7\x88\xe6\x92?\xb1\xef\x0f\x90t\x1b"?\xe7\xd2?\xfd\x04U\xca\xfd\x00\xfc\xd0(\xa0\x02\x8a\x00(\xa0\x02\x8a\x00(\xa0\x02\xbe=\xff\x00\x82\xee\xe80\xeb\x9f\xf0Mo\x19\xbc\xdf\xf2\xe7\xa8iw\x1b\xb1\xd0-\xf49\xae|W\xfb\xac\xfd\x1f\xe4ve\xdf\xef\xf4\xbf\xc5\x1f\xcd\x1f\xcf\xbf\x8c?g8\xbcsk\xf6\xcd\x1c\xacw\n\x99Y\x13\x8d\xd5\xf3\xef\x8f4\x0f\x89\xbf\t\xb5i\xadu\x08\xae\x18F\xd8\x1b\x14\xf2=\xab\xf3\xbc/,\xa7\xa9\xfa^7\x0f*to\x0e\xa7\x0b/\xc4\x8dB\xc7Q\x96\xf6\x08\xf5\xa4\xba\xb8\x8f\x07dy\x0b\xec9\xac\x98|S\xe2\x8b\xeb\x8f./\n^\\I\xb8\x95\x9a\xf1\x8a\x85bs\x92\xa3\x86\xfa\x1e\xb5\xf4Q\xa3\x87\xe4\xbc\xa4\x8f\x9e\x94q\x1e\xd1+\x1d\xcf\xc1\xff\x00\x86~)\xf8\x8b\xe2\xbb{\x1dVF\x8e3*\xb4\xab\x11\xc0\t\xdcW\xd6\xd6\xfe\x02\xd1&gt;\x1c\xc1\xa7\xdah\xd6\x8b\x08\x86\xe2&amp;f\xc0\xc9\xe4W\x83\x88\xac\xa3\x89\x8f&amp;\xc7\xbdK\x0b\xed(J\xfd\x11\xfdG\xfc,\xd5\x97^\xf8g\xe1\xfdm\x1fr\xdeh\xb6\xb3\x06\xf5\xdd\x12\x9f\xeb[\xd5\xfa&lt;u\x8a?,\x96\x92h(\xa6 \xa2\x80\n(\x00\xa2\x80\n(\x00\xaf\x93\x7f\xe0\xb6\xbe&amp;\xf0\x86\x83\xff\x00\x04\xe9\xf1\xc6\x9f\xe2\xbdZ;v\xd5\x05\xa5\xb5\x84,\xc3|\xf3\x1b\x98\x8a\xaa\x8e\xfd2}\x00&amp;\xb1\xc4\xff\x00\xbb\xcf\xd1\xfeGf_w\x8e\xa5o\xe6\x8f\xe6\x8f\xc4\x9f\x843\xee\xb3T\xb9\x1b\x95N\xde})\xdf\x17&gt;\x11h\x9e+\x9eK\xbb\x8b\x15\x95fQ\x81\xb7\xa5~J\xab\xfb3\xf6jt=\xa4u9_\x0e\xfe\xcb\x1e\x0f\xb7U\x91\xb4(\xa6n\xbf2\x03\x8f\xd2\x99\xe3o\xd9\xd7\xc3"\x1d\xd0\xf8~8H\xfe\xeaV\x9f^\x912\xcb\xa3\xcd{\x15&gt;\x1a|\x1a\xb0\xf0\xee\xa76\xa1cf\xb16\xdd\xb9\xf5\xad\x0f\x8a\xc3\xec\x9az\xb8\x1f2\xb2\xfeu1\xaf*\xb5\x93}\re\x87\x8d\x1c&lt;\xac~\xf0\x7f\xc1$\x7fn\xcf\x85?\xb5\xff\x00\xec\xd3\xa2\xf8g\xc37F\xd7\xc4\xde\x0c\xd1\xad4\xdf\x11h\xd7\x12\x06\x91Z8\xd61:\xf4\xdd\x1b\xed\xceq\xc18=3_WW\xeb\x94\xe2\xd58\xdf\xaaO\xefI\x9f\x88b#\xec\xf1\x13\x8ff\xc2\x8a\xa3\x10\xa2\x80\n(\x00\xa2\x80\n(\x03\x0f\xc6\xdf\x10|3\xe0\r5\xb5/\x10_\x08\xc2\xae\xe1\x1a\xf2\xc7\xf0\xed\xf5&lt;W\xe1\xd7\xfc\x17\xfb\xe3\xf7\xc4o\x8b_\xb47\x83\xe0\x9d\xe6\x8f\xc1v\xfaL\x8d\xa2\xda\x02Db\xe7\xcc\xc3;v2\x15\xcf\xb8^+\x8f\r\x9a`qX\xacN\x06\x0e\xf5#\x07\xe8\xa4\xd2v\xf5\xe5w\xf2&lt;\x8a\x99\xf5\x0c\x0f\x12\xe0\xb0\x13Z\xd4\x95\xdb\xec\x96\xdf{\xfc\x8f\x9d&gt;\x12\x1d\xd6h\xf9\xeb\x8a\xf4K\xc8L\x8a\x02\xfa\n\xfcv\xa4\xf9\xaa;w?\xa5p\xf6\xe5V:?\x06\\xv\xc96\xdd/\xcd\xdf\x8a\xa7\xf1y\xfc*\xbax\xfb\x0c\xbb\xae\x1d2\xaa\xa3\xf9\xd4\x1d\x92\xf8N\x03I\xb4\x90\xc2\xd2\x95\xe3\xa7Z\xe2~(F\xf7\t\xf6h\xe3\xce\xe6\x1f\x87\xbdo\x87\xa9\xca\xf9?\x99\xa3\x8b\x10\xdf\xd5\xe4{w\xfc\x11r\xe7\xc7\x1e\x12\xfd\xa2&lt;E\xf1c\xc1z\xa5\xc5\xaczN\x8c\xd6\xd3J\xaeDrH\xd2\x02#\xc7F\x18\xf9\x8a\x9e\xb8\xaf\xddo\x83\xbf\x1c\xf4\xff\x00\x1e\xe8V\xd2\xf8\x81\xa3\xb3\xbc\x920U\x99\x82\xac\xbf\xe0}\xbd\xf8\xaf\xd33\xae \xc2d\xb9\x9e\x13\x07^iFp\x84o}\xa4\xe3uw\xd9\xbd=Z?\x980\xf9\xae#\x19\xc6\x98\xec\x12\xd61\xd5.\xcdY3\xd0\x81\x04d\x1a+\xde&gt;\x88(\xa0\x02\x8a\x00(\xa0\nz\xbe\xbd\xa5hpy\xfa\x95\xe2\xc7\xfd\xd4\xea\xcc}\x00\xeak\x81\xf1O\xc6[\xc9\xc9\xb6\xf0\xf4\x06\x04\xef$\x98\xdf\xf9v\xfdk\xf2\x7f\x13\xbcD\xa7\xc2X5\x84\xc24\xf15/n\xaa\x0b\xbb\xf3\xfeU\xf3\xe9\xaf\xad\x95\xe5\xff\x00\\\xaby\xfc+\xf1\xf2&lt;\xff\x00\xc4\xbaM\xff\x00\x8b\xec\xaf.\xb5\x0b\xe6i\xca\x03\x0e\xe3\x9c\xb8\xce:\xfd~\x95\xf0\xaf\xed\xeb\xfb3\xda\xfe\xd0\xdf\x0e\xef|\x1e\xf1}\x97\xc4:,\xcfw\xa0\xcd2q\r\xd0\x1c\xa3\x7f\xb2\xe3*q\xd3vy\xaf\xcc|\x13\xe2j\x8b\x1bRx\xaa\x8er\x95G)7\xbd\xa5\xa3l\xfc\x9f\xc6\x0c=\\\xa7\x89\xb09\x85\x05h\xc5\xa5\xf7\x1f\x01\xfc&amp;K\xcd2\xea\xe3\xc2z\xed\xb3Zk\x1al\xa6\x1dKO\x97!\xe0\x90v\xe7\xa8\xef\x91\x91\x8a\xf5k{6\x9a0\xca\xbb\xb3_\xa7q\x0e[\xfd\x95\x9bT\xa1\xd2\xf7\x8f\x9c]\x9a\x7f\x89\xfdQ\xc2X\xfay\xceEK\x17\t_E\x7f\xc0\x8e\xe2\x18\xac\xe5\xc5\xc2\x95oj\xcd\xd5-"\xbco4|\xcd\xd3\x9a\xf1\x8f\xa5{\x11\xddZ\xc5\x0e\x9b\xba\x11\xb7h\xf9\xbe\xb5\xe6\xfe7\xb7\xd6u\xadv\xcf\xc2\x9e\x0c\xd3\xe4\xbe\xd75Y\x85\xbe\x9fg\n\xe5\x8b1\xc1f\xf4A\xdc\xd7\xbf\xc39ls,\xd2\x11\x9f\xc3\x17\xcd\'\xda+v|\x97\x16f\xd4\xf2&lt;\x86\xbe.n\xdc\xb1v\xf5\xe8~\x8a~\xc3\xff\x00\xb2m\x8f\xc1\xdf\x01\xd8\xfc-\xd2\xc2\xdcj\x06G\xbb\xd7\xaf-\xc1\xcd\xcc\xecK&gt;\xdf\xf6\x01\xc8\\\xe3\x8cW\xd9:^\x9c\x9aV\x95kao\x0f\x96\xb0\xae6\xb75\xf8\xaf\x8e\xdcES2\xcc\xe9G\n\xb9Sw\xd1\xec\x96\x88\xfem\xf0\x7f\x0f\x88\xcc\xb1\xd8\xcc\xe7\x11\xbc\xf4M\xf5\xbb\xbb:\xfd\x0f\xe2G\x89&lt;%\x04p[J\x19N\x0f\x92\xf9e&gt;\xff\x00_\xa7\x15\xe8\x1e\x15\xf8\xb7\xa6\xebv\xcb.\xa7f\xd6\xa4\x9cn\r\xb9F:\x93\xdc\x0f\xc2\xbe\x9b\xc3\xbf\x15%\x83\xa3K\x01\x9cJ\xf4\xec\x94j=\xe3k+K\xba\xd7}\xd7\x99\xfa\xa6c\x96\xb9O\x9e\x92\xf9\x1de\xb5\xd5\xb5\xe4B{I\xd6Dn\x8c\x8d\x9a\x92\xbf\xa4\xe9\xd4\xa7Z\x9a\x9c\x1ai\xea\x9a\xd9\x9f&gt;\xd3\x8b\xb3\n*\xc0\x86\xfa\xfe\xcfM\xb6k\xbb\xfb\x94\x865\xe5\x9eF\xc0\xae#\xc4\x7f\x18bm\xd6^\x1bQ\xf3p.\x9cg\x1dyQ\xeb\xf5\xf5\xef_\x9c\xf8\x83\xc7\xf8&gt;\x0e\xc1\xfb85,L\xd3\xe4\x8fo\xefK\xcb\xb7w\xe8\xcfK/\xc0K\x19S_\x85n\xff\x00C\x86\xb9\xd65;\xeb\xb9"\xbe\xd4$\xb8u\xff\x00\x97\x891\xbc\xe7\xb6GA\xec8\xaa\xbfec3\x12?Z\xfe7\xc6c\xb1y\xc6!\xe2\xf1\x92r\x9bm\xb6\xfb\xb7\xfdz\x1fkB0\xa1MB*\xc9\x16\x01*\x00#\x07\xda\xb8?\x8c\x9f\x0b\xa1\xf1t\x1f\xdb\xdaLx\xbc\x8a&lt;J\xa9\xff\x00-G\xaf\xd6\xbd\x1e\x0c\xcc\x9eG\xc4\x14\xe4\xbe\x19\xda/\xb6\xe7\xc7q\xf7\x0f\xff\x00\xac\x99\x04\xe1\x15y\xc3U\xf2&gt;\x10\xfd\xae\xff\x00a;\x8f\x8bw\xdf\xf0\xb1~\x1f^\xc3\xa0x\xd2\xc4\x9f"f]\xb0\xea(?\xe5\x9c\xe3\xbeOq\x82\x0f\xb6k\xe7/\x86^*\xd5\xbf\xe1\'\xd4~\x16\xfcE\xf0\xf5\xc6\x8b\xe2\x8d*m\x97Zm\xc0\xea\xbd&lt;\xc5?\xc4\x8cyV\x1c\x10E\x7fi\xe2cK\x8a\xb8]\xe2hk[\n\xb5\xef(n\x9f\x9d\xb6\xf4&gt;\x17\xc0\xfe:\x96\x16\xb5L\x93\x14\xedf\xed~\xfd\x8e\xc7X\xf0U\xf5\xe4\xdfh\x94m\xc7\x15^\xc3\xc0\xd7\x06tRws\xc8\xaf\xcc\xe3QT\xd1\x1f\xd6\x11q\xa9\x15c\x8c\xf8\xe7z\xde\t\xd3\x12O+{\xc9\'\x97ok\x0f\xdf\xb8\x90\xf0\xa8\xbe\xa4\x9cW\xd1\xdf\xb0\x07\xecg\xa8\xf8\x0fG\x1f\x12\xbe+i\xe9\'\x8d&lt;Q\x100\xc1*\x92\xdaU\xb1\x19HS=\x1b\x07s\x1e\xa7p\x1d\x00\xaf\xd02\xa9\xd1\xc9xG\x11\x8d\xac\xed*\x9e\xe4_\x96\xf2\x7fs?\x9b|u\xcegV\x8d\x1c\x86\x83\xf7\xea\xefo\xc0\xfb\xeb\xe1\x9f\xc3\xcb_\x03\xd8\xac\xea\xdbofP\xb3\\.9Q\xc6\xde}GZ\xeb%\x81I\xdb\x8c\xfdk\xf8\x97\x89\xb3\tf\xdcAV\xaa\x95\xe1\x1f\x87\xd0\xfaN\x11\xe1\xe8\xf0\xfeA\x87\xc2\xed$\xaf/V\xbfA\xd6\xf6W1\xc6\xc2\xda\\\xc9\x9f\x95\x8e2\xa3\xf1\xa8g:\x9c\x13l\xb9\xb8b\xdd\x8fO\xe5^C\x95IS\xe4\xbd\xb7\xfcl}6\xe6\xb7\x86\xfc]\xaex~\xeb\xcc\xb3\xbf\x91y\xcb\xc6N\xe5o\\\x83\xff\x00\xeb\xae\xf3A\xf8\xd3\xa5\xcdn\xaf\xe2D\x8e\xdf2\x14\xf3#\xce\xd1\xcf\x19\x07\xd7\xda\xbfo\xf0\xd7\xc5J\xbc;\x18e\xb9\xa3r\xc3\xdd%\'\xbc?\xce=|\xbahxy\x8e[\x1a\xdf\xbc\xa7\xf1~\x7f\xf0N\xca\xc2\xfe\xcfS\xb5K\xed&gt;\xe5&amp;\x86A\x95\x926\xc84W\xf5\xa5\x1a\xd4\xb1\x14\xa3V\x9c\x94\xa3$\x9akT\xd3\xd9\xa7\xe6|\xc3N.\xcc\xf1]GZ\xd5u\x80?\xb4.\xa4\x90\xafy\x1c\x9c\xfeg\xfc*\x9a\xc4$\x7f()\xdb\xde\xbf\xce\xfc\xcb\x19\x8e\xcdq\xaf\x13\x89\xa8\xeaM\xee\xdb\xbb?E\xc3R\xa7F\x8f$U\x89\x12\xd2\xd697E\x9c\xe7\x9c\xd4\xca\x91\x95!\x85h\xe3\x1eEb\xc6\xb2E\xe50-\xcf\xbdV\x8e\x03\x9d\xa0\xd7\x9b\x88U}\xa4\\4wEFR\xd6/k\x1c\xf7\x8e\xbe\x1c\xd9x\xa25\xb9\xd3\xc2\xda\xdc\x81\xfb\xc6\x0b\x917\xd6\xbeW\xfd\xaf\x7f`KO\x8ezd:\xcd\xbf\xfcI&lt;[\xa2\x9d\xde\x1f\xf1\x05\xb8\xe1X\x1c\xf9r`e\xa2c\xc1\x1d\xb2z\xd7\xf47\x85\x9e#a\xf2\xfcu,\x161\xfc^\xec\xbb8\xb7\xaf\xcf\xb1\xfc\xfd\xc5\x9c\x0f\x8a\xc9sYg\xb9r\xd2-6\x96\xfb\xea|\xcb\xf0\xff\x00\xc5z\xa7\x8c\xc4\xde\x05\xf1\xce\x996\x9b\xe2\xcd\x06\xe7\xec\xba\xe6\x93\xe5\xf3\xbb\x90\xb3/\xaa6\t\r^\x83\xa7\xfc&lt;\xb7\xb7\x01\r\xbc\x86I\x07\xcb\xb62\x7f\xa5~\x85\xc5\x18\x1c\x1eK\x9b\xd4\xc3\xd3\x9aP\xd1\xc5\xb7\xba}O\xea\x1e\x15\xcd\xa8\xe6\x9c=G\x19{7\x1do\xdd-\x8cO\xd9\xbf\xf6c\xf1\x1f\xedG\xfbP]|H\xd7\xbc\x13q\x0f\x83\xfc\x06\xc6\xdfDk\xfbY!\x8bS\xd4\x00\xc1\x9c\x06P]\x13\xe6\xc3c\x04\xe0\xd7\xe8\xdf\x80\xfe\x1c\xe8\xde\n\xb4\x13\xab}\xb2\xf2e\x1ee\xd4\x83\x98\xf8\xe5G\xb5|\x17\x8d\\eF\x9e\x16\x86C\x82\x9d\xd4)\xa5\'\x17\xa3o\xde\xdf\xd1\xd8\xfc:\x8eG\x88\xcf\xf8\xe2\xa6w\x89^\xed7\xcb\x14\xfc\xba\x9b\xba\x84K4(\x01\xdas\xcbQ\x14r\x8d\xacFS\xf8[\xd6\xbf\x9bcN\x10\xae\xd5\xf4\xb2?R\x96\xba\x93@\xac$\xc1\xcdI=\xac\x97\x03\xfdf\xd6\xfe\xf5o\x1aq\x94[\x8b\xd8\xc7\x94\x81\xb4\xc9\xe2;\x9e\xf5\xa4^\xcb\xe9P]\xc1\x98\xbc\xb0?\x8b?\x8dT#N\xfc\xd3\xd9\x13\x18\xdfCK\xc2\xba\xde\xa9\xe1\xd8\x9d,\xaf\xa4\x8c?U\x89\xb6\x9f\xea?J+\xec2\x9e&lt;\xe2l\xa7/\x86\x17\r\x8a\x94a\x1d\x95\xf6\xbe\xb61\xab\x94\xe1\xebO\x9eQWc\\\xf1\x8a|#\t\xc7~\xb5\xf3\tK\xa1\xd1\x1d\xc0\xaa\x0e\x8b\xd3\x9a\x85\xe7*\xfbH\xa9\xf6\x9c\xb2\xb2-\x89\xb4H7\x13\xde\x9c\x03,J\xcb\x8ej\xdf\xf0\xf9\x849N\xe5\xe4{\xd43\xc6\x93\xfe\xeaTVS\xf7\x95\x975\xcfM\xfb)\xaa\xbdSO\xe6Tc\t\xc5\xa9\xab\xab=\x0f\x1d\xf8\xad\xfb(|\x0f\xd7~/xW\xe3]\xd7\x83U|E\xe7}\x96\xe2\xfa\xde\xeaH\xbc\xf8\x02\x97\xd8\xea\xa7k\xf2\x83\x1b\x81\xc78\xc6k\x8d\xfd\x97\x7flO\x0b\xfe\xd1\x7f\x1e&lt;Q\xf0\xb6\xdb\xe0\xc6\x99\xa4\xc1\xe1\xfb\xc9\xe1\xb1\xba\x08\x8e\xd2\x88\\\xab\x17\x1bp\t\xc7\x18\xcf\xbd~\xbdV9\xc7\x18p\xbb\xcd+W\xb7\xd5h\xb7o\xe6JQ\x8aW\xf2L\xf8\xcc\xaf\x19&lt;\xaf3\x96]\x1f\xe1\xcaI\xc5\x7f-\xe2\xdb\xfc\x8f\xa5\x9ev\x86\xde;;x\xe3\x8e\x18\xc6#\x8e8\x95UG\xa0\x00p)\xa0\x83\xf3\x11\xd6\xbf)\xe5\x96&amp;*u]\xe5\xdc\xfa\xfc?\xb3\xd7\x95X_\x97\xa9\\\xfb\x1a\x89\x8f\xfaj\xaeN\xdf\xee\xf6\xaeYQ\x8c\xa5fo-\x8b\t$?hh\xe3\x8d\x81\x03\xae\xef\xfe\xb5Gg\xa8\xb2\x06\x89\xd3?7\x06\xaa\x14\xe3F)G\xa9\x99a\xa4Y\x06\x08\xa6Oo\x95;N(\xb756\x85\x1b"\x05\x8d\xd0\x0c=\x15\x8d\x1f\x83S\xa5H\xff\xd9'</t>
        </is>
      </c>
      <c r="M560" s="3" t="n">
        <v>45492.67876157408</v>
      </c>
    </row>
    <row r="561">
      <c r="A561" t="n">
        <v>1597265</v>
      </c>
      <c r="B561" t="n">
        <v>1963</v>
      </c>
      <c r="C561" t="inlineStr">
        <is>
          <t>Estêvão</t>
        </is>
      </c>
      <c r="D561" t="inlineStr">
        <is>
          <t>Estêvão</t>
        </is>
      </c>
      <c r="E561" t="inlineStr">
        <is>
          <t>PD</t>
        </is>
      </c>
      <c r="F561" t="inlineStr">
        <is>
          <t>ATA</t>
        </is>
      </c>
      <c r="G561" t="inlineStr">
        <is>
          <t>PD</t>
        </is>
      </c>
      <c r="H561" t="n">
        <v>176</v>
      </c>
      <c r="I561" t="n">
        <v>41</v>
      </c>
      <c r="J561" s="2" t="n">
        <v>39195</v>
      </c>
      <c r="K561" t="inlineStr">
        <is>
          <t>Left</t>
        </is>
      </c>
      <c r="L56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bede4bcc-9852-4845-acfc-bbab2005fe9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w\xc4\xe6\x00\x00\x00&gt;tEXtComment\x00xr:d:DAEewil2SDw:3479,j:8640573334177784359,t:24020218X\xa8\x8b\x83\x00\x00\x00\tpHYs\x00\x00\x0e\xc4\x00\x00\x0e\xc4\x01\x95+\x0e\x1b\x00\x00\x03\x00PLTE\xff\xff\xff\t\x03\x01\x00J3\x00R9\x00E.\x0e\x06\x03\x00F1\xff\xff\xfe\x00;(\x00U:\x00M5\x00C-\xf2\xf5\xf8\x05\x01\x00\x00W&lt;\x00&gt;+\x11\t\x06\xa1^B\x00H1\x16\r\t\x00O77\x15\x07^.\x18\xea\xed\xf1\x87F+\x9a]EO#\x10o7\x1eH\x1f\r\xfd\xfd\xfd|&gt;"#\r\x05\xaa_&lt;v:\x1f\x82B%&gt;-$\x1e\x0c\x05\x96U&lt;\xb8jF/\x14\t\'\r\x04\x15\x06\x023\x19\x0e\x016$A \x11\x9cY?U&amp;\x12\xb0c?,\x10\x05\x1b\x08\x03\xbeoJ:\x1b\x0e\xc3sN\x95ZB\xa3bG\xee\xef\xf2\x8aK2\xe7\xea\xefZ)\x12k3\x1a\xbblG\xb4fC\x8fO6\x1a\x11\x0c&gt;\x17\x07B\x1b\n\x02N;+\x1d\x15e1\x1bd.\x16\xb5mL8(  \x15\x0f\x00Z?\xa4[9B3*3\x0e\x04\x02SA\xfa\xf9\xf9\xbcrR1#\x1c\xf1\xf2\xf6u=)\x91T&lt;\xd3\x86e\'\x14\r9#\x18%\x1a\x14\x98P0\x9cW6\x01I7\xc7wT\xafgF\xa6fLR@7I$\x153\x1f\x15\x90M-TE=\xbfwZ\xaejLL:1\xaacDQ(\x19ZJA\xb2pW\xd1~X\xe2\xe7\xeb{D*\xe3\x92hY+\x1b\xc6{\\\x82G0\xce{T\xa3\x91\x89\x9eaH\x8dZE\xa9kQ/a9fVO\xbc\xaf\xa9\xcb\x80b\xd9\x8eo\xc7\xa0BF81e6#\x96\x8b\x86\xc8uN\xab\xa0\x9b\xf6\xf3\xf3\x93`JFd6`OG\xc3pH\xde\xe2\xe7\xd5\xde\xe2@&amp;\x1a\xdf\xd8\xd7\xec\xe7\xe6\xe8\xe0\xde\x9agRW3$\xd7\x82[ykd\x02$\x17\x01. \x02fJ\xc5\x9b\x89\xdd\xc9\xc2\x19V5n;\'\xca\xc5\xc5\xdd\x8aa\xd3\xabK\xb3\xaa\xa6\xa6pZ\x93\x83|\x84N:\xce\xb1\xa6\xb2\x7fit\x9e\x99\xb9\x99@\xd6\xd0\xcf\x83\x82?\x04[Fwf^\xb6u[\xd9\xbe\xb4\xc7\xa6\x98_s=\xa5{ipH7\xa5\x98\x92\x8byq\xab\x85u\xa6\x92B\xca\xba\xb3\xbffA\x00\x13\x0ch^[\xcb\xd2\xd7%iX\xb0\xb2\xb6\x99\x8a?\x17]L\x91\x96\x97\x9br`yH5\x15J,\xbc\x8cz(Q-IxG\xcf\xd9\xdd\xaaU0a@1\x8bS=\x87~z\x9b\x9d\x9dN\x19\t\xa4\xa2W/pf\xb7\xc1\xc8\xa1\xa7\xac\xc0\xbb\xbb\x86pe\xb6\x92\x84\xbb\x9c\x8f\xb8\xa4\x9ctv8\xbd~b\x0e@\'{\x87\x86I-!t_W\xb2\x918\x8f\x9cX\xa9\xc2\xc2\x8cC%\xe3\xb7P\xbb\xb0^\xbb\xa3MvSDl\x87L\x12SE\xc9f[\xcd\x8an\x86\x90L\xbd\xd1\xd2\x97\xb6\xb4\x84_OF\x80w\x8bo&amp;\x8a\xaa\xa8|spc~w\xd2\xb6[\xf4\xd6\x88^\x91\x8c\xc2\xc9\xd1ag0\xbaXN\xaaPD\xe8\xbfY A&lt;KQN\xd3\xc6wIM\x1e\x154/\x805.\x82|^\xe7\xa1\x88\xeb\x9dxVhe\xd8\xab\x9a-&gt;*\xf5\xb9\x9b\x9a\xb2\xd4|\x00\x00 \x00IDATx\xda\xcc\x98\xcfkZ\xdb\x1e\xc5\xeb@\x1c\tG\x0e\xfab\xa2\xb1\xe6(\xd1\xa0\xbe\x04\xd1\x8a&gt;4A\x13\x0f=%\xf1%\xa8)Tc\x8d&amp;\n\x92J\x8c\x98\x82\x11\rr1m\xc4\xc1\x85\x04Lr\x03\x01Ci~p!Px\r\x1d\xdc$/\x93\xfc(\x85v\xd0A\x06\x1dt\xd0\xf9\x1d&gt;\x1eo\xedco\xfb\x07\xbc{\xd2\xbb\xf3\xe3\x98\x14\x9a\x0fk\xad\xbd\xf6w{\xe7\xce\xff\xbf$w$XxJ\xd4\xfc\xe7\x9d\xbf\xc4R\xab+\xf7\xee\xfd\xb4\xbe~\xf1\xaay\xb1\xfe\xeab\xa5\xa2\xfe\x0b\x80\x8d\xfes\xe7U\xe9\xcb\xd1\xef\xd1"\xc7q\xc5b1\xfe\xfb\x97\x8b\x1f\x0c&amp;\xb9\xa3~\xfe\xaat\xc41\x81p\xd8\x1b\xf6z\xc3\xe10^\x05\xe2\xff\xba\xd8Y\x19\xfdQd\x12\xf5O\xcd\xb3#.\x00\x12\x96e=\x1e|\xd14\xeba\xc3\x01&amp;\xde*\xfd\x18.d|t\xfd\x8c\x0b\x10\x89&lt;\x1e\x0fM&gt;h\xdaC\x16\xd0\xc2L\xb1p1\xfa\x03\xc2\xaf\xae\xac\x94\xe2\\ L$\xa2\x08\x0e\xa0(\xca\xc3\x92\x07^\x84\x03\x81\xea"\xc2\x7f\xcbZ\x8d\xee\x94\n\x0c\xeccADQ\xc4BHE\x8b\xc5\xb4\x87\x12\xb7\xf9\xbc\xfe\xe2Qy\xe5V\xb3/Q_ S\xc4&gt;\x8a\xe8DD\xa2hZ$\x12\x89E@\xa3\xc4\x14\x11\x8cf\xfd\xc9\xc6\xce-rA\xab#\x86\xf7\x8f"\xfe\x11\x0c\xb1H,\x06\x15\x98\xf0+&lt;)\xc2\xc9z\x99\xd6\xadqIF+\xaf\xaa\x0c)\x03\xc4\x8a\x04\x9c\xe2\xf5!\x0b/\xc4\x14$\x13\x89\x00\x05\xac0\xb8n\xcb\xc7J\xb3\x94\xf2\xc3A\x96\xb4\x02-\xa6\x81BR.&amp;r\x81\x07\x0f)\x91ML\x82\xc6\x06\x92g\xeb\xf7n\x83K\xbd\xd2\x88\x06\xdaByH\xc8\x89F\x14o!%\x96J\xa5D.\xfcD\x13KEb\x8f7\xe0O\xedW$\xb7@\xb5\x19\xf7{\xbf\xe6\x8a\xec\xb9o\xee\x01K$%n\x12"\xa2\x1e\xf9\x07:\x1c\xe0\xaa\xe5g\x82sU\xca)\x14\x03\xb8(\xf2\xb7y.\xbe\x19\xa8\xb6\x91\xdf\xc2\x8f\x17\xd8\xa14\xd1\xab\x18\x15Z/\x89z\xbd\x80\xd3\xc6\x8bB\x10\x7f\xedN&gt;QR\x11o\x9aH*\xe5_\xe3\xc1\xebGvD\xd8\xcbq\x8dgja\xa9V\x8e8\x14\x16\x7f\xfa\xd1m\xbf\xa4\x04\x85\x90|_\xdf~\t\r\xd1\xab\x8c?Y\x12\xd4F\xf5\xdf6\x93\x0c\x17`I\xa3#\xe7"\x1eBL\xebz{{u\xc66\xa2T\xf4\xf5\x8b\x7f\xc0h\x16gA\xa0X\x12\xf2\xe0\x1e\xfdw\x8ac\xfc,-"B\x91f\xa2=\xba\xa0ujniin\xcaJ\xc8\xc4\xc6\x81\x01J\xc4\xdb\xfa\x87rt \x80\x83\xa8*d}\xed\x1cE\x99\x00\xcbW{\x90\r\xf6Y\xa7f\xeb\xf5\xa5\xa5\xb5\xf1\x0c\x16\xc8L&amp;S\xa7J%7\x0c\x0c\x18\xbf\x9b\x8a\xd0{\xc3\xa1\xe8\xbc`\xed%\x19m\xa6\xa2\x0c\xa9,\xd6\x1b\xab\xd5\x97\xd6\xd6\xc6\xb3\xd9\xac\xc3\xe1v\xe0\x91\x19_[Z\xf2\xf9|\n\x85\xb3Se\xb2\xf6\xeb\x8c\x7f8\t\xae\x98\x97)\xac\x08\x85\xa5\xbew\x16\xe5\xfc\xe8v\xc2t\xbc\xb5\xb5\xe5pd\x1dn\xb7^\xefv;\x1c\x1d\xd9qW\x17\x96oX\xe1\xb4X@\xd6\x0721\x8fE\x07\xbd\x01\xa4K\xa8\xd4K\xd6\x0b&lt;V\xac\xbev\xbcu:\x81\xe5&amp;KO\xbe\x81+\xd3=\xde=\xae\xed\x82^\x8a9\xcb\xec\x94\xc9\xda\xd7\x1b\x1c -&amp;\xc6fD\xd9\xaf\x0b\x83%\xa9\x9c%\x8bh\x87P}\xebt\xc1f\xb3\xe9\xb1&amp;\xf4f\xf2\x1d\x80\xe0\xea\xe8\xe9\xe9\xd6B/b\xe5\xdc\xec\xd4\x94)\x14\xea\x0b\x92}@\x07\x19\xaf?\xb9(L\xe8%\xcf[\xc5$\x13\x08\xd5\x8f\xc1\xa4T\x9a\x95JBf\xc6\x136f;:\x08\x17\xc1ru\xf1X\xb3S\xb5Z-\x14\x8a\x05iR\x121\x86\x11\xa8#P\xa5\xf00V\xdb\x83T\xca\x9c\x92_9\x99\xcc\x0c0\xb3\xcd\r\xa86\x96\x8b\xe8\xc5\xbbh\xaa\xd5\x98\x1a\xc3\x04\x8d\x14\x1b\xf6\xfb\xfd\x97\xc2\xecE\x9c;\xd1b\x0c\x16.\xb4\xa9d9{$\x82O\xbc\x96\xc9\xf4\xfa\xc7&lt;\x95\xb6\x8b\xcf\xfd\x1c\t\xbd5\x04(\x86\x89\x19)O8\xe0\xe7Z\x82d^\xa2^L\x15\x8b\xcc\xfb\x93\x85\x85e\xf8\x07.{&gt;\x9dN\xe7\xf3`\x93\x99\xdd\xee\xb6\x87\xdd\x84\xcc\x85\x92\xe84Y\xad}\xa1\x10\xc3p~\x1dM\xb0\x98\xc2\x8e0\xd9ZO%9\x0e\xc9\x02\x95\xd2f\x96)#\xe9\xf4\x06\xb8"\x89\x19\xbby\xa2\x8d\xd5\xdd\xc6\x1avZTC\xf2\xbe\xbeX\xc8\xcfpL\x98\xd6\x85\xbd~.\xb5.L\xe6\xd7\xab\xc5"W\xdfZ&amp;\x0e\xda\xf42Y$\xbf\xb1\xb1A\x04\x93A.\xfdw\xb9\\\xc0\xea\x1c\x1a\xc4A\xc9s1\x01\x1d\xeb\x05V\xfcB\x10,\xd4V2\x99&lt;YP.\xc3B\xb3\xde,\xb3\xdbW7\xb6w\xd3\xbbo\xf2\x11\x99\xf9[\xbaH\xea\x87\x89X\x04\xab/\x06,&amp;\x18\x84ZE\x81\xb0p"\xc6\x93\'\xc0"\x16\x82Jf\xcb\xe5\xd3\xbb\x10+\x9dN\xcc\xc8x\xbd\xf8\xe2\xe2MT\r\x02\xab?\xd8\x1b\x8b\xc1Eo\x90%\xc3`S\x90\x86\x90\xac\x1c\xc5\xa3\xc9\xbd\x85eR\xa5\x88\x96\xcc\x9c\xcb\xe7WWWs\x91\xbc=b7\x13\xb5zz\xb4$Z&gt;b\xa2\x15X\x06\xd8\x08\xb5\x02,f\x08.*Lq\xa9\x9f\xb7\xa0\xd6\xde)\xa8&amp;\xcc\x10\x0b&amp;FV\x97\x97\x17\xd0\x17v\xbbr+\xabw\x90\x9a\x87\\&gt;\x92-\x95\x957\x11\xe9\x02\x16\xae\xfe\x0c\x17/\x0b\x85\x95\x8a\xb6\xb1\xf4\xc4C\x94inycuu\xc1\x16\x89\xd8\xb6\xf6\x8e\xdd$Z\x99\xee.\x1f\xe4Bm\r\xc9\xe5r+\x8f\xc5\xf9\xbd~?\x93\x8c\x0bc\xe2\x9d\xe7\xad*\xb8\xb6\x80eC\xb1\xcb\x94\x13\xb9\\n#\xbf\xaa\xccE\xec\xa7{{Y^\xac\xae.\xc5\x9c\xcf\xe5\x83Z*\xab\xdcj\xe53_\x04V\x80`\t\x12y\xf5\xb3V\xb5\xba\xb7w\xaaTNL@.{\x0e&amp;F\xf8&gt;\xb5\xdb\'&amp;\x1c\xed\xe6\x1a\xc7H\x88x\x11\xb9\xac\x84\nX\\\xb1\x88\xf6J\xc6\x852\xb1rV\xb8\xf9\xbc\x80\xda\xb2M\x10\x13\xed\x91Dz\xf7\xc9\xbb\xe9\xddD"a7#\xf2\x0e\xb2\x1e\x83\xaeG\xeb\xe2\x87A\x13Q\x8b)&amp;\xb1S\xa2\xa9T|_\x98\x9dX9\xfbp\xf3\x19;O\xc9\xefD{"1\xb2;=\r\xactb7o\xbe\x8f\x03\xc8\xe1\xe6\x87\xc2\x8e\x0e\x1e\x8b\xe7\xb2\xfa\xa1S\xaa\xd0JU\x0b\xd5}\xa1\xd4\xfa\xf0\xf9\xf5\xeb\x8dU`\x99\xcd\xf6\xc8\xc8\xd8\xf4\x93\'O\x9f\xbe\x9bN\x8c\xa4\xd32\xd9\x8c\x0c\xf3\xa0\xde\xe1\xe6\xd5R\x90\xd9\xd9\x82Q0\xf6\x1eBU\x1b\x9b\x8dV\xa3Z\x16H\xad\xcd\xd6\xe5\xe1\xcb\x8d\xd5e\x9c\xd3\xf6\xc4\xc8\xd8\x93\'\xef\x9e~\x02\x17\xce\x9f\xc4\xa3\x19\x1c\x8c\x90\x8b\xf8\x88\xe0\xbb\x86\x15dH\x05\xd7\xfb8\xc4:(\x95\xbe\x1c\x14\x04\xca\xd6\xe8\xe6\xe5\xeb\xeb\xc3\x97\xb01gO\x8c\xed\xbe{\n\xaaO\x9f\x9eNO\x8f\x8d\x8d\x8d\x8c\x8c\xd8\xcd\xb8jtd1&lt;\x93\x19\x02kI1\xd5g\xad\xc5\xab\xd5\x0f\x07\xa5\xfd\xcd\xcd\xd6\xa2@s\xe0\xfe\xe5\xcb\xeb+\xc8\x15\xc9\'\x12\xf9\xf4;~\xed\xee"[\t\x04l$\x87\xc3\xa7=7\xfb\x14\xf0\xcf\x04\xa9zu\x9a\xbed\xa1\xd08\x9bon\x96\x1a\xbf\ntU,\x1f\x1c^]\xbf\xc4\xd8\x90\xb0o\x1d///\xafb\xf4\xc2,(\xb3\xcf\x8c@/\x19_\\Z\xad\xcfi\xea\xd5\xe8\x8c\x14\xc5\xbf\xc7\xa5\xf3W\x1b\x8d\x83\xf9fy\xff@\xa0\xc1F\xb2xpu}}\xb8\xbd\x9d\x8e\x1c\xd7\xebI\x1c*\xb1Xhv)\xe36\xcb\x1e\x8d\x8c\xcc\xe8\xc9\xfc\x80\xa1F%\xd7\xe0Z!\x12\xb7\xaf\xfd\x947~y\xb0\xb9\xbfX\xde/\t\xf5~\xe5\xc5\xe6\xf5\xdb\x17o\x0e\xb7W\xf7\xde\xd7B16\x18\x0c\xea4\x86\xa1\xb9\x8c\xe3\xe1\xdd\xbf?\xba?\xd9\x83L9\x9d\x16\xb9\xc1\xc8\xbf\x8dj\x1c\xe0\xe9X\xee\xb24_^,\x97\xe7W$\x02\x8d\xa7\x87\xd7/^\\\xbd\xd9&gt;]\xaa\xd7q\xcd\xc7\xe5\xc6*\x9f\xb2(\xb4=\x1d\x93\xf7\xef?\x9c\xec\xc1\x11}&gt;4\xd8o\xd0\x0ch\x0c\xf2!\x15\x86\x1b\xc3\x80Q\xc74\xe6\xf7\xcb\x8b\xcdfS\xa8\xfb\xeb\xca\xfc\xf5\x8b_~\xfe\xf9p\xeb8\xbb5\xa1\xb4\x9df\xba\x14N\xa7\xc2\xd5\xa5\xedy&lt;99\xf9\xb1{\xd82$\xef7\xe8\x0c\x0f\x86\x9c\xc3.~\xe8\xc2O\x1a`\xcd\xbfm\x96\x9b\xbfV\x04\xbaU\xdf{\xcbc\xbd\xb4\x91\xa9&amp;\x92\x8f\xd82\xe3\x98\xad\x86\x87]\xdd=\x1f\x81\xa5u\x0e\xf5k\x06\x8c\x03\xf2N\xa7\xc2\xb7\xe6s\xaa\xe4\xfd\x1a,\x7f\x01\x1bq\xb1\xdc\\\xaf\x08u\xad\xe6\xb1\xdel\x80\xea\xfeC\xb3ma\xcd\xa2\x1a\x1cRY\x9cNW\xf7\xc7\xc9\x87\x8e\xae\xce\x07\x88\x93\x11\xfe-\xdd|&gt;\xa9\xf5\x02\xd1h\x1c\x08\xc6\x8a\x85M`-\xee\x8c\n\x85\xf5+\xc1\xda\x8e\xe0\x98\xc9d\xc6\xf7NB\x06\x8d\xa1\xff\x81\xfc\xfc\xdc\xa9\xfd89c\xd6\x9e\x1b\xd0\x08\xc6\xfe\xa9\x9b\x9b\x13&amp;\xcc\xbfaI\xb1\x94\xd1\x1b\xe2\x0e`\xe2"6\xa2\xe4\xcf\x0f=\xfeK\xf5\xce\xd5\xd5/o\xd2v[\xb6+S\x8f\xe1\xaa,\x92\x1a5\xfd\x83\xe7\x16W\xcf\xe4o#\xe9\x0eK\xbfQ$\xd2\xcc\xde\xd4k\x97\x8d\xffPR)M\x89(\xda\xa8\t\xfa[\xe5fi\xff\xb9z\xb4\xf2\xa7\x0b&amp;Q\x8f\xaa%+\x87\xc0J\xcc\x98\xb3\x99\xa9\xbeh\x91\xfd\xafT\xea\xad\x9b\x06\xcf\x9d\xfa\xbb\xbf\xdd\xfdG\xa2\xc3\xf9\xc0(\x12\xff\x8fW\xf3\xf9Ik\xdb\xe2\xf8\xbd\x83\x1b&amp;\xef%\x8f\xc1!\n("\xbf\x8e\x04\x118H\x89\x8a\x81(\xc7D\x88\xe7\x05\x90\xab\x01\xf1\x07\xf2CR\x01\xa9\x06%U\xa9\xd1\x84j\x8b\x03\x885\xadh\xd2\xa4B\xfc\xd1@^\xf2\x06\x1a\x07\x94\xfb\x98&lt;[\xd3\x84\x0e\x1c4\xd1\xc1\x1dtV\x937h4M\xdf\xda\xc7\xf7\xfe\x03\xe8\x8e\'\xd1\x91\x9f\xac\xbd\xf6w\x7f\xd7\xda\x8bx\x97\x90=\xbb\xf8\xcf\xdf V==B\xa4\x13\xc2\xb1\xe8\xd1\xcb?\x96\x9e\xac\xffs\'\xbe^]\xedB\x1b\x98_\x7fz\xf2\x16a1\xb5\x8b\xa3\x87\'\xe7\xbf\xc3\xff\xf4|&gt;\xb5\x9c\xf2\x99TSQ\xe7\x1c7\xea\x95\xbf*\t)v\xf8\xf6\xc3\x1f=-\xbf\r&amp;d\x8a1\x9eP(\x94\xaeF.\xbeD\x97\xa2&amp;\x81?R\xd5\xbcg4\xa4\xf7\xf6_\x1d\x1c\xfcy\x92\xdb\x9b\x04Eo\xcdXV\xden\n$\x95\xc3\xc3EK\xc6:G\xf5\x17\xdb\xc4C|9\xde\xa24s{-\xa7\x9f?O\xd8e\xa3p\x14\xed\x12\x1c\xc7\xa5\x13;G\xff\xf8\xbdG*\xb5\'\\\xaf\xab\x98^\x0c\xc6\x83\xf7sP\x0f\x8e\xcc",0\x0c\x94\xd7\xfa\xec\xe4\xe4\xcf\xc3EV/_+\x9a\x9bj*\x16\x0b]\xfd\xcd\x1dp\x14\x15\xac\xd3\xcc\xe9\x16\x8bm0\xe813.AK\xea:\x8e\xbc\x19\x1c\x84?0Y\xa4\x9aY\xcfx\xfa\x8a?\x0e\xbeOs\x90\xdb#U$I\xa9\x9d\xcc\x95\x95\x0c8w-\xf8\xd1\x11\'\x04kY\xddti\xd4\xe3J\xdcwZ\xcahAi\xa1\xde\xc7\xe8\x9aLj\x07\xac/\x83&lt;\t\x9cZC\xb4\x9aZ\xdf\x90\xd56.o\xab\xd4\xe4\xde\x87=\x92\x14\x93\xa4ZMM\xce\xc1z\x04&amp;\x9e\xe9mj*\x14f\x1c\x80e0\xc3\xc9\\,Y\xbbi?\x8f\xbaI\xb0\x08\xbb\xeb|i\xe7\xef\x83R\xb3\xd9\\~^\xc5^%\xa3!W7\x94\xbcK\xaaTg\xa9}\xc0\x12\x93\x8e\x05\xf0\xcb`\x98Io\x7f\xbf\xae\xab\xad\xad\xb0\x16P\xf7\xd7\x01\x16\x8ecl\x8e\xb6\xbb\xae\x91\xc3\xef4\x1a;\xe4\xbe\xd1\xd1D\xc2\xf5&amp;r$\x90`f\x0c+\xfb\xe6\xab\x88\xf5$uY\xdc\xfeqK\x91)\x84EvQ\x8e\x80\xcdf\x03kJ:u\xaa\x80CW(\x14\x1c\xea\xe1f#\xba\x13\xcd\xe5\x0e\x0e\xddT\xa2\xfb\xa8,\xb6,Qq\xbd9\x8a\x0b\x06a\x0f\xf5e_\xbcz\x12\xc1xrvY\xbc\xfb\xf1#\xe4M\xa5&gt;R\x94J\xad\x0e\xd9l1\xa0\nQ\x94\xc3f[\x06\xaa\x82Z5\xdc\xdc\x0bgO\xa1\xe0\x1a;\xf9\x8d\x97\x97\x97t\xcb\x12\xb0d\x15\xd7\xe6Q\xbc\x8f\x87\x9b\xcd\x80\xf5\xb2z\xafR\r\x80U\xb8\xbb\x9dV\x8bh,\xca\xb1&lt;\x03X6[\x08J\x1f\xdbBR\xd5U\xd0\xe9\n\xe2\xfe:\x8e\\\xafP\xe0z\x16\xa7\xb1\xb1\xb1\xb9\xf9\xb2\x99\xcf\xef\xec\x00\xfb\\\x99\xd8\x8c\xc7M\x10G3Q~\x9e\xaf\xe2&amp;\x0e\xa4\xc6\x03\xd3k\x85\xcb\xf1T\xee\xa3\xdb\x01k\xc6\x16\x8b\xc5\x16\x16lh-t\x15\xc4\x85\xb5B\xa1i\xa8\x11\xb9\x06\x1c\x93s\x1a\x9b\x11\x17\x98U\xa3\x1c\xb2&gt;1q~\x117\x8dB\xc6c\xdcw\xd5lU\x0ed\x99\xb6\xb5Bqh-\xb5{\x1d\x02\xa8@\x00a\xc5b4V\xa0K\xd7\xb5&lt;3\xb3\xa6k\x1a\xe7\xc8\r\x12\\\xc1\xee\xa4cEc\xb1e\x84,\xe1?\x9e\xff\x97\xdd\x07XR\xd9a5\x05\x82\xb11\xb5\xd0V,\x16\x93\xa9\xec\x19Dkf&amp;i\xb3\xfd\x1f\xeb:\x04Y\x9f\xdc\x8e\x05\xd4\xba!&gt;\xa8\x15\x86\xeb\x8d\x8d\xa8\x06\xba\x04,\x16j\xed\xda\xfd;\xf9\xa5\xb1\xa0\x1e\xb8d\xe7\xd5\xbc\xad\xe1(\xda\x00ky\xfb:\x9drS(Zt\xb8 \xb1\x16B!J5\x93L\xde\xdd\xc6\x02\xbaq#\x9b\xcb5(\x14r\xf0\xd1\xf7\x9b\x88\x1a]v\xbb+\x92\xdf\x91\xb2\xcbz\xb34\x11\xaf\xaa\xca7d\xaf\xbb\x8a\x85\xed\xe9X:\xe7F\x19\xef\x08l\xa3`\x01\x15%V\x05\x02\xcb\xaae\xf8\x86;\xcb`\x0b\r\x98P\xdf\x8b\x92\x0b\x0e"J-"a\xf7_\xe4\xbf\x10e\x84UyQU\xcb\xc5\xd8\xb8v\x14\x0bw\xd3\xd7\xd9\xecG\n\xe5|`\x1bm \x84J,v\x80\x92\x8a\x9atm\xfd\xcde\xb3D\x0f\x06^\x89\xb39t\'\xdc\x08{\x8a\x1e\r&gt;\xcd\xe7\xbf\xe8\xcbe3f\x8f\xaeW\xd9\xd8\x9c-\x14A\xbanw\xd3g\x94\x1a\xc2\x05\n\x012\xefV\x8bu*\x87c\x98;8:&gt;TgT\xfc\xf6\xd7\x16(}\x94J\x8c\xc5A].\x08\x16A$L\x9e\xf3\xfc\x8b7z\xb8"\x89Du\x8d\xcd/\r\r\xbb!G\xdb\x9a\xed\xf6{:\x07\x15\xb4\xca\x11H\xd2;\xa8\xd2\x89\x1d\xee&amp;\xa3\xb2\x05\xb7\x84{\r-P\xb0\xe2P\xbd*\x15r\xf4\xf4\xc3B\xadJi\xc2\x04\xa9\xf5\xefU\x8c\xa8$\x88w\xaf\xab\xfc\xc4\xcf\xd8\xd8W\xcf$\xd7\xc4)\xb4\x8b\xa4J\xedp\x00\x95\x9b\xea\xd2Q\xa1Pw\x197\xd4\x89\xc2\x1df4\xc7\xd2\x02TH\xba\xee\xbb\xf3\x06\x8c\x10xV#\xf3\xf3\x13Rb\xf4yb\xa7\xca\xae\x99\xc1\x18\xf8\xee\xb4Mo\x87\xf6\xb2\xd93\xd0y\xc0\x9a\t\x01\x16I\x86\x16BNK\xd9\xc8\x9c\xb4Z\xd8\x18\x0fq\xe1\x18\x97\xcd\xda\xb2pXP\x18a\xd8X\xc5\xf3)2\xff\xf2\xb1DJ\xbc\xfb\xfc\xba\xda5\x06\x03\x92&gt;6ms\xef\xeffSS$\x1d.\x87\x1b\xb8\xdc\x80\xd5\xd5?\xae\x15=j\xd7Z\x16\xb9BdO\xe5P\xbdr\xf8\xc8qa\x12\xa9\xdd\x04\xfea&gt;. \xa4D\xe5\xfcA\r\xca\xb1\xef\xb1\xe9\xa4c?\x97\xcd\x81\x89P\xc1u\x8d\xb0\xdcp-:T^Q\xb8T\x8f\x9e\xd1Yf(\xf3\xd9\xc6^\xf4l\xdd\xd9\xc1\xa5\xb1&lt;\xae\xcd\xc8\xfc\x91=\x91\x90U\xce\xab_\xc12\x06\xb2\xb1\xe9\xed\x80;\x97M\xedMz\x81K\xa5\x86@\x01\x96\x83"5\xd6R\xa9dy\x18\xce\x84\xb9p%\xb2Y\xbdt\xc2\xcb\xd1\x93A\x8f\xdd3\x01\xd1Z\xb2\'*\x95w5h\xbc\xc1.\xde\xc5\xa6c\xd7\xa9lnon\xc4)\x06.\xc8v\x08\x175\xa9i\xcf\x84\xbb\xb5\x9d\x8d\xe1\x8c\xe8![\x81\xe9\xa1\xd8g\x81\xd3\x92\xa3`\x8d\t&lt;\xfeM(\xf6\x97\xa2\xab\x9f^\xd6\xa0\xdc\x87\xa4O\x83\xae\x7f\xbc\xc7\xd28\xc5\xe2.\xca\xedvOMM\xd6\xd7\x8b\x98\x9a)M]s\x9d\xb6\x14f\xf9\xb8z\x83\x81\xcb\x95\xb3\x82l\x08\x96\xb4\xcfD\xe7\xd6\xd3\'\xeb\x1b\xeb\xb5\xa8\xf6\xd1\xa0\xe9F\xf6{z=\xbd\x0bXL\xafS\'\x86s8B?Z\xef\xcf\x8d\xd4[\xdb\xad\xdd\x16d\xdf\xd9&gt;Hu\x8c\x90\xb1\xb9\xd8\xfdK\x14\x98\xc0\xf9\r\x06\x9a\xc7\xaeM\x0f\x82\x81J\xeb\x81\xa7\x08K\xa3\xf1:\x9d\xe4d})#\x9a\xdc\x9fk/\xad\xac\x94\xa0\x0e\x0b\xfa\x82&gt;\x19\x81\xe9\x01H\xa1\xc0@J\xd1C\x94\xc0s\x1e\xcf\xd7p"\x89A\xaf\x86\x8d\xec\xd9\x1c\x04\t\xe2E\xb6\x87-a\x8d&amp;\xcc\x0f\xcf\xae&lt;\x9b\xcdd\xb6\x82\xcfY&gt;\x99\x14\x17\xf2\xa0\x96\xe6I0\xcc\x8e\xde\xa1\x04\x9e\xe3\xf9Z\xf5\xb6\xfe\x07\x86\xbe\xf5t\xea\xd5\xc8#&amp;\xd3\xeb\xd5@&amp;mYzY[\x0f3\x99\xcc\xa9ek1\xc8z\xee\xc3p%=\xee&amp;$dR;dV\x9f`bg\xfeEM\xb1\xee\xf5\x0bvqD\x03\xd1\xd2\xd4o\xe9\x95\x92Q_p\xd1\xf2\xcd\xc2\t\xca\xe5[e\x1f\x1b\xbc\x1e\x0f\xcd\xd6\xfc*\x1c\xf5a\x10,A\x9f\x00\xee\x9e\xf4@\xad\xb1~\x19x\x9a&gt;\x9b\xd3\xd4\xd7k4"\x8eY\xea\xdb\x12\xdd|\xfdzs3\xf4\xed[gg\xe77\xb4\x16}\x84\xb2EI,\x06\t\xbb\xe9\xb1\xa9\xcf\x14\x85\x83X\xfbq\xf0\x86\x8dtnJ\x83\x1e9\xad\x0f\xe5[\xa5\xb0\xd5{\x95L^]!\xb6\xaf\xb0nD\x96 &amp;\x14\xe2\x08k\xcc\xe32\xf5y\x90&gt;\xd4~&amp;\x96\xb1\x01\x121\x82\x064\xac\xda\xb0\x95\t\xbf8\xafb\xb7\xb7W@\x86\xbe\x9b\xba\x0e\xb3P\xc9\xe3\x11A\x9fd\xcc5a\x12\xf8\x8fA\x1fj&gt;\n\xce\x80\x9c\xcf\xa6^=joo\xef\xce\x88\xea\x9d\xe4H}\xbd\x97\xbc\x8e-\x00\xd2\xd4\xd5\xd4\xcd7\xb9D\xa9\xe4\xe1B\x8cmP\xf4\xf8\xfd\xa6\xc7\xd1\xe3x\xbe\xf6X\xe8(fw\x0f\x1e\xb5\xcf\xceZ\xbb[\xbd$IQ\x10\xba\xd6\x1bX\xe8\xa9\xd3"\xc7x\xb8B\xc1\x13J\x08\t&gt;\xb6\xea\x07\x8d\xdf\x89\x83\x9a\xd6\x1e\xebA:\xbd\xfb\xfe\xd5\n`\x89Z\xdbH\xd2I\x92\x93#\xad\xddZm\xd8b\xb1,\x06AN%\x08\x0b\xc7y\x83\xf6\xd5U\x8f\xff\xcd\xce\xc5\xc5O\xc0\xfa\xe5I6\xbd\xfb\xe1\x00\xb0f\xad\xadM:\xb1W\xc3d2\xe1\xb2\x06\xa4`\xd07J\x0f@ 9\xe5\xf1\x06\x13Q\xbfku3\x02X\xb5\xa7b\xfc%\x9b\xcf\xe7\xceNP\xb8\xac\xad\xfdMLfk70\xf9\xb8PC`\xf0\x83\xc62\x84B\xa5P(\x1c4E\xfd\xfe\xe8y$\x12_\xff\tX\x03\xf9\x0f\xbb\xb9\xf7\x07\xcffW \xbbD\xc3\xc3L\xa6(\xbc\xd5\xcb\xea\xe8\x90\xb3\xd9\xf7\xb35\xb8PIcy\xfc\xab\xab\x9fv"\xc7G?\x05+}\xf0~\xf7\xfd[41\x82\xe6\x16EL\xe6pw]\xb3\x05\xfc(\x98,z\x16\t\xa7\x83\xc5\xfb//\xe7\x1a\xd3d\x9a\xc5qS\x15\xba\xd0\rS\x90-\x17\x0b\x05\xa1Z\xa0VJ\xb1T[\\J\x97\x12\x14\x96\xe20\xd2Z\n4\x80H\x0b\x0b\x16\xc5d\x84:\\\xdaY\x95\xdbfV\x18dVT\xd4U\x17\xdcHA\xaa\x0e!+\xcdr\xd9\x1d\x89\x0c\x86/\xc6d\x00E\x12\xc7\x0f\x1a\xc9$\xc6\xec9\xcf\xdb2d\xf6:\xb3\xd2C\xbc|\x10\xf3\xe3\x7f\xfe\xcfy\xce\xf3\xbe\xe7i\xbe\xae\xa1\xa1\xfarmoK\xad\x1b\x92\xb8\x8e\xfdY\xdf\x99?~\xd5w\xbd\xae\xae.~\x7f$`\xa5\xf1\xf9j\x1co\x89L4f)\xb6\xe3S\x08\xc0\x8a\x8d\xc8\xde\xa2\xc7\x1c\xf6V7t\x9dr\x07\xd6\xc5\xebuw \x8b\xe0\xae:2{\xc0\xe1\x14\xa7@K\x98R\xc8\xdco\xc4\xf3\xce&gt;\xf0\x16Dr\x91^\xdfp\xb9\xb7\xfa\x84\xce-X\x9e\xbf\x85\x04^\xc7\x97\xe9uu8\xf6V\x0c-\x0e\xf4\xa9W\x0e\xe72\x13\t\x96?\xae\xc4\x88l\xa5N\xaf\xaf\xfe[\xbfR\xa9wK\x12=O\x7f\x99\x1bX\xd5\x07r\x01\x17bAC\xf8k\x82\xc5O4\xee&amp;o\x11\xb1:\xe4\xef\xd5\xe9\x1bff2S3Kj\xdd\xa1\xd6\xbaS\x7f7\x99\xea\xaa\xfa\xfa\x90+&gt;\x1e\xb0\x8a\x8b\x0b\x0f_9|t\'`)\x82\xc0\xf1\x80\x95\x9d\xbcEWR\xd20\xa3\xf4K\xcd,r\x17\xd6\x99@\xd8|\x00\x0b\xb8\x02\x99;\x99\xc5\xcc\xe2\xdc\xdc\\S$\xd4\xaf]\xf8\xb0\x19\xb1&gt;\xda\xab/i\xa8\xde\xeb\xc7K\xcd\xd4\x1dq\x8b\xb7\xc4_\x9d1\x05\xee\x8c_\xb8\x83\\\x81\x818b\xc6\xe4\xf3#\xf7\'\x04d)\x82\xfcI\nC\xf1 \x06T\x1b?\x00\xb5t\xb5\xee\xd8|\xd8\x9f&lt;\x00,\xd3\xce\xaa\xc7\x0bw\xee\xc0r\xc4\xb1)\x9c\x02\x0f0\x82\xb3\x92\xa0\xc6\x87\xa2\xdfA\xac\x92-\x1fPX]\xee\xc0Z\x97\xf1\x87s&amp;l\x03\xabn&lt;^XX\xa8\xba\x7f\x1f\x98\x8c\xc6\xac,8I\xe7\xf9o\x05\xaa\xd8\x88deQ\x89&gt;\x19oc\xc4\x12,w\\\x8d\xca\xb8z\xdddb\x9a\x80\xeb\xee\r\x88\xbbw+*\x8c8\xc4\xff\x8bCyqQ\x88\x15\x11\x01\xcb\xb0(\x95LC\xa0\xe5\xbb\xdcr\x87\x92}\x15\xce\x18\xe0\'\x93)\xfe\xec_0\xce\x9e=[\x83\xb3\xe88#\x1fJjV\xa6RIn\xe0\x11,]Wg\xa7;\xba\xf9\xcf\xce\xe3\xa4)\x13\xd6\xe0\xfd\xbb55M\x10d&gt;\x9eL\xeec}O=p`\x0f\xb9\xff\xb3\x91\xc7\xf3\xcb\x06\xcb\x1fi\xe9\x1a&lt;\xb5\xc6\x1d*;\x03\xb0pb\x8b\tk\x90\x9f\x00=\xcd!\x82\x14\xb5\x95\xb2\xbb_\xc4\x1e?\x02\x85b\xf1@9}\xd7h\x7f\xcb\xe8\xfb~O\xfdC(\xc9\xc8\x9f\xcf\x17jS\xb42B\xc6W\'f\xc1Y:\x0e\xa1\xa00@K\xc3\xc3\xcbd?wR\xc1\x8e\xad,\xaa\xae.\x01\xae\xce5\xbcz\xc7VY\xdb\'\x8e\x9c+\xd4\xca\xb8R.WV\x9c\x06\x01m`\r\x80aS\x1a\xcb\xe3QB9\xa9x\xb1\xa1\x07`Q\x96\xec\xd5\xf7?\xaf\x9d\\\xb3C,\x9baiw\x8c\xf6\x9e\xcb\xd5\x16\xca\xb8B!W&amp;(\xe6\x14s8\x1c&gt;H\x06\x9dC\xec\xc6\x15$\x02\xc5\xf3\x83FByB\x7f"Y\xd9\xd02\xeaX\xab\xe3\xa2g\x06\xcb:8\xda\xbf\x00XZ\xaeT(\x12!\x98@+\x80|2#C~\x15\xe4\x1f\n(\xd4\x9dIT\n"";Y\xb9\xb7H\x99\x9a\xaa\x7f&gt;Z\xdb\xb9F\xb6g\xab\x0c6GK\xc9\xc2\xb9\xa3Z|\x1e(\x12\x89\xccB\x99\x00\xc8\x04\xb2\x14-? 8\xc8\x7f[h,\x8e\xd6PH\x18\xd0J|\xb4%9\xc2O\xff|\xba\xd61)^\x1b\xb1\xc4\x96\xf6\xda\xea\x1bu\xe7\x8e\x82\xb9\xa4R\xa9H\xd4\xd8(\x92\xca\x80K\xc6M\xd1\xaaCv\x91\x1d\x11\xaa|h\xe86\x12\xb0gg\'\xe7\xe7g\xf3\xfc^O\xdb\xed\xf6\x895\x99\xffa3X\x96\xc9^\xdd\x17\xf1G\x01K\xcb\xe5\n\x1b\xcd\x95f\x91T\xca\x15p\xa0\x17\xd4\xaa\xc3\x82\xf0\xa50t\x10\xdbvP\x01\x7fC\xac\xe4T\x9e_\xbf\xdd\xe1\xb0;:O\xaf\x85X*\xb1e\xb0\xe5\xeb\x84x\x13\xaa%\x936\xa2Zf4Xq\x1a\x9f\x19\x19\xbe\x0b\xc7\xbe\xfd\xf1L\xb6\x0f\x7f\'\\;p\x14"\x82\xb7\xe7\xf9\xc4\xc4\x84\xc3\xe1h\xff\xe4\xbd?\xab\xcc` \xd6L^E\xbc)\xb7\x10\x9f\xe9B\x12\x81K\xd8(\x94j\xd3\xd4\x89\x15\xc1\xdb\xf1a.u^\x84@\xbc\xad;pB#9\x82w\xc0&gt;88\x08\\\x9d\xa7\xdf\xf7\xbc\x14\x9b\x01X\x86\xc9\x99\x98\xac\xfd\x81P\xe5S\xb8\x90E\xe4\x12J\xb1N\x00V\x96\x02\xcf\x8a\x9b\x93\x92~\x99D\x82p\xa1X[Cy\x99\x13\xe3\xe3\x80e?998nQ\xbd\xafO\x19\xf0\\\xe7\x89T*\x95\xa4\xfdr\x94\xa2\x82\xaf\xe5\xa6@\x81\x10\x92\x1a\x01\xde\x92q\xd2r\n\xc8\xe07\xde\xb6\xc3\x08r\xca\x86\xc3,\xf9Q\xa1\xbc\x13\xe3\xdf\x02\x97\x03\\?\xfdj`i\xd1\xc6\x82\x12\xf6\x7f\xa2\x91\x8f\x10\xc9 T*\xf1HoT\x9e1\x12R\xc8E.P\x8bT/\x01G]\x10\x10\x12\xb6\x1b\xce\xafx\xb6\x0e\nB\xba\xa48\x9c\x99\xc7\xb1\xf9\xec\xd8~\x9b\xed["\x97c\xda\xc7\xc7C\x8ed\x0c\xb6\xe7O/\xaf@\x04\x1b\x8eM\xacR\x01\x17\x9a\xebO\x9f\xfa\xd7PX\x84\xabQ(\x92\x82\xcb\xb8\x1cuN\x00\xcec \x18\x06\x1e\xfc\t\x17\xee\xe2\xd9\xd9v\xeb\x08r\x81\\\xd3\xcb\xd1t\xba\xb7|h`i\xde\xaab\xff\xb4OLA{\x1af_\x8cu;\xb1\x18*\xc3d\xd1\xber\xb5L\x8aP\xc8\xd3\x88I\xe4b\x1a\x81+\x9c\x12\x0c\x83\xc8\x15\x93\x84\xb3?1Q\xd9[\xda\xadV"\x97}z\xfaU[tt\xb4\x8f\xb7\xe6\xc9\xd0\xc0\x8bY\xc3\x8f\xf7\xbf\'\xb6\x0bs\xddcC=C\xb3*\x82\x05r\xb1l\x97w\x04EB-\x15\x12\x1e4\x16\x17w \xc0*\x80&lt;\xe2L:EE&lt;\x16\xb39\x0f\x1a\xb1\xb8m\xfd\x16\x0b\x91\x0b\xb0\x96\x08\x16\x1dS\x99\x9e&gt;4\xd6=\xc7\xfaQ\x8a\xe1\xdb\x94\x91\xc5\xa7C\xe9\x10\x03V\x15\xe1\x82\x80,\xe6\xc7\xe4\xc8\x84\x8d(\x13\x82\xc9dX\xe5\x05 VA\x01\x99\xc8\xd8\xb5\x82\x95G\x05d\xf1\xa4\x81pQX\xad\xc0E\xa7#\x98\x06\xfe\xef\xa1\xa7\xf3\x06\xf6\xff\xaa\x99\xa7\'\x03\x927\xd0\x03\xdf\'\x97\xcb\x9f\xb2\\T\x0cX\x8b%q\x892\xa1\xc8l\x06_\t\t\x17h\xc5!X\xe8z2\xc1O\x9c\x8f\x91\x07mk^\x9c\xee\xa2\xc1@\xe4\x1at\xac\xc6\xa2\x14\x03\xc9\x16\xad\x8c\xff\xee~4\x94\xd8\xd6=\xd6C\x904\x1a\x8d\xbc{\x85\nLo\xed\x8a1\xca\x84f3r!\x98\x0c\xa1(\xaapr\'J\xa1 \x17s\x83\xb6\x1f\xa2"/\xa6\xd6 A\xb90\x8b\x04\xab\xcd\x85\xe5\xe3\xed\xa1\x91\xa7\xcb\xd3\x07\xbag\r\xff9\x97\xb0\xf4\x18\x96\xf9\xa7\x03D\'/\rR\xc9gWa\xa1\xe9\x15\x02\xd8\r++\xcd\x80\x05uK\xe6\xc4r\xdd2\xdd\xbd;\x18\x1ftA\x95(/\'\x0f.\x9b\xda%\x12\t\xcaE\xb0\x96\x11+\x9a\xa2\x02.\x04\x83\x00\x97\x8d0\xfe=\x98\'\xdb0\x87B\xfd\x0c\xfe\xa9\x97\x17\xcd\x97F\xf3\xda\xf4\xc4\xa6r.D\xe4bY\x9foV\x9b+K\x9bK\x81\x0bv\x1e\xacZ\x88Eq\xe1\\\x06uE1h\xfb\xaer\xbc\x91Q\x9ewY\xc2\xa2\xb0\xc0\\\xd3o\x9dXD.oo\x92J\xf2\xb3\x83d#\xff\xba\xfcC\xd5\xb4\x12\x97\xcb\xe5\x9b4\x1a\x9a\xaf\x87\x87\xaf\xaf\x87\x97f@"\x16\xaf\xca\xa2\xa1\xf3\xebpQis3r\x99I1\xa5\xbc\x05\x81\x89\x0c\x0f7\x86\x04\x03\xd6v\xf2\x12\x16NjM\xc7\xc5\x14\x96\xd5\x85\x15M\xb0\\y\xa4r\td\x00f\xfd\xa7TB\xf6TsNGi@\'\x08\xc4\xf2\xf5\xa2-1Xb\x97^P\xe8%\xb6\x16\x85\xac\xb4\xb9\xa3\x83p\x99E\\\xca\xf3\xa0X\x9a\x1a\xaaDA\x02\xd4\tb|\x80\x82(\x9f1\xb0X,\t\x9a\x9e`\xb5\xad\xc2\xc2\xaf\xef\x93\xa9\x91\xf7\x8c\xfdP1\xa8\x07s/\x06\\.G\xa50\xe0\x0f\x9af^\xc5\x12\x13\xbdTT\x16-\x9dM\x89\x95\x1d\x1de\x1d\xcdh0\x11\xa8\x85\xc1!\x81\xc9L\x08\x0fC\xd7+v\x07\xe3\xc1\xb6\xe98\x0b\xd5B\xae\x91\xf1\x89\xa5\xd7\xad\xadm\x14\x94S0\x17\x18H\x86\xfe\x1f[4\xac\xe2\xf2T\xcd\x91z\x00\x86\xf2\xa2A8\xb1\x80\x8b6dC*\x02F\xb6E\xb1\xc16S#\xec(+\x03\xae\xd2\xd2\xca\x83B@rr\xa1dj(\xf7P\xec\x15\x8a\xe0\xb0,\x88\xb3\x0b\x16\xb1Xb\xb1\xcd.\xda\xbb\xed\x8b\xf6\xa5c\xb7Va\xf9\x90D\xae\xc0\x110,d+J\x8d\xbc\x18\xa2\x94\xa2Q\x81X\x1b6 \x17mI\xf2=\x16%\x97\xe1d\x13\xff\xc32\xe4\xeahn\xae\x14\xc1Rt\x89\x95\x96\x866+\x08\tF\xaa\x10\xfc\xe8\x83\xac\x07*\xc3\xf8\xf4\xeb\xe5\xd6[\x10\xad\xaf\xdf\xbe;\xf0\xee]\xf4*\xb9\x08\xdb*\xa7\x01X\xcfS\x97\xd1)Om\xa2\xd6\x1e\xfer\xa9\x059\xec\xb6Z-\x06\xe7\x12\x9f\x1b\x9f\x9d\x9d\x9d\xb3\xdaf\x8c\x07\xcb\xca(\xb0\x8eJ\xa9\x00`\x04\xd4\x97@&amp;\xe3\xa8q\xd3\x06\xaa\x8a\x84\x84\x84\x8a\xaa\x8b\xe3\xd3\xaf\x08\x13\xc4\x1ee\x8b\xae\xe6\xd9T\xfd\xcb\xfa\xe1\xe1\x87\x0f}\xe8\x94\xb7\xe8\xab\xb9\x08\x18\xd9\xf9$\xf3\x03T\xe9D*_\xa7\\N\xaa\r\x1b|\x7f_\x7f\xed;\x12\xfd\xaf\x96\x97\xdb`u\xbf\x9a\xb7N&gt;\xde\xf9a\x99\x13\xac\xb9Q\x80"a\xe0Y\x83+P\xe3.\x14f\x0c(H\x8cL\xfc\xe2\xc1\xe0\xdbe\'\xd4\xad\xe477\xbe{\xf3\xe6\xe5\xf0\xd4\xa3G\x17nO]:Fw\xa1\xd1\xe9\xc3\xc3\xf7\xe8\xae"\xeb\xed\x81\x87\xacY,\t\xeb\xd7SX$\x81N\xc9|}\xef\x1d\xbb6u\xfb\xc2\x85k\xf5\xc3\xf7\xea\x1f=\x9a\x82\x15\x04X&gt;\xe9cs\xaa\xf6\xbe++\\fNN\x0e&amp;\x0f\xfcE\x9aC\x0e\xf6\x12!\x01\x89j\xbe\xe9\xcb\xf6\x91\xc5\'m\xadT\xb4\xbd|\xf6\xec\xe5C\xc8\xe0\xcbG\x18\x97\xea\xa7n\xdf\xbetm\x18\xe4\xbaw\xe9\xe6\xcd\xdbS\xc3t\xa7|&gt;\xeb\xd8\xd6\x17\xbf\xebY\x8fP\x9b \x9c\\\x10^4\x10\xe9\x9b\x9b\x7f\xfd\xe6\xd2\xe7\x9f\xdf\xdc\x00e\xaf\xfe\xe3\x8f\xa7Pn\xf8\x91&lt;\xd2\x07fU\x86\xe3\xe7\x7f\xd3\xd1\xe1\xc2*\xc8\x01\xc1\x04\xd8F\x1f&lt;(\x12\xe4\x04\x04\x04\x14\xe4\xa8\x99\xe7\xafZF\xba\x9f`\xf5\xfcG\xddf\x10\xda\xb6\x15\xc6q#\ta\xc9\xf0\x0cB\xa0\x9eJ\xe8\xa1\x17\x1fz\td\x86\xf6\x92\x9b\x03a\xec\xd6t\xa7\xb0\x9d\xea\xf6\x90\xae{\xd0\xf9\xb0\x83XC\xe8%\xa4\x15C\x0c\xba\xb8\n\x1b\xbaL\xa3\x10\xe4\x83\x88rS/\xdd\x8c\x0fug\x1b\x87\xb9!)\xd8%`po\x83\xfd\xbf\'\xc9n\x18{\xb2\xfd\x9ec\x07\xfd\xf4\xff\xfe\xdf\xf7&gt;A\x82\xeb\xc1\x15]\x9c\x87\xa1\xdf\xa9\xd8\x82\x89\xb7\x9b\x8d\x06\x1e\xc1\xd1\x91\x1d6\x9ao\xc2\x90w\x10Z\x81V8\x85\xa9dB\x82\xb1@\xa5\x0bw\x99\x9c;\xce\xc0u}\x1e\x19\xb6\xeb\x86\xb0~\xc9o4|a\x832q\xb5NW\xac\x17\xaf\x7f\xa1\xeau\xff\xfe\xd6\xd2\xe6_\x9b\x1bK\xb7\xae\xdf\\\xfe\x12\xa9\t\xac\xcd\xdb\xb776~z\xfe\xa4\xbe\xbd\xaf\xa6T\xa4s\xa5\xf3\xf1\xc2\xb3\x8bGA\xb3\xd9\x8e\xca6\x90\xbc\x0b\xbc\xf8!\xf0\x9a\x17@j\xbf\t\xda\xc4U,\x1c\x12\xd5*Q\x01K\x06\x98\xc3\xfd\xd1`&lt;Nl\xb77p \x9b\xef\xf6F\x8ad\x94&lt;w`g\xc9\\.\x19\xecd\xbfn=\xfe]\xfc\xb9\xe7\xdd\xad\x1b\x9b\xd7\xael,]\xff\xe1{P\xdd\xbd\xbb\x8c.gm\xed\xdb?v\xea\xf5\xe3\x0f\xe5\xca\xa7\xa3X\xec\x94\xcb~\xd8\xf4\xa2r\x14\x82h\x00 \xef(h`\x04\xb6M\x9e\xf3\x84\\\x05PQ\xf0L1t\xc7\xef\xf6\xfb\xc9p\xe8\xf6z\xc3^/!,\xccC\x15\x12\xc61\x97T%\xcd\x15XO[?\xdb\xb6\xaa;\xcf\x7f\xfe\x1c}\xd7\x8d\xcd\xab\xd7n/A\xab-\xda\x91\xa8\xec\x7f\xfd\xf4E\xb5n\xbd}U\xae\x14?\x85\x12\xe5\xbc\x14q\xa7T\x82f\r\xcf\xf7\x11\x10\x8e\xb8x\x9e\x1d6\x03\xbcF""\x05\xec\xc9)\x92);1\x98F1\xe76\x14\x1a{\xd3iB^\xf3\x80e,\x02\xac\xc0g%\t+\x19\xc6G\xd5\xd8\xa1\xff\xceX\x03\xd6\xe6\x1a\xd4\xc2N\xb9\xb5\xb5\xbc\xfc\xd5\xd3g\xa8(\xdb\xfb\'\xc2\x8c\x15\x91b\x02\x89\xa0\xf2\'\xac\xd5\x0cB[\x89B\xd7M\x1cC\xa2\xa0\x86H\xc8\x0e\xbe\t,\xf8]6%\'\xe6]0!\x84\xa4\x17\xb0F\xd3i\x17\x1f\xe8\xc3n\xec\xe8PT&amp;U\x85\xb2\xc8\x07\xc4[7\xd9\xe1[\xabj!\x94\xbf}\xf3\xd9\xb5\xabW\xd6n\xa1\xdb\x81Z\x8f\xfe~\xbe\x83\x96\xc1z\xf7\xaa$R\xbf\x9c7\x0bb\xe434\xb3\xbd`0\xe0\x8a\xdfp\xc7\\Q\x956b\xea{\x90\xec"\x82Z\xebL\xd34&gt;L\xba\xdc\xe1\x98R\xbd\x06\xbd~\x8a%\xe3C\xc1m\xca\xf3!\xa4%b\xadu\n\xbd,\xab\xfe\xe3\x83\x87\xf7\xael\xdc\xb8\t\xac\xef\xfey\xf6D\xf41\xa7\xadR\xda\xb6P\x8b\x80%\xc9\xac\x08\x1e\xb1\xc2(E\x8e\xe3\xe8\xbc\xe9\xbaC\x14#\x12\xcb\xf7`\xb2f`\x17\x0b\xb5\x1ac\x08\xde\x88\xe3\x0b\xc9t\xdc\x8dk@\xe1\xe3\xe9`4\xee\xc7\x9a\xc6X\x8d\xb0\xb59\x13\x96\xe2\x8dF\x12\xb3\x93\xf7U4\x9eUd\xe5\x83\x87\x1bk\xd7\x1f=}\xf6\x04\xfb2\xfa\x85\xc7\x1f\xee`\xebR\x04X\xc6"\x06V\xa8\xd0\xf4N\xec\xb7\x8e\xcd\xc3\x06B(\x19\xf0\xbd\xdb\xa5x\xc2\xfa\xc5\x0e\xb0\xe2\xa4\x01\t\xb6M\x00\x00\x02fIDAT?\xe4\xf1\xa8\xcb\x83\xde4f\x8c9\xf1\xa8?\x1d\x8fP#4\x10\xcd\xb1\xb4KX\xe9Ot\r\tY\xa5aU_\xfc\xf9\xfaW\x04O@U\x8f\xcfV\xd1\x13e\x1c`R\x959\x962\x1f\xaa\x1ay\x83f\xb31\xe0\xc8\xac\xf6\x1b\xcc\x8e\xef\xba\x03\xde\xb1\xdb\x85\x83\xe1,\xe1\x9c\xc8\x9c\x001\x86\xed\xc7\xb3~7\xe6\x9a\xa0\x01\x03\xcd,E\x13GFH\x13\x93u6\xe7\xb2\xea\xd6\nM\x84u|FI!\xa9\x19\x16!\xa4\x12-\x90\x04\x96\x83\x1d\x041C\xed\x96\xfc\x00\xc6\nP\xbb\x07\xf6\xc7\xf3\xf3\xc2p\x92\xb4\xe2Yr\xc8L\x072&amp;\xfd\xd9\xac\x1b\xb7j\x8c\x0eb`d.\xc2\x12s*\x95\x96c\xe1\xa9k\xeb\xfbs,\xd2\xc9\x12f\xbfCg\xd2\xa1\x97\x9a\xeaT\xba\x0c\x95\x89\xa5J\x11\xb7\xb9\x83K\xd0\r\xc5\xb1\xedq\xaf\xd7s\xbd\x8f\xf7\xce\xc3\xc2l\x92tg\xdd\xbd\xbd=M\xf7\x83fBL\xf9`B\xa5\x85Z\xe9:\x0b\xa0\x96\xc5S\x97\x0f\x84^B-K,\xde\x1e\xea\xf3\xa6\xcdP\x95\xff\x19\xa2m\x12\xdb\x9c\x99n-\xba3L\x92Q\x1c\x01\xab]\x98L&amp;\xb3\x18T{5Yr\x1c\x9c\xb6\xb6\xc0\xca\xb8\xe4tb\x9a|\xc9\xf9\xb9\xbf\xe4\xf5}\x11\xb9\xfaJ\x8au\xda2\xcd\x14\xcb\xc8\xfc\xf5\xbfC\xb4sTn\xf4\x0c/RJ\x15\xc4\xd0\x06\xd6\xec\x90\xa8\xf6\x0e4]\xd2ed\x9e\x00\x12\x19\xc8\xc8\xf0\xacF\xa8,\x17L\xd3\xb4KjQ\x9d \xbdR,T\xb1\xfd\x13I\xcf\xd42H-\xf5?\x96\xca\x89\xc4\x9d\x02\xb8\xf4\xec\x0eK\xa7&amp;\xaf\xb2\x0b,\nb\x86\xb5\xc7\xc0lj,\x1f5Q\x1d\x04d\n\xba\xa8\x14\x0b4&lt;\xa8\x88\x1d\xbc\x07Q\x95\xb0\xb6?\xacJ9\x96n\xa4\xb7)\xea\xa7\xf2\xa4&lt;\x8a\x9a\xdeU\t\xb9\xb2\x18\xc2`\xaa\xa1\xec\xee"\x11\xcf\x0b\xfd\xc9$N\xb1j2\xc9\xa5\xcd\xc1\x04\xd6\x01\x8e\x9ax2\x96\xe7c\x9a\x9fs,\x08&amp;\xb7\xde\xa7X\xc7gw\xb2m\n\xa7\xd2\x8d\xb4\xf9\xce\xcbC\xd6\x84#\x0fH\xa4\x94\x18\xf6\xd2\xd3v\x8a"i\xe8\x95\x97\xbb%%\xba(t\'\x93!\x85\x90\xa2\x88\xcf\xe5\xcbT\x84u0wZ\x9e\x8b\x8c\xc92\xcbk\x05a\xe9\x0c\x8dNu\xe5\x8bw\xaf\xf4U\xd94s,\xe1z#\x95H`\t\x9d\xe8\xaeE2\x16w1\xb0\x96IT\xf4k\xc6\xee\xcb]d\xc9\xd1\xbf\xfaT ux\x1d\x04E\x00\x00\x00\x00IEND\xaeB`\x82'</t>
        </is>
      </c>
      <c r="M561" s="3" t="n">
        <v>45492.67876157408</v>
      </c>
    </row>
    <row r="562">
      <c r="A562" t="n">
        <v>1602834</v>
      </c>
      <c r="B562" t="n">
        <v>1963</v>
      </c>
      <c r="C562" t="inlineStr">
        <is>
          <t>Luighi Hanri</t>
        </is>
      </c>
      <c r="D562" t="inlineStr">
        <is>
          <t>L. Hanri</t>
        </is>
      </c>
      <c r="E562" t="inlineStr">
        <is>
          <t>UNK</t>
        </is>
      </c>
      <c r="F562" t="inlineStr">
        <is>
          <t>UNK</t>
        </is>
      </c>
      <c r="G562" t="inlineStr">
        <is>
          <t>UNK</t>
        </is>
      </c>
      <c r="H562" t="n">
        <v>182</v>
      </c>
      <c r="I562" t="n">
        <v>57</v>
      </c>
      <c r="J562" s="2" t="n">
        <v>38836</v>
      </c>
      <c r="K562" t="inlineStr">
        <is>
          <t>Right</t>
        </is>
      </c>
      <c r="L562" t="inlineStr">
        <is>
          <t>b'\xff\xd8\xff\xe0\x00\x10JFIF\x00\x01\x01\x01\x01,\x01,\x00\x00\xff\xe1\x03DExif\x00\x00MM\x00*\x00\x00\x00\x08\x00\n\x01\x0f\x00\x02\x00\x00\x00\x06\x00\x00\x00\x86\x01\x10\x00\x02\x00\x00\x00\x16\x00\x00\x00\x8c\x01\x1a\x00\x05\x00\x00\x00\x01\x00\x00\x00\xa2\x01\x1b\x00\x05\x00\x00\x00\x01\x00\x00\x00\xaa\x01(\x00\x03\x00\x00\x00\x01\x00\x02\x00\x00\x011\x00\x02\x00\x00\x00\x11\x00\x00\x00\xb2\x012\x00\x02\x00\x00\x00\x14\x00\x00\x00\xc4\x01;\x00\x02\x00\x00\x00\x1e\x00\x00\x00\xd8\x82\x98\x00\x02\x00\x00\x00\x0e\x00\x00\x00\xf6\x87i\x00\x04\x00\x00\x00\x01\x00\x00\x01\x04\x00\x00\x00\x00Canon\x00Canon EOS 5D Mark III\x00\x00\x00\x01,\x00\x00\x00\x01\x00\x00\x01,\x00\x00\x00\x01paint.net 4.2.13\x00\x002022:03:18 16:47:25\x00Fabio Menotti / Ag. Palmeiras\x00Fabio Menotti\x00\x00\x1e\x82\x9a\x00\x05\x00\x00\x00\x01\x00\x00\x02r\x82\x9d\x00\x05\x00\x00\x00\x01\x00\x00\x02z\x88"\x00\x03\x00\x00\x00\x01\x00\x01\x00\x00\x88\'\x00\x03\x00\x00\x00\x01\x07\xd0\x00\x00\x880\x00\x03\x00\x00\x00\x01\x00\x02\x00\x00\x882\x00\x04\x00\x00\x00\x01\x00\x00\x07\xd0\x90\x00\x00\x07\x00\x00\x00\x040231\x90\x03\x00\x02\x00\x00\x00\x14\x00\x00\x02\x82\x90\x04\x00\x02\x00\x00\x00\x14\x00\x00\x02\x96\x90\x10\x00\x02\x00\x00\x00\x07\x00\x00\x02\xaa\x92\x01\x00\n\x00\x00\x00\x01\x00\x00\x02\xb2\x92\x02\x00\x05\x00\x00\x00\x01\x00\x00\x02\xba\x92\x04\x00\n\x00\x00\x00\x01\x00\x00\x02\xc2\x92\x05\x00\x05\x00\x00\x00\x01\x00\x00\x02\xca\x92\x07\x00\x03\x00\x00\x00\x01\x00\x03\x00\x00\x92\t\x00\x03\x00\x00\x00\x01\x00\t\x00\x00\x92\n\x00\x05\x00\x00\x00\x01\x00\x00\x02\xd2\x92\x91\x00\x02\x00\x00\x00\x0300\x00\x00\xa0\x01\x00\x03\x00\x00\x00\x01\x00\x01\x00\x00\xa2\x0e\x00\x05\x00\x00\x00\x01\x00\x00\x02\xda\xa2\x0f\x00\x05\x00\x00\x00\x01\x00\x00\x02\xe2\xa2\x10\x00\x03\x00\x00\x00\x01\x00\x02\x00\x00\xa4\x01\x00\x03\x00\x00\x00\x01\x00\x00\x00\x00\xa4\x02\x00\x03\x00\x00\x00\x01\x00\x01\x00\x00\xa4\x03\x00\x03\x00\x00\x00\x01\x00\x00\x00\x00\xa4\x06\x00\x03\x00\x00\x00\x01\x00\x00\x00\x00\xa41\x00\x02\x00\x00\x00\r\x00\x00\x02\xea\xa42\x00\x05\x00\x00\x00\x04\x00\x00\x02\xf8\xa44\x00\x02\x00\x00\x00\x15\x00\x00\x03\x18\xa45\x00\x02\x00\x00\x00\x0b\x00\x00\x03.\x00\x00\x00\x00\x00\x00\x00\x01\x00\x00\x00d\x00\x00\x00\x08\x00\x00\x00\x012022:03:16 12:10:13\x002022:03:16 12:10:13\x00-03:00\x00\x00\x00e`\x90\x00\x0fB@\x00\x00\x00\x06\x00\x00\x00\x01\x00\x00\x00\x00\x00\x00\x00\x01\x00\x00\x00\x03\x00\x00\x00\x01\x00\x00\x00#\x00\x00\x00\x01\x00W\xe4\x00\x00\x00\x05\xb5\x00:\x98\x00\x00\x00\x03\xcc312022001401\x00\x00\x00\x00\x00\x18\x00\x00\x00\x01\x00\x00\x00F\x00\x00\x00\x01\x00\x00\x00\x00\x00\x00\x00\x00\x00\x00\x00\x00\x00\x00\x00\x00EF24-70mm f/2.8L USM\x00\x000000000000\x00\x00\x00\x00\xff\xe1\x19\xc7http://ns.adobe.com/xap/1.0/\x00&lt;?xpacket begin="\xef\xbb\xbf" id="W5M0MpCehiHzreSzNTczkc9d"?&gt;\r\n&lt;x:xmpmeta xmlns:x="adobe:ns:meta/" x:xmptk="Adobe XMP Core 7.0-c000 1.000000, 0000/00/00-00:00:00        "&gt;\r\n  &lt;rdf:RDF xmlns:rdf="http://www.w3.org/1999/02/22-rdf-syntax-ns#"&gt;\r\n    &lt;rdf:Description rdf:about="" xmlns:xmp="http://ns.adobe.com/xap/1.0/" xmlns:dc="http://purl.org/dc/elements/1.1/" xmlns:aux="http://ns.adobe.com/exif/1.0/aux/" xmlns:exifEX="http://cipa.jp/exif/1.0/" xmlns:photoshop="http://ns.adobe.com/photoshop/1.0/" xmlns:xmpMM="http://ns.adobe.com/xap/1.0/mm/" xmlns:stEvt="http://ns.adobe.com/xap/1.0/sType/ResourceEvent#" xmlns:stRef="http://ns.adobe.com/xap/1.0/sType/ResourceRef#" xmlns:crs="http://ns.adobe.com/camera-raw-settings/1.0/" xmp:ModifyDate="2022-03-18T16:47:25-03:00" xmp:CreateDate="2022-03-16T12:10:13" xmp:CreatorTool="Adobe Photoshop Lightroom Classic 11.1 (Windows)" xmp:MetadataDate="2022-03-18T16:47:25-03:00" dc:format="image/jpeg" aux:SerialNumber="312022001401" aux:LensInfo="24/1 70/1 0/0 0/0" aux:Lens="EF24-70mm f/2.8L USM" aux:LensID="230" aux:LensSerialNumber="0000000000" aux:ImageNumber="0" aux:ApproximateFocusDistance="122/100" aux:FlashCompensation="0/1" aux:Firmware="1.2.3" exifEX:LensModel="EF24-70mm f/2.8L USM" photoshop:DateCreated="2022-03-16T12:10:13" xmpMM:DocumentID="xmp.did:eec70b80-4343-6944-8024-357361a40851" xmpMM:PreservedFileName="16- LUIGHI.JPG" xmpMM:OriginalDocumentID="8B88C3BBFBA96CE95D42F03A71109585" xmpMM:InstanceID="xmp.iid:eec70b80-4343-6944-8024-357361a40851" crs:RawFileName="" crs:Version="14.1" crs:ProcessVersion="11.0" crs:WhiteBalance="As Shot" crs:IncrementalTemperature="0" crs:IncrementalTint="0" crs:Exposure2012="0.00" crs:Contrast2012="0" crs:Highlights2012="0" crs:Shadows2012="0" crs:Whites2012="0" crs:Blacks2012="0" crs:Texture="0" crs:Clarity2012="0" crs:Dehaze="0" crs:Vibrance="0" crs:Saturation="0" crs:ParametricShadows="0" crs:ParametricDarks="0" crs:ParametricLights="0" crs:ParametricHighlights="0" crs:ParametricShadowSplit="25" crs:ParametricMidtoneSplit="50" crs:ParametricHighlightSplit="75" crs:Sharpness="0" crs:LuminanceSmoothing="0" crs:ColorNoiseReduction="0" crs:HueAdjustmentRed="0" crs:HueAdjustmentOrange="0" crs:HueAdjustmentYellow="0" crs:HueAdjustmentGreen="0" crs:HueAdjustmentAqua="0" crs:HueAdjustmentBlue="0" crs:HueAdjustmentPurple="0" crs:HueAdjustmentMagenta="0" crs:SaturationAdjustmentRed="0" crs:SaturationAdjustmentOrange="0" crs:SaturationAdjustmentYellow="0" crs:SaturationAdjustmentGreen="0" crs:SaturationAdjustmentAqua="0" crs:SaturationAdjustmentBlue="0" crs:SaturationAdjustmentPurple="0" crs:SaturationAdjustmentMagenta="0" crs:LuminanceAdjustmentRed="0" crs:LuminanceAdjustmentOrange="0" crs:LuminanceAdjustmentYellow="0" crs:LuminanceAdjustmentGreen="0" crs:LuminanceAdjustmentAqua="0" crs:LuminanceAdjustmentBlue="0" crs:LuminanceAdjustmentPurple="0" crs:LuminanceAdjustmentMagenta="0" crs:SplitToningShadowHue="0" crs:SplitToningShadowSaturation="0" crs:SplitToningHighlightHue="0" crs:SplitToningHighlightSaturation="0" crs:SplitToningBalance="0" crs:ColorGradeMidtoneHue="0" crs:ColorGradeMidtoneSat="0" crs:ColorGradeShadowLum="0" crs:ColorGradeMidtoneLum="0" crs:ColorGradeHighlightLum="0" crs:ColorGradeBlending="50" crs:ColorGradeGlobalHue="0" crs:ColorGradeGlobalSat="0" crs:ColorGradeGlobalLum="0" crs:AutoLateralCA="0" crs:LensProfileEnable="0" crs:LensManualDistortionAmount="0" crs:VignetteAmount="0" crs:DefringePurpleAmount="0" crs:DefringePurpleHueLo="30" crs:DefringePurpleHueHi="70" crs:DefringeGreenAmount="0" crs:DefringeGreenHueLo="40" crs:DefringeGreenHueHi="60" crs:PerspectiveUpright="0" crs:PerspectiveVertical="0" crs:PerspectiveHorizontal="0" crs:PerspectiveRotate="0.0" crs:PerspectiveAspect="0" crs:PerspectiveScale="100" crs:PerspectiveX="0.00" crs:PerspectiveY="0.00" crs:GrainAmount="0" crs:PostCropVignetteAmount="0" crs:ShadowTint="0" crs:RedHue="0" crs:RedSaturation="0" crs:GreenHue="0" crs:GreenSaturation="0" crs:BlueHue="0" crs:BlueSaturation="0" crs:ConvertToGrayscale="False" crs:OverrideLookVignette="False" crs:ToneCurveName2012="Linear" crs:CameraProfile="Embedded" crs:CameraProfileDigest="54650A341B5B5CCAE8442D0B43A92BCE" crs:HasSettings="True" crs:CropTop="0" crs:CropLeft="0" crs:CropBottom="1" crs:CropRight="1" crs:CropAngle="0" crs:CropConstrainToWarp="0" crs:HasCrop="False" crs:AlreadyApplied="True"&gt;\r\n      &lt;dc:creator&gt;\r\n        &lt;rdf:Seq&gt;\r\n          &lt;rdf:li&gt;Fabio Menotti / Ag. Palmeiras&lt;/rdf:li&gt;\r\n        &lt;/rdf:Seq&gt;\r\n      &lt;/dc:creator&gt;\r\n      &lt;dc:rights&gt;\r\n        &lt;rdf:Alt&gt;\r\n          &lt;rdf:li xml:lang="x-default"&gt;Fabio Menotti&lt;/rdf:li&gt;\r\n        &lt;/rdf:Alt&gt;\r\n      &lt;/dc:rights&gt;\r\n      &lt;xmpMM:History&gt;\r\n        &lt;rdf:Seq&gt;\r\n          &lt;rdf:li stEvt:action="derived" stEvt:parameters="saved to new location" /&gt;\r\n          &lt;rdf:li stEvt:action="saved" stEvt:instanceID="xmp.iid:c60e52cb-38d1-e84b-97d6-cedd740e2124" stEvt:when="2022-03-18T11:37:37-03:00" stEvt:softwareAgent="Adobe Photoshop Lightroom Classic 11.1 (Windows)" stEvt:changed="/" /&gt;\r\n          &lt;rdf:li stEvt:action="saved" stEvt:instanceID="xmp.iid:39bfd296-5c8e-9f44-908c-44cdb86e08b2" stEvt:when="2022-03-18T15:27:12-03:00" stEvt:softwareAgent="Adobe Photoshop 23.1 (Windows)" stEvt:changed="/" /&gt;\r\n          &lt;rdf:li stEvt:action="derived" stEvt:parameters="saved to new location" /&gt;\r\n          &lt;rdf:li stEvt:action="saved" stEvt:instanceID="xmp.iid:eec70b80-4343-6944-8024-357361a40851" stEvt:when="2022-03-18T16:47:25-03:00" stEvt:softwareAgent="Adobe Photoshop Lightroom Classic 11.1 (Windows)" stEvt:changed="/" /&gt;\r\n        &lt;/rdf:Seq&gt;\r\n      &lt;/xmpMM:History&gt;\r\n      &lt;xmpMM:DerivedFrom stRef:instanceID="xmp.iid:39bfd296-5c8e-9f44-908c-44cdb86e08b2" stRef:documentID="xmp.did:c60e52cb-38d1-e84b-97d6-cedd740e2124" stRef:originalDocumentID="8B88C3BBFBA96CE95D42F03A71109585" /&gt;\r\n      &lt;crs:ToneCurvePV2012&gt;\r\n        &lt;rdf:Seq&gt;\r\n          &lt;rdf:li&gt;0, 0&lt;/rdf:li&gt;\r\n          &lt;rdf:li&gt;255, 255&lt;/rdf:li&gt;\r\n        &lt;/rdf:Seq&gt;\r\n      &lt;/crs:ToneCurvePV2012&gt;\r\n      &lt;crs:ToneCurvePV2012Red&gt;\r\n        &lt;rdf:Seq&gt;\r\n          &lt;rdf:li&gt;0, 0&lt;/rdf:li&gt;\r\n          &lt;rdf:li&gt;255, 255&lt;/rdf:li&gt;\r\n        &lt;/rdf:Seq&gt;\r\n      &lt;/crs:ToneCurvePV2012Red&gt;\r\n      &lt;crs:ToneCurvePV2012Green&gt;\r\n        &lt;rdf:Seq&gt;\r\n          &lt;rdf:li&gt;0, 0&lt;/rdf:li&gt;\r\n          &lt;rdf:li&gt;255, 255&lt;/rdf:li&gt;\r\n        &lt;/rdf:Seq&gt;\r\n      &lt;/crs:ToneCurvePV2012Green&gt;\r\n      &lt;crs:ToneCurvePV2012Blue&gt;\r\n        &lt;rdf:Seq&gt;\r\n          &lt;rdf:li&gt;0, 0&lt;/rdf:li&gt;\r\n          &lt;rdf:li&gt;255, 255&lt;/rdf:li&gt;\r\n        &lt;/rdf:Seq&gt;\r\n      &lt;/crs:ToneCurvePV2012Blue&gt;\r\n    &lt;/rdf:Description&gt;\r\n  &lt;/rdf:RDF&gt;\r\n&lt;/x:xmpmeta&gt;\r\n&lt;?xpacket end="r"?&gt;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e3~,||\xf8U\xf0[NK\xcf\x1ex\xb6\xd6\xd6i\xe6Xl\xec&lt;\xe5\xfbE\xd4\xac\xc1BF\x99\xcb\x1c\x91\xec;\xe2\x80&gt;I\xf8\xf3\xff\x00\x05\xba\xfd\x8e&gt;\x0e\xf8\xb3_\xb7\x1e=\xb2\xd65\xad\x03m\xb2\xe8\xb0\xdf\x00\xd6\xee@\xdf\xc0\xc8w$\x85\xda\x0eN1\x91\xd6\xa8\xfe\xc0?\xf0\\\xff\x00\x84\x7f\xb6v\xa5\xaex_[\xd2,\xfc3\xachp\xcdr\xd6\xb7Z\x80\x1fi\xb7RpB\x91\x95}\xa3%F\xe0;\x13\xd6\xab\x97By\xbb\x1f`|;\xfd\xa1&gt;\x14|I\xd1luM\x17\xc6\xbao\x9b}n\xb2\xc7fo\x93\xcc\x00\xfbp\x7fJ\xec\xad\xeem\xee\xa3\xf3mgI\x17\xfb\xd1\xb0#\xf4\xa9(\x92\x8a\x00(\xa0\x02\x8a\x00(\xa0\x02\x8a\x00(\xa0\x02\x9a\xf2$K\xbeG\n\xbe\xad@\x1f\x1c\x7f\xc1T\x7f\xe0\xaa\xde\n\xff\x00\x82m\xf8\x17\xfe\x12\xcf\x17\xd9jW\x97\xd7\xd1\x95\xf0\xf6\x8f\xa7X\xee\xfbT\x9d3,\x8d\xc4k\x9c\x0fS\xda\xbf\x06\xbfj\x8f\xf88#\xf6\x82\xf8\xdf\xaf\xf8\x93Xm\x06\xd3M\xd6\xb55U\xb5\x928ZCa\n\xff\x00\xcb\xba\x06\xff\x00T{\xb3\x01\x96bs\xd0a\xf3F"|\xc7\xe7\x7f\x8c&gt;&amp;x\x83\xc6\xba\xe5\xd7\x8b\xbcCq\xe7\\\\J\xc5w9\xf9rs\xf5\xebW&gt;\x19|{\xf8\xa1\xf0\xdbVmO\xc1\x1e4\xbc\xb1\xb8\x9a&amp;\x85\xe4\x8eC\x9f,\xf5A\xeck;\xcbp\xf2=\xbb\xc2?\xf0T\x7f\xdb\x1bE\xd3$\xf0\xbe\x9d\xf1\xebZ\x86)\x98G\xb69\x15\x19\x13\xa0Ep\xbb\x95zt\xe7\x8a\xfd\n\xff\x00\x82_\xff\x00\xc1\xc1\x1e8\xfd\x8b|-\xe2\x8f\x86?\x16\xa0\x9b\xc6ZM\xe5\xf2\xde\xe9\xba\x95\xc6\xa9$\xb3\xe9\x8c\xea#`D\x84\xb3 +\xb8\xa6s\xcf\x15\xaf3\x96\xe2\xe5Q\xd8\xfdl\xfd\x89\x7f\xe0\xa4\x1a\x17\xc7\x9f\x89z~\x89}\xf1\xb7\xc3z\xe6\x8f\xe2}-\xe7\xd1\xda\x16\x8e\t\xad\xeeQ|\xcf(\x8d\xdc\xee\x8fq\x00\xf2\nW\xd9\xca\xc1\x86\xe59\x1e\xa2\x89G\x95\x84%\xcd\x1b\x85\x15%\x05\x14\x00Q@\x05\x14\x00Q@\x05y\xff\x00\xed\x01\xf1\x87\xc2_\x03\xfc6~ x\xf3P\xb6\x87I\xd3\xad\xe5\x9eH\xe7\xbaH\xf7\xca\xa0l\x03q\x00\xf7\xc7\xbe(\x03\xf9v\xff\x00\x82\xfa\x7f\xc1W\xfci\xfbj|z\x9b\xc1\xf6:\xa46\xfa/\x85\xf5\t\xad\xe1\xb6\xd3\xf3\xe5y\x91\xc8\xca\x08}\xc7\xcd\xc0\xe7v\x00\'\xa7\x15\xf9\xd3\xaak\xb7S\xde\\_\xbbM#].D\x92\xcaK\x03\xdd\xba\xf2~\xb4\xaf\xd0\x0c\xe6V\x97i]\xc7\x9e\xad\xd4\xd7]\xe1\x88&lt;\x13\x1d\xba\xff\x00lj\xd2Eq\x1a\xe66\xf2r\x87\xaf\xcb\xebS\xb8\x18z\x8c?a\xbeK\xcd2vm\xcd\x93\xe5\xe4\xd7i\xa0\xfcXxte\xd3\xef\x90\x89\x1f\xf73\xff\x00\xa3\xc4\x0c\x90\xf5\xe1\xb6\xe7v{\x9c\xfdj\x93\x8a\xd0\x96z\xcf\xec\xd5\xf1\xeb\xc5\xdf\x0c\xfck\xa4\xea\x1e\x0e\xd7WN\x8e;\xc1\xe4\xbe\xa4\xa2D\xb6\xf9\x81V\xceA\x07\xb1\xc7\x18$\x10A"\xbf\xa6\x0f\xf8#?\xfc\x15\x13\xc0\x7f\xb5\xe7\xc3(&gt;\x17\xeb\x9a\x8c\xcd\xe2\xed\x06\xdf\xca\xd5/\'\xb9F\x86\xf1\x90\x94\xf3#\xe8B\x9d\xbc\r\xb8\xc6*\xfe\xc8u&gt;\xf1\x07#"\x8a\x92\x82\x8a\x00(\xa0\x02\x8a\x00(\xa0\x02\xbf\x01\xbf\xe0\xee\x0f\xda2\xe3\xc2\xbe:\xd0~\r\xddx\xba\xe29.\x98\xdd\xb6\x9d\x0b\x1d\xafe\xf6m\xab\x92\x0f\x1f\xbe.\n\xf7\xcf\xd2\x80?\x04\xb5\x8b\xf8\xf5[\xdf5]\xf1\xb7\xe7\x1dp}\xab\xa4\xf0\'\xc1\xbf\x19|C\xbc\x16z5\xa3\xcb\x12F\xbbe\x1ft\x03\xce\rr\xe2+\xd3\xc2\xd1s\x9e\xc8\xe8\xc2\xe1\xea\xe2\xab*pWl\xf7\xaf\x86_\xf0N\xddW\xc4\xd6\xcbw\xaa\xeb&gt;N\xdf\xe1Q\x93[\xd2\xff\x00\xc13\xf5\xe1\xaeC\x05\xae\xa4\x93Z\xb3\xe5\xe4d \xa8\xaf\x99\x97\x12AVj\xda\x1f]O\x84j\xca\x8a|\xda\x9e\x80\xff\x00\xf0L}\x1d-\x95l\xf5y\x19\xfc\x9f\x9bj\xe3\x07\x15\xf2\xf7\xc7\xff\x00\xd9\x8b\xc7\xbf\x07|K#\\i\x92In\x17tnT\xb0\xc7\xd7\x15\xaeW\x9fG\x19_\xd9KC,\xe3\x86*`p\xfe\xda\x9e\xab\xa9\xcbx.f\xd4\xee\xff\x00\xe1\x1d\xbe\x8cG5\xd3/\x931;B\xf2:\x9e\xc3\xad}\t\xff\x00\x04\xf9\xf1\xee\xb7\xe1?\xda\xdb\xc26:\x7f\x8d5-&gt;\xca\xe7T\x86\xc6\xe1\xa1\x9fk\x05v\xc0\xe78\n\x0e\xde\x7f\x1a\xfa\x98\x9f\x18\x7f[\x1f\xb1\x9f\x87\xfe8x_\xe0\xb5\xbe\x87\xf1\xd7Y\xb7\xd4/\xa1\xba\x90i7P\xdcy\xd2=\x87\x1eO\x9a\xe0\x00_\x19\xce8\xc695\xeb\x15L\xa0\xa2\x80\n(\x00\xa2\x80\n(\x03\x8b\xfd\xa0\xbe6\xf8W\xf6w\xf8/\xe2o\x8d~2Y[M\xf0\xd6\x935\xed\xda\xc2\xb9fT\\\xe0}zW\xf1\x83\xff\x00\x05\x17\xfd\xac|M\xfbc~\xd3\x9e\'\xf8\xe3\xe2\xab\xab\x93\x0e\xad\xaaM&amp;\x95aqx\xf3\xad\x95\xb9rR%/\xc8\x03=\x07\x1952\xec+\x1e{\xf0G\xe1|\xbe4\xd4d\xbd\xc7\xddlG\xe9\x9a\xfa\xcb\xe0\x8f\xc2\xebo\x87Zb\xd9\xee\xcb\xc8w;z\xb7z\xf9\x1c\xff\x00\x15)^\x8a\xf2&gt;\xe3\x86p1\x8d\xb1\x0f\xcc\xf7\x8f\x87\xda\x8d\xd5\x98H\xe1\x8d|\xbe\xf8\x1dk\xd5\xbc/g5\xf1\xdd,\x1dz{W\xc4\xd5v?E\xc3{\xd6;\xcd\n\xc3G\xd3\x06\xddB!#ua\xb7\xa0\xa3\xc6_\x0b&gt;\x15|T\xd2\x1bM\xd5\xb4\x94\xda\xeb\x82\x1e0h\xc3\xcb\xdf\xbd\xec\xce\x9a\xf1\xe6\x83M]\x1f\x9e?\xb7\xe7\xfc\x13[\xc4?\x07t\x8b\xaf\x8c\x9f\x0f\xae\xa4}\x069\x01\x92\xdfq&amp;\x1c\xb7\x04\x0e\xc3&amp;\xben\xf0\'\x8c&lt;O\x1c\xba|\x82\xe1\x96\x08\\\xacw\x0b6\xc6\x8e}\xd9\xdc\xa4t9\x1dz\x9fZ\xfdK\'\xc4K\x13\x85N[\xad?-O\xc53\xec\x0cp\x19\x84\xa1\x0f\x85\xea\xbf\xc8\xfe\x9f?\xe0\xdd\x8f\xdb\xf7\xc6\xff\x00\xb5\xe7\xc0\rK\xe1\xc7\x8f\x02\xcd/\x80\xect\xdb[]Q\xa4r\xf7&gt;b\xce\x1a"\x1c\x92Lb\x14\xe7\'!\xc5~\x8d\xd7\xad-\xcf\x0e;\x05\x15%\x05\x14\x00Q@\x05\x14\x01\xfc\xf2\xff\x00\xc1\xc9?\xb47\xed[\xe1?\x8f\xbe*\xf0&gt;\xbf\xf1C\xc5Z/\x86Z\xdeh\xb4\xdd\x1bN\xf3c\xb2\xd4mLp\x18\xc3\x15\x1bp\xded\xa0\x92~\xf4g=\x85~\x1ej/y\xadj\xbb\xee\xcb\xb34\x99;\xcf&lt;\xd4JC\xe5\xfcO\xa6\xfe\x05xV\xc7\xc1\xbe\x17\xb5\xd4\xf5K\xa8\xed\xd6@\x19\xa4\x98\x85U\xe3\xd6\xbb\xd9\x7fi\x0f\x84\xfe\x1f\x9db\x96[\xcb\xdf,\x81\xe6Anv\x1cw\xc9\xc5|el-l\xc3\x13)Gk\xee\xcf\xbf\xc3\xe3hexHFZ\xbbl\x8fL\xf8W\xfbW|\x0e\xd7\xefm\xf4x\x9a\xe2\x1f2E\\\xdcC\xb4\x1c\x9e\x95\xf5\xff\x00\x80\xf4\xdd\x03\xc4\x9ae\xbd\xe6\x8b*\xf9\x12.U\xd3\xd2\xbe{2\xcb\xab`Z\xe7\xea}VQ\x9bQ\xcc \xfd\x9e\x96\xe8\x1e.\xf8\xbf\xfb=\xfc%\x9db\xf1\x7f\x8f\xac\xa1\x91\xdb\x0c\xb3\xb1$z\x83\x80k\x90\xbc\xfd\xb2?e?=WO\xf8\x85\x1e\xe6|n\x86\xd6R\xa3\xf2Z\xbc.K\x8c\xab\x15R1\xdf\xcc1\\A\x81\xc3\xd4\xf6u%\xf8\x1e\xd3\xe1\x8f\x0f\xfc&amp;\xfd\xb0\xff\x00g\xdf\x11x7\xc2\xde%\xb5\xd5\x18\xd8\xba\xfd\x9d\x7f\xd6+c*v\x9c\x11\xc8\x1d\xb1_\x8c\xff\x00\x10&gt;\x08K\xf0\xab\xe3.\xa5\xa5kV~]\xbc7\xd2,P\xbam,\xeaH\xc0\x1f\xfdj\xfbL\x9e\x15(G\x92j\xce\xc7\xc2\xf1%J8\xabV\x83\xba\xfe\x99\xf67\xfc\x10\xa3\xe3\xc7\xc6\xaf\x85\xbf\xb7\x17\x84|\'\xf0\xefL\xbc\x93M\xbe\xf1]\x9bx\x91m\xd8\x98\xd2\xcd\x8e\xc9\xd9\x94|\xa7\xe4\xc8\x04\xf3\x9e\x05\x7fR@\xe4f\xbe\x82\xf7\x8a&gt;?\xab\n(\x00\xa2\x80\n(\x00\xa2\x80?8\x7f\xe0\xe6/\xd9\x16_\xda/\xf6\r\xbe\xf1\x8e\x9d\xe2\xfb\x8d2\xe3\xc2s}\xad\xec\xed\xd1q\xa8\x820#rpp\x0f8\xce+\xf9g\xf8i\xe1\x95\xd5\xfe"\xe9\xba\r\xea\xeeY/Ud\xdd\xd7\x8c\xe4~\x95\xcb\x89r\x8c\x1b]\x8d\xa8\xc63\xab\x15\xe6\xbf3\xedo\t|\x14\xd1\xbcI\xae\xdb\xcf\xe2\xd8\xd7\xfb*\xc2 c\xb5o\xb8\xed\xeaEz&lt;&gt;\x05\xf89\xe2[C\xe1\x8b/\t\xe9;q\xb4y\xb1\xaf_\xc3\xbd~s\x89\xc4beYB\x9biG\xb7s\xf5L.\x13\t\x1a.u\x92n]\xfb\x1e/\xe3\xdf\x83~\x02\xf0\'\x8a\xde$\xb1\x92\xc6M\xdb\xa1\xf2\x98\xed\xf6\xc6k\xeb\xef\xd8C\xc52x\xe1W\xc2\xd6\xd7?-\xb4\x05\x17\'\x80ENe\x88\xc4V\xa1\x15W\xa1\xaeU\x85\xc3\xe1q\x12\xf6Kte~\xd0\x1f\xb2\xaf\xc3\xef\xb6\xdfx\x93\xe2&amp;\xbf4%\xa6b\xac\x84d\x82{f\x9b\xf0\x0b\xf6\\\xf8%\x7f\x14W\xfaw\xc3\xcb\xbd]U\xb7\x7f\xa5^\x02\xc4{&amp;\x7f\xfa\xf5\x9d,\xdb1\x95\x1eJz\x17S\'\xc0\xfb\x7fiU]\xb3\xeco\xd9\x8b\xf6s\xf8bu\x98\xbcg\xf0Q\xa6\xd0\xfcE\xa3\xb93i\xcc\xc5R\xea1\xf7\xe0\x91\x0f\xaa\xe7\x1dppk\xe0\x1f\xf8,\'\xc2m3\xc1\xdf\xb4\xc6\xa5\xa8A\xa2yQ^*\xea\x16\x8a\xc0\x00\x1eA\xf3\x00z\xfd\xec\xd7\xd5dx\xd9\xe2\xa9\xae\x7f\x89]?\xc0\xf9^"\xc0\xc7\x0b\x16\xa1\xa2\xd1\xa3\xdc\xbf\xe0\xd9{\x87\xd4\x7fi(~\x19_\xf87\xce\xb8\x86\xe3\xed\xda\x86\xab$\x03\x11\xc0"\x94\x88\x99\xc0\xead\x11\x90\xb9\xec\xdd;\xff\x00D\x15\xf5q\xf8Q\xf0\xfdB\x8a`\x14P\x01E\x00\x14P\x07\xe7\xcf\xfc\x1c\x87\xe1\xff\x00\x8c\x1e7\xfd\x83#\xf8}\xf0\xaa\xd0\xc4\xba\xd7\x89-\xe0\xd5\xb5\x8f\x9fm\x84 3\x06r\xa0\xecV`\x13q\xe0n\xe6\xbf\x98/\x87^\x04\xf1\x1f\x83?h\x0bo\t\xf8\x8a\xc8\xc7\xa9Zj\xdeT\xc9\xbbp\x07\xd7#\xaf\x1c\xd7&amp;3\xf82\xf4gF\x15?m\x17\xe6\xbf3\xeb_\x19\xde\xf8\x8am&gt;m3B\xdb\x0e\xd8\xf6y\xcd\x93\xce=\x05x\xfd\xff\x00\xc2\xef\x16\xeb\x13Z]^|Q6w\x16\xb7O$\xb26\xf5WS\xb7j\xf9`\x8e\x06\x0f~wW\xc4`qTp\xf5\xdc\xa5\x1egs\xf4Lf\x0f\x11\x8b\xc3\xc6*|\xaa\xc7Q\xe28\xa3\x9bH\xb3\xd1-5y\xf5)\xa1\xb6\xf2\xee\'\xb8F\xdb#g&gt;b\xeebS\xe88\xc5}Y\xff\x00\x04\xc7\xf0\xcd\xc4~%\x8e6F\xf2\xdc\xe2I}y\xe4\xd7\x1ekZ\x9e"\xa7\xba\xadv\x8f[$\xc3\xcf\x0e\xd2n\xf6L\xf5\x0f\xdb\x83\xe0g\x8cu\x1b\xb9,\xee&amp;+\x0cr\xf9\x96\xf3mo\xdf\'e\x1d\xb3\xfc\xab\xc0\xff\x00e\xaf\xd9\x87\xe35\xb7\xc6\x8b\x8f\x13[|VH\xf4\xb9\xaf&lt;\xdb;U\xf1\x14\xd6\xd3\xdb&amp;r\x13\x0c\x8c\xa7\xd3\x95#\xda\xba2\x9c^\x17\x03\x19*\xd0\xbe\xe8\xcf&lt;\xcb\xf1\x98\xeeGB|\xb6\xd7\xaf\x91\xfa7\xfb7X|\\\xf0\xff\x00\xc4\x0b]c\xc7\xf2\xf8\x7fQ\xbal$\xd7\xfe\x1d\x94\x86\x96&lt;peFU\x1b\xb1\xd5\x97\x83\xd4\x01\x9a\xf8\xab\xfe\x0b\x7fo\x10\xf8\xd7\x0e\xad{\x00\xf2\xd3K\x02\x16c\xf7F\xe3\x93^\xaeK\xec\xfe\xb99AY7{\x1e\x1f\x10F\xa2\xcb\xe2\xa6\xee\xd2J\xfe\x8c\xfb\x8b\xfe\r{\xd3\xfe\x17\xcb\xf0\x8f\xc6\x97\x1e\t[y\xee\xad\xae\xac_T\xb9\x9e1\xf6\x95\x9eH\xdc\xe4\x1f\xf9\xe4\xc0\x1d\xbc\x9f\xba}\xeb\xf5z\xbe\xc5++\x1f\x9e\xb0\xa2\x80\n(\x00\xa2\x80\n(\x03\xe4O\xf8-\x97\xed\x9b\xe3\x0f\xd8\x8b\xf6!\xd5&gt;%\xfc&gt;\xf2\xd3Z\xd4u+}6\xca\xe2XVE\x83\xcc?3\xedn\t\n\x0e3\xc5\x7f7\xb6\xfa~\xb1\xf1\x8b\xe3\xd3~\xd1\x1e+\xd5~\xd9\xa9j\x12Iq}7\x92\x91\x89$\xd8@;P\x05\x1c\x9c\xf0+\xe7s\x8c\xc2\xa6\x1e\xa2\xa4\xb6k\xf3&gt;\xa3%\xcb)b0\xde\xde[\xa9~V=\x87\xc0\xbe\x1a\x83V2O~\xb9]\xd9\xf9\xabOU\xf8c\xa7_\xca\xc9ej\xaa\xab\xcb&gt;\xd1\xcd~\x7f*\x96\xaa\xd2?L\xc2\xd1\x8c\xa8E\x1cm\xff\x00\x80l\xae\xae\xe6\xb5\xb0xbK~n&amp;\x91\xc2\xaa\xf3\xeak\xee\xbf\xf8&amp;_\xc2\xdf\x0cj\xd0\xc7\xabK\xa8\xdb\xc7\r\xaa\xfc\xccH\xc3sJ\xd2\xa9(\xa7\xb5\xd5\xd9T\xdch\xcemtOC\xeb?\x8d\xde\x0c\xf0\xa6\xad\xe0\xd9-\xee\xf4\xeby\xac\xd5\x82\xa5\xce\xe0\xe9\x9e\xd8#\xa1\xaf\x9b\x7f\xe1\x9d\xf4\xddGT\xdf\x0e\x9d\x19\xfd\xe6VM\x9c\xfeb\xab0\xe6\x8du\xec\xce\x9c\xb5\xc6\xa6\x1d\xf3\xb3\xe9_\xd9\x87\xf6{\x8b\xc1\xa4k\x13\xaa\xfd\xd2UK\x12zW\x8a\x7f\xc1G\xbf\xe0\x9d\xd6\xdf\xb5\xaf\x88c\x16\xfe+}.F\x8d#\x1eR\xe5\x9cn\xe5}\x81\x15\xee\xe55*a0\xdc\xef\x7f\xea\xc7\xcef\xd4h\xe6\x18\xafd\xfe\x1d\x11\xea?\xf0Bo\xd9\xef\xe0\xe7\xc2\x1d\x7f\xe2\'\xc2\x1f\x877z\xe4rxF\xea\xca\x1f\x12,\xc3\xcb\x82\xfe\xf3\xf7\xdbO\xa9\t\x86\xc0\xe0\x1d\xd5\xfai_k\x96b\xbe\xb9\x82\x8dOU\xf76\xbfC\xf3\xbc\xfb\x03\x1c\xb74\x9d\x08\xe8\x92\x8b]tqO\xf5\n+\xbc\xf1\xc2\x8a\x00(\xa0\x02\x8a\x00\xfc\xf1\xff\x00\x83\x97&lt;.|I\xff\x00\x04\xfb\x81\xa5L\xdb\xdbx\xc2\xc9\xae\x0f`\xa4\x90?Z\xfc\x1f\xf8yu,\x1e&amp;\x9a\xd2\xd5c\x8fO\x8c(\x8e4LrA\x04\xe7\xbf8\xaf\x8b\xe2\x05||}\x17\xe6}\xf7\x0e\xff\x00\xc8\xa6V\xfeg\xf9#\xd3\xbc5\xe2!b\x9eK\x1f\x97\xa7Z\xec_\xc5\x96\x96\xfe\x1fo\xdf\xac~o\xca\x1c\xf5?J\xf8\xba\x91\x94k3\xee\xb0u"\xe8_\xc8\xf2o\x8a\xfe\x18\xd0\xfcCn4]?Z\x0c\xb7\x8c&gt;\xd9\x07\x99\x91/\xb1\xaf\xa8\xbfb\x1dw\xc1\x1f\n\xfc\x05\xff\x00\n\xdb\xc5\x16~n\x8f\xa9[\xb4\x13Z\xb5\xc9]\x8a\xe7\x90\x08l\x8a\xf49\xa7\xecc\x16\xb4\xbd\xceX\xd3\xa7*\xf2\x92\xea\xac}+\xf0{\xe1\x97\x82\xfe\x19x\x0fV\xf0\x87\xc2_\x14\xdeM\xa2\xeaw\rq\x1e\x97s3H\xb0?\xfb%\x98\x9cs^\x8b\xfb&gt;O}\xe6.\x95\xaa\xc6\xaf,Rp\xce3\xf2\xfaW?\xbd\xf5\xe8\xb9]\xdc\xf4\x17*\xc1\xc9E[o\xc3C\xe9-\x17Q\xb2\xb2\xd3\xc4i\x08\x8c\xed\xeb\xf8W\x89\xfe\xd3\xff\x00\x10u\x1f\x01\xe9\x90\xf8\xf2\xc9\xa1e\xb7\xd4#\x8f\xcb\x9d\xca\x86Bp\xd8\xc79\xf4\xafS\x11S\xd9\xe1f\xd7Dx\x98Jn\xa6:\n]Y\xf4W\xfc\x13F\xc7\xc0\xda\x97\x86\xfcg\xf1G\xc1\x96qF\xde+\xd7!\xbb\xbed9&amp;E\x80)R\x7f\xde\xdc\x7f\xe0F\xbe\x9c\xaf\xba\xca9?\xb3i\xb8+&amp;\xaf\xf7\xb6\xff\x00S\xf3n"u?\xb6\xab)\xbb\xb4\xd2\xfb\xa2\x97\xe8\x14W\xa4x\xa1E\x00\x14P\x01E\x00|\xcf\xff\x00\x05s\xfd\x99|S\xfbW\xfe\xc3\x9e(\xf8e\xe0\x98\xfc\xcdZ\t \xd4\xacm\xc2\xe4\xce\xd6\xef\xbc\xc6=\xc8\x04\x0fz\xfes\xe4\xf0l\xbe\x1e\xd5\xa4\xd1\xc7\x87\xe6\xb3\xbc\xb5s\x1d\xd4-\x1b\x07\xdc\xa7\x90W\xd4s_\x1b\xc4\xb0\xa9\x1cM9\xad\x9e\x9fs&gt;\xe3\x85\xeaFX:\xb4\xfb;\xfd\xeb\xfe\x01\x92\xfa\xad\xdcN\xc0I\x8eq\xd6\xb3~-\xf8\x8b\xc4\xfa\r\xda\xdf_-\xd4z\\0"[\x9bx\xcbn\xca\x82[\x8fR\x7fJ\xf0\xe9\xd0\x8c\xb1Z\xf5\xff\x00\x80}\x12\xabR8_w\xf0\xec{\x87\xec\x8b\xfb\x16|x\xfd\xa6\xb4\x0bo\x16|9\xf0\xb5\xbcvw\x0b6\xdb\xbdBeS\xe6F\xa1\x82\x1c\xf2\x0bd`\xf4\xaf\xb7\xbc\x07\xff\x00\x04]\xfd\xa7\xe2m.\x01\xe2\x1d\r&amp;\xb9\xd3^\xe6\xe2gP\xcbo*\x95\xc4=&gt;bwu\xe9\xc1\xafr\x9eKZ\xb441\xff\x00Zp\x19|\xbd\x9bM\xbfN\xa5_\x13|=\xfd\xa2?c\x98c\xd6\xbfi\x0f\x86\x92\xda\xe8*\xad\xe7\xf8\x8fG&gt;dv\xc3v\x03H\x17\x80\xb5\xda~\xc6\x7f\x1a&lt;;\xf13\xe2.\xa1\xa5\xe9\x9a\x95\xbd\xec\n\xc5\xe0\xba\xb4m\xd1\xb0\xecA\xed\xf4\xaf/\x15\x81xZ\xd1\xe7V\xb3=J9\x95\x0cu\x19T\xa1+\xc5\xaf\x9ag\xd4z\x9c\x9e\\k\x04\'\xe6n+\xcb\xbci\xe0?\x04\xfcn\xd5\xee\xfc\x0f\xe3[\xb6\x96\xc6\xd6U2\xdb\xc3s\xe5\xba\xc8\x07_\xa75\xcf\x8a\x82\x949{\xb4\x88\xc2\xceP\xa9\xcc\xb7J\xeb\xf0&gt;\xb8\xfd\x82\xbe\x08xw\xe0W\xc1A\xe1\xef\n\xd9Kocux\xd3\xc0\xb3\xc8Y\xca\xe3\x19$\xf3\xcd{u~\x85\x97\xd2Tp4\xe0\xba$~Y\x9cb%\x8a\xcd*\xd5}d\xff\x00\xc8(\xae\xc3\xcd\n(\x00\xa2\x80\n(\x00\xaf2\xf8\xf9\xf0?\xe1\x8f\x88&gt;\x17\xf8\xbfP\x87\xe1\xae\x82u{\xaf\r\xdfD\xba\x87\xf6D?h\xcb@\xe3\xfdf\xdd\xdc\xe7\xd6\xa2p\x8c\xd7\xbc\xae]9\xca\x12\xbc]\x8f\xe5\xbb\xc4V\x83M\xd7\xae\xac\x98</t>
        </is>
      </c>
      <c r="M562" s="3" t="n">
        <v>45492.67793981481</v>
      </c>
    </row>
    <row r="563">
      <c r="A563" t="n">
        <v>1604944</v>
      </c>
      <c r="B563" t="n">
        <v>1981</v>
      </c>
      <c r="C563" t="inlineStr">
        <is>
          <t>William</t>
        </is>
      </c>
      <c r="D563" t="inlineStr">
        <is>
          <t>William</t>
        </is>
      </c>
      <c r="E563" t="inlineStr">
        <is>
          <t>UNK</t>
        </is>
      </c>
      <c r="F563" t="inlineStr">
        <is>
          <t>UNK</t>
        </is>
      </c>
      <c r="G563" t="inlineStr">
        <is>
          <t>UNK</t>
        </is>
      </c>
      <c r="H563" t="inlineStr"/>
      <c r="I563" t="n">
        <v>39</v>
      </c>
      <c r="J563" s="2" t="n">
        <v>38790</v>
      </c>
      <c r="K563" t="inlineStr">
        <is>
          <t>Left</t>
        </is>
      </c>
      <c r="L563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f\x92\x12\xbft\xe6\xa5\xc1\x1dEf\x05uY\x08\xe5\x0f\xe5V(\x02\xb9V\x1dV\xa7e\xdd@\x10T\xab\n\x9f\xbcH\xa0\x08\xb6\xef\xe0u\xa7\xc9\x11\xc6\xd4\xe7\xe6\x01wt\xdcN(*\xc4d*\x90s_#\x7f\xc1C\xbf\xe0\xb3?\xb2_\xec\x03my\xe1]_\\o\x17x\xfa4\xdb\x0f\x81\xfc:\xdf\xbe\x85\x99\x1bk\xdc\xc9\x9d\xb6\xc8q\x8c\xb6_\x07*\xa7\xad\x04\x9e\xdd\xfbG\xfe\xd6\xff\x00\xb3\x7f\xec\x8f\xe0\xf6\xf1\xd7\xed\x1d\xf1\x8bD\xf0\x9e\x9d\x870\xb6\xa9x\xab-\xdb \xcf\x95\x0cY/#\xf3\xd1P\xfd}?\x94\xcf\xdb\xc7\xf6\xf7\xf8\xb3\xfbw\xfca\xd4\xbe9\xfc]\x92\xd3\xfbJ\xeaf\x86\xcbO\xb2\xb8\x93\xc8\xd3\xad\x15v\xc7m\n\x9c\x0f-\x0e\xec\x9d\xa0\xb3\x97s\xf7\xa8\'\x98\xfd\xaa\xfd\xa5?\xe0\xeb\xaf\xd8\x7f\xe1l\xcf\xa5|\x16\xf8u\xe2\x8f\x1e_\xb4y\x17\x08\xd1i\xf6&lt;\x8f\x944\x92\x13!\x03\xb8T\x1c\x1f\\\xd7\xf3\xad\x7f\xf69l\xe2\x9d\xaf\xb3}2\xb1\x92\x04\xb7\n\x8a\x00\x18\xc1\x1dO\x1dO4\x071\xfa\x8f\xf1G\xfe\x0e\xbd\xfd\xbf\xfcOw$\x7f\r&gt;\x16\xfc9\xf0\x9c \x92\xab\xfd\x9b&gt;\xa1 \\\x9cn2\xc8\x17\xa6: \xfa\xfa~R\xcd3O8\x8dY\x93v2Cu\xe2\x80\xe6?U\xfc;\xff\x00\x07^\xfe\xdfZn\x89k\x1e\xad\xe0\x9f\x87w\xba\x95\xb9!\xae\xa3\xb0\xb8\x89\'\xf5\xca\x89x&gt;\xe1\x80\xff\x00g\xa9?\x95\x17:=\xf5\xba+\x95\xc4r6\x15\xbbP\x1c\xc7\xedo\x80\xff\x00\xe0\xee\x1f\x88_m\xd2\xed\xbc{\xfb3\xe8k\x0e\xeck\x17\x96\x1a\x84\xa7+\x90\xd9X\xf3\xb8\xf4#\xef\x0229n\x83\xf1Q\xed\xae\xac\x0e\xfb\x95o/\xa1\xe7\xaf\xbd\x01\xcc\x7fO\xff\x00\xb3\x17\xfc\x1co\xff\x00\x04\xed\xf8\xf9\xe2\xdf\xf8A&lt;[\xf1\nO\x03_K\x010\xdfx\x92&amp;\x87O\xb8\x94\x13\x94\x8e\xe8\x01\xb3\x8cs0@z\x0c\xe3\'\xf9\x7fK\xa8\xad\xee\x17\xca\xdf\x18\xcfr\x08\x1e\xfc\x9a\x03\x98\xfe\xc9\xbe\x12\xfe\xdb\x9f\xb2?\xc7]I\xf4_\x84\x9f\xb4\x8f\x82&lt;A{\x1e\xed\xda~\x9d\xe2H\x1ae\xc7P#/\xb8\xfa\xe4\x02\x0e~\xb5\xfcui\xfa\x8e\xa1az\xba\x85\x96\xaea\x9a\x19VHfY\x19Y\x1c\x1c\x86\xc89\x07\x827+\x028\xcfjM\x871\xfd\xb1[\xdc\xc5w\xb7\xca\xcb+co\xf4\xfa\xf0G\xe7_\x87_\xf0n\xbf\xfc\x15\xeb\xc5\xf7\xdf\x15-\xff\x00c\xaf\xda_\xe2\x7f\xda\xb4\xfdcN\x11x7T\xd6.%\x92\xe2}AeV\x8a\xd2I\x9d\x9b\x19C*\xaeX\x96;@\xce1K\x98\xa3\xf7 \xecq\x98\xcd,l$\x8dZ&lt;\xed\xdb\xf2\xfc\xc4\xe3\xdb\x9e\xd9\xa6\x86\xf4"e \xf0*R\xb9\xe4\xfd)\x88\xae\xcb\x9e\xb5+\xc6:\xe6\x80+\xec `-I\xc8\xea(\x02\xbfN\rI\xe5\xef\x19\xa0\x0e\xc3nz\xe3\xf1\xa7\x95\x07\x93@\x0cd\x19\xff\x00\nw\x96:\xd0\x04{\x05H\xcb\x83\xc0\xa3\xa0\x110\xc1\xc0\xa5\x95\x95\x17\xcc\x91r\x13\x96V\xe9\xd0\xe0\x9f\xc7\x14\x98\x1eC\xfbv|U\xbf\xf8;\xfb\'\xf8\xeb\xc6\x1e\x1c\xf1\xdd\x9f\x87u\xf8\xfc3|&lt;7\xa8]\\\x08\xdc^\x88X\xa0\x8b&lt;\x1922\t\xfb\xb8\xdd\xd7\x15\xf9W\xff\x00\x074\xfe\xd3\x96\x1ag\xc6O\x0f\xfc\x1e_\x14\xff\x00\xa2\xd9\xf8s\xce\xbc\xb1\xb6\x99\xcef\xf3[\xcc\xccj\x0e\n\xe52\xc7\x8e\n\xd4\\\xa5\xb1\xf8\xe7\xf1\x7f\xe2\x87\x8a\xfc]\xf1&amp;in\xb5\xbb\xcb\x8f\xb4_4\x9a\x8c\x86F\xf3\'\x9d\x98\x97\x91\x9c\xe4\xb1\xdf\xbb,y=H\x04\x91T\xbcA\xa5\xc3\'\x8d\xec\x9bH\xb7\xda.\x9c\xce\xd6\xb2\x05\xf9w\r\xd8\xca\x80\x08\xeb\x83\xdc\n.\x1c\xa7\x0f\xafjW\x97z\xa3\x89\xe4\x99R\xdd]b\x8d\xfa\xa8\xf4?\x8eO\xe3Zw\xfa\\\xba\xc7\x8a\x1e\xd6u\x16\xed$\xc0\xb2\x91\xfc\x07\xbf\xd3\x8ajFr\x8f)\xcc\xc3y\x13]-\xd4\xf0\x96\xdb\xc3\x0c\xfbS\xb5\x1bU\x86\xe6H\xb7|\xcb#\x0f\xc0\x12)\xf3\x12H-\xac/[\xfd\x16F\x8eE\xce\x17o\xebU\xecR\xe2?\xbb\x9f\x9b\xf8\x8f\xa5R\x02K\x87\xd5\x1a\x15\xb4\x95X\xf9K\x9f\x95\xbasH\x8f3;#\xcd\x8f1~\xe9\xef@\xf4\x19\x15\xed\xec\x92yw\xf0\xb7\x96\xdc\r\xd5/\x96\x96a\x9a1\xb9\xbf\x881\xe3\x14\x15\x18\xf3"\x05\x86)\x99\xa4\x98cw\n=\rKcu\x05\xe4\xb1\xc1,{c\xf3\x0b+z\xf6\xa5\xa8\x9cH-\xdc\xa8\xf2X\xe7\xb6j\xfd\xfe\x8a\xf6-\xf6\x99T\x05&lt;\xa2\xb1\xc1\xfc\xa9;\x85\xba\x9a?\x0f\xfcW\xadx+\xc56\x1e"\xd1/\xa4\xb5\xbc\xb0\xbb\x8e{;\x88\xdc\xabC"0eu#\x90\xe1\x82\xb2\x9e\x83i\xcfZ\xc3\xb03\xcb?\x93\x1ar\xd2\x02C\x03\x91\x8e\xb5%GV\x7fV_\xf0E/\xf8(D\xff\x00\xb7\xcf\xec\x93m\xac\xf8\xea\xe2\x1f\xf8M|7p4\xcf\x13G\x0b\x00\xb7#\xfeX\xdd\xaa\xf5P\xea\x06{oW\xaf\xc6\xdf\xf86\xc7\xe2G\xc4\x7f\x86\x9f\xb7\xce\x93i\xe1\x9d|\xc3\xa1\xeb\xb67\x16\xba\xfe\x9fp\xa5\x92\xea\x0c\xab$j\t\xc2\xc9\xe6\x05\xdb!\xe1y\xcf\xde\xa7\xccl\xe9\xe9s\xfaZtf;\x9b\x82\xc3;q\xd3?\xe7?\x8dGj\xd2H\x8c\x00\xfb\xaeW;@\xcf\xbf\x1dO\xa9\xf5\xcdY\x8f[\x03\xa0\xcf&amp;\x9ecc\xc9\xa0\x08\x1e&lt;\xf4\x15+)\x14\x01\\\xa3)\xc6\xda\x9c\xa6\xe1\x9cP\x07Y\xe5g\xa0\xfdjM\xbbx\xc5\x003\xcb\xf9zS\xe8\x02\x13\x13g\x83S\x15\x04d\xd3\xf2\x02\xbb\x81\x1a3\xc8\xed\xb5\x14\xb3m\xc1\xf9\x7f\x8b\x8e\xf9\\\xfd0*xb\x06\xe2&lt;\xb2\xa8\xf3T37\xf0\xa9\xe0\xf1\xdf\xff\x00\xadS?u\x04o#\xf9\x80\xff\x00\x82\xadk\xbe&gt;\xf8\xf7\xfbg\xf8\xe3_\xf1\x8ci\xa1\x9b_\x12H\xf1\xdaoO2\xd5c.\xb1\xc6w\xa1db\xb1\x96d$n,8\xcfZ\x7f\xb6\xfe\xa7m\xe3\x1f\xda\x97\xe2\x17\x89\xa2\xb8[\xc5\xbb\xf1\x86\xa5&lt;\x93,\x9b\x84\x84^H\x04\x8b\x8e\xfb\x11Tv\xc3{\xd7#\xa9+\x9dT\xe9\\\xf9B\xf1%:]\x9f\x88t\xd0\xd2\xff\x00f\xb4\x90\xa0\xf2H\xc4A\x99\x91\x8fq\x92;\xff\x00\x7f\x15\xe9:g\xc3\x0b\xcdf\xdek\x0b\x1d)\x9f}\xd1i\xee!R\xcc\xe5\xb9+\xc7\x1c\x13\xf9b\xb3\x96*\x8c7ge&lt;\xbf\x11S\xe1G\x81\xfcE\xd4\xa3\xba\xbf\xb2\xd5\xb4{\x7f/lJ\x9eZ\xfd\xe6Q\xd3&gt;\xf88\xfc+\xea\xcf\x07\xfe\xc41\xc8R\xe3\xc5\x9ag\x9f\x0b\x02|\x99\x9c\x02A&lt;\x03\xe9\\us\xac\x1d\r$u\xd3\xe1\xbc~#T\x8f\x8d#\xd3&amp;\xbd\xbay\x85\xab*\xc9\xf7\x97i&lt;\xd7\xdf\x11\xfe\xcc\x1f\r\xf4\xcbU\xd2#\xd0\xedl\xc1?7\x93\xf7\xa3\x1e\x99=\xeb\x8dq.\x0e\xf6h\xed\x8f\x06\xe3\x9cos\xe0\x98|5\xa8Er\xd6\xc2\xcb\xef.6\xb7\\W\xdc:\xef\xeco\xe1=YM\xd6\x8d\xa8;:\xae3\xa9I\xc7\xd0\x05\xae\x88\xf1\x06\x06[\\\x89p\x96&gt;\x07\xc4z\x7f\x845\xab\xcb\x81\x15\xa6\x97#\xb2\x1c*\xa0\xc95\xf7/\xc3\xef\xd8sH\xb0\xd5\x96]i\xd6h\xd9\xb3\x1f\x93;\x85Q\xefEN \xc1\xc5h*|+\x8e\x94\xac\xd1\xf2\x17\x85&gt;\n\xf8\xaf]\xd47k~\x14\xb9kM\xdbe\x93\xca`\xd1g\xa3t\xe9_\xa5\xdag\xc3\x8f\rxcO\xfe\xc3\xd3\xac\xedW\x8cH\xd0\x8f\x99\xb1\xee\xd5\xe7\xcf\x8a)\xdf\xdd\x89\xe9\xd1\xe0\xca\xd2Z\xca\xc7\xe5\xaf\x8f~\x0c\xf8\xab\xe1\xe7\x88$\xb5\xb8\xb5,\x92|\xd1\xc8\xaav\xb2\xf65\xfa[\xe3\xdf\x84~\x16\xf1-\x99\xb8\x97H\xb7\x92M\x98\xde\xd6\xff\x000\xeb\xc5U\x1e\'\xa3\'i+\x13\x88\xe0\xbcU8\xde\x0e\xe7\xe5p\x90\xc1p\xd3\xea\xb1H\xed\x8f\xe2=\r}\x1d\xf1\xd7\xf6O[\x1b\xfb\xab\xed\x1e\xd7b\x89\x0baG\x06\xbd\xac.m\x85\xc4F\xf1g\xceb\xb2\x1c\xc3\x0f+J\'\x85\xf8.\xe6\xc6\xf7T\x11Mm\x88\xfa\x96\xdb\xcf=\x7fJ\xd2\xb3\xf0\x8d\xd6\x81y,WEU~\xeb.y_O\xc6\xbb\xb9\xa1Q{\xac\xf3\xd5\x1a\x94_\xbc\x8f\xb5\xbf\xe0\x8b\x9ae\xde\xbd\xff\x00\x05\x03\xf0n\x8d\xe0k@.-&amp;i,\xa6\x9a4hw*\xef\x97x\xce\xecy`\xe0\xaep\xdbk\xae\xff\x00\x83md\xd4b\xff\x00\x82\x91\xe9:,cL\x8fM\xbb\xf0\xdd\xf4Z\x81\xd4\xaf\xa3\x89\xa5\xc1I"HC\x90\xd2\xccdD\x1b\x13-\xb0\xb9\xc63Dn\xb4c\x9c\xef\xd0\xfe\x90\xf4\xe5F\xb2\x8c\xaa\x15\x1bq\x86b\xc7\x8e\t\xcf|\x91\x90Ob*\xda\xdb\xaaD\xab\t\xf9\x7f\x84z\x0c\xff\x00\x9f\xc2\xba9t9\xa4\xbd\xe2\x16\x8czT\xcd\x1e8&amp;\xa6\xf7\x02\xab\xc7\xc7J\xb0\xf1\x8cP\x05P\xbbx\xa9\x1e2O\x14\x01\xd6:\x0c\xe7\x15)R\xa7\xa6h\x02//\xfd\x9a\x93kzP\x04[\x00\xea*m\x84\xf2E\x0fEqn\xece\xf8\x98\xddC\xe1\xbdJ[\x07\xdb2\xe9\xf7\x0f\x0bc\xee\xb0\x89\xf0\x7f2?*\xbd\xa8\xc5\xbfM\xba\x83\x07\xf7\x96\xf2\'\x07\x81\x95"\x94\xfd\xeaw4\xa7\xee\xce\xc7\xf2\xa9o\xe1\xad_\xc4\x0e\xf7W2\xc94\xd7Z\x85\xc2I1\x1f1o4\xf2~\xa7$z\xd7\xd3\xbf\xb3\x87\xc1\xb9&lt;u\xa7 \xb3\xb6h\xa6mJ\xee11\x00\x85\xdb3e\x8f\xa6\x07z\xf01X\xae_t\xfa\\.\x162I\x9c\xc7\xc0\x1f\x847Zo\x875MjM\x1dfk}\xc0\xcd6\x17g\xff\x00^\xbe\x8a\xf8\xc5e\xe1\x9f\x87\xde\x04\x93N\xb6e\x85\xa1\x83o\x98\xd8\x1eaQ\xf3;\xfa/\xb9\xaf\x9f\xac\xeb\xd4\x96\x89\x9fS\x84\xa7\x1c&lt;S\x9bH\xf9\xaf\xc6~9\x9fISm#(~\x998\xe0zW\x0f\xe2\x0f\x89?\x0cg\xd5$mo\xc6\x1ab\xe5\xff\x00\xe7\xfd@\xc7\xafZ\xe5\x95\x1a\xcd\xfc\r\xfc\x8fV\x18\xec\x0f\xfc\xfcH\xa3\xa9\xf8\xe2\xea\xea\xef\xedN\xed\xf3\x1d\xbfw\xbdl\xf8V\xcb\xe1\xef\x8b\xaed\xff\x00\x84k\xc4:}\xf2\xc67H\xb6\xf7\x8b!O\xc8\xe6\xb3\x95\x19G\xfe]\xbf\xb8\xef\xa3\x8a\xc2\xcbj\xab\xef-\xf8[\xc47\xacV33\xa6\xeeC\x15\xfd1]\x8e\x97\xe0/4\xdb\xc5gk\xe5\xb6\xe0\x15\x9dq\xc1\xaeG\x1a\x9f\xcboS\xaf\x9e\x94\xbe\xd2~\x86rx\x92\xf6\xdc6\xfb\xa6Q\xd5[\x1f{\xf1\xae\x92\xf3\xe1=\xcf\xda\x9e\xcf~Y\x9b\n{{\xd4{:\x8c\xd3\x96)\\\xe5\x0f\x89\x84)\xf6\x97w\xde\x7f\xbd\xde\xbb;\xdf\x83QX@\x88\xcf\xe7nb7\'\xcd\x8e\x01\xa9t\xea\xf4\x1c9e\xabi|\xcf7\xd5&gt;"\x98eU\x9a\xe0\xa1\xe9\xb4\xf7\xad\x0f\x15x#\xc3P\x8d\xf7\x9a\xa40,k\xc8\x95\xc2\xe5\xb2}kJt\xe5\xf6\xa2\xfeH\xce\xae#\x0fMk5\xf7\xa3\x80\xf1]\xd7\xfc$7_\xbd\x8dxl\x9d\xc3\xef-T\xd4nt{-A\xa1\xb5\xd5`\x93\x9f\x97l\xca\x7f\xadzT)\xd4\xa7\x1ehE\xb5\xe8y\xd5\xb1\x18\x1a\xb1\xe5rW&lt;S\xe2o\xc1\xe8\xaf|h"\xb0\x91\x81\xbd\xcby\x82&gt;!^\xed\xfa~\x15\xeb\xfe \xd3c\xd54\xbb\xa3j\x8b\x1d\xe7\xd9]cv\xea\xc0\x0c\x95\xf6\xeb\xfa\xd7\xb3\x83\xcc\x1f2\x8b\xd0\xf9\x9cvQNQu"\xeer\x1f\xb0&gt;\xadk\xe1_\xf8(\xdf\xc1;\xdd.\x1f*\xc7O\xf8\x91\xa5\xdbB\x98\r\xc4\x93\x88\xdd\x88$rw}\xeeN1\xc7\x15g\xf6A\xd0\xe1\xb4\xfd\xb5\xbe\x0f\xc93\x88|\xbf\x89\x9a\x19vQ\x9d\x9f\xe9\xb1\xf0\x7f\xc7\xde\xbe\x8e\x8dK\xdb[\x9f\x13\x8c\xa2\xa3wkX\xfe\xab\xaeP%\xc4\x81\x07\xfc\xb4&lt;\x8e\xfc\xf1\xfaT\x97i\xe5]K\x19\xfe\x19X\x1c\xfa\xee?\x95w/\x84\xf2\xe3.b\xbb&amp;O4\xe6]\xdc\xe6\xa4\x08\xcaq\xc5=\x97m\x00@Pv\xa7\xe0\xe3\xa5\x05%s\xab\xc1\xf4\xa9($\x8f\x07\xd2\xa4\xc1\xf4\xa0\x08\xf0GQR\x15\x05rh\xe5\x94\x89\x94\x94,\xdfWa\x89\x17\x9b"\xa0\x19\xdc\xdbB\x9e\x84\x9a\xf8\xdb\xfe\n\xe1\xfbw|H\xfd\x8ft\x0f\x0fh\xdf\x0b/\x9a\xc6\xff\x00WY.\xaf5\x08t\xa8o&amp;\x82\xde#\xf7\xd29\xcf\x96@ln\xc8\xce\x18`\x93\xc5y\xb8\xcc\xdb\x03\x84\x8f$\xe5\xa9\xf4\x19W\x0e\xe6\x99\xc3\x94\xf0\xb1\xba\x89\xf1g\xec\xa3\xe1\xa8\xbc\x1b/\x8b\xbc?x\x82;\xad\'\xc4\x1a\x8c,\xbeQ\xdc7\xdd:\x8czt\xae\xab\xe0\xed\xdf\x8au\xcdw_\xf8\xa3\xe3\x19\xec\xde\xfb\xc56\x0b\xa9\xdd\xcd\xa7\xe9\xedm\x14\xf2K4\x92\xf9\xc9\x13\x7f\xab\xde\xae\xaeW\x03k9\x00`\n\xf9\xea\xd5\xa8\xe2%\xed!\xa9\xefS\xc3\xe201T\xea\xabH\xf1\xef\xdb7\xf6J\xf1\xf7\xc7\xcf\x0f^^\xeb_\x1a\x7f\xe1\r\xf0n\x9c\xaa\xf7PCl%\x9bP\x98g\x05\x8exU\x18\xc2\xf7;\xaa\x8f\xed\xbf\xe2\xcf\x8a\x9f\x15\x96?\x03\xfc&gt;\xf1\x1d\x86\x8d\x1e\x92\xccV\xebR+0\x12\x159\x9e8\xb3\xb6IS\x8d\xbeg\xca\xa4\xe7\x0ex\x11\x1cSN\xcaV;&gt;\xa7*\xd4\xee\xd5\xcf\x82u\xcf\xd8\xd3\xf6q\xd3\xf5\t4\xcb\xef\x8a\xf7\xd7W\x85\x8e\xc9\xe6\x8e,\xb8\xe4\xe7\t\xbbws\xed\xd3\xb5U\xf8\xf7\xfb&lt;j\xfe+\xf16\x85\xabxO\xc1\x96\xf6Z\xb6\x9e\xc7\xfbj\xf3P\xbf\x9fQ\x83W\x93\x0b\xfb\xd9&lt;\xdd\xa7$\x8c\x95\xe1\x06\xe2\x06\x07\x03\xd1\xa35(\xdd\xd7\xb7\xc9\x1eE\\4\xe3&gt;U\x87O\xce\xec\xe4u_\xd9OM\xf0\xfe\xbe\xd2x\x03\xe2\xff\x00\xef:\xac[L2`s\x91\x8cn\xc7\xd0\xd7\xab\xc7\xf0v\xd3\xc2\x7f\x00l\xfc;\x1f\x87\xe4\x93\xc5P\xdfIu\xa9j\x12k\nlf\x85\x9b+\x1a[\x03\xfb\x86U\x0b\xb5\x95\x86\tm\xd9\x00\n\x8a\x98\x89\xc7j\x97\xf9#|&gt;\x07[\xbam}\xe7\xa4\xfe\xcb\x17\xde+\xf0\xa6\x8d%\xbf\x8a\xfcV\xfa\xacm\x14k\x14\xcd1\x90\x893\xd7\'\xa0\xc6+\x8b\xf8\x19=\xf5\xb5\xae\xa0\r\xcc\x8d\x1f\xdf\x862\xfb\xb6\x1c|\xdc\xe0d\x06\xcf8\x00\x8f\xcc\xfc\xfe:\xa5IT\xbc\x9d\xcf\xa8\xcb\xe8\xfb8\xd9]\x1fK\xa7\x8bLw\xcb\xa8\x0bel\xe4+\xb1\xf6?\x85y~\x8f\xf12\xff\x00\xfe\x11E\x85\xe2\xdc\xd0\xc8~m\xbc\x9ez\x8fj\xf2\xa5\x88\xa8\x9e\xc7\xd1(\xde\x9e\xe6\x17\xed:~!\xf8\xfe\xfaA\xe1\x9f\x1a\xdd\xe8\xf1\xaa.\xd6\xb7\xba(\xdd0G\x1c\x7fZ\x87\xc6\xf3^\xf8\x96\xd2d\xd0\xec\xfe\xd5}6\xd4\xb7\x86I\x82F\xfc\xf3\xbb&lt;q\x9a\xf4\xb0\x18\xda\xd1\xf7t^\xa7\x85\x8f\xcbh\xe2%\xcd+\xbfGc\xc14O\xd9?T\xf1V\xb8\x13\xc5\x9f\x1cm\xe3\x91\xa4\xc3oi&amp;\x98\xfdy\xe0\xf5\xe2\xb5\xfe2\xfc!\xf1\xd4\xfe1\xd1\xe7\xf8q\xa4j\x17\xb2Z\xdb\xb2k:f\xa3\xaa5\xbc\x12\xcew|\xf1\xb5\xbb\xab\x04\x00\x8e\x0b)%T\xf28\xaf\xa6\xa7Z\xa4\xa1uU/\x92&gt;;\x15B\x8e\x1e\xaf/\xb0\x94\xbel\xd5\xbf\xfd\x83\xb4[p\xd1xK\xe3ds\\\xb2\x85\x10\xdc\xc6\xf9\xf33\xc9\x18&lt;qY\xda\'\xc2\x7f\x8b\x9e\x17\xf0V\x83/\x87\xee5K\xedIZc\xe2\x0b=sPY`l\xb1)\xe4\xb7\x0c\xae\x062\xc7\x82}z\x9elELf\xea\xb2k\xd1#\xbf\x07G\x07R6t%\x1f\xbd\x9d\xa6\x95\xa6j\xfe\x15\xf1G\xfc!\x1a\x85\xb4\x92[\xdbZ\xc7\xf6]@6\xe1&amp;8q\xf8\x90x\xebZ\x90\xeb\xda\x8d\xfd\xad\xbd\xe6\xa7\xa6\\[\xdd*\x05\xba\x8e]\xa4\x82\x00\x07\x91\xc1\xaf.8\x899\xdaI|\x8fv8X\xd3\xa7\xee7\xf3$\xfd\x9e\xbc\x0b6\xb3\xfbt\xfc*\xd0\xec\xacY\xa4\xbb\xf8\x97\xa2\x05\x8dz\xff\x00\xc7\xf4G&lt;z\x8f\xe4k\xa6\xf8\x15\xf1"\xcb\xe07\xed\x87\xe1/\xda\x16\xf7\xc1/\xe2\x1b\x1f\x03\xde\xc1\xab\x7ff\xad\xd2\xc4\xd2I\x87\x11\x81!W\xdb\xf3\x85\xce\x06p\x06+\xe808\xac5\x1a~\xfc\xad\xea|\xbee\x95\xe31r\xb5(\xdf\xd0\xfe\x94\xae\x87\xdaf\x92l\xfd\xf9\x19\xb8\xf7?\xaf5\xe3?\xb0\xd7\xed\xab\xe0\x1f\xdb\x9b\xe0\xef\xfc-\x1f\x07\xf8~\xe3H\xba\xb3\xb9\xfb.\xb5\xa1\xdfL\xb3=\xac\xdbAP\xb3/\x12+\x0f\xba\xc4\x02p\xc3\x1f)\xaf\xa0\xc3\xd6\xa3\x88\xa7zr\xb9\xf1\xf8\x9c\x16+\x01.Z\xd1h\xf5\xe9#(v\x81\xd3\xadX\x91T\x8c\x06\xc8\x1c\n\xadz\x9c\xe8\xa9 8\xe9SI\x1a\xec\xc94\x01[\x91\xd4S\xca\x83\xd6\x81\xdc\xea\xf6\xa8\xeajE]\xc39\xaaJ\xe2#\xf2\xc1\x1c5&lt;\xa9\x1d(\xe5\x02?,\x81\x82\xfdMJ\x10\x9e\xb4SR\x8dk\xf4\x08\xb8\xa9\xab\xea~|\xff\x00\xc1z\xbc/cs\xe0/\x87\xbe![\x7f.y\xf5\x8b\xcd6\xf3P\xe3\x10Zy\x02wg\x1d\xd5DnG\xb9\xaf\xa0?\xe0\xa5\xbf\x00$\xf8\xef\xfb=\\Z[ZM4\xbaG\x9f9[u\xcc\xa9\x1b\xc0\xf1&lt;\x91\xfa\xb2\x16W\xdb\xfc@\x11_%\xc59lq\x0f\xdaA}\xc7\xe8\xdc\x05\x9e\xff\x00c\xe3\xa4\xb9\xbd\xd9\xabY\xec\xbf\xaf\xebc\xf3o\xf6#\xf8\x89\xe2\x0f\x88G\xe25\xa4\xdai\xb7\xd2\xb4\x8f\xb0C\xa2\xc42\xd2\x00#\x97\xcc\x0c{\x92B\x1c\x0e\x83h\xedX?\xf0N\xcd+\xc6?\n&gt;\'|B\xf8\'\xe3\x8b\xeb\x1b\xe5\x87M\xb5\xd4\xedu\x0bxJ\xef\x93\xce\t"\x1c\xfa)\\\xfb\x9a\xf02\xe9\xf2Qt\xa5\xb9\xf5\xbcM\x1c-LB\xadGT\xd6\xbe\xa7\x9b\xfe\xd8\xde\x1d\xd5 \xf1\xab]Z$\x83lf7h\xf3\xb5\x8f\xaeG\xaek\xd9\xbfm\xef\x85\xf3\x88\xb4\xdf\x13X$\x8b\n\x19&gt;\xd27\x00\xacY~Q\xf5\x07?J\xc7\x17N\xb5)]la\x94\xaau\xe9\xd9\x1f\x06\xddZ\x9b;\xe1\xf6\x9b9\x1d\xb3\xff\x00=\rz\x97\x85&lt;\x07cuy\'\xdbm\x97\x7f\x99\xf33\xff\x00\xf5\xeb\x99b\x14cvzk\t(=m\xf2&lt;\xb7_\xd3\xf5\t\xec\x84\x9a\xd8\xfb=\xae\xec$1\xb7.}\xff\x00\xc3\xda\xbd[\xe2G\xc2\xd7\xf1\x15\xd5\x87\x84|#k\xf6\xadcX\xbe[-&gt;\x15Bv\xb1Vr\xdcz*5oJ\xa4jF\xe2\x9d\x18\xc4\xe4&lt;\x17\xa5i\xfe\x19\xf0\xac\x9a\xb1\xb6V\x13E\xb5\x15W\xee\xaf\xa5w?\r\xbe\x16\xea\x9fg\xd4&lt;9\xe2\xddMc\x11[\xed\xb7\x8e\xe0\x85\xcbc\xee\x80z\xf3Y\xca\xa7K\x19\xd3\xc3\xf3\xd4\xbbv&lt;\xb7O\xd5\x8b[M\x0c\x16a\xd1\x18\x94\xdb\xfc\xab\xd4\xb4\x0f\x82:^\x9b\xa3I\xa9O}h\xbf\xbe*F\xd2\x1b\xeb\\\xce\xa4S\xd9\x9e\xba\xc2\xc5S\xd2G\x9c\xe8/i\xa8\xce\xb1M\x0bG\'\x1c/\x05\x0f\xaek\xad\xd5\xbe\x1a\xf8\x9fJ\xd6\xe3\xd7\xac\xa0o\xb3[\xb0|\x95\xc2:\x9f~\x95\x12\x94g\xefj\x8eh\xc3\x96[&amp;A}\xa7\xeb\x96\xc8fui\x17\x00%\xc6\xe2\x18\x0f\xa8\x18\xafR\xd1\xed\xbc?=\xbcP\xdc\xda\xf9k2\x81\xfb\xc1\xbb\xfc\xf3R\xaaT\xd90\x9d8\xdf\x9bo\x91\xe4\xa9\xa5\xde\xeaj$\x88\xdc0?\xc2d\xdd\x8a\xf5\xcb\xaf\x04\xf8n\xde\xe3\xc8\xb3\x828\x9aN\x92$\x9f\xad)JK\xe2\xfc\xc9\xd6oO\xc8\xf0/\x17xz\xfe\xce`LM\x82\xad\x9d\xc3\xbdw?\x11\xed\xec`\x12Y\xb5\xc7\x992\xa9#\xd7\x8e\xff\x00J\xdf\rVq\x96\xc7.*\x93\xe5\xd4\xcf\xf8]\xe0\x1b\xbf\x10\x9dCT\xb7\x99V\xe2\xdfN\x8exa\x93\x05fh\xc9%\x08\xef\xc1\xe2\xacxW\xc6\xd7^\x1f\x8bO\xd1t(6\xdd\xdd.d\xbav\x00$m\x95=z\xe6\xb4\xcc*T\xae\x94\x12:x~4\xe8Vu\'\xb2?P\xbf\xe0\x84\xda\x1a\x1f\x87\xff\x00\x11&lt;m\xa3i\xebk\xa6\xea\x1a\xdd\x8c1\xc6\x80\xed\x13\xc7\x01y\x08\x1f\xf6\xd53\xf5\x15\xea\x7f\xf0F\xdf\x87\xf7^\x06\xfd\x854]N\xee\xdb\xca\x93\xc4\xda\xde\xa1\xac*0\xe7\xec\xf2I\xe5\xc5\x8fPR%`{\x821_s\xc2\xb8\'G\x0fz\x97?0\xe3\xcc\xca9\x86e\xc9M$\x97c\xe9\xf7\x8eH\x9bf\xd1\xfey\xa9\x88\x04e\x8f=\xcek\xe8]\xb9\x9d\x8f\x8arM$\x9d\xecV\x90\x1c`\x85\xcdN\xd1\xa9]\xc0~T\x08\xa2\xd10?1\xa9\xde6c\x9d\xbf\x98\xa0\x0e\x94\x8d\xa7\x151\x8f\x9a\xb4\x04j\xa0\x8c\x9a\x95c\xf9zS\x02-\xab\xebO16\xee\x94;\xda\xc1\xa1\x14\xb0\xac\xb1\xb4,\x81\x95\x94\x86]\xbf{\xd0\x1c\xf1\x8fZ\x9f\xca\xf64\x9cc(r\xc9\\\xaar\x959sD\xfc\xfd\xf8\xdf\xff\x00\x04\xf2\xf1\xdf\xc3\xbf\xda;\xc4\x9f\xb5\x1f\x87\xfcI\xa6\xaf\x84\xe4\xd0f\xb7\x9bK@\xeb1ye\x8c\x82UF\x08V\xef\xe9_t\xfcC\xf0\x8c~9\xf06\xaf\xe1\tx\xfb~\x9f,J\xcd\xfc,W\x83\xf8\x1cW\x8b\x8a\xc9\xe8\xc6\x9b\xad\r\xcf\xa2\xc1\xf1\x06+J\x13z\x1f\x90?\x1f&lt;P\x9e\'\xf0\x8d\xee\x9d \x91\xbe\xcf3\xf9!{\xb0Ps\xf9\xd4\x7f\x1at\xc9\xfc5s\xad\xf8R\xf26\x8eU\x92O\x95\x97iV\x07\r\x9c\xf4\xc0\x02\xbe\x1b\x15S\x9a\xa3\x8c\xdd\x8f\xd02\xd9J4\xd3\x8a\xbd\xcf\x8c`\xf1\xe5\xe5\xbe\xab4q\xff\x00\xad\xdc\xdb\xc9\xe7h\x07\xda\xb2\xfcw\xa2\\i:\x95\xd3\xe9v\x8d#3\x16R\x1b\xef{g\xfc\xf5\xaeOgN\xa4\xb9S=W\x88\x95(io\x99_^\xf8\x8f\xaa\xcb\xabX\xeb\xfa\x17\x89.\xac\xf5m\x1e\xf5.\xf4\xdb\xeb3\xb6H&amp;\x04\x8e\t\xe3\x04\x1c\x1c\xf5\x04\xd7\r/\xc5\xf8^\xfa\xdf\xc0\x9e\x17\xf8d\xa7Z\xb8\xb8\xd9%\xed\xed\xe4q\xaa\x93\xc1\xf9\x9c\x81\x8e:z\x9a\xf5\xf0\xf9f"0\xbcU\xcf.y\xa5\x08\xcb\xf7\x93H\xecd\xf1\xd7\x8f&lt;K\xae&gt;\xa5\xac|@\xb8\x92\xe9\xe4\xdd\x03\x18\xc2\xc4Fz\x14\x1c\xe7\x18\xc9\xf55\xca\xdb\xf8/\xe2_\x89-\x0f\x88\x85\xa6\x9dc\x1csH\xb2&lt;\x9a\x94q\x0bv\x8f\x92\xaes\x81\x91\xf3\x02z\x83Z}J\xb4wF\xb4\xf1\xd9|\xb5\xf6\x87\xb0Y\xdbx\xdfP\x868\xafuh!\x86nd\xfb&gt;w\xbf\x1d1\xda\xb2t?\x83?\x18m\x16\xdcx\x83I\xf0\xecm,\x91\xc7m5\xf7\x88\x9c}\xa4\xb4BU\x08"$\x1c\x87B3\xc1\xdc=k\x19a+v:\xa3\x8e\xc0\xf4\xa8\x8e\x83J\xd7u\xcb+\xa9,5\xcf\x88\x17\xf3i\xa7\xe4\x1a{\xc4\x8d\xb0\x83\xfd\xee\xbf\x85y\xce\xbdo\xf1\x0f\xc2\x96\x17\x9a\x8e\xa1\xa7h\xbf\xf1-(\x9a\x8c\x0b\xae\x06h$s\x95\x8f\xe7#\x0cr&gt;Q\xc7#\xd4\xd6/-\xc5V\xda%\x7fi`i\xbb:\x87\xaek^*\xd3\xe5\xd8\xfaV\xa0\\&amp;&lt;\x91\xb8\x9c\x9f\xc6\xbc3\xe1\xf7\xc6[\x8f\x1dx\xaeo\x04A\xe0{\xbby\xed\xc7\xfaU\xe8\xb8\x0f\n`\xf4\x04q\x9fj\xe2\xaf\x96\xe20\xea\xf37\xa7\x98a\xebi\x19#\xdbS\xe25\xcd\xc3\xf9\x170yw\x11\xfd\xe0{\xd7;u\xa7\xc8U\xaef}\xde\\{ca\xc37\xf8\x9a\xf3\xa3.j\x9eG\\#\xcd\xf0\xbf\xb8\xa5\xe2\x9f\x10\xbf\x88\xa4\x99\xe5\x87n\xdc\xaf\xb3\x0e\xff\x00\xe7\xbdi|?\xf0\x06\xaf\xf1\x13\xc5:?\x82&lt;7\x03I\x7f\xafj\x90\xd8XG\x1f\xcd\xbaI[b\x9c\x0e\xa0\x12s\xe9^\x86\x16&gt;\xda\xb2\x84\x11\xc3\x99\xd6XZ\x0esg\xd0\xbf\x05?\xe0\x97_\xb4W\xc6?\x06\xf87\xc7\xfe\x1c\xf8qs5\x9e\xbd\x0cw6:\xa4\xd7\xd1}\x9b\xec\xe6Ln\x98\x13\xb9\x06\x10\xe5\x7f\x88m\xc7Z\xfd\xa8\xf8e\xe0\x1d3\xe1\x9f\xc3\x8d\x07\xe1\xd6\x8d\x1a\xc7k\xa0h\xf6\xdau\xba\x0e\x9ba\x8cG\x9e=J\x92}\xc9\xaf\xb7\xc3\xf0\xdd\x18\xca5g\'~\xda\x1f\x9b\xd6\xe2\xecLc*T\xe2\xad\xdf[\x92\xf8g\xc3v\x1e\x16\xf0\xd6\x9d\xe1\x9d.\xd2\x1b{]6\xc2\x1b[{{u\xdb\x1ck\x1cj\xb8Q\xd9x\xe0zV\x9b\xa9\x1cm\x1f\xf0\x11_KN\x11\xa5O\x96\'\xc8\xfbY\xba\xce\xa4\xf5\xb9^H\xc2\xf1\x8c\xd4\xa53\xd4Q\xcab\xa3\xcb\x7f2\xb0\xda\x06\x00\xa9\x9d\x18\x0c\x85\x14r\x94W+\x91\xcd8\x86n[\x8aO@:a\x11\xee*\xdf\x92\x87\xa1\x15`T\xdaW\xb5Yh\x06\xee\x18P\x05j\xb0\xc8\x83\xe5Q@\x15\xf9\x1dEI\xe47j\x00\x89\x98\x01\x8d\xd8\xfc?O\xcf\xf9S\xda\ts\xc5\x1e\xbbv\x1f-\xf5_y\xf9\xef\xff\x00\x05Z\xfd\x96\xae\xac\xf5I&gt;1xB\xc7m\xae\xa4\xd9\xbe\x10\xa9\xc4r\x85\xc3\x8e:\x06\x0b\x91\xeb\xcd}m\xfbb\xe8\xff\x00\xda\x1f\x01ui\xee-\xe3\x99-d\x8aR\xac\xb9\x1bKlo\xd1\xab\xe73\x9c\xa7\x0fZ\x0e\xa2Vg\xd4\xe49\xc5|=ENN\xe8\xfc*&gt;\x05\x8emT\xdc\xeav\xa1\xa02\x7f\x10\xc1_j\xfa\x0f\xc7?\x07\xb4\xab\xcdj\xf7\xfe\x11\xc9\x7f\xd1\xa6\x9d\x8c+\xb8\x03\x14\x9f\xdc#\xb1\xe8q\xe8k\xe0\xdd\tFN\xdd\x0f\xd1\xe1\x8c\xa5\xc8\x93\xeb\xe4|\xb1\xf1\x1b\xf6P\xf8e\xe3\xfb\x85\xd6-\xac\x1a\xde\xfa\xc5\x84\xbb`P\xder\x9c\xf6$\x0c\x83\x93\xeb]\xff\x00\x8a\xaeo|\x0b6uKw\x05\x19\x92i=\xbf\xc2\xb6\xa3\x8e\xc5\xe1\xdd\x9c\xb45\xa7G\x0bY\xdf\x95?\x91\xe0\xfe\x13\x83\xc5\xde\x01\xd4$\xf0\xbe\x9f\xe2kk\xcb\x04\x99\x8bA\xa9\xd8\xc6\xcb!\xfe\xf3+\x8c\x13\x81\xb7\x93\x81\x80G&amp;\xba\xcf\x11i\xde\x0f\xd7\xb5\x01w&lt;*\xdes\x1c7#\x1f\x95z\x10\xcd\xeaOC\xaaY~](\xfe\xf2\x82\xbf\xdcu\xde\n\xf8\xbd\xf1Z-_Q\x93H\xbd\xb2\xbb]F\xf2+\xab\xa8n/"\xf2\xf1\x14\x0b\x1ck\x1bK\x011\x00\x15&gt;\xeb\x03\xf2\xe3\x1cd\xf3&gt;\x17\xf8S\xe1\xccf\xf6\x1c\xc7$\xbbah\xee\x08\xf4\xe3\xadt&lt;\xc6\xa2\x8d\xeesG)\xcay\xbf\x84\xbe\xf3\x8b\xf8\x8b\xe1\x0f\x12\xf8\xad\xee4}~\xf2\xd6\xfb\xf7\xd8\xb8[\\:\xcc\xe1\xf2\xae\xd2q\xb8\x8e\xc7\xd0\n\xf6T\xf0\xef\x86|;c\xb1`\x8d\xf6\xff\x00\xab\xdb\xc9-\xe8}\xeb\xcd\xc5g\x15\xe3\x1b\xa7c\xb28\x1c\r5\xcbN\x9a\xfc\xce\x03\xe1\x8f\xc2\xcd\x07\xe1\xd6\x82\xd7o\xa7*M&amp;\xe2\x19T\x06f,y&gt;\xbfZ\xd0\xf1g\x88\xcd\x91\x92[\x87\xda\xaar\xbc\xf0=\xab\xcc\x8e+\x15\x8c\xdeM\x8eT\xa1C[%\xf2)jq\xc3&lt;\xaf-\xc4\xac\xb8`\xdbT\xf0\x00\xae:\xf7\xc6m\xa8\xea\xcbg\x14Mq\xb9\x83:\xaf\x1by\xe3?\xe7\x9a\xaf\xaa\xca\x9co-\x0cV\'\x9e^\xe1\xfa%\xff\x00\x040\xfd\x9e\xfc5\xf1\x07\xe3v\xa5\xf1\x97\xc5\x11\xa4\x9f\xf0\x88\xe9\xa9.\x87f\xd1\xeeT\x9avt\x13\x1fB\xaa\x92m\xf5$\xe3\xa5v_\xf0n\xbe\xa7&amp;\xa1\xa8|Z\x8bP\x97u\xc3E\xa4\xca\xcd\xd0m\xcd\xc8\xe0v\x03\x8f\xc7\xeb_m\xc3\xb8|&lt;\xa3\xcd\xca\xae~s\xc5x\xacO\xb4\xb3\x93\xb1\xfaf\xc3\x92v\xf7\xc9\xf6\xf6\xfc:g\xbe3R\x98\xb6\x8d\xad\xf7\xbd+\xeb\xf9\xb9\x8f\x87\xf7z\x15\xdf9\xce*I#\xdb\xc1\x18\xf64\x80\x80\xa8&lt;\x9a~\xc1@\x11\x94\x04pi\xc1q\xc0\x14\x01^H\xf3\xd2\xa6\x1b\x80\xc1\x1f\x9d+\\\x0e\x99Q\x87E56\xc6\x1d\x1a\x9a\xd0\x08\x82\x1d\xdf0\xa9\x08n\xf4\x01\x17\x963\xfe4\xe9\x17\xf8\x9b#\x02\x8dE\xf3\x1b\x8cp(\x0c\x15\x0b7Lg9\xa2\xd2\x1f4^\xd7\xfc\x80\xa8j\x85\xe7\x81\x15\x9a\xe0\xa8^\x9f{&gt;\xb55\x1ci\xc3\x99\xb0\x8f4\xa5o\xcbS\x87\xfd\xa4\xf5o\t\xe8\xff\x00\x04&lt;Iq\xe2\xddv\xc7O\xb6\x9bMhb\xb8\xbe\x9dcF\x9d\xf8\x860\xcc@\xdc\xd2lU^\xa5\x88\x03$\x8a\xfcO\xff\x00\x82\xe3~\xde\xfe9\xf8\xbf\xfbz\xfc&gt;\xf8\x1b\xe0\x7f\x15H\xde\r\xf0\x9f\xc4m"\xd9\xa1\xb4\xb8\xc4\x17\xb7\xc2\xe5\x0c\xf7\r\xb4\xe0\x958D\xcf\xca61?xW\x87\x8e\xcdp\xf3\xa6\xe9\xc7Wc\xf4\xec\xb7\xc3\xbc\xcf\x07\x94\xc78\xcc[\xa7N_\x02\xe5|\xd2\xec\xf5\xd93S\xf6\x81\xf1\xff\x00\x8d\xfe\x0e|O\xba\xf1&gt;\x82\x1aK\x7f3\xfd?N\x91\xc6\xcb\x98\xf2y\xfa\xaf#\x8eA\x1c\xd6\xc7\xedG\xa2Z\xf8\xb6\x0b\x99\xcbm\xdc\xad\xf3*\xf4&gt;\x95\xf0u+K\xda;\x9e\xc5\nt\xe5E]\x1c\x9f\x8e|w\xf0\xdb\xe37\x84W\xc4\x9e\x1f\x9d6\\/\xfadr(Y \x97\x1c\xac\x9e\xfd9\xee\x08\xaf\x07\xf0E\x86\xb7\xe0o\x1e\xb5\x9d\xdco&amp;\x9fr\xfe[I\x0bv\xfeU\x15%Nq:h\xfe\xeeWE\xcb-\x17O\xb1\xd6J\\D\xfeXb\x157c\x7f\xb7=)\xff\x00\x17\xb4\xbdk\xc1\x97?\xda\x96\x915\xc5\xac\xdf&lt;j\x14\xe5\x8f\xae~\x83\xf4\xa8\xa3N;\xdc\xec\xa9\x8d\x94t\xb5\xce\xff\x00\xc2\x1a\x8f\xc3\xfb\xcb6\xb4\xd6`\xb9"5*\xab7\xfc\xb2b8\xda\xc3\xa8\x1ds\xef_&gt;X\xfce\xd7u5m3O\xf0\xad\xcc\x8c\xc7k##a\xbd\xba~\xb5\xd7(\xde;\xa3\x18\xe2\xf9\x9e\xcc\xf6\x1dwJ\xb1\xd2o&amp;\xba\xb4\xd5\xb7\xda\xf5\x85]\xba\n\xe04\xcf\x0e|A\xf1M\xa6\xddR\x16\xd3\xed&lt;\xbc4(\x1b\xe5\x1dz\x9e\xb5\xe7\xd4\xa7G\x9b\xde\x91\xd7\x1cL\xb9m\x14s\x9f\x10\xfcMq\xe2mZ/\x0fxi\x0c\x92\x191+/ ~U\xea\x9f\r\xbe\x16\xe8\xfas\xfd\xa5\xedU\x8a\xfd\xd9d\x1c\x9a\xb8\xe2\xa9\xd2\x85\xa9\xc5\x18\xf2\xd4\xa9\xf13\x9b\xf0\x1f\xc2w\xf0\xe6\x94\xd2\xdc\x8f6\xe5\x972H\xcb\x9e~\xb5\xea\xfa\xe5\xbd\xbd\x96\x91.\xc8\xd5~L\x8a\xf3\xeaJ\xb5]\\\x8e\x8a4\xe3NZ#\xe8\xbf\xf8 \x17\xc4K\x0f\x0b~\xd5^6\xf8]\xa8^\xacr\xf8\x93\xc2k.\x9e\x8e@\xdf5\xb5\xc2\x92\xa3=IY\x89\x00\x7ft\xfaW\xe7_\xc5m15K\xa9-$\xbc\xbe\xb5Y\xd8\x7f\xa5i\xf7Mo&lt;/\x92RH\xe5S\xb9\x19Yr\n\xe3\xaf\'\x18\xaf\xaf\xe1\xfc\xca\x18[Fl\xf9&gt;&amp;\xca\xa7\x8c\x8f4V\xa7\xf5\t}\xa9i\x9at\xcb\x0e\xa3\xaa[\xdb\xb4\x8d\x84[\x9b\x85\x8d\x98\x93\xc0\x01\x88\xcd\x7f\x16\xbf\xb4\x1c\xdf\x1at/\x89\x92\xde|L\xf8\xa5\xaex\x9a\xe2\xf1K\xd9k\x9a\x96\xa54\xb3\xce\x83\x00#\x99\x0ew\x03\x8c\xe1\xb0pI W\xde\xd1\xc4Q\xc4C\x9a\x0c\xfc\xbf\x11\x85\xaf\x84v\xaa\xac\x7fi\x92!\xdcw\x13\xf2\x8c\xfc\xc7&lt;c9\xfc\x8d~\x1b\xff\x00\xc1\xb4\xdf\xf0Z\xbd?O\xd3g\xfd\x84\x7fl\x1f\x8b6v6\xb61\x9b\xaf\x86\xde.\xf1V\xb1\xe5(\x01\xbf{\xa4\xcb&lt;\xcc\x00\xc6\xed\xf0\xb37#\xcc\x8cgrgc\x1a\x7f\xbcZ\x1f\xb8\x8c\x83\x1dh\xb5\xba\xb0\xd4\xad#\xbf\xd3o\xa1\xb8\xb7\x9dA\xb7\xb8\xb7\x98I\x1c\xab\x8c\x82\xad\xd0\xe4s\xc5\x00\x94\xba\xe8FWi\xc5LSi\xc36)\xa8\xb6W/i&amp;Vd\xcf$w\xa9e\xc0\xc3n\xe0\xf44\xe5\x1eR}\xee\xaa\xc7MEH\x05\x14\x01\x0c\xe8Z\\\x8f\xee\x1f\xc2\x8a/\xa8s=\x8f\x97\xbf\xe0\xa2_\xf0Q\xad\'\xf6\x18\xd2\xbc?\xa3Z\xfc=\xba\xd7\xfcK\xe2\xeb\xcf\xb1xz\x16\xb9X,b\x98\xe0n\xb9\x97-&amp;\xc1\x9e\x8b\x1b\x13\xed\xd6\x8a\xf3\xb1\xd5\xaaF:3\xec\xf8G,\xc0\xe3\xab\xa5\x88\x877\xab~^g\xe5\x07\xed\xb3\xff\x00\x059\xff\x00\x82\x8bj\xbf\x13&lt;E\xfb?|_\xf8\xa9\xa3\xd9\xdbX\xde,\x92\xd8\xf8\x16\xdeK;vG\x89\x1da30\x13H\x8b\x9f\xe2\xe4\x9c\xf3\x8c\x00W\xe7Y\xd6;\x19\x1fuM\xd8\xfe\xdb\xf0\xa3\x84\xb8b\x9d\x1fm\x1c\x1d&gt;{\xda\xfc\x91o\xf1G\xc7\xbe&gt;\xbfk\xdb+_\x1c\xf3-\xee\x97\xaaC\xa9[Iq\xd7\xcf\x86E\x94\x1c\xf3\xd5\x97\x1fJ+\xc8\xc0T\x9c\xa5v\xcf\xd48\xfb,\xcb\xf1\\3Z\x15i\xa6\xa2\x9d\x96\xd6\xb2\xe9c\xef-S\xc6v\x9f\x10\xfe\x1e\xe9\xbe2\xb3\xb4\x92\x0b}R\xc6;\x98\xed\xe5\xc6\xe4\xde2A\xc7\xb94WN\'s\xf8m\xd1\xa7N\xb3\x8cV\x88\xf2\xab\xbb\x0bk\x8b\xaf0.\xdd\x92\x93\xf7h\xae\x18\xc9\xf3\x1b\xf2G\x97c\xa6\x93M\xb3\xf17\x86&gt;\xc9z\x9f\xea\xd7\xe5%A\xa2\xae\x7f\x122\xe8s\x1e\x1d\xf0\x0e\x8fa\xaa\xb4\x10[\xa9p\xdf{;G\xe4\x05\x14\xdd\xecg\x1d\xcd\x9d\x7f\xc3"\xc2\xdc\xbec\xe9\x91\xb74T\xc2)\xadN\xaaZ\xc7Q\xfe\x1d\xb0\xb7{\x06\x91\xcbnV\xfe\x94TH\xb6Q\xf1Xyl\xc2\xa9\xc0\x1c\x1fz*c\xb0\x8f1\xf1\x8f\x85\xed\xee\xe3m\xea\xbf\xdeR{{Q]4\x8cj7%\xa9\xf2g\xed\xe7\xa3\xdbi\x9a.\x85w\x0ck\xe6\xfd\xb2U\xdf\x8e\xdbE\x15\xf7\xbc;)}]\xeb\xd4\xfc\xf7\x8a\xe9\xd3\xe6\xbd\xba\x1f5y\xfbA\xcf\xde#\xae\xdc\x83\xeb\x91\x91\x91\xf9b\x8a\xfb\x1f\xf9v~w\x87\x93\xf6\x87\xe8o\xfc\x11\xdb\xf6\xf7\xfd\xa7&gt;\x1d\xeb\xf3h\xfa_\xedu\xf1\x03G\xb1\xd2&gt;\xcb\x06\x83\xe1\xe8\xec`\xd5t\xb9\xa3,\xd9\x86x.fM\x91\x8c\x926\x12\xff\x001\xc3\'RW\x8f\x8a\xa9R5\xac\x99\xfag\x0c\xd1\xa3\x88\xcb\xe5\x1a\x91O^\xa9\x1f\xb3\xdf\xf0\xfa\x1d\'\xe1/\x8d&lt;#\xf0\xaf\xf6\x89\xf8As5\xef\x8a\xd6(\xf4\xddo\xc1w\x01\xe2gb@i-n\x1e6\xb7\x19\x07!g\x97\x1e\xfc\xd1UF\xadG\xd4\xdb4\xc82xSu#E\'\xf3\xff\x003\xee\x1d\x1a\xf15\xad&gt;-V\xdd\x99R\xe25\x91\x15\xd7\xe6\xdaGs\x93\xcf\xe7\xf5\xa2\xbd\x1am\xb5\xa9\xf08\xca4\xe8\xd6\xe5\x82\xb2?\xff\xd9'</t>
        </is>
      </c>
      <c r="M563" s="3" t="n">
        <v>45492.67799768518</v>
      </c>
    </row>
    <row r="564">
      <c r="A564" t="n">
        <v>1631879</v>
      </c>
      <c r="B564" t="n">
        <v>5926</v>
      </c>
      <c r="C564" t="inlineStr">
        <is>
          <t>Alysson Edward</t>
        </is>
      </c>
      <c r="D564" t="inlineStr">
        <is>
          <t>A. Edward</t>
        </is>
      </c>
      <c r="E564" t="inlineStr">
        <is>
          <t>UNK</t>
        </is>
      </c>
      <c r="F564" t="inlineStr">
        <is>
          <t>UNK</t>
        </is>
      </c>
      <c r="G564" t="inlineStr">
        <is>
          <t>UNK</t>
        </is>
      </c>
      <c r="H564" t="n">
        <v>175</v>
      </c>
      <c r="I564" t="n">
        <v>47</v>
      </c>
      <c r="J564" s="2" t="n">
        <v>38841</v>
      </c>
      <c r="K564" t="inlineStr">
        <is>
          <t>Left</t>
        </is>
      </c>
      <c r="L56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\xe7&gt;,\xfcX\xf8\x7f\xf0?\xe1\xee\xab\xf1K\xe2\x87\x89\xadt\x8d\x0fF\xb4{\x8b\xfb\xfb\xc9U\x124POV g\x8e?\xc9\xa0\r\xeb\xdb\xdb=:\xd6K\xeb\xfb\xa8\xe0\x82\x14/,\xd38UE\x03%\x89&lt;\x00=M|!\xfb^\x7f\xc1\xc6\x1f\xf0N?\xd9SS\xbb\xf0\xad\x8f\x8fn\xbcy\xafY\\&lt;7:g\x84#YR\'E%\x95\xa7r#\x04\x11\xb7\xa9\xe7\xe8k\xf1\xe7\xfe\x0bC\xff\x00\x07\x07\xfcm\xfd\xb9\xf5\x8b\xcf\x82\x1f\x00o\xef\xfc\x17\xf0\xc2)^)m\xe1\x97e\xe6\xba3\x82\xd7\x0c\xbc\xacDt\x8c\x10q\xf7\xbe\xf1Q\xf9\xc5\xa7xs\xc5^$\x7f&gt;\xd2\xcaFX\x89g\x9f8\x0c\t\xe83\xd79\xe89\xa2\xf1J\xec\xb8\xc1\xb3\xf6\xdb\xe2W\xfc\x1e\x1f\xe3\xbb\xbdW\xec\xff\x00\x08\x7fd\xed\x1a\xda\xcc3\x1f?_\xd7\xe4\x92]\x9c\xe3+\x12mS\xc1\xe0\x13\xd3\xb7Z\xc2\xf0\xdf\xfc\x1e\x01\xfbB\xda\xea\x90\xcb\xe2/\xd9\xa3\xc1\xd7\xd6^g\xef\x96\rZx]\xd0\xe7\xe6S\xb5\x80\xe8Oz\xfc\x93\xf0\xef\xc2\rj\xe5\xfc\xd9l\x81H\xe0\x0f)Q\xb8\xed?)\'\xf1\xe9\xc1\xff\x00\x1dw\xf8S}r\xf3\xd9Y\xc5$\xa1\xa4\t\x0cv\xab\xbb\x0cA?\xc4&gt;n1\xc0=\xc1\xe3\x15&gt;\xd6\x99n\x85T\xafc\xfa\x15\xfd\x95\x7f\xe0\xe9\xcf\xd8o\xe3&amp;\xa3o\xe1\xaf\x8e\x9a\x0e\xb3\xf0\xde\xfeb\x91\x8b\xdb\xf0\xb7v-#1\xff\x00\x96\x91d\xc6\xa0rY\xc0\x00\xfbs_\xa4?\r\xfe\'|=\xf8\xc1\xe0\xeb\x1f\x88_\x0b\xbcg\xa6\xeb\xfa&amp;\xa5\x02Mc\xaaiWk43#(e!\x94\xf7\x04\x1f^k\xf8\xa8\xf1\x0f\x83\xee\xf4\xf8\x92\xed%h\xe5c\x1a\x88\x9d\x0e\x00\xc0\x1b\xb28\'8\xe7\xa95\xee\xbf\xb0G\xfc\x15?\xf6\xb9\xff\x00\x82n|G\xb7\xf1\'\xc3?\x18]&gt;\x874\xa1\xf5\x1f\t\xea33i\xf7\xf1\x16\x1b\xd4\xaf![\x8cy\x8b\xc88$\x1cm/\x9a\x0fc7\tGs\xfa\xff\x00\xa2\xbev\xff\x00\x82o\xff\x00\xc1H\xfe\x08\x7f\xc1H~\t\xdb\xfcK\xf8irt\xfdf\xd65O\x12xV\xf6A\xf6\xad6b;\x8c\xfc\xf17U\x90pA\x1e\xa0\x9f\xa2i\x92\x14QE\x00\x14QE\x00\x14QE\x00\x14QE\x00\x14QE\x00ex\xdf\xc6\xde\x15\xf8q\xe1\x1dG\xc7~7\xd7m\xb4\xcd#I\xb3{\xadF\xfe\xeeP\x91\xc1\x12\x0c\xb31=?\xa9\xe2\xbf\x99\xff\x00\xf8-g\xfc\x16\xa7\xc7_\xf0P\x7f\x19^|\x1e\xf8gu{e\xf0\xb6\xc3U)\xa6i\xb6\x99\x8emjH\\\x14\x9e`\xe3!w\x00\xc1H\x07\x80H\xdc\x02\xaf\xe8G\xfc\x1dW\xfbkj\xdf\n~\x03xo\xf6T\xf0\x1f\x89g\xb4\xd4\xfcm&lt;\x97Z\xe4V\xac3.\x9d\x1a\x9511\x1f2\x86w\x8c\x11\xd1\xd5\x88&lt;W\xe2\xdf\xfc\x13\xaf\xc0\xbag\xc4\x1f\x8e\x90\xebZ\xc6\x8e&amp;\x83LO\xdcA"d\x92\x1b\x01\x8f\xaeH\'\xe8+\x97\x1b\x89X&lt;,\xaa\xbe\x87~[\x83\x96;\x19\n+\xed;\\\xab\xf0\x8f\xf6$\xf8\xe7\xf1k\xc5\x16\x96\xfaO\xc3\xa9lE\xdb\xc7\x1bOq\t]\x8a\xca\t\x93\x9e\x9f($w9\xcf\xa5}\xff\x00\xf0+\xfe\x08y\xe0#ysu\xf1\x13\xc7\xd77[\xad\xc2h\xd1Z[lK7#\x978 \xb9\xeb\xc1=\xab\xe9\xdf\x08C\xa0Z\xd9%\xc5\xa5\x82C\'VX\xe3\x00\x0c\x00\x06\x7f\x95z\x8f\x82\xfcKn\x11$\x96_\x95q\xd3\xb7\x15\xf9n7\x89s,L\xf9b\xf9c\xd9\x1f\xb1\xe5\x9c\'\x94\xe0\xa1y.yy\x9e\x0f\xaa\x7f\xc1\x08~\x0b\xf8\x9fL\xb5\xd3m\xfe(\xebZ}\xacs$\x97\x0bkg\x1f\x9fq\x807n\x94\xb7\x19\xc7@1\x8e\xb9\xe2\xba/\n\xff\x00\xc1\x01\xbfdm\x06\xf2;\x8b\x7f\x15\xf8\xbd\xf1\x01YS\xfbJ1\xbd\x89\x07p`\x99^Gn\xbd\xcfL}K\xe1\xcf\x1a\xe8\xd3\xdb\x80\xba\x83\xb3\x81\x87@[\x03\xf1\xadKO\x13DD\x90C\xa8L\x15_\xef\x9e\x98\xf4\xcez\x8f\xa5t\xd0\xcc+8kQ\xbf\x98W\xca\xa8NzS\x8f\xdc|\x95\xf1\x07\xfe\x08a\xfb7\xcb\xe1\xb9\xb4?\x06\xc96\x9f\x12\xce\xd3[y\xb0\x89\x8cD\xb6\xfe_;\x9b\x9cu\'\x8f\xca\xbe0\xf8\xcb\xff\x00\x04Y\xf1\x97\x84n/.\xb4\xbd#D\xd4\x1cK\xb6\xdc,\x99\xc2\xf2\x0br\x17\x19\x18%q\xc1&lt;\x13\x8a\xfd~\xf1\x07\x89\xce\x9dn\xef\x06\xa7+\xc8\xc9\xb41n;\xf6\xe9\xdc\xd7\x89\xfcE\xf1\r\xd3\xcf+j\x0c\xcf\xb8\x1d\xcf\x9cv\xed\x8f\xfe\xb5e\x88\xce1\x98W\xcdJN\xfef\x94\xb2\x1c\x06*\x1c\x95\xa0\x9a\xf2V?\x1c\xff\x00f_\xda#\xf6\xab\xff\x00\x82R\xfe\xd3\x1a\x7f\xc5M\x12\xd2\xfa+\x0b\x1b\xb9!\xd5t\xe7V\x16\xfa\x85\xb0lI\x04\x99\xc9\xf9wd0\x18\x04\x83\xd0\xb0?\xd3\xf7\xec\x89\xfbT|0\xfd\xb3&gt;\x01\xf8\x7f\xf6\x80\xf8K\xa9\x89\xf4\xbdr\xcddhY\x81\x92\xd6l~\xf2\t\x00\xe8\xca\xd9\x04u\xf5\xc1\xc8\x1f\x8d\xbf\xb5\x97\xc1\xaf\x87\xdf\x14\xbc\t\xa9G\xaeiQ\x9b\xc9-H\x8a\xed0\xac\x1b\x19R\xde\xbd\x05s\x1f\xf0mW\xed\x81\xe2_\x80\x7f\xb5\xdd\xff\x00\xec\x83\xe2\x7f\x13[\x8f\n\xf8\xd1%\x166\xac\xac\x16\x1dR\x10\x16!\x10\xce\xd5/\x18m\xd9\xfe\xe7\xabe\xbe\xd7\x87\xb3\x99f\xb4\x1cj+N;\xf9\x9f\x9cqO\x0f\xc7)\xad\xcdI\xde\x0fc\xfa\x04\xa2\x80r3E}\x19\xf2\x01E\x14P\x01E\x14P\x01E\x14P\x01E\x14P\x07\xf3o\xff\x00\x07[k\xda\xa2\x7f\xc1Ll\xb4\xa8%\x97e\xb7\xc2\xed6HUz\x06\x92k\x90\xd8\xf7&gt;Z\xfeU\xf2\xf7\xfc\x13z\xdbQ\xd2&gt;!"K+o\xba\x89R5\x1dC\x80\x0f^\xc3\xa9\xaf\xb8\x7f\xe0\xe8\xff\x00\x82z\xea\xff\x00\xc1@|+\xf1*\xf6\xd3:\x7f\x89&lt;\x05\r\x9d\xa3\x18\xf3\xf3Y\xca\xfb\xcf\xe7t1\xe8W\xde\xbcs\xfe\t\xe7\xfb&gt;Y\xe9\x963\xfc@\xd6\xed\xe2\x92\xe1\xae\xde\xdfL\r\x1f\xdc\xc0P\\{\xff\x00\xf5\xeb\xe6\xb3\xea\xf0\x8e\x16t\xde\xec\xfa\xfe\x18\xc3Jx\xb8T\x8fM[&gt;\xd5\xf8k\xf6\xab\xdbu\x86\xe0\x19K\x8e&gt;\x9cs^\xf7\xf0\xef\xc00\xc3\xa7\xb5\xcd\xdf\x96\x17\x03j\xb3W\xc2\xff\x00\x13\xbe-~\xd0w6o\x07\xec\xf3\xe0\xb6\xb2\xb5\xb4gC\xae]\x18\xfc\xdb\xb6\xfe\xf4H\xc7\n\x9dH\'\x96\x18\xe8+\x82\xf1?\xed\xc1\xff\x00\x05\x14\xf0\x95\x9d\xb3j~\x14\xb0\xbb\xf2\x1b\x12\x9f\xb4D\xb2H8\xc3\x15\xc8\xc1\xcf\xf7}x\xaf\x83\xa3\x94*\xaf\x9asI\xf6\xb9\xfa\x85\\\xda\x14\x97,`\xda\xee\x95\xcf\xd5\xa7\xb2\xb3\xd2t\xf2a\x95H\x07\xfd`\\\xa1&gt;\x95\x1d\xa7\x8d\xec\xb4x\x12\xda\xe6L\xca\x83\xfdc\x01\xcf&gt;\xc3\x19\xfaW\xe6o\xc0\xef\xf8)g\xed\x03\xad\xf8\x8e\x1d\x03\xe2\xef\xc3\x8b\xbd&gt;9\xa4\xc2\xdf[\xc8Lc\x8e\x01\x1e\x80w\xe7\x9fZ\xfa7P\xfd\xa4\xf5\x0b\xbd-\xf5\xbb\x06S\xe4\xc1\xbb\xcd\x95KG\xc7N{\x9fjU\xe9&lt;$\xf9t\xf9jtaj\xd3\xc5G\x9b\xf3\xff\x00#\xeb(\xf5\x9d/\xc41\xbc\xb7j\xb1\x16]\xaa\x0b\xe1=\xb0:w\xaf&gt;\xf8\x93\xe0\x1bK\xd0\xf2isA;\x94;\x99$\xce&gt;\xa7&lt;\xd7\xe7\xcf\xed\x03\xff\x00\x05!\xf8\xfd\xa2\xc2t\xcf\x86\x1e\x17\xb4\xbadl\xbc\xf31\xc3\x1c\xff\x00\x08\x04\x11\xf8\xd7\x8ah\xbf\xb6\x87\xfc\x143\xc6\xfa\xe9\xb6\x93S\x8a\xde)\xdb&amp;;;\x9d\x8cNy\x18\x198\xf7\xe4\xf1]p\xcb\xe3\x8c\xa5\xcdRi_\xbb\xb1\xc5[5\x86\x12\xaf%8\xb9z/\xf3&gt;\xea\xf8\xb9\xe1K\x86\xd1/t\xe0UY\xe2`\xaa\xe7\x00\x9e\x98\xcf\xbf\xe9_\x97\x9f\x03&lt;A\xad|\x1d\xff\x00\x82\x88xW\xc4mssom\xa6\xf8\xf2\xd8\xb2\xa2\r\xd0\x9f\xb4\xa0u\x0b\x9f\x9b\xe42\x0c\xfb\xd7\xd7\x7f\x0c\xfe5\xfe\xd5v\x93Kc\xf1\x1e\xc6\xdb\xc4\x1au\xc4`Imq&amp;\xdb\x88\x9bq\x0eb\x94\xe0\x92\x08\xe00#\x83\xc8\xae3\xe2\xaf\xec\xe3cs\xfbh\xfc3\xf8\x8b\xa0\xe9\xd3Gk\xe2\xaf\x14i\x82\xf5\x95v\xc8\'[\x98\x91\x9f\x0c\x08\x04\xc6\xd9&lt;\x1ec\xafO\x87i\xac\xbf\x1a\xe0\xa5\xcd\x19+&amp;\x8f\x9e\xe2\x99\xac~Z\xaar\xb8\xb8\xbb\xeb\xd7\xa1\xfd,\xe9w\xf0j\x9at\x1a\x95\xb6|\xbb\x88VX\xf29\xda\xc00\xfd\rOU\xf4\xab\x08t\xad6\xdfL\xb7$\xc7m\nD\x85\xba\xe1T(\xfeUb\xbfD?&amp;\n(\xa2\x80\n(\xa2\x80\n(\xa2\x80\ne\xc5\xc5\xbd\x9d\xbc\x97ws\xa4QD\x85\xe5\x92F\n\xa8\xa0d\x92O\x00\x01\xde\x9f^\x19\xff\x00\x05\'\xf1\xce\xb5\xf0\xf3\xf6%\xf8\x85\xe2?\x0e\x99\x96\xf5t\tc\xb7\x9a\t6\xb4,\xc3\xef\xe7\xdb\x1f\xadL\xe4\xa1\x07\'\xd0\xd6\x8d)W\xad\x1aq\xdeM/\xbfC\xe3\x8f\xf88/B\xf8s\xf1\x9f\xe0O\x84&gt;(\xf83Y\xd3\xf5\x1b\xbf\x0b\xf8\x99\xad\xefg\xb6\x93|\x91\xc34E\x15\x08&lt;\x85.\xc1\xb7t;x5\xf1\xf7\xec\x8d\xa7Gw\xf0\xcax\xb1\x98\xad\xef\xa7\x8e6#\x04\xab*7&gt;\x9f{\x15\xd5\xe9\x97v\x1f\x12\xfe\r\xb6\x87\xa8\xea\x97\r\r\xfe\x9b\x18\x9f\xe7\x07\xedA\x08t2g\xef0`\x18?\xde\xeb\xce2\t\xfb\'\xf8F\xe3N\xf8Q\x8b\xf8\xff\x00{}\xaa\\L\xf9\x18\xca\x86\xd8\xa7\xf2Q_\x9d\xe69\xa5&lt;\xc6\x1e\xd1F\xcdZ\xebs\xf5\x8c\x06AW"\xaf\xec\x9c\xf9\x93\xbe\xb6\xb7m\xd5\xd9\xcd|g\xfd\xa4\xfc#\xf0B\xd2(\xb5\x14\x85\x15H\x8c~\xe5\xa5*\x0e\x14*F\x9c\xb1\xfa\x90\x07s_\'\xfe\xd8\xdf\xf0P\tl|[\x07\xc2!\xf0\x83\xc4PkWR@\xdat\xd7Ik\x89\xd6EFF\x11\xa0\xce\xd6\x0e0w\x9eA\x1d\x8d}\xfb\xf1\x03\xf6~\xf0\xcf\x8bt\tE\xee\x99\x04\xber0+$ \xe4\x9f\xc2\xbcY\x7f\xe0\x997\x7f\x10|Cfl4\xc5A\x1eV;\x85E&amp;\x04\'\xee\xab6J\x0fa\\X,F\x061n\xb4\x1b}5=&lt;f\x0b2\x9c\xd2\xc3\xcdEz_C\xe7\xff\x00\xd9\x0f\xe2\xc6\xad\xf1\x0b[\xbb\xf0\xa7\x884\xd5\x8e\xee\xc6m\x92@0\xdb\xb9#+\xc9\xee1\xc1#\xde\xbfP|\x01\xfb:\xe8\xfe!\xf8\'q\xaf\xdcD\xea\xf1X+\x05\\\x85\'\x1ceA\xe7\x07\xda\xb8\x1f\x82\x1f\xf0N\xaf\x83\xff\x00\xb3\x94M\xaa\xe8VB\xff\x00Y\xba\x04\xc9t\xe4\x15\x88c\xe6\xda1\xd7\xde\xbe\xb0\xf0\x0e\x9f\x16\x9f\xf0\xde\xefH\x8eP\x8cm\xcaD\xa5z{W\x9dRp\xc4b\xe4\xa9\xc6\xd1I\xfd\xf6=\x9a8j\xb8l"\x95Gy]t\xe9s\xf0\xab\xf6\xaf\xd6\xb5\xaf\x82\xbf\x13um"\xebL\x94#\xea\x0c-\x98\xe7\x12\xeeo\x94\x0f\xcf\xb7\xff\x00\\s\xdf\x0f?\xe0\xa07\x1f\xb3\xef\xc5$\xf8\x7f\xe2\x1f\x83:\x8e\xa1\xac]\x88\xa2\xb5Ku\xb6\xf9d\x95Q\xa3`\x1d%\xde\xa48\xe8\xc3&lt;\xfaW\xeag\xc5\x8f\xd8\x9b\xe1o\xed\x02\xb3\xf8w\xc6zz%\xeaH\xedex\xaa7\xabu\xe8G#?\xce\xbeY\xf1\xe7\xfc\x13\x0f\xe2\xdf\x83&lt;qh48\xac5\x0f\xb2\x82\x9av\xa15\xbcq\xca\x91\x9c\x8d\x8b&amp;\xdc\x81\x869\x00\xf7\xafS-\xc4\xe0\xa7F\xd5\xa1y/3\xc6\xcdr\xec\xc5U\xbe\x1ai-\xd5\xd5\xcc\x8d\x17\xf6\xc2\xf0\xef\xc6\x0f\x15\xae\x87&gt;\x82\x9af\xb5\xa70\x8d\xda5\xda\xb1\xcb\xd4\xc6\xcaY\xd7\xa7FF\xc1#\xee/\x04\xfd\'\xf0o\xc0G\xe3\x0f\xedM\xf0#Ie\x8dVO\x16Mr\xcd*p\x8b\x0c\r/\xa7\xf9\xfaf\xb0\xfe\r\xfe\xc4\x12\xfc0\xd0&amp;o\x1bxkLG\x99\x84\x8c\xb0G\xbb\xe6?\xc5\xb9\x86I\xe7\xadv-y\xad|!\xf1g\x86&gt;#xsU\x8bN\x97\xc37wkmx\x13s\xc2&amp;\xb5u\x0e\x838\x0e\x008$\x11\x928=+l\x16+\x0b\x87\xc7\xa9\xd9\xa8\xad{\x9c9\x96\x07\x1d_-t\xee\x9c\xde\x9d\x96\xa7\xec\xe2\x1c\x8e\xff\x00\x88\xa5\xaf\xcc\x1f\xf8#w\xed\xef\xf1C\xf6\x82\xfd\xad|q\xf0\xaf^\xd7.\xeet\x08t\x94\xb8\xd3m\xefgi\x1d\x1c3\xef\x95\x99\x89%\xd8\xa8=\xb0\x1b\x18\xe2\xbfO\xab\xf4\x1c&amp;*\x9e7\x0e\xabCf~]\x9a\xe5\x95\xf2\x8cl\xb0\xb5\x9arV\xdbmR\x7f\xa8QE\x15\xd2y\xc1E\x14P\x01E\x14P\x01^w\xfbY\xf8@x\xf3\xf6n\xf1\xa7\x84\xdc\x80\x97~\x1f\x9c9#8U\x1b\xcf\x1d\xf8S^\x89P\xea66\x9a\xa5\x84\xdam\xfc\x0b,\x17\x114sF\xdd\x19\x18\x10\xc0\xfdA4\xa4\x94\xa2\xd3*\x12p\x9a\x92\xe8~\x06N\x9e&lt;\xd3&gt;,x3\xe1\x17\x80-b\xb6\xb1\x8c\xc1\x1c\x93\xcc\x80$\xf6\xc2\x12[s\x1e\x9d\xdb\x8er\x07\x07\xa5zw\xc3\x8b\xd3\xa2\xe8\xf7:\x1c\xacU\xb4\xcdBki\x14\x8c\xe7\x12\x1c\x1f\xc5J\x9f\xc6\xbd?\xe3\'\xc1?\x02h~+\xd7\xbc\x0b\xa9XM\x06\xbb\xa7_K\x1d\x8e\xa6\x8b\xb6KEY\x18\xc6\xc9\x91\x82\xa3\xa6H\xc9\xc7z\xf1\x88\xc5\xc6\x9b\xe3\xef\x12]\xa5\xc2\xbcW\x13E#\x94l\xaf\x99\xe5\x85s\xecIPq\xef_\x94\xd4\xc3\xbc=y\xd1\x92\xdbO\xb8\xfd\xe2\xa6:\x96:\x8d\x0cE?\xb4\x93~\xac\xf6/\r\xeaf\xf9\x12m\x8b$`|\xa1\xba\x1cw\xafB\xf0\xc6\xa3\x0e\x9df\xce\xf1\xa2\x86b\x17`\xc7\x18\xcfN\xd5\xe1~\x0b\xd5\x9c\xd9\xc73\xdc\xb0\x0c\x01\x8f-\xd4`s^\xb5\xf0\xea\xca=B\xd6K\xab\x9b\xd6\xd8\t+\x1b?\x038\xed^t\xad\xcd\xca{\x18z\xd1p\xd4\xce\xf1\xdf\xed;\xf0S\xe0\xed\x85\xcf\x8c&gt;0\xfcB\xd3\xf4+\x14\x9c[\xda6\xa9}\x1c)$\x87\xa6]\xc8\x03\'\x80=\x8dU\xd1\xbf\xe0\xa5\x7f\x0cl\xfc.\xda\xb7\x87\xe3\xd3\xf5-\x0fk\x19u+;\xc8\xaeQ\xb1\xd7\x12!#\x8e\xfc\xd7\xcd?\xf0P\xff\x00\x82\xbaO\xc6}a|3\xabxr=SD\xf9$kO,\x91\xe6\x0e\t\xdc\xac\n\xe7\xd7\x9f\xc2\xbef\x83\xc1\xc3\xc3L~\x02\xf8;\xc3\xab\xa5h\xb2[\x14M-\x13\x10\xb8#o\xcd\x9c\xee\'\xb9&lt;\x9a\xf4hR\xc3\xd3\x872~\xff\x00\xe1c\x9f\x15R\xb3\xa9g\x15(Z\xe9=\xef\xfeG\xe8\x9f\xc3\x8f\xdb+\xe0\x87\xc7[{\xcd\x7f\xc0\xde,\xd3\xfe\xdbc(/k\x05\xfcSn\x07$\xaecc\x83\x81\x90\x0f\xa5z\xae\xab\xe3};P\xf0\xeaN"WR\x81\x83\xb6;\xf4\xfa\x1a\xfc\xcf\xfd\x86\xbfa\xcf\x17|\x13\xf8\xda!O\x0f\xdai\xbe\x1f\xd4\xaf\x12\xe7S\x96\x07g\x92}\xa4\xb2\xa2\xe4\xe0\x0c\x9c\x11\xdb\'\x15\xfa\x03\xf1\x03M\xb5\xd0\xad\xad\xec4\xbd&gt;Ym\xeee\xfd\xd4\xb16V\x0c)a\xb8\x120\x0e\x00\x1c\x1eMr\xe2aJ\x84\xdb\xa2\xee\x9fs\xa3\rZ\xa5ji\xd6IK\xcbc\xce|s\xf1\x07\xc4\xd1\xea\x9f\xd9jm\xd2\xd09/,\xb3\xb1lg\x85\nx9\x19\xef\xda\xbc\xdf\xf6\xb4\xf8\x8a\xfe\x1e\xf8+m\xe2\x0b+\x0f\xb54\xde \xb4\xb4\x9a(\xa2f"6\xdeY\x8e:\x0f\x94/=\xdc\x0e\xf5\xa3\xf1\x0e\xf2\xf2K\xc2.c\n\xff\x00x\xae8\x07&lt;b\xb6\xfe\x12\xf83K\xf8\x95\x04\x9a?\x8a\xaf\xa5\x8a\xc8)\x96\xe1\xa3#!\xd5\x86\xd5\xdaA\x04erI\xe9\x81\xf8^\x199BS{\xd8\xe0\xc5U\x84\xb1\x11\x87K\xaf\xb8\xf6?\xf8"_\xc1=6\xc7\xf6\x8f\xf1\x0f\xc6=:\xc8\xdb.\xa3\xe18%h\xb6\x01\xb5\x99\x8a\x95=\xf3\xf3\x8e=\xab\xf5&amp;\xbe`\xff\x00\x82c|0\xff\x00\x84O\xe1\xee\xbd\xe2\xfb\xc5\x81\xa6\xd4u\x7f\xb3[4#\xe5[xTm\nOPw.{\xe5Nk\xe9\xfa\xfd3\'\xa2\xe8e\xb4\xe2\xfb_\xef\xd4\xfck\x89\xf1\xab\x1f\x9eV\xaa\xb6\xbd\x97\xa4U\xbf@\xa2\x8a+\xd2&lt;\x10\xa2\x8a(\x00\xa2\x8a(\x00\xa2\x8a(\x03\xcf&gt;3~\xcb\x9f\x06\xbe;:\xddx\xf3\xc3%\xaf\x13\x00j\x16W\r\x04\xe5@\xc0R\xcb\xf7\x87\xd4\x121\xc1\x15\xf0W\xfc\x14+\xf6z\xf0\xb7\xc0\xcf\x89v\xd6&gt;\x00\xd1\xd2\xcbI\xbd\xf0\xfc/i\x08m\xdbY\x19\xd2C\xeeK\x10\xc4\x9f^8\xaf\xd3\x8a\xf8\x9f\xfe\x0b\x01\xa0\x88\xb4\xff\x00\x08x\xa8&amp;&lt;\xc9.l\x1aP\xdd\t\x02E\\{\x91\xd7\xb6+\xcc\xcd0\xf4\xaa`\xeaK\x95^\xdb\xdbS\xd9\xc91uh\xe64\xa3\xcc\xf9ok_MO\x87\xbc9\xa9K\xb1\x1e\\\x03\x18\xc61\xd3\x15\'\xc4/\xda@\xfc6\xd1`\x9d\xe5\xb5\xb5\xb4\x05\x85\xdd\xd5\xe4\xfb\x02\x8e\x02\xed\xcf\x1fx\x9c\xe4\xf4\xc5d\xc3\x7f\x04r\x997\x94!\x8a\xba\x91\x8c\x91\\O\xc5_\x05x\x17\xe2D\xb1i\xdf\x11t\xe4\xbf\xd3\x15\xf7=\x8d\xc2\x92\x92\x10x\xc8\x1d\xb3_\x9a8ET\xbbG\xec\x14\xab\xb9F\xc9\xea3\xe2\x0f\xfc\x14\x1f\xe0\xb7\x86U\x93F\xf1\x06\x93\xadj\xc60\xd2M=\xd6m-\x9b\x1d0\xbf\xebO\xb0 z\xd7\x9d\xea_\xf0U\xcd.\xd3K]S^\xf8a\xf0\xff\x00Y\xd4-K}\x87S\xb9\xb4\x10\xb4\x18\xff\x00`0\xdf\x8eH\xfc\xeb\xb5\xd1|+\xf0/\xe1c\xae\xa9\xf0\xe3\xc2V\x1a$\xd1\x1c2\xb6\x9d\x1c\xc8q\xdbk\x8e\x9e\xde\xf5w\\\xfd\xab\xbc]wv\x92^j\xde\x1a/\x02\xed\xb7?\xf0\x8d[\xa9\xe0\xf09\x8c\xfac\xd2\xbdJq\xc2(h\x99\xf4\x18G\x86\xe4\\\xf3\\\xcf{\xdfO\xc0\xe4&gt;\x15\xff\x00\xc1]\xf4\x0f\x16j\xd0\xd8\xfcc\xb7\xd0LWM\x84\xd5\xb4\x05X%\xb5$\x80\x0b\xc7\xb8\x89\x17\xe9\x83\x81\xde\xbd\xcfE\xfd\xact\x9f\x14j\x93h\x90kV\x97\xd6h\x9b\xad\xaf\xa0r|\xc5#\xe58\xf5\xc1\xef\xd2\xbc\x0b\xe3\'\x8a\xbc#\xfbEhg\xc3?\x17|\x03\xe1;\xe8\x8e\xd5K\xf8\xb4Xa\xb8\x84\x0e\xe9$`2\x9e\xd5\xe7?\r\xfe\x0e\xfc&gt;\xf8\'\xe2\xa9.~\x15k\x9a\x94\x96w\x08\xa2\xe2\xd6\xf2\xed\xa4P\xfc|\xcaX\x92\x07\xb5c\x88\xa3\x85\x92\xf7/~\xdd\x0f30\xaf*5\xad\t)E\xf6g\xd5~9\xf1"_\xdd.\xfb\x82]\x94\xf3\x8e=\xab\xe9\x1f\xf8\'o\xec]\xa2\xfe\xd4\x9e\x18\xd4\xfcc\xae\xf8\xebZ\xd0\xa5\xd0\xef\x92\xde/\xec\xe5FK\xc8\xe4\x04\xb2\xb8~8\xd9\xd8g\x9e\xdd\xfe.\x83XK\xb6\xb4\xf9\xd9\xdc\x0c\x91\xeaOo\xa5~\xc9\x7f\xc10\xfe\x17K\xf0\xe3\xf6W\xd2/5\x0b\x0f&amp;\xf3]\x91\xef\xe6\xde\xbb_cp\x8a\xc3\xb1\x1f?\xe7^\xc7\x0f`aR\xa3\xf6\x91\xbaK\xa9\xf0&lt;O\x99\xd4\xa3\x87\x8f\xb1\x9bRou\xd9\x1e\xd5\xf0\xcf\xe1\xc7\x85\xfe\x13x"\xc3\xc0\x1e\x0f\xb5x\xac4\xf8vE\xe6\xbe\xe7\x90\xe7,\xee\xdf\xc4\xc4\x92I\xfe\x98\x15\xbdE\x15\xf6\xe9$\xac\x8f\xce\x1bm\xdd\x85\x14QLAE\x14P\x01E\x14P\x01E\x14P\x01_)\xff\x00\xc1]\xfc=\xfd\xa5\xfb6\xd9\xeb\x82@\x1bO\xd7\xe1\n1\xcf\xef\x11\x97#\xd3\x18\xaf\xab+\xe6\x9f\xf8*\xfc~g\xec\x95t\x06x\xd7l\xdb\x8fo0\xd7.5_\x07Q\x7fu\xfeGf\\\xed\x8f\xa5\xfe(\xfeh\xfc\xa5_\x11\xc5q?\xd8\xef_\x13\t6\x96la\xcfc\xf5\xff\x00\n\xcf\xd4\'3\\\xab\xcc\xcc\xc8\xad\x86\x188$v\xe2\xb3\xbc]h\xc6Rg\xb6WU\x948W\\\xf2\xad\x90\xdf\\\xe0\xd5\t|Sr&amp;K\xab@\xac\xd1\x8f\xde\xc1\xbb\x05\xf0{{\xd7\xe6p\x92\xa9\x05}\xcf\xd9TV\x1f^\x83&lt;M\xa2^jLUB\x81\'#s\x11\xb6\xbc\xe3\xc7_\r\xb5\xd9c\xfbM\x9d\xb9.\x0e\xe7\x0b0\xe2\xbb\xcb\xdf\x88z.\xaf\x1c\xd1\xd8K\xbaf\x90\xa9IF\xc2=F\x0fj\xe4\xbcW\xad]\xcb\x00k;\x90\x9b\x98\x80&lt;\xce\x1b\x1e\x94\xe3B\xbd\xfd\xd4v\xacn\t\xd3\xf7\x99\xc3Ae\xaf\xda^\x1b;\xbbG\x07i;\xf1\x9ekwH\x82\xea\x0b\x80\xd3\xc0F\xe5\xf9Tv5kE\xd7\\\xc7\xe5\xcf\x00`\xad\x95\x91\xdc~?Z\xad\xaax\xb2\xda\xcaf\x96,3\x8e\x00^\xd5\xd3F\x95V\xaf3\xc1\xc5U\xa5\'h6\xcfY\xf8\'io\xaf|J\xd0t\x8b\xd5\xf3|\xfdZ\xd61jG\xfa\xd0eA\x83\xed\xcd\x7fB\x1e\x1a\xd1\xad\xfc;\xe1\xeb\x1d\x02\xd4\x01\x15\x8d\xa4V\xf1\x81\xd3\x08\x81G\xf2\xaf\xe7\xab\xf6!\xb0\x9a\xfb\xe3\xaf\x87u\xbdE\xa4yg\xf1\x1d\x91\x01\x9c\x95DYW\x00\x0e\x83\xad\x7fD+\xd3\xf1?\xce\xbe\xbb \x92\x96\x1aMw\xfd\x0f\x83\xe2U8\xe2)\xc6_\xca-\x14Q^\xf1\xf3aE\x14P\x01E\x14P\x01E\x14P\x01E\x15\x85\xe3o\x89\xff\x00\x0e\xfe\x1bX&gt;\xa7\xe3\xff\x00\x1ciZ4\x11\xc4ei5;\xf8\xe1\xf9\x07V\x01\x88$q\xd8P\x06\xed|\xcb\xff\x00\x05\\\xd7\xf4\xcd3\xf6_\x97K\xb9\xbc\x81nouXE\xbd\xbc\x84n\x90\x05p\xcc\xa0\xff\x00wz\xf3\xdb9\xedR\xcd\xff\x00\x05[\xfd\x905\xfbo\x10I\xf0\x8b\xe2\x02\xf8\xcd|;\x007\xda\x8e\x83\x13I\xa6\xa4\xe4\x85\x16\xe6\xf3\x1eX\x97$\x0f,\x12\xfc\x8e9\x15\xf9\xf3\xf1\xdf\xf6\x8b\xf8\xa7\xfbI_\\\xf8\xff\x00\xe2\x0e\xae\xc6\x0b\xcb\xd9\x9bF\xd3bM\xb1\xda\xd9\x87+\x12\xe3\x93\x92\x83q\xfe\xe9v\x19\xe4\xb1\xe2\xcd\xa7&lt;&amp;Y*\xf3\x8b\xe5w\x8a~v\xdb\xe4\xb5=\x0c\x8e\x14\xf1\xd9\xd40\xb0\x92\xe7\x8aSk\xaa\x8d\xedv\xbb6\xac\xbeg\x91x\xa6\xd0\xfd\x84\xce\xa9\x9d\xa7\x9ek\x8f\x9bMI\xbfyq\t\x01\xbf\xbazW\xa2\x08\xa3kS\x14\xed\x92O\x00\xf4\xfdx\xacI\xf4\xcbxn\xbc\xa9\xe2R\x19\xf2\x07Q\xcf\xa6+\xf2\xa5&amp;\x9d\x97C\xf6\x978\xda\xd2Z\x1c\x06\xb9\xe0O;u\xccH%\n\xa7\xfdf7\x01\xe8\x0fZ\xf3\xdf\x16@,\xad\x9a\xd5g\x99v\x93\xb61\'\xdd\xfadq^\xfb\xa8h\x8dg\x11\x91Fb \xe45y\x7f\xc4]\x16\xday\xe4\xfb$![\xd3\x8c}k\xae\x9e"\xacm\xa9\xe6\xe2)a\xe5\xacQ\xe5+q{h\x1a8[\xcaQ\x9eK\xe5\x8f\xd4\xd5\xbf\n\xe8z\x97\x88\xef\xc2I\x1b\x84W\xcb\x0c}\xef\xc6\xb4\xed|)q\xa8\xdc\x08\xe4O\x90\xb6\t\xc7z\xf5_\x87~\x04\x87N\x8d\x1c\xc0\x03\xb1\xeaG\x1f\x95:\xd8\xb9=\x0c\xb0\xd8x\xbbY\x1d\xaf\xec\xd5&amp;\x9d\xe0O\x1d\xe8\x9e%\xd6\x16H\xedt\xeb\xe8\xae.\x1a(ZV\x08\x99n\x15T\xb3\x1e\x0e\x00\x04\x9e\xdc\xe2\xbfu\xfe\x10|f\xf8u\xf1\xcf\xc1\x96~;\xf8i\xe285\x1d&gt;\xfa\xd9.!x\xddI\xf2\xdce[\x82A\x04t`J\x9cpM~\x1f\xe8\xba|Z\x13\xae\xa2\xa8\xa5\x91\xb2\x0f|\xd7\xb7\x7f\xc19\x7fio\x10|%\xf8\xf3\xe2\x0f\x82\x96\x9a\xacP\xe9\xaf\xab\xda\xdf\xe8\x08Tm\xb1\x17\xe8A\x8b\x19\x19\xb6{\x98g\xca\xe3\xe52+.0w}\xb7\x04\xc6Y\x9b\xa9\x83\xa7\xfcD\x9c\xd2\xee\x92\xbb^\xb6\xbb]\xec\xd1\xf9\xff\x00\x89\x18\xca\x19%:8\xfcF\x94\xb9\xa3NO\xf9\\\xdd\xa2\xdf\x973\xe5}\xae\x99\xfa\xf9Ex6\xbf\xff\x00\x05\x05\xf8/\xf0\xbf\xc7\xfa/\xc3/\x8f\xed?\x82\xb5\x1f\x10\xb1\x8bC\xbe\xd4\xf0\xda}\xfc\xcb\x8d\xd1G:\xf0\xae\t_\x95\xc2\xb7\xcc\xbcr+\xda4\x1f\x17\xf8W\xc5\x11y\xde\x1a\xf1-\x86\xa0\x98\xc9k+\xc4\x94\x01\xff\x00\x01&amp;\xbe\x81\xa6\x8f\x9cM5\xa1\xa3E\x19\x06\x8a\x06\x14QE\x00\x15\x9b\xe3\x0f\x13Zx7\xc2\xba\x8f\x8a\xef\xa0\x92Xt\xeb9.$\x8e\x1cn`\x8aX\x81\x9e3\xc5\x14P\x07\xe1\xa7\xfc\x14#\xfe\x0ey\xf8\xf3\xad\xebZ\xe7\xc2\x8f\xd9\x07\xc01\xf8*\xd6\xca\xe6M&gt;\xe3\xc4\xda\xc9K\x9dG\xcdS\xb5\xda\x18\xd71\xc7\x86\xe5\\\x96\xe3 \xa5~Y|\\\xf8\xd7\xf1\x8b\xf6\x9f\xf8\x93m\xad|z\xf8\xa1\xad\xf8\xb3R\xbb\xbfA%\xd6\xb9|\xd3,{\xd9s\xe5\xc7\x9d\x91\xf5\xce\x11Tg\xb0\xa2\x8a\xf5p\xd4\xe1\xcb{\x18M\xb3\xf7[\xc6\x1f\x04&lt;\x15\xf0\x0f\xf6 \xd1~\x1a\xf8/I\xb7\xb5\xb4\xd2\xda\xd2\xd4\x1bx\x82y\xc67\x87\xcd\x95\x80\xc0/$\x8c\xd21\xeaI\xeb\xc0\xaf\x9d\xbc\x15\xa8\xdcj\x9f\r\xe1[\xa2&lt;\xcd&gt;\xe6kP\xc3\xa1T\x95\x94\x11\xf8\x01\xf9QEp\xf1\x84W\xfa\x83\x87\x7f\xf5\x13?\xfd"\'\x1f\x02\xceK\xc5\x8cbOO\xa9\xd2\xff\x00\xd3\xb5KS[\xc4\x91,\x85x^\xa0w\xefY\x1e\'c\x1cq\xc9\x12\x8f\x99\x81!\x86h\xa2\xbf\x15k\xde?\xa1\xaa|$WREs\xa4y\x7f2\xb1&lt;\x91\x8cW\x9d\xeb\xfaZK;9\x90\x96\xef\x9e\x94QZ\xc7c\x8e\xa1KA\xd1\xe1]J5l\x10I zW\xa4ik\x14PF\x91D\t\x05X\x17\xf5\xe2\x8a+\x9e\xa7\xc6ta\xf6\x1d\xe3]@\xda\xf8e\xaeQ8\'j\x8fA\x9a\xe8&gt;\r|?\x88|k\xd0\xbcUo$q\xea\xbe"m/J\x8a\xedr&lt;\x98b\x9d\xddI\xf72JI\xeb\xc2/\xbd\x14W\xed~\x08P\xa3S\x8b\')F\xee4j5\xe4\xec\x95\xff\x00\x13\xf9\xcf\xe9?\x8a\xc4Q\xe0:T\xa1&amp;\xa3R\xbd\x15%\xdd^\xf6\xef\xbaL\xf7_\xf89\x9b\xc1\xda^\xaf\xfb\x04\xe9\x9a\xf33\xad\xd6\x93\xe3\xcbO*\\\xf2\xca\xd6\x97\x85\x94\xfb\x13\x1a\x1f\xf8\x08\xaf\xc5\x0f\x85\xff\x00\xb4\x0f\xc7?\x84\x8a/\xfc\x01\xf1o\xc4z\x11\x0c\x08m\x13[\x9e\xdf$\x0f\xe2E`\x8f\xf4`E\x14WTuN\xe7\xa1M\xbfe\x0fE\xf9\x9fe~\xc9\x9f\xf0rO\xed\xcf\xfb1x\xf2\xc7D\xf8\xfd\xaeG\xf13\xc1\xd2M\x12]\xc7}\nC\xa9@\x85\xb6\x9f)\xd0,m\x80r\x14\x85\xc9\x1c\xb0\xaf\xe8#\xf6m\xf8\xff\x00\xa1~\xd2\x9f\x0b4\xff\x00\x8a^\x1e\xd0\xae\xf4\xeb{\xf8\x95\xc5\xad\xeb#:eCc*px"\x8a+\x9e\xbcc\x1bX\xe9\xa6\xdb\x8e\xa7}E\x14V\x06\x87\xff\xd9'</t>
        </is>
      </c>
      <c r="M564" s="3" t="n">
        <v>45492.67847222222</v>
      </c>
    </row>
    <row r="565">
      <c r="A565" t="n">
        <v>1633843</v>
      </c>
      <c r="B565" t="n">
        <v>200655</v>
      </c>
      <c r="C565" t="inlineStr">
        <is>
          <t>Arthur Viana</t>
        </is>
      </c>
      <c r="D565" t="inlineStr">
        <is>
          <t>Arthur Viana</t>
        </is>
      </c>
      <c r="E565" t="inlineStr">
        <is>
          <t>CA</t>
        </is>
      </c>
      <c r="F565" t="inlineStr">
        <is>
          <t>ATA</t>
        </is>
      </c>
      <c r="G565" t="inlineStr">
        <is>
          <t>CA</t>
        </is>
      </c>
      <c r="H565" t="inlineStr"/>
      <c r="I565" t="n">
        <v>68</v>
      </c>
      <c r="J565" s="2" t="n">
        <v>38088</v>
      </c>
      <c r="K565" t="inlineStr"/>
      <c r="L56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6e58342-75f9-4060-9cc8-e641ef4b2a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4/\xe17\x00\x00\x00\tpHYs\x00\x00\x0e\xc4\x00\x00\x0e\xc4\x01\x95+\x0e\x1b\x00\x00\x03\x00PLTE\xff\xff\xff\xfc\xfd\xfc,%\x15\xfe\xb8\xac \x1a\x0b\x00?\xe8\x00?\xed\xfe\xff\xfe&amp;\x1e\x0f\x00;\xe6\xfe\xbb\xb2\x006\xdd\x00)\xcd\x008\xe2\xfe\xb4\xa6\x00@\xe3\x1a\x15\x08\xe7\xad\x9f\xfd\xc3\xbc\x00-\xd2\xfe\xbf\xb72*\x1a\xec\xb3\xa7\xe9\xb1\xa4\x03=\xde\xe5\xaa\x9b\xf9\xad\x9b\xf2\xbd\xb3\x10\x0b\x02\xef\xbb\xb1\x001\xd9\xdd\xb5\xae\n\x07\x01\xea\xb6\xab\xf5\xb6\xae\xea\xb9\xaf\x14\x10\x05\xe3\xa5\x96\x00&amp;\xc8\xf5\xbf\xb6\xdb\xa9\x9b\xf7\xfa\xf8\xfe\xc6\xc0\xb1\x80p\xdf\xad\xa0\xe3\xb1\xa5\xea\xc5\xbe\xec\xcd\xc6\xe0\xb9\xb2\xfc\xb1\xa17/\x1e\xd8\xa4\x97\x00G\xef\xe6\xb4\xa9\xd9\x97\x82\xf8\xba\xb2\x00M\xfd\x01E\xe8\xeb\xbf\xb7\xcd\x9d\x92\x04\x03\x00\xde\xa0\x8b\xfe\xce\xca\xf1\xa5\x92\xbc\x85u\xe0\x9e\x92&lt;*\x1a\xc8\x95\x87\xd5\xa0\x923$\x14\xf2\xf4\xf0\xfe\xd6\xd4\xc3\x8c|\xf0\xb7\xac\xabzh\xf0\xf7\xf9\x00"\xc3,!\x11\xb9\x8d}\xe1\xee\xf7\xca\x99\x8d\xdd\x9b\x85\xb5~e\xe3\xbf\xb8H=/\xafv[\xfe\xca\xc5\xc9\x81k\xf6\xaa\x96\xef\xd6\xd0\xf2\xb2\xa8\xc0\x91\x83\xea\x9c\x8b\x014\xd4\x81]J\xdc\x97\x8c\xec\xeb\xe6&gt;0 \xc9\x90\x81\xd3\x9b\x8c\xe9\xf3\xfa\xcf\x8ez\xd6\x93~\xc1~e\xf2\xae\xa2\xd0\x94\x84\x00G\xf8OB5\xe2\xa4\x90\x03&lt;\xd8&amp;\x12\x06YG;\xa3ra\xe1\x91\x7f\xea\xa8\x9c\xf9\xc1\xba\xdb\xb1\xa8E5%\x00A\xf4\xb2\x87x\xc7\x88s\xcf\xa3\x99\xec\xac\xa1B8)=4%\xef\xa9\x9dE$\x14\xf6\xb1\xa6\xe6\x97\x84\x00\x1a\xad\xd1\x86q\xd8\xae\xa4X?.\xeb\xa4\x95\x00P\xf1\x00 \xbe\xaalS\xef\xa0\x8e\xde\xa4\x96;\x1d\x0emL:\x00\x12\xa2\xbcw_\x85bT\x9atj\xd4\xa9\x9fO:*/\x19\x0bY2\x1f\x1d\r\x03\x9fnY\xda\xe9\xf6\xd5\x8fycJ;\xfd\xb0\xb9\xc1\x95\x8a\xf2\xa8\x98\xa5~n\xe9\xf4\xf4nQDQ+\x18\xca\x97s\xc3\xd7\xf2\x97kZxTA\x9fbLL2!vXM\xa3\x82d\x00\x1d\xb8\x041\xcb\x00"\xb3d8$|G2\x00V\xfd\xfa\xb5\xaa\x8fdP\x9dzZo?*aC3\x1bL\xe4\xf4\xc3\xbb\x8fpO\xb4\xcf\xf2\x92]F\xf6\xc7\xbf\xd0\xe2\xf4\x00c\xfd\x87N9\x90\xb2\xed\xbd\xc1\xb5\xb4nW\xde\x87{`aRRS@\x03.\xbd\xd2\xd7\xcd\xee\xe3\xdb=?-\x97uSi\x93\xe6&amp;X\xe2\x7f\xa4\xec`OD\xed\x8a\x8b\x8fS&gt;\xc9\xc9\xc1\xc7xhS\x85\xe8\xe4\xe5\xde\xe5\xd7\xd0\x8ei\\\x04M\xeaCt\xe8ioZ\\}\xd9\x00\x0c\x91\xc5\xb5\xa1\xa6\xac\x9e\x06H\xdc!\x1e\x184Z\xd45c\xe4\xf8\xa4\xab\xdb\xd2\xc3\x97\x9a\x89\xc1\x94qMj\xd2\xa2\xc1\xf1\xae\xb6\xa8\xda\xde\xd8\xf5\x99\x9c\x83\x87vuzh\xa0\xa7\x98\xb6\xbb\xd0 H\xd3\xab\x93~\xba\xaa\x91t\x86\xc9\x135\xab\x7f\x9a\xda=Fx\xbd\xa0\x85\xa1\x88t9&lt;T`k\xa8\x04\ry~gk\tv\xfb\xb8\xc8\xe9\x96\xab\xd55U\xb8\x9e\xa2\xc7c]\x85\x17\x17-\x8e\xa9\xfc\xf3\x00\x00 \x00IDATx\xda\xbc\x98\xdfk\x1b\xd9\x15\xc7\xad\xc9\xc0\x0c~0C\xc8\xa4\xd4LA\x94\x81\xa2,\xb4\xd5-u\xa1(\x16\x0c\\%-\xdcR\x97Id\x16\xb1\xf5\xec\xd2(0AZm;l\x97\x99U\x84\xaa\x80]\tu\xab\x1f\xc5\xa6\xa6\x114R^$\x12d\x16\xbc`\xa4H\xb8z\x11\xb6\xf1\x8b\x1eD^\xfc`c\xfb\xaf\xe8\xf7\xcaN\xfa\xde\xc8&gt;\xb6G\xa3\xb1\xec\xf9\xe8\xfb=\xe7\xdcs53\xf3\x7f\x87\xe4C\xe0aF\xc2\x99\xe4\x0bD\x028\x04|\x01\x9f\x84\xc0\xd9\xbbSi\xe6Z\xc37\xc1\x92|R`ee\xe5p\xb7s\xdeYY\xd9\xeft:\xbb\'+\x81\xc0;\xb2\x0b\xf4\xeb\xc6\xc2\xcdO:G\xa7gg\xa3\xfe`0:\xdf=\xef\x0f\xec\xd1\xe8t\xdc\x89@\xa4\xf7\\x\xdd5\xe0\x80eb!\x1e\xa5\xc8\xb87P\x05A\xb5\x88\xa2\x08\x83Q\xcf#.\x19\x98v\xaf\x13\x98\xf8\xe7\xbb\xf8\xbe\x0e\xae\xffa\xf9\x02\x87\xe7}\xc2DQP\x89\xa9*\xba"\x08\xb2,\x8a\xa2\xec\xb9\xbd\xa3\xdd\xc0EV\xbd\xc3\xbbJ\xa4\xf7\xff\x1dH\xc8\'HEDA\x16U\xa2\x9a\xa6\xec\xd7DQ\xd1\xfd\x9a"\n\x9e\x9b\x1c\x1dG|\x13I/_/]\xa9R\x97t+\xfb\xe3\xb3\xfe@\xd0DE\x11\x99*\x10\xd5\xb3U-\xa4\xe9\x8a\x8e\x80\xa9\x84\x90\xe1\xb8\xb3\xbb\x12\t\xf8\xae\xbc\x14\xdf\xdf\xc1wx\xda\x17TUQ4]\xf3\xfb\xdf\x9a\xa6\xed\xa9\xa6+\xea"\xb8B~E\x91\x11\x02\xae\xf4G\xa7\xe70\xf3\x8a\xb1\xde\x19\x12\xe8\x9c\xb9n\xdf\x1e\x00\xcb\xcf\xb9\xc80\xe9\t\xc43]U\xc6\x15\x84\xce\x9d\xd5E\x91\xa8\xaa\xdb;\x8e\\G\xeb\x92\xa4\xc0q\x9fx\xc9&gt;Q\x91I\x1a\xf4\xd1\x04\xd3E\xae\x13Oe\x8a(\xfb\xfd\xa1\x90\x9f_F\x8aq7\xad\xe1\xf95p\xf1N\xd5#\xc4\x1e\x9a\xae\'\x08\xa2?\x84\xf4R\xd1"t\x99\x88\xa0\xf1\xeb:\xd4\xd28.\xea\xd3\xf3\x08\x93\xad^\'r\xe5-5\xb2{r\xee%\xed\x92\t\xcb\x10\x9a.+Uh\xe2!\x97\x14?d\xe2\x1e\xa2\x18\x19RO\x96\x19\x13\x88 \xb8\xfd\xf7\xddb\xca\x12]\xac \xf0\xefd\xdc\x1b\rT\xc7\xa0\xaaKD\x86&gt;e\xb9LF\xddy\x9e\xa0\x88:hD\x11\xa5\xf8\xd6\xb4\x1d\xcbs\x89\xae\x8b\x8c0F\xcc\xde\xf1Up]\xac\xb7\xe8U\x9d\xfe\xa0\xdf\x97E&amp;\xa3\xda\x08\xef\xee\xa6m\x19h\xf1\x94Y&amp;S\xe1\xaa\xca\xdb\xa9:\xb4\x05Ea6\x8e\xba\x8c\x04#\x9e\r\xae+h\xf5\xc0\x02\xd4\xeeQ_\x80Y\xb81$\x91\x81\xe1\x9a\xb6\xe98\x96aQ\xd92\x89k\x12\x8av\x8a,C\x05\x88\xc4D+\x135\x81\x89\xc4s\xddd\xef\xf8$2u.4i_\x04\x05\xa8\n\x8a\xcct$\x14CgrJv29\xb4-j\xdb\x1e\xaa\xd0\x1c\x02YP\xfc\x9a\xcc\x1b\xac\x99L\xba\x96*\xebLT\x08~OH\x7ftt\xe2\x9b\xba\x89\xbe\xc3\xf1\x00\x86@#\x14\x9c_F&gt;\x8b6\xba\x95\x9d4m{h\xbb\xaa(\xdb6\x0c\x94E\x14\xa3\x02hFm\x8bqK\x19*\xd2ueE5\xfb\xe3\x15i\xda)\xbf{6\x10\xf9m)C\xbe(0\x86\xc8\xaa\xab*n\xc9\x1c\xbe\xb4\x19\xc5zm\xda\xb2\xca\xbb\x98\x8e*\xc4o\xd1QQ\x88x\xa9\xa0c\x89\x84\xf3\xae\xd9?]\x99j\xe2K\x81\xfd\x1eJ\x8d\x17\x16\xc3\xa4\x80rc\x96E9\x1ee\xd4\xd9(\x19\x86A\xa9\x99\xb4L9\x91P\xaa\x86)\x18I\x9br\xa3\xb1d*hij\xd2\x92\x19R\xcf&lt;\x9e\xeaJ\xe4\x8b\x9c\xaa\xaa\x88\x1e)\xaa\x86,B\x05F)\xa1\x9a_\xab&amp;\xb4Dzkc#\xd70\x8cR\xb2Tj\x18\x8c\xc8\t\xdb4\xac\xa4\xc9_\xa5\xa08\xd04\x04\x1b]\x0e\x05BF\x87SL{_\xe0\xa4\x87\x14W4\r\x93\x14\x13)ur\x165h5\xe4\xf7W\xb5D&gt;\xdd\x00\x0e\xa5%\x88f\xe5r%\x9ap_\x0e]f\xa8|\xf9!\xb0R\x16\xa9\xeb\x11^\xb6\x84\x9cOO.)px\x04\'\xd0\xab\x14\x0cV\xb8\x0fn\xeePj \xbb\xb5D\xb5ZM\x94\xcb\x89D5\xdfh\xe0A\xb5J\x06\xb5\x92/\x87\x06D\x15\x15\xc3\xa1*e2\xd9\xb0d\x87\xa8\x8e+\xf4O\xa6&amp;\x17\xd6\xe6\x81\x8c\xb4\xc2\xf8IT\x85\x89\x16:\x83\x83R\x94\xcb\x89*Hp\xc8\xe7\xcb\xe5t\x03\x92\xa1\xeedj0+\x99,qU\x99U\xa2\x94&amp;\x98Q\xb2\x87I\xd5\xb0\x1c\x87\x8c\xa7&amp;\x97/p\x84lG_W\xaa\x04\xa3K\x15Yd;\x06\x98\xf2\xe9t\x9a#\xa5\xd3\xb5|\xbeV\xab\xe4\xcb\x94\x96\xab\t&amp;\xd3\x06\x1c\xb5\x1a\xc88\xcb(\x03\x93\x1a&amp;\xfe\x04o\xc7T{\x87\xd2\xf4\x12^\xe1\x0b0\xca\x8e\x19T\xd7h\xae\x9439V9\xddlU\xd28\xf0c\xa5R\xa9\xa5\xd3\xb2\xae\xa3\x0e\xc0\x9bo\xe4\n\xcf\xb7r\xc87\x07\x8a\x95\r\xd7\xb5\x1c\xd3\xf1\xa8\xd9\x99\x9a\x8b\x913\xac)\xc8o\xd5KPG\xd7\xcai\xcb\xe0T\x89|s\xa7[l\xd5\xda\xadv\x05Z5\x9bm\x88\xa6i\x13\xacZek\xab\xb0\xf5\xa2PH\x97r9\xb7\\.c\xdapL\xaa2o\x1c\x98V\x8b\x8f\x8c\xc0\x14\xd2\xfco]f\x12M\xa3\xc0*\x97q\xfb\xdaN7\xbb\x10\xdd\xa9\xd4\xa0T\xa5\xb9S\xdf\xdei\xa7y\x05\xe4\xd3\x95f\x9b_\xd9i\xb7+\xcf\x9f\x17\x92i4\x0e\xa6\x08.\x1f\x7f\xce\x0e\xa7\xd3R%iw\x10B`\xfb \xb3\x86!\'\xca\xb4\x9cG\xa6\xeb\xb5\xbd\xe2\x9b\xd4R&amp;\xdb\xdd\xdb\xd9\xa9\xd7W\xa3\xd9\xe8A}\xa7\x92\xae\xa5k\xcd\x16\x88\x80\xd6j\xbd\xa8\xe4\n\x85B\xb3Y\x99l\xd4\x04Q\x11\xcd\xce\xb4\xb0\xc6o5x\x88v\xaa3\xb8\xd3\x84cH\xf3J\xab\x1eOe2\xb1g\xb1L*\x9bZ\x8bex&lt;\xca\xc6\xeb{\xf5z\xb7[\\\xad\xef\xc0\xd5v\x1b\xf9\x06\xba\x9dv\r\xeb\x13\x1f\xf1\x15\xefh\x1a.\xf2O&gt;\xce\x89"*\x18ht\x1d4\xb8U\xb3\xd2lm\xaf\x1eDS\xb1Xxs~~~yy\xf9\xe2\xb0\xbc\x1c\x8ee\x1e\xadg\xb3\xd9T*Z\xdfkC\xafv9\xdf\xda\xdb[\xddn\x97,K\x10Q\xc8\xde\xd9\xc9\x14\xe4\xe2\x1f~t\x06\x98\xefltPfTZpl\xaf\xb5\xb7\x1a}\x93Y\x0b\x87\xc3\xf3\xef#\x18\x0c\xce\xcd\xcd\x05\xe7\x977\xc3\xb1\xd8Zx-\xb6\x0ew[\xadf\xbeV/\xaev\xbb\xdb\x05\x83z\xaa\xe01\xa1\xb7\xfb\xe1X|_&lt;\xb3\xdf7=\xcfL:\x8e\xd1h\xedm\xafvWW\x8b\xb0-\x0c,\x08\x04\x9d\xf0\x05\xa4\x1b\xa0\xc2\x01xA\xae\xdd|x-uP\xc7\x9b\x80\xae\xc5n\xfc\xc1\x8b\x9c*\xbb\x18\xa4\xedQG\x9a\xc6H\xe3\x93\xf6\xfb\xb6m\x9a\xc9a\x926\xf6\xea\xdd\x83h4\x9b\x8a\xadmn^\x80]\xc4D\xab\x1b7foL\xe0\xb8h\x100\x9c\xc9\x16\x8b\xd1h\xf4 \xda-\xfe\xf9ua\xab\xe4\xd8\xaa`\x9f\x8d\x03\xbe\x0f\xa6\x8a`o\xb0\xdfg\xc4U\x19Z|\xa5\xde\x8df\xdf\xa421\xe0\x84\xd7\xb8\x8b\xcb\x97\x06\x06\xe7\x82s\x17\x8a\x059\x15\xcf8|\xaf\xa5\xa2\xd1\xf5l1\x1e-\xc6?\xffdk#i\n\x827\x1a\x7f\xf8\xfe\x0cX3+X\xa81\xcci\xba\x9ehu\xe3q\xa432\x1dTH.\xb87\xe1yu\x83\xcbty\x98\xe3\xd7\xa0\x17g\x0eg\xded\xa3\xc5\x03\xfc\xfc\xe3u\xc1\xb1\t\xf6n\xfd\xf3il\x1b%\xa93\xd0\xfd\no\x11\xfet=\x8ew\xcf\xc5\xdaDN\xaf\xa1\x0c\x83\x93\x84\x9a\x9d\x9d\xbd\xc4\xe21\xcb\x83\xfb8)\xce\xb5L*\x05\xb6l\xf1E\x8e\xf2\xa1[TG\'S\xc1\xda\x1f`I\xc4\xea\x13\xd2\xda\xab\xc5\xe8:\xb0\xe0\xde\xb3\xb5\xf0\xd7\x8f\x9f&gt;\rr\x96\xd9\x9b\xb78\xd7%\xd0,\x9e\xde\xc2\xd3W\xc1 \xc7\x9ax\x1d\xcb,e\xb7-\x8c\x17\xd8\x9f\x88\x83\xa9,\x8b\xd2\xbfF\xfcS+-\x14J\xecu\xe3\xd1\xec\xfa\xc2\x12\xef\x00\xe1M\x8e\xf5\xf4\xd5\xec-\x04\xe7\x9a\x9d\x9c\xe1\xfc\xce\xcd\t\xe6|\xf0\xd5\x85bp\xf3\xd9\x93\xa5\x85_7\xd0\xe7el\xd8\x84\xa9\xcc\x82\x92\xef\xf8-\x87\n\x85\xd2\xf5b&lt;\x1e]\x7f\xb4p\xf7\xee\xc2\xa3\xdf\xff\xf5\xfb\xdf\xbb\xfd\xf1\xaf~\xf8\xa3?&gt;\xe41\x0b4\x10\xdd\xb9y\xeb\xce"\x9e\xde\x99\xfd\xc5\xe3\xc7\x1f?~\xccs\x7f\xf3\xd9\x17\xc0Z\xfaC\x81\xf2\x8f\xe54]&lt;\x8dHSZ\x139\x96\xbf\xb9Z\x8c\x17\xe3\xd9\xf5O?\xfa\xfc\x93\xbf}\xf3\xd1\x97_\xfe\xf6\xef?\xff\xc1\xb7\xdf-\xdeC,.\xde\xe3t\x8b\x0f\x17\x17\'?\xdf}\xfb\xcb\xdb\xb7\xbf\xf8z\x93\xb76P=\xb9\xbb\xb0\xf4o\x07{\x12\x1d\x1b\xb6\xe9\xcc\\R\xa4\xc7\xb5\n)\xad\x07\x0f\xa0\xd6\xef^\x170pm&lt;G\xbc\xfc\xe67\xff\xfc\xeaO\xdf&gt;\xe4\\\xf7\xfe\xc3\xe1\xee]\xc6O~\xfc\xd3\xbf|\xf5\xb3\xcf\xee\xdf\xbf\xff\xe9Rx\xf3\xc9\x7fY5\xbf\x9f\xb4\xd24\x8e\xd7\xd2\x84\x86\x0b#\x84\x1erD\xa3`\t\x8a`\x07\t\x90\xd4\xa2\x9c\x91v\xc1D\x02X\xc4\xe0\t\xc7B\x80CJ\x82@\x8d\x88\xc3@\xac\'\x11\xc7\x08v\xbaDS\x8c%\xfe\x9a\x8bN\xa8k46i\xa2\x9d\x8c\xe3\x85\xb6\xa65\xd9d\'&amp;3\xeb\xc5\xba\xb3I\xf7bv\x9b\xf4r\x9f\x17&amp;\xfb\x17\x9csa\x021\xe1\x93\xef\xfb\x9c\xe7}&gt;\xef9\x06\x83=\xa0\xf3.\x81\x9e\xd4\xddi\xbe\xf9\xc3{V\xd2\x1ay\xd3\x8c\xc2\xba\xbe\x07X.\x0f\x0c[c\x0f\x1eF\xa6\x97`\xe0\xec\x1f\x8bl\xfewA,\x88+\x14\xdd\xffG\x1a\xbc5\xb0\xf0l9\xb7\x99\xcb\xe76\xe7V\xd6\xd6F\xfd\x0cZ\xf5@h\xf3\xea\xd5k7\xef47\xfc\xc0\xce\x84ZM\xab\xf9\xeeK\xc0zy\xf7\xdb\xbb\x1b\x1bO"\xc04v\x7f\xf2n\xff\xe4\xf1f\xde\xa6\x95J\x85\x83\nX;\xb4\x8e;\xda\t\xdbx.\xb2\xbd\xb4r||&lt;\xb7\xb9\xf4`l\xa9\xcf`\x07\xacR\xae\xf3\x06\x8bX5\xd51\xb0\xf9\xcb]\xe7\xbcs\xe3\xdbo6`\x82\xf2x6a$^:^\x9a\xde^Y9\xb3\x890\xb9@ \x80JW\x08\xe2\xdag\xe3\xc3\xf9\x95\xed\xed\xe9\xed\xa5\xe3\x95\xdc\xf2r.r\x7f\xcc\xe3\xb7\xeb\x16K\xbb\xf7o\\\x07\xac\x9b\x7f\x1da\x07\xeb7T\xf1\rcGN\xc7\xde7O\xd7\n\xc6a\xdbDoo\x97\xcd\xda\x9e?\x9b\x9b\x9e\x8e\xac\x9c\r\xb7Z\xe4\xf18\x82\x8a7.\xd8\xac\xf9\xdc\xd9\xe6\xdcZ\xee,\x97\xcb/\xe7\xf3\x9e\'\x1b\xfd+\xfe@\xa9t4\xd9\xd9_\xd7|\xe7\x9c\x1d\xb7\xe6\xde\xfb\'`5\xd4=\xd8u:\xd7^\xacZm]\x9a\xc7Zm\xcb\xed\x8e\x8e/\x1e\xd9\xc6G\xd7\xd6\xd6&lt;\x05\x1ff\x11\xc7\x05\x82\xb8\\,i\xb5\xb5\x8f\xae\xc2m\xda\xdbe\xd2L,L\x0c[\xdb=\xdb\x1b_\xae\xda\x03\xa5\xa3\x87_]\xbd~\xad\xe1\xa7\x1fY\xb1\x0c\xf0\xc4:\x845v\xe4p\xbe\x1d5\x0f{C&amp;\xe8Y\x92F\xe0\xba\xdd\xa2\xd4x\x9d\xeb\x85\xbe\x10NC\x07\x93\xcb\xc5\x18\xdf\xd7\xeb5{\xbb\x16\x1e\xdd\xde\xd9y\xf5\xaac\xa7E\xa5\xb2\x9d\xcd\xcd\xbd\x84\xb8v#\xe8\xe0\xab\xee\xcd{V\x0e\x94\xb85\xef\xce\x01\xeb\xfa\x13\xc0*\xf4y\x13\x89\x90\x8e"\x88Y\xa5J\xdb\xa2\xd5\xaa\x94\xad&gt;s\xbb1D\xc4\xdc\xf2\xf8\x8e\xd8"\x9a\r\xf9C!\xd3\xe3\xa6\x81\x0e\x04%o\x94HTZS{\xa1\x90\xd0\x95v\x97&amp;\xfb\xa1\xa3\xfe6\xc2\x1eV\xf3\xcd\n\x96\xd3aN\xf8\xbd^o\xc2\xd1\xd7&gt;\xfeq|\xd8j5\xfbL&gt;o\xc2O\x85\xdd\xaf\x06\x15r\x0c\'|\xa1\x90\xcfd2i\x1e+U\x8f\x94J\xbeH\xa5R*5\xbd\x0ec\xa0\xb4u&lt;\t\xdb\xcf\xf9\xdfY\x12k\xee?\xa0\xcd7tN\xaf;\x9c\x0e#\xa4\xe57:\xd7W=\xdb\x93\xf7\x1f&gt;|\x93+\xcc\x9b\x81\xd4\x1f0\xd0\xb0\xf5\x08\xdd2C\xc8\xec\xf5\x1a\x8dF[\xd7\xb3g6X\xcf^\x8dR\xd9\xaa1\x85\x12\xfe\xd2Q\xe4\xe1\xd5\xeb\x9d?\xbdcI`\xa1\xe6\xeb\x1a\xae\x8dE\n\x0e\x87#\xe17\x07\x83\xce\xf5\xb5\'O"u7~\xff\xf4\xe9M~&amp;h6\x1a\xfd\x01{\x91#\x14\x96S1\xc2\x0b\xad\xddl\xcco~~s\x1c\xd9\\\xb6\x1a]:\\\xa3i\xd5\xf8K\x90V\xa4\x13\xc6\xc0{,i5\xf7\xde\xbf\xd7\xbf\xdf\xb8\x1f)8\x1d\xc1\xc4bb~\xe6\xf5\xf3\xaf\x9f\xe6?\xde\xf8\xf3\xf9\xf9\xf9\xbf\xde\x19\x1d&gt;S\xafW\x17\xcd\xd6\xf2xj\x86?\xdb\xaa\xd4$\x9c\xd6\xcf\xe7\x9f~\xfft~\x1cy\xba\x9a\xf0\x1b\xc2\xe1\xd9Y;4\x88\xa5\xc8W7:\x7ff\xcb\xf6\xb9\xef\x0b\xa7S{\xd3\xd3\x05\x07\xcc\x0fSAWpf}\xc6a\x9d\xf8\xbc\xfd\xe2\xeb\x95\xa6\x81\xa6\xdeD\xcb\xa3P\xe0\xa0\x07F\xe6z2\x86\x8b\x1b\x13\x0e\xdb\xc0\xcf\x0f\xce\xcf\xfb\x1f|\x1c\x7f\xf1\xfc{\x87.\x8c\xe3aC\tJ~il\xe3\xf8G\x96\x0e*\xa1\xe4_\xaf/\xba\xf6\xb6\x0b\x0e\x98\xb6\xa6\xfc\xbap8L\x184\x0b\x13\x13\xb6g\x0bJ&gt;_\x85+g\x03\x8b\xd1\xa1Z\x1eGM2xc\xcb,T\xf9B{&gt;\xb7:n\xb3\x99\xf7g\x9c\t\x9d\x8c\x8fW\xb0&lt;{\xf3\xa1C\xb6\xb0\xda\x9a\xe6g\x1c\t\x87\xa7\x10\x9c\n\xe8tv;\x9eL&amp;cIL$\x92H\xe0\x8fJ\xc5\x9f\xd5E\x0f\xc8z5L\xf1Y\x92\x89\xb5t4JD*I\x8bV\x02\xfd\x83/#a\xd82\xe02\x84\xb5\x96\x88\x92\xfe\x01\xb6\x8e\x03\xdb\x06\xa6\\\xfbN\xe3\x96\xd3\x05\x95m\x08\xc7h\xb7[*ucn\xb7\xc5\x82YDa\xb2\x08\xf3:`!\xeb\xe9\x01\'*\xf21`\xe2\xf3E"\xcc\x82\xd14\x9d\xa6c2\\$\x83\xda\x1a\x95\xe1\xf6\x99&amp;\xd6\x8e\xbf\x07\x0e\\\xfb3\xa3[\xce\xe0b\x80\x921\xb4[/uK-\x16\x8bX,\xc6\x92LQ]\x9f\xcd\x1c\x1cd\x11V=\xc2\xaaW\x17\x93\x98\x04\xc3\x92\xb1\x14\xcc\xd5zN\xb9\\\xa6\x93"\\Wr\x84\xf8\xad!\xd7\xaf\xac\xbdY\xd0qp:\xef*\x1c9]\x8b:\x82I\xa5\xd3\xd2\xeaeq\xd3\xa9b\x99W\x1e"3\x07Q\xc0\xe2p\xd4=H\x87@\xc7\xe84\x82\x96J\xf5\x1c$\x1f\xbc\xb4\x9b\xcf7\x94.\x0c\xb3\x06\x8a\xfa\xc0ZZ\x1d\'\xa7\xa7Q\xc7\x91\xc3\x05a\xa5\xe8rm\xb9\x0c\xbe\x95F\x86\xca\x11\nxj\xe4\\\x07Y58\xb5\xba\x88\xceJ\xd4H\x18\xd5i\xa9^*-W\x85H/\xc5D\xe1R)4k d\x87\xec\xa5E\x9eNE\x83G\x8e\x04`\xc5\xd2iTD\x15\x91\xe6 \xe5Q\x0fe\xc8h\x14\xda\x16\x00\x80O\xf4\x80R#u\xe4T\x0e#\xd4U\x8d\x14\xea-P\\\x17\xa50I\xe1\x87\xac\xa5u\xeb\xf2t*\xe3\xdd\xaa`%i\x1axj\xff\xb0B\x10Bu\xd5P\x87\x902\xaa\xeb\x8b\xa0\xb4\x1c\xf8\xb6\xb6z\x16\xa1\xae\xb8\xadP\x08q\xe1\xba\x0b\x9f\x9d$\x92\x87WXj\xa7m\x87\xb7\xa7\xa2\x84\xb9\x8a\x15K\xa6\xab\xfe\xccC\x92\n\\\xbc\xdal&amp;\x13%\x87 \xa0\xca*\xf6\xd4\x97\x05\xdd\x02^\xd5\xfb9\x15{\x14\xe8\xf5z\x0c\xf7\x95|x\x0f\xe9\x1ea-\xad\x91\x0e{\x86\x04,s\x08\xb0R\xe9JR\x15g\xad\x98!\raE{\xd4&lt;\x18\x9bAZ\x8bE\x86\xe6)`~\xae(-\x94\x9e\x10lV\x08\xf7\x07\xdft\x91\x88\xd5fY\xc3\xbare\x04\x0fgI?\xa4\x15\xa2\x88\x18\x9d\xe6Tp\x00H\x00\xbe\xa3\x90fPX\xf5\x1c\x01H"\xd4\xff\x10\x94\x17\xdc\x9e\n\xf4\xa9z\xc1`\xc1\xd3[0\x95\xe6"\xc8p\xea%\xeca\xddS\xa6\x98\x93\xc0\x11\xa4E\x10\x0c]\xe6\xf0\x80\x07\x19+\xfcr\\JfH2\xd3\xa3\x16T$V\xc8A\x87n=\xc5tY8X\xb1k\x05\xc4\x06q\x95\xdd"\\s\xe1/\xaay\x8d\xac=\xbc\xabi\x1b\xb0\xfcrB\xed\xf6\x99\xbd(-)G8X1\xd6\xeeA\x85\xde-\x8b\x92Y\x92\xa4\xd3\xbc\x8a\'*\x84\xa87\x0c1\xd0\xdd\x84\xc8\xd0\xba\xd1?)\x14q\xb8\x13\x95\x9a\x92\xfd\xb2^\xb8\xc3\xda[\x11\xdc\x9aC\xcb\xc9\xc9\xecj\xc1\x88\xb0,\xee\xb2P0X\x81\x12\xea\xe9\x18\x15\xcd\x16\x8b=L\x8c\xd6\xc3*\xc27\xe5r\x9aN\xc7\x88\x18S\xfc\x83\xbe\x1b\xc5\x15\xaf`\xc9./y\xb7X|YcD\x959\xa0\xf2\xbb\xedf\x1f\x11\xc3bi\x1eZ!\xa8i)?\xc6\xa7\xa2$\xc3\x10T\x88JZ\xc4r)\xc6\x87\x0bm\xe4\x16:\xdbS\x16\xa2\xb5\xfe\x13\xaa1y\x8bJ\xe9\xbb\x10\xfdr\xc9a\x13\xab\xed\x0bC\xc0\xbf\xea\xe9\x83\xb8`\xd7M\xd2BT\xf0&lt;\x9a!\x92\x98l*\x10H\x8c\xbe,\x18\t\x91\x16S\xf9\x8c\xa3\xa3F\xbfN\xe6\x96\xeaS\x19\xe0\x1a\xac\xa6\x15\x17\x03\x96\xcd*\xba&lt;\xa9\x7f\xc5\x1e\x16\xb7\xe6\x83\xd5G\x8dz\xb6\xda\xa1E\x10|\x9c\x91\xea\xe3q=M\x92\xb0\x19\xc7\xfc\xfbo_&lt;\x7f\xfe\x97\xd7F\x02o\xf59\xd7\xdf\xbe}\xbbO%\xd1\x8c\xc1\x90\xa8St#\xa9\x05\x01R\xb6\x0e[e\x07\'C\xb7X|\xbc\xcf\xbd\xf7\x1f\xab\xaf\xdds\xd4\x0eqQ2&gt;\xcc\x10@Ed\x98\x14`\x11\xa7\xeb{\xeb\xfb\xc1\xfd\x19\xa37\xe4\xd5\x11\xba\x00\xc5\xd0\xe8@.M\x93Y\xa8{\xd4\xd9\xe4b\x8bV\xa9\x1972xRt\xc8\xe2\xd3jn\xcd\xaf\x1f\xc7\xf3\x9e\xdd&gt;0B\x8a\xc0\x930\xd7\x88\xec:\x19P%S)\x82\xa2t\x14E\xb9ff\x82\x04\x0c\x88)\xd8\x9e\xca&lt;!\xcc3a2%E\xe5.\xb7X\xc0\'\xbb\xbe\xb3JZLMmWX\xc4\xe2\xb6\xfdm\xb9\x82\x85\x96Q\x06k\x14[\\d\x00\t\x81\xc1\x90\'\x03\x9d%\xfc\xe08"\x11\xaaw\xa9\x1e\x1d\xf2\x96\x93v\xd2-\x14\xa0\xe6\x00Stk\xefVo\xcb#\xdf\x07V_\x1d\xe1r\xdf\x7f\\\xce\xed~\xd7\x07U\x1f"\xf8\x98(0\x85ct\x8aI1\xb1\x98\x0c\x1c\x9b\x80Q\x14\xe3\xe38_+\xc2\t\x02\xd2,\xff\x8f\x97\xf3}M#\xcf\xe3\xf8\xfa\xc8\xc7\x13\x82"sC\xaa"N:\xda\x86\x1bT\xe8`\x18;S\x19\r\'\xea\x92\x86\xea1q\x1dL*\x84t\x1a\x03\xc6B\xb3Gb!\x18\x89\xb1\xddJ\x127\x9bv\xb5\xd5\x07YV\x13\x94\x08\xa5\xdb\x07\rypi\x8a\xf1Q\xf6I\x7f\xc0\xb5{\x1c\xc9qm\xf7\xee\xd8;\xb8\xfb|\xcd\xfd\xf8\x07:\xfd&amp;\x82H\x1e\xbcx\x7f&gt;\xdf\xcf\xe7\xfd\x1d?\xdf|\x0f\x06\xf6\xd6\xef\xa6\x0c\t\xb3C\x03P$\xed\xabJ\xd6\xf9\x81\x8f&lt;\xcb\x05aL6\x9bu\xca\xcb\ncP$FW4\x048S`r9\xe3c\xce\xb8\x0b\xa8\xb4:\x0c\x83\xb3\x84\xc9\xe42M\x9d\x1a\xeb/!\xeb\xcdP5\xacp~\x95\x92\xd5T~~\xf7c\xcf\xb3\xa8"\xe1:`\xc9\x10E\xc8\xa0\xeb&amp;\x8d\x16s\xba\\\xa3P\x0c\xd0\x13\t\xdd\rL\xaf1i\t\xc8-\x97\x0bBj\xc2H,\x14r\x84\xbe\x86M\x0b\x95\x94\x97x\x86\xa2R\xf9\xcf\xfb?\xfb\xc8K\xe5&gt;\xa97\xf7\xbcA\xc0r\x86\xa6F\xb1\tgl&amp;\x1a\x8b\xc5\\\xe0\xd9!h\xe6\x04$Q\x02\xba\x8c\xc3pC\xa3\xd3e2\x12\x9f\t\xe1f\xfc\xd6-C\x08#%?\xe3\xaf&amp;\xc9\xf9\xc3\x8f?+\xd5\x7fx\xdc\x84\n\x81Jj\xc83a_\x19\x1f\x9f\x89J\x19\x9d\x0e\x1c\x18l\xbf\xab\xe0\xed\xd7\xbe\xff\xd2\x10\x82\x93\x9a\x06\xd3j2\xb1\x98]\xa7!\xcc\xa1\xdf\x86BX\xc6\xef\xf7\x87\xab&gt;\xeb\xfc\xae\x02\xc3e\xaa\xc8\x87&amp;`QQ\xc9\x93\xd0\x8d\xc5fbQ\x81\r\x0e\x0f\xff\xb0\xb442\xf7\x04\xad\xfd\xfd\'s##\xcfa\x05\x05)#\xc5\xe2\xb4\xb9\x07\xb04\x18\x1f\xf53\x80E\x9es+2\xf3v\xd2\xac\xb2^\xaf \xe9[\x1a\xad\x15\x8b=\xdb\xbc8\xfb\xdd\xb3 ;\x9c\x92b}\x03\xd6\xd1\x8c\xf1\xdc\xa8} 6\x12_\xf8nsk\x87\x8dG%=~\xe3k\x87\x87\x94\xe2&lt;\xef\xab\x9e\x1c(4R\xf9\xb8Y\x17X\xaf/\x8e5p\x02\xf7\xe8\x82;\x17/u\x8e\xfb^~\xden\x1f\xba\xfb\xddW"\xee\xa1+W\xdc\xe7\xce_\xa1\xa9\xec\xe2\xe4\xc5\x1d(c\xd0\xd7{&lt;4\xc7\xe4\xf9\xd7\'m\xb72s\x9e\xaa\xc7\xd0~\x04/\xc5e\x1a\r\x1c\'\x08l\xf4\xf9\xb3\x0f?\x1e\xbcy\x13\x89D\x86\x86\x86\xba/\xb7{7\xd2&gt;&lt;x\x95\x9e}\x14\xc4\xd0\x196\xd1\xa3\x91\xb8\x14\xc9\xfb\x1e+4\xae\xabV?\xad\x88\xb2\xc0R&gt;\xda\xd82\xe3fB\xeb\xba\xfedT8:8j\xbf9t\x0f\xb9\x01\xcb\x1dqG\x0e#o\x9e\x1e\x14\x17\x9e\xdf24\xe0\xe8M\\NX8\x89\xe4\xb9\xe3\xa7*\xa5\xb0\xdc?\x89\x05V\xa0(\xc9\xda\x00,\\\xa3\x1b\xed\xe6\xf9\x985?px\xb8{\xd8\x8eD\xce\x9f?\x7f\xe3\x82\xce5\xba\xbf\x7f\xd3\xd1\x80?\xf2\xb4\x06\xcd&lt;G\x93\x8c\xef\xb8\xad\xd4\xac\xaeJ\xf5\xe3F\xce\xcb&amp;\xa9(\xed1\xc3\xf2h3\xa3\xd7\xf7\xf7\xf7\xdf\xbe}\xf1\xe2\x85a\xcd@\xe0kk\xf0\xee-\xfaH\x83\xfe\xa2\xd5\xc0\x07\x07m\x1cC\xd2\\\xf5\xc4\xad\xd4\x04\xb1Zu\xb0Q.\xb1,\xc5rV\x02\xd4"4&amp;p\x0e]\xac\xb5\xff/\x00{q\xd5c$\xcc\x8dV\xab\xd1\x1al\xf1~\x122\xabz\xa4\xdc\x00\xb1\xba\x9d\xcb\x8a2\xcbz\x05\xdaF\xe0\xb8G\x8f\x81s\xd0\xddDb\xfd\x17\xaa\x07^\x0e\x9c\xd0\xeb\xd1\xd7\x1a\x8d\xc6\xe5A=\xc7CfU\xab/\x95\x1b\xb7V\xb9_e\xcb`\x9d)\x8a\xa3\x8d\x04\xa8\xa55\xb92V0\x0f\x8e\xb5\xffq\xf5:\x12\x8d\x0bF\xad\x16\xdaQ\xc3\xdc\x18l\xf0\x12\x840\xb9\xf7\xa1\xad\x1c\x96\xba\xffq\xb6\\.Q\xe0\xba\x18\x8b^\xdf\xc5\x82\xae\xac\x85\xb7\xa1\xb7\x06\x03\xee0\x98\xcd\x0e\x08\xae^\x87\xc1y\xc3l\xc6[\x90Y(\xdf\xeb{\xc7n%\x87\xd3\xdf\xe4D(\x12^/\x15\xe6I\x8b\x07\xcc\x8c\t-\x9d\xd5f\xd4\x1b\x8d6=(\x08\xe5\x0c&gt;\x80\x84\x87\xe4k@f14\x1f\xae\xd6\xebGJ\xce\xa6\xa3(\x8a\xe5\x1cp\xf9\xfc\xbcE\xe3\x81\xf3\x97\xce\xa4\x83vm\xd2Y\xc0\xea\x91\xbcE\x8b\xbc\xa0V\x836\xc4\xa9X&lt;t\xc3z\xb5\xfaT\xd1Q~\xb4\x17\xcbbI&gt;\x95K\xe3\xd1\xde\xc0\xc0@h\xb4`\x07\xed\xa34\x1d\x8bg0LO\x80j8\x12\xaeu\x81\xe1\x18\x7f\xb2Z\xad\x1f\xbb\x15\x84\x82\x12\xd1\xfe\xe3v9\x97+\xc92\xe5\xe7y\x9d\xc7\x03\xe6=\x04\xeb\xea\x94i\xca\x14\x8f\xcf\x80\xfd\xf2\x10\x1e#jMf\xfd\x85\x06\t\xd6\xc1\xb7^\xad\xef\x1d)|\x01\xc9\xfd\xd3\xed\xac(\x8a\xb5\x92\x1c\x05\xcb\xa9\xc1=\x1a\x8f\xc7\x81\xbeI\x84\x13\xda\x94\xcbnw]\r\xa1\xa7\xa6\x1e\x027\x1a\x1b6\x8e\xe3\xc2 \xd6\xde\x87\x88\xc2\xd71\xfa_\xa5\xd3\x1b\x90\xf6\xa5\x0e%\xd1&lt;I\x80\xfb\x0b\xdd\xbc\x05\xc7\xc1\xcb=\x0et\xa6u\xf4:\x1c\x0e\x1c7\x98\t\x1bA0\xe1.U\xbdy\xa4\xf4m\x8c\xfe\xf7\xd9\xee\xb0\x81\x98+@6\xf3zG\x17+q\xf6\xece\xe0\xea\xed9\x8b~\x1dfs\xc2\xac\xb7] \xc3aDU\xddk\x1e(}\xd9\xa7\xff\xa4|-\xbd\xba\xba\n\\^\x8eaH#z\xca\xdd\xa5B\x0f\xb2\xba\xa3#\xa0W\xe3,n3\xf6\x15}a_\x15\x89U\x7f\xa9\xf4\xdd\xb6\xfe\xf7\xb5\xf2\xb5k\xe8K\xfbJ\x8d\n\x0bq\xd2\x83\x03V\xcf\xd9\xcb=\t\xf4\xe0\xaf\xfb\xf8\xaf\xd7\xd1J\xd8l}E\xca\x97\xa4\xd6\xd7\xab\xcdz\xf0\xa5\xf2j-4\xb3\xe9\xed\xd5\xd5\xedk\x1b\xa2\x0cM\x1b\x83\x9dG@\xd4psO\xaf!\x81\xe0z{[-\xe3t\xbe\xb8N%\xd7\xd7\xd16\x0c\xbeV\x1cKu\xb40\\\xcb\xaen\xfc\x1eB\xb9\x9d\xad\x95(\xdeb\xc3l\x84\x11\xfaO\x83\xd0\xe2`e \xdd\x1b\xc6|\xca\xbf\xbc\x0cP\xeb\xf5z!x_y,5`\r\x8b\xab\xd9J\x05\xf4\xba\xb7Y.\xb0\x1c\x9d\xc1,\x16\xcb\xb4\xc5j\xb5\xd8\x8cF#4"\x0b\x1dN.w\x96\x01l\xb9Z\xa7\xa2\xb1O\x83\x15,dWEq#\x9d\xbe\xb8\x98\xde)x\x8bQ\xdaO\xf3y(\xe84m\xb5\xcd\xe7A)\x9f\xb7\x93\xebb\xadW\xd7\x05\xc9\xfeZ\xf1\x94\x07\xac\xa5`P\\\xad\xe4\x80\xeb\xe2\xe4\xe2\x96\xb8S\x90\x85d\xd8\xc7%\x93\xbe\xb0?oa\xc2P\xd7;[Y\x84\xb5\x9e\\\xaf\xfa\xecN\xfb\xfd\xb6\xe2\xb7L\x01k&lt;(C\xbf\xce\xe56n_\xba\xb3\xf8\xd5V\xb9&amp;\xcb\xf2r\x92*\xc9aT\xa8(\xaf\\\xbe}o\x1bQQ\xc9d2\x1ap\x8e\xddo+~G\xf1hx|$8\\\xabTrH\xaf\xc5\xc9\xc9\xd9\xd9m\xb1R\xd9\xa8\xe4*\x1b%\xb9\xd3\xc9\x89\xe5\xec\xbd\xc5\xaf\xca\x10\xc0\xa4/\xe9\xe3$\'\xa8\xb5\xfb\x99\xd2\x0ba\x8d\x0f\x17J\x88+\xb7\x91F\x971\xee\\z\xf8\xebK_\xdc\xbe\xfdp{u;\x9d~8\xbbx/]\xe9\x00\x14\xac\xb04\x01XQ\xc5\xb1\x90Zss\xc1\x1d\xb9T\x11;\x9d\x8e\x08z\xa1["g\xceL\xfe\xe6\xee\xe4\x9d\xc9;\xb3\x8b\xb0\xb6: U\x18\xa8\x8a\x0co\x02\xac\xf0\'\xc0Z\x18\x9f\x89\xcd&lt;\xf0zs\xb9Z\xa9T\xab\x95\xb7g\xefL\xde=s\xe6\xee\xdd_\xc1Ow\x86?[\xf2"\xa8p\xb1\xe8\'3h,\xf0}D\xf1k\xb9\'\x0b#h\x9c\x85\xa5\xe4\x1c\xd8\x1b\x04&amp;\xaeB\xdc@\xb4K\x93\xe8\xb6\xc3&amp;\xd4\xfe\xa4\xaf\x18.B\xfa3$\x99q:\x9dc\xcacA\xf3\x19\x8f\x8d\xc5\xa3p\xe6/\x89\xa0\x97\\\x90\xe5\xd2\xa3\xad{\xb067\xb3\x8fJ^V\x10\xa2\xe0\xb2\xfeCE\x93\xa6\x89\x89O\xa0\x96\xfbxai.\x10\x88G\xa3\x82\xb7&amp;\xd6\xc0\xd5\xc3*\xec|\x07\xeb\xd1N!\x08\xa5\x8b\xe3\xa2\xc0\xc5\xf9\x92\x1c\x98{\x0b\xf8\xfcO\xa0\x96:\xf2aaid\xcc\xe9\x8cKQV\xae\xd5\x90\xab\xa7\xa0TA4\x0br\x90\x85tJ\xa5\x18.\xcc\xf9\xa3\xe1\xb0D[\x10\xd5D`Eq,U\xbb\nXs+\xce\xcc\x84$\xb0\x85Z\x01\xb0X\xc8n\xd6\xc7\xb2\x02\xc7\xa4R\xd0z\x18\x86\x01\xb58?Mb\x98\x16\xc4\n\xac\xbc\xdeU\x16K\xad&gt;&lt;\xc5\xb2;M&amp;I\x90\xbbbQP\x07\xd0J\xe5\xe7\xe7\xe7\xf3)\x84\xe5GT\x16+\xa6\xc5L\xb0\x11\x01K\xe1\x18\xaa^\x16\x00+6f\xb7;3\x998%\x03\x16\xf4\xc2\xa2\xbf\x8b4\xdd\xd7\x07T\x80\xe5\x07,0&lt;6\x0c\xc3Lh\xe4T\xd8U\xf0\x84\x81\xae\x9a\x0e=.@\x95\x8f\xad\xd8\xed\x01\xa7\xc9)@\xbaCjA\x85J!\xa6\xbe\xbe\xe9|\x1e\xc9\xc5\xf99?i\xd3\xa3\xa3\xac\xce\x19\x08\x8c\tm\xe5\xfe\xc3\x81Z\xdd\xff\xcd/\x7f\xfe\xfb\x83\x1f\xd0\x10x \x10pNd$\x16\xa0Pj\x15\x99\xfc\xf4\xc0\x00`M\xcf\xcf\x03\x96\x9f\xe9Ri\x11\xd7D `\x9f\xf9\xc3/\xdf\x0e)$X\xff\xb7\x7f\xf9\xeb\xbbw\xe2\x83\xe1\xa5\x91\x15;\xa22\x99\x9cQ\x01\x89U\x84\x05\\}\xd3\xf3\x10\xca&lt;\x83\xc2H\xdb\xf4\xfaS.4e=\xf3\xf3\xcf\xef\xfe\xa4\xc8=t\xf57\xff\xf8\xe7\xdf\xfeU\xa9\xed\x80\xafAX\x13\x13(@c\x02\xcb\x9eb\xf9Q\xca\xe7\xff\xcd\xca\xf9\x86\xb6\x8d\xdfa&lt;y!\x17!\t\x11\x04\xa9J\x89\x8c\xf1\xaa&amp;4N\rqJ\x94Q\xe8X8\x8e\xb39\xf5b\xca\x08\x87\xde,\xbe\x8e\x9a\xd3\xbb\xe2\xf5^z\x01\xfb(\x18\xae{Q3\x06\x86y\x94a\x19\xc2\x06\x1a\xeel|o\xbc\x03\xdb/\x0eSl\x9c\xc3\xd8\x1c\xd8\xefbHRv\xb9\xeb\xdf\xdb\xf3\xfd)W\xd8`\xdb\xed.?G\x8e\x89\x8d\xf4\xd1\xf3}\xbe\xcfOR\x84\x1f\xec2sm\xae.\x07\x02k\xc45w\xe1C\xc2\xfa\xddO\xbe=\xa9\x9e\xfd\xa9\xe2\xb9\xa5\xfc\xe1\xd1\xd1W\x8f&gt;\xfe\xf3\xe3[\x0c\xeb:\xb0\xe6\x98\\o\xbf\xff\xfe\xcd\x9b7\t\xeb\xb4\x15\x1f&lt;X]]\x0cA\xac \xcc5G\x01q\xfb\xde_~\xfbm\xa3c\x9e\xf17V\xccF\x8b/^\x1e5\x8e\xfe\xb4\xf5\xf1c\xc2\xf2\xf2\xe1\x026zi\xe7\x97w(\xad\xa8\xfb\x08\xeb.\xccuwyw\x11\x07\xf5k\x81\xf9\xf9y\xa8\x858\xbdv\xef\xd6\xc3\xaf\xacV\xa50{\x96\xdfj3[l\xbeL\xa7\xcb\x8d\xa3o\xb6n=~\xc4\xb0\xe0,\xa2:?\xf7\xb3;tK.9}\x17@a\x8c@8\xb4\xbc\x1c\n,\xe0d\xc8\xc3"\xb5\xb6\x1e&gt;U\x07\xa3\xe6\x8b\xfc\x99a\xcd\x16\xea\xc3\x01\xa8\xca\x8d\xc6k\x86E\xb7S\xbew\xfd\xc2\xdcyr\xf4\xa5\x9d\x1d\x18)\xb4\x16\x0en\xc47V\xe2t\x97s \x14\xc2\xc9\xcf\xc5\x8b\x0b\x01\xef\xf2\x17\x82\xeb\x0f[\x7f&lt;\x92\x07\x83\x81\xd39#\x83\xcdF\xcd\xe2p\xd0-\x97\t\xeb\xe9\xd6\xadG8\xef\xf9\xc5on\xbf\xf7!a\xcd\xcf_\xb8\xbf\xb9\xb3JX\x81\r\x1aD\x15\xa4\x1b\x9d\xbd\xcb\x82\x0b\xf3\xde\xe4s\xed\xde\x8do\x1a\x06\xb0\x06\xddN\xdd&lt;\x83\xa4\x98-\xe4\'\xfd\xa9\xddm0\xac\xa3\x7fl=\xbc\xf5\xce\xd6\xbd\x0f&lt;,\x14i\xee\xfe\xe6&amp;\xc3"\xb1&lt;\xaa\xc0Z\x88\xeeZ\xa7+\\d.\xf2\xd6\xed\x0f~\xf5\xd4\x1a\x0c\xec\x81\x95y\xf6\xac\xf8\xe3\xb8\xceQ\xff\x15\xf2m\xa7\xe1\xd8];\xcd\xb8^_\xc1\x81\x0c\xb0\x90\x0fss\xf3l\xab\x9b\x9b\x9b\x8b\x0ckc\x85= \x16\xb0\x16p\xf2\xbf\xb0@\xd1\xc5,\x7f\xe7\x9d\xa7\xf2\xc0VU\xab\xf6\xec\xd9\xb8_\x89\xfe\x88\xc8\xa7P\xcf\xe7\x8f\xa7\xfdz_\xed\xa2\x8a\xe9t\xc39\xfa\x04\xb3\xcd\r`]\'\xb5\xe6\xf1X^%\xaeP(~Z\xc3\x8d\r\xc2\n^\xbc|\x99\xe4Z\xa0\xf9\x07u\xbe\xf6\xc9\x91a\xdb\xaa-\xd5\x9ee\xa6\xadQ\xb1\xf0\xc3\xc0\xe8\xfb\x83\x96\nf&gt;\x7f8\xac\xe7\x13\x15W\xce8i\xb8^w^o]\xb9r\xe3\x06\xb0\x10\x0ft3\xec\xfc\xf2\xe2*\xc6\xe2\xae?\x1e\'\xaa8\xa3\x82\xb3\xe8\xea75\xe3\xf9\xf3t\xfb\xf7\xf5\xd7\xb6lY\xaa\x96\xa9\xd5z\xc5b\xbbS-\x14\x96~@V\xcc.E\x01eV\xfb\xe3\xe7\xa6Y\xac\xb7\x84\x8cLr\x95 \xd7\x8dwqP\xbc\xb3yin&gt;\x10\xa0[\xf4\xe9\xfa\xf2"\xb0(\x1b\xe2\x98\x16\xd7H\xac\x85\xcb\x7f%\xbd\x16\xc0\x8d\xb4X\xbc\xff\xfb\x97\xb2\xa5\xd8\x82\\\xab\xd5\xdaf\xc2\x9c\xd4\xab\t\x80\xcd\xfe\x7fJ\xa1\xfb\xaa\xd5\xbc\x99/\xf6\x87\xcf\xcdj{\xe84D\x15r\xe5r\xe5\x86\xf5\xf2\xd7o\xbf\xfb\xf3\x9b;\x88\xf1\xf3\xc1 \xd4\x08-\xaf../\xef\xee\xfa\xd9\xf1\x03\x16\x84\x03x/\xc2\xf2\xa8b\x90n\x1f^^\xde&lt;Qm]\xb1I\xacZ\xaf9\xc9G+\xcd\xe7&amp;\xc0\xa2\xb3\xdf\xdb\xe63K\x89j\xb1HP\xed!\xa8\x8a}\xcb\xb2\xf5\x92nd\xb2\xc4\xe5X\'t\x9a\xf5Sj\xbe\xb5@0\xc8\xd4\x02\xd6\xddS(\xbf\x9f\xfd\xf9\xe2\x1b\xac@\x18\x13\xf8\x89-\xe8\xba\xa2\x19\xb5\xbd\xda \xab\x0c:\x95\xc4d\xd8\xac\x98f5\xbf\xf4\xbd\xa0\x98\xcd\x01\x95\xa8\xd6\xfbC\x87\xa8\xc6\x0e\x9cj\xc5\xb2J\x06\x91\x9a\x06\x97}\x82\x19\xf0#4\x1f\xfd\xd3\x82\xda\x8e\xce#B\xe0\t3\xaap8\x18\x08.\x00kc\x83\xa8\x82(\xac\xffP\x95\xc4\x98\xa8\xa8\xb5\xda^D\x17UUnM\x12uw\xda\xac\x9aU\xf3\xad\xffy\x85\t\xd5{\xab`\xc2R\xf9Js\xe8(V\xbfhVA5\xb0-[\x89\xc5\xd4\x8c\x9e&amp;\xbd\x14\xfb\xe4#\x9a\x92\xfda\xea\xbd5\x86\x15\xfa\xceYx\xa2&lt;E\x0b\xe2\xbd\x05\xbc\x8a\xc7\xe3\xe1\xc3\x81\xa0gu\x05\x99U\xcb("bB6F\x95D[\xb5F\x93D\xb4P\xf8o&amp;;73;\xbb\x84O\x98T\xbc\xde\xd4\xd1\x9da\x9b,\xef\xd8\x18\x16\x02\'&amp;v\x8d4\xe3r\xec\xf1\x17\x98\x91\xfd\xe18\x85\xc2\x1aY\xde\x9b\x0c\xe3\xc4\x10\x0f\x83%\x18\xdc\xf0\x06&amp;\xa3O\xc7*\xa8b\n\xf9}\x8f\x17\xb1.`u{U\xb3\xedjn\xb3\x92O$\x12\xd1\xe8\x7f\xf86\xacs\xac\xf5\x12\t\xb3:iN\x15Et\xa6\xcdb\xc24\x8f\x1b\x1e\x965P\x95\x92\x98\xb1J\xc0\xca\x95ua\xf8\x8aQ\xac`\xc4\xc3w\xbd\x83x\xff\xa9Z\xf4\x8b"\xec\xea\n\x1b\x07C^cTB\xa6\xb6\xe7\xd34UVeY\xeeF:f\xb4\xd2S}\x83a\xb3]/\x9ap\xff\xbf\x17\xf3\x1c\x8b\x83B;5\xd5\xc8\x00\x00\x05\x82IDAT!\x81$h\x8elQ\xb1\xa7\xe3\xe3"v"\x7f\xdch8\xaaJX\xaa*\x94\xd2Z7["\xb0tLs\x0f?eT\xd8v\xdc\x7f\xd7s&lt;Ay\xcf\x94`W\xd9\x88\x1f\xb6$M\x8f\x81J2\x88J &amp;N\x96\x8cL\xb7mF\xcdz\xa7e\xc5\x14\xc9\xedL\xe0\x9c\xc2\xbf\x82!6\xcdB\x94L\xdej\xf5:\x80\x9fx\xcaV\xfa\x8dr\xc3\x96U\x06\x16\x8besi\xd9\xca\xc6\xa8\x1f\xd3YE\x18\x1e\xc6\xff\xc6\xb6\xbd\xc2\xac\xce\xaa\n,V\xca\x8dS\xa8\xab\x9f\x8feN\x13uQ\x93$)\xb3\x97Rd\x03T\x06\x87%\x13q\xeb\x89(\x94\x98\x1c7;\x9d^\xabS\xc9\x9b^^\x9c\xb2\x01\x8at\xea\x8c\xdc^\x1d\xb9\x00\x1ebJ\x14\xdb-\xdb\x81\x8f\x80%[\xb1R)\x9b\x8d\xa5\xb3\xbc\xae\xeb\xb1\x12,V\xd25u\xfc\xeaK\xb6m\xaa\xe3\x9bx *\x92j\x1bo&lt;y\xd5\xe2dAQ4M\xe2yn/\xa5\xa1\x0b\r\x83\xa8\x88\x8bs\xdb\xf9h\x946\x06?W:-\x04F4Zxc2\xa4\x07\xb4T\xf9Q\x9d4J0&amp;\xb4b\x0b\x1a5\xca\x0e\xac`[\xd9tV\x8c))\xbe$(\x8eH`\x18\xba&amp;\r\xfa\x07O\xb61V\xe0t\xbf7\xc2\xfe81moc\xf9\xbc\xef\xfa8A\x10$\x9e\xe38&gt;\x92\xd4b\x18\xba\x06.\x92\xab\x8b\xdf\xbdI\x1evg\xc3\xac\x8fZ\x1df\xb2\xd3\xbe\xac4G\xb2$\x8c\x80N\x8e\xafV\x8b\x95I\xbbg\xeb\x82\xa1Z\xa5\xb2\x05(=[\xd2\x05MK\xa6\x92\x82.\x88\n\x1aB\xd7\xa1\x9d\xee\x08\x92{\xfcw\xe2\xbaJ`q\xaf\x05&lt;\xaa\xed\xed/_\x0c}\x11\x8e\xc7\xf0\xd1\xe0#\xbc&amp;\xc6\xb0KY\xdd\x92\x99\\r$\xc3I\xbdv\x85\x06\x82r\xa9\xda\x1c\xb9 \xabT\xe1~\x80\xb92\xaf\x8e\xda\xd5\x04I\xd4\x19\r\xa7\xd3\xe9\xc0P\x00\xa2\nNY\xb7\x1cZSVT\xc4T2\xe9\xd3\xb2\x8a\xa8X\x96b\x01\rC\x11xi\xfc\xe2\t\xe3\x02\xd8\n\xeb\x81S\xaa\x831\x97\x82,\x1e\x13aI\xfcz\x8aSt\x12\xcc\xb1\xe0z\xc224\x1f\xaf:HF\xb7\xd7\xaeF\xa3H\x81\x16\xe7br\xaaF\x97f\x84\x01&lt;E]\xd1kue\x05\x08jWN\xe7\x04C\xb6\x1b\xe9l\t\xaa\x88\x1aV\x9bJ\xa5$\x98W\x17\xe1\x14\r\x95\x81|\x16^\xf0\x9c;&gt;\xf8\x8c\xc0\x98\xcb\x98\xd5\xb7\xb7?;\xe8\xbb\\\x04T\x8c(BO\x82\x96Z__O\xfa\x04\x92\x0c\xabT9\x15\xb6\x97"\x11)\x96\xd3\xd1\xa0\x06&lt;\xb4\x04G\xd7{.\xc8\xea\xe6L\x1b=\x900+\x1d\xd7\xe8ve=]\xb2\xbaFl_7\x80U\xce\x91\xb5y\xe8\x94\xc2\xa2)\xb4\xb3\x84E~\x91\xe8\x07\xaf \x88\xdb?\xf8\x8e\x8bQ=98t\xc1B4\x91\x88\xa7\x15\x87\xe2\x0bIP%\x93\x11A\xd4`\x04\x05Q\x91\xc9D\x8c\x88T\xca\xa5u\xcbFb\x8c\xdaE8\ri\xdei\xb9\xbd\x19j\x85J\xd3%\x0fv\xe5XZ7\xbaBn\x1f\xf1\xa2Z\xb9\xfd\x92\xe2\xc3.\x82\n\\\x92&amp;`GE\xcc\xb8D%\xa1\xb9\xd83\xb8x\xf7\xd0\xf3&gt;\xf3\xd4A\x7f\xca{\x12\x19\xbe\x88\xe1c\x8a\tTsi=\xa5`}I!\x82)\x08`j&amp;\x12\x81\xbft\xda\x8c\x8a\x97&gt;\x92\xa9h&amp;\xa2f\xa5=\x9aA\xb0w\\\x1e\x81\xa2\xa2z\xb1\x92h\x18\xb1\xaf\xcb\xaa\xa5Y\x8d\xfd\x12\xbf\xbe\x07,F\x05\xbf\xc3\x16"\xab#\xc3\x92\xc1\xc5\xa0d\xc3\x07\xc5^\x91\xf9\x9f|~&lt;V%\xafl\xa8!!a\xe1\x05\x8d8D\xdf\xbaO\xe1\xb0&gt;.\xa9\xc1\xa2\xa2hD\x00\x96\xd1r\xfb9]\x85\xd1\xd0\x9a\x92D\xed\x98\x8f.\xe5g\x9a\xa3\x81\xa0\xc1\x81HMC\xd5\xb3\x96\xa1\xe5\xbe\x169K)\xedg\xf9$\xf9\x81\x17\xe0\xac$\xa7{X\xd8k\x01\x82\x91Z2k4D\x12\x07G\xab\xc3\xfe\xf1\xf1\xb8%\x9f\xa2\xf8(\x14\xf0\x16AI\xd4\x85\xd4"\x91u6\x92{\xf0\x18u4&gt;\xe4\x8b\x10VV\x03!\xe5\x99\xc4Kr\xab\xd7.Fg\x90\xe2\x16\x0e:d\xd9\xb6\x0cY\x11\xff\xd9b\x19\xe38\x0c\x02Qt\x1b\x90\x10F\x144T\x94&gt;\x01\xc5r\x07_\x81\x0bX\xda\xd6}\x1aS\xe5 q$_`/\xb0{\x03\xdf$m\xde@P\x94"q\xec\x97?\xff\xcfL\xfdi\xaf\xab\xaa@\xc9\x9d\xb8\xf4[\xb7&amp;\x86\x0f\xcb\xa0\nf\xdd\x18m\x9d\xab#}\x8eq6F\xa5\x8a\x14CN\xff^&gt;6\xfb^H\x08?\x9d\xab^\x07\xd8y\x9e\xca\xefu\xb6\\\x12\xee\xd7\xf5\xa8`\x95\x98\xa2E\x1fU\xca\xff\xdf\x17\r3\xb1\xa3yOn\x01\x9c\xe6\xebu\xb3\xae\xdd\x9e\x13bQ\xc34\x19\xa8l\xef\x85\xd4B\xadz[\xb7\x14\xa4sK\xf3F4\xe2\x0e\x94\xf5\xc0\x94N\x88\xeb\xcc\xb0\x1d3\xe7W\xb6\xac\x81\xc5\x7f\xe9\\k\xce\xe7\x99\xb5]\x12W\x08\xd63e\x82kC\x8d2\x9e\x14d`1 \x969\xc6\x8e5\xb7\xfb\xebj\xa1\x92\xb9I\x8d{@\xb1if")\x0cI\x83d0Z\xb4]\xb0\xfe\xf2\xea\x035\x98\x8c\xfb(\t\xb6\x87\ni\xe0\xb2ta\x9bG\x01Hu&gt;y_h=n\x02\xeb~\xe4\xdd`\xc0\xda\x87&amp;;F\xc7\x8a\xa1\xd1&gt;\xe7\x10yR=\x8e\x8aw\x92\x9b\x1eZ\xc4\x92 \xae\xdb\xd4dn8\xbba5\xd2\x94\xfb&amp;\xd0M/\x10@1\x80\xcd\x10\xca\x0c0`\xc5\xd2],\xce\xe6\xa4\x03\'\xc1\xca+\x94\x8a[g\x8a\xa4\xcf\x02\xd7\xed\xc8Y\xb1\xd2\xf9\x92\x05\xca;\xf5\x06N:\xc6\xeb\x17\x06\xc0y\x00\x00\x00\x00IEND\xaeB`\x82'</t>
        </is>
      </c>
      <c r="M565" s="3" t="n">
        <v>45492.67836805555</v>
      </c>
    </row>
    <row r="566">
      <c r="A566" t="n">
        <v>1634144</v>
      </c>
      <c r="B566" t="n">
        <v>1974</v>
      </c>
      <c r="C566" t="inlineStr">
        <is>
          <t>Guilherme Estrella</t>
        </is>
      </c>
      <c r="D566" t="inlineStr">
        <is>
          <t>G. Estrella</t>
        </is>
      </c>
      <c r="E566" t="inlineStr">
        <is>
          <t>UNK</t>
        </is>
      </c>
      <c r="F566" t="inlineStr">
        <is>
          <t>UNK</t>
        </is>
      </c>
      <c r="G566" t="inlineStr">
        <is>
          <t>UNK</t>
        </is>
      </c>
      <c r="H566" t="n">
        <v>185</v>
      </c>
      <c r="I566" t="n">
        <v>14</v>
      </c>
      <c r="J566" s="2" t="n">
        <v>38463</v>
      </c>
      <c r="K566" t="inlineStr">
        <is>
          <t>Right</t>
        </is>
      </c>
      <c r="L56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73df3c3-d1b4-406e-a817-21d601df46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TT\xc4\x05\x00\x00\x03\x00PLTE\xff\xff\xff\xef\xf0\xf5\xf4\xf5\xf9\xf6\xf6\xf9\xf3\xf4\xf7\xf1\xf2\xf5\t\x0b\x10\x01\x00\x00\xf2\xf3\xf7\xf7\xf7\xf9\xff\xff\xfe\x05\x04\x03\xeb\xed\xf2\x17\x1b"\x1b\x1e&amp;\xb3\x82w\r\x0f\x14\x11\x13\x19\xe9\xeb\xef\x07\x08\x0b\xca\x97\x90\xee\xef\xf4\xc4\x92\x8d\xd3\x9e\x93\x15\x17\x1d\xbf\x8b\x80\xf8\xf8\xfb\xce\x98\x8c\xd1\x9b\x8f\xb6\x86}\xad~s\xb6\x84y\xd3\xa1\x9b\xae\x81v\xc6\x95\x90\xcd\x9d\x99\xf5\xf5\xf7\xcd\x9c\x94\xe5\xb3\xac\x1f#+\xcc\x9a\x91\xc8\x96\x8c\xca\x9b\x96\xd5\xa1\x97\xaa}q\xc4\x92\x86\xd5\xa5\x9f\xe6\xe9\xeb\xb0\x83{\xd6\xa0\x94\xb6\x89\x82\xf9\xf9\xfb\xc2\x88z\xd1\x9e\x97\xc1\x8f\x84\xd8\xa5\x9a\x0b\x06\x03\xbc\x90\x8a\xa8zo\xc8\x98\x94\x98nc\xdc\xa7\x9c\xc6\x8d\x81\xcf\x9c\x95\xc0\x8f\x89\xc8\x92\x8c\xc7\x94\x87\xd6\xa7\xa3\xba\x8b\x81\xf6\xf6\xfa\xdf\xa7\xa2\xdb\xa3\x98\xbd\x8d\x85\xc5\x98\x92\xb9\x8b\x85\xd5\x9c\x90\xe2\xae\xa8\xda\xa8\xa1\xbf\x93\x8c\xc2\x96\x8f\xd5\xa2\x9c\xfd\xfd\xfd\xde\xe1\xe5\xbb\x88{\xd6\x9b\x98\xa2rf\xdf\xac\xa8\xe2\xe5\xea\x9dpd\xa7xl\xaatg\xaezm\xdb\xa9\xa5&amp;)2\xa3n`\x12\x0b\x07\xd4\x8e\x8c\xe3\xe6\xe6\xb9\x80r-\x1a\x14Y&lt;5\xe7\xae\xac\xd9\xdd\xe1\xd0\x9f\x9b\xe1\xb2\xa7\xce\x99\x94\xbc\x85v\xe2\xb0\xac\xa2vj\xaelk\xde\x9d\x9e\x9ci[\xce\x95\x88\xca\x91\x84\x81ZR\xc4\x8e\x89\xd9\xa1\x96wTL\xdf\xad\xa3\xe7\xb1\xb1\x86aW\xdf\xab\x9f\x9cri\xd8\xa0\x9c\xb6wv\xe4\xb8\xb1\xe2\xa3\xa4\xbb\x86\x81\xe2\xab\xa6oNE\xde\xa3\x9d\xdc\x9b\x98\xb4po\x8df]\xa9\x7fy\xf4\xf3\xf3\xfb\xfb\xfc\xc8\xc9\xcb\xdb\xa3\xa1\xd7\xd8\xdc\x92cV\xb2~r\xce\x95\x91\x94i^dA:\xa0h_\xe5\xa8\xa9A)"\xd3\x96\x95\x8bUN\xb8\x8e\x88%\x16\x10\x1e\x11\x0c6 \x1b\xcc\x93\x8e\xd7\x93\x90\x9baX\xe9\xb6\xb2\xa9de&gt;#\x1d\xd5\x97\x8e\xca\x82\x81OQThJB\xb9~{qE&gt;S4.\xdb\x94\x97\xc1\x88\x85\xb0\x88\x80\xda\xac\xa6\xc1wtI0)\x81RJ\xec\xe2\xe3fjn13:\xef\xf0\xef\x97ZT\xd0\x88\x86\xe6\xd3\xd2\x93\x96\x9a\xb7\xb9\xbd\xa6\xa9\xab\xa7yt./,\xe4\xc8\xc9\x19\x0e\t\x8b^Q\xb6wl\xd1\xd2\xd3\xcf\xa2\x9f\xdc\xaf\xabzKF\xcc\x8c\x8b\xc1}~d5/\xf9\xf6\xf5Q+\'\xa0vq\xe1\xde\xdfZ]a\x9fUV\xd8\xb0\xb3\xf5\xef\xed\x95GM\xc9{y{~\x83\xa4lj\xf2\xe9\xe7\xd5\xbc\xbbCFJ8&lt;D\xca\xaf\xa7\x8cBC\x86\x88\x8d\x9f\xa1\xa3\xda\xc8\xc8\xe9\xbb\xb8\xa7]]\x80D?vsu\xaf\xb0\xb4\xc6\xa7\x9e\x93bd\xed\xda\xda\xc1fjt98\xcfx\x86\xc6\xb9\xb5\xdau\x8c\xc1\xc2\xc4\xd8\x86\x94\xbeqx\xde\x8d\x9e\xc4\x9d\x9a\xb6]b&lt;=9\xb6\x9b\x8f\xb3cu\xb7\xa2\xa0\x9e\x8b\x8d}*+\xaaF\\\x93\x81}\x8fmhN\x1f\x1f\xcf`{\xc3\\z\xc9\x82\x91da^d\x1e\x1d\xb1NhuYW\xa5\x99\x97\xc6Eh\xf3\xe2\xc0\xf8\x00\x00 \x00IDATx\xda\xcc\xd7oLZ\xfb\x19\x07p^\xcd\x14\xd2\xda\xd6\xa6J@\xb9\xcdU\xaf\xce:kJ\x0b\xb3B{m\x83\xed\xc0\xe4\x12\x02\xd1\x83\x81\xc9\xc1\xccB\x1b\x90\t\x17\xf5\x1a\xc5]\xabV\x88\xe7\xe4\x84\x02\t\x1dN\xcby\xb1\xc1\xac&amp;\xfe!P;\x12.\xea\xab\xba4KM\xa3\x9d\x89i\xfa\xe2\xc6\xe56i\xfb\xc2\xa5\xcd\x9e\xdf\xc1n\xde\x9b\x9b\x9b%;\xb6{*\x88\xbe\xf1\xd3\xef\xf3\xfc\xfe\x1c\x0e\xe7\x7f*.\x97\xc3\x19)\x1d\x1e\x9e\x99)=\xabVs\xfeo\xeal\xdb\xe8\xfa\xa3GO\x1em&gt;\x99[X\x18m\xab\x19Vs\x19\xeb\xc7,\xf5L\xdb\xb3\xd5DQ\x81\xb4\xc0X`&lt;VT\x94\x98\\\xdd\\\x7f\xb6\xa2\x06\xd8\xc7\x93\x95\xd6\xcc?\xd9\xfd,\xef\xdf\xc5C\xffx\x05E\xab\x0b5\x1f\x8b\xc4=\xbb2?7\x9d\xe0\xe5\xed+\x1e\x8f\x97\xfbvxza~l\xf8#\xa0FV\xd6w\x13E\xdfC\xe5\xed\xfbI\n\xed|\xb2t\xe8\x83\x8f\xf9\x8b\xcd#\x05y\xdfW\xfd\xb0\x8e=\x9e[\x19\xf9\x80\x13\xc6\x1d^z\xb4s\xec\'I9\xf1\xb1\xd5\xf9\x9a\x91\x0fd\xe2rK\x976\x0f\xfftP\xefi\xd2\x9d\xcd\x17g?\x8c\xebP\xdb\xc2\xf4\x91\xbc\xff\xaa`]\x1e\x9d\xfc .\xf5\xcc\xb3\xe9D\x01o\xdf\xe2\xcb\xdb[~\xd2\x1f\x0f\xb0\xe0\xf1\xc2\x81\xafI.\xe7\xf8\\\xa2`\xff\x8e 5\xf2r i\xd2\xf8\xa3.\x1e/\xb1;\x7f\xd0\x036\xbc\x9e\xd8\xf7\x17\xa5PF\xf8B\xafd2\t?\xa1\x9d\x8b\xf7\x83\xcd"\x8f7=Zs\xa0Krf\xfd&gt;\xef}\xeb\xa4\x90T\xd2\xc8\xc8\x92\xc6 \x8e\x07\x82\xc6`\xc0\xc8\xfc\x02\xd5&gt;\x17\xef\xc8\xe4\xdc\xd8\x01N\xd8\xf0\x02\x93\x15\x8f\x89\xc7hL\x06\x81\x92\x0c\x06\x038\x1e\x8aD"x\x10\xa7@\x97\xab`\x92!\xef\xe1\xa4;\xeb5\x07\xe6\xe2\xce?\xe61Q!\x10\x1e\x02\x0c\x15\x8bQ1\x9a0C\xc5\xa8H(D\xa17\xf8\x02(\xce\xc8\xe0?\xc0\xb8\x8c\x93\x0bm\x07t\xebQ\x8fN\xfe\x0c\x8d\x13\x0f\x9a\x15\xa2"\x14E\x99\xa3q\xbf\xdf\x9f\xf2\xa2r\xa4\xa3\x19\x9a\x06\x1f\x1d\xcbBh8b#]\x92I\x8cwt\xe7\xd90\xf7@\x16\xe1\xd2\xaa\x91\x87\xc6\xdb\x98\x84\xa8b\xd9,\x11\xf7\x1a0=\x86\xe9}&amp;\x8b\x86\xaf\xb1\xe8\xb56\x9bV\x1b\xf6\xc6\xd3\x19h)\xc0#o\xdeP\x14\xa4\xc6\x04&amp;}\xbcp\xfc@\xce\xc1\xb9\xc3h\xed\xf1\x8c\x81\x00Ne3\xd1\xb8\r\xd3#\x91X.\xef\xec\xb4\x0b\xec\xf6\x86N\xb1Xn\xc10\x9b7\x9d\x89\x12\x99\xe8\xc6\xc6F&amp;\x93\xa1#x@\xca\xb4~g^}\x00a\xad\xac\x160\xcb?\x80\xa6)\x1aO\xd9PL&amp;\xb1\xbc\xa1\xa1A \x10\n\x85\x02\x81\xa0\xa1\xb3S.6\x19\x0c\xa9\x94\xcdKb\x86\xf0\xac\xdf?\xeb\xa7C\xa1 \x0f\xed\x18\xc6\xe9\x155\xfb\xac\x17\tF\x15\x8c\xd0D\x1a\xe6\x89d\x9a\xc7\xef\x140\xa6\xc2\xdaZ%\x82\xd9\xed\x9dr\x8b\t\xc3L\x90\xa2\t3\x90\x06\x83a#\x1b\xc1s;mb\xe1,\xfb\xac\xf9\xcf\x10\xcb\x18\xa2\xcc\x1e\xaf\xcdf\xc0\xd0D\xc9\x1b\x04\xc2B \xd5\xd6v\x81kb\x022\xb3\xdb\xedr1tV,\x16\xff\xe9\x01\xaa0A\xe1\xb9\xf1\xe2\xed\xaep\xb8l\xb3\x16\x8a\x98\xb0B\x14\xe1\'\rZ\xbd/_\xc3\xaf\xb639\xbdg)\x95\x13B\xe5\x84r\x02d\xf6\xceN\xa6\xa1PX\x9c\x0e\x05\xf7\xe2z\xc16\x8b\xc3\x9d\x83\xd1\xca\x93\x02+\xea\x05U\xbe\x08TLT\x92\xc6\xae\xaeFxu\x81jB\x89j\x02\xbe#]\'\x8a\xcd\xe2\xf3\x9a#{\xab\xb1h}\x84\xed\xb0F\x9e\xc0\x06\x04\xcb0B\xc7mZ\xbdH\x03\xaa\x13\xa0*\x94\xc8$\x12\x89L\x060\x14W.4ecoWo\xad\x10\xb9@\x86E)8\r\x98\xd58}\x9c\xdd\xb8\xb8\x9c\xe1G0Z\xd2d B\xc0n\xe5cT\x17/\x16\x16V\x01K\x06\xd5\xd8\x85\x02\x83\xd8\x1a\xbb\x94]\x8d\n\x85L\xd2\xa5\x84\x15\x80:i\xf1\xd28\x0e.\x08{r\x85m\xd6\xf1it\x8b\t\x06"\x1e\xaf\xa1\xc5\xa7\xe1\x9f\xaf\xac(;WX\xd5%ild\xb2\x02\x92\x8c\xf1\x01P\xe1jm\xea\xed\xaa\x15*\x91K\xcco\x99\xa2\xa8P\x10\xed\xf6\x8f\xc7\xd8f\xb5\xad\xe6\x81*\x88\xc7\xe2\xb0\nE\xe7\xab+OTT\x94]\x84YgX(&amp;\x94T\xee\x83\xc2\xa5\x90\xf52\xfd\x14@Zb\xbd\x93\x8eE\x98S\x88}\xd6\xcad\x1e:u"fG\xb3\xa1ES]YYy\xa2L(\x845\xc8\x84\x94{cJ6\xa8P(\x06\x07\x1bs\xab\x13v\x0b\xbe\xdea\x86#\x1d\x87\xf1\xda\x19\xe3\xb0\xba\xa3\xaa9K;\xd2$\xdc_bD\xaa\xd9\xa0\xdfc]D{V\xa3\xac\xbb\xbb\xdb\xd5\xd1Q^\xde\xe1\xeafJ\xd1\xad\x00\x95R\x08.&amp;.\x9f{\n\x8ep*h\xccK\x8c\xb2\xcd\x1aM\x18q\x9a\xa6\x80e0\xd4\x15\xc3dU\xa0\xd9\x82\xfdA\x82L}}}O\x9f\xf6\xf5\x95wt\xa8\\P0\xf1\xc0R\xa2\xb4\xd0\xee5\xee\x9c"\x08\x1aO\xf2\xd8g\xbdH$)\xb8U\xd1\x88\xa5\x17\xa1\x81gX\xb0\x0cs\xaa\xf7,\xa6\\\xdd\xb2\xaaZ\xe6@\xb2\xcb\xe5bQ\xbd\xc3\xe1\x9c2S\x01)\xfb\xac\xa5\x9d \xb0\xcc\x84\x07XX\xfe\xd5\xea\xca\x8a\x13\x15\xe7\xce\xc1\xfe \xeb\xee\xc8\xa5\x05/h\xa4\x8a\t\xac\x1b\xe2*T\xc21\ti\xc9--\xf5C\x0e\x0f\x11\x0b%\xd9g\xadL\x06b\xa0\x9ar\x8e\x03K\x9f[\x8ae\xe7\x9aP\xb9T0X}\x8c\xaa\xdc\n\x1f\xcbU*\x97LRU\xcb\x9c\x90h\xe3:\xdd3\xe4f\xe2b\x9b\x05\x1b\xc4.N#U\xcaF\x02\xcbW\x8c\xf2:\xf7ES+LR\xb7\xcb\xd5aeP*(d\x83\xe9\x97H\xaa\n\x85\xccv*\xd6\xd4\xf5\x8c\x0fA\x1bc8\xfb\xac\x99\xcd\x08\x13\x96\x17\xee*XKI~\xff\xa5\x93\x17&gt;\xfd\xe4\x17M\xad\xad.\x95j\x00a\xca\xad*\xf4)\x07S\xb5\xfe\x87%\xf6\xdd\xa8g\xe2\x8a\xec\xb0\xcfz\x05=\x9c\xf28l\xc0\xd2\xc2Q]|\x95a]\x06\x97j \xc7Bq\r\xa8\xdaU\xe5V\xabN\xa7k\x92\x14\n\x059\x96\xb8\x04\xba\xe8\x982\xc7\xd8g\x95\xbe\x8c\xbd\x0f\xcb\x80\x19\xea\xf2\xcf\x14\xff\xf2\xc2\xa7\x0f\x1f^\xbe|\xb9U\xa7S\x0c\x80\x08\xe6\xab}\xa0\xfd\xcbv\xab\xd5\xfa\x97?\xc2\xef\xbf(\x13\nr*\xb1\xa5n\xdc\x8d\x86~r\x89m\xd67/c\xc4\x94\xc7i3\x90$\\\xb7J\x16{\x96o\xdd\xba\xb5\xbc|\xeb\xce\xb5\x87\x00\x83\x84T\xd6\xbe\xbb\x03\n\xeb\x97\xba\xd6\x87\x17\xae}\xfb\xed\xcf\xaf]\xbbt\xa5\xba\x9a\xcf\xb0\xc4\xa2f\xa6\x8bl\xb38\\\xf5:\xb4\x10zH\xdal6\xb2yy\xe8-\xfc\x15:F\xd3\x9e\xad[\'\xaf_\xbf\xad\x03\xd9\xd3&gt;\xdd\xed\xde\xd6\xdf\xdcYv8\x86^\xbf\x1ez\xdd\xd3S\xa7\xe1[\x98\xb4,7\xc6\x11kw\x8cm\x16\xe7\x19\xe1qz\x1ca`\x91^\xa7\x93\xa0)x\x10\xc4#\x91\xac\xc7\xbd\xb6\xf8\xd5\xe7\xbdM.k\xb9Uw\xfb\xc2\xc9_\xd5;\x89l\x04\x1el\xcd\x0e\x87\xa3\xa7$\xdf\x020\x8b\xa9e|\xc8\xed1\xc3\xad\x99m\xd6sh\xa13\x15\xb6\xd9\xc6\xbd\x1es\x16*c\xa6\xb3t\xd6\x9c\x8e\xfb\xbdk\xfd\x82ZI\x93\xce\xaa\xfb\xe4\xd2\xbd\xb5x\x94\xa0Cp|f\xcd\x04\x11u7\x97\x88\xe0\x8aj\xd2\xa3.\x9a7\xdbX\xbe5s9\xa3o\x81\xe5\x06\x967m&amp;\xa2\x8e\xa1\xad\xb5\xb5\xe6-\x7f:\x9av\xf8S\xa4\xaf\xa1\n\xb1ZO\xdc\xbbI\xfa\xe3\xf1t4\x9a\x867b;C\xc4\xb5"\x91e\x8fE\xbc\x9aa\x9d5\xe6FM\x84\xb9\x82\xc7f\xc7\xd6\xe2\x99\xfe~\xfey\x8d\x1e!\xe2)R_\xd9\xd4$\xd3Y\xab\x1a|7\xd1\x92 \xb1\xfc+W\xfa\xf3\xd7\xd6\xc8Y\x7f\x18n\xd8b\x93\xbe\x1em\x11\xef\x0e\xb1\xce\xaay\x05]t\xd8\x9a\xb5\xf5\xe3\xf5\xda\x92\xe2\xab\x97\xf8\x1aM&gt;\xb0\xa2\xdb\xd1xX\xff\xdb&amp;\x85B\xa5\xaa\x92?\xf8=\tO\xad\xb3p\x9a\xf3\xfbE\xfd\xfd\xa2{z\x9b6_\xcc\x07\x96\xdb\xedp&gt;g\xff9\xb1\xf4\x1d\xac\xc4\x14\xb0n\xb4\x94\x94\xe4\x97\xd4-.o9\xdc[[\xb3\xd1Lf\xdbo\x10]\x1f(W\r\n\xc5\x18\x19\xf6oo\xfb\xc3\xe4\xda\xe2\xe2\xda\x9a^\xc3\x17\xf9\xf4&gt;\xbe\xd8\xd22\x0e\x0b\xe0\xed(\xeb\x0fd\x9c\x91\xef&lt;h\x93o\xbeQw\xfat\x8b\xcd\x9f\x86\xa37\x14\xa2\xdfn\xc53\xd9m?\xe9\xfb|\xe0\xee\xddA\xbb\t#g72\x19\x18z\xb3\xc7\xb1E\x861M\xf5y\xbe\x86\xcf7aC\x90\xd6k\x96\xef\xcc\x1c\xf57j\xce\xf3\xb7\x9e\xa9\x94M[w\xaa\xa4%\xbc\x91\xa1\xa7\xee\'\x8e\x1c\xbd\xbf\xfb\x8a\xc8f\xd3\xb3\xa4\xbeS\xf1\xf4\xae\xc2n\xfa\xfa\xe6\xec\xf6?\xdf\x84B\xc6@,DD\xfd\xe1\x07\xe7++\x1b\x1a\xe4\x16l\xdc\xedv\xb2&lt;\xf1\xdc\xbf\xfe\xed\xce\xdf\xff\xbc4\x84\x9a\xa8=}\xa6\x84\xf4od&lt;/\'\xe1\xe9/\xb4\xf9\x1d\xfdf\xc3\x1f\x0e\xdf\xfc\xc3\xe0]`\xdd3}En\xbc!\xcc\xb8\xf4\x18\x9e\xd84g\xfc7\xf9\x82\xb22\x01\xb0 -\xe7;vO\x9e\xe1\xcb\x0f\xbe6\x9c\xfaG=\xb0\x0c7N\x15\x9f\xc2\x0ca\xff\xd6\xcb\xcdP0H\xbd{\x99\xcd\xfa\xc3\xb3\xc0\xfa]{\xfb\xe0\xafM\x0fL\xff\xa2\xd5\xfc_\x12\xcd\xb78\xde\xcf\xfd\xf2\xfc\x12\xc9\x83\xe6\x93\xc5H\xa2\r\xe3\xddRn\xa36Z\xe8@\t]\xd4\xa8\x8cAZdkJ\xab1l\xbd\x9az}\x9ca\x89\xd4;b\xcb^-7Ax\x9c\x91\xe9\x87\xec\x87\xc1\xdd\xb8\x93Ns\xc1R*Xa3\x98\xe9\xcbD\xb6\xb1\xedm`\xa6\xa8\xcb\xbd\xe7\xd3\xfd\x17\x9e\x0e\x18\x94?\xf4\xe2}\xce\xe7|\xf9|\xce\xca\xd2\xdb\xd5\'\xff\xf8\xe9\x87\xaf\xff\xf3\xef\xd9\xdd\xb9\x95&amp;&amp;\x9f\xcf\x1a\x7f\xac\x07\xac\xa7\x1f7\x96\x97\xb7\xe8C\xdb\x1b\xc8\xad$\xa3\xa3\xa3\xaf`F\x14\xb4?l\'\x08\xdf\xe6\xe6\xe6\xeb\x0f\xab\xab\x1f^|\x80\x80_\xba\xc1\n\x06\xcd\x86\xa4i`%W\xdc\x9d=x\xbb\xfa\xe1Y\xdckZi\x921\xc5b\x86\xa2I\x1f\xf8\xf6\xa9\xe0}m\xc7\xc4\xcbE\xda\xd4Z\x9e\xbb\xdaE\x17CO\xfe6\xd3G4\xf2D\xed8\xee\x8a;\x1c\xdeh\xd4\x14-\x1e\xec\x02U\xd4\x1b\xa3\x82A\xd2\x10\xf3\xae\xac\x98J\xf9b1oJ\xdc\xb745\x8d3Y\xd0\xeeO0\x9b|\x92ou\x03\x03\x0b\xaaX\xf2\xcd\x1amX\xb9\xab\xe2\x00\xae\xd0\xfc\xfcjT\xaf\xe1U5&gt;\xa8\xae\x93W\xf93\xd9l\xd2\x11-\xee.\xcd\xcd\x95\xbc\x0e\xe4D\xd2\x90B\x97G\xde\xe8R\xae\xe4M\xc8\xc7ec,&gt;\xba\xa1\x10\xb3\x9a\x06\x1e=\xd5\x8fw\xd8"\xb9\xa2l\x8b\xae\xc7\xa7\xe5\xdcyI\x86\x8b\xf0\xc0\x93Q=\xcek@\x13bkk(\xe4\xcf\xc4\xb2\xd1\xd9\xa5h\xa9\x14u8b\xe6\xf9I\xb3\x01\xb8\x92I\x87\xd7k2y\xb3\xb2pH+FC\xa4M\xdc!\x1b\xd0\x05\x9aT6i\xaa\xfc)\xb9HW&amp;M\xe7\xcfM\xad"\x8dH\xf23`\xc1d\xd1\xda\\[\xab\x05\xacp&amp;a\x8aF\xa3\xa5\xa8\xd7\xe1\xc8\x92\x93\x93\xce\x88\xc1\x10+$\x0b\x85d2\x9b\xcdd\x00Kj\xed\x84\x99V\nX}\x12\xa6M\xaa2\x1c\xee\'\xf7\xe8r"`9\xfa\xe5\x1a\\7\xb3\x04XC\xadZ\x86V\xbb\xb0\xb0\x10\x8ad\xb2\xa0K\xb4dr \xb5n\xb0\x16\x80+\x95\x8a!K\xa5\x0cZ\xd4\xb6Zm\xaa\x8e\xf1\x81&gt;\x1dK:\xe1\xa6h\xc4Bje\xdf\xd4[\xf0\x91\x999=.\xf7\x87\x00*\x02\xc2\x18"\xa9\xac\t\xb0\x90X\xf1Lpg\x07\xb0B\x91T,\x85\xbeK\x01U\x84\xf4\xb8\x8d\xdcAPk\xfcq_\x1fC\xe5\xd9!\x0fOiT+w\x9ex\xd3&amp;\xd7\xf4\x06F}\t\xf9\x90\xd6\xae\xd5j#`\x86\x98\x03a\x81X\xdel$8?\x19\xa4\x0c\x91\xc8\x02\xe0P\x14\x05\xd0@\xe5\x0c\x1a\xb9\\\xb7\x14\xa9\xa5\x17\xaa\x8ci\'\x8dX\x15\xe9\\1\xfc\x8d\xfc\xd1R\xef\xa8\xc4\x87#,\x8f\xc7L\x92p\xee\x90X^\x93\x17,K9\x9d(q\x19\x0c\xe0]\xd2l&amp;)\x8a$\xcd\x08\xcbht\xab\x84\x8a\x81&gt;\x1f\xc3\xb3\xb37O\xed\xef/\xd3\x96 J\xa5L\xdcT,\xf6IF\xf5.p\xa2]\xa9\x9c\xf6\x00\x16\x12\xcb\x11\x8f\xa3\x83\x975;\x9d\xc6\xa0\x13D2\x90\x1e\x8f\x12\xb8\xcd\xf0\x17w\x10&amp;!\x845\xee\xeb\xc3d\x99\x9d\xf4\x8e\x99&gt;\xac\x8a=\x90\xa3\x94\xcb?\xc2\x02\x81\x96\x1aKx\xc8&gt;\xdd\xafTzH\x7f\xd6\xebu\xb8,.\xc0\x8a\x96\x01cr\x07\xa9\x95Zp\xba\xddJ\'\xa2\x02\xa9&amp;\'\x8dn\xb7\xaa\x03\xd7\xeb\xdaWN#\xa4\xd1\xb9\x9f\xa4\rk\xcbR.\xe5\xf39\xbc&amp;0\xd3K@p\xd9a\xd0\xb1Z\xeda\x17\x84\xba+\xe1\xf0:@\xae\xd81\xe5\x0c\x1ab\x10X\xa0\x97\x11\x84\x0b\x06\x9d\xc6\xc9y\x088\x8fg\x82\x89\xeb{\x1a\xc7\xf6\x0b)\x83\xb3@m\xd1\x85\xb5V_\xce\x15\x8b%^{`F\x87i\x12U\xcd\x805\xdc9\x1dv\xc5\xe3q\xe4G\xc7\xdc\xea\xabh\xc1p\x9c\xcaz\x93\x10\xe9\xb1d\x04\x85T0\x88\xb0\xb8Jr\xa2cL\xd3\xab\xbbcM\x15\n\x05*6I[\xf1\xf9\xeae2w~\xbedy\x18\x98\xe9\xe1\x10.\xcbP\x97\xbasx\xb8\xdf\x0fu\xd1\x045\xdb\x94\xbb\xfa\xe1\xeb\x03S9[.\xbe{\x97\x8b\xa5 \xa3\xdep\x81\x07\xc1\x85J\xcf\x04k\x1c\xd3\x8d\xd4\xce\x93\x85\xfd}*\x92\xa6\xad\x85\xa8\\Oz\xcf\xaf\x8a.\x84% \\\ty\xeb\xdd\xee\xe1\xe1\xeeP\xdc\x1b\x9d\xdbt@\xb9\xfe\xfc\xe3\xd5n.\xea=\xcd\x1f|\xbe*\xc5\x0c\xa1B\xc1n4v\x02T\xa7\x1b\xc4\x122e&gt;]o-\x97,\x9c\xeeSf\xdaB\x0b\x12\x97#\x99\xbb:w&lt;\x90\xcc\xf4\xf4b5\xb8\xa5\xaa\x16\xa6/\x18(Ls\xcf\x1d.\xc7f\xae\x98/A\x11\xf2\x96\x0b\x85\xd3\xbc\xd7`6/\x14RJw\xa7\x91\x0bZ\x91\x06a\x87\x1cg\xeb\x04w\xb9\xe4\xfe\xa7\x02\xa9\xa4\xad\xb1\x81\xa3\x08AS&lt;_\xaaAX\x1c\xa2\x06\x97\xdf\xa9UwvO\x8c=^q\xb8\x12\t\x080\x08\xfd8d\xfaP\xc8\x90\x89\x90N3\xa44\xad\xb2\x93k\xec\xb4J\xb5\x0bB\x06O\xe3\x1b\xe1\xf4\xcfGNO)\xaa\x9b\xbe\xa5\x88\xca\r\xf9)\xf40Ks\x10\xf2-\x1c\x8c\xa8\x11\xf1\x9a\xc5\xfdJ\xa9\xaac\xccb\xa9\xaa\xaa\xb6X\x1e\xc8\x87\xc2\x16y\xb3\xdd\xae\ri\xa7Q\xf2X\xf0\xa0\xcb\xa5A\x9bX,d\x00\x16\xd6\x8bi\xcdp\x14\xcc\x91)\x1a\x1f\xef\xd6\xda\xbc\xd0?Y\x88\x9e@\x0f`a\x04.j\xe8RK\xa56)\xa3A^\x85l\xa89\x94\xf1w\xa9\xfb\xfb\xed7X\x90N\xdd\\#\xc2\xe2\xf3\x19\x0c\x86B\x83\xb5\x10c\xa4Re\xa6\xa8e\x1a\xfb\xf9\xcat"+o\xb8\xd38\x12\xd0\xb5\xb01\x82\xa8i\xe71\xf8R\x9bG\xd8 o\x9474\xd4\rA\x9b\xa3\xed\x87\xac\xd1=\xad\xd5B\x96\x07s\xcfs\xa1y\x90\xf2\x19B!K\xa6!\x04\xf8\xe0\xce\xbc\x87\xa4\x82[\x154\xda\xc6?3\xfe*h!\x02#\xbd\x02\xc0"4\n&amp;Kj\xeb`*\xf0\x07U\xad\xf5\xd0SP\x14\xaa6\x90B\xa7\xa7\xa7=\xf6\x89\x89\t\x0fw\x1e\xf9\x90\xcf\x80\tC\x86\x13\x02\x91\x8d\xcb\r\x9a\xa94\xadOw\x7fI\x87\xc3a\xb9\xa5E\xf2\x7f\xb5\x08B\xd4\xc8\xb4-\xc8\x1a\x1f\xb6\xd7\xd5\xd7\x7fc\xd7R\'\xc7\x87G\xc7\xc7\x90\xe9\xdd\xdd\xdd\xca\xe9P\x98\xd5\xe1\x9e\xb7Z\x01K\xc8\xe73\x1bE\x1av\xa3\xaas\xdex\xd2\xbdA\xe7\xa4XY\xb1\xb1\x9e\xc9d\x12\x08\x0bCF\xe08\xcb6\x8e?h\x7fx\xbf\xbe\xee\xf2\xf2\xf2\xf0\xe2\xe2\xfa\x02\xec\xf02\xa3\x9d\xee\xee\xf7gd2&gt;\xf4\x7f\x08K\x88\xb0\x08v\x95\xb2s2\x18\xdc\xa3{\xd8\xdfZ\xbf\x9f\xf8\xd3\x0b\t$\x08\x0c\xf3\x01\x98\x8651&amp;\xaa\xa9q\xb9\xe2ggg\xd7g\x9f\xc0\xae\xaf\xcf\x90\x953v\xbb\x1f\x7f\xcc\x1a\xb4J\xa5\xe0D!\x03\\\x8d\t\xaa\xedJ\xa0\xa2\xffi\x7fmqyo\xfb_=\x10[\x18\x07\xf3\xf9\x08\x16\x83\xc9\xd3?_\xca\x17\xf3P\xc5s\xf9\xeb\xb3\xe8u9\x0b}=\xfcf\xca\x845\xb8x\x10\xbd\x190\x00\x8b\xa5\xc0\xd9/\xd6\xd7\xd7\xd3\x8b\xb7\xb40\xb5\xf8L\xd2+\x00\xb906\x9b`\x82{\xe2\xf9\xcf?\xbe\x9d\xfd\xf0\xfa\xfd\xfb\xdf\xb6\xd3\xdb\xeb\xe9\xe5\xb6\xb6\xf5{\x9b\xb3\x07\xbb\xcf\xf5\n\xdb :\x87,\x06\x83\xc5l\xc4\x05\xbfo\xad\xad\xdd\x12Te\xc5\xd6\x0bI/\xfb\x1ev\x0f\xf3\xb1\t\x85\x18"\xdaq\xf0n\xf5\xf5\xb3?o\xff\xba\xbd\xb7\xb8\xb7\xb7\xb8\x95N\xa7\x7f\xf9\xed\xd9\xdf?\xcf6\xf1mp\x0e\x85\xac\x1b,P\xeb\xfdZ\xc5mmpA\xe0\x7f\x8f\xb08l\x0e\x87C4\xaa\x07\x07\xad\xfe\xf2\xa7&lt;\x04\xd5\xc5\xe5\xe5\xf4:\xb2K8\x91\xe5\xb3\xdciFm\x1d\x1cT\xab:\xd0\xdb\x7f\x03\x93\xa7\xe1l\xdf\xe6\x86\xe0\xda\x1f\x81\x11\x0e\x87\xcdf\xfb8\x98\x88\x0f\xff\xb85\x9c=\xfdt\xfd_d_.\xbe\xdc\xd8\xc5\xfe\xfe!)\x1d\x9c\xe2\x0e\xaa\xc5\x0c\x84\xc5\xe4)4\x9c_os9\xfc\xbb_$:$\x15\x1b\nc{\xc3K\xc0\x92[\xb2\xe5\xf2\xe1\xe1\x97\xa3\xa3#\xf499&gt;&gt;LQJ\xa5\xbdsj\xca\xaa\xe6\xb3n\x96o\x14"\x8c\xb3\\q\x9bX\x1f%=\x02\x84\x05\\5\x8d\xb5ju\xb3\xbc\xda\x92\xb8\xbc&lt;&gt;Bvrc\x90Q\xdd\x1erx\x8a\xab\x16\xa3\xad\x9b\x06\xa6\x02"\xfe\xc5b\xc5\xed-\x07V~\xf7\xb1\x07\xb0\xc0\x89\x026\x86\xb5\xf3\x9ak\x9b\xe5\x96\xeaj\x7f(t||txx|rbvv;\xfb\x95\x1e\xa5\x92;\x05&gt;l`2\x15@%\xd2\x8c|\xbfu\x8bX\xc8\x89\x92\x11\x01P\tZ@/\x97\xbc\xea\x0e\x0f\xb0\x86\x9a\xbb\xba\xb4!?TF\x98=\x86\x87\xa1MV\xba\x87\x87_\xaa\xf9\r\xe8\x82\x12\xb0\x88\x9e\xdf7n\x0f\xab\xb2\xe2\xab?$=\x7fm\x11 \xb9\xe0\'\xd6^\r\xddC]\xdd\xfd\xa1\xda\xb6\xb6\xbb]]]ju?4\xad\xdd\xd0\xd8(\xffG\xbb\xd9\x85\xb4\x95\xa6q|\x8d\t$\x12\x10\x0e\xc7S\xac\x13\xf3e\x86|\xe7p\xdc\xa4\xe4\x1c1\xd1\xc4r\x92irb4\x9aX\x19Ha\x13b\xc2\xb4Sq*\x11\xfb\xc1`\xdaj[\xd9\xa5\x9b\x0b\x99\xc2\x0cK\xc1\x08-t\x19\x16/:\xd5.\x14\x0b\xbb7[\xf0\xa2{\xd3\xab\xb2\x17\x03\xa5\x85\xf6r\x97\xfd?\xc7\x99\xbd\xee\xb6=/)\xc1\x1b\xfb\xf3\xff\x7f\xde\xe7}\x9e\xe7\x9cw\x06b\x85U\xa8@ \xe9\xd7\x18\xeb\xc9\xabb\xb3\xd8\x10\x7f\xc5\x12"\x0e\xd4Z\xde\x1a\x1b\xb3\xe5\x82\xc1\x1c=\xc2;U?u\x19m\xe2\xb7\'\xbfAh\x8d\x07\x08\xab\xbf\xb7\xa41\xd6\xdf;\xc5F\xb1Y"\x17\xc1\xc5[\xe48\xc7\xbac\xe1\x98\xcdf\x0b\xdf^\x81T\x9f\xdfY=u\x91\x9e\xc0\xce|\x13\xc4\x11M\x0e\xa2\xa8i\x94~\xd6\x14\xeb~\xab(6\xc8F\xbf\x1fdvKR^\x1c\xab\x91RA[n\xe5\xe4L\x9d\xda\xd5:\xaa\xe5\xfa\xcc|&amp;w\x0cX\x91~P\x95\xfc7_h\x8cU\xb0\xfb\x1b#\xcd\x86X\x02\xd8 \x8f\x02\x82\x0b\xfb\x82\xc1\xcc\xfa\xfa\xc9\x99\x99\xcbj\x17}\xe1\xc2\x9d\xdf\x9d\xbc\xbdr\x02\'t\x00\x9b\xd0:X\xf2[\xad\x1ac\xd9\x0bv\xbb\xbfYl6J\xa4\x98\x1d\\\\8\xb7\x9e\xcb\xad\xac_\xbcH3\x87;\xe0\xfa\xfcB}\xfa\x87[\xc7\xdc\x9e@Du\xd0?\xd5\xdf\x7fxU\xcb\xbc\xf5\xa38\x87\xb2Fl\x8e\x14\x1b\xa5\x92(\xc2\xc6t\xbcf[\x99^Y\xf9\xea\xaboQ4\xa3\x8f\x06V\xbd&gt;\xfd\xd7[\xae\xffQ\xf5C3M\xb1~\xf3\xbc1g\xb5\xf6B\xaf\x11\x18\t\xc5\x06y!\xca\xd5\xa6\xa7A\xa5b\xfd\x81\xfa\xfb\x0b\xa7f2a\x97{&lt;\x92\x9c\xea\x1dl\xf8\x03H^\x0b\x87O\xb4\xc4zV\x98\xeb\xb5X,\xbd\xc4\x05\'\x1bb\x8b\x17\xe2H\xf2+\xeb\xeb\xea\xe0\x08Lu\x84\xfbz\x8e\xf5\x8c\xcb\x82\x05q\xe8\x8f\xb8@\xa89\x16z\xfddR\xb0\x88##\xaa`\xbb-&gt;\xcd\xdd\n\xa3\xdd\xb9xDu\n\xa1\xbf\xeed\xb9\xb8,\xa0\x00\x12\xc5~*\xb84\xc6\xeayI#\x88\xa4\x9cL\xf2\xa5\xa6\nvp\xd0\xe2eN\xb2\x1d\xc9u\x19\x8d\xe2\xfc|\xa2\xca\xc5A\xd5i\xb5\xfc\xe2\x94\x1be\xf3\x80\xd6j\x1d\x16\xe7\x08KN[\xec\x8d\xe6\xc8&amp;\xb8\x9a\xe0\x12 \xd8\xediD\xd8:\x9a\x9e`\xd5\xeb\x90\xd3B\x87o\r\xb6D\xeb\xf81\x1fU\xa7\xdabM\x1e\x9e%\xacx4\x9a\xe6\xfd\xe0zw\xa4\xd8.\xcf_\xda^\xdc"4[l\xcb\x91\x8d\n|\x0b\xcb\x8eR\xd1\xedC\xe1&lt;0\xaa1\xd6\x8b\xe2iR+K\xff\xb3\x08\xae\x91w\x9bk\x9b\x9bDf\xb7lo/\x8e\x8d\xc1\xbet\xba\xc3\xef\xee\xb6Z&lt;\xdf\x1ba}\'\x80un\xf4\xcc\x0b-\x13\xc4\x93W\x85#\xach\xb4\xd3i\x11\xd6\xe6\xda\xda\xda\xf2\xf2\xf2\xda&amp;\xc8vy\x0bO\x9f\xd6\xee\xc1\x01\xb6\x02o\xa5A\xc5\tz\x01Hc,\xd3\xab\x82\x1fXi9\x1a\x15\x04~\xf7\xa0IX\xcb\xcb\xe7\xcf/-\x9d\'8\x84\x1a\x85\x1b\x05\x9c\x1d\x07&amp;\x02\xcbw\xc2\xf7\xc5\xc0\xb9\xd1\x05M\x0f\x1f\xd3\xab\xe2 %\x88t\x14.vH\x96\xe6\xe6\x1a\xa8\xc0uei\xe9\x88my\r\xd2\xed\xda\xed|2\xe0\xcaA,\x15\xeb\x8c\x96XTn\r\xa2\xb7H\xa6\xdb\xd1l[P\x03\xfb\x80^\xfb\xbbr\xe5.&gt;\x7f\xa2\xb7]\x80\xb6\x06*\xdeBT\xf4(Q{\xac\x9e\xab\xed\x02\xb0,\x97\xd2\xe0\x8a\xb6\xdbB\xa7\x03\xc9\x9ak\xd0\xea.\xad\xc7\x8f\x1f\xdf{\xb8Y\x14I\xd0\x88\x07\x9b\xf0\xc4\x8a\x8f^y\x03\x96\x96\xf5\x16\x9a\xea\xc2\xe9\x9b\x16\x8b\x90&amp;\x17\xdb\xedv\xe7\x08lW\x14K`\xe9\xc7\xd1\x8c\x7f\x91\xc88\x8ae\xd6\x15\xf3\xf9|\xd3\xdf\x7f\x81\x88\x07\x96\xa2\xa5ZO[\x05q\xd0\x92$\xacv\xbaMr\t\x82\x00\xe1\x1c^\xa7\rE\x17*\xf9\x99\x9dL0\x1cs\xb1\x1e\x0f\x1b\xb6\xf9r\xd3\xdfO\xe3\xec\x01VV\xcb\xce\xe7G?a\x81\n4\xf8j\x0b&lt;2|V\xda\x0b&amp;v\xd45S_\xad\xef \xcf\xbb\xc7\xfb#c\xb5\xb0-\x87\x93\'\x8c\xb3gtAC\xac\x9e\x9e\xe7\xe2\x9cH[\x91\xb0\xacB\x9b\xb0:m\xc5\xbb\x97\xd8\xd9\xdf\xc7g\x7f\x7f\xf5\x9f\xab\xfb;\xc1*\x1b\x89\x04\xd80\xb0r\x88\xad\x81\x81\xafG\x17\x14\r\xd5\xeay\xd9(\x94\x08K\x8e\xc7\xb3r\x9cR\xbd\x8a\xe5\xad\x1e\xe9\xb5__]]\xddO\xecy\xd91\xce\xe3\xcaQ-\x8d\x88\xc7\x918:\x95\xd2\xd2\xc4\xc3\x82\x8a%\x07&lt;.\xa7+\xa5(*V6%\x81+\x01\xae\xfd\xd5\xd5\xbf\x81\xaa\xcar\xdc\x98;\x1c\x9cOd\x824\xfe\x1e8\xf7\xf5\x94\xf2\x0f\xcd\xae\x7f_\x1bz],\x95\x10\xf2\x11t\xd3\x08q\xaf" k\n\xd1l*\xe5u\x06\xc9\xc8\xfa&gt;Q\xb9\x1c\xf1\x00\xe7\xb6\x05\x13h\x1d\xc3\xea\xbd\xa4\xc0T\xfb\x11\xa3\xd1m\xe6I\xe6\xfa\xdb_\xb0&lt;[[1[\xb0*\xb5y`\t\xd1TJ\x91\xc05OPN)\xc5\xc59\x0f\xe7\x0e\xa3\xcb\x0e\xe6\x8e}\x86\x0410:e\x7f\x19\nir\xd5t\xf2\xc1\xa3\xb7\xcb\xc5\x92h\xef\xb5D\xc6\xb6\xb6n\xa1eu\xc2\xc5V\'\x1dU\xb0R\xde*\\sJ\xe8\xfd9Z\xe8\xb3s6\x9b\xefX\xec\xb3\x017\xd4:\xddzd.?\xf8\xf4\x82M\x1a*\xffYzX@\xda\x04\x167\xb6u+l\xb3\xb9\x14T\xc6&lt;R\xab\x92U\x14N\xaa\xe6\xaa\x92C\x92\x1cJ\x8as\xb0\xe1`\xce\x16\xf6Q\x92\xf7\x90\x89\xa7\xe7^3}\xe5r\xc8\xf4\xa9\xb5\n\xfdk\xed\xde\x8dB\xc9\x8f\xdaE^\xdc\x82\x8b\xd5\xb0K\x8a\xb7)\x9ff\x15\xc8\x13_\x1cs\xd0\x98D\x92\xbc)\x87C\xf50\x17\xcc\xe4|.\x0f\x0b\xac\x9bs\x9d\xa7F\xfd\x03\x80}\xd2a\xe5P\xb9\xf2\xe6\x8f\x0fo \x9b\xdai\xf20Vck5\x97K\xca\xa6\x85h\x94\xa4\xcaf\xe3\xdb\xdbq\x8esH^\xa7\xd3\xcb:\\\xf00\x98\xc8d\x826\x17\xcb\xb2\x01\xeb\xcd\x9f\xac\x1b:\xe3\xc4\x04S\xce?\xf8dP\xc3\x0f\xca\xcc\xf5w\x7f\xbe\xf1]A\xb4c\xf3]\x92\xc7Xw\xad\x16sI\\\x9a6\xa2\xd3+!\xa0\x16\xb7\x17A\xe5\x04\x95$\xd1N\xcd$\xe6\xe7\xe9$r{&lt;\x01\xeb\x99\x9f\x92O\'\xf4z\xdd\x84q6\x1f\xfa$\xa9b\x12J\x95g\xcd/\xd7\xce~G/\x06\xf2\x83\xf4\xf8\x15)\xc2\xe9t\xb1\\\x94Nm\x89P\xd4X\'\xad\xf0\x83C\xaa&amp;\xe63\x99\xccN\xc2\x16\x8bQ\xd3?\xb5pF\t\x1d\xd7a\xe9\xcd\xf9G\x9fB/Sh\xa32\x1bb\x80\xf5\xe5\xef\x815\xc8\xd3\xe0\x01\x99\xab\xf6\x0bV;\x1aw\x90q\xa4\x17G\x91\x05\xc4\x14\xa8v\xe6\xb1\x82\xb6p\x8d\x1d\x8fD\xac\x0b\xbf=4\x98\xba\'&amp;\x80\xc5\xcc\x96\x87&gt;\xbe\xc4\xcaoT\x18,`\xcd}y\xb6X\x1a\xe4iL#\x93\\.\xa7\x9bC\x13\x14\x8d\x93Z\xaa\x8f\x9c\xc3\x0b\xc2T\xca\x99#\x03\xe73\x89#,R+\xf0|\xc8\x04.\x9d\xce\x1c\xea\xca\xe7\x87&amp;?2\x85nT*\xb3f\x86\t\xf5]\x7f77\x07,uJ\x93\x94#\x8btC\xc4\xeb\xc8\xa6\xd3r\xdcA\xc6yk\x12\xebp\xa8b!\x85%\xc0\x85,\x8f\xd0\x8a\xb1\\\x00u\x98\xf7\xfeq\x93\xc9\x04\xb9\x98\xd9.\xa6Ra\x86&gt;"\xc0z\x0c\x15\xac\x90\xaa\xd6\xc6\x9b\xc2\xe9"\r(\xed\x96K\xb2\xac\x8e\x01\xbd\xdeT\x16\xc1\x15\'\x98j\xb5J@X\x92\x13\'$E;\xd2)\xa8\\\x9ex \xd0\x1fxf\x186\x11\x97.\xc4\xe8\xbb\x18s\xb9\xcc|x\xd2\xbfV\x9e\r\xe5U\x0f\x99P\xe8\xf5Ho\x81^\xd1\xa5:\x1dT\x0e\x16\x10\xa9(j\x1c\x996`\xd5Vu:\xf7\xf6\xf6\x9cp\x91\xc4\x82T4\xb9\x8c\xd5\xdc*V\xea\xa9\xa9\x1b\xa1e2\xe9g\xfb\xf4z\xbd\xa1\xcb\\\xce\x97\x87?4\xae\xf2\xe6\xbe\xd9\xbcJ\xc5\x98\xff\xf2\xae\xb7AX\x14]\x02\xb0\xc81J\\\xe0\xca\x82\x90\xf4\x02\x16\xe9UM\xfc\x8a\x15s\xb9\xddl \x12\x91\x9f]\xa5\x80\x07\x96!d\xd4\xe9\xf5FC\x9f\x11I\xff\xea\x87e\xd0\x8a\xd9\xa8\xefc\xfa\xcc\xaa\x8b\x8f\xde\x8e\xf8Gh\xa6eGM*\xc7\x95\x94\x83\xf5z\x95\xac\x9cF\x8ePR\x04\xa6Z\x88\xef\xe0\x0e\xdd\x10A\xb8\xc7\xdcX\xc8\x0f\xfd\xca\xd3aR\xcb4\xd1\xcd\x98\xf5:\xa3\xbe\x0bK\xa7\x0b\x01\xec\xff\x8b\xfdIS\xa8\xb2\x917\xabz\x1b\xba\xfa\xccf\xc6\xcc\xbcY\x12\x8b\x05\x1a\xca\xdbQ0\'\xe3)\x16\xe9 \xa5DQ\xcbce\xd5\xbc\x95JQ\x98\xa9b\xe5 U\xcc\xcd\xbaY`%\x9fu\x81\x8a\xe4\xd23\x86n\xa3\xd1\xd8\x052\x03\xfe\xe4P\xa5lx\x7f+\xaf=\tU@\xd5\xa7W\xf56\x12\x17c\xd6]_z\xd8h\x88PKma\xe5\xac\x03\x0c\x92\x92\x8df\xb3YJ\x13\xb48T^t\xf9\x07\x16V]X\xb0\xd03\x1e\xe8\xff\xf9\xfeq]\xb7\xba\xcc\xe03\x1a\x0c\xc6!\xbd\xc1`\xd0\x0fw3!\x9cF\xef\xf7\xf8\xf3\xda\xd5\x10m\xc0\xd9.\x9d^G\\FD\x02\xb0\xba\x8co\xeen\x96\x08\xcb\xae\xbe\t!+)\x88\xa3\x80\t\x15D\\\xdd\x9c\xa8o\x90+\xaa(\x97\xb1\x01P\xc0R\x07\x14\x18\x0fd\x9fOt\xabX&amp;x8&lt;i2\xe8u\xdd\xf4k\xf5\xc7\x87\x87\xbb\x98P%\xf4\x1eV"(\t*\xcf\x18u\xeaa\xa13\x1a\xf4*V\x9fq\xe3\xdf\xf7D\xbf\xfaL\x98\xef\xed\x15\x8e\xb8\x90"\xe8\xac\xc6Q\x1d\xc7\xd7\x91\x89\xff-\xe4\xfc}\xdb\xb6\xd30.\x92_\n$B1\x12m\xba2\x11_\x02\x87\x81\xec\xf8z\xbcFP\x8b,Q\xd4F@\xd2\x03\x92\x82\xedA\x13\x07/\x0e4\x16F\xa7\x0e\xde\xceR\x84z*:x\x142x\xb2d\xc0\x92\x8a\x0c\xeem\x8d\x90\x03\x8c\xb3u\xb0=\xd87\x1d2d\xc9\x9fp\xcf\xf3Rv{8\x14\xfd\xfa\x87l\x07\xa2&gt;|\xde\xe7\xfb\xbc/%!H\x06h\x05\xbb\xcf\xce\xd6j\x9f.\xcf\xbd\xd9C\xdf\x01\x14\xf2ax2:0Z\x060\x81\xa5\xdb\xe5\xb2m\xfa~\x14\xff\x1eXY\xa0\xd0n\xe0L#\xbd\xafJ\xab\xe8\x80\xeb\xf4\x9b\xbf\xfe\xf1\x0f\xc4\xba\xce7\xda\\a\x81\x0b?`\x16\xc4\xed\xe2]\\\xf0\x00\xabz[\xc4\xaa\xd5\x96\x97\xff\x8d$5\x84*\x88\xc7n2\x1e\xc5-\xdb\x0eqh\xfc\t\\\x96\xa6\xf9H\x8b=\xfb7\xc9Z{\xabq\x1c\x83*\xd2Th\x10\x0b6\xc0\xb61qO\xdf\xf1\xb5UlF\xbe\xc2y\x9d\x9f\x0b\x8f\x9e&gt;[|"\x81\xfa\x03\xb9\x9eQ.N\xa9\xac\xe1\xad\xdb\xd5;\xc4B\x15\xdf\xed\x03H\xa0\xec`\xd4wK\xa5~\xef\xadj\xd9:\xd5\xb2\x03\xd4\xd1\xd2L\xe5\xac\xc5Q\xf4\x1b&amp;\x83\xa7\xe2F\xdc\xe9\xc4\x9e\xa9\x870\x82\x01g\x99\x96\xae\xf9\x04\xf3}_\xb3\xda?\xff\x08g-\xdc\xbc)\xef\x1cy4\xf7d\t[\x91\xd1u_L\x0f:\xd4\x90/\xb5&lt;g\xbe\xd3\xf1Kw\xcf\x0c\x89wR5z9\x17\\\xee\xf1\xa0\x13\x96\r\xa5B`\xb5Ze\xd9\x98\x0e\x12;\xf2\xca\xff?\x15\xaf\xc6k\rR5\x9c\xa9\xad \xaf\xe5\xb4\x07\x87\x17\x1eD\x13.\xed??\xdf\\\xc06\xfc\xf2\xcb\x9b\xd4\xeb\xe3e\xb4\xc1\xa7\xbc\xc8\xfe\xfc\xde\x02\x9f1\xb9\xbfx\xa7*X\x95;\xc4BB\xdc=\xdb\x94\xae\x03\x00\xa3u\xd1/\x16\x8b \xcb%\xdd\xc3a\x83"\xd6\xa1V\xd9\xd04\xa5\x9b\xa8\x86\x03\x97\x95\xff\xe7eUt\xa98\x06\x15\xbc\xee[\xd0I\xd7!\x90\x17\x0f{\x93R\xb1{`h\xf0\x17\x96\xe9\xbd\xff\xdb\xbdG\xf3\x88\x87G\x0b\xc0\x9a\xffpyvv\x91e\x04\x15[\xe5S`\xc9\x14\x8fQ\xb9\xd9D\xeb\xb9\r\xaa \xc5\xb2\xcbq\xcf\xcd\x01\xabT\xa2f\x93\xf1\xa0c\x06e\x03\xff`\xe8\x08WC\xf1\xb4\x9d\xe8W\t\xdb\xda\x83\xa5\x1a\x11\xa8b\xf6\x06]L\xa5E\x9d\xd1\xb8\x9f+\xe2\x10\xa7\xa8\x9f)\\j\xf5\xfd\x9f\x1f\x7f\x8c\x8f\xc7\x1b\x90k\xfe\xd3\xd9\xa5\xa5\xc5gsL\xfa\x8d{\x9fsh\xe6\x9b\xc3oU0\x91.\xe1\xda\xa8*T\x01\xeb\x87\xef\xc6i\x1fB\xe5XE\xa0\xc1c\xdd\x93\xb7\xb1\x02550\x95M\xb7`\x1e\x03\x98L\x17-\x15\x01\xca#U\xc3A\xe9\x10S\xbei5\xda\x83n\xa9X\x80\xe6\x90\xab\r\x8fY\x9a\xb4\x8c\xd7\xef\xf9\xf0|9\xe7\xfaw\x1b\x1f\xd6\x96\xaaw\xc0\xf5\xf0\xb1\x84)zv\xa5\xc2K"\xf4\x9cj\xb3\xf2\xfc\xa7\xb3\xcd\x16\xa1HUo\x1dt\xdd\xa4\x94c\x11\xb1JI\t|\x93A\x1c\x06\xe5\x10:\x98\xa6n\x87\xb4\xafeF\xb1G\xef{\x84"U\xc3\xd3\x94\xc5(\xd0\xb4\xb5\xe1\xe1\xb1\x0b\xc1\x8b\x85&lt;V\xee\xa4\xa1\x04\x0bw\xab\xaf\xfe\xeb\x87\xda\xe2\xfa\xfa\xfc\xc6\xcb\xef^b\x1alV\x9b\x8bs\x8b\x0f\xd7\xc1\xc4\x8f\xcaJ\xa5R\x9d]\xaa\xe22\xf2\xf9\x9b\xfd\xb0\x9c\x1a\x8b%\x8c\x0e\x01C*\x11\x0c\x92\xa1\x90\x87m\x18Y\xa8\xa7\\xhKG\x13\xc7\xfc\xdahD\x98d\x01\xe5\xa0Ph\xcb\xbe\xd7&gt;\xed%\x85\x82@egf\xb2\xf9B\xff\xc2d\xd8\x03\xcb\xb4\xea\xde\xd1\xfd\xf5\xe5\x1a\xc0^\xbe|\xb0\xbd\xd5l6gk\x9c\'\xb8\xf8\xdc\xc3\n\x06\xd2*\xa2\xeb\xa7\xa3\xdd\xe0\xcaWp\xf7\xa8\x9f\xc3\x01\x0b\xf8\xa2\xbb\x8a\xc5\x82;\xbe\x88\xd0Dp\xa6\x86\x85\xd1UY\xa8#|O\xff\xaf\xaemf"\xc7\x89\x08\xe5\xb3\xf5yNL\xa1\x00E\xa1\xb2\\\xf9|\xa10\xee\xe0^\xb4=rL7\xcf\xde=\xac\xd5j\xe0\x9a\xff\xfa\xc6\xcaJuK\xde\x1d\xd8\x9c[\xac\xcd\xado\xdfX\xf9\xa2\x82\x8bDHE[\x89\xaf\xc8UowQ:\xd0\x14e3\x82\rR\xe1,\x15}\xac!\xaaC\x1b\x89\xa1\xd3\xf7&gt;\xb8\xa28C\xa9&lt;G\x96\x07\x9b\xf7\xfaE2\x15\xa4~B\x87\x1fr\x87\x91E\xd7!)\xc0U\x7f}\xf4d\x07\\\x1b;\xdb\x1f|\xf2\xedW\xb86knm\x11\xae\xf6\xa0v8\x97\'\xbc\x00\x00\x03\xf4IDATc\xe5\x93/V\x9e\x7fv\xb6[\x0e\xe8v\x89\x06\xdc\x1c\x8c]wj*2\x01j\x08;c\x8c\xc3\xees\xa8\x91o\xe9(%\xc4c\x16\x99\xba\x97\x89PD\x8e.\x9e\xd3h\x9ftQ=\x11\xfbj\xa1\x8e\xd9B1\x19\xf8\x16\x17\xc1\x94\x1eh\xaf\x8f\xde=\xde\xd9Y\x17,\xae\xef\xb7X\xcf\xed\x07_\xff\xe5\xa3\xcagG\xfb\xbb\xa1H%\xd1\x8e\x9b\xf2A\xaf\x94Z=I\xc4U\xbda#\xad\r\x174\xb3\x00\xe7\x9bv9\x081H![}=C\xa98\xe8\x89\xcd\xa1\x0f,\x99\x13\x9c,\x8c\x85\x95\xcdR\xb9\xfeHS\x1cs\x84\x0bgf\xee\xee\x1f\xbd[\xdf\xfe\x8a\xef4\xfd\x96\xef7\x05\xd7\xd6\x83\x9d-To\xf7\x1fvK.(R\xbb\xdb\xe5z{\x8cP\xc81\xae\x12\xae\xc9I\x07\xed_c\xe6\xc8\x99\x1a\x86)\xa2i\xa6Qn\xe9\xec)\x8e\x9f\x91\xd9\xd3\xeb\x0c\xcf\xfb.k\'\x0b\xb6\xe2\x7f\xa6s\xed\x1a\r/\x84\xd9\xfe\xc8S\xe9\x98\x93V2\xa8\xfb\xbb\xaf\xcf\xde\xfc\xfdO\x95[/^\xbc\x80f\x15\x0c5o^\xed\xee\x19\xd8~F\x8a\x841\xd90\xca\xfe\xb0\xcbS\x95h W\xf7\xd4\xabs\xbe\xb4tJ\xa3\xa3k\x87\x86%\xd3\x00Hb\xa7\xce\x11\x0fX\x8e\xe6\x1d\xd0RyjD\x9fC\xa2\x94i\x86~\x17(\xfc\xd4\x1fx\xba\xa5_UR\x85\xf5 P\x9b{\xbb\xfb\xaf^\x9d\xbd:\xc2\xd7\xfe\xee?7\xd3H0.\xb1\xa8U&lt;\x98\xe4d\xb9\xf2\xad\xd4\xbd\xc0\xf9!;-\x03\xb3 \xe4R\xe0\x82\xf1\xd9z\x1d\xa7}&gt;\xe8\xe8|\x90\x8c\xb3\xf6v0N\xc4\xdaR\xb7kS$2\x912-d\xbeXH\x06\x91!\x82\x99\xa9`|NA\xae\x1bB,\x83\xda\x04$\te\x0eM\xebW/\xdb\x07\xe7\xc9\xa5T\xc4Jzo\x11\xd6\xe8\xb8\xc8u+]&lt;$;\x0b\xaa\xa7_\xf4\x93\xf1\x05\x04\xb32\'\xbdI\x0e\x8f&gt;\x05H\x89\x04$e\x9a\x16\x92J\x96N\xd6p}\xc0\xc4O\x1d&amp;GT\xe98\\7\xc2PFPN|,^j+\xe7\xa2+4E\xe9;n\x0e\xb6b*p\xa0W\xf5)\x16O\x11\n\x0b\xd7 q\xdd\xc9 \xb2\xadL~\x86\x1a]\x1a|&amp;\xad\x98\xe4\x15\xa1\xa4\x8e\x12a\xb8qq\xaa\xea\xea`\xa9\xd3,zC)NA\n\xaaa;\x08\x91\xc1R\x06\x9d\x13LX\xeee\x05Q\xc0Q\x03\x8f\x8d\xa1\tA\xc0N(\xa9\x83\x03a\xbf\x86\xb8\xa3\xe9\x1c\xb2c\xf6O\xd6\x8cL&gt;?u\x8f|\xcdL#4{U\xbcb\xea.I\xb1\xdc\xf1 N\xdd\xc5\x03\xf2\xc2H~"Q\x8a\xc5\xe9\x0e\x8a\t\x94m\r{\t\x9b_n\xba\x92\xf3\xb6\xa4\xa5a(6\x1b\x0eN\x8aV@b\x05h&lt;85g\x8c\xb3@\x8c\xf4\xda\x99\xd4A\xf2\xc8\xf2\x99.\x81\xca\x17/\x93K\xb6\x03\x7fIzCO\xe3\x1cmR\xacpz\xb6$\xb3t\x8a\x85\x9d\x15*\x9dj\xd5;\x83c\xc6\x01\x83J\xd2\x01"Hg\xd5\xa9\x95\x89\xddg\xc9\xb5\x06\x1a\x0f\x06\x1cd\x82\xa6\xec\xd5.de\xbeu3)\xc5T\xa6+\xa44\x19\x90\x17ROF&gt;\xa3\x1f\xbf\xe7&amp;\xe7C4X\xc6\xb1\x98+\x14,\x95b\xe1W\x03\xa8F`[\x8d\xd3q\x9fL\xec\xcaB59\x8d\x11\xdfTK\xb1\xb9\x1a\xb4\x96\xe2\x18\x0c[\xd9\x8a\x03\xb0i\x1c\x1c\xe7J\xe9\xae\xcd\xcc\xfc\xcaU\xd9_\xe8\xc4Q\xe9\xee\x145S,I\xdbI\xef\xb4\xdd\xf0E$l\xef\xd0b\x1dt\x12)&gt;\x0e\x82CE\xed\xc1\xb8_J\xfa\x84J\x84\xabt&lt;j 0u\x0b\xfd\x0f\x93\x13\x10\x14\xb7\xb3i\xd9\x016%\x94\xe3\xf8`\xb5\'\x086\xd7\xc5\xac\x98\xf9%\xcd/+\x99M\xb7\x9e\xd4\x94\x86/\xc8_\xe8-~`\xb9\xc9\xf1\xe1\xa8\xddi\xf8&lt;4G4\xb9\xa2\xa4X\xb8\x80s\xa2\x0e\xfaE\xc2F\x03"~C\x11\x99V\xd2h\x18\xa3t$\rO,\xb4h\xce\x0c\x8aO\xc8\xf9~\xfb8\x99L0\x95\xe5J\xff\x05\xf7\xca\xa2z\xe7\x85\xe6\xd5\x00\x00\x00\x00IEND\xaeB`\x82'</t>
        </is>
      </c>
      <c r="M566" s="3" t="n">
        <v>45492.6787962963</v>
      </c>
    </row>
    <row r="567">
      <c r="A567" t="n">
        <v>1641101</v>
      </c>
      <c r="B567" t="n">
        <v>7314</v>
      </c>
      <c r="C567" t="inlineStr">
        <is>
          <t>Marcão</t>
        </is>
      </c>
      <c r="D567" t="inlineStr">
        <is>
          <t>Marcão</t>
        </is>
      </c>
      <c r="E567" t="inlineStr">
        <is>
          <t>ZAG</t>
        </is>
      </c>
      <c r="F567" t="inlineStr">
        <is>
          <t>ZAG</t>
        </is>
      </c>
      <c r="G567" t="inlineStr">
        <is>
          <t>ZAG</t>
        </is>
      </c>
      <c r="H567" t="n">
        <v>192</v>
      </c>
      <c r="I567" t="n">
        <v>14</v>
      </c>
      <c r="J567" s="2" t="n">
        <v>37025</v>
      </c>
      <c r="K567" t="inlineStr">
        <is>
          <t>Right</t>
        </is>
      </c>
      <c r="L56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e2\x03\xbcICC_PROFILE\x00\x01\x01\x00\x00\x03\xacKCMS\x02\x10\x00\x00mntrRGB XYZ \x07\xce\x00\x0c\x00\x01\x00\x12\x00:\x00\x15acspMSFT\x00\x00\x00\x00KODAROMM\x00\x00\x00\x00\x00\x00\x00\x00\x00\x00\x00\x00\x00\x00\xf6\xd6\x00\x01\x00\x00\x00\x00\xd3+KODA\x00\x00\x00\x00\x00\x00\x00\x00\x00\x00\x00\x00\x00\x00\x00\x00\x00\x00\x00\x00\x00\x00\x00\x00\x00\x00\x00\x00\x00\x00\x00\x00\x00\x00\x00\x00\x00\x00\x00\x00\x00\x00\x00\x00\x00\x00\x00\x0ccprt\x00\x00\x01\x14\x00\x00\x00Hdesc\x00\x00\x01\\\x00\x00\x00\x83wtpt\x00\x00\x01\xe0\x00\x00\x00\x14rTRC\x00\x00\x01\xf4\x00\x00\x00\x0egTRC\x00\x00\x01\xf4\x00\x00\x00\x0ebTRC\x00\x00\x01\xf4\x00\x00\x00\x0erXYZ\x00\x00\x02\x04\x00\x00\x00\x14gXYZ\x00\x00\x02\x18\x00\x00\x00\x14bXYZ\x00\x00\x02,\x00\x00\x00\x14dmnd\x00\x00\x02@\x00\x00\x00ndmdd\x00\x00\x02\xb0\x00\x00\x00\xd1mmod\x00\x00\x03\x84\x00\x00\x00(text\x00\x00\x00\x00Copyright (c) Eastman Kodak Company, 1999, all rights reserved.\x00desc\x00\x00\x00\x00\x00\x00\x00\rProPhoto RGB\x00\x00\x00\x00\x00\x00\x00\x00\x0e\xfe\xff\x00P\x00r\x00o\x00P\x00h\x00o\x00t\x00o\x00 \x00R\x00G\x00B\x00\x00\x00\x00\rProPhoto RGB\x00\x00\x00\x00\x00\x00\x00\x00\x00\x00\x00\x00\x00\x00\x00\x00\x00\x00\x00\x00\x00\x00\x00\x00\x00\x00\x00\x00\x00\x00\x00\x00\x00\x00\x00\x00\x00\x00\x00\x00\x00\x00\x00\x00\x00\x00\x00\x00\x00\x00\x00\x00\x00\x00\x00\x00XYZ \x00\x00\x00\x00\x00\x00\xf6\xd6\x00\x01\x00\x00\x00\x00\xd3,curv\x00\x00\x00\x00\x00\x00\x00\x01\x01\xcd\x00\x00XYZ \x00\x00\x00\x00\x00\x00\xcc4\x00\x00I\xbd\x00\x00\x00\x00XYZ \x00\x00\x00\x00\x00\x00"\x9c\x00\x00\xb6&gt;\x00\x00\x00\x00XYZ \x00\x00\x00\x00\x00\x00\x08\x06\x00\x00\x00\x06\x00\x00\xd3-desc\x00\x00\x00\x00\x00\x00\x00\x06KODAK\x00\x00\x00\x00\x00\x00\x00\x00\x07\xfe\xff\x00K\x00O\x00D\x00A\x00K\x00\x00\x00\x00\x06KODAK\x00\x00\x00\x00\x00\x00\x00\x00\x00\x00\x00\x00\x00\x00\x00\x00\x00\x00\x00\x00\x00\x00\x00\x00\x00\x00\x00\x00\x00\x00\x00\x00\x00\x00\x00\x00\x00\x00\x00\x00\x00\x00\x00\x00\x00\x00\x00\x00\x00\x00\x00\x00\x00\x00\x00\x00\x00\x00\x00\x00\x00\x00\x00\x00desc\x00\x00\x00\x00\x00\x00\x00\'Reference Output Medium Metric(ROMM)  \x00\x00\x00\x00\x00\x00\x00\x00(\xfe\xff\x00R\x00e\x00f\x00e\x00r\x00e\x00n\x00c\x00e\x00 \x00O\x00u\x00t\x00p\x00u\x00t\x00 \x00M\x00e\x00d\x00i\x00u\x00m\x00 \x00M\x00e\x00t\x00r\x00i\x00c\x00(\x00R\x00O\x00M\x00M\x00)\x00 \x00 \x00\x00\x00\x00\'Reference Output Medium Metric(ROMM)  \x00\x00\x00\x00\x00\x00\x00\x00\x00\x00\x00\x00\x00\x00\x00\x00\x00\x00\x00\x00\x00\x00\x00\x00\x00\x00\x00\x00\x00\x00\x00\x00mmod\x00\x00\x00\x00\x00\x00\x06\x10\x00\x00\x9d\x03\x01\x01\x01\x01\xb0\xcf;\x80\x00\x00\x00\x00\x00\x00\x00\x00\x00\x00\x00\x00\x00\x00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;e\'\x9c\xd4\xac;\x91]`Wd9\xe6\xa4}\xbd\t\xa6\x05v^\xc4T\x8c\x018\xc5\x00C\xb4f\xa4e\x0b\xd2\x80 \x90\n%\xc0\x1d)\x01ZrG\n{\xd6?\x8e\xbcg\xe1\x9f\x00xWR\xf1\xc7\x8c\xb5\xc84\xdd\'I\xb3\x92\xefR\xbe\xb9b#\x82\x14\\\xb3\x1cd\xf0;\x0eI\xc0\xefF\xda\xb0-_]\xc1o\x1bI4\x8a\xaa\xbc\xb7\xcc\x07\x19\xc6k\xf1\x8b\xf6\xfa\xff\x00\x82\xd6|V\xf8\xfb\xf6\xef\x85\xff\x00\xb3\xe6\x95q\xe1\xdf\n\xb5\xebYMu%\xc4i}~T\x93\xbdNF\x01V\x1f"\x9e8\x05\xb2r9\xe5\x89\x8a\xf8u4T\xe4~\xad\xf8\xcb\xf6\x98\xf8C\xe0\xdf\x88\xd6_\x0bu\x8f\x16G\x16\xad\xa8xwR\xd6\xed\xd7p\x11\x9b[\x10\xa6\xe0\xef\'\x1b\x97p\xc2\x9f\xbd\xce3\xb5\xb1\xfc\xde\xf8\x93\xe2\xa7\x8d\xda\xda\xca\xfa\xeb\xc6\x17W\x12\x1bi \xfb\x1c\xb3\x17\n\xb3\x97\x1bK\xf3\x95a\xb8\xb0\x07kr\x00=N\x7fX\xa8\xde\xc5{8\xf7?V&lt;G\xff\x00\x07\x14| \xd6\xf5K\xdd\x13\xe1\xdf\xc3\rN1y\xe1\xdb\xa3\xe1\xf95H\xc4\x92\xbe\xa9\x1c\xc5\x15]#\x90\x03\x01O\xdepC\xfc\xac\x06O#\xf1\xc7[\xf1\x04\xf6ze\xef\x89\xad\xbcA\x1d\xd6\xa1\x1d\xbc~KZ\xc2\xb0\xc5o\x036|\xa8\xd3\x1c`\xe4\xe7\xb7\xdd\xe0\xe2\x97\xb4\xab\xdcV\x89\xfa}\xf0K\xfe\x0e\x14\xf1\xc6\x9a5\xdf\t\xfci\xd2\xa1\xd5\xbcM\x046\xf1\xf8v\xce/\x0f\x88\xe2\xb8\x91\x03\x99\xcc\xaf\x0b\xa3+H6\x85\xca\xb2\xa3\x0ex\xc9o\xca\xbd7[\x1a\x17\x83n\xbe\xcf\xa9B\xda\x9d\xca\xc7&lt;\x97-\x10\x91\xd6?\x98\x88\x03\xb1\xc9$d\x9cpx\x04\x1cr\xefS\xa3\x17\xbb\xbb?f?g\x7f\xf88\x0b\xc2\xde+\xf8\xbc&lt;\x0f\xf1\xc3\xc2P\xd8\xe9\xfa\xd5\xc4q\xe93h\xd6\xfc\xe9Neh\xdc\\I$\xbbf\x898-"\x85 \x06\xf9p\x01?\x8b\xbe\x0f\xb2\xd7|I\xa9&amp;\xbb.\xa16\x93k\x04ry\x17K\x1eUrx\x8d2FA\xef\xc9 g\x1c\xf0_5E\xd4=\xd9=\x8f\xe9\xcb\xe0\xe7\xed\x9d\xfb6|v\xf1\r\xc7\x87&gt;\x18|[\xd3\xf5{\xd8n\xa6\xb7\x8a\x18\x98\xa8\xb9h\x82\x19\x1a\x02\xd8\xf3\x90\x17\xdb\xb922\x8f\xfd\xda\xfeo&lt;\x19\xf1s\xc5:W\x8d"\xd5-/u\x0bK\xcd&amp;\xcf\xce\x83P\xb0\xbc\xdb;2\x12\xc1\x83\x16\xc6\xd2\xbdv\x8eN\x0fZ=\xb5e\xba\x0eX\xbd\x11\xfdM+\xb8\xf9\x88&lt;\x9e\x0f\xad~3\x7f\xc11\xff\x00\xe0\xb0\x1f\x11|\x1f\xf1\xfa\x7f\x08\xfe\xd5\x9f\x13/5\x8f\n\xf8\xb2\x0f7\xfbv\xf9T\x9b;\x94\x88\x08\x81;\xbeN\x10\xc4\xdd\x03\x92\x18\x9d\xcaI\xd28\x88\xb7f\xacK\x8b?gU\xb7V7\x83\xfck\xe1\xcf\x1chV\xfe%\xf0\xbe\xa4\xb7\x967q\x89-nc\xe5dS\xd0\x83[\xaduD\x9beCP\x8c\x1f\xa1\xa6\x04rG\x83\x8a\x9c\xa7\x19\xc5\x00Rh\xbd\xaaw\x8c\n\x00\xa4\xe9\xedSL\x80\x0e\x94\x01Q\x94\x0e\x08\x15#E\x8e\xa2\x80=\x19\xc7\x1c\xd3\x98\x00zT\x81^T\x04dT\x8c\xbcc\x14\x01\\\xfbT\x8e\xb4\x01^\\\x81\xd2\x92\xe0\x80)\x81Zw\xec?!_1\xff\x00\xc1Z\xff\x00jo\x88?\xb2W\xec[\xe2\x1f\x89?\x0c\xa2\xb5\x8fX\xbe\x91t\xab=F\xe2\xecF\xf6-2?\xefaL\x13$\xa1U\xf6\x80AC\xf3\xf3\xb7\x14\xa5.]@\xf8\x0b\xfe\x0b\x93\xff\x00\x05\x0f\xf1\xd1\xf8\xcb\xe2\x1f\xd9\xeb\xe1\xef\xc4\x18\xed|\x1d\xa6\xe8\x7f\xd9^ \xb4\x85\xb2o5#!\x91\xe3n\xaa\x0cXPOnW\xb9\xaf\xcc\x0f\x8f\x1e0\xd6\xf5\xfdj\xc5%\xb9\x9a\xf0Ml\xae\xd72\xb6\xf6\xb9\xb89Ye&lt;\x12X\xb8`NNz\xe6\xb9eyk#E%\x1d\x8c\x9f\x1d\xf8\xba\xfaO\x18\xc7y\xa5\xc9-\xb5\xbd\x8d\xabAc\xe5\xeeePA\r\xc9\xe7$1\xe4\xf3\xce}\xeb\xd7&gt;\x10~\xc5\xda\x8e\xa9e\x0f\x88~"H\xcb\x0b\xc3\xfe\x8ffd\xda\x14}}q\xce;V2\xadF\x1b\x17\x1a5g\xa9\xe27\xde(\xb92\xad\xbd\xb4\x9b\xa3kQ\x0e\xd5\x1c\x12:0\xe4\xff\x00{\xbf\x07\xb8\xcf\'\xecM\x1f\xf6=\xf0N\x9e\xbb\xfc?\x0b4\x97\x1f\xeb\x13\xca\xdc\x84\x0e\xe7=\xbe\x95\x8dL\xc3\x0fL\xde\x9e\x06\xb5M\x8f\x8cl\xed\xb5{\xf5h\xact\xab\xab\x89d\xda?un\xce7\x03\xec\xa79\xc7\xe9_~xw\xf6o\xd34E$\xdb\xc2\xed\xbbzyq\xed\xeb\xce=\xb3\xc1\xe7&lt;\xd7,\xb3\xac,]\x93:\xa3\x93be\xba&gt;\x0e\x9b\xc3\xfe-6\x8b\x0e\xa5\xe1\x9b\xf5XAvi-$^=\x7f\xda#&lt;\xf7\xf9\x8ex\xe9\xfa&amp;\xff\x00\x0b\xb4xmd\x16zB\x9d\xcd\xbb\xf7\xa0\x12\x0f\xa1\x00\x0e@\xe0\xe7\xef\x10H\xe3\x152\xce\xa8\xc5\xdbG\xf34\x8eKVJ\xf7\x7fq\xf9\xbfw\x7f\xad\x8d\xb62\xc5"\xf9k\x98md\x8d\xf0\x8c:\x10\xa7\xa3c\x9f\xc4\xfd\x07\xddZ\xef\xec\xf7\xe1/\x10\xea\x1ee\xf7\x87\xd2HCs\x1cQ\xfbw\xe38\x1c\xff\x00J\xda\x9ekF{\x98O*\xad\x03\xe0\xf4\xd5\x1a\xd6\t\x16&gt;\x1aN&amp;\xf3G\xcd\x8c\x0e&gt;\x9e\x95\xf6&amp;\xa3\xfb)\xfc1[\x89\xa7\x16m\x0f\x9d\x1f\x93$-\xf3"\xab\x1c\x0cg\x90}\x0fc\x8e\xb5\xd3\x1cd%\xb29\xa5\x83\xa9\x1e\xa7\xc9\xbe\x19\xf1-\xed\x9e\xb3ox.d@\xb2\xacr/\x98pcb&gt;S\x8ez\x0c\xe7\xb6\x07z\xec\xff\x00h\x1f\x807\x1f\x08/a\xd5\xf4\xbb\xc5\x9bM\xba\x91\x04rL\xdf0m\xbd\xc7\xe7\xf9\xf4\xe9]\x11\x9cfs\xca\x9dJ{\x9f\xa4?\xf0C\xbf\xf8)O\x8c\xf4/\x19i\xbf\xb2\xbf\xc7\x1f\x89\x16\xdf\xf0\x89\xdd}\xaa\x1f\x0e\xde\xeb\x13\x0f2\x0b\xf0\x14\x8bo9\x8e\x15\x1b\x8d\xaaN\x01$\x0e[\x03\xf3/\xe1\x97\x89\xaf|?\xa9Y\xcbb\xaa\xedm\x7f\x0c\xad\x99\xb6\xefe\x91\x0b\x1c\xf1\xb0\xe0ps\x8c\x1fj\xb8\xa9GTM\xcf\xea\xfa\xc9\xf2v\x93\xd3\x83^G\xfb\x05\xfcu\xd7\xbfiO\xd9k\xc2\x7f\x19&lt;O\xa5Cg\xa8j\x96r\x0b\xc8\xed\xe1t\x8c\xb2J\xe8\x197\x92YJ\xaa\x8d\xd9\xe5\x83\x1e\x98\xcfDe\xcc\xaeI\xed\x00q\xcd=W\xb8\xff\x00\xf5\xd5\x01\x04\xb1\xe7\x9a\x96E\xc0\xa0\nr \xe9\x9a\x96D\xc8\xeb@\x15$^\xf9\xa9\x9a0\xddFh\x03\xbf\x91A=)\xd2\x0cV`We\xe3\x8at\x83\xd2\xa8\x08XS\xa4\x1d\xb1@\x14n\xc6\x01\x02\x9dv\xbf)\xc5\x00|%\xff\x00\x05\xfe\xbc\xbe\xb2\xfd\x80\x99\xa0\x8a\xdc\xdb\xb7\x8d\xf4\xcf\xb6&lt;\xd8\xde\x14y\x8c\xa12x%\x87$d\xe0c\x18$\x8b?\xf0_-pi\x7f\xf0O\xbb\x8d$)f\xd5\xbcq\xa5\xdb*\xed\xe0\xed\x13\xcey\xc1#\x88\xba\x8c\x1cw\xecfo\xdd\x1aL\xfc4\xf8\x0f\xf0\x9a\xf7\xc6\xbf\x14mu\xc9l\x96\xe2\xc7K\xb9if_\xb4meg\xce\x17g,2\xc2Br0@\x1c\xf2k\xd9~\x06\xc1\xf6+K\xdd1b\xb5\x8f\xed\xd2\xc5\xe5\xad\xac \xc8|\xb2@o0nF\n\xb2l\xc8;\xb2\x9c\xf5\xc9\xf31\x15\x9d\xacw\xe1\xa8FR\xbb=b\xea\x04\xb8\xb7\x86\x1bke"DX\xa1Q\x19]\xab\xdb\xa0\xe0\xfa\xf3\xde\xad\xdbi\xbffT\t\x03y\x85\xbeP\xccr\xa7\x18\xcf\xb1\xc5x\x95q\\\xb7\xb1\xed\xd3\xc2\xf3Z\xe7\xa7\xfc&gt;\xf0\xbd\x8d\xb4\x0bgo\xa4\xb5\xf3I\x1a\xf9\xf3p\x04Jq\x9c\xe3\xee\xf1\xdb=kW\xe1\xaf\xc3_\x1dk~\x1b&amp;\xd4\x0f\x90\x16U\xc9\xda\x07\xaf\x1d~\xb5\xe4\xd6\xad\xcf\xf1+\x9e\xce\x1e\x9a\x84}\xdd\x0b\xb6\xbf\rlu[y\xe7\x86h\xe3e!|\x98\xf77\xcb\x8c\x93\xd8\x83\x9f\xc3\xfa\xf4\x9a\x7f\xc2\xef\x88Vpy\x91\xc6\xea\xea\x99\xcb\xae7q\x9e2\x01\xfd+\xcb\x94\xfd\xef\x84\xf4#\x15\xdc\xe3m~\x1eKqu%\x94\x16\xff\x00 a\xf7T\x0e\x7f\xce}\x875\xd4M\xa3x\xe2\xc6/.\xce\x7f-\x9b!\x8f\x94\x1b\xbf^:\x1f\xa9\xaa\x84\xe3}P\xa5\x15\xd0\x87K\xfd\x9c-.\xe3\x7f+S\x89g\xf2\xc32\x89\x02\xe7\'\xa9\xcf\xff\x00\xac\xff\x006\xdd|+\xf8\xe5s\xff\x00\x13K\x1b\xff\x001W\xf8\x95\x88\xdc?\xc3\xf1\xafC\rR\x9fX\xb3\x9a\xace\xd1\xa3\xc7&gt;&gt;\xfc=]\x08\xbb\xc2\xea\xb2\xc7\x83\xf2\xe0\x89;`\xe3\xbe1T\xfe8\xe9\xdf\x11\xb4\xddI\xe1\xd7\xe7m\xca\xd8\xcb(\xc0\xf6&gt;\x9d\xab\xd6\xa7Z\xda\xc5\xfc\x8f/\x11J2\xd1\xa3\xe7\xff\x00\x8c:0\xf1\x8f\x80\xf5M\x16\xfa\xd0bKG0:\xb7\xf1u\\\x1f\xae;\x8e\xe2\xb7\xbcK`\xa6\xc5\x9aM\xdb\x9e@&amp;\x10\xe7\x0c\x9d\x18~#?\x9dt\xd1\xc5\xbfi\xa9\xe6\xd6\xc2\xaeC\xe4\x1d+F\xd64\x8b\xa8V\xee\x06h\xf7\x8f\xb3\xdd49\x8fv\xee\xa0\x8cdv\xc1\xc1\xc95\xe9~5\xb9o\x11]\xb0K\x11\nHv\xdc}\xa0\x85\x10\x12\xd9\xe1s\x927\x81\x96\x03\x9c\xf3\x82\x0e}\xda5\x9dK\\\xf0\xaaR\xf6oC\xf7\xb7\xfe\x08\xf4m\'\xff\x00\x82w|4\xb8\xb3\xd5\xee/\x16\xe3M\x9eF\xfbA\x1b\xad\xdf\xed2\x86\x80\x0f\xe1T#\x01O b\xad\x7f\xc1\x1etU\xd2?\xe0\x9c\xbf\n\xe3\x01\xf7\\h\xb7\x17.\x1dTa\x9e\xf6r@\xc7P\x0f\x19&lt;\x9e\xa6\xba\xe9\xfc&amp;\'\xd3A1\xd4T\xc6&gt;3V"\xb4\x91\x90*Y\x10\xf4\xc5\x00R\x95\x07\xa5J\xe9\x8f\xce\x80*2\x1c\xe3\x15,\x89\xcd\x00w\xb2#\x13\xc5I"\x9e\xd5\x00Ux\xf9\xa9\x18\x00i\xfa\x81Y\xa3\xe2\xa4e\xcd\x00P\xb9\x8f\xe5cX\x7f\x16\xfe,|8\xf8%\xe0\xdb\x8f\x1f\xfcW\xf1\x8d\x9e\x87\xa3[\xc8\x91\xc9}z\xcd\x83#\x9c$j\xa8\x19\xe4v \xe1\x11K\x1c\x13\x8c\x02D\xcaQ\x82\xbbv*1\x94\x9d\xa2\xae|\x03\xff\x00\x07\x16\xea\xf7\x1aw\xec\xc9\xe0+\x15\\\xc5q\xe3\xe9^a\xd3;,%\x00\x13\xf7p|\xc3\xd7\xf0\xe8k\x99\xff\x00\x82\xe1\xfe\xd0\xff\x00\xb3O\xed\x1f\xfb\x17h&gt;,\xf8+\xf1\xbb\xc2\xde!\xbd\xf0\xbf\xc4+i\xaf\xb4x\xf5\x01\r\xfa\xc35\xbc\xd0\xb6mf\t&gt;\xd0\xe6-\xdf&amp;0{\x8c\xe3\x1a\x95)\xd4\xa7\xee\xc9?\x99\xa4a8\xcb\xdeV\xf9\x1f\x0f\xfe\xcb&gt;\x15\xd5\xbc]\xa8\xdb\xdc^\xc5\xb6\xcfG\xdf+*\xc4\x07\x99!\x19\x1c\x8eryc\xed\xeb\x93^\x8f\xfb+\xe9\xd0\xe9?\n4\x98\xc4M\r\xde\xad$\x86I\x97\x1b\x9dG\xca\x0f\xa6q\xd3\xff\x00\xaf_;\x99\xe2=\x9c,\x8f{-\xc3\xf3\xca\xec\xc9\xf1\x9f\xed!\xf0\x97\xe1\xaf\x8e\xa4\xd0%\xf0\x9e\xa9\xe2\x8b\xdb3\x9b\xcbm\x16\xe1\x14B\xf9\xff\x00W\xc8&amp;G\x1d\xd5G\x03\xbex\xae\xbd|r&gt;\x00\xf8\x8a\xc7\xc1_\x06~\x05\xc3qqup\x16\xf3\xc4:\xb4,\xb6\x96G\x80f\x9c\xc3\x1c\x93\xc8\x07S\xb5I\xe3\x8e\xe4y4*P\x93\xb3\xa6\xe5\xe6\xe4\xa3\xf8\\\xf4\xabS\xc4E\xddMG\xd17\xf8\xd8\xb9\xe1\xcf\xf8*\x9f\xc3/\ti\xabf\xbf\x03\xfcq\xa6\xc3\xe6ct\x9atR =\n\xb1\xde0\xc7\x1d0\ry~\x83\xfbT\xfe\xd3?\x14&gt;-\xea\xbe\x04\xf8\xa1\xaax7\xc1\xba&gt;\x9fop\xf7Z\xf5\xc7\x87g\xbb\xb0S\x12\xc9\xb7\xcbt\x91\xe4\x9c\xcb \x85c\xd8\x84\x94\x91\xdd\x95B`\xf7K\x03)G\xf8q_\xf6\xff\x00\xfc\x03\x928\xe9FV\xe7\x93\x7f\xe0\xff\x00\x82}\x8d\xf0{\xf6\xe9\xf8K\xf1\xae+]\x03M\xb7\xba\xb7\xbb\xba\xda\xb1\xd9\xdeZ\x98\xe4\xf2\xcf\xcb\xb8\x00N\x00\xeb\xc1\xe0\x1a\xf8[J\xfd\xa05M_P\xd25\x0f\r\xe9Q\xdb\xf8\x8a\xdd\xe4\x17\x7f\xd9\xb6\xae\xb1\xc9\x826\xb2o\x01\xb9\xeb\x9c\x0e:\x81\xd0x\xb5\xe9V\xa5+m\xf3\xba=|=h\xce*\xee\xff\x00+3\xf4\xc4j~\x14\xd2\xb4\xe9.\xe5\x84\x08-\xd5\xb0\xcc\xd8a\x8erN\t\xcf\xeb_\x18\xea_\x11\xfe&lt;\xe8~\x0f\xbe\xd4uMN\xea\xe5\xb5-\xafyo\xc0E\\g\x03\xbf\x1c\xf7\xc9\xefX\xfbM\xd4^\xa7g,\xac\x9bG\xac|H\xff\x00\x82\xa3\xfe\xce\xff\x00\x0en\xe4\xd05\xeb\x9d`\xc7\x1c\x85&amp;\x9fO\xd3&lt;\xc5\xe0\xe3nr\xb98\xe3\x18=\xf1\xd2\xbec\xb6\xf8\xc3c\xa8&amp;\x89\xe1\xff\x00\x0fZxV=B\xf3\xcf\xfbu\xe7\x8b\x1b\xc8\x85%U\x91\xd2\x14;[sI\xb7`$`3\r\xc5A\xcdz\xd8\x18\xd6\xa9\x1f\x86\xff\x00\xf6\xf2_\xa1\xe3\xe3**z\xa9[\xfe\xddo\xf5=\x0b\xe2\x87\xed\xc7\xfb\x1c\xfcSI\xaf4/\xf8IZ\xea8J\xc9\x03h\xeb\xb8\x7fq\xd9\x8c\x80a\x89\xc1\xf4&gt;\xc75\xe6\xbf\xb3\xff\x00\xed\xdb\xe2\xaf\x11\xbd\xf0\xf1\x0f\xec\xc5\xe1\x1dkK\xd3mg\xbe\xd4.-\x95-\x1a\xd6\x08Lj\x1b\x17\x88\x91\xcf!yZ4\x89\t\x90\xb4LBr\x84\xfa\x93\xa3\xec\xe3\xfb\xca\x1ft\x93\xff\x00#\xcf\xa7\x8a\x95IZ\x15\xbe\xf8\xbf\xf8!\xe3\r7F\xbf\xd0\x97Z\xf0\xee\xa3\xe7Z\xdc.\xf8&amp;\xdaP\xaa0\xe8\xcapU\x81\xe3\xfc\xe6\xbaMw@\xd0~"\xeb\x8d\xf1g\xe1\xb4\xf7\xd1\xe8\xba\xd6\x96\xdf\xda6w\xc8U\xa2u\xdacm\xad\xdca\x94\xe3 \x86\xed\x82+\xc3\x96"\x14\xe7u}\xf6{\xff\x00\xc1=H\xd1\xa9R\x16v~kc\xe4_\x1c\xdb\x7fej\x1eE\xed\xb1i\x96V*\xad\x90\x1c\x02\xd9=\xba\x8c\xe3\x9c\r\xbcu\xad\xaf\xda6H\xad|Ugs\x1c\xdeXh\x83+1\xf9C\x02FH\xe0\xe3\xbf\xd7\x1d\xab\xea05=\xb5;\x9f3\x8e\xa7\xec\xeaX\xfd\xdc\xff\x00\x82=[\xac\x7f\xf0N\x7f\x85[\x12e\r\xa3\xdd\xb0\xf3d,\xc4\x1dB\xeb\x07\x9e\x83\x18\xc0\x19\x00p+\xbf\xff\x00\x82\x7f\xfc)\xd5~\x10\xfe\xc5\x1f\n\xfc\r\xa8h\xd7v\xf76~\x08\xb1\x9a\xfa9\xa1`\xd1\xcf:}\xa6Px\xe0\x87\x99\x868\xc61\xc6+\xdb\xa7\xa4u&lt;\xb3\xd8\x8az\x1aQ\xf3\x80V\xac\x08]q\xda\xa6tc\xda\x80(\xc80q\x8a\x9aX\xc18\xa0\nn\x1b9\x15$\xab\x83\x81@\x1d\xd4\xc3\x03&amp;\xa4\x94n\x1c\n\x80*\xb0\xcfj{)\x1cS\x02")\xcd\xc0\xa0\x0f\x8b\x7f\xe0\xb8\xff\x00\x0eo&lt;Y\xfb\x1fY\xf8\xe2+\xc9\x92\xcf\xc1\x9e2\xb0\xd45\xabT\x90\xa2\xdcX\xce\xdfd\x97q\x1c\x8d\x86h\xdb \x82\x14?8&amp;\xbe\x9f\xf8\xed\xf0\xa3G\xf8\xe9\xf0o\xc5_\x06\xfcDU,\xfcS\xa0]i\x92\xcc\xcb\x9f$\xcb\x19T\x97\x1f\xec&gt;\xd7\xff\x00\x80\xd7\x1e;\x0b\x1cf\x1d\xd3\xeb\xd0\xec\xc0b\xbe\xa9\x88S\xe9\xd4\xfc.\xf8\xe8\xdf\x06\xee|\r\xe1\xcf\x0f\xeb\x1e\x02\x86?\x10k\x96Mh.\x14\xc9q5\xe3\xb8\x02\r\xb1$g\xca\x08:\xc8\\\xee%~N\xa6\xa1M\x0b\xe2\'\x81\x7fj\x93\xa5\xfc]\xd25-\x15\xbc\x0f\xa6\xfd\x9e=B\xd7K\x92\xf2=6\xf2\xce5\x86Et\x88\x17\x04H\xa5\x95\xb6\x9e\x19\x1c\x02\xbc\xd7\xc2\xc6\x18\xac%^Ml\x9f\xcc\xfbZ\x92\xc3\xe2\xe9_MQ\xa1\xf0\xfe\xd3S\xb2\xf8_\xe1So+\xc4\xebb\xae6z\xbf9\xfa\xf7\xcdmx\x13V\xd1u\x9f\x04\xe9\xba\x9e\x89\xa8y\xd6\x9f\xea\xedf\xd8\xcb\xba4fU\xf9H\x04p\xa3 \x8c\x8e\xf5\xdd\x989N*v\xdd\x1ev\x05F\x0f\x92\xfb\x1d\xb6\x99\xf0\xd7\xc4\x81\xad\xf5M6k\xa6\x906L\xde\xfe\xd8\xef\xfa\xd7s\xf0\xdf\xc5\xd7\x97Z3h\x11Z\x8c\xb4`y\x8e\xa0\xe1\xb7`p;\xf3\x9c\xfd=k\xe7\xbd\x9c\xa5\xd6\xc7\xbd\x1eU\xd2\xe7\x98|P\xf8g\xa8x\x97K]/W\xbc\x9aFf\xfd\xf1y\x89\xed\x9d\xbbG\xbf\xf7\xb9\xafD\xf8\xcf\xe0\xff\x00\x12h\x1f\x0e\xee5\xbf\x0f\xdb\x0b\xcb\xbc\x114av\xc8Ww;py\xfc\xfaf\xb4\xa7N\xaf5\xb9\x879S\xe5\xbd\x8f\x9d&lt;5\xe0\xaf\x0b\xf8\x0f\xc4\x91\xe9\xd6v\xab\xf6\xeb\xe6\xcc\x11\xae\x1aM\xb9&lt;\x8fA\xdf\xf2\xad\xfd\x13\xe3\x0f\x81~\x1a\xd8[\xf8\xc7O\xf8o\xa9x\xd3\xc7\x17\x12y7\x9aLWV\x915\x96\x1b\n\xac\x97\x12+\x15\xc7B\xaa\xcas\xcf5\xd5,&lt;\xa7\xee\xc6\xed\xf9\xdb\xf59#Z\x14\xfd\xe7e\xf2m\xfe\x07\xa1\xf8\xa3\xc1~3\xd5|\x1b-\xf5\x9e\x91p\xb0\xc3\n\xc8\xbf\xb98\x03\x1c\x1c\x91\xd3\xf1\xafY\xd7\xbfn\xcf\x13[|\x13\xbf\xd4,4;\xcd\x7fT\xbd\xb2Q\xa9x=b\x8c\xdc.\xd0s\x16\xd9HE\x08K|\xc1\x82\x90\xd8\\\xe4W5&lt;:\xe6i^\xfe\x8b\xf3\xb9\xd7,B\xe4W\xb5\xbd_\xe5c\xe4\x8f\x06\xfc\x16\xd2|s\xa7\xdck6\xab\xe4\xc9\x1d\xcb\x15.\xbf)\x95y(F8a\x9f\xcf\xeb^\x9b\xf0\xdf\xe2\x07\x855\xcdVY\xbc/\xe1mC\xc3\xff\x00\xdbL?\xb64-BHdk{\x80\x06\xc9\x81\x86I\x15r\tR2\t\xc7 `WTh\xcdiv\x9f\xe1\xf7\x9c\xcaP\x97D\xd7\xe3\xf8\x96\xbc%\xe0\r.\xf3\xc3K\xa6G\xe1K\x132\x90\xc6\xe2\x1b4Y\x11\xf1\xf7\xb7c&lt;\xfbu\x15\xe9\xfe\x1a\xd1\xb5_\x0bC\xfd\xa9~\xec\xd1\x96\xca\xccaQ\xf2\x91\xdf\x1f\xe1\xd3\xd3\x9aR\x86"\xd6r4\xb5.\x88\xf0\x8f\x1c[\xf8\x83\xe1\xa6\x91wg\x1f\xfc{\xcd\x19W\x8c(\xda9\xec;\x1e\xbd1\xd6\xad~\xd5&gt;&amp;\xfbdM\xf2\xaa\xa3\x02\x1bo\xb6G\xa7\x1d?\x95rk\xed9op\x9f\xbb\x1b\xad\x0f\x97\xd7\xc2&gt;\x12\xf1\xef\xc7m\x1bL\xf1\xd5\xe4p\xe96\xd6\xb7\x17\x17\x06K\x88\xe3Y\x1b+\x1cQ\xee\x90\x85Rd\x91pI\xc7\xad{\x17\xc1\x9f\x81\xfag\xc4\x1f\x84\xbf\x12\xbc\x7f\xe2K\xfd\n=1t\xa8t\xc5]B\xf2\x15\xbb\x8ae\x9a;\xc34q\xb9\xdf\xe5m\x84F\xee8\xfd\xf60pq\xefJ\xadL6\r(\xb6\x9b\xecx\xb4\xa8\xc3\x13\x8c\xe6\x95\x9d\xbb\x9d/\xc7-&gt;\x1f\x87\x1a\r\xaf\x8d\xbc\'\xf1\xcb\xc5w\x1e$\xd3t\x01\xac\x0b\xcdCU\xbbk\xab)Q\xb6\x8bO2Y\x0c\x91:\xbe\x14:\x15\x19\xc1\x0b\x8e+\xbc\xfd\x83\xff\x00f\xdb\xef\xdb\x87\xe2\xbf\x84\xed\xeem\x95|\x0f\xe1\x9d&amp;\xd2\xf3\xc7\x17+\x1f\xcb{\x1c7\xb2\xbd\xa5\x8a\xb69\xf3\xde$c\xff\x00L\xe1\'\x91\xc1\xcf\x07C0\xcc*\xa9Fm%\xb9\xd5\x8c\xab\x97\xe0h\xb8\xca)\xb7\xb6\xc7\xea\xff\x00\xc0\xcb\xff\x00\x18k_\x05\xfc!\xac\xfcA\x93~\xbdw\xe1}:}i\xfc\xb0\xbb\xae\xde\xda6\x95\x88\x00`\x97,H\xc0\x19\xcf\x03\xa5uq&amp;\xdeB\xa8\xf6Q\x80=\x87\xa5}\xdd8\xb8SQn\xf6[\x9f\x0f))I\xbbZ\xe3%\xe3\xb5I*\x903VINE\x07\x81R2\x11\xc6(\x02\xab\xc6K\x7f\xf5\xaaY#\xc9\xe9@\x1d\xac\x8b\xcdK*\x03\xda\xb3\x02\xb3/e\xa7\xb2\xe2\x98\x10\x14\x05z\xd3\xc8\xe2\x80+I\x1eF*\xc0\x8cg8\xa0\x0f\x89\xff\x00\xe0\xa3\x7f\xf0L\xcf\x10\xfe\xd0\xfe9\x87\xe3\xaf\xc0\x8b+4\xf15\xd6\x9e\xb6\x1e(\xd3\xde\xfdl\xdbSH\xc0\x10N\xb2?\xee\xcc\x8a\xa3\xcber7*\xc6A%H?m"\xe0\xf4\xaeLV\x07\x0f\x8b\xf8\xfe\xf5\xa1\xd7\x87\xc6W\xc2\xfc\x0f\xe4\xf5?\x11~9~\xcb\xff\x00\x14\xff\x00c\x1b\xbd;\xc0\x7f\x15t\xfd.\xd6\xe3R\xd3\xbf\xb4\xedmt\xdb\xb3r\x90B\xd2:\x04y@\x01\xa4\x066/\xb7r\x8d\xc3\xe65\xf6w\xfc\x17\x0f\xc1\xd6\xfa\x86\x8f\xf0\xf3\xc5\xe1?}\x18\xd4\xec\x9b\x1f\xc6\x8b\xe4L\xab\xf9\x99\x08\xfc}\xeb\xcb\xc7`i\xd1\xa2\x94oo=\xcfG\x03\x8c\xa9V\xb3r\xdf\xf0&gt;7\xf8k\xe3{m*%\x98\xb9\xdc\xcb\xb9\x98\x83\xf2\xe0u\xe7\xf4\xaf7\xb2\xb9\xbd\xb6\xb7{;\x99?x\x17j\xae~\xf5|\xadj\rOC\xe9)W\xb4u;\xaf\x8c\xdf\xb4\\\x16\x1a\x06\xf3y\xb2 \x08\x8a1\xc9c\xf8\x7f*\xf0\xdf\x11i\xd7:g\x99\xa8\xddi\xa7P\xbe\x99\x9a=&gt;6 \xc3\x03m\xc8v\r\xee\x02\x9e\xbct\x19\xae\xbc&gt;\x123\xdd\xfe\x865\xb1u6H\xa3\xe1\xef\x87\xdf\x15&gt;=x\x8d|q\xa5\xe8Pi\x96QHY5\x0b\xe9\x84e\xa3\x04\xf4\xea\xc4p8P}\xeb\xbd\xf8w\xf0S\xf6\x92\xf8\x83\xa7\xad\xde\x91\xf1\x0bJ\xb5\x08\xb9\xfb&lt;zHg\xd9\x8e\x11r\xe7?\x87\xaf\x00\xd7li\xc2\x9cm\x7f\xbb\xfe\x18\x9axz\x95\xe4\xa5k\xfa\xb5\xfegA\xaa\xf8#\xf6\x93\xf1\xbf\x87.\xbc3c\xa8\xe86\x91\xfd\x87\xc9\xb7\x9a?\x10\x12n\xfc\xb1\xc7\x0e\x8b\xb3#?y\x80\xf7\x02\xa7\x87\xe07\xedvt\xab\x85\xb2\xf1\x96\x9a\xd6\x9a\x7f\xcd\x1c\xb7\x1e\x1f0\x08\x94\xa8\xccd\xeeL\xe4\x8d\xdc\xe4\x82N\x08\x18\x01\xd3\xa7\x0f?\xeb\xe4uV\xc2\xd6\x8ct\xb7\xde\xbf\xcc\xf2_\x86\x1f\x10&lt;A\xf0K\xc63\xf8\x17\xc7^\x1b]\x1e\xe7\xed9\x90\x94\n\xa5\x8e\x03s\xdc\xe7\x079 \xf5\x1dkqm\xfcW\xe2\x9dE|\x1f\xf1\xbf\xc2v-\'\xef-a\xd4-$l\x90pAP\xd9;A\xdcq\x92\x01\xff\x00xeU\xc2\xdds7\xfeg\r:\x93\xa7.X\xfd\xdf\xf0O\xa2\xbc;\xf1\xca\xd7\\\xf0\xdd\xd2kS\t$\x86 cf9\x0e8\xeb\xef\x90\x0e{W\x89xgJ\xd4|;b\xdaN\xad\xa8y\xcc\x13g\x99\xb7\x1e`\x07\x03\xf4\xaf&amp;\xac\xa5\x1fu;\x9d\xf4\xe7\xcc\xae\xd5\x8c\x0f\x8f\xba\xec\x9e -nVM\xb1\xb6cea\xfb\xc6\x1b\x8e8\x15O\xc5\xbaT\xf7Z\xd5\xe1[dU\xb8\xb8\xdfn\x91\x83\xb8\xe4c=p\t\xf6\xf4\xf7\xa3\x0fF.\xa2{\xb3\x0cMYr\xbb\x9d\xa7\xc1/\xd8C\xf6\x88\xf8\xdd\xe1=\x1fR\xf8u\xf0\xb7T\xb8\xb7\xf1e\xd7\xd9\x97R\xbe\xd0C\xd85\xb4r\xeci\xfe\xd6\xc8c\x89#q*\xc8\t\x0cv\x00\x15\xb2\x01\xfd\x9c\xfd\x94~\x18\xd8\xfc\x1e\xfd\x98&lt;\x03\xf0\xda\xc0\r\x9ao\x85l\xdag_\xf9i&lt;\xb1\x89\xe5\x7f\xc6I\\\xfe5\xf6\x14\xf2\x9au\x14eRO\xd3K~W&gt;g\xfbN\xa5&gt;h\xc1/]nS\xfd\x95\xff\x00fo\x06\xfe\xca\x7f\x08,~\x14xJ\xe9\xaf\xa4\x8d\xbe\xd1\xadkSD\x12]R\xf0\xaa\xab\xce\xca&gt;\xea\x80\xaa\x91\xc68H\xd1Ts\x92}9F\x06+\xd6\xa7J\x9d\x18\xf2\xc1Y\x1emJ\x95*\xcb\x9an\xec\x85T\x1e\xd5&gt;\xcf\xf6kC2\xbc\xa86\xe35,\x89\xcf\x14\x01NH\xf9\xcdL\xe9@\x14\xdd\x0er*I\x14\xef\xda\x05\x00v\xce\x84\xf3S:\xfaV`Sx\xc953\xae\x7f\x86\x80*\xf9u;Fq\xcd0 \t\xcf57\x97\xc7J`A\x82\xbd\xa9\xee\xa5zT\x81\xf1o\xfc\x17\x15\xa6\xb0\xfd\x99&lt;\'\xe2\xabp\xa6]/\xc7\x8aUX\x0f\x99d\xb2\xb9\x0c\xbe\xd9\x0b\x8a\xb5\xff\x00\x05\xc5\x8d_\xf61\xb3W8\xc7\x8el\xb0\xde\x99\xb6\xbb\x15\xc7\x8fv\xa1\x7f3\xab\x07\xadk\x1f\x99Q\xcb\xa6jS\xdb\xebV\x9f\xbc\xb5\x9e5\x9a\xd2N\xfc\x8fO\xe1#$\x11\xd8\x82;W\x95h\xbe&gt;\xbb\xf05\xdc\x8b&lt;m&amp;\x97\xf6\x86i\xd5\x98b\x07\xc0\xf9\x97\'\xbf\xa0\xe0\xfdz\xf83\xa1Nz\xc0\xf6\xa3^P\xd2g\xa8I\x16\x93r\x16\xca\xfa\xd3\xed\x19\x9b\n\xc9\xfc&gt;\xfdF9\xe2\xb9m\x07\xe2\xae\x89\xabk3%\xa5\xfcr4sa\xa1\xdaU\xd5I\xe9\x8ewp2\x08\xeb\xe9\x9a\xf3\xeba\xeaE\xdd\x1d\xd4qT\xe4\xb7=FO\x08\xf8\xe4\xe9\x8b\xa4\xfc=\xf1.\xa4$l\x13kk$p9\xe3\xa6\xf3\xcf\xafA\xc7\x1c\xd6\x9f\x83\xa5\x864U\xb2\xf1%\xcb\xfd\xbb\xe7I\xa3\x83|\xb8n\xaay\xc6\x07\xcb\xc1\x1d\xf3\xf5)\xfb\x1a{\xb3\xab\xde\x9e\xdf\x81\x9f\xe0\x9d\x0f\xe3\xb6\x9b\xaf\xc7\x05\xf7\x88\xfcAo\x0c\x89\xb5\x97[\xba[\x98\xa4\xc0\x1b\x8a\x90s\x9c\x1c\xf5\xef\xd2\xbdWB\xf1/\x86t\xdd&amp;m?\xc7\x1fj\xb8HK\xfd\x9dVM\xbfh8\xc1\x0c\xbb\x86\x018\xf9\xb29\x07\x828\xad\x95L%Eg+\x07-Zz\xab\xfd\xe7\x98\xf8\xbf\xc2\x1a/\x85\xb5\xc0\xfa\xcd\xfa\xde\xdfI\xf3,\x81J\xecc\xdb\xb9\'\xeax\xac\xcf\x8a&gt;4\xd1n\xf5\xe95\x0b\x96\xfb\x90\xaa\xc2\xae1\xb5X\xf4\x07\xbe2\xb9\xe0pFy\xcdy\xd5Ty\xad\x0b\xb4h\xa4\xa2\xb5\xb29\xef\x1c\xeaQ\x19V(\x9dVDa\x95\r\xcf\xe3\xf4\xaf5\xf1\x97\xc4\x84\x96\xfek-\x12?\xb7]n\xd9\xf2\xfd\xc8\xff\x00\xdaf\x1d\x07\xa9\xf6\xc0\xadiajOS\x92\xae2\x9c]\x93\xbf\xa1\xb1\xaex\x9db\xb8ke\x977\xb7\x11\x91\x0cj\xfc\xc4\xad\x90\xd2\x1fL\xf2\x17=\xceG\xdd\xae?\xc2V\x17B\xf1o\xf5[\xc9.\xae\xae.C\\H\xd8\xc3v\xda=\x00\x1d\x00\xe9\xe9^\x85\x1at\xf0\xed(\xef\xdc\xe2\xab:\x95\xa2\xe5-\xbb\x1f\xd2&amp;\x8bf,\xbc9\xa7X\xac{V\r:\xde \xbf\xdd\x0b\x12\x8c~\x95j5\x0b\x04j\xab\xb7l*1\xff\x00\x01\x15\xf6Q\xf8Q\xf3\x0fq\xa8\x9d\xb1SF\xb9\x1d)\x88g\x97\xebS\x08\x868\xa6\x05g_ASI\x1d\x00St\xc7$T\xce\x98\x14\x01M\xa3$\xf0=\xaai\x12\x80;3\x1e8#\xff\x00\xadV^,\xf3\xb6\xb3\x02\x99\x8c\x9e\xd5k\xc9\xc9\xe9@\x14\xfc\xaes\x9a\xb4\xd1\x001@\x14\xda&gt;\xd8\xab\x12\xc7\x81\xf3P\x056\x8b\x9c\x8e\xb4\xddWT\xd3tk)\xf5MR\xfa\x1b[[X^k\xab\xab\x89BG\x0cH\xa5\x9eGc\xc2\xaa\xa8,I\xe0\x00M0&gt;L\xff\x00\x82\xd3hO\xa8~\xc3w\xd7{8\xb3\xf1f\x97+\x13\xdb&gt;t\x7f\xfbR\xbe?\xfd\xab\xbf\xe0\xb1\x0f\xfbx\xdax\xab\xe0\x9f\xc1\x0f\x85V\xf6?\x08\xec\xee\x8c+\xe3o\x10y\x9f\xda&gt;$\xbf\xb6\x9bz\xb5\x94\n\xc1-\xedT\xa1,\xf2y\x8e\xe0\x85\xc4d\xb0_;\x1fR\x9f\xb1q\xbe\xa7f\n2\xf6\xcaV\xd0\xf8gW\xf0\x05\xe5\xd4W\x1a\x94p33)Y#Vl2\xe3\x90\x14u\'\xf5\xafV\xf0\x01{i\x9a\x16]\xea\xd2mQ\xba\xbejX\x89R\x91\xf4\x94\xf0\xf1\xab\x1dO\x99\xf5o\x06\xea70I\xa9Y}\xba\xd2d\xb91\x8b\xa5\x0c\x82!\x9cc\x03\xe6\xeb\xea=\xfe\xbf[\xfcD\xf8G\xa4\xf8\x97B]u#\x85\xee!\x87\x12n\x0c\x8as\xdf\x1d\xc8\xfc\x80?J\xd69\x8d6\xec\xd5\x8c\xe7\x96J\xd7N\xe7\xc9:\x7f\x8e&gt;=xBH\xed\xad|Q4\x8dj&lt;\x9bu\xf3\tRz\xec\xc2\xe7q\xe0q\x8ex\xf5\xae\xfaO\x01\xea\x1a?\x8b\xa3\xb4\xd5\xec\x92+v\xbdg\x9e\xe7\xc9 \x01\x90\x01R\x0erW\x82G&lt;\x1a\xe9\xf6\x98Yj\xd29=\x86&amp;/\x96\xef\xef8\xcdC\xc5\x9f\xb5o\x8b\xee&gt;\xdf\xabk\x82e\\\xc9,\x91HT\x8eq\xb9\x87nk\xe8?\x14\xfc)\x9e;\x1d\x1bF\xd3\xad#\x85.-\xfc\xcb\xabm:\xe5\xe3@\xe4\xe5\xa6%v\xbbq\xca\x86c\xf3\x12iS\xad\x83q\xbaI|\x91s\xc2\xe2"\xd5\xe4\xdf\xcc\xf9\xe7D\xd1\xbc\x7f\xe2\xfde4\xbf\x10x\xbaI\x1b\xe5&gt;M\xbbuW\x07#9\xe4\xe7\x83\xf4&gt;\x95\xf4&amp;\x87\xf0F\xff\x00H\xbf\x97\xc4\x17\xf3\x8f\xb4M VX\xe0X\xccy@\xab\x82\xbd;\x12Nq\xb7\xa7551\x18e\x1fwr\xe9\xe0\xab\xb9{\xf7\xb1\xc6\xf87\xe1+.\x9a\x976\xb6\x8d,\x13D\x11\xe5\x11\xe3\r\xb8\x9c\xb1\xcf\'\x18\x1c\x01\xc9\x1d+\xdb\xf5m=|?\xe1\xd1c\xa5\xc5n\x90\xf9%\x01E\xfd\xe1b~c\xc0\x18\x18\xdb\xdb&lt;s\\r\xc5J[\x1e\x8cp\x94\xe9\xc7S\xc1\xa3\xb0K_\x13\xd8\xe9\x91I\xb8\x9b\xa8\x91\x9b\xd7\xe6\x03\xb7\x19\xfe\xb5o[o\xec\xcf\x14\xc1\xa8E\xb7\xf77K!f\x19\x04\x86\x07\x9f^GL\xd6\x94\xe5\xef&amp;\xceJ\xea\xd1i\x1f\xd1,\xab\xe4H\xd6\xe0}\xc3\xb7\xf2\xe2\xbf*?c\xff\x00\xf88S\xe2e\xe7\xc7\xbd\x1f\xe0g\xed\xfb\xf0\x97\xc3\xba%\x97\x89\xaf&gt;\xc9\xa1\xfcJ\xf0q\x9a-&lt;\xdc3a~\xd3\x04\xcf\'\x96\x8cH\xdc\xca\xcab\xceJ\x15\xe4}\x85:\xd4\xea-\x19\xf2\x92\x8c\xa3\xf1+\x1f\xab\x90\x80W\x1by\xa8\xa2\xba)!\x89\xd3k)\xc3#u\x15\xb1%\xb5\x88\x9e\xa2\xa7\xb7M\xe1N\xdeh\x02\xb4\x90\x8e\x9bj\xd4\x90s\xd2\x803\xa4\x87\x1c\n\xb3$?7J\x00\xa1$[\x8f\x03\xf3\xab\x12D\x14\xe0\xe6\x80;v\x83\x02\x9f\xa9\xdfi\x9a\x1e\x9b6\xb5\xaejV\xd6VV\xeb\xbe\xe2\xf2\xf2u\x8a\x18W\xd5\x9d\x88U\x1fR+\x17(\xc27\x93\xb0\xb6WdB\x028"\xbeb\xf8\xf7\xff\x00\x05/\xf0\x9f\x86\x9aO\x0e~\xcf\xda4^$\xd47yk\xad^\x06K\x10\xfe\x90\xa7\x0fq\xfe\xf7\xca\x9e\x85\xc5y8\x8c\xf3+\xc3i*\x89\xbe\xcb_\xf8\x1f\x89\xc9S\x1d\x85\xa5\xa3\x97\xdd\xa9\xf4\xd6\xa3.\x9f\xa5\xe9\xb3j\xfa\xb5\xfc\x16\x96\x96\xe9\xbe\xe2\xee\xeae\x8e(\x97\xd5\x9d\x88U\x1e\xe4\x8a\xfc\xc3\xf1\x96\xbd\xf1o\xf6\x95\xf1DO\xf1\x93\xc7\xf7\xda\xd4V\xaf\xe6\xcd`d\xf2\xf4\xfbN\xe1#\x85p\x8c\xfe\xf8\xe3\xd0\x9ek\xc8\xad\xc5\x94V\x94\xa9\xb7\xea\xed\xf9\\\xe1\xa9\x9dQ\x8f\xc3\x13\xec\x0f\x8c\x9f\xf0P\x9f\xd9\xf7\xe1\xd7\x84\xf5\xaf\x12xN\xee\xff\x00\xc6K\xa2iWW\xd7Rxv\x10,\xca\xc1\x13\xc8\xea.\xe5\xdb\x1b\x9c!\x1f\xb9\xf3y\xed\xd6\xbe#\xfd\xaf\xeel\xbc\x05\xfb\x17\xfcK\xd4\xecbXU&lt;\x1fsg\x08\x03\x19i\xc2\xdb\x8f\xd6Q\\\xd8^"\xcc1\xd8\xeatc\x14\x93\x7f\x87]\xcch\xe6\xd5\xb1\x15\xa3\x08\xc5+\xb3\xe3\x8f\xdb\x7f\xfe\x0b\x89\xfb^~\xd4^\x0f\xd5|\x19\xa5I\xa7\xf8?\xc1z\xb4r\xc1u\xa1xr63]A\xb9\x94\xc3qw \xf3dR\x00\xdc\xaa"G\xe8S\x04\xad|c6\xb7\xb3Sm*\xea/\xdd\xdcF\x1a&gt;\xe1\xdc\x0c:\xfe@7\xe7_\xa0F\x9cOj\\\xc8\xf7\x8f\xd9{\xc4ku\xf0C@\xf2d\xff\x00\x90lrX\\*\xf6\x91Y\xb3\x9fM\xc1\x83{\xee\xaf9\xfd\x99\xbc_\x17\x85\xbcwq\xe0k\xe9\x846~ \xdb\xf6uf\x1bR\xf1\x01\xda=\xb7\xa6W\xdc\xa2\x0e\xf5\xf3\x19\xa6\x16\xa6\x1e\xb7\xb5Z\xc5\xef\xe4\xcf\x7f-\xc4S\xadO\xd9=$\xb6\xf3&gt;\xb0\xf05\x8cN\xfei,\xaa\xc7\x07+\xfe\x7f\x9d_\xf8wl\xebo\x9b\x84\xe3oa\xbb#\xb1\xaf\x9b\xa9+\xc8\xfa:1\xd0\xee\xf4\x9b;K\xbd%\xadr\xbf\xdd`\xa7\xe5#\xb0\xfc\x8fJ\x86\xcetF\xda\x1fn\xf5\xc3mc\xcezg\xda\xb0}\xce\xb8\xecs\xde.\xf8F58\xf6\xdbD\xbc\xa8%\xbf\xbc3\xd3=\xff\x00*\xf4\x1b\x03\x1b\xdb,&amp;U\xdb\xca\xe1\xa3\xdc\xa7\xfag\xeb\xff\x00\xd6\xac}\xadH\xcbF_\xb3\xa7-\xce3\xc1\xbf\x0f\xbcAa+%\xf5\xd2H\xa1q\x1b\'\r\xd7\xafoo_\xa7\xa7\xa00\x86%\x02\x03\xc2\x9c\xb3nn?\xef\xafn\xe2\xab\xeb3\x92\xb3%Q\x8cuFi\xf0\xab\xdb*\xcb:na\x86\x0e\xa0\xe5\xf9\xf5\x1d\x05ij\x11M=\x86V\xe3s0b\xd8\x93w\x1fA\xc7\xe3\xcf\xf4\xab\x8c\xb9\x83\x96\xc7\x13\xe2\xfd0^\xc4\xcb\x0c\xbb\x91T\xe7j\xfc\xa3\x83\xfcG\x1e\xde\xa6\xb4\xaf-\x1ae\xf2\xe6\\|\xa4\x85\xe3\x81\xc79\xe9\xfe&gt;\x9d\xabX\xe8L\x91\xf3\xbf\xc5\xfd\x1e{\x19\x19\xa2\x8bj\xf9m\xf3m\xfb\xcd\x8c\x8a\xf4\x0f\x8b&gt;\x11\xddi\xb1Q\x99\x99\x07\x07\x1e\xfc\xff\x00\xf5\xabHV\xe5\x96\xa7-j&lt;\xd1\xd0\xf9\x8f\xf6\xa2\xd3\xe0\xd0\xfe\x0ei\x92L\x81\xa5\xba\xf1-\x89\xb0c\xd9\x81vb?\xe0\x01\xc1\xfa\xd7\x1d\xfbQ|Go\x1bx\xf3M\xf0U\x85\xce\xed/\xc1\xf0\xb4-\xb4\xfc\xb3_7\x12\x90\x7f\xd8\x00F\x0f\xae\xfa\xfaL\x97\x0f\x88\x9doo=#\xd3\xcc\xf9\xbc\xdb\x11\x87\x8d5F\x1a\xcb\xaf\x91\xf4\x07\xeca\xff\x00\x05G\xfd\xb8\xbe\x0c|L\xf0\x97\x83&lt;5\xfb@\xdcj:=\xfe\xbfa\xa5\xcd\xa0x\xea\xed\xef\xb4\xd5\x86i\x96\x13\xcc\xad\xe6[\xed\x0c\x08h\xa4\x8f\xee\xe0\xe4\x1cW\xc8M\xac}\x91\xfc\xebx\xa4\x13Z\xc6\xb3\xda\xc9\x1c\xbb|\xb9T\x86BF\xd3\x9e\x03c\x90A*s\xd8\xfd\x1e"\x9f5&amp;\xa1\xa3\xb6\xe7\xcf\xfe\xf3\x97F\x7fM\x1f\r\xbf\xe0\xa2&gt;\x03[\xef\xf8E~=x\x1bR\xf0f\xa0\xb22.\xa1\x0cm}\xa7O\x83\x8d\xca\xf1\x83"\x8fQ\xb5\xc2\xf7n+\xe6\xfb\xa4\x83\xc7~\x1a\xb2\xf1e\xa4\x85_R\xd3m\xefdUo\x96u\x925\x91I\x1d\x0b.\xe1\x82\x7f\xa5~}O\x883*.\xd2i\xdbMW\xf9X\xf9\xf8\xe6\xd8\xaar\xe5\x95\x99\xfa%\xe1\x7f\x13\xf8K\xc7\xba\x1c~&amp;\xf0G\x89t\xfdcN\x93\xfd]\xf6\x97x\x93\xc4O\xa6\xe4$\x03\xecp}\xab\xf3#G\xd5\xbcY\xf0\xb7\xc4\x87\xc4\xfe\x00\xd4\xee\xb4}C\xf8\xae\xb4k\xa7\xb3i}\x98E\xf28\xf5\x0c\x8c\xbe\xa0\xd7\xa3G\x8a?\xe7\xed?\xb9\xfe\x8f\xfc\xce\xcay\xd4_\xc7\x0f\xb8\xfd&gt;\x9e\xdf\x07\x9a\xf8\x9b\xe1\xf7\xfc\x15\x17\xc6~\x16\x96-/\xe3\'\x84\xbf\xb5\xad\xfa6\xa1o\nCp\x07\xa91\x00\x8e}\x84)\x9fZ\xf5(\xf1\x06[Sv\xe3\xea\xbf\xca\xe7e&lt;\xcf\t&gt;\xad|\xbf\xc8\xfbBX\x08&lt;W\x99\xfc5\xfd\xb4?f\x9f\x8b\x16\x8du\xe1\xef\x8a6vsF\x81\xa7\xb1\xd6\x0f\xd9f\x8b\xea\x1f\x83\xcf\xa1\xafF\x9e;\x07[\xe1\xa8\x9f\xcc\xea\x8e#\x0f-\xa4\xbe\xf3\xe2_\x88\xff\x00\x15&gt;-\xfcs\xd5\x06\xab\xf1G\xc7\xd7\x9a\xbe\xc97Ck&lt;\x9bm\xa0?\xf4\xce\x14\x024\xfa\x85\xcf\xbd\x15\xf9\rlEz\xce\xf3\x93~\xae\xe7\xc7\xd4\xabR\xa6\xb2m\x8d\xf0\xe7\x87R&amp;\xf3\x83)\x9eE\xe2B&gt;\xe8\xf4\x14V29\x9bz\x9d\xd6\x81e\x06\x95\xa7-\xa5\x8a\x85\xca\xe5\x9boR{\xfb\xd1L\xca\xed\xeex\xa7\xfc\x15\x1fV\x93L\xfd\x86|Qo\x10?\xe9\xda\x9e\x95h\xc4v\x06\xfa7\'\xff\x00!\xe3\xf1\xa2\xbd\xfe\x15\x8a\x96q\x0b\xf6g\xa9\x94\x7f\xbe#\xf2B\xee\x08\xee$Qr\xbfrL\xa6\xce\xa8\xc3\xa3\x0fq\xff\x00\xeb\xebE~\xa9#\xeb\xde\xc3&gt;!\xe8G\xc3\x9e*\xd5|4\x97\xf2H\xfaV\xad=\xa0\xbc\x8d|\xb6f\x86R\xa2@2v\x9e\x03c\'\x07\xb9\xc6IY\xc5*\x94}\xedn\x8c\x93q\x95\xd1\xf6/\xec\xad\xf1\x82\xef\xc7\x7f\nl\xf5O\x10\xda7\xdbc\x99\xac\xef%\x87\x00J\xe9\xc1\x90zn\x18$v9\xc7\x14W\xe6y\xa4cG\x1d(\xc3D~\x81\x96JUpq\x94\xf5g\xb0\xc3v\x92\xae\xc8KmT\xcb+(\x18\xe3\xb1\x07\xde\x8a\xe5\xa7)Ks\xd0q\x8a7\xed!\x9a}$\xc9\x1b*\xb2G\xb9\xbd\xc68\xe7\x9f\xe9\xf8\xd1Z8\xc7\xd9\x92\x9f\xbcc\xc9{}g\x1c\xd34\x8a\xca\x1b\xf7c\x9e\xbd\x89\xf7\xc0\xf7\xa2\xb9^\xe6\xdd\x8d\r\x0bW\x9a\xfb\xcc\x17?3`m\xe3\xa7\x1fZ+\xa2\x9f\xc4L\xbe\x12o\xed\x18\xad\xb8\x90\xb9\xc9\x18\x0b\x1a\x8e\xfe\xbd\x7f\xfdB\x8a\xd1\xc9\xf3\x12\x97\xbc|\xfb\xfbv\xfcy\xbe\xf8M\xe1%\xb5\xf0\xe5\xb4\x9f\xda\x9a\xcc\x8fect\xcc6Za\x01yq\xdd\x80? \xe9\x93\x93\xd3\x04\xafO#\xa3K\x11\x8e\xb5E{+\x9eFyZ\xad\x0c*\xf6n\xd7&gt;\x1b\xf0\x86\x87w\xaf\xea+\xa3\xe9\xd2\xc6\x972[\xdc\xcc\x92\\3\x15&amp;+yg%\x88\xe7%ao\xa9#\'\x92h\xaf\xbf\xf8c\xa1\xf0\x9b\xbdH\xe5\xb6\xf2\xb5\t,\xd1\xb7~\xef\xe7fo\xbc\xc7\xab\x1f\xf3\xd3\x8a+M\xa5dm\x13\xf7#\xf6m\xd5\x9bQ\xfd\x9b\xbe\x1e\xea\x0e\xbf4\xfe\x07\xd1\xdd\xb3\xeb\xf6(sE~?\x8f_\xed\x95?\xc4\xff\x003\xe1\xf1_\xefS\xf5f\xd7\x88l!\xba\x12JG+Eq\xdd\xabX\xc4\xe6[\xc2\xda]\xf31\xbcB\xca\xbcm\xf5\xa2\xb6\x0b\xe8s~/\xf0f\x93,\xe8\xdfg]\xa3\x85\xc7\x04{}(\xad#\xb1\xb4[\xb1\xff\xd9'</t>
        </is>
      </c>
      <c r="M567" s="3" t="n">
        <v>45492.67700231481</v>
      </c>
    </row>
    <row r="568">
      <c r="A568" t="n">
        <v>1641124</v>
      </c>
      <c r="B568" t="n">
        <v>1974</v>
      </c>
      <c r="C568" t="inlineStr">
        <is>
          <t>JP</t>
        </is>
      </c>
      <c r="D568" t="inlineStr">
        <is>
          <t>JP</t>
        </is>
      </c>
      <c r="E568" t="inlineStr">
        <is>
          <t>UNK</t>
        </is>
      </c>
      <c r="F568" t="inlineStr">
        <is>
          <t>UNK</t>
        </is>
      </c>
      <c r="G568" t="inlineStr">
        <is>
          <t>UNK</t>
        </is>
      </c>
      <c r="H568" t="n">
        <v>182</v>
      </c>
      <c r="I568" t="n">
        <v>98</v>
      </c>
      <c r="J568" s="2" t="n">
        <v>38460</v>
      </c>
      <c r="K568" t="inlineStr">
        <is>
          <t>Right</t>
        </is>
      </c>
      <c r="L56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bf8ba52-e986-4a1e-be0a-f364eaa68b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f8\r\xfeq\x00\x00\x03\x00PLTE\xff\xff\xff\xf2\xf3\xf6\xf8\xf8\xfa\xf0\xf1\xf5\xf5\xf5\xf8\xf6\xf6\xf9\xf3\xf4\xf8\x00\x00\x00\x03\x02\x02\x05\x04\x03\t\x07\x06\xff\xff\xfe\xf1\xf1\xf6\xed\xee\xf3\x0b\t\t\xee\xf0\xf4\x0f\x12\x17\x12\x15\x1b\x0c\x0f\x14\x15\x18\x1f\xeb\xec\xf0\xc7\x90}\x18\x1c#\x0e\x0c\x0b\xb9~l\xe5\xe6\xec\xd1\x9b\x88\n\x0c\x10\xcb\x91~\xc6\x8c{\x12\x10\x0f\x06\x06\x08\x07\t\x0c\xc2\x8ax\xcc\x97\x84\xca\x94\x81\xa6wg\xe7\xe9\xee\xe9\xeb\xef\x1b\x1f\'\xb9\x86t\x9eqa\xc0\x87u\xa2sc\xba\x82p\x1f"*\xc4\x87s\xb5r[\xd0\x98\x84\xe1\xe3\xe9\xce\x94\x81\xca\x8ey\xcf\x8du\xab|l\xda\xa5\x93\xa7zl\xdf\xe1\xe7\x9bm]\xd9\xa7\x98\xc7\x93\x81\xbd\x82q\xcd\x99\x89\xb7{i\xc0\x8d{\xd9\xa1\x8e\xd4\xa1\x8f\xc8\x8bw\xd4\x9e\x8b\xbd\x89w\xc2\x90}\xbd\x80m\xb3we\xf6\xf7\xfb\xbe\x84r\xc0|e\xce\x90|\xa0dT\xb4\x82u|E7\xa7sa\xadmZ\xb6\x81p\xdb\xde\xe2\xc5\x81i\xa0k[\xd1\x9d\x8d\x92gX\x82YN\xfc\xfc\xfb\xbe\x8a{\xcb\x88q#\'/\x93\\J\xc9\x8d\x81\xdd\xa2\x8f\xd5\x9e\x91\xe2\xa4\x9b\xa6n]\xf9\xfa\xfd\xd5\x99\x84\xb3|j\x97j[\xc9\x95\x85\xfd\xfd\xfd7\x1c\x17\xae\x7fq\xd7\x91\x86\xef\xf0\xf0)-6"\x0e\t-\x15\x0f\xa7hW\xde\xa8\x95/27\x88`U\xd5\x98\x8b\xf5\xf6\xfa\xd3\x94~\x99eV\xb9vd\xb7\x87z\xacp_\xe8\xe9\xe9\x10\x06\x03\xba\x8c\x7f\xde\xab\x9b\xda\xac\xa0\xcd\x89{\xa8dN\xdb\x9e\x95\x9b`N\xeb\xaf\xa5d?5\xbcw^\xe7\xb4\xad\x88SD\xacyg\x8faQ\xd0\x92\x87\x95aR\x92R=\x9c[E\xc2\x83p\xd1\xa2\x97\xf3\xf4\xf3\x17\t\x07\xe2\xac\xa3\xd6\xd8\xdd\xc5\x87z\xaducoI@\xdb\x9b\x8e\xc6\x98\x8d\xe1\xa0\x94\xc3\x83x\xadiQ\xe2\xb2\xa5\xc8\x83q\xe7\xaa\x9f\xc2\x90\x82\x1a\x10\x10&lt;&gt;&gt;\xbb\xbd\xbf\xd1\xd3\xd7\xb2\x81o\xc3\x94\x88\x9b\x9d\x9e\xd2\x8e\x7f^/"zNCq=3\xda\x9c\x88\xa6\x81t\xe4\xa9\x97\xfa\xfa\xfa\x85M?zXS\x8cXJT2+\xb4unA+\'\xac\x85z"\x1f\x1cLOR\x17\x18\x14\xbd{s\xcd\x9c\x90\x9dviE\x1f\x16VZY**%\x93SG\xec\xe3\xe2\x98XS\xb4jS\x88\x8a\x8b\xe3\xe5\xe4\xa5_H\xe3\xb0\x9dz;)P(\x1e\xf1\xea\xe7\xe2\xd4\xd4m4$\xcc\xcb\xcd\xa8qhpst\xb1pe\xa8\xac\xb0\xc3\xc5\xc7abd\xa6\xa5\xa5\xb1\x8d\x81\xf4\xf0\xec\x89e`vx}gjnDHI\xa2e`\x87G6\xea\xdc\xd9\xec\xbe\xba\xd1\xbc\xbae8,W\x1f\x13\xb4\xb5\xb2\xf0\xb4\xad\xde\xcb\xcb\x91\x94\x9737@\xb6\x91\x8b\x92oe\xd8\xbe\xbd\xdev\x8c\xc1\xa0\x9e~\x81\x84\xc5\xb5\xb5\xb3ei\xb1\xb4\xbbaHG\xce\xad\xab\xdf\x82\x96U?@\xd4i~\xa9WZ\xf1\xc7\xc8o#\x19\xd0\x7f\x88\xbemn\x9e|z\xbfpz\xd1Qm\xc3Yk\xe0\x90\xa4\xa1\x90\x8e\xea\xa1\xb7\x17O7\xe9\x00\x00 \x00IDATx\xda\xcc\x98_LSi\x1a\xc6\t\xd1\x9c\x7f\xc9\xc9f3\x93\xb31;\xe7d\xd5lt\x98\xb1\x93\x011\x90\xd5Q\x9c\x192\x80\xb5\n\x03\xd84\x18\x82\xda3!=\x056\x14\xa1`\x1a\x84tL\xa9\xd2\x10\x88\x9b\xearZ\x86N\x81\xc5\xd2\xa6\x96F\xdb\x12\xf9\xdb\x04\xc2\nLP\xc2\x05vc\xe2\x85\x9b\x90p\xe7\xdd\xbe\xefiu\xf5b\xef\x0e\xb8orJ[\x08\xfd\xf5y\x9e\xef\xfd\xde\xefde\xa9WLu5\x93\xc5\xe0\x13c\xd6\xffA\x19{g\xfb\x96R&gt;\x9f\xef\xa5o-\x95\xf2\x0e\xd53\x1f\x1d\x89\xc9\x9e]\xf1\xbd\x8eo4Fy\x9e\xe7x&gt;\xd2\xd8\xe8Y\xf5\xf5U\x7fD\xa2\xac\x07\xb3\xa9\x99\xe5x#\xcfR4\xcb\xb2&lt;\xcfr\xc8\xc6\xd1\xbc\xe7\xf5J=\x18i\xfc\x18f2}/\'\x13\x80\x04ER,\x07`\x02+\xf34\xcdr\x1cE\'\xe2/\x97\xf6e\x19\xd3Y\xdb\xcb\xca\xf6\xc6\xa3\xa8\x11\xc7q,-p\xc8\x07B\x81n\x00FS\x04\x19\xf5\xbc\xbe\x98e\xac\xdec\xc1z\x9fzh\x9ac\x05\x9a\x15\x04J\x10\xc0B\x0e.\x8a\x04\xe1@6\x8a\xc6\'\x1b\xa9Oz\xb3\xf7P/\xc68\xb4\x9c`\xd3\x85\xb1\xa2\x81\x10e\xe3 \\\x80\xc4\x82X\xe0,IDW\xbdm\x9f\xf4\xee]\xd6W\xe2\x1c\x01\x99\xa2i\x81\xa2\x046\xcd\x03\xe9\xc2\xc8\xb3\xbc,\xb3\xa8\x1arQ\x8d\xafg|\x17A\xb1jfo\x0c\x04$ \xa2Q)\xa0\xe1\xf0\xe2\xd39K/G\x8a\x84\x88\x91\x04\x11ML&gt;mc\x1ed\xef\x01\x95/A!\x92"\x17\x8dl\x90w\xf0\x0e5\xe3pI\xd2\xb80\x11\x97%I\x92\xf7\xac\xae\xf5\xb5=`v\xdbA\xa0"\xa0%P\x14,@\x16bD(AB\xcf(LX:pX((Ip\x91\x84\xe7\xf9\xd3\xb6\xddn\xb0Fo#R\x08J\xab\xfa]\x14\xfd\x12\x00\t\xde\x81\x07\x12\x84\xc3\xc6\x052!\x12\xbeC\xd0&lt;\x9fx\x9e\xaa\xdf\xdd\x15Y\xbd\xb2\xc1Bp \xea`"\xf6+Y\x06\x89h\x01\x18\x08\xc4\xc0E\t\xbf\x01\x1aL\x16\xbcE\x90\xa0atc\xad\xde\xb8?{\xf7,\xec\x8b\x837\xa0\r\xea\xa3\x18\xc7rJ{`\x11\x0bW\'E \x14\xf0(X\xc8\xaa$0\xe1\xeb\x1b\x9a\xdd-\xc1\x98\xec\x99(Z\x88qG\x9b\xf0\xa9\x12}\x8e\xa7\x95\x94!0\x92\x10\xef\x15\x89\xca\xd2\x9e\x99\x99\xa5\xdd\xd2j\xffZB\xa0\x01E@\xa1p\x9fAy \xf7\xb8\xec\xe84\x83b\xdd\x87X\xf0\xa7\x1c\x15\xdd\x88{\xb3wG\xae\xeaT#\xec,\x02\x06\tZ\xa5\xd2\xdfq\x9b\xb6\xa2\x8d2G\x12\xff\xb3\x80\x9b\x8blxwe\x87d\xb2V&lt;\xa8\x13\x9dYb\xf8i\xf0\xca\x9a)\x97\x8b\xfa\xaf&gt;J\x8f\x7f\xdfG\xb0\xd9\xe35V\xef\x06\xd5\xd0$\xeev\xf8yT\x1a\x8b\x04\x16\x93\xc9$I&amp;,\x19\xd1\xac.|\r\xefH\xa6\xf7\x9c$aMD\xe3\xa9\xde\xdd0qh\x15\xd6[z\x13V\\$\xad&amp;\xf1\xc5\x8b\x171)\x16\x8b\x89"\x82\x89\xc9\xa4\xdf\xbf\xb8\xb8\xb0\xb0\xb8\xe8_\xdc\x12\xad\x1f\xb8\x18}\x9e\xfa\xf3.hu1\x0e;\n\x84\x89\xce\xcc\x07\x94K\xf4\x03\xc1\xc2\xa2\x1f\xd9\xc4X\xcc\xbf\xb0\xb0\xd9\xe3\x9cs\xf6@\xe1\x836\x96\x11L\xb1\x93\xe5#\xab\xa9\x07\xaaSe\xcf\xf08"@\x9a\xd2\xfd\x896\xc5\x167\x91\xa0g\x13\xd5Q\x88\xe6l\xd3\x1a\x8df\xda\x86\xe5t:7\x17%2\xb3:\xe1\x8bD\x13Q\x8f\x97Q]\xacIPJ\x10\xdeF\xda*\xf9\x17\x00\xc4==\r\x14sN\xa7\xcd=\xe7\xd6tOw\x97\x94\x94twk\xdc\xd3n\x1b\xca\xb6\x90\xe1\xc2\xad\x9d\x8bD"\xf1%Fe\xac\xa5F\xfa]\x86)H\xd5\xa2\xb6\x07X\xa65\x00\xd1\r8\xf0XR^\x02\xd7\xfdr\x00\x03\xc9\xdc\xa0\xd7[.\xc4\x82\xaf\x14M4.\xb7\xa9\xba72\xc65\xfe\x1d\x96\xd5%\xc5\x14*3\x08\x04\xfat\x97\xa0H\xe5z\xbd\xbe\xbc\\\x9f\xa7\xbf_^\x8e`i\xbd\xfc\xd6\x0c\x15V4\xe2\xf1\xaa\x89\xc5d\xb5\xc5\xdf\xb6n\x92\x96\xa5\x98\x1f\xa8\xca\xca\xcc\xba\x16\xc0\xc9\x94&gt;/O\xaf\xbf\x9f\x97\x97W\x9a\xab\xbf\x0fNN\xbb\xc1[\xa7\xd6\x94n\xf38J\x93\x14\xef\xf1\xa9\xeb\xa17A\x08d\xc6AX\x82\xda\x9e\xa9N\xa0*V\xa8\xf4x\xe9\x01\x0b\xb8\x00*7\xb7\xb4\x08\xb8\x14\xb9\x9c\x9b\x92\xd2|\xf1\x18\t\xbb\x16\x9b\xf0\xa9\xd9Q\x19f\x86\'3&amp;\xd2VSRk7\x18:\xcd\xe6\xd6\xe2\x96\x92\xb4\\\nT\x86\xab\xb4(\xb7H\x0fX\xd3\xb6\xb9\xb9\xb9\x9e\xa4\x15\xf7)\x19N\xdd8\x17F^\xaa\xb9/2\xd9\xcfq\x9aQ\xd2ku\xc5\xb4\xf6\xa9N\x14K\xa7iIse\xa0\x00+\xaf(\xb74\xb7\xa8\xe8X9`\xb9\x01knQ\xb2\x12\x14\x1b\xe5i&lt;\xd5\xb2\xfck\x15\xb1`R^\xe6\xb0\xb9\x93J\x17\x1d\xb5O\x19\x00\x0b\xb84\x19\xaawXX@\xa5\xbf\xad`a\xff\xda\x14]\x14\xc9\xc18\x06\xad\x18\x0e\xbb\xcb\xf5\xaa\x0e\xf0\xcf8\x167i\x92\xb4J[\x01\xb4\xf0-\x16\xa6*M\xd5\xdc\xdc\x0c\x0ebA\xe6\xcb\x95p\xb9\xdd\xee\xa9\xa4+3\x84\xc1\xc4\x11\xe5WU\xec\x10L\xd6\xbee\x18ap,\xa51X\xc1\x0cUk\xcb\xf7\xf7\x8b`\xe95\x97\xd65\x7fPy\xb8\x16\xb1y\xb9\xdd\xb6QI\x19\x1a\x95q\x96f\xd5\xc5\xaa\x8f\xc3\xbf\x15`7\xa4\xa5-\xc0\x02\xa82L\xfc\xf7\xc7rKK\x9b\x9b\xeb\xde\xab\xb1\xb1\xba\xbaf\xd0\xab\x1c:\xacF\xa3S\xe4JcQxP{\xb6_\xcdl\xcdNfFwJ\x1a\x05\x0f\xcb\x14\xad\x8a\xffp\xec\xb3?~\xfdU\xdd_\xc7NC\x8d\x8d\xd5\xd4\xc0\x8f\x1a\xa8\xb3u\xcd\xb9JK\x85\xb2MiE\xe0\xc1m\x11\xa6\xfe\xa8/K\xbdQ\x90\xa9\xee\xdb \x15\x17iR\x1a\xb5\x1b:\xcb*\xcc\xad\xfd\xa7\xbe\xf8\xe1O\x9f\x1e:x\xe0\xec\xe5\xd3\xa7\xf3\x1b\x80\xa6!]\x1d\r\xf9\xa7\x0f|]\x94\xe6\xd2\xb9\x9d\x01\xbf\xcc\xcb(4\x0c\xd6\x8dCjv\xf9lo\x02\xb5\x82\x11\xc2*j\xed\x9d\x96\xb2\xda\xf3?_8\xf2\xed7\x83\x83\xd7N\x9e\xfc\xf1\xf2\xe5\xcb\x80u\xbaf|\xbe\xa3c\x1e\xae\x8e\xc2\xc23\x07\x0e\x15\x1dS\xb8`o\xdc\x92dN\xc1R\x16\xa2zX\x0fz}QAI\xac,\'\x03\x06\x87\xa5\xe2\xf0\xe1\x7f&lt;\xc4\xfa\xed\xb7\x87\xd7\xdb\xef&gt;\xba\xdc\xd0\x90_\xd30&gt;\x7f\xef\xde\x8d;w\xee\xdc\xb8\x01\x8f\x8f\x0e~z\x1b\xb9t6\x9bV\xe4\x94I\x90\xe5\x13kj6y\xe3&gt;h\xf2$\x1e\xe1)\x97?\x08X\x95\xeb\x13\xdb\xdb;;;aO8\x1c\xda\xd9~5\x98\x8f\xe6!\xd5\xc3\xf5\xf5\x89\xf5Wo\xde\x00p{\xfb\x0f\xa7@.\xb3;\x10\x03\x0faFc\xf9\xc9%\xa3\x9am\xab\xfe\x19\xf6C8\xd4\x13\xd6Q\x83\xa1\xaa+\x1c\x91\x95\x9b\x800\xad\x08\x9cl\n\x15\x9c\xecHc\r\xc3\xef\xc4H4\x92\xf0\xec\xeclO&lt;&gt;~\n\xd3\xd5#\xca\x18y\x18P\x97U\xbd\x17\xc1\xb4-\xd3\x99\x13\xa0dw\x8c\x88\x18}"\xd3\x88(\xcae\n7]+\xcc\xcf\xef\x00\xb1\xce\x8d\x84$\x0e\xef\xa2\xf2&lt;/G\x12\xdb\x95\xfd\x18\xfa$\xcb\xe1\xc6%\xf03FF\xc5\xc4W\xd7/S\xe9\xf1\xc1\xb5\xe5\xb0\x8b\xb4,\x8aaQ\x92e\xd9\x85e\x92BM\x83g\xce\x14\x16\xde\xbbW\xd8^\x95\x84c\x90\x0bh\x05\x01o\xc1%\xb6\x1d\x1a\xf3\xdc\x16\xadL\x1f$\xfbR\xddi\xab\xfe\x19\x97\x1e\x00\x93AG\x97\x14\x1ehz\xf5\xf8\xf1\xfa\xfazS\xd5\xc0@\x17\xd4\xc8\xd5o~&lt;\x93\xdfq\xe3F\xfew9\xf6\x81\x81\x90(J&amp;Y\x8aH\xb2\xd5\xc5\x87-:\xb7\xd6\xa5\xdc\x8c \xd4\xc6\xea\x9d\x89*\x13\xa0\x18p\x18\xba\xba\x9a\x1e\xff\xd4\xde&gt;8&lt;&lt;&lt;x\xe9\xc2\x95+\xfd\xe7+*\xce_8t\xa6a\xfe^\xc7\xd9\xcf\xbe(\xee\xbfr\xb8\xe0V\xb0\xaa\xf2\xe8\xd5\xa6\x91\xae\x90d\xedju\xf7Hx\xe7\x86"8\x9f\xbaX\xd9\xbe\x88"\x96?\xe8\x08\xda\xaf\x1e\xcd9~\xbd\xfd\xdcO\'N\x9c\xc8\xb1\x04oU\xd4Vtv\xd6~~\x16\xb0\x1a\xbe\xba]\\|\x05\x1a\xdaw\xd7N&gt;\xbaSx\xe7n\xfb\xf1*Q\xec\xd49\x93\xca\x88JF\xd6\xd4\x9d\xe4\xab\xd7"h\x03?\x1a4\x04\x1d\x05\x05Gs\n,\x95`\xe0\xc0\xc0\xc4\xc8(lF\x01{Y\xf1\xc1\x86\xf9\xf9\x9a\xdc\x16\xcd?k-A\xfb\xad\x82\x13\xd7\x07\x87\xef\xde\x1d\x1e\xbc^\x15\n\xf6\xdb\xb6\xd2\xb7\x97\x12+*c\xa5\x12\x88e\xd2\x1a\x0c\x96\x82\x82\xab\x8e\xc0\xc8@(\x12a#_\x86\xb7C[\xa3Zm\xc0\xa9+\xaa\x99\x1f\x1f+\xd7\xe9\xccS[\xb1\x18t\xb3\x81\xa6\xca\x9c_.\r^:\xe70\xb4\x9a!\\xS\xc23\xa4.\xd6&gt;\xaf\x07\xa3\x05X\x8e\x82\x9c\x82[Z\x7fLJ\xc8&lt;\xf9{y\xd5\xb7\x93\x04,mOYQ\xc3\xcd\xf1\xba\x16\xc0\n\xc4\xc4\x08M\xb0\x119&lt;`w\xfc\xfc\xed\xa5_,:\xb3\xdd\x04\xdf\x8a"&amp;g\xd5\xc5\x9aMyP-\t6\x1e0\xd0\xee7Y\xc5\xed\x90(\x89\xa1\xf57\x13\xfeE\xc4\xd2\x95\x8e\xff\xeb\xefc-\xba\x16\xdd\xd4\xe8\xc4\xb6\x0c=\x8aM\x88\xa1\x80\xfd\xfc\x91#\xfd:\xb3A\xc4#/1\xa9\xf2)\xb1m\x05\xe7-R\x0c\x1a,99\x96\x80?\x96\x1c\xad\xaa\x1a\x19\tZ,O\x0cSZ\xed\xa6vJ\xf3\xeb\xf8\xcd\x9b5%n\x8d\xed\xc9\x93\xaa\x89\x98Iv\x85\x9f\x87L1m\xc5\x95\xcf\xff\xd2j\xeeD,2:\xd3\xab2\xd6\xbf\'L\xf0\x7f\xc3\x06\xdc\xa4+n\xd9\x03\x01CEm\xad\xd9f6\x9b\xcb\xec \xd6\xa6\xad\xe5\xd7\xbf\x01\x96^\xa7\xf9\x0f\xaf\xe6\xfb\x93V\x9a\xc5q3\xd9\xcdL\xc7\xd7$\x84H6\n/@\x89%\xb4@\x04\xf9\xa1\x827UPHa"\xa6\x80\x04J\x0b\x9b\xa9f\x08(\xa9J\xa9-"V\xd8\x12-\xc2\x16|\xb1\x18\xac\x942\x966\x1b\xb4\x1b\xc4\xa4\xfe\xea\x18\xde\xd4M\x16\x7f\x8c\xd1\xa4kM\xcd\xda8Uk\xdbt\xcfe\xf6O\xb8\xee\t\x04HH\xee\'\xe7|\x9f\xf3\x9c\xef\xbd\x0f\x92\xca7MNN&gt;\xfa\xf9\xa7\x9f\x1e\xbc\xb8\xb1x\x85_^\x8e\xc8P\xacs\x7f\xfa;\xb6V\xbf\xb8h\xf9\xdfk\x137\xbf;\xb78\xa8\xa8`2\x9bu\x15:\x05:\x9d\x82\x81\x90\xd9%M\x93MkC2\xbe#\xd8\x17\x89;:e\xe9t*\xdb\xd4\x94\xc9\x9b\xd8\xcd\x8a+MM\xb7\xf1\xb8R\xc4\x0eX\xc0\xf5\x0f\x8ckX\xb4;%\xe9\xbf\xf1\xdd\xb9\xa7\x83\x8a\xe6h\xd4$\xed\xa2\x19\xf0|\xa4\xb3\x10\xf9\xfe\xe4\xbd!\x19\xc2w$\xfa"\x81X\xf8ng*\x95\xcbg2/\xed\xf8j&gt;"\x93!^\x12\x8e?"\xb9\x0e\x0b\xf1\xe6\xbf\xb0U|Q\xf1\xc1BR\xb7x\xee\xfb;PC\x80"\xaa\x89\xc3\xb5\x95\x95\x95^o=\\Y24\xd4\x8e\xf0\xf1\xb1\xc8v_\xd0|\xf1rCg.\xc5O\xe5r9~\xbd\xf7R}}u9\x89\x8bG\xda\x9fA\x97\xbf\xff\xf4\xe0\x1a\xa6\xc9z2z\xb4f\x9f\xbc\xff\xfd\x03\x85\x82\xcc\x94\xaa\xd4\x1eu\xac\xd1\xe1\xa8\x05\xd7\x05\xe9\xca\xb5\xdf\x82dU\x9b\x7f\xc7j\x05\xcf\xc3\xc7W\x0f\x87B\xc3\xc4\x0b%\x0c\x92\x9a\x88\xe3\xd2Ft\xcf`\x8b\xb811\xfe\x04S\xac\xd5\x95\xa3\x8c\xbd\xff\xc7\x9b\x8f\x14\x8a\x15f\xd7\x98\xc7\xe3\xb1\x98\xcd\x1e\x07`]\x0e{\xa1W!|\xbe\xb7\x80\x15\x8f\x81\xaf\x8e\xb5z\xbd\xc3\xc3\x8e\x18\xc3b\xd1Z,e8\\9\xa2{v\xee\xdb\xeb\xaf\x16F[\xb0U\xfc\xbd#\x89\\\xf1\xe2\xfe\xefX\xe3&lt;\xc0\n\x04,\x1eH\x19X\xd5J&lt;\x82 \xfc\xe1@\x1f\x9a\xad\x18\xd8\xd8\x985\xd6\x1av8bf\x8b3\xe8t*\xb9\xe2r\x03\x8a\xf5\xec\xd6K\x1f\xa6w\x9a\x8b{\x8f\x8e\xec\xf6\xf6\xe4b\xbf\r\xc5\x1a\xd5j\x81\xca\xe9t\x06\x02\x01\xb0b%\xf8\x11\x84\x9f\x8e\x05\xb77\xb6\xdb\x021p\x8d1\xab\xb9\x10Ng[[\x9b\xd3C\x12\x94\x1b\x9a\x9f}{\xf3N\xc3\x1c\x07\xd3{\xa7\x7fT\x1d-\xc0\xa2\x92I\xae\x0c*\xc8\xd2\xeeq\x9fV\xebD\xaf\xd9\xd1\x96\xe8H\xe8\xf1v;\xc2\x0f\x99\xdb\xfa\xb6\x0b\xe2\xd2k4\xf1x\x00\xc5\x06(\xbf\xdf\xe9Q\x13Q\xac\x9b\x13\x92\xf0\x1c\xe7\x1b,k\xb8\x84\x1c\xdd&amp;\x1anKt\x03\x05\xacQ\xadO\xcb\x02\xa6\x08D\xc2\xda\x99\x03e\xa5\x1c\xce\x02V$\xe0\xb8\x18O$\x12mmA\x80\x8a\xa0X\x16#Q$o\xbesG\xe6\r\xcfYV\xb1t\xfa\xb3\xf6\x85Rc\xfb\xab\x85\xdb\x03\x83T\xa6\xa9k\xdc\xc7\xe1\xf4\xf8\xfd\x11\x7f\xa4/b\xbd\x95M\x85\xd2\xfc\x90\xa7-R\xc0\n\x9a\x1d\xb1\x00lC\x91\xffQ\xf9\xdb\xb4J\xae@\xae\xd3\xf1\x1b\x1b\xc3/\xc3K\x98b\xe5\x86\xd4\xc8\xbd\xa3\xad\x8c\xed\x87\n\xa6\xa9{\xcc\xd7\xfb\xd0\xef\xef\x83kG,C\x0b\x99\xf4pu:\xc4\x83\xdf\xdb\x1b\x1bPEs\xccl\x0e\xba\\}(W\x9f\xcb\xe5\xe7(y\x82h\xb3}\xaeV\xaf\x9f\xbb\xbc\x8e%\xd6\x92A\xc6\x97\xacm\xbdjG\xb1Pm\xf5\xba \x00\xcb\x99\xddB\xb1B\xf8\x14m\xda\xd5\xb7\xfd\xe1C\x10\x95\xba\xe3b\xcc\xe9\xdap\x15\xfe\x83b\x19\x05\xd1\x11\xe4\xfc\xc5\x8e\xf9\xd60\xb6X\xd2\\\xfb\xda\xd1V\x96o\x1b\x80lI\xc7}\x0f766\\P\xc4\xdc\xd6DF\x92\xb3O=xd\x93;\xdb"\xdb~(!`]np8]\x1f&gt;l\xa0h`\xb3y\x02\xa6\xe1BmL\xd3\xa7i\xc4\x16\x8b"\xbb\xf7jkr\x85\xa6\x1b\xa0\xb2M\xd2\xb1\xe9^\xc0\xf2C\t\xd7\xb6\xae\xac\xe4\xf3\xc9\x89\xc5\xc5\xc9|\x08z\x999\x97\x95\xa4c\xe6\xf0\xf9\xbba3p}\xd8p=,`\xb9iz\x8f^\xd3\x97\xf0`\x8a5+m_\xd8\xda\xea\x97\x8b\x9aQ\xac\xae\xeei\xceC\xd7C\x10\xb5c-\xb9\xb2\xb2\x92\xcf&amp;\xfb\xb3\xd9l*\x95V\x872\x13[\x19G\xd0\xdc0w&gt;l\xf6\xa3X~\x7f\xafoT\xe4.\x8d\x0b\x03\x80e\xc1\x1a\xabi\xebUF\xda\xd5\x0c\xd6\xc1\x04\x1d\xc2\xd7\xeb\xef\t\x06\x83\x8d2\xddJ\x1e\xd2e\xcbfm\x92&lt;\x90\x85B\xed\x92t \xa8\x89\xdd\x9d\xebt\x98Q}\xf9{9\xd3\xc6.&amp;.\xae\xd1\xeb\x13\xc1:\x8c\xb5%\xb3_\xb9\x9dL*F\x06\xaa`\x82\xe8\x1e\x9f\xe6\xf8\xe7{\x12\x1a}\xa9\x9c\t\xd9\x1a\x1c\x1c\x18\x1c\xccf\xfb\xb3\xa9K\xb4\xb4\x11v\x9c`\xbc\xf5\xfc_\xebcN\x8e\xbf\x805.u\x97\xf5\x04/\xb6Z\xe3\xc2u,\'\x9b\xbft\xb7\xd3(\x02Dbo\x1e\xb8J6A\x15y\xbe\x1e\xff|G\\\xcf\x95J\xbb\xba\xd8WaKZ\xd1\xd9s)\xc1X)\xce\xc8\xd3\xc2\xa6d\xf5\x9e\xeftX\x9c\xe8\xad.\xdf\xf4X4J\xe7\x85\x1a\x1a\x1a\xe3\xdaYL\xed\xeb\x9e[:f\xc4\xd5#\xba\xc1*2\x13\x1a*W\xc9\xe2t\x08\xe9$\x95\t\xdc\xa0\x8a&amp;/U\x1b\xb9*\x95\x8a\xc7\xe1\xa9\xd5\xc6i%]\xdfX\x19neXX\x1c\x0e\xc7Wc\x14G\xa3\x8d\xf5\xb5\xfaF\xbd\xb5f\t\xd39pW*\xe0rK\xf9\x88n\xa0\xaa\x82\r-B\\V\'\x14\xd6q\xc1Ywu\x8f\xa9\x89\xea\x98\x95\xceS\x13\x05e,\xadQm\x1c\x9d\xe6\x95\x94\xd6\xd7Z\xe3\x1a\xa1\xb0\xa6\xa6f\x9a\xabb\xca\xad\xf1\xc4&lt;\x8b\xc0\xe8\xc5\xf2\x80\x06h~|\x98(\xa0\xf1\xf9\x92)*`1\x01\x12\xb8\xe8\xe2.\x13 \xaa=\x9e\xc2\xbc\x10\x8by,\xc1\xa0\xd6\xc3\x9b\xd6jyD\x1a\xbe\x92.\xac#\x10\x94&lt;\xa3\x98\xe2\x16\xc5\x01\xeba\x8fr\x13\xdb\xa7\x89-\xbb\xa1P\xa8\x9e\x86\x1fJR+\xc8\x90.\x15`\x11p\xaa(\xb5be%\x95J\xed\x9f\x9c\x9c\x9c\x86\x8f\x0b\xb3\x8cS\x0b\xa14\x8a\x0c\x88W\xaf\xa7\xd3\xcb\xb8b\x15\xc5]\xae\xd1h\xe6\xe7\x13\x9ce\x8c\x9fq.\x8d\xa6\xbd\x97\xaa\x91\xb5$\x95LfC\xeb\xe2\x92\xe8\x8c\xd2\xf2\x8a)\xdbT\x7fr\xb2)\x93\xc9\xff\x06\xb1\xbf\x7fr\x9a\x0e\xa9\xd5\x1e^\x19\x97\x12\x95\xe3\x1b\xe9t\x92X,PQ\x9a;\x13\t\x8d&amp;\x91\xe8]\xc5\xf8Q\xf5\xb5\xf5\xd14?\'\x99\xf9X\x85bA\x15q\xb8\x92\x12\xda\xa3\x89_\'~\x9d\x9az\xbe\'\xdd;\x18\x87E)\xcd\xe7\xf3\x99l&gt;\x97VQ\x98nJ\xed\x05+\x03\'\x16\x88\x05\x14\x93!\x0e#P0\xb8\x81\xf91\x88\xe2\xd5\x9d\x83\x83\xdd\xe5\xbd*\xa8!\x93m\x12\x89q\x0cBy\xf2\xc5\x8fO\x7f~\xb3\xb7\xb9\xbe\xb3&gt;;\xbb\xb3\xb3\xbc|p\xb0\xf7\x98=5y\xe7\xc1\xa3\x01\x9d@o\x85d\t\x04b\x95ao3\xa4I\x04\x03\xae\xa538\x05Q|\xedIK\xcbfA[l&amp;E@"\xd4\x90R\xd9\xc9\xa6\x7f\xbe\xd9{\xf7\xcb\xdff\x97\x96f\xe1\xbd\xbc\xf3\xcb\xbb\xcd\x8f\xff\xb9\xfeb\xd2f\xa8\x13\xc6\xf5$\xb1H,\x16\xb9w\xbf\xd9\x85}ac\xb5\xe8L\xa2\xb8\xa5h\x99M\x85"\xb2\x99Q\x15\xa9\x8e%T\xf3\x0b\x8a:}s\xb0\xb3\xbc\x0e\xaf\xe5\x9d\xcdw{{\x1f\xb3k\xbf\xa5\x89\x0c!\xabN\xcf\x15\x8b\xb9\x02\ny\xa7\xa8euv\xf5\xccN\xa0^+ZzNe\x02\x95\xc9D\xc1\xd5u\xb0\xe8\xd59\xc0:\xf9\xfc\xf9\xf3\xb1o\xf7`w\xf7\xe0\xcb)|\xff\xbc\x7fR\xcb\xb0\x08;Xue8.\xe4+\xfa|\xf6\x8c\xcf\x9e\x16?\xd9\xabb\x93QyEU\x84\x0e\x96\x85h\xb0C\xb2\x0e?}\xfat\xf8\xf6\xed[\xf4\xf3\xd3\xe1\xe1\xc9\x89\x83\xae\x17\xb2:X\x04\x12\xa9\x8c$\xa0\xb8G\xffp\xd6XE\x9b3d\xf2LA]\\\x16K\xcb\xa8N\xe5R\xa7\xc7o\x0f\x0f\x0f\xdf\xbe\x7f\x0fd\xef\xdf\x1f\x1f\x87\xd4\xfa\xb8\x90\x05\xbb\x00\x89K"\xe1Dr\xf2f\xd1\x19Gq\xd1\xfac\xb4s\x01\x96t\xac\x86\xc5"\x10\xaba\xcc:.\x00}\xf9\xf2\xe5\xeb\xd7\xaf_\x8e\x8fcV\xc8\x15\xab\x86\x00\xad\x94\xcb\x15\xc9\xdd\xec\x9d\xb3??\xfc\xe7\xd7U3\x85*\x82\x01R\xd6\x10H*\x8a4\x95:=&lt;,d\n\xe2\xd8\xc1`\xe8\x85\x1a\x96\xb0\x8e\xce\xc0A\xd7\xa2\x18\x14\x8fg\xcf\x1e\xeb\xc9\xeb\x1fff*\xd0\x96\n\xc33AI\xe0\x8a(\xf2\x91&lt;(,\xb7\xbf\x9f:IC\x93\'\xc1\xe4\x00r\xa7\x97\x95@\x87\xa7D\xdd\x83\x8f\x97\xce\x1e\xab\xe5\xf5\x00\x95:SQ\x81f\xac\xcb\xc8S*q\xa2j\x9a\xdc\xad\xb3\r\xdal6\x1dRN,\x81E\x08%\x84\x02\xe2\x04"J\x94I\x1dx\xbc\xfa\xff\xc0\x9a\xbaZE\x9dA\xbb*\xdb\xd4\xfd_^\xce-\xa6\x8d\xfc\n\xe3k\xc6\xf6\x0b\x1e\xcd\xcbX\xb2G\xa6\x92\xaf\xf2M\x80\x8dl|a0\x8e/`\x05\xc2\x9ab\x88+\x1a\x96\xd46AV6\x94P\x02\x16\x89\x14\x14%f\x91\x02\xd9\xc8$+Eb7\x015\xa4."Q\xc8V\xf0\xb8hUUi\xd5MX\xda\x87UQT\t\x1e6\xeaJy\xdb\x97U\xbf3\xa6\xad\xaaj{I\xc1\xe7\x01d\x10\xe3\xdf|\xe7\x9c\xef\x7f\xfe3\x83sa\xaf\xa0\xd6\xdb\xed\x89\xb8\xc6i\xb7\xdb\xe9\x16q\x84\xee\x0bS\xb9\xc3\xb0\x92\xcb\x1eG\xdf\xecFu\xb0\xfa\xb2\x07\xd9,\xb8L\xa6\xae\x95\xb07\xe2\xd6\xe9N\x9e\xfc\xf9\xcf.\xde\xa1\x90nW\xa3\xb2\x04cL\x1f].\x9a\x1c\xd9\xecDu\xb0\x06\xb2}\x08p\xd9\xb6F\x96\xc2\x81\xb6\x9f4\n\xc2\xc5\x8bw\xe8\x9a\xc3Gw0\xc0\xfc\xe2\xcc\xe8h\xd8\x10\x8b:\x93&amp;\x87-\xdb\xd7\xddY\x15\xac\xfd\x99\xde\xec\xd8\x18\xb8\xfc~[\xf3\xe4f\xc0\x1b\x01\xd4\x07\x15\xac;\x90\xac\xed\xcc\xe8/GSK\x90\xaah\xf3\xf7\xcd\xda\x8a\x9d\x93\xc7\x8fU\xbb\x06,\x7f\xdf\xd8\xd8\xd8,\xc0\xb66V\xe6\x03\x17?\xa0\x8b\x83W\xdf\xa3\xebF\x1f]=sf\xf4\xf3\xcf\x03bl\xc4AR\xcd\xfa\x8b\xc5\x0b\x93U\xe8D\xc2\xb2\xf9\xc7\xfa\xfb\xa1Xv\xab\x8c\x9d\xac\x80\xb9\x0fX\x81\xabW\xdf\xbb\xfea\x00{\x9d+W\xe6W&amp;\xb7\xfc\xc85\xa8\x92\x99w\xab\x80U\xbb\xb63\xd3\xdb\xed\xc8\xf6S\x8c\x1dl\x95\xf7\xe77\xb1\xd9\x11\x07\xbd\x83\xa2\x98\xba"\xc5\xfc\xe6\xdd\xe9\xe6J\x01\x16\x93Ig\xc3t5\xd4\xda\x99\x19B)\xf7\x8dU\xb8\x0e\xca\xfbw\x11\x9b\xa9A1\xb8\xb4tw~s\x1e{\xfb\xfd\xe9\xf2\x01\x89\xe9wd\xac\xcex\xc3\xf4\xb1\xd7V-\xd4\xea\xec\xeev\x10\x17\xc0\xd6\xc7v\x0f\xbe\xddYY\x91n\x1cNcoF\x88\xfb\xfb;\x87T6\x93SoOTC\xad\xda\x05\xc2\x02Xv\x96\xb8$\xb0rycgzz\xba\xd9\xb319\xbd2\xbd\xb3Q\xde\xda\x05\x15\x1a\xb5\xb8\x1c\xd5\xeb\xeb\x1b\xaaQ[\x0b\x1b\x9d\xdd%Sw\xb7-;+\xd5\xd7\xfa\xfa\xfa\xee.j\xac\xbc\xb1Qn\xdej.om\x1d\xec\xf6\xf7\xcfJZ-c\xe2W\xb7T\xa5\xb6\xbe\xdc\x98\x19"\xb5H.\xbau\xb7\xba(\xdd\x1a^\x87l\xbbc\xebR\xacV\xb0\x1c#VP\xe9\x12\r\x93\xc7&gt;A\xd4\xbe\x93/\x13\x96\xc9\xe1\x80U\x12\xd7b\xe5\x89\x83\x7f\xc4\xe2\xe2j\xffcJ!mC\xd4\xea\xa6\x13\x97\xba\xaa0\xd8\x00\xebB\xb7\xa9h\xb2\xf9aL\x12\xd7\xb5k{O\xfe\x16\x0f\xf7\xb0\x17\xbb1;\xe1\xc7\x92i\x8d\x05\rF]S\xfd\xa5\xe5*\xa8\xb5P\x86o\x15M\xdd\x0e\xbf\xe4\x97Pl\x95\xc8\xae=B\x9c\x92\x88\xba\xf1k\x93\xc9\x03\xaa\x9c\xc1h$\xac\xaf\x8e_\xad\x85\xf2@/\x92\x884\xda\xfc\x15\xcb\x9c\x98\x98\x9b\x9b\x18\xca8[\x12\t}]]\x1d\xf6\xf6\xd6d2i\x8d\x82\xeaP\xad\xaf\x8e_\xad/\xcb\x03T\xf2R\x16\xfdY\x1ap\x1c\xbf]\xb6\xc6\xc4TD\x88\x84\xbda\xf7\x8f\x83\x98\x1d\xa2\xd6hHm\x00V\xa3\xee\xc4\xcd\x86L\xd5\xb0J&amp;\xa8\x05\xb9h\x8a\xc0\xf0,\x86\x03\x81\x80\x97.\xb2\x85S\xb9X\xdai\x05V\xd0`0\x08\x82\xbb\xe9\xe6\xa5\xcco\xaa\x84U*\x15=\x1eO3\x91\xf9\x9b\xbb\xd2w7\x01t9\x10\x18\xc5\x17\xaf\x18\x0ba!\x04\x96h\x10\x85FJ\xe2\xf1c\r\x0f\x13\x16Q%\xbb\xa2\x93#\x94I\x07\xb6@\x9b\xf349\xd0\xec\x10\x08\xe7\x90Dg\xd2\x1a3\x8a\xa2 \x18\x80\xd5Z\xfc\xf3;\xc3\xd5P\xab\x98\xc9XC\xb1\xa5\xa5\xc9f\x1b\x02#\xfd\xdd\xf9\xcb\x1f^\x96\x1e\xc1\x9b\x17\x83iT\xbc\x139\x14\x84\x88\xa4V\xbc\xf8z\xbb\xb0P3|\xcc\x0610\x95q&amp;\xf4\xc1\\.\x97\x1eq\x10Vs\xd7\xf4&amp;\xdd\x9b\xbaw\xfdz\x00\xa5\x85\xedN2\xfaw\xac\x13\xf5\xf1\xd2\xb7\x9f\xdd\xe7\x0by\xc5\xb1er8\xbf\xfd\xc5\xd6\xccT\xa6E_g\xcc\xe5\x82\xa1.\x14\xbet\xd1rz\xfe\xde=P]\x11\xe9\x92\xa4\x95\x1e\x942\x88\x91T$\xd2\xd8t\xe2f\xbc}\xfd\xcd\x1f|*K\xa1\x90?\x9e\xffQ\x94\x17\xfe\xf2\xe2\x9b\xfe\xceR\x06\x06\xa56\x1ar\xc1I\xeaGi\xcf\xb8t\x05\\\xf7R\xa14v\xb3\x95\xc7\xb7\xe0\x17\xe1\x88\x94\xc4\xd6\xc5\xa7o~\xcf\xaa\x18Ka\x9b_;\x06\'\xd5\xde\xfe\xdd\xb3s\xab\xbd\xa5V\'|\xd3\x08\x03\x08y\xa8\x19\xa9\xc0&lt;\xb9\x0f\xd1\x8a1k%\x90BQ\x8c\x84\x0f\x93\xa8Y&lt;\xf7\xf4k\x1f#S\xca\xd8\xc2\xf6\x91+V\xa3u}\xf1\xc9\xad\'\x8f{K\xd8\xaa\xaa\xd5j\x83h\x88Y\xb1f;\xc8\xef\xfd]\x83\x83\x83bt9i\xb5\xa6\xa3\x92i\x89\xe1\xb0 4\xba\x9b\xea[Z\x16\x7f\xf5\xec\x8f\xb7eJ\x85\xa2\xa3CV\xd8^8\xdai\xd9\xe2\xf2\xbd|\xf6\xfe\xa9\xc7\x9d%M\x8b]\xad\xd3\x19\x05!\xa8OR\n\x815\xd7]\'\x1a\xf40\x86t:\x1a\n\xa9\x0fs(a\xddL&lt;&gt;\xf7\x83O\x1f(Ur\xf9\xf8\xb8\xa2\xc6\xd2s\x84\x1f\x800,\xb7h]=_\x7f\xfc\xeb\x1b\x03\x9dS\x1a;j\x0bX\x11!\x17\xf2`Y6\xd9\xb2ssE\xbd\x1eU\x95\x0e!\xd4\xc6F\x01\xf5\x0e\xb9$\xac\x96\xa9\x1b\xe7~\xfa\\\xce(\x95J\xb9\xa2f\xdc\xdcsTz\xad-\xf0Z\xad\xcbw\xfb\xc5\xf9\xbd\x81\x81\xde\xa1v\xa7^z\xf2;%\x089\xab\xc93\xe21\xd9\xb0\\\x0f\xb5g`\x0cz}H\xaf&amp;s\x90\xb0\xdc\x94\xc4x\xa9\xe1\xd4\xd3\xfb\xe3\x8c\x1cT\n\x85\x925\x1f\xcd\x93\xbak\xf9\x9e\x1e\x97V\xeb\xeby\xf0\xe9\xf9G\x84\x05\xe3\xd2\xabu\x86\x94 \xa6\xc4\xd0\xc8HW\x97\xc7c\xea\xed\xec\x9c\xcah\x80UW\xa7Wc\xfb\x1fi\x93.q\xa1\x13\xe1\x10\xed3O^up\x04%W(y\xf6(\xe4:\x9d7\xbb|\xd0\xca\xe5\xf2=\xff\xe4\xd6\xde\xc0\x0c\xb0\xda)\x8d\xc6T\x18`1k\x17Z/\xb9\x9c)\x952N\xbb^M\x01!\xc3m^\t\xeb\xa4\x845u\xe1\xda\xab\xb3\x8c\x9cB!\xe3Y\x97\xf6\xff\xac\xae\xd35\x0b\x05-\xcfp\xacE\xab\xd5Zn\xbf\xb9\xf5p`bh\xaa\xd4\x8e\xa2\x87&amp;\xe10\x06\x06+\x15T:\x9d &amp;c0h\xd4\x81JLy1P\xb4\xb5\x81\xea\x04\xb0Z\xdf\x9d:\xf5\xf2,\xa7\x94Su)y\x8e\xf5m/\xbc\xbd\x81\xd5\x9eV\xe4\xf9\xbc\x99\x97\xc9T\x1co1[8\xf6\xc5\xf9\x87s\xbd\x84\xd5\xaa\x81\xa3\xea\x04`\x05\xa3\xc0\x8a\xc5bj4\x01r\'b\xf436\xa6\xc2^\xaf7\xdc\x16ij\x82X?\x8c\xb7N\xb5\xdfx\xd9A%\x8f\x90\xb1\x0c\xcbj{\n\x0b\x8a\xb7[%k\xf2y\x9e\xc3!\xe0\xcf\x0c\xc7\xf3\x16\x0b7\xfe\xd9\xfb\x0f\'z\x87J\x99\xd6V\r\x89\xe36\x08Fk\xc8:\x99^\xa2I\xd4\xed\x86)\x08\x84E\x03!Q\x91\x9bB-Mk\xa9}\xe2\xf5Y\x19R\x08\xb5d,of8\x14\xc6\xb6%_\xf3\x16%U\xb0\x1c\x021\xd2W\x9e\xe7\xc6\xef?\xdd\xebE#\x82J#\xc9\xe5n4\xd4a\x11\x9c\x8c\xe50[\t\xd4\x99\x80\xa2&gt;\x0c\xb7\xb5\xb5E*X?\x8a\xc75\x99L\xf1O\x12\x16\xd5\x16\xab\xd5\xe2\x80\x163Z\xdb\\\xb0\xd4\xfc\x0f\x9f\xc8P\xbb\x96\xd7jY\x99\x8c\xd2g\x06\x96\x8aay\x9e\xe5\x94\xbeo\xf6\x86P\xf0\xd0\x8a\xb8`]\x86Fc(\x1aE\x16\x83hJ1\x05\xaa\x9c\x11I\x04\x16\xc0\xa4F\xa4\xda\xd2\xb4jz_\x8ds2\xc9\xb8dZ\x17\xaf\xa4\x135\x9b\xcd(Xm!\xbf\xf0\xdf\xf9\xc5pM\xde\xe5\xe2\x19\x99\nT\x0ckae*|c9\x8eQ)\xbf{45T:\xc4j\xd1\xab\xebtF\x9d&gt;\x91H\x00+\x87\xaa\xc2r\x84\xa2\xd7\xc1\x1f\xa0\x14\xad&lt;j5=AX\x1fw&amp;\x06^\x8es8\x9eR&gt;\xaer\xf1*%\xc3!\x90\x05\xd8\xa1\xc5\xb2\x8d\xa1\xe7?\xd6\xd9\xf0\x02\xeb\xea!\xa9T*%\x92X\xc1R\xd1a8\xf6\xec\xf3uPe4N\t+a\xa7\x9d\x8e\xbd\xc5\x99\xc0*\x18\x0b\x1a)\x81\x14:C#\x02\xab\x93[W\x07\xac\x13\xf5\x89\xfa\xfa\x1b\xe8D\x19au\xc8\xd0B2\x86\x85v*prP\xccl)X,\xff^\xb2a\xb9Y\xeb\xf3\x99qf*\xac\xf88!\xd6\x0c,\x06zq,\xc7*\xf9\xef&amp;2\x19L\x81\x84\xe5tV\xb0\x12\xce\x16{4\xaa\xd7\xc7\xf0B\x8fU\t\x06\x01*\xb7\xce\xad\xd3\xe9\xb0\xa9\xaeo\xc2\xb4\xa1Y\xbc?L#\x84\x0cId\x94(\r\x0e\'\r.\xbc\rkv\xb9 \x99\xa5\x90\xff\xbeO\xb2\x80#\xf0\xbe\x1e\x9f$\x15\xce\x0cR3\xf8+V\x85\x9e\x96\xb08\xa6\xe3As;t\x8a\x13\x16\xbe\xdb\x01\x06\xb5Z \x97\xddn\x8f\xd2K\x18\x85\xd1MT`\xaaD\x93\xce\xe0\x9e[\xdf&gt;K\xe6 S(\x18\xa0p,\xce\x93\x81h\x0c)\x07\xf7!\xc9\xcc\xdf3\xc0\x9e\x96\xf3\xe8\x0e\x17\xcfQ\xd6p\x10\x15\x95\x13\xc7\xb3\x8c\x12\'G\xd5\x85\xe2\x1a\x7fmr&amp;\x12-\x84\xd5\xda\n\x1e\xa8\x15\xd7\x10\x17R\n.\x12K\xe7v\xbb\t\xab\tD\xe8\n\x1d:3\xb1\xfa\xb2\x06\xab!\xa9%g+\x87\x92\x82\xa5\x92\xad\xbc\x0b%\xd3\xd7c\x91\xff\x0b\x14:\x17r\xa2\xe1\xa4\x139\x14K\xc5\xc0 P\nh\x1d\x8e~&lt;\xce\xef\xb7S\x91\x03\x8c\xcc\x0b.Q\x9f\x88SB\x9d\t\xb0\xd1\xe2\x03\xd7\x00\x17\xb0\x90\xd3&amp;\xf4*V"avw\xbbF\xd1qh[\x0c5u\x85\x0b\xfdm\xa6\x17\x1ce\x03\x8e\x8d\xfa\xf9\xe7\xc9zX\xce\xd2\xd2\xc73\x94o\xa5L\xca:\xf3\xd7*\xae\xa8\xb5\x8d\xf4\x8aj43j\x0c\x1a4\xa3\x91\x87L\xc6\xc6\x12\x8b4\xe0\xee\x04+\x06[8Z?\xa8`&amp;\xeb\xf6aE]p\x07a\xd0.\xe4!z\xd1fJ tk\xf6\xad\xf8!\x14\xa4B0\x98"\xa9\x11\xecK(\x94 \xdcbpq\x9f\x8c\xd7\x95\xed\x05I\xb0\x18\x8a\xad\xc5\xc4F\xec/(=\xf7\x8e\x1c\xb7\x9f\x15\xc9\xb2#\xcf\x99s\xcf=\xf7|\x8a3\x81\xa4\x94\\\xf7\xf82\x1bC!QY\xa1|\xf8\xee~j6\x95\x9a\xcd\x83/\xc0\x82\xa0\xf3\xf7Yi\xcb(\xea4MDF59\tX\xe4\xfb\x0f&gt;y\xf0\xc577e9\x1cv}\xf8V,\x13s}\x91N\x9d\x167\xa7D4R\x8b\xa12d\xb3\xcf\xde~\x00\xf5\x8c\x90fD&gt;4\xaaG\x80h\xc5\xc4H\xa2\xd9\xaf\xe8\xd5Q\x94`Qq\xdd\xa3\xc5\x8fq\xcc\xd4,\xc1YA\x9f\xbd\x821\xc1\x99\x96\x97i"\xa5\x98"\xe8\n\xa0\xd0\x92\x0f\xd607\x1f\x7f\xf3\x1f\x11\xa0\xc2.\x02\x84\x94;8\x18\xd5\xa2n\x84\xcaA\xee*\xf3\x1d?D\xc8&amp;cH\x9b\xd9\xc0\xfe\xdf&gt;{\tQ\x99c&gt;\x04\xaa\xbdB\x0b\xe8\xcc\xe6uU\xd3\r\xbbg\x8a\x0c\x0b\xeap\xcf\x17\x9fL\xa6\x88\xaf\x95\x95&lt;`\x91_\xd2Zf\xcf\x98\x9e.\x14\xa0+\xa2mj\x0e\x91kaa\r%\x04Yn\x18\xd9TrG\x9e\xeeu\xb0A#\xea\x08\x0eX\xe4\xc5\x9f\x03\x1c8I\x98\xc5\x7f\x92QQt\x81\xc9\x05L\x92\xa3+\x98[iEI\xb7\xda\xa7UM3t-^\xe9\x82x\xc6\x15\x91\xa5\xf3\xc5\x8f\x1fO\x13,\xb0E+\xbf\x92\x7f\x82\'\xecd\xa9T\x01\x03\x1a\xb0\xa6\x1e\x81\xaa\x85\xa5\xa5\x8d_\xfe\xe5\xa8\xcc\x07wA\x97r\xac\x1b\x86n\x0c\xfb\xdd\xa2\xef\x96!7|\xe7-\x81\x92\xc6\xac\xc9\x11\xe2%\x8d\x89\x0c\xda@\x15\xf5o\xa0\xa5L\x1a\x030\x1aku\x8f\x1b\x8e\x95\x8c\xab\x9a\xa6\xe9z\xa7%\x90\x12\x00\x0b[\x85\xf3\xc5\xcf&gt;\x9aL1\xacBa\x13[\xc1\x95|\xfe\xfe-\xac\xfa\xfc\x14-\x14pmcii\xe9\xcf_\xde\x10$F%\x95\x9bC\xdd\xc6\xd2\xed\xea\xde5\x8aY~Zf\x8ahI~\xc0\x18y\x80\x18\xcad\x91=\x13$s\x9a\x08\xd4\x16(\x9f\x18\xa9\xb5;\xb6jYq+\x99LZq \xeb\x99l\xcb\xf4\xfa\xb0|\xb5\xf8\xc5\xe4cX\xc3\xca\xabB\xa1\x80\xad p\xad\xdc\xcf\xe7\xc9_\xe7\x0b\xf3\xb0\x88\x12\xc2\xeb\xc6\xd7_/}\xb5\xfe\xe5\xbf\xc3\xb7Kv3\xc7\x86\xed8\x86\x01d\x86]\xe9\x1ctOr~X\x1e\xf3t\xbb\x08e\x08\xa0\xd20^\x9eR1\xd6:&lt;\xab\xd8\xeehq\x15\x1f\xf1\xb8E\xc0\x92\x96\xea\x9cE\x88*\xea\x1c\x08\xe2\xe2\xdd\xefS\x93\xb3+`k\x9e\x02h\x9e\x7f3~\x1b\xca\x82\xb9\xcfO\xcd\xcdmm!\n.,\xfd\xee\xcd\xaf\xde\xcbw\xb0\xc2\xa3\xaa\xe1\xd8:\xd3\xaf\xeb\x86\xae;\xa7\xcd\x84(\xdd\x89+x\x90d)TL\'b\x81\xa8\x84@\\&gt;1e\xc4U\xc2\xa4i\xaa\x8a"\xa2\x90\xba68\x92\xa2L6\x9d[\xf8\xf0\x87o?\x9bN=\x99\x9d_]]-\xd4\xeb\x0fg\x01j\xbb&gt;]\xa7\xfa!y=\x7f\xbe\xb6\xb1\xb0\xf4\xd5\x9f\xfe~#\x95?\xa0*\xd7\xf6 ,\x8d~0\x96\xaa\xa9N\xef$gb\x8c\x88\x91\x0f\xd8\xb1\x99,\x97%9\x84~\xe3\xd0\xc8\x84)\x8a\xeb\xb7.\x076^\xa4\x12$\xc31X\xa2\x8ec\x1b\xdai\xcd\x0f\xba\x9a\xd4\xe9\xee\xbf\xff\xe9\x1f\xf3\xa9\xd9\xc2\x14`\x15\x1e\x12\xa4\xd2\xf4v\xfd\xc9\xf4\xd4\xd4\xea\xe7\xcf\x9f\xd3oKm,\xac\xbf;\x97\xefP\x85\x95\x9e\x01L\x16cRA\xd6\xb0\x9d\x8d@6\x88\x04QQ@\xafJ\x82\x98\xc8d\xbb\xdd\x9c/\x84\x80H\n\x97\x9f\xbaQ\x05yC\x89\x81)M%\x8et\x1b$\xdb\x80c\x90\x1c\x1c\xc2\xd73%F\xc5w\xaex\xf3\xed\xcf\x97\x1f\xd2\x7f`^\x9d\xaa\xd7\xa7\xa7\xeb\xa5\xd2\xf6\xf6j\xbf\xecP\x00\x00\x04\xcaIDATv}su\xeeg\x01\xacO\xd6\x7f8\xfc\x00\x8a`u+t\xaa\xa8 \xfd\xc8\x8a7\xe8\x8a\x81q\xcb\xb2\x0f\xc3Rh\x00ebG\r\xaf\x7f\xa2\x84dH8\xd7=\xe8\xf5\xfb\xbd\xcb\xee\xc9e\xc7 G`X:\xbd\xde@\x05u&lt;\xd7\xf0\xc79H\xbb\x02\xd7\x91v|\xbe|\xf8\xdd?\xfeE\xe2Z\xdd\xdc,\x95\xeaDW\x1dks\xee\xf3G\xf4O\x8c\xa5\xdf\xde\xbc\xfc_T\xe5\xa3\x01X\xafT\xbcJ\xb5:\xc4\x82\xac\xa2|\x8a\xb8\x89i3\x9d\xce$0\xc1\xfd\xb3\x8amw\x9a!!\x92mw\x1ct\xdc\x8c\xa5{U\xc3\x82\xd0\xd1\x81\x16\x1eq7V\x81\x95\xa4\xcfU\xd5\xbe\xce\xf2\xee\x85\xcb\x88B\xbe\xbc\xf9\xc5\xf2\xca\xaf\x0b\x0fw6K\x8fJ\xbc\x98\xae\xdfl\x02\xe7\xeb\x1f\x0fQ@y\xecX@\xd5:u\xbca\x05\x98*t\xd78&gt;\xc2V\x08\x9e\x1a\x8db[\x05H\x88\x9d\x90S4q\xed\xd8\x8e\xb7\x17J\xb7z\x0e\x1c@\x87\x14\xc7Z\xb4\x82\xe6\x9b\x99\x99\xc1\x1d\xdc!\x1e`\xd2\xc9n\x8e\x8b\xbe0\x96\x17V\xd9\xdd?\x7f\x93\xff\xf4\xd3\x1d\xe0\xd8Z\xfb\x08\x94mo\xef\xbc\xda\xd9\xd9)\xfd\xed\xfc\xfb?\x10U(\x05C\x93\x9f\xd6\xfa\x00T\xad8 \x0b\xb0\x1a\x07E\x08=B\xf39mf\xe0H\x82,a\x86g\xcc\xd6\x9e\xe1y^%\xd4\xeaS\xb1\x1c\xc7cq\xa3\xf9P\xb6[ht%$`#\xd6T\xaa\xa8\xae\xd9\xfd\x96\x1f\xb9\xc3%\xb9\xee\xcb\xab\xd7\xb3/^\xeclnml\xd5\xeb\xdb\xbb\xbb/^\xec\xbe\xf9\xf1b?\x1c0\xe5\x12$|V\xae\xf5\x01\xc8q\x00m\xd8\x18V\x06m3\n\xcff1)\x88w\x08\x02rX@\xb2)v\xab:\x80{\xa1cH\xdb\x06@\xcf\xa6\xc3\x02\x95\xed9\xd0\x17-\x14/i\x11k3I^V\x1c\x9cv\x9a\xfeX\xf8,\x0b\xd9\xf5\x13\x87\xe7\xaf\xd7\xeb\xf5R}w\xf7\xaf\xbb\xeb\xef\xcf/\xf6\xef\x9c(\xa0\xcaE\x05Q:\x9c{\xb5\x8a#9\x83n\x0e\xe3.\x0b\xc3\x84\xacb\x02O`Q\x8e\xe6j\xc5Z\xcfP5\xdb3B\x15\xc7\x8ekh8=\x80A\xc7fT\x04R\xa7\xae\xd1\xd9V\t^\x92%6l\x9b\xe1\x00\x92\x14\xf0\xe6\x97\xdd\xc4\xfe\xf7\x87\x17WWW\x17\x87\xfb\xcf\xe0;w\xb3\x97\x91\x85\xc5\xe6\x1e\xe4\xe4A\xee\xb6\xe1U\x07\xc7M\xb0\x94\x80\xc2E?L\xf9+\x83*"z\x99\xc5\xa2y\xd2\xd1H5\xc9\x90\x87\xa2%5=&gt;\x1e43\xf7&amp;\x98\x1dH\x1ezB\x07\xda6\x0c\x83L\x10e\xa4\x0eU\xe3N\xaf%s7F\xc8\xc6\xd8\xf3\x00\xc5\xc5\xdc\xc5C\x99\xc7\xee\xff\r\x93\xb2\xd9\x1e\x10W\x189\xfa\xb0\x7f9j\x99\xd8\xdb\xf9\x11\xda\xa0\xd1~=\x9d\xa6\xad\xa8\xa0\xa4\x81J\xc0\xcc$\xfdX!P\x14\x9fIj\xe4s\x81\x9c\xee\x8d/\x92\x11\\\xe5\x05\x9a\xb7\x98%\x8bg\xb6F\x1as\xf6F1\x970aD\xf2&lt;\xe2\xf0\x04\xc7\x90\x03\xb9Q\x8a\xf2o\x07\\X:\xea{\x84\x88\xccp0B\xcfE\x134\xedb\x94x\x13&amp;\xc5\x02\xca\xd0\xc8Y\xc5\\\xcc\xefVt\x0b\x87\xb0C3\x13?I&amp;\xef\x81/\xc2E\xe60\xc3]\x18`\x0b\xae\xe9u\xf7HT\xc2G\x9cj\xaf%\xb8\x9c)\x01\x8a\x82\x05Q\xc7R\xc3\x8d\xcd\xc3\xe7\xb7\x8d`\xd4\xd9\xcb\x86\xae\xd1\x98\x805\xef\x9dP\x84\xc2\x8d\x92{\x82b]6\x97\x88Q#&amp;L\xc8=\xabD\xce\x1c\x92V\xc5\x0b\x81\x0c\xba\x92]2n\xa1&gt;\\2\x9d\x10\xb2\xd2\'\xc6\x97\x80\x08x\xe3\xeaBz\xe8\t]o\x1c\x9c\xa4]I\xe49\x8a\xfb(\xc3\x12\x08\x96\x14\xe1a\xcb#\xb7l6O\x1d\xcc\n\xa8\n\x8d\xdeifk\xad\x1an9,\xd8BL\xa4-iB!c TfFl\xc3\xb5\x1c\xcf\xb1C\xd0\r\x15ob\x82\x92\x95\xe1Q\xea0\x8c\xc0\xd5Y\xeb\xe4f40\xd4`N\xf2\xe4G-u\xbbq\xdd4\xfdH\x90\xf8\xc1\x98\x04?#d\xcc\x97L\xca\x93\xcb\xcaI\xafJ\x83\xc6\xa6\x13\xd5\xf6F5\xac\x16P\x81/h&gt;&amp;\xc6\x90\xd4\x11\xaa\x14l\xae)\xc8$2\xb13\x8f\xa6\x9cm\x84x\xa2\x13\xb08\xeb\x9bf ZQ\xd5=\x8f\xbf\xcfO)\x1fic\xafe\xb4\x94\xa3mg\xd8?+\xd2\x98\xc5\x87@\xc8\x04QB\xa8\xe6\x88\x0eI\xc9\xb9\xd1u\x83\xfb\x9b\xdd\x19i\x01\x88\x8a\xc5"\xbf\x87\x97AB\xa7w\xcd\xd2J\xb02\xf8r\x1aOG\x15Lb\xc3\xb3CL\x81\xca^\xce\x9d\xc7\x84h\x1c\x955\xce5c\xce\xac\xc0=\x82\xbf@\xdeJq\xae\xb2wY\xcbPH\x83\xbaHgT\xca\x08\xf8\xc2&amp;\xfe\xe8\xf2\xb4Q\xf1\xb4d\xd02\xf1j\x1b\x85\x03G$\xa9L\x1a\x9b\x19\x18;\xbd9%\xc8B\xda\x84=d`\xf7\x10\xde\xc9\x80r\x81\xe7\xfc\x17\xe0UQ\xe7\r\xd3\x0f\xd5\x00\x00\x00\x00IEND\xaeB`\x82'</t>
        </is>
      </c>
      <c r="M568" s="3" t="n">
        <v>45492.67703703704</v>
      </c>
    </row>
    <row r="569">
      <c r="A569" t="n">
        <v>1642625</v>
      </c>
      <c r="B569" t="n">
        <v>7314</v>
      </c>
      <c r="C569" t="inlineStr">
        <is>
          <t>Max</t>
        </is>
      </c>
      <c r="D569" t="inlineStr">
        <is>
          <t>Max</t>
        </is>
      </c>
      <c r="E569" t="inlineStr">
        <is>
          <t>UNK</t>
        </is>
      </c>
      <c r="F569" t="inlineStr">
        <is>
          <t>UNK</t>
        </is>
      </c>
      <c r="G569" t="inlineStr">
        <is>
          <t>UNK</t>
        </is>
      </c>
      <c r="H569" t="n">
        <v>184</v>
      </c>
      <c r="I569" t="n">
        <v>19</v>
      </c>
      <c r="J569" s="2" t="n">
        <v>37434</v>
      </c>
      <c r="K569" t="inlineStr">
        <is>
          <t>Right</t>
        </is>
      </c>
      <c r="L56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c5cfbe96-9031-4674-9688-f1beb8fffe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*g\xbf\x00\x00\x03\x00PLTE\xff\xff\xff\x1c )|XB\')-013334%%)..1667+,/\xff\xfe\xfepO&lt;mK9\x82\\C\x1a\x1d#!#\'\x80[H`F9|YF\x86^G\x1f%,wT&gt;\x95jS\x8adMtUC#&amp;-[C5xVD\xf9\xf7\xf7\x83_I./5\x81WB++,uP&lt;U?2hH4qQA\x95fL\x9cpX\x15 (\x1e!$\xfb\xfb\xfb\xfe\xfd\xfd\x17\x19\x1f\x99nT\x8fgPhJ:((("\x1d(W:,\x8fcK$"#[&gt;1{W&lt;yR&lt;\x86aM~_J+/1:9;\x8b_GbB/\xf5\xf3\xf3\x83W&lt;\xa1sTnH.\x88ZB\x1a#,dJ&gt;z]I\xa7y^\x9dpO\x80S:\x87gQkOAK3%\xbe\x82X\x8ffG\x8d_AjA*\xa3tZB4.\xed&lt;1\xcb\x93f0//qU=:\' \x87[;_?\'\xaf\x82eP8*E+\x1c\xa6xX\x82cLsI/E0#\xa9\x7f`\xb1\x80^~bR\xb6}WlWG408\x9bkMM:.\x94pZdG2\x8biSrJ8\\JCQA8\xc4\x89]*"\x1fzK-3#\x1dH7,\xb7\x83^\x83]O\xee\xe9\xe8\xf7&lt;+tWJ\xac{X\x15-*\x8fmX\x0e\x16\x1c\x80]&gt;\x93mMxM5\x11$  \x1f\x1d&amp;\x1d\x18&gt; \x17fS?I;6\xe5B&lt;\xa7\x80i\x9ewWWG;{R5\xa1z`\xb1\x89keD7"2,\x9afC3\x1c\x10mD6\x92cA\xe9;(\x1d\x13\x14cP7\xc2\x94o\xf2\xee\xed\xca\xc3\xc3\xf07)+520,&amp;lQ7\x8d[:A=&lt;\x88cC=.(Q$"\xaf\x83n\x81hW\xb9\x88c\xd5\xce\xcexd\\cXVeQK\x82R2\xd0\x9dq\xb3yQ\x97v`g&amp;\'\xc1\x8ce\xe8\xe5\xe5\x1f\x16!U4!\xf70\'HED\xcf\xab\x9d\xb6\x90pu^R\xe8\xe0\xdfsQ5t]F\x82ww\xbf\xb9\xb9\xb5\xae\xaf\xa3\x97\x94\xd6\xa5{)\n\x07ulk\x89V5\xe71)\x96\x8d\x8c\x8dxp.\x15\x1dSMM\xab\x9f\x9d\xa2kE\xdb\xd6\xd6\xe0\xdc\xdc\x87k]\xd5HH^4(3\'-jba\xbe\x95\x80\xf7@;F&amp;#\xba\x8bl\xdc3+\x95_:\x9d{h\xc8\x9aw\x8d\x83\x82?,8\x82ph*\x1f+\xe9\xd8\xd3z-/\x11\r\x0e\xd5\xb7\xac\xcf;7\xdc\xc6\xc1\xa5\x1e-\x8c(/\xaasL&lt;\t\t\xc0\x8bv\xdd\xac\x84\xe7\xc4\xb1W\x1a\x1b\xae\xa7\xa7\xbd\xa4\x9e\xbd\x9b\x90\x92\x18-0&lt;&lt;u=!vA8\x9d\x85~\xb2\x88{\xce\x9f\x8a\xa0ob|\x1c"L\x0f\x12\xf4\xd5\xc1\xbcDB\xad\x90\x86k\x15\x1b\xa8AD\xc9\xb7\xb2\x8899\xb497\x9c45\x92PM\xfd\xe1\xcc\xf5\xdf3\x19\x00\x00 \x00IDATx\xda\xcc\xd8\xddKb\xfb\x1a\x07\xf0\xa1KMH\xa5\x0c3$KA\xd1 \xc9\x94c\xa6\x91\xd9\x9b\xd5"\xa6\xb2\xa9|\x8blj\xadhk\xa2Dz\xb1\x8f\xe4K\x9b\xd9\x13\x8cy1\x93q\xc6\xb4\x9aM1DM\xa8\xcd\xf1`\xf4\xca\xa6\xe1\xc4\xdeE\xd7\xc1\x86\xe6\\\x9c\xe1\\\xcd\xedy~K\xe7p\xfe\x00m\xf63731\x17\x1f\xbe\xbfg}\xd7o\xf5\xe4I\xc1\x86"\x12\n\x85"\xca\x93?\xcdPDH\xc4Q9\x9d\xce\xd5U\x15G(\xa4\xfc)H\x1c\xd5\xaas\xf7\xc3\xf9F*\x9dN\xa7"\xe7\x1f\x9c\x1cH\xed\xbb\xd2(\x90\xd1\xee\xf9F$\xf5\xf9\xf4\xe8\xcb\xf1\xdd]&amp;s\x9c\xfd\x1c9\xdf]\xe5|\xbf\xc8\x84\x9c\xd5\x8bH\xfa\xe1\xf4({\x9b\xbc\x8b\x1fl\xe2\'x \x80\'\xe2\xc9\xdb\xa3td\xe3\xc2\xa9\x12}\x97\xa0\x9c\x1b\xa9\xd3\xdb\xccU"\xb1\x89\xe3\x01\xc2\xe7[\xc3\xd6\xd6\xd6|&gt;\x1fAl\xc6\x8f\xb3\xa7\xa9\x8b\xc7wQ\x84\xaa\x8bT6\x938\xd9C\x12\xcc\xb7\xe6\xdb\xf3\xc1\xdf\xd6\xb0\xbf`\x18\xb6\xben\x87\xd4\x92\xe9s\xd5#\x1f%\x8a\xea(s\xb2\x07\x19ak\x00\xc1 $\x1f\xb6\x8e\xe5g}}\x1d\xf3\xe1w\xa7\x1b\xce\xc7tAT\xe7\xe9\xe4\x15N@L&gt;\xcc\x8e\xc6f\xb3\xd9s$\xf8\xc17W&lt;\xfb\x98\x07\tQE\x8e\xeep\x82 \xec\x98\xcdf\x1c\xe1\xf1x\x8dl:\x0c\x9b\xcd\xe3!\x9f\xb1\xbb\xdbh\xb4\xdb\xbbm\x9b\xc7\x0f\xe7\xab\xc2\xc7Q\x898\xbb\x91\xdbD\xc0G\xa6\xd4\xdd=\xd2XO\xa5R\xab\xca\xe4\x9d\x9drEeW\xfdO\x8d\r\xdd\r\r#0\xdd\xff4\x12qt\x90\x8f\xa2R]\xa4\x938\x01\x99\x18G\x1a\x1b\x1b\x1a\xea+\x15r\xb9dji\xff\xd3\xf2RHP\xc1\x923\xca\xa9\xd4\xd2z\x08\x0e`F[\xe26\xb5\xfb\x08\xaf$\x8a\xea\xfc!\x13@\xdb\xc4c\xb3\x9b\xc1\xc4Z\x98\xf2\xfb\xdb\r\xe1\xff\xfcqs\xbdl0\xb5\x87BS\x15\xac1-\xe4\xd6F\xe7\xd9\xec\x04\x9eL\x17?/\x91j\xe34C`X\xb7\x9d\xd7V\xa9e(\xa6\xa7\x04!\x93\xd9\xec\xd8\to\x7f\xbc\t\xc7\x1cf\x83\xc1`\n\t\xa6;;\x15ZW]W\x1b=\x00\xaeT\xb1]"\xd5\xf9i\x9c\x80^\xe2\xf1\xe8u\x96\xe9\x85\x85)A\x7f\xbb\xd9\xe1\x88\xed\x0c\x0c\x0c\xec\xec8\x1cf\xb3\x19\x12\xf3\x8b+\x006\xafe\xb8\\\x138\xb1y\x1b)\xee\xdeS8\x17\x0fwt\xa8\x02^\xd7\x84V1\xd6)\xa9\x10\xfbG\xdd\xc0\xea\x99E\xac\x1e\x87\xd5j5\x9bM\xed\xa3~\xb1\x84U\xadP(\xb4\n\xcb\x04=\xb0\x99\xdd(jOpvSwt(\x04\xa2m\xc2\xa5\x1d\x93\xb3$\x15\x82~R\xd53\x0b\xd3\xd3c}\xf7\xceju\xbb\xdd9\x16r),\x07\x13m\xf8\xc1\xc3\x05\xa7\x88k\xef\x04UC#\xbdkb\xa2R\xab\x90\xa3\xb0\x04p\x841G\x8f\xb5\x07\r\xa8\xde\xb9I\x96Z\xeca\xc9\xe5c\xd5eZ\xad\xf6`\x02\xc73i\xa7\xa8xG\xb8\x91\r\x8c4\xfe\xd4\xe5:pUj\xc7:\xa7QXh\xb3z\xac$\xeb]n@\xd5\xaf\x16WH\xc0U]\xc6`h\xb5\xae."p[\xb4c\xa4\x08wO\x0f\x8c\x8d\xf5u\xa0rU\xe5\xc3\xeao\x87C\x84\x8d\xb2\xe6\xc3"U\xa3j\xc4\x02Wu\x19\x0c\xa3\xb2+`\xbfz\xf8P\xa4\xad\x17\xadF\x92Dw=\xb5\xae\xd2\xd5\xf5\x14Z\x9d\x95c\xc1\xca\xe7T\x90\x19B\xb9\xdd\xfdj\xb5\xe0\x1b\x8b&amp;\x97\x97U\xd5\xd11"\x19)R\\\x9c\x8b\xa3\x84\x8d\xd7E\x9d\xa9\xab\xfc\x7f\x16\xc4\x95w\xa1v\x80\x07\xb1\x1d\xce\xf0\x1b\x8b\xcb\xa51\xab\xcb\\m\x18\x968\xba\xe0\x14\xe5.\xeaLe\x08;\xbb\x94:SSYWW\xce\xa8fI$$\xcbL\xb2\x1cV\xb2\xb4\xcc\xa8\x1fr,\x16\x8bI\xe3re\xdc\xb2ym\x9b\r\xdb\x83\xb8\x8a\xc1RmdO0;\xbb\x9eZC\xad\x03VIu\xae\x1fr,7Z/p9\x1c\x0e\x03r\t\xc4\x1e)\x8b\x89X\xdc\xa6\x92\xf9\xf9\xae\x80\xcf\x97x\xd8-\xc2vQ\x9c\xe9\x13\xd4\xee\xcf\x81U\xdaE-/)c\xe6X&amp;\xb0X\xad9V\x0f\xf4=\xbc\x80L\xa8 \xf4$\x8b\x16\x95\x95\x97\xcd\xbb\xda\x02\xc4\xc9mDE)\xfcc\xb8\x91\xf5\r\xae\xdb\xd8\xcf_\xce\xd4P_S\xcbe%4\xa5~R=\xea\x8e\xc5vb=h\xb9r\xdd\x052\x07*\xaeI\xbe^\xdfJ[\\\\\x94\x95\x97W\xb9\\\x9b\x01\xe2*\xbdZx\x96*\x95\xc1~X\xb7\xd1kI\xd6\xebr\xd9"-J\xb2\xe0}\xb8\xd3\x93\x1f\xd4\xf4\xb3\xf0\n2\xbb\xd5:p\xf5\x0e\xb5\x0e\x01\xac\x84\xa1\xb0\xb8p\xe2\xe4t\xb7\xe0,\xe1j:\xb1\xfe\x83\x91\x07\xac\x973\xc0j\x92-F\xf5\x1e\x1d\xb4\x03\xa8vfI\xd1l~b(0\xe8.\x1d_\xaf\x8c\x02\x8bV=f\x81\xcf\xb5\xbd\xecy\xc1o\xf6\xa2\xddS|\x10X\xcfk_j\xfe]\x8aX4\xa4\x827\xcfN\x18^\xd2y\xd0\xc0\xc0\xec,(\xe1g\xd71\xb8{\xf9a\xc3\x80\xb5\xc8(\xb3X\x0e\x12{E\xa8.\xe1\x07X\xadA#\xef\x15\xa4\xf5\xb2\xf4\xf5!\nK\xa7FY\x85o\xb6\x11k\x80T\x91\x13F\xb3\xbf\xbf\xbf\x1c\x12x$\xd1\xe8\xa2\xac\xa9Da\x89\xc7\xf1\xcc\xc3j\xc1Y\xe7h\xe3\xe1A\xac\xed\xeb\xd3\xcc&lt;\x85\xd5\xd2{\xfc\xa3\xe6\xd85\xa8\xb6\xf3\x9c\x9d\x81m\x98\x1br&gt;\x85?}\xda_\nMy&lt;\xfa(\xd4\x04\xc4\x15O\\\x9d\x16\xfc:(\xda\xb8\xc5\x061\x1b\xc9\x1a?|\nay\xfc\xa6\xe5\xf0\xcd\xcdG\x18\x80\x916@\xa1\x7f\x92*H\x0bT\xd3,=+\xcaT2\xe7\xe7\x0f\x0e\x0e\xae\x8e\n\xde\\\xc2H\x12[\xb7\xf1x\xcd\xcd}\x9a\xf1\x9a\x9cj?|\xf3\xf1\x0frH\x1bb}$Y`\x82\x9b\xb3\x7f\x8aE+A\x1b\xcf\x94J\xe5\xf3\x16`e/\x8a\xc0\xf2a\x04\x9b7&lt;\xdc7\xee%\x9fB\x08k\x9fL+/\xfb_\\\xdb\xe1\x98[\xa7\x87GP\x16\x0c\xcad\xb2\xa0\x8c\xab\x94\xb2\x80\x15\x8fg\xcf\x0b\xfcZ\xa4p\x80\xe5\x0b\x04x\r$\x0b*\xcb#\xf6\xfbGa\xdc1\xf8\xb8@\xae\xdc\x86\x01l \xe6&gt;[\x19\xda\n\x06Q\xa4~\xb4Z\xadp\x8a\xb0\\\xf1\xecF\xc1Y\xa9\x8c\x8f\x08\xb0\x1b\xde\x0fk\xbc\x1d\x90\xc1b4\x1a\xed\x8d\xbey3\xd4\xab#a\xe4!\xe67\xdf\xea\xbe\x7f\xb1\xb2\xb2\xe2\xd1A\x9e\xcb\xcbK~ik+\x8a+\x1e\xbfM\x15\xf8\xf5CQ\xa5\xaf|8\xc9\x1a\x0f\xb6\xc8\x0e\x0f\x83\x1dpDs[[[\xffX\xd1\x99c\xe1\xf0v\xfey\x84\x9a\x80[\xd7\xbd\xfaL\r\xedq\rK\xf6i\x7fY\xa0TJ%\x9d\xc0:.tC\x88H\x16\xceFg8\xe7\r\x92a-vt\x0c\xf5\xea\xf9/\xf2\xa5\x1a\xdeAm\n\x97\xc1\xfb\xb3{\x18\xe8\xff\xe5\xeb\xebe\xc8\xcb\x10\x12\xf3\xa5\xac\xce\xb7o\xe3\xc7\x85n\x08\x91\xea\xe1\x8a\xc0qX-\xcd\xf8\xdc\xdc\xa2\'\xb4\x0cm\xb9\x14\x1a\xf5\x8f\xaauju\xfe\xcd\x88z\x1e\x92:{q\xf6\xe2\x85N\r\xf5\x01G\xb8\x8c\xfe[\x7f\x85\xb2\xac\xcc\x82X\x05n\x088\xc4\x0c\x81\xa3\x8d\xd7\xcc\xcdu\xe8\xfd\xa6%\xe4\x82\xf7\xcb\xa8\xda\xaf\xd6\xe9&amp;\xa1\xf0\x1d1\xf4M\x06\xa8\xdf~{19\xa9\xe3\xf3\xc5\xa1\x90?\xb4\xb4\xf4\x8b\xc7#\x16TH:;\xdf\xc6\xef\n\xce\xe2\xa4\xee\xe0\x0c\xd9\xd0Zs[\xbd:\x93\xc9\xb0\xfc7\xf8c0\xb4\xf7\xfb\xe1\xae\xb0\xb2\xc2\xd7\xa1\x17Q\xec\x1d\xa8\xde\xbc\xe1\xf3=\xfc(\x93\xc9b\xb1$SP^4\xa9X0\xb50\r\xacB\xf7\xa9\x88\x93J\x02\x8b^\xab\xd1\xcc\rM\xfa\xfd\x86}\xf4[\x10\x93)w\xe1\xeb\x1dj\x19\xd2\xebF\r\x06\xb3\x9a\xdf\xdb\xda\xd2*U2\x99\xd5\xd5\xd5\x8c\xca\xca*\x86\xac\xfcPF\x93VL-\xa0\xb4\x8e&gt;\x14&lt;\xad\xe4&amp;\xa4\x85X\xbd:?ti\x08\x0eF"U\xb6\xb62i-\x1d\xc1`G\x8b\x92/\xe8\x17K[\xb8\xb2\xa6\x1a\x06\xa3\xaaj\xde\xe2B_\xba\xcd\xd0\xbf\x9a`\xab\x925]\x0c\xd6\x13U\x8e\xf5\\3\xbe\xd5\xcb\xf7@\x85\xd3h\\\x99\x0c\xae\xea\\\x99w|\xdc\x1b\x04X\xabR\xaa\xe465\x95\xd7\x94R\x15o-\x97\x16\xf6\xcf\x7f\x1f\x1cix\xff\x0c\xaa\xaeE)Y\xf8\xe5\x12\xb18\x85.\x88\xe4\xe6f\x1b\xfd\xb9\xe6\xb0chh1xXZZ;\xfc\xeb\xaf\xc3/\x9bd^M\x9f\xc6\xdb\xd4\x11\xf4z\xb9\xad\xa0\xe22\xaa\xba\xe0\xb3;\xfe\xe5K\xdc&gt;H\xe0\x07\x9d\xb5\xef\xdfkZ\x98L\xf9\xf4\xe5\xdb"\xb1\xfe\xfa\xea\xd5k\xc8\xc5\xab\x19\x1enllx\xf6\xe3\x8f\xcf\xea\xb5\x8c\x99\xe6\xe1\xbe\x1an\x87w\xdc\xdb+\xedm\xe9\xe0r\xab\xea\xea\\\x96\xe3\x7f}&gt;\x0e`\xf8\xc1\xf1\xd7\xce\xe6\xf7}\x1d\\\xb88\x17\x81\x05W\xf9\xdb\xc4&amp;\xfe\xea\xd5\xd3\xa7\x87\xe3\x9a\xe1n\xa3\x9d\xf0\xad\x0f\x0e\xda\xef\x8e/]\xf4\xc6\xda*Zpn\xae\xe5\xfe\xfe\xec\xcd\xd6\\\xb0\xa9\xa9f\xfe\xf7\xaf\x9f\xbf\xc6\x8d?\x1b\'~\xff:\xf5z\x18Beh-\x97\x97\xc7\xc0*\xe8/,)\xc2H6N\xa6\xf5_Z\xcd\xf05\x8d&lt;\x8d\xe3\x8b/\xa3\x82qp\x94\x1a\x11\xd7\x8e\x10\xd1@\x87F\x851\xa3C\xd51\xdb\x8c\xc2a5[\xc7Km\xf1t\xa6[\xdcMC\x82$\xbe\xe8\x819C\x91\x08M\xfbB\t\xc4\xb4\xbb^\xa5%`\x13\xf3\xa2{\x08\x81f\x1b\x02\x81\x10\x0b% \x81r\x04\x12\xc8%-\x94@\xde\xf4\x9e_\xee\xfe\x84\xd9\t\x0c\x81\x04\xfc\xf8\xfc\x9e\xdf\xf7\xf9~\xe77@e\x8e\xfd\xf5\x97_7\xee\xff\xfa\xd3\xcfP\x8c\xf3\x8d\x9a\xee\xaa\xc6\x91\xc8\xd6\xcbS/7\xf7\xdau\x96u\x88\xfaZ\xe7\xb4\xb3\xfa\xb7[?\xde\xab\x05#\xe6\x8cW\x14\xc5\xab\x93[\xb5\x8dwkC\xd2\x1e\x06\xf5\xff\xf1\xf6\x12\xebI\xc5\x0b\xd5\xba\xfd\xf7\xd3\xb7\x1f\xef\xdf\xfa\xd7/\xd0B\x1b5\x97Z\xe6\xc8f\xdb\xa5\x97\xa0Z\xd56M;D\xf3\xc0d\xad6y\xa3w\xb8\x96\x0b\xbad2\xa3\xcc\xe1\xd0\'k\xc9\xda\xe9\xb3\xe7\xfb\x13}\x12\xceE\xeb\xfbw/~\xbb\x07\\^\xaf7\x14\xbb}\xe3\xe3\xe9\xc7\x9fn\xfd|\xeb\xb7\x17\xab\x93:\xbdL\xc6\x16\xeb\x08\xeb\x13\x88i\x94v$\xdc\xb1\xcc\xc0\xf0\xd5{\x93\xb5F\'-\xf0\x06\x0cC\xb6\x99G\\\xc7G\x17k\xd2\x05\rk\xdf\xfb\xb7\x93\xff\xc7\n\x85b+?\\Y]\xbd\xff\x8f\x1b\xdf\xdf\xb8q\xe5\x9a[\xd1*\x16\xeb\xf5\xea\xde]\x98\xd2\x08\xab\x98\xf0\xba\xe1\x1a\xd0%\x85t\xa3!\x18\x94J\x90W\x95\xca\x95\xabU\xf4\xb9t\xe7B\xb2\xbe\xb7\xf6\xbd~~\xda\xdb{\xd9[\x80\x15\x8a\xb9\x87\xe1\xab\xd7\x92\x93\xc3\xc3\xc3\x19\x90X\x18\xdf\xed\xbd\xd2\xdd\x9b\xa8\xb9\xda4\x9b\xcf\x9bD\xb3\xd9,\xd7\xabT\x06$q$AR2\x8d^\x08F\xf4\x82\xd3yv Q\xba\xee\xe9{\xfd\xechk\xe5G\xf3\x93\njy\xe8\xae\x08\x9f\xeb4\x1a\xb5\x81X\xcc-\x8a\x89\x044|\xb5\xb4y\x13aU\x11\x17\xeb\x80\xed\xe8\x90\xa9\xa0P\x8b\x8b36\x9b\x8d\xa00\x95\xcc\xb7\xbe\xce;e\xc6Bs_\x1a\xad\x07\xaa\xf3\r\xdd\xf6\x8a\xf9\x89\xb92\x08RP\x84\xf0\xaa\xd4\x1adr\xb3\xb7\xe5\xc8\xe7\xa1V\xf5\xf6\xde\xe6\'\xe4\xb5\xa0\xe7\xdb\xd1(M+1\x0c\xa3\xecv\xfb\x08r\xd7\x01\x82b`J\xfa\xd6y\xc10h\xf4\xef\x1cHcR\x87\x9e\x9f\xd7\xae*\xe6\xb7\xcd\xe6Le\x90eYzz\xba\x98\xb8Tw%\xc6\xb0YX\xc1vuo\xf3\xe5\xcd\xff\x95\xab\xcap\x14\x89\xe38I\x12\xb8mf&amp;\x80,\x06\xc70J\x83\xcb\xc5;1\xc0*t%YE\xeb\xc4ECg\x96;B\n\x84EG\x19\x8e\x89\xd6\x13\x0c\xcb\x92\x14\xc9f\xb9(\xb2\xce\xed\xbdO\xe81\x04*W\xb5\xca\xd9\xfc~\xbf\x85\x00\xaf\x0c\xc5\x9a\t\x80\x1fK\x91\x8cqP\xc9\xbb\x06\x95F\x96\xc0\x9bR`\xf5\xf4\xef\x1f\xdb\x13\xdeD&gt;\xe45\x9b+\x1a#\xc3D\xa3Q.\xda\x06\x9a:\xcd\x11\x1eO\xa9\x8d\x1a\x1ea\x8d\x8f/oV\xe1\x0f\xa4\xc5?6:\x16\x0e\x10#\x904\xc0#zR\x04\xa5\x04,~\xd01\xcdq\xcc\xd1D\x8f\x14\xf3\xf0\xa2\xa0Lx\xb3\xf9\x847\x93y\x12\x01,n1Z-s\xedz\xbb:\x12\x08{\x02\\\xf6\xa4\x0ek\xf8\x97\x07\xcb\x0f^-|*\xc3`\x8cR\x84-&gt;6z\'\xeeI\xcd\x00\x16\x94\x8b 1\xa5\x81\x97\xb5\x8a\xa4\x85`\x8f\xa5\xc0\xea\x9f8\xc2\x8b\xb0\xd9\xb2\x89\x90\xdb\x9d\x91\xcb\x00\x8b\x8bVK\xb0Z\xe5\x80\xc7\x1f\x0f@\xb1@\xe2?=\xf8\xe7\xabW\x104\xa6R\x04C\xd3\x0cC\xa5\xe2\xa3\xcb\xcb\xe8A\x17\xa2\x82\x90Aa\xbc+\x12\xca\xe3\xa3\x1eZ\x1a\xac\xfds\x1aQ\x9d\x9c\x00\xd6\x95\x01\x93\x91\xe1F\xb8\xbdR\xa9\\\x8a\x83\x97\x0f\x10\\=\x0b\xc5\xba\xfb\xeaw\x84\xb5\x1b\x87\xc20$\xc9qe\x08\x90\xbb\xbb\xcb\xe0_QoA\xb5\xb0E\xfe\x12\xcbOH\xb2\x88}\xcf\x0b\xf9\x16]?99\x99\xcf\x00\x96\xdcA3\\\xb9T*\xa5\xe2\xcb\xbb\xf1\x11\x9a\xcd"\xd5*oN\x8dOM\xdd\xb9\x13O\xa5l\x16\x8b\xc5F\x00W*&gt;\x0e\x91l4&gt;\x8b\x1e\rRJ\x19\x1f\xe4[\t\xcc\x12\x0e7%\xc0\xea\xe9;\xf8\x02\x11\x0c\x1a\xe8$\x01X\xbd\n\x13\x8b\xb06=P\x0c?\x97\x85\x1dY\xacG\xab\x00\x01\xd1,\x0e^\x1e\x89\x03A\x8ep\\\x95KM\xed.,\xbc\x81\xde\xb7\xd8H\xcc8\xe8\n\nj1\xcf\x10\xfe\xae\x14XC\xddt~d\xb6\x9c=\xc9&amp;2\xd7\xbf\xbf2 \xb24W\xde\x8c\x8f/,\x8c\x96\x13!\xc0\xca\xe7A\xba\xeaQ\xaeL\xa4\x08\x9a\x06\x8d\xa7\x91\xb3\x878TB\xff\x04a\xc4\x0f&amp;\x1fS\xcb\\|\xd0%z\xf3LX*\xac"`\x9d\x00\x96\x1b\xb0\x1e\x8b\x0e:Z\x0e\x8c/|\xd8\xf5dC!\x96bAX\xb7CY\xb6\xceB\xa7\x17i\x16fQ\x9e%=aO*\xe5\xb9\xb3\xfb\xe6\xcd\x9bQ\xbf\x05\xa7\xd0\xac\xe6y5LT\xd6"\xc9"\x0e\x1dt\xd8\x91\x99\xf6\xc9I]||\x05\xb0\xe6\xf3,]\xf6\xec~\xf80:\x92\x08\x15I\x9cR\x16\xbd\xb1\x04C2\x10l\xe9"\xc5\xe4\xf3\xac\x11\xc3\xfdc~\xb4\xaaw X\x8f\xcd\xc2\xf0Age.\x97\x0e\x1c\xb64X\xdf\xf5\x1d,a\x8bQh\xad\xbac\x00\xb0z\xe7\xc5|\xb1&lt;\xb5\xb0\xb0\x1c\x88\xe6\xf3\x18n\x07\xa1\xf4\x02\x9e\r\x86\rA0\x04\x05\xc52\x92x\xd8\xef\x8f{&lt;\xf1\xf8\xd8\xd8\xdc,N\x19Y\x99L\xe7K&amp;\xe5\xb1\x95\x10-\xc9"~\xd7\xbfv\x8cO\xb7B\xa1\x13\xc6\xa8p_s\x9b\xe7\xbd\xde\xd6\xa2gw7\xce\xb1,Lc\x08a\x89P\xc8\x88[\xf0\xcb\x1d\x08\xf2\x009\x83"\t\x1b\x80\xf9\xc3aH\xfc6\x12*h2\xe9\\\xc9u\x94\x05\x98/R\xcc\xc4\x1e\xebD\xd3\xe2\xa8\xb8\xb7!\xbf(b+n\xe4\xb7*\xd3\x81\xd1\xd1@\xb4\xc8\x90vh\xad\x04\x0cm\x0cO\xdb\xf1\x14\xfc\x10\xa8d\x0c\xc4Z\x14g\xc3a\xcb\xec\x9c\x8d\xa4\xd8\xff\xcc\x8br]\x12\xb0x^\xa6-H\xe2 \xacC\xddN+R\x89m\'Lf\x94\x91C\xb1Xez\xc6\xef\'h\x16b=\x9dO\x80\xe12av;L%H\xb0$\xe8\x03EQH\xe9);\x8e\xdb,\xb3v\xcc\x98\x0f\xcd\x8b\x8a\x88\x8b_\xaf\x180\xa5mg_\x8a\x83kk\xdf\xc1\xb9k]\xaf\x08\xb1"\x8a\xee\xa1\xd0v,\xd3\x1a\xb1Y@I1\xca\x98\x17\xc1\xdd\'\xf2J\xadVedY#\x83\x916\xd8w\x10\xb9eFtV\x05\\Z\xa5C\x0c\xcd\x9b\xe4:\x17\xef\x92\x81\xabX\xeaJrn\xddc\xdd?\xcaEtz\x87\x11a\xb9\xc12\xc7b-\xa5\x1d}6\x869D\xd1+:\x94\xdat\xa7\xd0\xb1\xd8\xb5p\xa5\xe7\n\x85\xb9F\xce\xa0i\xb5\x06\rB\x0e\xb0\x8c\x0eq\xde$\xd3\xebU\x06\x03\x85\x87\x97\x9a\xfb\x12\x1d,&gt;=8\xf7\xad\xbb\x1e\x1a\xd1"\xa2r\xc5b\xe6A\xad]\x0b\x06\x14\na\x12M*;$\x87Ng\x0eGXB\xa3\x03~:\xc7k*\x95\x88\x8f\x17.\xb1L&amp;\xb5S\xa5V9\xedsg\xc7\xcd\x03\xa9\xde\xd5\xe8\x7f}\xb1\x91L\x06\xd5z\xb9\xfb\x1a4\x977\x13\xcb\x98\x0c\x82\x80\xce\xa25&amp;\x99\xc9\xa4\xd2:\x9d\xc1\\.-8\x83p\xe5rB\x90\xf7E\x80J\xe7siq\xc0\x92\xc9\xd4N\x81W;\xd3\x85\xe3\xee\xc1\xbedo\x90X\xfb\xd6\x8e6\xb6\xb6\x1e\xbat\x03\xd7\xaf\xb9E\xb9\xd9\x9di\xa9\x04\xf8x\xa7J\xaf\xd1\x98\xdd\n\x8dF\xa3\xca5\xa0H\x9dB\x01j\x05\x99U\xee\x8e\xb9\xcd:\x1f\xaf\xc5m\xa4\x12\x844(&lt;T\xa5\xcf\xba\xfb\x13O%\x8c\xfb\xc0uq\xbe\xb1U[\x1d\xee\xbd\xeeV\x98\x14\x99\x8c\xdc\'\xa4\xd39\x01b\x86{e[\x0c\xa6;g\x9f\xbb\xddf\xb3{\x88\xee\xc7\xcd\xe3\xb4\xfb\xd1\xa3\x1f2\x90)p\x8b\x1dS\xb9\x92\x82\xa0rBW=\xed\xb7J\xf9\x10\x02\x82\xe2\xc1\xd1\xbb\xd3\x8d\x8f\xf7z\x1f#,\xb3\\\x1dL7\xd29\xa7Z\x01\x81H8;\xfe\xdc&lt;\xfc\xfa\xf5\xeb\xe1\xd7o\xe8~x\xd8-\x0c\xdc\xbe}-\xc2\x07\x01\x0bw\xf2|m+\xa8\xc2w\xa0\xab$&gt;P\xec\xe9\x7f\xba\xf6\xfc\xd9\xc5\xbb\x8d{\x8f\xe7\x11V\xc4\x07X\x8dt\xd0 _\xb9\xad_j\x02\xc9\xe17@\xfa\x067\xf4{sI\x9dq\xcbyA\xb0[,8z\xf8]\xe3\x1f~i\xee\xf7I\xff*D\x8f\xb5oh\xe8\xfd\xbb\x17\x03\x08k@\x87\xb0\xa0\x8b\x04\xfd\xca#\xf5\x0e\xc2\xea\xa22\xa1Z5\x9b\x9fw\x96\xe6p\xa7\xc1\xe0\x84\x1d\x1a\xc6\x85\xa0PK\xfa|\xda\xb3\xee\xda\x9f\xf1^eO\x8f\xd5\xfa\xf4\xd9\xc6\xa4b^\x81\xf6~0\xd7\x00\x1d\x08\xaa\xdd+\x9a\xce\xd9\xce\xce\xd9\xd9g\xc0\x81\xeb\xdfg;gK\x85K\r\xb3\xe3i\xcb\x17&lt;\xc8\x07k\xab\xebj\xfb\xce\xc1\xc4\x9f\xf5VR\xdf\x1f\xff\xe5\xe5\xdcC\xda\xca\xf28^\xb2\xb5\x93&amp;\xb7cr%\x0f\x92\x88\xe6a\xd0\xac^I\x1b\x1b\xb1ql\x89\xce4b\xd7B\xb4\x8dV\x94\x92\xd5fU\x06\x8b\x12\x18\xd6\xd2M\xc4\xda6\xad\x95\x15\x85td\x12\xc6\xd1?VD\xec\xac\xf5\x85],\x16[\xb4\xa5eY\x99YwP\xd1\xc1\xd6\x82}(L\xb7\xc3\xca~\x7f7\x99a\xd8\xc7\xb0\xb3k\xf6(D%\x89\x9f|\x7f\x8f\xf3;\xe7\x9e\xdf}q\x96\xb11\\\x14\x0b)!Q\xc2H\x90A\xc3\xe10\x88\xc2O\xc2k\x8f\xd6\x1e\x85[\x0bPO\xd0\xa1\x92\xd7FcFE6&amp;C\xb7Z\xbe\xb1\xd4\x15+,\xac\x82\xbe0\xd8\xf4z\x06\x99\xf2\xa3s\xb0!,%8\xa00^\x01\xce\xabGkO\xd6\xd6^a\xac\xb9\x8aQJ\xa0\xa6\x07\x95Q\x91\x9d\x9f?\xea.\x11\xc8\x91\xddcv\x86+\xb7\xf7\x857\xe0\xb1\xe9\xc5\xea\n\xca\x10\xc7\x13%\x02\x81 \x01S\xca\xa3[\xaf\xd6h\xbc\xfa\xfak`\x15\x18\xd3\xd3Q@\xa0\xd2\x91[\xf3GGG\xdd\x86$\xf2\xf8XQ\xa1\xf8\x9a\x84\x15\x91 \x94\xd9\x94\xce\x15\x89I\x87\xb3\x92\x8e\xa5\x18\xab \xd3\x93O]\x05\x05\xae\xb5?\xad\xad]\xad*\xce\xcb+\xa63-\xe9\xf2\n@\xb9\xfd\xb1\xc6jz\xf6\x80\xb1\xd9`E\x96\xce\x95\xd1\x81\x15TV\xe9\xc6\x82\xabk\xe13g\x8aS\xaa\xdf/p\xb9\x9e\xd0\xaa\x02U \xb0\xe4\xbf\xca\x06\x95\xdb/\x8e-\x96H\xd3\xfd\xc2a\xb1y&lt;\x0c\x9dIR(\xa8\xb4:\x92RM\xa5h\x1e\n\xc0\x13E)X\xfe\xbb\xf8\xf3\xa7\x97.\xa5C\xac\xe3\xf9n\xbf\xdb\x1fk\xac=\xa6\x91{^\x9b\x87\xf4\x92\xb1t\xb1\xe9\xe0A,\xbe\xaa\xc1R\r\xa6\xa2SEEX\xd8W\xd1\xb53\x14\xcb\xcd\xcd\xcd\x19\x15\xa3~\x8c\xceXc\x89\xba\xde&gt;\xe0\x024\x11\x8be\x92\x84\x04,V\x8f\x1dL\xcf+\xae\xc2r\xba(\xa5\xe8\xbd\xa2\xa2\x14y\xb3\xeb\xf3\xcf\xaf\x02\xab\xb9\xa8H\xa1\xc8v\xff\x7f\xb04\xdd\x0bn\x8b\xd9b\xb1\x05\xc4JV"9\x90\x90\x90a,\xa8\xa2\xcd\x08\xac\x81\x0e\xa0j\xce0\x86\xe9\x125]\xabR( \x16\xc7p\x00Sf\xc4\x14k\x8fiv\xf2\xf7\x84e\tp\x065\xb2\xc3\xaf\x81U\xe5r\x15\x10VB\xc2\xc1\x8c\x0c\xf9\xa5\xd6\xab\xe1\x08Ub"&lt;\x8ba\x18\xc8U\xa2x\x16S\xac=\x83\x13\x9fY\xccf\xb3\xc5\x06,\x94[Y\x07\x14\xe9\x88\xbe\xaa\xbc\xea\xe6\x83\xfc\xbe\xa4\x91r~\xeb\xef\xce!L%\xec(\x82\xb0\x96\xa1\xcb\x0c\xd6\x8d\x18\xa6S*\xa1\xc7y,\xb3\x05V\x94\xc9\xb4\x87\x05\n\xf9\x15\x17m)\xa5\xcb\xe5\xa0*.\xa8j\xa5j^\x9ea\x05\x96\xd2\xedw\xd42R\x95\xaaS\xb2\xb1\x14S\xac\xdc\xee/\xa4tL\xdf\xac\xe2\x0c\x06\xadX\x9b\x95\xd0|\tK\xfb\x02d\xd0\xf7\xab\xab\x8dP\x8e\xb0\xce}\xa4@\xf9\xae\xf6\xba\xfd\xdc\x8d\x80T\xd5\xd6\xc9\xbe\x8c\xdd\x9c\x18\x99\x7f\xeeJ\xcb\n\x0b\x0b\xcbtR\xea+\xb8\x9d\x95\x90\x91\x8e\xe4\t\xaf\xa7\xdd\x10\xa4\xd3p\xb8\xea\n\xcd\xe2\xa0R\xba\xddu\x81@@*\xed\xec\x94\xed\xd2\x06\xf3\x8f`\xd9\x81UYXf\xf1p\x0c#\x96\x1dP\xf0G\x17]t\xf2\xeezuq\x15&lt;+\x8a\xa54\xb8\xfb\xeb\x10\x1d\xd4\xa8\xa1}\xfdUS,\xb14\xb3\x0b\xfd5\xe7\x81E\\z\x86\xd1&amp;\x01\x0bT\xae3\xa0\xba\x8e,\x1f\xe1\xc2:Cmp8\xea\xea\xa9\x7f\xc4.\xe5j\xe5\xb7Fb\x8b5\xdd\xaf#\xae\xca\x08\x97X\x9d\x00\x9f\x0f\x87]y\xd7;\xfe\xd8q=\xa5\xba\x18X\xad\xc0\xcaW:\xec\xd2\xfa\x96zP\xd9\xa5\x81\xcd\x94g\xb1\xc5\xba?\xd9WOm3\x95\xe5\x85fLB\x8c,\xe1\\\xeb\xd5\'aWu\xc7\xc7\x1fwtt\x14\x19[\xc3\xad\xa8\xa7\xcfzA\xa5;\xdfR\x0f*\xc2\xda\xd9\xf8s,\xcf\xf2\xa7\x8d\xdc#,p\x95\x97\x93^\x8c\xcc\x8a\xf2\xf4Jq\xfa\t\xba\x80q\xe2\xc4\x11\xa4\xd4\xe3X\xc1z\x1dR\x95\xae\xe6dK[]\xbf\xdd\x1e\xb8\xb1\xb9\xf3rIc\x8a1\x96N\xa7\xab),\x07\xd7\x90\xd9\xa3D\xa1\x8a\xe4y\xe4\xd4\x1fN\x9d\xa2\xcbPY\x87\xb5%j\xb5\x92S\x99\xcbjjN\xd6\xd7\xf5G\xb1\xc2_\xc5\xb2\xf5A3\x02#\xea\xeaU\x11\xae\xf2!\x0b\xc36Z\x13YA\xd6{4&gt;\xb8|\xfb\xe8QX\x96\xf3X\x10\xae5-$V\xbf\x83#\xac\xd7\xb7\xbaL1\xf5\xad\xfe\x9a\x1a][\x9b\xae\xac\xb0\x92\xe7\xe2\x0cbqmm\xed\x85\x0b\x17._\xbe}\xfb\xa8\x1e\xe5\x98\xc7b\xa6\x98\xa8\xa9\x07\x95\xdb\xed\xe0n\x00K\xbe1\x12\xc3N\xb7\xdc\xde\x85\xba\xf3\xc0\x82\xe7\x10\x97\x0f\x8e\x8fz\x02\xeb\x8e\xa3\xfc\xd0\xa3\x18\xa3f-HYy^\xc7SE\xb0&gt;8\xf62v\r,\xa2\xb4\x91\x89\xcfTe\x84E\\e\xc4U\x8e\x14\x86I\xf2\xf4i\xdb\xe9\xd3\xa7\xcdC\x85\xbcq\xcbI,]\x9b\x1fX^\x07s\x03\\\x9b\xf2g#1*"D\x9a\xc1\xb7w\x03\x98\xaa\x91\x8c\xeax.\x12\xcc\xc7s`B\x1a\xc2\x83\xcf\xe7k\xc7_"Tv\x07\xa8\xdc\x86Z`\xe9\x7f\xb1\xf9\xfaml\x1a\x16i\xeb\xe6\xae\xcd2g\xb6\xf09\x92:\xffte\x95\xa5&gt;\xfaj\xff\xc1(-G\xae\xd5\xa9\xa4~\x87\xd2\xebu+\t+\xa02\xcfm\xb6.5iv\xbf\xd1M\xa4\x19y\xd6\x18\n\xd9\xa2XvjI\x84b\xe4\xf8\xdfc\x91t\x95\xd4GITn/\xcbz\xbdJm-U\x11\xba\xf2\xed\xcd\x97K#\xb9\xbb\xcc%2u\xf5n&lt;\x98\xdb^\x9d\x1bB\xb5\x05,\x07\x91\xf1\r\x7f\x88:\x8cB\xde\x90\xf0;\xcajx \xacFI\xbe:\x82\xd5V_:\xb5\xbd\x13\xdeX\xda\xdds\x8b&amp;M\xd3\xd27;\x8b\xeb\xab\xed\xe5\x84\xa5\xb2;h\xd8-\x16\x1d\xc5]!5\x06\xaaT\xd4\xd6\x19\xb1.\x91;\xbc\xf9\x8d\x8d\xd9\xacL[\xcbD\xb0V\x07\xbe\x95\x7f\xd3=\xb8k\x9d["\x135Q\xbf\xfc\xeb\xf3\xad\xd5\xa9\xdfT\x96!%\xc0\x8a\x0e\x83\xc1\xc1\xe8m\x16s\x19U_*\x8e~w\x18\x94\x06\xb1\xde\x834\x81\xaaZ\x99\x9f}\xf6,\xb0\xc4\x8c&gt;\x10P\xe9J\xa7\x88k\xe7\xc5\xdb\xfb\xb9\x9a]\xe8S\x17\x99\xd24]\xb3\xe3\x93\x0f\xbe]y\xbe\xb2=\xd5^h6\xeb\xa2X\x061\xc7s\x91\x7fs\x06\xf8\xb7R\xad60z=\xc7y&lt;\x9c\xc1\x0b\xacF\x1e\x8b#\xdf"\xac\xf5\xc5\xc5\xcd\x07\x93\xdd\xf7\x9b\xa8\xb9\xff\x7f\xf12\x91)\xb7k\xb0\xf7\xe9\xc2\x9d\xfe\xb97\xcf\x97\x9f\x13\x16\x8c\xa8\x8bb\x19\x0c\x98f\xc8\xa6&lt;V&gt;\x86\xda\xc0\xe9Q\x1er\x8c\x18b566J\x04\xb2\x9b79\xb2\xebc\xc2\xdaZY\xbc\xd1\xffp\xe1\xe9x\xef\xfd\xc1\xff\xba\xefZ\x94\x96;8\xdb=19\xd67\xdcsr=\x8a544D\xa1HFS*\x95b\xc8\xc5w\n\x07\x18\x1e\x0b\x7f@\x11&amp;f\xc4\x06\x96\xa8\x80Ur\xf3fgg\x9b\xaa\x9e\xb0\xdel-\xaf,\xb6\xf4\xcc&lt;\xbc\xb30}o|\x96D\xfb\xc9N\x9e\xa6i\xba\xdf=1=\xf6p&amp;\xc7\x19t~\xb2\xbe\x15\xc5\nE\xb0\x18\x03L\xc6\x1a\x98\x80\x8d\xaab)\xed\xe3\xa0r\x80\rA\x05,%\xdb\xd8h\xe5\xb1J\xfc\x11\xac\xd5\xd5m|\xb2\xe5\xc5\x16aNNN\xcfp\xdf\xd8\xe4D\xf7\xec`\xaeF\x93f\xfa\t\xfe\x04\xa1\xc6\'\xc1$\xcc\x8c\x0f\x9e\x14~R\xcac!\x12\x87\xe6\xe6"X\xc0`Y\xa8\x13\x08 U\xd8mT\xaab\xd6\x8eb12\x89\xf5\xb8u\xa7Q\xa2\x06\x96\xbf\xb3\xad\x9e\xb0 \xd6\xf2\xf2\xc0\xc9\xb8_\xc6\xedu:\xe3zf\xfa\xeeL\xd3m\x07\xe8\x96\x08\xff\x81\xa3\x89`\xbc\xa6\xd9n8T_\xcf\xfc|r\xe6\xbe\xe0|0\xd8\x00#&gt;\x07\xd6T\xe8{,\x99Z\x92M.\x1e\xe08\xbb]\xef\xf1\xf0\xd6#\xa8\x12\x86\xc7\xb2\x92\x11\xa3Xm\xc0\xe2\xc5Z~S\x9a\xect\xbe\x93\x9c\x9c\xbc?.\x87\xccy\x87n\x890\xd2\xa5\x11\xfdxt\x9ax\x9d\xe8\xee\x053\xc3\xc2\xf9/\xe73\xe3\xe3\xe7\x9d\xc0\xda~\xb3\xb2\xbc2@XX\xedK\x03\x84%\x90$\xb2\xe0\xe2\xec\x1c\x86\x9e\x9c\nT\xda\x12\x1e.\x8a\xc5\xcaJ\xc8\x8a\x11,\xe8\r\xc1\x81\xf5\xce~\xc2\xda\x9f\xec\x14\xf6\x0c\x0fC\xb4\xb1\xe9\xa7\x14\x9e\xff.\x06Dd\xbb\xde\xf1\xa7\xd3w\xe0\xe4\xc3q\xce\xe4\xcc/\xe7\xf7\xa5\xa6\x06\x9d\xc1\x0f\x1b\xb6\x07\x90 \x06|\xa4\x96\x85\xc7\xaa\xd5\x02\x0b\xeb.1\x98\xec\x0eX\x0f\xf5\x1fa\xf16\x14\xab\xb3+\x12\xbf\xc3r\xfb\xa5R\x1d\xb0\x16W\xfe\xb6\xbcEX\xfb\x9333\xa1\x19\xbe\xe3\x84B\xa0\xcd\xf4=\x1c\x9b|\xca\xc7\x80\xe9_9\x1499l7\x93\xd3\x93#\xcc\xc1k3/\x1e\x8a\x8f\x8f\xc7\xe3\x87\r\xa1\x81\x95\x95\xad\xf5\xf6\x88\x11#Xt5\x8e\x97\x8bsD\xb0\xc4Q,\xb1X\xc6VD\xb0\x94%$\x97]Z\xe6[\xdd\x1eX\xc4[\x84\xe6\x93\x89\nX{\xf7\n\xe3\xe2\x84{\x9dq\x14\x01$\xda4\xf2F\x97\xe6\x9f\x92\xe6`\xef\xc44\xd9\xae\x07\xa1"$\xad\x0e\x1d\xba\x98\x1a\x9f\x99L\xef\x12\x0c\r,.\x0e\x84\xda\xa7|4\xf9\x04\x02z\xf2-\x96\x95\xb0\xe0\x12c\x1e\xe2a\xb4\xb2\xc8\xd0\x82\xd8j\xa5n\xe1|\xb5L\x86\xf8tH\x1fc\x1e\xdf\x0e\r\x0c\xac\xfb\x82A\'L\x98\xcc\x0b%\x04\xd8^\xfa\x81\xc8H\xb3\xe9\x89\xde\x7f\xc8P\xbd\x94\x0c\xfa\x86\x01\x15y\xfe;p\xf6C\x17\xdfM\xdd\x97|\xed\xda\xb5\xcc\xcc\xc7x\xcf\x01$\x9f)\xa4yU\x80\xa4\xc1?d%\xb4\xa8\xa7\xbc\n\x8f\xba\r,\x81L&amp;\x10\xc8\xb4\xd4\xc1hM\xa4\xddoV \x10\xe0\x19v\xbc\xd2\xe7{\x1c\x1a\xf25\x04\x83A\x1e\x8b\xc7\x89\x8b\xe3\xe9rrr\xbe\x93l\xec\x87N\xce\xdf\xa2\xa3\x8f\x17\x8a\x7f.&gt;\x04a\xa5\xfe\xfc\xdd\xd4\xf8\x9f\x01\xeb\xda\xa1\xd2\xc7\xa1\x10\xc4\xfa\x0b\xb0`C`i\xa1\r\xdfu\xcbs)\xb5\x18@\xa2\x01\xbdx,\xda\xfdf\xd9\xa4\xa4$\xb5\xd2^:\xf5\xdb\x86\xd2\x86\x86\xd2\xbfsq\xbe\xa1M\xe4i\x1c\xcfd\x92\x99\x0e\\fj:\xda\x8e\xbd\xa6\xd5\xb3\x97\x81\xd4MnC\xffL\x0f\\6\x15\xb7J\x85\x86n\x16\\J\xa18\xb6\xe7)C\x8aWI\xa3d\x12-\xcaq]\xb1Y\xd8\xa6\xac\xc6W{/\xae\x10*\xc8\xed\xbe\xf4\xe8\x9eG\xbd.)=\xb8R,A\xb9\x17\xee\x0b\xb97\x0bE\xb1\x85\xfb&gt;\xbf\x99T\xf7\x1e\xdbZJ\xff|\xe6\xfb|\x9f\xef\xf3\x9b\x98z\xc7\x8a:j\x11\x97\x0f\xc5\xb8\xfa\x19\xd8\xbd{ {\xe86\x0fLHM\xe7\xbf\xe8\xe8\xa7n\xf77\xf8XI&lt;\xb0"9]\x03UF\xb7p\xb1\x85\x95\xed\xed\xed\xb1\xa3\x07&gt;\xc0~\xf9=q\x10\xd6Ip\xb5\xb4\xb4R\xf3\xbc\xde@\xc0\x1b\x08z\x0fz\x83u\xacV/=S\xfc\xea\x81t\xb1\x18\x8d\xc6\xed\xbcm\xc3V\x0e\x96[.\x99\xa3\x18D\xa9\x1f\r\xfe\xfe\xdd\x0f?|\xf3\xfd=\xb29\xf8\xdfa\x89\x0c+\xa2+\xa0\xca\xe4\xec\x95\x95\x95B\x1eXe\x9c\x16~\xe1b\xb5c\x16!W\xeb\xd5V/k_cc\xa0\x11d\xc0kC\xf5\x9d\xfc\xb6\xe5`w{\xfb\x95+Wo\xa6\x8b\x11M\xcd\xa1\xec8\xc3b\x96\xf7\xd5\xd1\x00\xe6X\rp\xf4\x0fr\xff\xf8\xf1\xdfu\x93\x9b~\x12\x93&lt;H\xeaR\x17y\x05X\xb2\xac\xab\x99L&amp;[\x01\xd6\x8a\x05\xac\xd4Q\xacC\xdc\x83\x1d\xe99\x82\x88\x00\x17\xe4\xc2\x1a\xa2\xeea2\x9b\x9a\x02\xac\x08+\xd0G\xac\x81\xc6\xe0\xd5?\x97-EM\x84A\x95\x95\xe3\xf1(\r"&lt;\xff\x7f\xe5p5x~\xf9\x87\xaf\xfe\x06\xa6\xfe}\x05\xd1^\xe0\x89N\xd3C\x12\x89%W*\xb1\x04\xc4\xca\x16Qy;\xb2\xbdmM\x0c\xd0\x99\xe6\xc8\x91\x9e\x9e\x1eo;3\xd7\xd5\xd6\x96\xf7\xb0\xbc\x01G\xac\xb6@\xbb\xd7\xdb\xde\xd4\xdbw\xfe\xd2\xcd\xa8\xa0i\x89p\x16\xe2\xdb:\xb0\x04p9\x17\xef\xb24\xb8\xefA5\xcfW?~\xf7\xfd\xbd\x06\x9f$\xe2C\xa6i\xf67\x98\xac\xbbXY&gt;Q\x0c\x89\x92 \x03+\x16\xabp\xa4\x16a\x15#\x91l1?v\x18\xa7\x98\x83\x0c\xab\x87\xfa\x06\xb1ZZ\xc8\xe9\xdev&amp;\x94\xf7\x1a\xde4\x81*@\xbfY\xdd\xdb\xd6r`jQ\'\xb1\xb2\xc0\xd2\xf58+\xa1CD\x0b\xdf\xe3\xda\xc7\xf3@\xa9W\xfe\x92\xc1&amp;\xd5\x0c\x89\xa2$I!\x13\xc25\x80J\x0c\x85\\\xac\xad\x8a\x0c\xacp\xa5R\xdc\xde\xc6\xd5F\xf2\xa9s\x07\xd8\xe3\xb9=\xe8b\x8f7\x18\xac[\xbe\xa7\xa7\x1b\\\xed\xden\x86E\xcfHh\xff\x18T\xad\xbf\x9bZ\xb4s\xb9p8\x1b\x8eD*[\x02\x8a\xb8\xa2\xe2\x88Dv\x7f\x07\xe4\xbez\x1e&gt;|U*\x95`"I\x12C\x90\xcb\x84f!\xe0\x89\xc0\xf2\xf9L\x91\x8fE\xb2\xa4V\x18X\\\xa5R\xd9\xde\xce\xca\xbam\xa7??z\xba%\xd8\xea`u\xb3\\j9F\x19\nHTw\xb7\xd7q\x17\xc0z\x9b\xdbZ\x7fu.e\xd9Y\xaa\xb0\\\x89\x85\xa4(\xc5\xa1\r\xb9\xf6\xb5\xfa\xb9\xc5&lt;\xafP\xa5W~\x9f\xd4!\x9an\x19\x1d\x92\xcf\xf4\xafm\x9ak\xa8\xadJ6\x8b\xab\x0c\x03+\xa1\x00\xaf\xe2|\xf3xz\xec\xe8@K\xdf\x95\xc6\x83G\xfe\xeab!\xb7&gt;\xfd\x94 \xbbO\x9c\xf8\xec\xc4\'\xf4\xf4ap\x8d\x0e\x8e\x7f{\xe3\xf0T*\x0f\x9d\xd9W\x86\xb4\x18\xa6\xdb\x06T&lt;\x8e\xed!\x89D\xc6B\xd2g\x18,\xc3\x00\xeab5\x98&gt;\xd3\xdc$\x9d\xf0*\xd1\x80\x10\xd2\x1a\x0f,\xa8\x95c\x95P\xf9\xad-\x80e\xf1\xedsv\x9e\xb8p\xb7\xe5\xed\x81\xbf\xba\x1d,Z}\xc0\xfa\x04XT\xf7\x9b\x9a\xdaFG\xc7\xcf\xdf\x9e(\xa7\xf3\xc5"}]6\xac\x1a\xbc\xaaa\x8c\x90\x11|\x94\x9aIdl\xe8\r*w\x02\x1c,?\x99\xbc\xdf\xdc\x0cI\x06\x1a82R^[K[V4.\xf0FHK\x90\x99H2\r\xd9*\xc4\x80\x89\xc2D\x82\x0b}\x0cz{\x08\x8b\xccu\xcc\xa5"\xac\xb3CC\xf7\x03M\xcd\xcd\xa3\'o\xdc&amp;\xa9hR\xf4H\x963\xd4\x84\xaaq4\x8bQ\tG\x1b!\x8e\x99d\\\xbe\x9fc\xd1\xd8\x19\xbe\x066\x86\xa8\x92\x0f\x8c\xa3\xdd\x00\x00\x06\xc1IDATodq\xad\\\xc6\x8aH\xa7\xad\xa8\x90q\x1dU\x01\x99\xac\x1a\x9a&amp;P#\x01\xb6],\xdeI\x8f\xfdf\xa0%\xd8\xd8}\x10X\x81\xc6F\xda7\xdd\xd4A\xd2\xeal\xe7PS\xa0y\xe6\xe2\xc9/\'\xc6H\xaab\xb1"+2\xc7\x1b\x890\xa7"\x06\xe3\xa4\x12a9\x8d\xa4\xf92J\x86\xdbE`mn"C\xfd\xfeR\xc9(\xd1D\xf8G\x16S\xeb\xb4\xf9\xd6\x0b\xa9\xd4b\x14T\xb9\x1cehL\x8e\xc8\\FU9.\x16#\x87\xd1\x0f".\xdc\t\x06ap\x84@\x13\xc2\xe0\xda5\xa7\x7fg\x99X\xbd3\x93\xa3_\x9eI[\xf9&lt;\xc2\xce\x8e\xe91M\xd38\x0cvV\x16\x80\x84\x0e\xf2t\xe4\xc2\xe8\x8bu\xb5|\xae\xb9\x08ks\xb3\xa1\xa1\xc4\xca\xef/\x97\x81\xb4\xf4\xec\xbfo\x9f-\xbd|\xb0\x9e\xb2t`\x85A\xb5\xb6\xa5\xc8\x11r=\xb0\xb6\xe00\xc8Wt\xfa\x08\xdf#E\xa9_\xcd\xbf\xbd\xff\xf1gu\xa8\xa1\xfbm\xa3\x17W\xc7\x07\xce\xa4\xf3\xf9&lt;\xb37\xaeF\xc0\xc5Q\xe9\x12\x96\xad\xa0+B\x87+\x14aA.\xe7\x9dwX\x10k\xaeT\x1aY,\x13\xd3\xdb\xbd7\xa8=:Y\x15,X]gj\xe9H\x9dL\x86\xa9E\\\xb2,\xdb.\x17n\xc1\x1a\x9b\xe8Yn\x1f\x9e=\xfb5=|JT\xcd\xbd\x83\xab\xab\x8f\x06\xa6\xd2`\xa2\xa9\x13\x14EWt\x87J\x16\xa0\x0f\x96\x9a"\xf0\x92\x03\xf4\x0eKtF\x91a\xf9\x0c@\x95\x16S\xa9\xf5\xa5\x17{ovv\x9e\xa2vv\xf7p\x10-\xdc\xc9[\x96\xb5R\x8c\xc8\xe0\xcb\xcci*\xf5\x10\xe3\x18\xe38N\x96+y+56\x01\xdf\xf7\xf56\x83j\xe8\xee\xdd\xaf\xd9c\xcdC\xc7\x9b\x07\x89\xea\xd20\xb4\x8a\xc6u\x1d^\xc2\x1bj \xd6\xab\xac\xf0\x98\x1dE\xa1&amp;J\x0c\x85\x95\x8f\xa2\\\x1c\x19\xd9\xc72%\x1c\xf2\x16\x17SPjo\x17L\xb3\xac\x9e\xd6v\xf7\xd0\xcaB!m\xd9NFdxMUb\x8cI\x0e\'\xd0O]\xb7\xac4\xe5}_\xf3\xf1\xe3\x1fvv\xde\xfd\x17\xea\xee\xdd\xa1\xe3\xf4;\x92\x08\x06P!\x07 \x12&lt;.\xbb\xa5C$\x81\x94\x02T\x07\xcfK\xd4\xc7\xf7j\x84\xe42\t\xcb\x84\xd9\x88j}\xe9\xed\x1b\x06\x95LV\x93I\x80\xd5v\xde\xbc\xf8\xe9\xf5\xcbB\x94\x90h\xf78P\xc0B\xba&amp;\xc2\xe4\xb38\x9cS8\xf3\xa7\xe0\xe0\xf1C\xd7;;\xbf`u\xe1\xfa\xa1\x99\xc1\xf1G7n.R\xc6\xd8\xa4\x95\xae\x10\x1b\x86\x06ou\r\xfd\xd3\x05\x10I&lt;\xcfw\xe0\x0f\xb8\x0c\x899\xdfi\'\xf4\xf2\x98\xa6h\x18\xb0U\xeasP\x01*\x99L.$\xa7\x17\x16\x08\xac\xb6\xb3\xfb\xe6\xc5\xeb\x97\x16\x1c\x86\xe3V.\x0cy\xb0\x87bj\x98\xb6\x1b\xe9\xa5\x12\xd7\x9d\xd4\xb9\x0f\xfa.\x1e\xea\xea\xea\xfa\xe2\xc9\x93\'\xa7Nuu\xcd\\\x1c?\x7fi\x8a\xa8\x04&amp;UXF\xcf\x89\x88\xdc\xa5\xf3\x08y\x851\xf10\x97\x04"\xc3\x10\x19V\xa8\x0efzB\x90j\xae\x04\xb3/\xbd\xd8eT\x0b\xf3\xc9\xe9\xe9\x85\xf9\xf9y`\xd5jOw\x9e\xbf\xfeO\x9a&amp;2\x03\x12\xf8I\x8e\xa8j8\xeb`%8%^\xe7\x9a\x99\xfcu\xd7\x85S\xa7&gt;\xfa\xe8\xd6\xadIP\xdd.\x03\xaa\x83\xa8\xc2\x910\x0c\xc5q\n^\x18\x9a\xe0\xe0\xf0\x14\xf1&lt;\xcd\xa4\xc4\xa0\xc8\xfd!\xd7f\xa6\xc7(\x11U]\xabY \xcd\xef\xd7\xecl\xb5Z\xad=\x7f\r{ep~\xa3\xb6\xe1\xd2\xb9p$KK\x92\xe4RpD\xb1\x88\xeb\xf4\xf8\xcc\xe4d\xe7\x85S\x1f\xdd\xfa\xe3_f\xc6O_.\x93\xad\x04&amp;\x15+\xc8\x85\xd0\x83\xdd5\x8d\x06\x10`\x80\xa3\xf7B\x06m\x16PQd\x85\xd8!A\xf4\x85&lt;t\xeb\xc0\xa8v\x98\xab\x92\xc9\xe9\xe4\xfc\xe3\xf9$\xa0@\x08\xaa\xeal\xed\xf9O\x0f\xd2\xb6-Gr2\x87&lt;\xe4\xe8\xd2U\xceu\x17\x8eN\x16qM\x9c\x1e_\x9d\xbc\x8e\x82\xaf\x1e\r\xd0\x12\xb4mE\x01\x15\xe7@\xc9D\xc5A+\x8df\x10H\xc4E\xfeb2\x19\x12/9\x1b\x88\x98P\x1eF\xb5\xfeOFU\xad\x12\x17C\x9a_\x98\x9ev\xb0\xc0\xb5\xfbb\xe9N\xde\xa6\x06r*2B\x89)\x18F\xa8\xc6Q)\xa4W:51\xf0huf\xe6b[\xf0\xd8\xc0\xe5a,T\xdc\xf3\n\xc0\xe2\x12\x8c?\xc1%\x9cOF\xd0S\xefx\xe5=\xacz\xb1\xf4bT!Ofn.]`Za\x00\xab\xb3\xb3\x1b\xb3$\xda\x02\xa3\x9a\xae\xe2%Y}L\\\x85\x15\x045\r\x93\xaa\t\xb1xE\xe6\xf6+B\\\xf9\xf4\xf0\xa5G\xab\x83}\xc7\x0eO\x0c\x97\xad&lt;V\x9dBM\xe38bJ$\xb0\xa0Uj\xa3\xcak\x1a\xbd\x08\x14\x10d-\x91LFR\x91\xbf\x0cv\xf24\x1d\xb5\xd2\xa9\x97DU%\x0c\xa4U\xad6\x9bt\xa0\xa8\x96i&amp;7(\xc2\x1e\xe0\xe6\x02[Z\x96c\x1a\x16lLQ\x08\t?\x11\x86V\xe2v\xc5\xb6\x86/\x9f?\x7f\xe3\xf0X\xca\xb2\xe2\x08\x04\xc5\x85N\xb0RYi\x9a\x8b\x05\xc1(N\x91\xabR\x07\xa3\xa3p .L#\xe3\xf2\xa0\x85\x0f\x9e\xed\xa2\x83\x0b\xcb\xcb\x90fvccc\x1e\x06\x03\x90\x835\xbd\xbc\xbc\xfcx\xa3V\xdby\xf6\xa0\xb0\xb2EI\xcai[8\\\xe2\xfb\xc6\\.\'$\xe3\xd6\xe2\xf0\xd4T\x19\x9b\x19\xa6\x824\xcc\xe6\n\xd1\xd4\xb1\xd0@\x15\x87#\xfc\xe5\x0c"R+\xea\xd8\x8c`\xdcx\x08\xf9\x89\xcb3\x87h\xd8\xab\xa1q\x8f\x81\x05\xbbo\xd4\xb9\x16\xa6I\xb3\x05\x07k\xa3\xf6t\xf7\x19\x1aY\x89i18\x8b.\x95\x8e8\xac/\xb8o\x08s\xe8K\xdc\xb6\xe84\x94\xb7u\xc5\x15I\xc5\xa7\xa9\xefJ\xa3"G\x01\xcb`\x01\x8a\x93M\x94\xa7\x87\x93BN\x89\x12u\x11\\\x9e\x0e\xecAF\x05\xac\xe5\x85\xe4\xffj.c\x14\x84\x81 \x8a\x16++i\xb4\xd9f\x1b\xb1\xd3\xce\xc2\xcaK\x89\x87H\x99&amp;\x95\xb1\xf2\n\x1e!u\x10\x04\x0f \xdeA\x10\x04\x05\xdf\xff\xaeKH \x04\xe6e\xe6\xef\x9f\xd9k\xc1B]\xad\xaf\x93V/\xb0\xe7\x07.\xa9&amp;\xe6\xc4Pi.b\xa5,,b\xc6\xb5\xfa\xe7V\xb2\xc2E\xecjZ\xdaz|U\xa8\xcc\xd5\xa0u\xfc\x00)\xcd]\xc1\xca\xb5\xc3T\xc7vzi\xebp|\xdc\xeb\x0bT\x02h\x15_\x1bQXP\x81\xf5\xe7\xea\xaf\xc3\xf0a\xa6\x00,\x84\xa4\xd4\x0b\x8b\x93\x1fj\xa6\x90\x8b\xc94\xeaD\xaacV\xb4\xd4S\xa2\xc7\xa8\xed \xef\xc4\x9f\xa4\xfc+\x9f2\xb5\xa9\x9aM\xd7\xa99\xaf\x8c\x85}\xd9\xbfJc\xfca\xbd\xeb=a\xcd\xc1SL\xf4\x9f\xd6N\xe1\xf7J\xa3\xb8\xea\xdb\xf0Ba\xbbm\xcc\x01\x94\x94\x99p\x90Yh\xd40\x97\xd3\xd5y\xee\x86\x12KZ\xb2u\x13\xc9\xae\xe0\x85\x05W\x03\x94F;\x8d,\xdd\xc8\xa5\xe4\x16\x18\xce\xcb\xf2\x9c3\xfb\x02\x15\x93\xac\x96qe\x079\x00\x00\x00\x00IEND\xaeB`\x82'</t>
        </is>
      </c>
      <c r="M569" s="3" t="n">
        <v>45492.67612268519</v>
      </c>
    </row>
    <row r="570">
      <c r="A570" t="n">
        <v>1645851</v>
      </c>
      <c r="B570" t="n">
        <v>7314</v>
      </c>
      <c r="C570" t="inlineStr">
        <is>
          <t>Luiz Gustavo</t>
        </is>
      </c>
      <c r="D570" t="inlineStr">
        <is>
          <t>L. Gustavo</t>
        </is>
      </c>
      <c r="E570" t="inlineStr">
        <is>
          <t>ZAG</t>
        </is>
      </c>
      <c r="F570" t="inlineStr">
        <is>
          <t>ZAG</t>
        </is>
      </c>
      <c r="G570" t="inlineStr">
        <is>
          <t>ZAG</t>
        </is>
      </c>
      <c r="H570" t="n">
        <v>193</v>
      </c>
      <c r="I570" t="n">
        <v>15</v>
      </c>
      <c r="J570" s="2" t="n">
        <v>37770</v>
      </c>
      <c r="K570" t="inlineStr"/>
      <c r="L570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8\x17\xfe\n\x1b\xff\x00\x07\x0b\xfe\xc6\x7f\xb1&amp;\x8d\xe2/\nx&gt;\xeeo\x1c\xfcI\xd0\xb5I4\xd9\xbc\x11\x1cS\xe9\xff\x00g\xb8E\xcb&lt;\xf3\xcd\x0e\x16 \x08!\x90&gt;\xfc\xfc\xb9\xe4\x80\x0f\xbe\xab\xf9+\xf8\xd5\xff\x00\x07\x12\xff\x00\xc1Q&gt;3x\x9a\xe3\xc4\x1aw\xed\x1f\xaaxb\xcdo\xb7\xd8\xe9\xfe\x1ee\x8a8~m\xd8W\xdb\x96\xea9*\x14\x80\xa0`\x12*y\x80\xfe\xb5+\xf8\xf3\x9f\xfe\x0bW\xff\x00\x059\xd4\xfcI\x0f\x8b$\xfd\xb5|v/\xad\xd4\xcd\xba\x1dq\xd66\x1c\x91\xba4\n\xbc\xfam*\x08\x00\x8cQ\xcc\x07\xf6\x19_\xcd\x8f\xec\xb9\xff\x00\x07_\xfe\xdd_\x0c\xfcG\xe1\xcd\'\xf6\x87\xb9\xd0|u\xe1\xd6\xd4#mj\xe6}\x05m\xb5/\xb1\x97UuF\xb7*\x9ef7\x15fS\xc8m\xc0\x8c`\xe6@\x7fI\xd5\xe5\xbf\xb1\xef\xed\x93\xf0\x13\xf6\xe8\xf8-c\xf1\xdb\xf6y\xf1o\xf6\xa6\x8ft\xe6+\x88f\x8f\xcb\xb9\xb0\xb8\x00\x16\x82x\xcf(\xe0\x10{\x86\x042\x92\x085@z\x95\x14\x00Q@\x05\x14\x00Q@\x05\x14\x00Q@\x05\x14\x00Q@\x05\x14\x00Q@\x05\x14\x00Q@\x05\x14\x01\xf1\x8f\xfc\x16\xf7\xfe\nx?\xe0\x99\xff\x00\xb2\xcc~"\xf0\x9e\x8e\xba\x87\x8d\xbcgq&gt;\x97\xe1H\xe6\x90\xacVl"--\xec\x84rD@\xae\x14\x10Y\xd9{\x03_\x9b\x7f\xf0u\xbf\x8co\xfc{\xfbt|)\xf8-\x0c\x0c\xf6\xfe\x1e\xf0K_\xed\xf3\x01V\x96\xf6\xf4\xa1\x059\'\xe4\xb5\x1d\x88\xe8\x7f\x86\xb1\xadZ4`\xe4\xcd\xa8\xd1\x95i\xa8\xa6~E\xcb\xe0_\x8c?\x19\xfc[|\xf6\xdam\xe5\xd5\xf6\xa71\xbc\xd55\x8dBg\xdc\xcc\xce]\x99\x89\xe4\x92M~\x88h\xff\x00\r|7\xe0\xbd\x06\xce\xc3D\xd3#\x8e\xe3\xcbU\x95\xa4\xfe&amp;\xaf\x8f\xc5q\ryTq\xa5\x13\xecp&lt;7\x84\xe5\xe7\xab#\xe2\xbd\x03\xf6\x07\xbf\xfb;^j\xbe0\x93\xce\x91\x95\xe5\x85mUWw\xf7W\xfd\x9a\xfb\xaa\xf3\xe1n\xa5u\n\xde\\\xd9\xaa\xae\xdf\xbd\x1bmZ\xf2e\x9e\xe6O\xa9\xed\xc3\x87\xf2\xce\xc7\xc2\xfa\xd7\xec*\x97\x10\xff\x00\xa0\\\xf9,\xab\xf7\x97o\xde\xaf\xb5\xb5o\x85\xb7\x8dg%\xfa$0\xc3\x1f\xde\x9aF\xda\xb5\xa5&lt;\xeb\x1e\xfa\x84\xf2\x1c\xb1t?=|U\xfb(\xfcH\xf0\x8e\x9e\xe8\x8f\xf6\xb5U\xff\x00Y\x1c_.\xdf\xf6\xb7n\xff\x00\xbe\xab\xed\xfd\x0eo\r\xdek\xdf\xd8?\xdbvwL\xdb\xa3UVV\xf9\xbe\xef\xf7\xbf\xbb]\xf43\xacb\x97\xefO*\xb6G\x81\xf6m\xd25?\xe0\xd8\x0f\xdb\xaf\xe2\'\xec\xf3\xfbxi\xff\x00\xb3\x1e\xb5\x7f \xf0\x8f\xc4\x88F\x9d\xa8i\xce\xbf,:\x8ca\xcd\xb4\xcaq\xc9\xcb2|\xbc\x15\x7f@1\xf2\xfcW\xda\xbf\xec\x81\xfbj\xe8\x7f\x16\xb4\x8d.h_\xc2\xfe/\xb0\xd6#\x8b\xf8f\x8e;\x85\x94\x01\xf5\\\x8f\xc6\xbe\xa3\x05\x8a\x85x\xdd\x1f!\x8a\xc1\xcb\x0f6\x8f\xec&amp;\xa9xo]\xb0\xf1O\x87\xac&lt;M\xa5K\xe6Z\xea6Q][8\xfe(\xe4@\xea\x7f"+\xd18K\xb4P\x01E\x00\x14P\x01E\x00\x14P\x01E\x00\x14P\x01E\x00\x14P\x01E\x00\x14P\x01E\x00~\x0e\xff\x00\xc1h\xbe\x13^\xfcS\xff\x00\x82\xdf-\x86\xa9}\'\xd8\xec\xfe\x1e\xe9\x17\xd1$\x9f0\x11\xc5\xe7e\x07\xf7U\xa4\'\xf1\xdf^\xb1\xff\x00\x05Y\xb9\xd0\xfca\xff\x00\x05`\xb3\xf1\x87\x81\'k\xe5\xd2~\x16M\xa0\xeb\x97QF|\x9bmF+\x89$\x10o\x1d_e\xc0\xc8\xea\n\xe0r\r|\xeey\x8a\x8d8r\xa9+\xfe\'\xd1d\xb8Z\x92\xf7\xdc\x1d\xbb\xf4&gt;B\xfd\xa04\x9f\xd9\xef\xe1\x9f\x87n\xbcC\xfb@\xf8\xee\xfa\xfa\xfe\xe1ZU\xd1mo\xe6\x89\x96\x15\xf9\xbeX\xad\xbeo-U\x7f\x8b\xe5\xfe\xf7\xf7\xa9\xff\x00\x1f\xbe\t\xcf\xaa\xcdyw\xad\xe8\x9a;\x9dIvjZ\x84\xdak5\xcc\xd1\xff\x00w\xccf\xdb\xb7\xfe\x03\xfcU\xf1\xb8\\M\'Q\xf3\xb7\xf2&gt;\xbaX,UH\xaff\xd2\xf5#\xfd\x9f\xfe(|\n\xd7\xbe\x1d\xea\x13|(}r\xcd6\xff\x00\xa3\xe9\xfa\x85\xe4\x92G\xb7n\xe5h\xd6o\xba\xbb[\xf8\x7f\xd9\xad\xef\x81\x7f\xb3\x8e\x9b\xe1\xdd\x16\xde\x1f\n\xe9V\xf6\xab\xf6vF\xba\x9a-\xb1\xab\x7fu\x99\xbf\x8b\xee\xfd\xd5\xfb\xb58\x89\xfb_\x80\xee\xc2aeG\xf8\x87\x0b\xe3\x0f\x8b\x9f\r&amp;\xf8?y\xa9|Q\xf0\xdc\xda\xa7\xd9e\xdc\xbaM\xc5\xc3$w\x1b[\xef6\xdd\xbb\xbf\xbd]\xd7\x89\xbfg\x1b\x9dK\xc3\xebg\xaa\xfd\x96\xe9\x9a\xe9\xbf\xd0\xe1\x95|\xc8\xe3\xfe)6\xb2\xfc\xdf\xee\xee\xff\x00\xec\x9e\x1f\xf7\x7f\xc44\xc4a\xe3S\xe0&lt;W\xe0o\xed\x05\xfb1\xf8\x83\xc4\x17^\x1e\xd5\x7fg\xb5\xd0\xed\xadn\x16\x08\xb5m6\xce6\x8e9\xbe]\xad\xfb\x9f\xde/\xde\xff\x00Y\xf7\x7f\xda\xae\x8b\xe1\xbf\xc2\x1b\xfd\x07\xc4\xd7:?\x83/\xf5+\x05[\x8d\xb7\x166\xb7\r\x1cl\xbf\xde\xda\xdb\xb7-t\xe21\x18n_\xdd\x9c\x14\xf2\xfa\xf0\x974\xe5r?\xf8(O\xc2?\x0f\xcf\xf0\x97K\xf1\xee\x9f\xe5\xc9uku\xf6\x0f\xb67\xfc\xb4\x86H\xe4e\xdc\xdf\xc5\xb7o\xcb\xfe\xf3W\xae|p\xfd\x9f5_\x88\xdf\x05\xd7\xe1w\xdb\xe4\xb7\x92\xebT\xb5\x9e+\x8b\xa5\xdd\xe5\xedo\x9b\xff\x00\x1d\xddZ\xe5\x99\x87\xb2\x97\xbcy\xf9\x96\x0eX\xbfv\x11\xb9\xfbY\xff\x00\x04\xd6\xf1\x86\xa7\xe3\xef\xf8\'\xef\xc1\x9f\x17\xebW\x0f5\xdd\xef\xc3}%\xaee\x93\xef;\x8bTRO\xe2+\xc1?\xe0\x8b\x7f\xb4F\xa5{\xf0\xde\xc3\xf69\xd75[\rPx\x0f\xc1\xb6gD\xd6,m\x9a\xdd\xa7\xb6\x8c\x88]$\x8d\x89\xe4\x12\x847\xf1e\xb3\xca\xd7\xdb\xe0s,6&gt;?\xbbz\xad\xd1\xf2\x19\x96S\x8c\xcb\x9a\x95X\xd9Kf}\xd3Ez\x07\x96\x14P\x01E\x00\x14P\x01E\x00\x14P\x01E\x00\x14P\x01E\x00\x14P\x01E\x00\x14P\x07\xe2g\xc4\xbf\x10h\xb3~\xd9\x1f\x12|\'k\xac\xcd%\xd5\x8f\x8f5k\x9b\xbb{\x88\xdb\xcb\x93}\xcc\xee\xbe_\xfbJ\t\xdc\xdf\xf0\x1f\xe1\xaf\xd0\x1f\xda\x13\xfe\ty\xa2\xfcW\xf8\xa3\xaa|P\xf0O\xc4y4\x13\xabK\xf6\xbb\xed\'\xec&gt;d2]\xe7q\x94\x10\xeaAs\x9c\xe7 \x16\'\x07\xa5|.i\x90\xe3\xabbe:1M6\xde\xff\x00\xe6}\xf6\x17\x882\xef\xec\xdatjI\xa9E%\xb7oC\xf3+\xe3\'\x88\xec\xf5M{A\xd1\xf5\xa9\xa1\xb3\xd2\x99\xa6\xb8\xbf\xbc\x99\xb6\xeeX\xda5X\x7f\xe0L\xdf\xf7\xca\xd2~\xd3?\x06\xf4\x9f\x89:\r\xe7\xc2\xbf\x15[+\x18u\x15\xca\xca\x99Vh&amp;\x0cc?\xec\xb1M\xb5\xf3q\x84\xa8K\x96\xb6\x87\xb9G\x11\xed0\xcb\x93S\x0bO\xf1\xc5\xcf\xc5MI\xd3\xe1F\x89o\xabGf\xdeRMcg%\xe2\xac\xdf\xdd\xdd\x1f\xcb\xbb\xe5\xfe\x16\xfe\x1a\xd7\xfd\x9e|7\xf1S\xf6Y\xf0K\xf8K\xe0G\x8f$\xb5\xd0\xe3\xbck\xc8\xb4\xdf)e\xfb&lt;\x9bY|\xbd\xcd\xf3,\x7f37\x96\xad\xb7s3mZ\xf4c\xf59}\xa3z~\xdb\xfe]\xf2\xfc\xdb\xff\x00#\x9c\x93\xe1\xcf\xedQq&lt;\x97\xfa\xdf\x80\xf5\x8b{\x7f7lL\xbe\x17f\x92FY6\xed]\xcd\xbb\xe5f\xae\xa7\\\xf8\x8b\xfbB|T\xb8h|y\xf1\xbfX\xb2\x86\xdfs,zm\xff\x00\xd9UY\xbef\xff\x00W\xb5\x9b\xe6\xa7/\xa9\xc7\xed\x17/\xac\xfd\xbe_\x93\x7f\xe4x\xbe\x8f\xf1c\xc2\x9a\xa7\xc5\xabo\x0fh\x9a\xf6\xdf\x19ir\xaf\xf6\x96\x9f\xf6y#i!\xf9Y\x96H\xdb\xfd\x997+\x7f\xf1M]\x9f\x81~\nx\x0fA\xf1e\xbf\x88|9a\xf3\xd9\xdcM?\xda\x1b\xfde\xc5\xc4\x9f+M#\x7f\x13W-j\x98~[@\x87V\xa44G\xab\xf8\xa2\xf95\xaf\x0c\xc8\x97\xe8\xce\xd3y\x89\x14p\xcb\xe5I#4l\xaa\xaa\xdb\x97k}\xdf\x9bu}G\xff\x00\x04\xe2\xfd\x99\xbe\x15\xfe\xd0\x97&gt;%\xb6\xf8\xb1\xe1\xcf\xed\x0b}&amp;\x0bsg\x1f\x9c\xe8RG.7\xe5O?(a\x8e\x98\'\x8a\xe8\xcbr|Na\xcd(4\x92\xeeyX\xbc\xdf\r\x96\xc9{X\xb6\xdfc\x03\xfe\x085\xf0\xa3\xe2\x95\xff\x00\xc6\x0f\x1b|o\xf8\x91\xb3n\x9b\xa46\x85g\xe5\xca&amp;\x1be\x9e)UL\xa3\x89\x1c,\x1b\x8e\t\xc0\x959\xe7\x03\xf4\x83\xe1g\xc2_\x87_\x04\xfc\x1do\xe0\x1f\x85\xde\x14\xb5\xd1\xf4\x9bl\x98\xedmW\xab\x1e\xae\xc4\xf2\xcc{\x92I\xaf\xb4\xc9\xf2\x9f\xec\xd8\xb7)]\xb3\xe5\xf3\xde y\xb4aJ\x11\xe5\x84u\xf3l\xe8\xa8\xafh\xf9\xb0\xa2\x80\n(\x00\xa2\x80\n(\x00\xa2\x80\n(\x00\xa2\x80\n(\x00\xa2\x80\n(\x00\xa2\x80\nl\x92$H\xd2\xca\xea\xaa\xab\x96f8\x00z\xd0\x07\xe2\xff\x00\xedM\x7fo\xa2\xfc{\xf1\xa2\xf9\x0c\xd6\xf0\xf8\xb2\xfa9&lt;\xa4\xdc\xcb\xb6\xe5\x8de\xfcr\xd5\xb4\xef\x12~\xd1\xde&gt;\xd4\xb4\xdb\xe8\xeel\xef&lt;Y\xa8Imq\x1b\x86\x8eTi\x98\xa9\x04pF\xda\xfc\xbb4\xa9\x18\xe3\xaa\xdb\xbb?J\xcba\xfe\xc5J\xfd\x91\xca\xff\x00\xc2a\xf0\xea\x16}Bo\x124~e\xbb/\x92\xb2\xaa\xeeo\xf6\xab\x0f\xc4_\x0b\xf4\xaf\x10]\x1bi\xac#\x95\x99~]\xd5\xe7sP=\x0eiGc6o\x1b|+\xb6\xbe\x7f\xb7\xdc\xc7"\xc9\xf2\xb2\xc7.\xe6\xdbU\xe1\xf8;\x0e\x93}$)\xe1\xe5\xdc\xbfuUv\xb7\xcbG5\x02\xf9\xabH\xe8\xf4\x9f\x14\xd9\xea\x1eU\x87\x82t\xa9\x12=\xbf\xf1\xf5t\xbbUW\xfd\x9f\xefRip\xbd\x9a\xb5\xb4h\xa8U~\xea\xd5FQ\x8dM\x0c\xaaS\xe6\x81\xfa\x01\xff\x00\x04[\xd4~\xd1\xaax\xfe\xccM\xbf\xca\xb7\xd3\xcb6\xee\xacZz\xf2\x7f\xf8%\x9f\xedU\xf03\xf6m\xf1\xef\x88\xf4\xcf\x8e\xbf\x11\xb4\xdf\x0b\xdb\xf8\x9eK\x1b-&amp;\xfbV\x9b\xcb\x82k\xc2\xef\xb2#!\x1bP\xb6\xe2\x06\xe2\x00\xc0\x04\x8d\xca+\xec8V\xa4[\xa9\x16\xfb\x1f+\xc4\xd4d\xa3JIi\xaf\xe8~\xa6P\xac\x19w)\xc8&lt;\x82;\xd7\xd8\x1f"\x14P\x01E\x00\x14P\x01E\x00\x14P\x01E\x00\x14P\x01E\x00\x15\x0e\xa3\xa9i\xfa=\x84\xda\xae\xad\x7f\r\xad\xad\xbcfK\x8b\x8b\x89\x02G\x12\x01\x92\xcc\xc7\x80\x00\xeehI\xb7d\x04\xd5\xf07\xed\x99\xff\x00\x05\xe3\xf8\x13\xf0VK\xcf\x05~\xce\xba|^:\xf1\x04;\xa3}M\xa4h\xf4\xbbg\x19\x1f||\xd7\x188\xfb\x98C\xfd\xfa\xfa\x0c\x0f\x0b\xf1\x06cgG\x0f+wk\x95}\xee\xc7\x1dl\xc3\x07C\xe3\x9a\xfc\xff\x00#\xef=GR\xd3\xf4{\t\xb5MZ\xfe\x1b[[x\xcb\xcfqq(H\xe3Q\xd5\x99\x89\x00\x01\xeak\xf9\xad\xfd\xb2?\xe0\xa2_\xb5O\xed\x89\x7f-\xa7\xc5\xdf\x8aW\x92h\xec\xdb\xa2\xf0\xe6\x9a\xdfe\xd3\xa2\\\xe4~\xe5N% \x12\x01\x93\'\xa6s_U\x83\xf0\xc76\xa8\xd7\xd6j\xc6\x0b\xca\xf2\x7f\xa2\xfcN\x1a\x99\xe6\x1e?\no\xf0?^?k\xef\xf8/\x7f\xecI\xfb5\xda\xdd\xe8\x7f\x0e\xfc@\xdf\x12\xbcM\x0e\xe5];\xc32\xff\x00\xa1D\xe3\xfez\xde\x90c\xc0\xcf&gt;P\x94\x83\xc1\x00\xd7\xf3\xff\x00qbdV\xcb\xae\xd6\xaf\xa9\xc2\xf8g\x94\xd1\xb3\xab9T\xf2\xf8W\xe1\xaf\xe2q\xcf;\xc4K\xe0\x8d\x8f\xb8\xbfl\xcf\xf8.o\xed\x8f\xfbO\xfc\x0b\xf1f\x93\xe1k\xcd?\xc1:=\xc7\x87/\x96m?\xc3\x8aL\xf2+D\xfbC\\&gt;d\xe0/T1\xe7\'+\x81_\x18\xe8\x8a\x9azy7\x9b~\xcdq\xf2J\xdbw,m\xfe\xd2\xff\x00\x12\xb2\xb6\xd6_\xf7\xab\xe8\xe3\xc1\x99\x1d&lt;\x14\xe3C\x0f\x156\xb4m6\xfe\xf6\xd9\xcb\x1c\xcb\x15\xf5\xa59O\xdd\xec}a\xfb,x\xbe\x0f\x88\x1f\x02\xfc7\xe2\x85r\xd2\xddh\xb6rI\'R_\xc9Z\xf3\x7f\xd8\xf7X\xb0\xf8s\xe1\xb6\xf855\xfe\xc5\xb3\xf3\x1f\xc3\x924\xbb\xbe\xd5f\xcd\xbb\xcb\xff\x00\xae\x90\xfd\xdf\xf6\x97k\x7f{o\xf1\xef\x1ap~m\x90c\xaaN\xad7\x18\xc9\xfcI\x1f\xb6dy\xd6\x070\xc2\xc6\x9d){\xc8\xfa2\x1b\xc8f\xb8W{\x96F\x8dYY\x97\xe6\xae\x1aK\xedJ9\x19\xed\xa6d\x1fyv\xfd\xda\xfc\xfeR&gt;\x824\xe4u\xfa\x96\xbd\xac\xb4\xd2iI\xb5\xfc\xe5\xd8\xd7_\xc4\xab\xfd\xdd\xb5\xc0\xc9\xe3MV\xdedI\xaecWf\xd9\xe6\x7f\x15\x11\x91\xa2\xa7#\xb5\xb5\x86\x19\xa4dO\xf7\x9b\xcc\xfb\xd5\xcd\xd8_j\xd7K\xbd\xe6\xda\xbf\xdeo\xe2\xad\xa19J\xa6\xf6k\xa1\x9f-NnH\xeex\xb7\xfc\x14[Te\xf8\x17\xa9iv*\xed5\xd5\xc4P\xdb*\xe7s\\&lt;\xb8\x88\x029\x049Z\xc8\xfd\xa2&lt;Ea\xf1\x13\xe2\x9cz:M\xbfA\xf0m\xc2\xdd^\\\x7f\r\xe6\xa8\xcb\xfb\xb8\xd7\xfd\x98U\x99\xbf\xeb\xa3G\xfd\xd6\xaf\xd7\xbc8\xe0\x9c\xdb;\xc7\xac[\x8f-\x14\xd5\xd9\xf1\xbcQ\x9e\xe0pt\xdd\x08\xff\x00\x10\xfb\x03\xf6\\\xff\x00\x82\xf8~\xd2_\xb3\x07\x874\xdf\x87\xbf\x13t\x0b\x1f\x88\x1a\x16\x9b\nA\x0f\xdb\xae\x1a\xde\xfe8\xd5q\xb5n\x15J\x9d\xb8\xe8\xe8\xc7\x1cd\x0cW\xc0\x97\x16\xf3k\x13=\xfc\xc9\xb5Y\xb6\xc4\xad\xfd\xda\xfe\x9d\xc5\xf0_\r\xe2 \xb9\xe8\xab\xdbx\xdd?\xbdX\xfc\x8e9\xa6.\x9c\xbe#\xfa\x10\xfd\x95\xbf\xe0\xb6\xbf\xb0\xa7\xed?%\xae\x82\xfe?\x93\xc1&gt; \xb9\xe0h\xde2Aj\xac\xde\x91\xdc\xe4\xc2\xc0\xf6\xcb+\x1f\xee\x8c\x81_\xcfji\xad\x0b\x00Wn\xc7\xce}+\xe61\x1e\x18\xe5\xb5\xae\xe8\xd4\x9c=m/\xc3G\xf8\x9dp\xcf*G\xe2I\x9f\xd6T3Cq\x12\xcfo*\xc9\x1b\xae\xe4tl\x86\x1e\xa0\xd7\xf3\x9b\xfb\x1e\x7f\xc1P\xbfk\x9f\xd8\xf2k}/\xc0\xdf\x11f\xd4\xfc=\x0c\x99\x93\xc3Z\xeb5\xcd\x9e\t$\xaa\x86%\xa2\xces\xf22\x9c\xe3\x96\xe4W\xcb\xe3&lt;5\xce(\xdd\xe1\xe7\x1a\x8b\xe7\x17\xf7;\xaf\xc4\xed\xa7\x9ea\xa5\xa5D\xe3\xf8\x9f\xd1\xa5|{\xfb\x19\xff\x00\xc1h?e\xcf\xda\x91-|3\xe3\x1dE&lt;\x0b\xe2\xa9\x9b\xcb\x1af\xb5t\xa6\xd6\xe1\xf9\xc0\x86\xe7\x859\x18\xf9_a\xc9\xc0\xc9\xaf\x91\xc6\xe49\xce_\x7foBK\xce\xd7_z\xba=\x1a8\xcc-o\x82i\x9faR#\xac\x88$\x8d\x83+\x0c\xab/B+\xc7:E\xa2\x80\n(\x00\xa2\x80\n\xf3\x8f\xda\x9f\xe2\x84\x1f\x0b\xbe\x12]\xdfy\xef\x1d\xc6\xa72i\xf6\xf2G0\x8d\xa3\xf3\x0e$\x901\x07iX\xf7\xb0b\x08\x04\n\xd2\x959V\xa8\xa0\xba\x99\xd4\xa9\x1aq\xe6g\xe6\xb7\xfc\x16\x07\xf6\xef\xd7\xfe3\xf8\xcbP\xfd\x9e&gt;\x1ak\xad\x0f\x83\xf4\x1b\x83\x06\xa9%\xa4\xac?\xb5\xaf\x14\xfc\xc5\x88\xfb\xd1\xc6\xc0\xaa\xaf \xb0\xdc\x7f\x87\x1f"\xfcg\x83M\xf0W\xc4\x89\xbc7k{$\x91\xfd\x9e)\xa6I\x9ft\x96\xef:y\xa6\x06o\xe2dVEf\xf9~m\xd5\xfd\x17\xc1\xbc=\x93\xe0\xf0j\xb6\x1e\x1c\xf5-\xac\x9e\xff\x00.\xcb\xd0\xf8\x8c\xcb0\xc5b&amp;\xe3-#\xd8\xf0\xdf\x16\xab\xc3|\xf0\xa2m\xf9\xbf\x86\xb7&lt;y\xa7\xc2\xb1\xbe\xa1\x0e\xdd\xdb\xbe]\xdf\xc5\xfc[\x7f\xf1\xda\xfb\xb8\xc6&gt;\xce\xd1\xd1\x9c\x11\x8e\x9e\xe9\xe7wV\xfbf\xb8\x9a\xf1\xf6%\xba\xef\x97w\xcbR\xf8\xa2=c\xc5\x9a\x8e\x9f\xa3\xf8{J\x92\xe6\xff\x00\xc4\x97V\xf1Z\xd8\xdb\xae\xe9&amp;\x91\x9bj\xc6\xab\xfcL\xd2m_\xf8\x15c^P\xa4m\x08\xd8\xa9if\xfa\xc4\xd0\xc3l\x9bf\x99\xbf\xd5\xff\x00v\xbao\r\xf8N\xf3\xc1\xfe*\xd44\x1d{\xcb{\xed6V\x82\xfe\x1by&lt;\xc5\x8eE\xf9|\xbf5~V\xff\x00\x80\xb5\x14%\x1a\x81)\x19shw3_]XY\xc2\xcc\xbfhe\xda\xdf\xf3\xcdk\xb4\xb3\x85!\xd4.\x11aU\xdd\x12\xfc\xab\xf7w}\xea\xd3\xdd^I\x99\xaa\x92\x8cye\x13\x8a\x92\xd7^\xd3laK\xfbk\x84\xb7[\xa6\xfb\x1d\xf2\xab.\xd9#\xda\xcd\xe5\xb7\xf7\x97\xcc_\xfb\xe9\x7f\xbd_B\xf8OK\xd2\xbc]\xfb(\xf8\xcbG\xd4\xac\xd5\xdfE\xd5\xa1\xbd\xb7\x99W\xf7\x90\xf9\xd2Y\xac\x8d\x1f\xf7\x7fwm-|\xfea,\x15[\xe1q\xd4\xf9\xe9\xb3\xab\x07[\x11\x87\x975)X\xc1\xf8\x17\xf1\x82\xe7\xc4\n\x9e\x1b\xf1\x84\xd1\xcd=\xba\xb2\xad\xd2\xfc\xad4\x7f\xed/\xf7\x96\xa4\xfd\xae\xff\x00b\x8f\x8b_\xb1\xb7\x8b\xa1}y$\xbf\xf0\xde\xa0\xdeo\x86\xbcab\x8c\xb0^G\xb7r\xab\x7f\xcf\x19\xb6\xfd\xe8\xdb\xfd\xe5\xdc\xbf5~3\x9c\xf8M\xc2|IQ\xcf(\xaf\xec\xa5\xfc\xad\xe9\x7f\xcc\xfb\xac\xb7\x8es,\rE\x1ce.u\xdc\xee$_\n\xc93\xdc\xdbn\x91\xd7\xf8V\xbc\x17\xc3\xbf\x15&lt;m\xa6\xf9\xce\xb3\xc2\xeb"\xed\x8ak\x85\xdd"\xb7\xf7\xb6\xff\x00\xf1U\xf9\xa4\xfc\x0b\xe2\xe8\xe3\xb9)\xf2r\xff\x005\xf4\xff\x003\xed?\xe2 d\xbe\xcb\x9a\xf6}\x8e\xaf\xe2\xe7\xc5\xcf\x12X\xdd\x7f\xc2=\xe1\xebe\xb3M\xbb\x99\x99~m\xb5w\xf6h\xfd\x96\xbe6~\xd9?\x13\x7f\xe1\x13\xf8{\xa5Mr\xcd*\xcb\xac\xeb\xd7\xdb\xbe\xcfc\x1b7\xfa\xc9d\xff\x00\xd0c_\x99\xb6\xedU\xaf\xd1\xf2_\x08xo\x87\xe3\n\xf9\xc5nz\x8b\xa5\xec\xbe\xe3\xe4sN&lt;\xcc3\x08\xb8`a\xc8\x8f$\xb7\xf0\xee\xbd\xaf\xdb\xc9s\r\x84\xcdakp\xad&lt;\x8b\xf7VI\x9b\xefI\xfe\xd36\xef\xfcz\xbe\x9b\xf8\x9d\xe0]\x13\xe1\x8f\xec\xdbq\xe0\x9d\x1ee\xbaf\xf8\x91"\xae\xa5\xf6u\x8eK\xc8amR\xd7sm\xfe\x1d\xd6\x91\xb2\xaf\xf0\xee\xaf\xdar\xdcN\x0b\xdd\xa1\x85\x85\xa0\xbc\xac\xbe\xf3\xf3\xdcT\xb1\x12\x9f\xb4\xac\xf9\x99\xf3=\xe6\x934:d\xdf\xbc\x8f\xcc\xb7\x97|\xd0\xee\xf9\x96=\xbf/\xcb\xfd\xdf\xbd\xf3U\xff\x00\x1ai(\xd6_\xda_fg[V\xdbp\xb1\xfd\xef%\xbe\xf6\xdf\xf7~\xf5{\xbc\xb1\x91\xcf\xcds6\xda\xdf\xed\x1a\\\xcf2\xfe\xfa\xdd\x97k\x7f\xe3\xad\xff\x00\x8fm\xaa\x9a\x94\x97:&lt;\t\x0cSI47J\xa9o#m\xf9\xbem\xcb\xf3/\xfbU\x0eQ\xa6Z\x89,*\x9bZ]\xff\x00\xbbj\x8bO\xd3\xf5+[k\xed\x1fU\xb3\x9a\xdeho\xe6\x81\xa3\x99v\xb2\xb2\xb7\xddo\xfb\xea\x959BLR\x8d\x8d\xaf\x0f\xae\xa0\x8d\x0e\xa5i\x1c\x81\x1eLF\xe5x5\xb7\xe1y-\xadu5\xb0\xd5nUm\xec\xe2\xd9\x12\xff\x00\n\xaf\xff\x00d\xdf\xfa\rT\xa3M\x98JG\xe97\xfc\x12?\xfe\n\x1d\xe3\xbf\x87\x9e"\xd2\xfe\x03|d\xf1\x0c\xb7\xde\x15\xd5f[m.\xea\xfe\xe0\xb3\xe936\x02\x05f\xe7\xca$\x80\xcap\xa9\x90W\x03!\xbc#\xf6S\xf8\x15\xe2\x1f\x16[C\xf1#\xc4\x9e\x13\xb8O\x0e\xad\x9a\\\xe9\xe2c$q\xdfH\xf3\xf9\x11\xa1h\xd5\x9b\x1b\x94\xeeX\xd5\xa4f\xdb\x1a\xae\xe9\x15\x97\xf2\x1e&gt;\xc4pV\x17\x0c\xd6&amp;p\x8dn\x9c\xbaJ\xff\x00\xde[?\x99\xeb\xe5U\xf3*sJ\x1e\xf4;?\xd3\xb1\xfb\xb5^s\xfb0|J\x9b\xe2\x17\xc3X\xecu\x87_\xed\x8d\x01\xa3\xd3\xf5\x88\xd5\xa48\x90C\x1c\x88\xd9\x91U\xcec\x912YCn\xdd\x90\x085\xf8\xccgN\xa4y\xa0\xee\x9e\xcd\x1fi\t)\xc6\xe8\xf4j*\x8a\n\xa5\xe2M\x7fO\xf0\xaf\x87o\xbcO\xab\xcc\xb1\xda\xe9\xd6r\\\xdcH\xcd\x80\xa8\x8aY\x8f\xe4(I\xc9\xd9\x06\xc7\xc6\x1f\xf0P?\x8a\xf6\x1e$\xf8\xa1\xff\x00\x08]\xde\x9fg\xa8h\xbe\x1f\x9a\xd7K\xbc\x8e{\x83\xe5\xb5\xc5\xdbD\xd7\x91\xca\x80\xe5\xb6ZK\x0c\x8b\xc0\x1cH\xde`\xf2\xf6?\xc5_\x1a~6\xf8\x9bJ\xf8+\xe2\xcf\x8c\xbf\x15\x0c\xcb\xa8\xcd{\xaejw0\xdeFK\xe9\xda\x95\xdc\xf2X\xc7d\xc0\x80\xf1\x18c\xbf\x12\x1c\x92\x1c\x0br\x02/\xde\xfal\xb7%\xa9\x8a\xc7S\xc3F^\xf3\xb5\xff\x003\xe7q\xd8\xceyYl|Q\xf1S\xe2\xd5\xd7\x8f&gt;.k\xde0\xb9E\x8f\xfbb\xfe\xe2\xf7\xcb_\xbb\x1f\xef\x19\xb6\xaf\xfc\x07\xe5\xaf*\xd4\xbc@\xf1\xebq\xcd\xbfw\x96\xcd\xff\x00\x02]\xdf\xe7\xfe\xfa\xaf\xe9\\\xb7\x07G/\xc1*\x14\xfb#\xe7e\xcd7\xa9\xd1\xfcB\xf1\xc5\xfd\xbf\x87\xe6D}\xf2Gn\xce\xab\xfd\xe6VU\xff\x00\xd0Y\xab\x9d\xd7\xbc\xbdB4O9v\xc8\xad\x16\xe6\xfe-\xd1\xb2\xaf\xfe&lt;\xcb[V\xa8\xe9\xe1\xdcdiN\x9cV\xe7\xe97\xec\xc3\xfb\x19\xfc\x16\xf8;\xfb\t\xe9\xbf\xb5\x8f\xc7-:MSX\xf1E\xe6\x8a\xde\x1c\x92\xd5\x97\xcd\xd2\xed\x7f\xb5\xad\xda\xdb\xcam\xcb\xb6I\xa6\xf2\xdaFVV\xf2\x7fv\xac\xbb\x99\x9b\xd8\xbfk\x1f\x05\xc9\xe0\x9f\xf8$\xcf\xc3\x9f\x86\xba\xc242X\xe8\xfe\x11\x8a\xe2\x18\xdbo\x97#_X\xb4\x9f\xf7\xcb3W\xe2\x98\xec\xc3\x19\x9egO\x0f\xedZ\x82\xbd\xb94\x7fz\xf3=\xeaj\x9e\x0e*\xa2\x8c\x7f\xed\xed\x7f\x03\xc8|i\xfb#~\xcfw\x97-\xe3\xcf\x19\xe87\xde\x17\xd2Z\xcduyu/\n\xdf\xee\xb6\xbe\xd3\xda?1[\xca\xbdi\xa4\xb6\x92O\x97o\xfbL\xab\xe4\xeem\xd5\xe1\xdf\xb5\x17\xc7O\x8c\x1e,\xf8\x85\xa9x#\xc5\xdf\x155MWG\xd2\xf4\xdd6\xe1t\xd9.\x19m\xa3\x99\xb4\xfby7yk\xf2\xee\xdc\xcc\xdfw\xf8\xab\xb3#\xe1\x0e.\x86#\xdb\xac\xce^\xc7\xf97\x97\xde\xcfO0\xe2L\x8e\xb6\x05Ae\xf1\xf6\x9f\xcc\xb4\xfc\x0fH\xf1\x07\xec\x0b\xf0\xc6o\t\xdc\xfcl\xf07\xc6\x9dR\xeb\xc3\x17\x1al7\xf6q\xcd\xa0\xc2\xd7\x96\xf6\xac\xcb\xe6M&gt;\xdb\x85VXc\x91Y\xbc\xbf\x99\xbc\x9b\x8d\xaa\xbe_\xcd\xe4\xdf\r\xff\x00j\xcf\x1exw\xe0\xaf\x87\xfe\x17M\xa2[\xdc\xd8\xe8\xbe(mK\xcc\x92\xe1\x95\xaf-Yf\xdd\xa7\xb7\xcb\xfe\xa5\xbe\xd3s\xbb\xfe\xbb\x7f\xb3^\xa4r\x8e=\xa7\x9c]b\xafG\xa5\xed\xccxU1Y\x1dL&amp;\x94\xadT\xf5\xcf\x03\xfc\x1d\xf07\x84~\x1c\xf8\xe7D\xd15\xbf\x10k\x96\x17V\x12E\xabj\xd6\xba]\xacpZ\xf96\xf7\x9bn\xa0\x8eK\xa5\x92\xf66\xb7\x91\xae\xb6\xaa\xab,&gt;[n\xdd&amp;\xda\xa7\xf0\xc7\xe3s\xf8\xff\x00\xc1\xfe:\xd6\xfcM\xe1\x89#\xb7\xd2\xf4\xb5o\xec}\x1fZk[[\xcb8\xedn\xbc\xab9\xd7\xcbf\xdb\x1d\xbcKk\xe6B\xd0\xc8\xd0\xb6\xd6f\xad3*Y\xcd:\xd0\xf6\xd2\xbe\xfb\xda\xe7\x1d\x19S\xf6Z+\x1f\xa3\x9f\x07\xf5\xcf\x83\x9f\xb47\xc2\xddK\xe0\x0f\x89\xac4\xdf\x14G\xe1}/K\xd2|Qkyo\xe6\xd9\xdf3X\xc3"\xcd\x16\xef\xbc\xbeb\xcb\x1a\xb6\xd5e\x92\xdeO\xbb\xb6\xad~\xcd\x9f\x00\xbe\x1d|9\xd1|=\xe3\xff\x00\x06&amp;\xa5ou}\xe1\x08\xe2\xba\x86mK\xcd\x8a\xe1n&amp;mA\xa4\x91v\xaa\xb4\x8b4\xf3\xede\xdb\xf2\xcc\xcb\xb6\xbf)\xcd11\xc3\xe2\x9b\xc3\xceJw&gt;\x8b\x0b\tN\x8f\xefQ\xf1\x1f\xc4o\xf8"\xff\x00\x83.?l\r+\xe1\xef\xc3\xdf\x89\x13i\xbe\x0b\xd5\xb4\xd95[\xfb[\x85\xf3\xaf\xb4\xd8\xd6M\xbfg\x8aF\xdc\xb2y\x9f6\xd9$\xff\x00V\xb1\xb6\xef1\xb6\xee\xfbOK\xba{\xef\xdbr\xf1&gt;\xf2\xda\xf8\x0fo\xfb\xac\xb7\x11\xb7\xfe\xd7\xaf\xa0\xa7\xc5Y\xf5\x1c\x9a\xca\xbc\xb9\x8e_\xa9a\xa5WH\x8f\xd5&gt;\x18\\\xfe\xcb?\x03a\xf0\xf7\xec\xa3\xe1_\x0f\xe9v\x1a\x0c^t\xba^\xa4\x8c\xbfn\xdb\xf7\xa4\x92v\x91wH\xdf\xc4\xcd\xf37\xf7\xbe\xea\xd7\xaax\x81\xb7h\xf7\x9b\xd1p\xb6\xb27\xcd\xfe\xca\xee\xaf\xcfs\nY\x96}Z/\xdbJ5o\xa4\xae\xdb\xf9\x9fM\x96\xe3\xb0\xf9eo~\x8cjG\xac\\W\xe6~a\xf8\xd3\xe0\x97\xc2_\x8a~\x0b\xf0\x8f\xc3\xddK\xc7:\xc7\x82u-[T\xba\x83\xc2\xf6\xfa\xb5\x9a\xea\x11\xeaW\xcd4\x97\x0c\xbed{wG\xe6\\\xf9k&amp;\xd5\xda\xd7\x11\xaf\xef&gt;j\xf1\xdf\xda\x17\xc6\xde0\xbc\xf8w\xf0\xaf\xc6\x17\x9e!\xbe\xb8\xd6#[\xcb\xc4\xd5.\xae\x9aY\xfc\xe5\x8fMh\xe4\xf3\x19\xb7n\xdc\xab\xff\x00|\xd7\xeb\\1\xc3\xfcU\x86\xc3\xcf\xda\xe3\xdc\xea\xd9[D\xd7\xcc\xf1s\xec\xe7!\xc7b\xbf\xd9\xb0j\x8c:\xd9\xbf\xc8\xbd\xf1\x03\xfe\t\xfb\xe3\x9f\x86\xf3y&gt;*\xf8\x8b\xe1\xb8\xd6K[\xab\xaf1\x96\xe9\xa3\x92\xd6\x1f/\xcch\xd9ae\x92O.X\x1b\xec\xeb\xbaM\xb3/\xcb\xb9YWO\xc6\x1f\xb7U\x9f\xc4/\x1f?\x8d\xb5\xcf\x86\x8c\xf6\xdam\xad\x8d\xc7\x86t9\xae\xb7\xdbY\xea\xd6\xfes4\xd2}\xdd\xd0\xb4\x973\xb6\xd5\xf9\x9b\xcb\xb7V\xfb\xb5\xef\xe53\xe3\xe8\xe9\x8fp}\xb9Q\xe0\xe3\xa5\x93\xe9\xf5\x1b\xdb\xfb\xc7\x8f\xf8\x8b\xf6\x1b\xf8\x87\xa4^Am\xf0\xf7\xc6\xda\x0f\x89\xed\xe6\xd56\xdb\xe9\xf66\xf7\xd1\xf9\x8a\xb3*\xc94\x12\xdc\xda\xc3\r\xccq\xb7\xcd\'\x93$\x9eZ\xab7\xddVe\xf4]\x0f\xf6\x82\xf8\x145\x8d\x13\xc3\x0f\xaa\xf8\x9bM\xb8\xbe\xbf\xd3l&lt;\xbb]\x05ZK\x88\xe3\x87\xfb6+ynZ\xfbkm\xb1\xb9\x9e\xddd\x86\xde\x1d\xcd"\xc9"\xb3.\xd6\xef\xc5cx\x86\x97\xf1!u\xe6\x8ci\xaa3\x8e\x96\xbf\x91\xd8\xf8\x9b\xf6\x0b\xb0\xf1\x9f\xec\xdb\xf1\'\xf6\x9c\xd1f\x85\xf5O\x01\xf8\xb7P\xb8\xdbo+I\x06\xad\xa3\xd9\xd9\xda\xac\xbf{\xf8\xa3h\xe5\x99[\xf8\x97v\xef\xbc\xbb~\xcf\xfd\x96|\x0f\xa1|[\xff\x00\x82xx\xcb\xe1\xd7\x84&gt;\xd5\x1a\xf8\x8b\xc3\xfe"\xd1&lt;\xeb\xabU\x82I&amp;\xf2\xe6\xb3Y&lt;\xb5f\xf9~E\xfe/\x9b\xefm_\xbb_\x17\x1e(\xcdp\xb9\xbd:j^\xebz\x9e\xa404\xeb\xd2\xe6G\xe1\xfe\x89\xe2\x0b\xfb\xcdJG\x9am\xce\xd2\xc7\x17\xcd\xfcM\x1c+\xff\x00\xa14\x92V\n\xeaP\xe8\xb76\xf3o\xf9\xa6\x95\x9bk}\xe5\xdd\xbaF\xff\x00\xc7k\xf6*X\x88\xd4\xa3\xedS\xd5\xd8\xf0eO\x96\xab\x89\xf7\x0f\xfc\x13\'\xf6\x97\xf1\x1f\x85\xfca\xe3O\x86\xef\xaa\xdb\xcd\xa5\xc9\xe1\x99\xbe\xc7\xa7\xebW\x93G\xa7\xac\x90\xdcF\xcd$\xbe_\xcc\xbf\xe8\xf1N\xdb\xb6\xb6\xef\xba\xca\xca\xd5\xf3W\xec+\xf1+M\xd0\x7fi\x8d\x15\xfcCy\xe4\xe9\xfe \xd4\xa6\xd15)\x17\xe6\xdb\r\xd5\xac\x96\xac\xdf\xf7\xcc\xec\xdf\xf0\x1a\xfc\xcf\xc4N\x15\xcbx\x83\x03\xf5\x9a\xd4\x94\x9d=\xac\x97^\xf6i\xbf\x9b;\xb0\x98\x89a\xfd\xdag\xecG\xfc\x13W\xf6\xab\xd1\xf4\x8f\xda\xef^\xfd\x9d5\xfb\xd3y\xacx\xa6\x19n\xef\xb5\x08`xm#\xbc\xb7\x8d|\x9b[uv,\xf1\x0bur&amp;\x7f\x9aV\xf9\x8fU\xcf\xcc\xfa/\x88\xa3\xf8;\x07\x83\xbe&lt;\xc1\xf1V\xc7\xc3w\x1e\x17\xd6\xad`\xd7\xed!\xd3|\xcb\xadfk\x02\xa9\xf6R\xca\xe1\x9c"E\n\xb6Q"A0%\xdd\x9a\xbf;\xa5\x83\xcaq8w\x81\xa2\x9ck\xc1]+;=6VM~\'\xa9\x85\xc5\xd6\xa7S\xf7\x9b3\xf6\xaa\xaa\xe8\x9a\xce\x9d\xe2-\x1a\xcf\xc4\x1a=\xd2\xcfg}k\x1d\xc5\xac\xc8r\xb2F\xea\x19X{\x10A\xaf\x97i\xa7f}\x01\xf2\xdf\xfc\x16g\xe3\xae\x89\xf0O\xf6"\xd5\xac\xf5\x9b\xbb\xd8\x97\xc5\xfa\xa5\xa6\x82\xed\xa6\xb2\x8b\x81o,\x9b\xeeL{\xb8\xcf\x91\x1c\xa3\x9e9\xe7\x8a\xf2\x9f\xf8+%\xd7\xc7_\x8a\x1f\x1c|9\xf0\xa3\xe1u\x9f\x87_\xc3\xfa\x0f\x86\xeeo\xbc@\xbe$\xb1\x17\xb0\xdd\xcd4\x91)\x87\xec\xea\x8f)\xdb\x16\xc2\xd2"\x81\x1a\xdcd\xb2\xe4g\xdc\xc9\xb1\x19^]Q\xe3q\xf5!\x18\xc7e)(\xdd\xf9_{~g\x97\x99T\x9b\x8f\xb1\xa7\xbb\xfc\x8f\x82\xbfh\xcdj\xcf\xe2\'\xec?q\x0c&gt;*]i\xac~\x1c\xcc\x96\xb7\xcdg\xe5\xc9$6\xfa\x86\x9b\x1c\x1ec2\xabnY\x19\xa3e\xdc\xcb\xb9Y\x95\xbem\xab\x9b\xfbl\xcd\xa5|\x15\xfd\x97u\x8d*\xcf\xc2Rh\x97\xf7\x96\xf6~\x17]\x06\xe2\xe3\xcc\xfe\xcf\xdb}q\xa9\\\xacr\x7f\xcbHw-\x84\x91\xc9\xf7\x9a;\x8f\x9b\xe6\xaf\xaa\xe1\x9a\x99va\x9e}g.V\xbe\xedY\xaf\xbd\x7f\x99\xe2\xd7\x8dJq\xf6S?&lt;o\xbcH\x92i\xba^\xb1g7\xcb$-\x13\x7f\xbc\xab\xf2\xaf\xfd\xf2\xb5\xc8M#\xc3-\xee\x83\x0f\xdc\x8e\xeb\xcd\xb5\xff\x00\xd0\xa3\xff\x00\xbe\x95\xb6\xd7\xecR\xc6U\x8d\x1dLcD\xf5\xaf\x85\xba\xf6\x95\xaf\xf8\xab\xc3v:\xaa4\x96\xff\x00\xf0\x91\xd9\xdb\xdeF\xbfy\xa1\xfbD{\x97\xfe\xfd\xb7\xfe=\\o\xec\xfb\xa8B\xff\x00\x1c\xbc\x1bm5\xcf\x97o\xa9x\xabM\x83\xcc\xfb\xde\\\x8du\x1a\xee\xdb\xff\x00\x02\xff\x00\xd0k\x87\x1f\x98\x7f\xb1\xb4\xfb\x1bF\x8f\xbc~\xfe\x7f\xc1[\xb5kk?\xd8\xa6\xfe\xfd\x1dU\xd6\xf3C[=\xbfwsjV\xbf7\xfb\xaa\xbb\x9b\xfe\x03\\\xf7\xfc\x15;\xc2w?\xf0\xc7Z\x0f\xc3\xa9\xb75\xc4\xda\xe7\x85\xec%\x8d\xa5\xdf\xbbm\xe5\xaa\xb6\xe6\xfe/\xbb\xf7\xbf\x8b\xff\x00A\xfc\x8f\x87m\x1c\xfaR\x8e\xab[=\x97\x99\xdd\x8f\xfe\x04RG\xe7w\xedq}\x0e\x9f\xf1#R\xb7\x87t\xb3j\x16zJ\xed\x87\xef2\xae\x9bk\xfc_\xc3^\x8d\xf1k\xf6}\xbf\xf1G\xed\x05u\xe2O\x8a\xfa\x92\xe96z\xb6\xad%\x9f\x84\xb4\xdb_.[\x9dR8[\xc9\x8d\xbc\xc9$\x8e\xd6\xd9v\xc6\xbf\xeb\xa6V_\xf9\xe6\xd5\xfa=&gt;6\xe1\xdc\x9f\x0bj\xb5o%\xba\x8e\xac\xf1\xe5\x81\xc4V\xac\xac\x8f\x0c\xd3\xd1\xedla\x87\xc9Uf]\xcd\xf3W\xd1~2\xfd\x9c\xfe\x18\xe9\xba.\xa5y\x7f\xa0\xeaZ"\xe8l\xb1_\xdf.\xa97\x98\xb27\xdd]\xba\x8d\xad\xad\xbd\xec\x8d\xfd\xdbk\x85f\xfe\x18\xe4\xfb\xcd\xe6\xe1|\\\xe1\x9a\xf8\xc4\xad4\x9e\xcd\xc5?\xd4\xaa\x99.2:\xc5\x1c\xaf\xec\xee\xdeg\xc3_\x89\xff\x00\xc5\xb7\xc3\x92\x7f\x17\xfd8\xea\x15\xd6x?\xe1=\xcf\xc2\xdf\x86\xfe&lt;\x13x\x86\xc6\xe9uo\x07\xdcOoc$RZ\xeaV\xf1\xad\x8e\xa1\xf3\\\xd9L\xab$;\xb7.\xd6\xf9\x95\xbf\x85\x9a\xbbe\xc4y.y%\xf5:\x9c\xed^\xe9\xc5\xaf\xd0\x88\xe1\xea\xd1\x97\xef\x11\xfa\xc5\xf0B\xf1.~\x11\xf8&gt;o\xf9\xe9\xe1\r&gt;O\xfc\x95\x8e\xb1?f\x8dY5\x1f\x81\xfe\x03\xbfC\xf2\xc9\xf0\xfbK\x93o\xfb\xd6p\xd7\xe2\xf9\xc5?\xf8T\x9f\xa9\xf5X9_\x0er\x9f\r\xee\x9e\xeb\xf6\xd2\xf1\xb4\xcew}\x97C\xfb?\xfd\xf5\x1e\x96\xdf\xfcUg\xfc)\xbe\xff\x00\x8c\xc6\xf8\x9d\x8f\x99c\xb7\xb3_\xfb\xea\xd6\xcf\xff\x00\x8d\xd7v#\xfeE\xb19\xa8\xaf\xdf\xb3\xda\xfcu}\xf6?\x04\xeb\x17\x9b\xff\x00\xd4\xe97\x0f\xff\x00|\xc2\xd5\x81\xf1kV\xf2~\x11x\xaaeu\xdf\x1f\x86o\x9b\xff\x00%\xe4\xaf3)\xa6\xa5\x98E\xbe\xe7F&amp;_\xbb\xd4\xfc\xa5\xf1\xb7\xc2\xbf\x1f\xfcL\xf8_\xe08|\x1b\xe1[\xcdB\x1d?C\x8d\xaf$\xb5\xb7i\x16\xdd\xa6\xb1\xb1d\xdd\xfe\xf7\x95&amp;\xdf\xf7[\xfb\xb5\xe8^\x01\xf1\xf7\xfc!_\n&gt;\x1e\xea\xban\x8fc\x7f4\xda\xf7\x82\xec\x9a\x1b\xe5\xdd\x1c\x7fl\xd1u+V\x9bo\xf1m\xf37/\xfbK_\xb0\xcb0\xc7`\xf9\x95\x1e\xcb\xf4&gt;w\xea\xf4\xea\xd4w&lt;\x7f\xc2\xff\x00\xb2\xff\x00\xc7-.\x1dQ\xe6\xf8i5\xc3Ik\x98\xa3\xd44\x1f=\xa4efU\x8e6Uf\x8d\x99df\xdd\xb9\x7f\xd5\xfd\xe5m\xad_R|-\xf1c\xcf\xe3m/\xc2\xb3h6w\t\xabx\xff\x00\\\xf0\x7f\x9dt\xcd\'\x93\x1d\x8d\xabI\xf6\xc5\xf9\xbf\xd67\xcc\xbf{\xe5\xdd\xf7\x9a\xbc\xdcVc\x9ab\xe5\x177\xacN\xac=*\x14\xa3\xca|K\xa9~\xcb\xff\x00\xb4\xff\x00\x87|I\xa2&amp;\xbd\xe0\x9b\x88\xf4\xbb}r\xc6[\xadC\xfe\x11\xcb\xa6\xda\xaby\x1a\xfc\xd22\xb2\xaf\xf7\xb7|\xb5\xf6g\xc4\x7f\x8f\xef\xf1\x07\xc1\x1e\x01\xd3\xc7\xc3\x1d\x07I\x93]\xf0\x9d\xc7\x8c?\xb5,W\xf7\xf6\xac\xda\xa4\x9az\xda\xb3yk\xba6fV\xdd\xf2\xfd\xe5]\xbf-ta\xb8\x83:\xc5)\xc6\xa6\xd1\xb2"XJ1\x971\xf4\xf7\xfc\x12\xda\x17\xd2\xbfe\xfd\x1e\x19fY\x87\xf6\xa6\xa0\x8d\'\xfc\xf4\xf2\xee\xa4\x86F\xff\x00\x814l\xdf\xf0*\xc7\xff\x00\x82V\xebH\xbf\xb1\xce\x93x\xef\xff\x00\x1e\xba\xd6\xb9\xb9\x99\xbe\xf6\xddR\xf1\xb7W\xc3\xe7\xf0\xb6i\x1fTw\xe1%\xfb\xb3\xf9\xf4\xf8\xc1\xa9\'\x86\xfe x\x83N\xb9\xf9\x13I\xd5\xae\xac\xb6\xee\xfb\xbe\\\x8d\x1b\x7f\xe8\xbf\xfcz\xb8\x1f\x1fx\x82\xff\x00\xc5~8\x93\xed\x8f\xbd\xe4\xb8\x92\xf6\xfeO\xefI$\x8c\xdf\xfd\x95~\xbf\x87\xc5T\x8d(\xa5\xd9\x1e|\xe8\xde\xa1\xd6\xf8\x0f\xc5Sh:\xa6\x9b\xaa\xbc\xde\\\xd6w\x1fjf\xfe\xeb|\xd2\x7f\xe3\xbfv\xb9\xdb\x15y\x9a;6v\xddt\xdb[\xfb\xca\xbb\x97w\xfe\xcb\xff\x00}5v\xd7\x97\xb7\xc3\xfb\x1e\x92O\xd0\xe7\x94yO\xd8\x88u\x8d{\xe2\x8f\x86\xfce\xe0\xfd\x12\xe6\xf2\xcfM\xf1e\x9d\xad\xec_\xd9\xf6v\xf3\xb3I\xabZ\xc7x\xb1\xb7\x99\xb5\x99c\x91\xa5h\xe3\xb7f\x93t\x8d\xfb\xb6\xaeO\xf6&lt;\xf1\x15\xcf\x88\xbc\x17\xe0\x9f\x88I\xa2^\\\xe9\xba\x87\xc3\xeb\x8d\'\xc4\x17\x16\xba\xb3X\xfd\x97\xfb6F\xdd\xe6K\xb9UwZ\xf9\x0b\xfb\xc9!_\x9b\xfdb\xae\xed\xdf\x80\xe7\xd2\xad\x93ccV\x97\xf1i\xbd{\xd9\xbe\x9f#\xaa\x8a\xe6\x89\xfa\xa9\xff\x00\x04\xaa\xf8\xa9?\xc5\x7f\xd8S\xc0\xd7\xba\xa6\xe4\xd54+94-b\xd6F\xfd\xe5\xb5\xc5\x9c\x8d\x0f\x96\xfc\xf0\xdeZ\xc6q\xfe\xd0\xaf\x94\xbf\xe0\x85^&gt;\x8f\xc0_\x1a~-~\xce\xd2\xde\xc7\x0e\x95}\x1d\xbf\x8a4\x1bo\xedh\xae\xd5\x14\xb0\x8aY&lt;\xd8\x8f\x96K\xac\xd6\xa3\x8c\x7f\xaa\xe4d\x1c\xed\xc4\x19{\x8c\xa1\x8f\xa6\x9f%]vj\xd2\xea\xbe{\xfd\xe7\xb3\x97b}\xb5.W\xba&lt;C\xe27\xed-\xe2/\x8a\x9f\xf0P_\x89\xbe\x06\xd7\x12d\x91\xfcqwm\xe1\xd9\xa2\x9b\x02\xd5m\xd6+V\x85\xfb\x84\x91m \x93r\xe4\xc7,\x11\xb8W\x1b\x90\x95\xeaq6U\x97.\x15\xc3O\xd9\xab\xb8]\xbf6\x8f&amp;5\',\xd2\xa5\xdfS\xc4\x7f\xe0\xb5W\x9a\xaa\\|8\xf8mq$&gt;M\x8f\x86f\xb9\xb9\x924\xe5\xeeZX\x92F\xcfF\x1b\x12\x15Q\xb5UUJ\xaa\xaa\x80\xb4W\x8b\xe0=\x1at\xe5\x8c\xe5]QY\xb7\xc7\x03\xf3\'\xc4\x8b\xf6]N+\xc1\xfe\xdcR/\xf7\x95\x1f\x03\xf4j+\xf7\xecb\xfd\xe9\xcdO\xe1,|&gt;i\xad~1\xf8cL\x85\xf65\xd7\x8a\xb4\xf6\x8aE\xff\x00\x96r}\xae\x14\xdd\xf9\xb2\xb7\xfd\xf5E|\xdey)*\x0e\xdd\x8e\xcc?\xc4\x7fG\x1f\xf0P\x8d\x1e\xdfS\xf8W\x1c\xf7\x1f3Y\xf8\x9fEt\xdd\xfd\xef\xb7[\xd1_\x9a\xf0\xbdJ\x9f\xdaR\xd7\xa9\xa6;\xf8l\xfc\xeb\x1e\x1d\xf8\xbf\xad\xfcj\xf8\x89\xff\x00\n\xdf\xc7\xb1\xe9\x16i\xe3-}/\xacn\x19\xa4\xb7\xba\x16\xd7H\xce\xb2\xc0\xca\xd1\xce\xa7\xedI\x85u\xe3kQ_C\xc5\xf5\xe5\x08\xc1(\xc7\xe7\x08?\xce,\xf3\xf0?\x19\xa9\xe3\x0f\x07\xfcb\xd14\xd1o\xa2\xf8\xeb\xc3\xfe\x1f\xd5\xb4\xcd7Y\xbc\xbc\xd5&lt;?\xe1\xc6YV\xce\xc3\xc9Y\x16\xd9\x9ao\xf4Gi%o\x96\xddaW^Y\x94\xfc\x94W\xe4P\xc5V\xa1\x9aG\x92\xdf\xf8\x0c_\xe6\x8f\xa0q\x8c\xe9\xear\x7f\x0f\xbc\x1d\xad\xfc+\xd4\xfcs\xe1\xad[\xc4\x7f\xda\xd3k\x1e\x00\xd5f\x96\xf1\xa3dc$W\x13\xd9\xc8[s6\xef\x9d]\x94\xf5*\xd8;M\x15\xfbg\x0e\xe2\xaa\xe22\xb5\xcfo\x94b\xbf$\x8f\x99\xc4F1\xa9\xa1\xfa\xad\xfb\x08k\x13\xeb\x7f\xb2\xe7\x805I\xc7\xfa\xbf\x86\xda:*\xff\x00\xdb\xac\x7f\xfcM\x15\xf09\xef\xfc\x8d*\xfc\x8f\xa0\xc1\xff\x00\x02&amp;\x07\xc29?\xe3/~,1\xfe\xe6\x9a?\xf2V\x1a+L\x7f\xfc\x8bi|\xcch\xff\x00\x1agg\xf1\xaa\xfee\xf81\xe31\xbd\xbe_\n\xea_\xfaK%\x15\xc3\x94\xff\x00\xbeS:\xb1\x1f\xc1g\xe6G\xc1?\x1dy\x1f\x13~\x19|6\xd5\xed\x1a\xea\xc7\xc4^\x15\xf0\xe4J\xbb\xb6\xf97\xa9%\xb4\xf6W\x1f\xf0\x19\xa1\x11\xc9\xff\x00Lf\x9bo\xcc\xd4W\xec\x95c\x17\x82m\xf9\x1f7K\xf8\xac\xf6\xaf\xd9\xf3X]{\xe2\x07\x80\xf5\xc8\xd1\x955\x0f\x8c^=\xbfT\x93\xef\x0ci\xb20S\xf9\xd1^5E\xee\x1d\xdbH\xf2o\x1c|[\xb3\x87\xc1?\x00|\x0f\xa4h\xd2-\xd6\xad\xe18\xad\xb5\x1b\xc9\xa4\x046\x9f\xa7]\xdd\xea-\n\xfb\xcdw\xe5\x92{-\x9cX\xff\x00X\xca\xa5m\x80\xa3MT\xaa\xd2\xed\xfa\x13\x89\x94\xb9w&gt;\xd5\xff\x00\x82g\xde}\x9b\xf6\x06\x8e}\x9fv\xe3\xc4\x8f\xf2\xff\x00\xd8B\xf2\x8a\xf9\x0e"\xff\x00\x91\xb4N\xcc\x17\xf0\xcf\xe6\xdb\xc1\xf7\xf7wv\xb2\\\xea3\xb4\xd7\x0c\xf8\x96w\xe5\x98\xfd\xdf\xfd\x96\x8a\xfd\x0b)\xfe\x04N|W\xc6\xce\xbb\xc2\xf1\x1b\xadG\xed\x8e\xdcF\xed\x1ck\xe8\xaa\xac\xbf\xfa\x17\xcdE{\xd4=\xea\xa9&gt;\xa7\x1c\xbf\x8c\x8f\xd0\x1f\xf8\'\xf7\xc4\x9f\x12\xf8w\xe0\x9f\x8a&lt;\x1dk\x7f#\xaf\x85\xb5m7\xc4\xb6\xd6\xef#\x0by\xca\xce\x90&lt;2\x04e,\xad\xe6\xc4\xdf\xf6\xc5h\xaf\x82\xe3\x8c\x16\x16\xb6qI\xce\t\xde\xf7\xfb\x88\xa3){:\x9f#\xac\xf8\xb5\xfbHx\x9f\xe1W\xed\x1b\xa97\xec\xe3\xa0\xe9\xfe\x15\xd64]&gt;M\'\xc4Z\xd2D\xa8\xfa\xab\xb4\xa8\xef\xfb\xa8\x168\xd1\x15\xe1\xc2\x90\x03\x15\x00\xb9b~R\xbbxO)\xcb\xeb\xe5\xee5!\xcc\xaf\xb3\x94\x9f\xe6\xc5R\xa5HJ\xf1v?\xff\xd9'</t>
        </is>
      </c>
      <c r="M570" s="3" t="n">
        <v>45492.67795138889</v>
      </c>
    </row>
    <row r="571">
      <c r="A571" t="n">
        <v>1650085</v>
      </c>
      <c r="B571" t="n">
        <v>1977</v>
      </c>
      <c r="C571" t="inlineStr">
        <is>
          <t>Robert Santos</t>
        </is>
      </c>
      <c r="D571" t="inlineStr">
        <is>
          <t>R. Santos</t>
        </is>
      </c>
      <c r="E571" t="inlineStr">
        <is>
          <t>MEI</t>
        </is>
      </c>
      <c r="F571" t="inlineStr">
        <is>
          <t>MC</t>
        </is>
      </c>
      <c r="G571" t="inlineStr">
        <is>
          <t>MEI</t>
        </is>
      </c>
      <c r="H571" t="n">
        <v>180</v>
      </c>
      <c r="I571" t="n">
        <v>33</v>
      </c>
      <c r="J571" s="2" t="n">
        <v>37821</v>
      </c>
      <c r="K571" t="inlineStr">
        <is>
          <t>Left</t>
        </is>
      </c>
      <c r="L571" t="inlineStr">
        <is>
          <t>b'\xff\xd8\xff\xe0\x00\x10JFIF\x00\x01\x01\x01\x02\xfa\x02\xfa\x00\x00\xff\xe1\x01\xe0Exif\x00\x00MM\x00*\x00\x00\x00\x08\x00\x0c\x01\x0f\x00\x02\x00\x00\x00\x12\x00\x00\x00\x9e\x01\x10\x00\x02\x00\x00\x00\n\x00\x00\x00\xb0\x01\x1a\x00\x05\x00\x00\x00\x01\x00\x00\x00\xba\x01\x1b\x00\x05\x00\x00\x00\x01\x00\x00\x00\xc2\x01(\x00\x03\x00\x00\x00\x01\x00\x02\x00\x00\x011\x00\x02\x00\x00\x00\x11\x00\x00\x00\xca\x01;\x00\x02\x00\x00\x00\x12\x00\x00\x00\xdcGF\x00\x03\x00\x00\x00\x01\x00\x05\x00\x00GI\x00\x03\x00\x00\x00\x01\x00c\x00\x00\x82\x98\x00\x02\x00\x00\x00\x12\x00\x00\x00\xee\x87i\x00\x04\x00\x00\x00\x01\x00\x00\x01\x00\x9c\x9d\x00\x01\x00\x00\x00$\x00\x00\x01\xb4\x00\x00\x00\x00NIKON CORPORATION\x00NIKON Z 5\x00\x00\x00\x02\xfa\x00\x00\x00\x01\x00\x00\x02\xfa\x00\x00\x00\x01paint.net 5.0.12\x00\x00ANDERSON MARCENES\x00ANDERSON MARCENES\x00\x00\x0b\x88"\x00\x03\x00\x00\x00\x01\x00\x01\x00\x00\x88\'\x00\x03\x00\x00\x00\x01\x00d\x00\x00\x90\x03\x00\x02\x00\x00\x00\x14\x00\x00\x01\x8a\x90\x04\x00\x02\x00\x00\x00\x14\x00\x00\x01\x9e\x92\x07\x00\x03\x00\x00\x00\x01\x00\x02\x00\x00\x92\x08\x00\x03\x00\x00\x00\x01\x00\x00\x00\x00\x92\t\x00\x03\x00\x00\x00\x01\x00\r\x00\x00\x92\x91\x00\x02\x00\x00\x00\x0350\x00\x00\x92\x92\x00\x02\x00\x00\x00\x0350\x00\x00\xa4\x03\x00\x03\x00\x00\x00\x01\x00\x01\x00\x00\xa4\x05\x00\x03\x00\x00\x00\x01\x003\x00\x00\x00\x00\x00\x002024:01:22 15:30:02\x002024:01:22 15:30:02\x00\x00\x00A\x00N\x00D\x00E\x00R\x00S\x00O\x00N\x00 \x00M\x00A\x00R\x00C\x00E\x00N\x00E\x00S\x00\x00\x00\xff\xe1\x05Chttp://ns.adobe.com/xap/1.0/\x00&lt;?xpacket begin="\xef\xbb\xbf" id="W5M0MpCehiHzreSzNTczkc9d"?&gt;\r\n&lt;x:xmpmeta xmlns:x="adobe:ns:meta/"&gt;\r\n  &lt;rdf:RDF xmlns:rdf="http://www.w3.org/1999/02/22-rdf-syntax-ns#"&gt;\r\n    &lt;rdf:Description rdf:about="uuid:faf5bdd5-ba3d-11da-ad31-d33d75182f1b" xmlns:dc="http://purl.org/dc/elements/1.1/" /&gt;\r\n    &lt;rdf:Description rdf:about="uuid:faf5bdd5-ba3d-11da-ad31-d33d75182f1b" xmlns:dc="http://purl.org/dc/elements/1.1/"&gt;\r\n      &lt;dc:creator&gt;\r\n        &lt;rdf:Seq xmlns:rdf="http://www.w3.org/1999/02/22-rdf-syntax-ns#"&gt;\r\n          &lt;rdf:li&gt;ANDERSON MARCENES&lt;/rdf:li&gt;\r\n        &lt;/rdf:Seq&gt;\r\n      &lt;/dc:creator&gt;\r\n      &lt;dc:rights&gt;\r\n        &lt;rdf:Alt xmlns:rdf="http://www.w3.org/1999/02/22-rdf-syntax-ns#"&gt;\r\n          &lt;rdf:li xml:lang="x-default"&gt;ANDERSON MARCENES&lt;/rdf:li&gt;\r\n        &lt;/rdf:Alt&gt;\r\n      &lt;/dc:rights&gt;\r\n    &lt;/rdf:Description&gt;\r\n    &lt;rdf:Description rdf:about="uuid:faf5bdd5-ba3d-11da-ad31-d33d75182f1b" xmlns:xmp="http://ns.adobe.com/xap/1.0/"&gt;\r\n      &lt;xmp:CreateDate&gt;2024-01-22T15:30:02.500&lt;/xmp:CreateDate&gt;\r\n      &lt;xmp:Rating&gt;5&lt;/xmp:Rating&gt;\r\n    &lt;/rdf:Description&gt;\r\n    &lt;rdf:Description rdf:about="uuid:faf5bdd5-ba3d-11da-ad31-d33d75182f1b" xmlns:MicrosoftPhoto="http://ns.microsoft.com/photo/1.0/"&gt;\r\n      &lt;MicrosoftPhoto:Rating&gt;99&lt;/MicrosoftPhoto:Rating&gt;\r\n    &lt;/rdf:Description&gt;\r\n  &lt;/rdf:RDF&gt;\r\n&lt;/x:xmpmeta&gt;\r\n&lt;?xpacket end="r"?&gt;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0f#\xad\x00\x15\xf2\xef\xfc\x15\x0b\xfe\n\x9b\xf0K\xfe\t\x99\xf0\x99|O\xe3\x84\x93W\xf1V\xaf\x0c\x8b\xe1_\x0bY\xe0\xc9w(S\xb6Iy\x1e\\\x01\x86\x0b\xf5&lt;\x81\x93\xd2e%\x1d\xca\x8ce-\x8f\xa1\xbe!\xfcL\xf8}\xf0\x97\xc3\x17&gt;5\xf8\x9b\xe3]/A\xd2m#g\xb8\xbf\xd5o\x12\x18\xd4*\x96&lt;\xb1\x198\x07\x81\x92}+\xf9G\xff\x00\x82\x91\xff\x00\xc1Q?j?\xf8(\xd7\x8f\xadu\x9f\x8dZ\xe5\xae\x9b\xa6i\x90\x15\xd2\xfc\'\xa1\xc8\xff\x00c\xb2f\x19-\xe5\x96;\xa4a\x80Y\x99\x8f\xb8\x1cT\xfbDh\xa8\xcb\xa9\xfb\x11\xfbX\x7f\xc1\xd6\x1f\xb1_\xc2\x18n4O\xd9\xdb\xc0\x1e"\xf8\x93\xab*\x11\r\xe0\x88i\xfaj\xb7L\x99$\xcc\x8d\xcfa\x18\xcf\xa8\xeb_\xcf\xbf\x87\xbe\x1c\xf8\x87\xc4\xee\xb6Zm\x85\xd6\xd9-\xc8\x92M\x8d\xf2\xb8\xe7\xa6?\xce=\xeb9V\x84U\xdb4\x8e\x1er\xf8S?D&lt;{\xff\x00\x07A\x7f\xc1L\xbcI\xad\xde_x?R\xf0\xaf\x87m\x98\xe6=&amp;?\r\xc3"\xc4\xa4p\x03\xcaY\xff\x00\x12\xc4\xfd+\xe1+\x7f\xd9\xdf\xc7\xda\x9c\x8b2xbh\xf6\xe4lxO\xcf\xc62\xc4\x8es\x8e\x95\x9f\xd6\xa8\xaf\xb4\x8d~\xa7]\xaf\x81\xfd\xc7\xe9O\xc1\x0f\xf8;\x1b\xf6\xc0\xf0R\xe9\xba\x7f\xc7\xbf\x83\x1e\x13\xf1rG&gt;\xfdJ}5^\xc2\xeax\x9b\x8d\xa8\xcaZ$+\xd7;\x1b9\xe6\xbf5\xf5/\x81\xfe9\xd2\xe4F\xb6\xd1n#hT\xc8\xa68\xf2\xb1\xe4\xf5\xe7\xe88\xf5\xaa\x8e"\x9b\xd9\xa1&lt;\x1d_\xe5\x7fq\xfd@~\xc2\xff\x00\xf0Y\xaf\xd8\xa7\xf6\xee\x8e=\x0f\xc1\x9e8\xff\x00\x84c\xc5^J\xbc\x9e\x12\xf1T\xd1[\xdc\xbeq\xcc.\x18\xc7:\xe4\xe3\xe5;\xbf\xd9\x15\xfc\xacj\xd6:\xa6\x87\xab-\xfa\x19l\xef,n0Uduh\xe4\x1d\xd4\x8eW\xafc\xf9V\xb1\xa8\xa4a*.;\xa3\xfbW\xcd~\x0f\xff\x00\xc1\x19\x7f\xe0\xe1\x1f\x18|5\xd7\xfc=\xfb.~\xdb\xde%\x1a\xc7\x86uI\xd2\xdfG\xf8\x81\xa9jL\xd7:;?\t\x1d\xcb9&gt;d9\xc0\xceCF9\xf9\x87KR\x8b"T\xe5\x13\xf7\x82\xa1\xb0\xbf\xb1\xd5,a\xd4\xf4\xcb\xc8\xae-\xee"Y-\xee \x90:H\x8c2\x19XpA\x1c\x82:\x8a\xa32j(\x00\xa2\x80\n(\x00\xa2\x80\n(\x00\xa2\x80\n(\x00\xa2\x80\n(\x00\xa2\x80&lt;\x9f\xf6\xd9\xfd\xac|\x0b\xfb\x15~\xcd\x9e&amp;\xfd\xa0\xbcsuk\xb7F\xd3\xd9\xb4\xcd&gt;\xe6\xe8Du\x0b\xc21\r\xba\x9e\xb9f\xc6p\x0e\x17\'\xb5~\x14\x7f\xc1\xc9\x1f\xb6U\xcf\xed\x0b\xfblG\xf0K\xc3\x97\xbev\x83\xf0\xe6\t4\x96\xb7\xb7\xb8/\x1c\xd7\xceCO1\xc7\x1b\x80\xda\x83\xd3i\x1d\xcds\xd5\xac\xa3\x17c\xa6\x8d\x07R\xcd\x9f!~\xd3\xff\x00\xb4o\xc6\xef\xf8(W\xc7=c\xe3\xdf\xc6_\x144\x93j\x17\x8b\xe4\xc6\xbb\x9a\xde\xc6\x05\xce-m\x95\x8f\xcb\x1a\xf4\xc7s\x92y&amp;\xacx7\xc1\xeb\x02[\xdby!c\x8dUV5\x1c\x01\xf4\xaf\x07\x11\x99N\xf6\x81\xf4\xf8L\xa6\x9f*u5\xfc\x8b_\x0e\xbe\x0b\xf8p\x01q\x0f\x87\xa3\xb9.\xc1\xdaK\xa5\xdc\xc4\xe2\xbd\xab\xe1\xbc\xbaV\x8c\xc8n\xf6\xc6\x8b\x81\xf2\xa6\xed\xc4\xd7\x8b_\x1b\x89\x93\xf8\x99\xf4\x18|\xbb\x0b\x17\xf0\xa1\xbe\x18\xf8\x7f\xad,koa\xa5\x88r\xbf)H\xc2\xff\x00*\xf4\xabo\x11h*W\xec2\xb1\x94\xb7\xbfJ\xf2\xeab\xb1\x0c\xf5i\xe1p\xf1\xd8\xcf\xd1&gt;\x1a\xeb\x8d\x02\x8b\x86\x938\xf9\xbdk\xd3&lt;\x1d\xa8hR\xda5\xed\xfc\xcd\x1b(\xe7\xaf5\x8f\xb6\xa9\xdc\xdf\xd8\xd3Kc\xcf/|\x07wgm$\xedh~e\xc1b\x80\xe4W\xa3\xddx\x9b\xc3\xca\xa64\xd4#*\xb9&gt;\\\x83\xf9V\x90\xabR\xfb\x99\xca\x9d&gt;\xc7\xcd^$\xf8\x07\xe1-Q\xe4\xbb\xd4\xbc)n\xf2I.\xe3,*W,\x0f\\v5\xf4n\xa7\xe2_\x04\xeaV-\x12Y\x18f\xff\x00\x9e\x9bF\xd6\xae\xfax\xbcDvo\xef8\xea`\xf0\xb2\xde\x0b\xeeG\xc0\xff\x00\x12\xbfd\xbb\x9d.\xe2\xeb\xc5&gt;\x04o5cV\x92m&amp;X\xbeg?\xecs\xce?\xad}9\xf1\'L[\x99\x9am(\xedd9\xf3\x11\xb6\xfe8\xed^\x9e\x1f3\xc5B;\xdf\xd4\xf219.\x0e\xa6\xb1\x8d\xbd\x0fk\xff\x00\x83{?\xe0\xb0\x9a\xdf\xc1\xff\x00\x18Z\xfe\xc2\xff\x00\xb4\xa6\xb3\xa8_h\xfa\xfe\xbb\r\xaf\x84u\x8dKP@\xba\x0c\xce\x8c\r\xbc\x8d+n\xf2\x9d\x82*.~F\xcfc\x8a\xfc\xe5\xfd\xa3&lt;3\x7f\xe1\xdf\x1a\xd8x\xc3\xc3wme\xa8\x19\x16v\x9a\x15\n\xfer\xb6V@{\xb0 \x1e:u\xaf\xa1\xc1\xe3Uh\xa3\xe53\x0c\xb6XY[\x7f3\xfa\xfb\xaf\x8e\xbf\xe0\x87\x7f\xb7\x8d\xe7\xed\xdf\xfb\rh\xfe\'\xf1\xb7\x89\x86\xa3\xe3\x8f\t\xdc6\x89\xe3F\x91@\x95\xee#\xe6+\x86\x03\xaf\x9b\x16\xd6\xdc8,\x1f\xd0\xd7\xa4\x9a{\x1e&lt;\xa2\xe2\xec\xcf\xb1h\xa6HQ@\x05\x14\x00Q@\x05\x14\x00Q@\x05\x14\x00Q@\x11_L\xf6\xf6S\\F\xb9h\xe2fQ\xea@\xa8\xf5\x94i4\x8b\xa4F\xda\xcdm V\xf4\xf9M\x00\x7f$\xbe=&gt;#\xf8\xaf\xf1\xd3\xc4\xdf\x11&lt;E\x19\x92\xff\x00X\xf1]\xfd\xee\xa0\xed\x18\x1b\\\xdc\xc8\xcc1\xce\xd0:pk\xbf\xf8i\xe1k\xbb\xadO\xc6\xd2\x9b\x13q&lt;7\x92\xb2*\xf7s;\x16\x19\xed\xbbmx\x98\xc7.]\x0f\xa2\xc0F\x9d\xd3\x920\xfe\xdbe\xa2\xab#\xb2\xac\x9c\x92\xd26\x15G\xb9\xad\xdf\t\xfe\xcd~\x13\xf1u\xfbj\xff\x00\x1a|cq\x1a\xcc\x19\xae!\x8eeHa\x1d\x91s\xd8\x0e3\xde\xbc\t&lt;*\x95\xa5?\xb9\\\xfah\xfdjQN\x14\xf4\xf3v\'\xf0o\xc5\xff\x00\x85Z\x05\xc2\x1f\x10\xf8\xb6\x06\x93\xfb\x96\xa4\xc9\x83\x8e\x87\x00\xd6\xb5\xdf\xec\xed\xfb1\xe9\xf2\xb0\xf8{&gt;\xb14\x8b\xf34v2&lt;\xbe`\xfc\x14\xe4}(\xf6x\x1a\x9f\xce\xfeC\xf6\xb9\xa4:A|\xcf^\xf8#\xa8\xfc9\xf8\x8f/\xd9\xbc?v\xb2\\7\xcd\xe4\xcd\tV\x03\xf1\x1c\xfe\x15\xc4\xfc"\xf1\x9f\xc3\xcf\x02\xeb\xb6\xeb\xa1\xc5r&amp;\x8d\xb6\xff\x00\xa5I\xf3\x0c\x1e\xf9\x00\xe4{\xd7\x9d\x8b\xc3\xe1\xe3\x1fs\x9a\xfeg\xa3\x84\xc5c%\xfcN_\x91\xf4\x9c\xff\x00\x0c. \xb3\x8e\xdda;\xbf\xbc\xab\xda\xad\xf8c\xe2\xce\x93\xe29a\xb1:\xc4e\xa4\xc0\xdf\xbb\xa7\xb6k\xca\xb7C\xd5\xf6\x92\xe5\xbb8\x1f\x88\xbe\x16\xb3\xf0tb\xf3W\xb7\xdd\x1aF\xcf#\x85\xc7\x96\xa0g5c\xf6\x87\xd7\xfc\'\x13\xf9z\xf5\xe4\x8d\x18\x85\x93167)\x18#\xf2\xafC\x0bN\x93\x7f\xbc\xb9\xc5\x88\xad\x88_\xc3K\xe6x\x9d\xff\x00\xed\x03\xf0\xc5b(\xf7\xb3F\xaa\xcd\xfb\xc7\xc8P\xd9\xe8s\x8a\xcf\xb5\xf0\xb7\xec\xd9\xe2\x8d]b\xd5\xb4\xedR\xce\xd8|\xbedj\xfb\x1b\xf1\xda@\xfc+\xd6\x8d&lt;\xbf\xaa\x92&lt;\x99U\xcdot\xe2h[\xfcG\xd0u\xa6\xfbE\x9e\xa7o4r\x0cmF\x05\x86=\xba\xd7[\x17\xec\xb9\xfb3\xc1\xa3\rC\xe1\x85\xfc\xcb}\xc1\xdd6\xa4\xef\xe5\xb7bW\x86\x1f\xa5\x12\x8e\n1\xf7$\xfeh!S0\xdep_&amp;x\x87\xed\x0f\xe0\xdf\xed\xdd\x11u\xfb+uu\xb7\xdd\xe6\xbe\xef\xba\xa4v\xc7l\xe3\xe9]\x95\xc6\x8f\xe2\xad+K\xd7\xfc1\xe3\xad&amp;\x18\xe6\xb7\x8eCo5\xb6|\x9b\x98\x19xa\x9f\xc8\x8e\xc6\xba(\xceT\'\x16\x9ai\xf69\xb1Q\xa7\x8a\xa6\xee\x9ah\xfa{\xfe\rN\xf8\xa6|-\xfbR|R\xf8\ru\x11#_\xf0\x9d\xbe\xac\x92#\x1d\xab5\xac\xe26]\xb9\xc7+s\x90z\xf1X?\xf0l\xaf\x82V\x0f\xf8(\xdf\x89\xf5\x9b\xab\x99\x9e[/\x867m\x1bG\x9d\xad\xbe\xf2\xd5~oQ\x8e\x9e\xf5\xf5\x18z\x91\x9a\xd0\xf8\xace9E\xea\x8f\xdf*+\xa8\xe1\n(\x00\xa2\x80\n(\x00\xa2\x80\n(\x00\xa2\x80\n(\x01\x1dC\xa9C\xd0\x8cW\xcb_\xf0P\xdf\xf8*\x7f\xc3?\xf8\'\xfe\xad\xe1\xff\x00\nj\xde\x00\xd4&lt;Y\xafk\xaag\xfe\xc9\xd3\xaf\xe3\xb7k{E8i\x8b8;\x9b9\xc2\x01\xce9+XU\xc5a\xe8\xbbNI\x1dX|\x0e3\x15\x17*Pm#\xf2W\xe3/\xc3\x04\xf8\x13\xf1\xbf\xe2\xd6\x92\xbasG\xe5\xf8\xb2\xe6\xde\xdd\xba\x06V\x99\xdb#\xf0j\xd0\xfd\xb7?i\x9f\x05\xfe\xd2\x9f\x14\xbcS\xf1_\xe1\x96\x83\xa9X\xe8\xfa\xa6\xad\x1d\xc4v\xfa\xb5\xa8\x82\xe01\x817\xef@\xcc2\x1c\x1eA \xf5\xaf\x9d\xccq\x10t\xdf\xb2\x95\xf5\xe8}VU\x85\xab\x19/k\x16\xad\xd1\x9f\x1c\xfcj\x9f\xc4z\x97\x8et\xfb\x11\xaa]Zi\x11\\)\xbe\x9a\xd172\xaey\n?\xbd\xef\xdb\xf5\xafJ\xd34$\xbd\x89\xae\xf5\r+\xce\xe4\xb0\x1d\xbe\xb5\xe4a\xf1Q\xa3\x1bY\x1e\xf5|\'\xd6\x1am\xb4x\xcf\x82\xfc\x0f\xa5|5\xf8\xbf\xa6\xf8\xcf^\xd3\xec\xf5\xad\x06\xd6&amp;K\x99$k\x95\x9a\xedL\xdeh\x97\xe7q\xb2m\xa4E\xb8eB\xf3\x82y\xafU\xd5\xbc\x15\xfd\xb90\x88\xda\xac\x11\x8f\xf6y\x1fA]\x91\xcdj(\xda\xff\x00\x97\xf9\x1c?\xd8\xb4y\xaff\xfel\xe2\'\xf1\x1d\xd6\xad\xe2\xcb\xcd[C\x8aH\xedn.\x1aKx\xae.\x9e\xe2Kh\xf3\xc2y\x8c\x030\x03\xa198\xe2\xbbm\x07\xe0\xf6\xa9\xad^\xb6\x93\xa1\xe9\xad\x15\x9cl\xa9u|\xeaB\xa9c\xd3=\xd8\xfe\x82\xb8k\xe2\x95Gy\x1e\x8e\x1f\t*J\xd17&gt;\r\xea\xba\xb5\xed\xd1\x9c;4H\xdd|\xce\xa7\xd6\xbe\x80\xf0\x0f\xec\x8d\x7f\xa3xjKKC\t\x91a\xdc\xcc$\x1f\xcf\xbdy\x8e\xad9K\xddG\xabN&gt;\xce:\xb4y\'\xc4\x9b\x9dKWY4\xfdM\xe3\xdb%\xbe\xc8nf\xe0\'\xd1\xb0pq\xd0\xe0\xd7\xa5\xb7\xc3\x8dZ\xc7R\xff\x00\x84C\xc6\x9e\x1cm\xbe[\x1by\xd92\x97)\xdf\x07\xfb\xc0\x7f\x8du\xd1\xad\xec\xde\xc65\xa9{M/c\xe3/\x8c^\x11\x1e6\xf0\xde\x99\xe1\x0f\x08h\xd7\x03Z\xb5\xbcCyw\xa9kS)lH\x0e\xe5\xd8\xca\xbb\x19~B\xa5F\xd1\x82\x0ek\xea\xfdG\xe0\x86\x9d\xa4\xdf\x0b\xcb\x0b\x08\xe7\x8c\x7f\xab\xde&gt;u\x1e\x9e\xe2\xbdJ9\x8ci\xbb\xaf\xc8\xf1\xea\xe4\xf1\xac\xf5\xfc\xd9\xf3\x9a\xf8{\xc7?\x0cuO\x0cj&gt;\x16\xf1\xa6\xa1\xa8Ms4\x87\\\xd2X\xcd,:b\xb4\x84\xc7\x142I\xfb\xc9#U;Ns\x902\t&lt;\xd7\xd3\xd6\xbe\x15\xd0\xe1\xb4\xc9\xf0\xff\x00\x97q\xb7\xfdqR{T\xd6\xcc#YZQEa\xf2\xcf\xab\xbb\xa937\xe26\x9e\xb7\xfe\x03\x8e\xf2EVy,\xc9c\xedM\xf1\x93\\[\xf8^K\txX\xf7a}\x07Z\xe1\xc3M\xfbd\xba\x1d8\xaaw\xa7\xcc})\xff\x00\x06\xdd|)\xd5\xa3\xfd\xa9&gt;&amp;|V\x9a\x16k;?\x05\xdb\xe9\x8b7o2k\xa5\x90/\xbf\xcbn\xd5\xf4\x07\xfc\x11/\xc5\xbf\x02\xfe\t~\xcd\x13\xeb\xbe&lt;\xf8\xa3\xe1\xbd\x17Y\xf1\xd7\x8a\xa4\x8e\xce\xcbP\xd6!\x86i\xd2\x00!\x8dB3\x06\xc9c&amp;=s_i\x97\xca*-\xb6|\x16i\x19J\xa7,S}Y\xfa\x1dB\xb0a\x90k\xd2&lt;P\xa2\x80\n(\x00\xa2\x80\n(\x00\xa2\x80\n(\x00\xa2\x80?,\xff\x00\xe0\xe0\xbf\x83\xec\xbf\x15~\x19\xfcr\xb6\xd2\x06\xd9\xf4\xdb\xed\n[\xef/pI\xb2\xb3F\xa7\xd3+\xe6c\xd7\x15\xf7w\xed\xd1\xfb&gt;\x8f\xdac\xf6`\xf1_\xc3\x1b\x1d2\x1b\x8dbM6K\x9f\x0e4\xdcyz\x84jZ\x12\x0f\xf0\xe4\xfc\xb9\xf4c^\x1eq\x80\xa9\x8a\x87\xb4\xa7\xba[wG\xd4p\xdeqO/\xa8\xe8\xd6\xf8d\xd6\xbd\x9f\xf93\xf0Y\xe7}N\xc2\xfa\xc2K \xa6\xdeXKI\xb4mpA\x19\x18&gt;\xa2\xa2\xd0|-\xf1+\xe1\xed\xcf\x89&gt;\x1b\xfcV\xf0\xdb\xd9j\xda\\m\x1c\xd2\xe4m2,\x83tG\xfd\xa5\xe75\xf3\x14b\xe3JPg\xd8b]9U\x85Hl\xcb\x10\xbcPZ\xc7o\x14-\xb6F*\n\xfa\x8alr\xa7\xd8#\x8d\xbe\xe8\xe4\xe4\xf4\xf6\xae\t_\x98\xee\x8b\\\xa4\x89\xe1\xac,\x9a\x9c\xc0H\x91\xfc\xcc\xdb\xab\x85\xf8\x89\xf1Z\xe3G\xd2\x9fL\xb4\x93,\xf2\x10\x88\xad\xcb\xb0\xfe\x82\xb5\xa5F\xb4\xf62\xa9\x8a\xc3\xd3\xdd\x9a_\x15m\xfc1\xf1{\xc2ZO\x84\xf5\x9f\x89\xbe&amp;\xf0\x9ah\xb7\xcdp\xf0\xf8u\x961\xa8\x13\xd3{\xf6#\xfa\xd7\x96\xf8o\xe1\xff\x00\x8e|o\xabC\xab\xf8\xb3Z[;3p\n\xc7\xb8\x9d\xeb\x8f\xe1L\xf3\xcf\x19&lt;q]\xb4h\xfb\x1b\xbek7\xdbS\x8a\xa5e\x88\xb4U;\xfa\xbb#\xeb\xcd+\xc7\x1e\x1b\xd5&gt;\x15\xff\x00a\xf8\xcf\xe3-\xc5\xa6\x97\xa9[\xfd\x9a\x1b\x8d6\xf0\xc1|\xb8\x18\x0c\xb3\x7f\x7f8\xe7\xa7\xaek\xc8\xf5\x8f\x86V^8\xd0-\xf4\x08\xbcp\xb0\xdaYD\x05\xaa\xfd\x88\xb4\xaa\xde\xe3\xb0\x07\xb85\x8d:4\xe3V\xe9\xb5\xf2GUH\xe2%B\xce)\xfc\xcf`\xf80g\xf8[\xe1v\xf0\t\xf8\xb3\xe2O\x1cX5\xe7\xdat\xbdG\xc5\t\x1b\\[)\xeb\x1f\x98\xbf|u\xe6\xbc/N\xf0\xdf\xc5\xaf\x85w\x0b&amp;\x87\xa8\x8d[NG\x1eq\x8ec\x88P/uo\x99[9\xf6\xc7\xd6\xb4\xad\x87\x95I\xf3\xf3&amp;\xfe\xe3\n8\x88\xd1\x87$\xa0\xd2\xfb\xcf\xad-\xb4\xcb=B%\xb9M\xb2y\x87\xe5Q\x8e+\xcc~\x1d|S\x87Q\xb4\xfbDW;\xbc\xa6\x02\xe20p\xd1\x9e\xdf\xe1\\\xb5(\xe2#\xba:\xe9\xe2(KD\xcfL\xbf\xd3m \x1ffuEe\\\xba\x95\x18\xdbY\xba\xae\xaf\xfd\xa3\x1cs\xc7\xf7^&lt;\xb3n\xe4q\\\xfe\xf1\xb7\x99\xc0\xfcM\xd3\xa3\x9as\xa7B@\xf3\xa6\x08\xbe\xf95sP\xb9\xb7\x9f\xc6\xbar\\\xa3&lt;0\xb1\x96m\xab\xb9\x8a\xaa\x92k\xaa\x8b\xe5\x8f39\xabG\x9aJ(\xe7&lt;\x7f\xe0\xef\n\xea\xbe\x04\x92\xfb\xc0bM?P\x8e\xdc\x98u[]\xbc\xc9\x12\xef\xc1$r\t\\\x11^\x83\xfb&lt;x#Z\xfd\xa5\xbe,\xda\xfe\xce\xdf\x0f|3p"\xd5.c\xddy4&amp;4\x86\xd7q3M\x9ct\x11\xe7\xeb\xc5\x14#Z\xa5NX\xa6\xdb:\xe7,.\x1a\x9f=f\x94V\xe7\xed\x17\xec\x9f\x7f\xaf\xea_\xb3/\xc3\xfb\xff\x00\x13\xdc\xbc\xda\x84\xde\x10\xd3\xde\xf2Y&gt;\xf3\xc8`L\x93]\xb7\x874;/\x0cxz\xc7\xc3zjm\xb7\xd3\xec\xe2\xb6\xb7_DD\n?A_\xa2a\xe9\xca\x9d\x08\xc2OT\x91\xf8\xee.\xa4+b\xa7R\n\xc9\xb6\xd7\xa1r\x8a\xd8\xe7\n(\x00\xa2\x80\n(\x00\xa2\x80\n(\x00\xa2\x80\n(\x03\xf3+\xfe\n\xcb\xff\x00\x04\xfe\xd7\xfc=?\x8d\x7fk\x0f\x02\xdf\xd9\xaf\x87_M7\xda\xe5\x8c\x92\x114\x17L\xe9\x1b\x18\xc60\xca\xe5\x83\x1er\x0ek\xef/\xda\xcf\xe1\x1b\xfcx\xfd\x9a\xbcm\xf0\x8a\x13\xfb\xedw\xc3\xb7\x16\xf6\xdf\xf5\xdbn\xe8\xff\x00\xf1\xf5Z\xf1\xf1\xb9^\x1e\xa2\x95X+N\xdd:\xfc\x8fs/\xce1Ty(NW\x82}z|\xcf\xe7y.\xdd\xb4\xf5R\xcd\xf7\xbf\xbd\xefCY\xdfi\x97\xd7~\x19\xd5-\x1a\x0b\xcb\x1b\xa9 \xb9\x89\x86\x19\x1dX\x86R=\x88\xfd+\xe5\xd5\x1e\xe8\xfbO\xacy\x9es\x1e\x87g\xac\xc1\xafk~b\xdd]Z\xc9\xb2\xce\x17\x8f!\x18\x13\xd7=}q\xef[\x9e\x0bfc\xacA;\xee_\xed\x07,\xab\x9c(\xc0\xe0f\xae\xb5iR\xe5V3\xc3\xd1\x8dYI\xb3\x0f\xe1}\xb7\x88|_\xae\xb4\x1e0\xbb\x9a&amp;\xea\x8d\xe5\xed\xdb\x8e0\xb8\xafN\xd1ln\xaf4\xe9#\xd0.c\x8ed\x8f1\xbb\'\xcd\xebJ8\xc8\xec\xa2\x91\xddF\x8a\xa5\xac\xbd\xef\xeb\xd4\xd8\xd1\xbc\x0fd\xb3Ge\xa7x\x96\xe1\xa4h\xf2\xca\xddQ\xb3\xceN==k\x9f\xf0\x16\xb1\xf1[W\xf1Dzg\xf6\xc3D\xcb&amp;$Y==\xc6=+\xa3\xdbK\x96\xfa\x1b\xc7\x19\x87r\xe5T\xdf\xf5\xf3)|D\xf0\xdf\x8bt-\x7fo\x80|Iq5\xe0\xca\xb2\xb4~dr\x03\xfc\'\xa5{\xda\xe9Vvp\x07\xba\xb6\x8ei\x14\x02\xd3l\xf9\x8e;VR\xc7BQ\xb7)\x95j&lt;\xda\xc5\xd8\xf0\xdf\x0fh\xbe7\xf0g\x894T\xf1\x1c\x05d\xd4\xf2\xb7\x8fk\x9f,\x9cv\x1dz\xf5\x1d\xb3\x9a\xeb&gt;8\xf8\xf2M\x1f\xc6\x9e\x1b\xd3\xf4\xf5F\x92k\xa3\x1c\xaa\xbfx.3\xfd\rU9T\xadFZ\x1euH\xd2\xa3Z:\x9d\xaa\xeb\x8d\x17\xee-\xe4c\xdbn\xef\xf3\x8a\xe74\xfda\x9a\x7f2s\xdc}=k\x82Tt;\xe3[\xdd=\xaf\xf6s\xfd\x9c\xbe2|d\xd55O\x1c\xfc4\xf0\x1c\xda\xfc\x1e\x1f\x9a\x1bK\xfb{y\x95fF\x9d\\\xac\x8a\xacF\xf0\xbb&gt;l\x1c\x8d\xe3\xb6q\xf7_\xfc\x11\x07\xc1\xeda\xfb&lt;\xf8\x8b\xe2\x14\x8e\xbf\xf1P\xf8\x99\x84*\xbd\xa3\x825O\xe6Z\xbd\xac\xbb)\xa7\x8c\xc2\xb7U\xb5\xae\x96&gt;\x7f6\xcf*\xe0qQT\x92zk\x7f\xf8\x16=#\xf6\x01\xfd\x8dW\xf6s\xf0\xb4\xde5\xf1\xb5\xa4-\xe2\xcdj\xddR\xe5\x15G\xfa\x04\x19\xdd\xe4\xa9\x1f\xc4N\x0b\x11\xe8\xa3\xb7?FW\xd1\xe1pX|\x1cmM|\xfa\x9f\'\x8d\xcc1X\xfa\x9c\xd5_\xcb\xa2\n+\xac\xe1\n(\x00\xa2\x80\n(\x00\xa2\x80\n(\x00\xa2\x80\n(\x00\xa2\x80\x03\xd2\x8a\x00\xfes\xff\x00i\x1db\xce\xd7\xf6\x8f\xf1\xb5\xf6\xa3\x18]\xde,\xbeY\x8e:\xfe\xfd\xb0\xd5\x95\xfb[@e\xfd\xa2&lt;}l\xa4\x9f\xf8\xabu\x00\xbe\xdf\xbfz\xf8\x9a\xb8\x8eJ\xf2Mu?E\xa3\x85\xf6\x98x5\xd9~G\x82C\xe3\xdd+\xc3\x9f\x1a5\xbf\x06\xeaZ\xca\xe2\xf2\xe3\xce\xb6m\xdf"\xa1PT\x1f~\xd5\xcd\xfck\xf8:|a\nj\xbal\xado\xa8[\x9f\xdd\xcc\x06&lt;\xdf\xf6\x1b\xdb\xde\xba#\xf5&lt;TTd\xec\xff\x00\x03\x8a\xa4q\xd8:\x8eP\xf7\x97U\xd4\xf6\xbd\x0b\xc46&gt;\x15I\xb5\x0b\xcdV\x1c4l\xf1\xa2\xc8\x0f\x99\xe8\x01\xaf\x8bu\x7f\x1a|W\xf0\xdd\xd8\xd2\xbcO\x05\xd5\xb9\x8c0\x8ft\x7f+.G~\x9d\x861\xda\xb4\x8eU\xcd\xf6\x933\xfe\xda\x95=\x1cZ&gt;\xd2\xf8\x03\xf1\x1e\xd7\xc4\x1e?\x7f\xb5\xca\x11\xa4i\x17\xcdb?w\xf3}\xdf\xce\xbe3\xd1~5\xeb\xfa\x14\xb1\xdci\xaf"\xdc7\xef$\x90H1\xb8g\x8f|\x8a\xd6yl\x9cm\x1d\x0c\xe9\xe7\x1c\xb2\xbc\x9d\xcf\xd3\x8dw\xc4:\x7f\x86\xf4\xd9\xef\xb5=r\x05\xb5X\xfc\xc6\xb8\x96P\x00\x18\xf5\xef_\x9cV^5\xf8\xf3\xf1\x96g\xd1\x17W\x9e\x0by\xd7\xe6\xb8\xb8\xdc\xb1\xaag\xf8{\x9e\xdc\n\x88\xe5q\x8e\xb3\x92E\xcb8\xa9Q\xda\x9c[&gt;\x8a\xbe\xf8\xa7\xa5\xfcK\xf8\xff\x00k\x05\x85\xc42Z\xe91\xcbq%\xc0\xe4\xae\xd5\xda\xbd=KVg\xc0\x7f\x83v\xbe\x02\xb0k[r\xd7\x1a\x85\xd3\x01w}"\x9d\xce;(\x1d\x94QY\xd0\xa5\x0eH}\xe5\xe1\xe3\x8a\xadUN\xaf\xdcz\xb8\xd6\xa6\xd4\xa5\x92\xe8;\xc3gk\x11\x96\xeaE\\\x90\x83\xae\x05i\xea\xfe\x12\xd7\xf4\x9f\x06M\x0f\x87n\xad\xc5\xdc\xb0\xb0\x9a;\xa8\xb2\xb3)\x18\xdb\xfe\xc9\xf4\xaf65h\xca\xa7"iwg\xa9*5i\xd1\xe7i\xbf%\xaf\xfc\x13\xf6K\xfe\x08\x9f5\xbd\xc7\xec5\xa7\\\xda:\xb4rx\x82\xfd\xa3u\xe8\xcb\xe6\x0c\x1f\xca\xb8\x1f\xf87W[\xd6\xaf\x7f`\x99\xbc=\xaf&amp;\xdb\x8d\x17\xc6W\xd6\xca\xbf\xddB\x11\x80\xfc7\x1a\xfa\xac\xb6\x9ciQpN\xf6g\xc5\xe7\x15%[\x12\xa6\xe3k\xa5\xa7\xa1\xf7\xad\x15\xe8\x1eHQ@\x05\x14\x00Q@\x05\x14\x00Q@\x05\x14\x00Q@\x05\x14\x00Q@\x08\xcc\x11K\xb7A\xc9\xaf\x0e\xfd\xb7\xbfo\xef\xd9\xab\xf6\x1c\xf0-\x9e\xaf\xf1\xbb\xc7\t\x0e\xa1\xe2\x1b\xd1\xa6xsA\xb0\x02k\xedF\xe9\xce\xdc$`\xf0\x8aN]\xd8\x85Q\xd4\xe7\x00\xcc\xa5\xcb\x16\xca\x84e9$\x8f\xc2\xff\x00\x8f\xf2\xc5\xaf\xfc~\xf1\xb6\xa1jUD\xde,\xd4Yp8+\xf6\x87\xedY\x0e\xf1\xea\xde\'\xbc\xd6$\x1b\x9ek\xe9\xa4c\xbb\x96\xdd!9\xcf\xe3_\x9c\xe2\xaasVr\xf3?V\xc2S\xe5\xa3\x18\xf9/\xc8\xe4&lt;k\xe1\xb9\xec-\xd6\xf2\x1f\xb8\x17\xe6^y9\xf4\xafG\xf1g\x86\x17Y\xd1\x8c\x96\xf1nd\x1fJ\xc6\x9dis\x1d\x150\xe9\xecyw\x85\xbe\x1c\xe8\x1e5\xd4m\xed\xaf\xf4\xf8\xe6;\xbaI\x18\xfck\xd0&lt;\x05\xa0Cm:\xcb\xf6s\x98\xfe\xf3\x05\xab\x96"q^\xeb\xb1\x9d&lt;-9|J\xe7E\xe1\xbf\xd9\x03\xe1\xac\x11+\x8f\n\xd8\xc8\xee\xff\x00*\xfd\x9d@R{\xf4\xafI\xf8g\xe2-*\xebL\x92\xce\xfd\xf6\xddF\xd8\x85\x99\xbf\x86\xb9%\x8a\xc5^\xdc\xcc\xeaX\\//\xc2\xbe\xe3\xcd&lt;W\xf0C\xc3\x9e\x1e\x81M\x9e\x9doo$y\n\xb1F\xbc\x0f\xcb\xadz\xb6\xb7\xa2\x9b\xbb6\x96?\xde\t9m\xc3\xa5vS\xc5In\xceY\xe1\xa9\xb7\xb1\xe2\xde\n\xf0\xbbO\xe2\x00N\x02\xc7\x83\xb8.\x05z\xaf\x83\xfc\r \x9a\xe2\xf5\xad\x8e:\xe7\xdf\xd2\x8a\x98\x8eh\xda\xe5S\xa1\x18kc\x95\xf1D\xf6zZ\x88\x00\x96id\x84\x98\xeda\x8bs\xb6?\x8b\xd8{\x9c\n\xdb\xf1\xdaO\xa2L\xda\x85\x85\xacN.m\xd2;\x80yt\x89NY\x87]\xdc\x1fQ\x83\xebJ\x9f-H\xdf}}\x05Vr\x8c\xad\xb2\xf4\xb9\xf7_\xfc\x1b\xc5\xe2\xe4\xd4\xbe\x11|B\xf0\xa41-\xbc6~"\xb7\xbb\x82\xd5\xa4Vu\xf3\xa1!\x98\xe3\xa6Z3_\x0c\xfe\xc4\x1f\xf0R\xfb_\xf8%\xe7\x8c\xb5O\x1ex\xd3\xe1\xd5\xe7\x89&lt;#\xe2\xa7\xb4\xb6\xf1\x07\xf6L\xdbn\xb4\xdbx\xdeC\xf6\xa8\xd0\x8cK\xb3\xcc\xf9\x93+\x95&lt;\x10k\xeb\xb2\x9a\x94\xe0\x9c.|6yJ\xa5NJ\x96?~\xab\x8c\xf8\x19\xfbB|\x18\xfd\xa4\xfe\x1fi\x7f\x13\xbe\t|E\xd2\xfcE\xa3\xea\xd61\xdd\xda\\i\xf7J\xec#q\xc6\xf4\x07tl:\x15`\x08&lt;W\xba|\xd9\xd9\xd1@\x05\x14\x00Q@\x05\x14\x00T\x1a\x96\xa7\xa7h\xd6\x13j\xba\xbd\xfc6\xb6\xb6\xe9\xbe{\x8b\x89\x968\xe3Q\xd5\x99\x98\x80\x07\xb9\xa0\t\xeb\xe2\xff\x00\xda\xc7\xfe\x0b\xd1\xff\x00\x04\xf7\xfd\x96\x16\xe7I_\x89M\xe3mz\r\xca\xba?\x83\xd4\\\x0f0\x7f\x0b\xceH\x89~\xbb\x8dR\x8c\x9f@&gt;\xd0\xaf\xc3\xbf\xda\xb7\xfe\x0e\xbd\xf1\xf6\xbf\xa36\x81\xfb\x1e\xfc\x06\x87\xc3\xb3\xc8\xb8\x93_\xf1\x94\xc9y4G\x1f\xf2\xca\xde#\xe5\x82\x0f\xf1;8\xff\x00f\x9f\xb3\x90\x1f\xb1\x1f\xb4\x1f\xed;\xf0\x07\xf6T\xf0C|E\xfd\xa1\xbe+\xe8\xfe\x13\xd1\xfc\xcf.;\xadZ\xe8!\x9aO\xeeF\x9fzF\xf6PM\x7f$\xff\x00\xb4W\xed5\xfbG~\xd7?\x10\xa4\xf8\x87\xfbB|T\xd5\xfcM\xaa&gt;\xe6[\x8dB\xe7)k\x17R\x91F0\x90\xae?\x85@\x18\xedMSas\xf4\xa3\xfe\n\xfd\xff\x00\x07#\xeb\xff\x00\x16nd\xf8\x07\xff\x00\x04\xfa\xf1V\xa7\xa0xh\x06_\x10\xf8\xf1"6\xf7\xba\x97\xfd1\xb5\xcf\xcd\x048\xe4\xbf\x0e\xd9\xc0\xda3\x9f\xca\x0f\x02|\x18\xf8\xa1\xf1\x9aM`|6\xf0\xa4\xf7\xf0\xe8\xfaL\xf7\xda\xad\xe4\x7f\xeam!E,\xce\xef\xd0|\xa0\xe0rN8\x15\xcd_\x11\x86\xc3\xd9\xd4\x92\x8d\xf6\xbb\xb5\xcd\xa9Q\xab[\xf8ql\xf4\x8f\x81^#\xf1\xa7\xc5\xdf\x1e\xdb\xfc_\xf8\x8f\xe2MCV\x9a\xde\xf8\xdb\xe8\xad\xa9]\xbc\xdeJ)\xdc\xec\xa5\xc9\xc1-\xd4\xf7\xae\xb3\xf6}\xf0\x8a\xda\xfc&amp;\xd0d\xd3\x91q\x0cbM\xcarKn\xc9&amp;\xbe[0\xcc\xa5S\x10\xe0\x9d\xa2\xbaw\xf3&gt;\xcf*\xca\xe1O\n\xaa5y&gt;\xbd\xbc\x8fv\xf0\xad\xc0i\x80x\xcba\xb3\xe9I\xe1\x08d\xd4dE\x85v\xb1\xec:W\xce\xd7\xf7\xa4}=\x15\xcb\x14z\xa6\x87\xa5\xa5\xee\x9b\xbfr\xec\xdb\x92\xd8\xa8|5\x7f=\xacKg&gt;\x00V\xc6\x18\xf5\xaf&gt;\\\xcaZ\x1d\x91\x13\xc3\xda\x0cv\xda\xbc\x90\x88\xf0\xa4\xe4s\xc9\xad\x92\x8b4\xfe|@F\xfd6\x86\xebG;\x92\xb3\x0eK\x1d\x0e\x8d\xe1\xdb\x18v\xdc\x15UeQ\xb5|\xb1\xba\xb3\xb4\xeb\xfdb\x19\x86\xd9\x19\xb6\xf1\xf3\xe3\x8a\x06\xe2u\xda\x85\xdc\x11\xd8\xf9\x06\xdf\x96\\\x0c\xb7\x03\x9a\xc9\x8e\xf9\xda67\x12\xafN&gt;l\xd5E\xa4e\xca\xd9\xa5\xa2\xc1\'\xd9\xfc\xb2\x06\xe6rXg\xaf\xf4\xaa\x96\x9a\xa0\n\xac\xa7\x8d\xff\x003z\x8a\xaew\xcdt&gt;K\x19\x9f\x10\xfc7ws\x12\xdc\xe9\xf7\xabo2\xc6\xc9&amp;\xf8\xbc\xc5(\xd8\xce\x06G&lt;p\x7f0kcS-\xa9Zf%\xdd\x9e7\x13\xda\xb7\xa7VQ0\x958\xcbs\xe5\xdf\x8d\x1e\x1a\xb2\x96i4h\xec\xcb[\xdb\xc7\x8b\x84\x91\xf3\xb9J\xa8&lt;c\xbf\x1fS\x9a\xf4\xcf\x88~\x1b\x17sIo\xe5\x0c\xb2\x90\xdf/j\xef\xa3\x8b\xe4\x8d\xbf\x13\x96\xb6\x0e5\x1a}\x17C\xe0_\x00|a\xf8\xe7\xfb\x1b|b\xba\x8b\xe0\xd7\xc4\xddo\xc3\x1a\x96\x83|.\xb4\x9b\xdd*\xf1\xa3o&amp;O\x9d7.v\xc8\xb8\xf9J\xb0 \x8c\x82+\xd0\xbfjo\xd9\xd7\xe2\x1f\x8b&gt;)\x7f\xc2M\xf0\xdf\xc0\xda\x96\xb5\x06\x97\xe1\x11/\x88\x9bL\xb62\xb5\x9cBf\x11\xc9 ^@&lt;\xe3\x82p\xa7\xb0\xaf\xaf\xca\xf3Ju\xa9\xa8\xd5\x92R\xd9]\xa5\x7fN\xec\xf8|\xe3-\x96\x17\x10\xe5M{\xaf_O\xf2?Y\xff\x00\xe0\x9d\x1f\xf0t7\xc1\xdf\x89zF\x91\xf0\xcb\xf6\xee\xd1\x9b\xc2~(\xdc\xb6\xd7\x1e4\xd3m\xf3\xa4\xdd6?\xd7L\x99\xdfjO\x04\xed\x0c\x9c\xe4m\x1c\x0f\xc2\xef\x0e\xfc4\xf8\x8f\xe27\x9dt\x0f\x02kW\xbe\\d\xbbZ\xe9\x938\n9\x04\xe1}3\xd6\xbd\xf8S\x8c\xb4&gt;~^\xe9\xfd\x95x\x17\xc7\xbe\n\xf8\x9d\xe1;\x1f\x1e|:\xf1^\x9f\xaeh\xba\x94"m?T\xd2\xee\x96x.\x10\xff\x00\x12\xba\x92\x0f\xf4&lt;W\xf2\x8f\xfb\x17\xff\x00\xc1I\x7fl\x9f\xd8\x0f\xc4\xebw\xf0?\xe2u\xf5\x8e\x9d\x1c\xdf\xf10\xf0\x9e\xa6\x0c\xfam\xc7\xa8\x92\xd9\xf0\x11\xbf\xda]\x8e;\x11I\xd1}\t\xe6?\xac\xea\xfcg\xf8q\xff\x00\x07k\xe8\xdf\xf0\x85O\x1f\xc5\xaf\xd9\x1e\xe1\xbcG\x1d\xb7\xfa4\x9e\x1d\xf1\x02\x8b\x19\xe6\xed\xbcL\xbed+\xf42\x1f\xadg\xec\xe4;\x9f\xb3\x15\xf9\xb3\xfb&gt;\x7f\xc1\xcf_\xb0\x7f\xc4\xbd%\xbf\xe1sh\x9e$\xf0\x0e\xa5\x14A\x9a9\xec\xcd\xfd\xb4\xc7 \x11\x1c\xb0\x8d\xdf\x83"\xf0)rK\xb0\xcf\xc6o\xda\xe3\xfe\n\x93\xfbm~\xda\x9a\x9bK\xf1\x9f\xe3^\xa5&amp;\x9a\xef\xbe\xdf\xc3\xba\\\x9fd\xd3\xe0\x1e\x82\x18\xf0\t\xf7m\xcc}h\xae\xaeT\xb63\x1b\xfb\x1c\x7f\xc1;&gt;*~\xda\xfa\xc3Y\xf8O\xc7\x9a\x0e\x8fk\x1c\x81n\'\xd4\xdaw\x90g\x9f\x95\x122\x0f^\xedEU\x80\xfb\xdb\xe1\xbf\xfc\x1b\xaf\xf0\x13\xc2f\xde\x7f\x8c\x1f\x1a&lt;I\xe2\x0b\xa5 \xcd\x0e\x93\x0cVp\xb7\xaa\xe5\x83\xb6?*+h\xa5f3\xe8\x1f\x08\xff\x00\xc1&lt;\xbfc\x9f\x81\xd6\x11\xe9_\x0f\xbe\x02\xe8\x18`&gt;\xd1u\xacY\xad\xf5\xc4\xff\x00\xef\xc9&gt;\xe2~\x83\x03\xda\x8a\xe6\x94\xa4\xa4\xac]\x91\xf3\xcf\xed\xf3\xfbDxw\xf69\xfd\xa3\xfe\n\xf8\'\xc1\x9f\x0e\xb4\xfb_\r\xf8\xc3\xed\xd6~"\xd3\xb4\xbb(\xa1\xf3\x19\xe5\x8e(\xa4U\x18S\xb0\xb1\xc8=U\x98zQ_7\xc5\xb8\x1c.#-\xa8\xeaA7\x15x\xbe\xa9\xf7Otz\xd9&gt;&amp;\xbd\x0clT%k\xe8\xfc\xcf\x97\xff\x00i_\x84\xbaO\xec\x7f\xfbC/\x85|,\xe2_\nx\xe1d\xbf\xd2t\xb5\xfb\xfa\\\x9b\xf1$C&lt;\x18\xf7\x1c\xae\x0e@\xe3\xb5\x15\xf9\xe6C\x88\xad\x8d\xca\xdc\xab\xcb\x99\xa7d\xde\xff\x00y\xf7\xf5?s\x88J\x1a\'\xb9\xd6|\x1b\xd3 \x9eB\xf2.\xed\xccv\xa9\xedE]c\xd1\xa7\xf0\xa6w\xda\xee\x87m\x00\x8c\xa99V\x04\x9fZ+\x96\xe7Qv\xde\xca&amp;\xb5Iq\xf32\xee\r\x93\xc5\x14\x8a\x89\x15\xbe\xads\x13\xfd\x9ec\xbb2\x10\xb8\xedER\x07\xb1b\x1f6i\xca\xc7!\xe1\x80!\x8fZ*\x82&amp;\xee\x9b\x13\xa8\xe4\x86^\xfb\xa8\xaa\x89\x13\xdc\xe8t\x8bh\x9a\xcf\xccx\xf7|\xbe\xbd\x05\x15\xa4L\x0e\x07\xe3E\xfe\x9b\xe0\xbd\x06\xf3\xc4\xd2Y4\xc6\xde=\xcb\x12\xe0nb@\x03\xe9\x93\xcd\x15\xa4~!K\xe19\x0f\xda\xa3\xf6\x98\xd4\x7f\xe0\x99?\x04|;\xe1\xff\x00\x08hQ\xeb\x1e&gt;\xf8\x9b}\x16\xa3\xafx\x82L-\xba[D\xe9\xbe\xdd3\xf3c\xcb&gt;R\x0c`\x02\xcc~c\x8a+n\x0c\xc3\xd1\xcc\xf3j\x951K\x9d\xc3\xe1\xbe\xcb\xd1m\xf8\x1f\'\xc4\x18\x8a\xd4i\xa8S\x95\x93Z\xdb\xfc\xf7?T\xfc\'\xa0\xe97\x9aF\x9b\xe3\x11\xa7[\xc3q\xabi\xb6\xf7&gt;U\xbd\xba\xc7\x1c\x08\xf1\xab,J\xa3\xb2\x86\xc6O\'\xa9\xa2\xbfn\xa7\xf0\x9f\x9e\x1ee\xfbE\xff\x00\xc13\xbfc\xbf\xda\xae\xf7\xfb\x7f\xe2\xc7\xc2{o\xed\x7f/h\xd6\xb4yZ\xca\xe8\x8f\xf6\x9a,\x07\xc7\xfb@\xd1Y\xc9\x97ot\xf9k\xe2\x7f\xfc\x1bW\xf0\xaf^\xb5\x9a\xe7\xe0\x7f\xed\x05\xadiwx\xcc\x16~$\xb1\x8e\xea\x1f\xa1\x92=\x8e?#Eb\xd2\x04~k\xfe\xd5\xdf\xb2\x7f\x8d\x7fd/\x8a\x97?\x0b\xfcu\xe2\r\'R\xba\x8b%.\xb4\xb6\x95\xa3e\xcf\xfd4De&gt;\xdc\x8fz(\xe5B{\x9f\xff\xd9'</t>
        </is>
      </c>
      <c r="M571" s="3" t="n">
        <v>45492.6781712963</v>
      </c>
    </row>
    <row r="572">
      <c r="A572" t="n">
        <v>1651712</v>
      </c>
      <c r="B572" t="n">
        <v>89362</v>
      </c>
      <c r="C572" t="inlineStr">
        <is>
          <t>Mateo Zuleta</t>
        </is>
      </c>
      <c r="D572" t="inlineStr">
        <is>
          <t>M. Zuleta</t>
        </is>
      </c>
      <c r="E572" t="inlineStr">
        <is>
          <t>ME</t>
        </is>
      </c>
      <c r="F572" t="inlineStr">
        <is>
          <t>MC</t>
        </is>
      </c>
      <c r="G572" t="inlineStr">
        <is>
          <t>ME</t>
        </is>
      </c>
      <c r="H572" t="n">
        <v>170</v>
      </c>
      <c r="I572" t="n">
        <v>19</v>
      </c>
      <c r="J572" s="2" t="n">
        <v>37413</v>
      </c>
      <c r="K572" t="inlineStr">
        <is>
          <t>Right</t>
        </is>
      </c>
      <c r="L57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1224d4-15d6-47b8-8e69-540ca22e0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c7\xd3\xc7\x00\x00\x03\x00PLTE\xff\xff\xff\x1e\x1f%$\x1e\x1f\x19\x1a\x1a!"&amp;()+\x1a\x1a\x1f\x16\x1a\x1f\x16\x18\x1c\x1b\x1c"\x12\x17\x1a\xfe\xfe\xfe\x18\x15\x13%$*\xb2\x85`\x17\x16\x19\x12\x19\x1f"\x1b\x1a\xfc\xfc\xfc\xa1uK\x90hD\x95nJ\x8aeB\x17\x1c#\x1e\x1f\x1f\xc9\x9at\x86fI\xa4yX\x1d\x1a\x17\x9bnM[D0\xfa\xf9\xf8\xa9}Q\x83bD\xb6\x8cg\x9btM\xc0\x90g!"!%\'%\x81[A\x94hJ\xcd\x9ex\x8ccI\xc5\x97p\xac\x7f`\xb7\x88c\xac~X\xf7\xf6\xf5|Z&lt;*##`G3\x1d\x1d\x1b\x1f\x16\x1e\xbb\x8cg%"#\x84`?\x12\x13\x13hO;\x8ejK\xa2xP\xaaxV\x9cpRsS6\xa7vN\x9duR\xa7~Z\x94pR\x96mD\xb2\x7f[(!\x18v[&gt;tU=\xa8y_--,\x9cqG\x1e\x15\x16O:\'\xab\x84Z\xaczL\xf3\xf1\xf0%\x1b\x11mU&gt;\x96jRG3$~aI\xb1|RbM8\xd3\xa2{\xcf\x9bi\x8a^B\xb3\x86h\x1f\x16\r\xa0vV\x12\x13\x17{_CA+\x1bhJ4nN1\xca\x90f\xa3pM\xee\xeb\xea~`=\x15$#Q?.\xc3\x91`\x0f\x1f\x1e\xba\x92i\x7fgR\\@(\xb5\x89[qYE\x12\x1b#\xa0nF\x8ekS9.%\xc0\x96l\x89gQ\xa1\x80f\xd4\xa0o\x94j@1"\x18\x1b*#\xa5tW\xc8\x8d]\x86mX\xe74%}T6\xc9\x96g\xb1\x84W\xbc\x8da\x14\x0f\x0cW&gt;.zT=\xda\xd4\xd3\xaf}f\xbc\x8fnfF*\xac\x84d\xe6\xe1\xe0\xbb\x85]8\x13\x14\x86Z9\xc2\x8a\\\x97tZ\xc4\x92l[9!\xb2\x8fp\x96zc\xa3~U\x92c?\x0c\x1a\x19\x1d$%\x0b\x18\x129(\x15\xe943\x1d#\x1b\xe2\xdb\xd9y[H$\x1a(\xc5\x96d\xda\xa7~,\x17\x1a\x9chK0\'#\xd0\x94h\xcd\x93`\x0c\x10\x18uI2\xba\x84T\xd5\xa7\x81\x92p]\xdc\xac\x85\xde.*\xb9\xa3\x9c\xe8*)\xbb\x8bY\xf11)@"\r\x99eDQ4\x1e\x9fpX121H/\x1a\xd1:9)\x12\x10\xca\xc3\xc1F8.\xcd\xa3\x7f\x88rc\xdd75/\x1b\x0f\x8ec:\x0b\r\x10\xb4\xad\xad\xbf\x97u\xc1\xb9\xb7\x95\x80u\xc4\xb1\xab\x9fy^\xf6+\'C\x08\x0c\xb7\x97s\xea\xe5\xe5986\xd6\xcb\xc6\xd1\xcd\xcc1\x1a+v`OB@&gt;~wv\x8fSG\x1c\n\x06]\x1f\x1cN\x1b\x13\x18\x1f\x10\xc5\x9c\x7fWJ&gt;\xc2\x90rLIG\xc0:;\xa5\x8b\x81S\x0c\x13\xa2iXpig\xb1\x99\x8b\xaa\x8bn\xac\xa3\xa1v\x1e"7\x1f\x1dd_]j\x15\x1c\xa9lf.\x06\x04dSM\xa1\x85rx\r\x19\x9c{X\x98//{g]\x9f\x9a\x9a\xb2so\x8c\x85\x84\xac96j=)YUS\x96YQ\x97\x8f\x8d_\x0c\x10\x8f\x0c\x1dR5)\xbb\x85p\x82(&amp;\xcf\xbd\xb6\x85[N\x86HC\x7fA8\x953\x7f\xb4\x00\x00 \x00IDATx\xda\xcc\x97\xedOSi\x1a\xc6\xdd\xd3u\x13\xedY\x99VE(}Y\x14\n\x08\x08\xa7g\xa8T\xcb[\x97\x83\xc3\x96\x91J- %\x14\n\xa4\x8d\xb23R\x07\xb7k\x8d\x957\xa5\x10ysg\xb5\xa9\x04\xb0\xb8\x80\x84\x90\x015R\x08\xcb\x9bM\xc4%#!)\x0c\x99\x84\x95\xd4\x0fM\x0c\x84\xac!\xe1\x03\xc9\xde\xcf)\xfc\x07-\xceE\xces\xa0|\xe8/\xd7}\xdd\xf7\xf3&lt;\x07\x0e\xf8@L&amp;[\x10\x07\x12\xb0\xd9\xcc\x03\xbf\x15\x01Svc\xfd\xe8\xcc\xcc\xe8\xfc\x932D\xc6\xfcmP\x95\xcdOm\xaez\x96\x97=\xab\x9bk\xf5\x8de\xd9\x82/O\xc6\x14\x94\xd5o\xac\xae8\xec\x18&amp;\xcct,{\xc6g\xb7\xa6f\xe6\xe7\xe2\xbe,T\xdc\xdc\xfc\xda\xac\xe7\x1d!\xaf\xa9\xc1mB\x83\xc1\xe0p\xe8&lt;\xab\x0b[3s\x82/g\x18\xbbltm\xc1\xe3\xb0\x13,9^\x83c\x99/\xedv\x82 \xec\x06\xc7\xf2\xfaZ}6\xfbKY\xd5\xf8fa\xd9\x00Lr\x16\xc6b\xb1\xc4\x99\x06\x00\xc4\x80\x8b\xb0;&lt;\xbf\x8e\x96}\x91\xb6dg\xd7\xaf\xado\xbb_\xe3\x89\x89\\"\xd3\x8eq\x81H\xccB+\x81QFw\xed\xec\xcc\\\xdc\xfe\x1b\xc6\x9e\x1b\xddZ\xd6\xb8\xdd\xdd\xf8$\x8e\x11\x99\x99b.\x98Fr\x01K,\xc6\x08\xbb\xdb]\xbb&gt;\xb8\xef\x85d\xb2\x1b\xd7\xd6\x1d\x13\xaf\x8dv\x8c\x11\xc0\xa0QP\x1d\xe5\\XX\x18`\x11F\xb7\xd23;\xd3\xb8\xaf\xc9GT\x1f\r\x94BA\x11\xe2\xf0\xf0 p\t\xc80\x142:e\x18*$\x8b2\xf0\xd7\x07\x9f\xc4\xed_\xc2\x80j\xe3\xf3KJ\x81\xbc!\x08\xe0\x81\xda\x89\t\x84\x05x \x16\xf6{q8IRn\xa5\xe4\xd7\xff\xec_!\x11\xd5;\xa1\x0b\'\x83HT\xbe\x00\x1c\xe7\xa2\xba\x81Q^&gt;.\xe3\xd1#\x1b\xc3&amp;\xb4\x1b5\xa2Y\xe8\xc8\xfd\x1aWS\x1f_\n\x85\xb6\xc3\x0c\x06\x89a_\x03\x95\\\x8es\xa1n\xbb\n\xe2\x92\x87\x0e\x05\x91$FQ\x94[7&gt;\xd8(\xd8\x9fy5\xbf\xf0\xee \xf9w!\xe3p\x00\xc2\x82\xd2qa\x9a\xa2T\xedq\x05\x85\x07\xfd\x01&gt;\x97\x936\x8aR\xfe\xbc?\\\x82\xc6\x8d\xf7\x99BF\xb8\x90d\xa0puwC\xa8\xc00:V(\xef\x106h\x03\xa0Z\xc4q\x86\xcb\xa5P\xaeO\xed\x03\x17\x94\xf03\x14\x0c\'\x85\xc2p\x18\tr\xd4~r\\N\x03A\xbc`!\xc0.\x0c\xeb\xee~-O|\xfc\xcf\xc7\x88\xeb\x8d\xdf\xb9\x98\xd9\xa3\xab\x98\x1c\xe3\xe2`W\x10\x17\xf6\xc2\x9a\x1a9\x8b\x8b\x06\x16&amp;\x06"\xb1\x18\xb5&amp;7\x80E\xc0\xa4\x95\xe3\x80\xf5\xd8E)\xd7\x07\x1b\xfd\x9c\xfb\xb8\xfaMC\r\x8b\x85\xe3$\xc9HL\xc4!V\xd0\x86\x00\x02\xbd\x88\x89\x0f".(%\x17&gt;\xebvw\x7fM\x1e~\x0cX\\\xf76\xe2\xf2\xe7\xfcb\xcem\xbc\xc7\xf1p\x12\xc7\x83\x82`7d\xd8l\xb0\xe1\x883\tX\xa0\x13\t\xc4\xe5\x8d\x98\x02U5\x1c\x913\xb8\xdd\xc05\xe5\xcf9\xc1\xcc\x9e\xf9(L\xc4IFM"\x19\xce\xc0]\xa4\xcd\xc6u\x81Q\x04\x9d,\xc2N\x8b \x8cF\n\tR&amp;\xa7\xc3G\xd9\x1d\xeb3\xd9~\xb3\x8b)\xa8\xdf|/\xc4\'\x13\x13\'\'qp,\xc0\x05^\x91,\xd8\x84\x10\x84\x1d\x8e\x81\xe81\xd8\x8dF#\xbc2\r\x99\x04\xdd\x14\xb8\x8d2:f\xeb\xfd\xb6?\xb2\xcb6V\xfe\xf8\xe8\xc4\xe1\xc9\xc9\xc9D\x06^\x93\xc8\x85\x89\xa9PLLX5\xaf\x94\xca,\xbeH\xc4\xe7\xe7J$\xa2\xac\x11\xa5R\xa3A\x80\xeen\x8a\x82\xd1\x0f\xa6\x1au[~\x8b}\xf6\xe8\xc7\x83\'\xbe\xff\xfe+\xc0\n\x80\xd4\xe0\\\x16e\xb4jF*\x1aJ\x92/\xc4\x87r*[d\xb2\x16\xa7\xb32"\xbe\xe8\x92\xa8"K\xa9\xb1\x1a\'\xa0\x9c,\x16`\xb9(\x8f\x9f\xca\x88J\xf8\x8e&lt;t\xe2\xab\x7fMN\xc2\\\xa8Q\xab\x15F\x8d.\xf7R\x11\xe7\x9c\xec\xd3\xa7OU\x96\xf6\xb7\xed\xedo\xdf\xde\xb7\x848\xab\x9c2N\x91\xa4bDc\xb5B\xce\x14,\xca\xe6R;6\x9f\x08\xfcS\xc2\xb5\x15\x92+\xfe]\x00BZ\\\\T\x1b\x95\xb9\x1d\x95\x9f\xaa\xd2\xfe\xf1\xad\xe5\xc8\x91\x93\'\xaf^MH\xb8z\xe3\xc6\x8d\x84\xd8\x93\xf7\xaf\x9e\xb4\xa4\xc9N\xd7\x15W\x8c\xbc\xd2X\'\x14\x08\xcb\xe8\'\xbb\x04\xf5\xabv\x18H,\x80\x82\xd2i^m\x8b:\x9eWY\xbe\x05\xdd\xfd+\xa8\xba\xba\x1a\x9e\xb0\xb0\xce0\xaf\x12bcBr"\x92\x1b*F~\x9a\x98P\xb8\x14\n\xe5B\xbd\xc0\x1f\xc3aj\x85\x04\xa3\xc0&amp;k\x96\xa889#\xe2tKH\xcc\x99?]T!\xaa\xa1\xa1!\xbd^\xdf\xd9\xd9\xa9G\xea\xd4\x9b\xf4\xfa\xb0\xa6\xa6\xf4[\x91g\xe3K\xda4?)\xd4\xf0\xb3\xbcV\xe6{\xbb\xd8O\x16\xde\xc1QaqqBSQ\x92Q^~602I\xaaR\xf5\xf5\xf5\r\ry\xa1\xbcjnn6=3\x99L\xf0nnJ\x97\x9e\x8a\xbcr\xa7a\xc4\xaaP\xa8\xd5\xf6\x85y\x81\xef\x03?\xff\xd9\xae\x86\x98[\xb3r\x933\xca\xcf\x9e\r&lt;^*EP\x80E\x83\x01\x8d\xe9\xd9\xaeL\xb4\x10V\xba\xf4(\xefxh\xf2\xb6{B\xadv\xadLe\xfb~7\x1c]a\xd5@\xf3e\xe5fd$\x97\x07\x1e\xfb\xf3\xd1\xa3)\x17\x91[\xcd\xf0\xfdz@\x02\xa8\x1e\x1a\xaa\xe7\x19\rhjnR\xa9\xd2U)!1\x85\x1c\xc9\xb6FQ\xf3\xd8\xb0\xd5\xe8\xf3*fO\xbd\xa7\xd4\x8b\n\x03_\x92\x01%\x0c&lt;v\x9c\xc7\xbb^\xaa\xea\xa3=\xf2\xfa\xd4\x93\xdf\xd3\xf3\xac\x07\x1e\xf8\x1b&gt;\xd6\x9a\x9aT)R\xe9\xf9\xf3\x85\xa99;\xdf\xd5\xba\xd5.\xdb\xaa\xcf\xab\xc8\x9e\xdbpP\n5\xa5\xcc\x95\x00\x95\x17\x8b\x97\xa2j\x82bi;\xb5\xb4\x10\x91\t\xd6gZ:`\xdaf\x1a+\xa405))gG\xb2m\xb4\xb9&gt;\xcf\xc4\xf9&lt;\xf1\x9b\xe8\n\x065\xbc\x84\xcc\xa2\xb1R\xa5\xe9MP@\xed\x9ez\xb4Z\xa0\xd1j\xa1\r\xf5\xa6\xb0\xe6&amp;hE\xe9\xad\xf3!\x85\x85I-\x95\x1d\xb5\x06\x9bky*\xce\xe7Sk\xc1@QV\x83Nri\xcf\xad\xa4B\xc0\x1aj\xd6\x9b\xb5\xe6\xd6]\xbb\xb4\xe0\x1d\xd0\xe9;\xcd\xd1\xdaj\xa0JO)\xe5\xa5\x16\xa6\xcar\x9e\xef\x14+\x85\xae\xf7k\xbe\xce\xbc`~\xd5N\x19\x95J/\xd6\xd9\xc0c\x88+\xe4\x0cp\xe9\xcdf\xb3Vk6C\r\x83{h\x99\xcd\xd1\xf9fmX5\x98\x95r\x9dw*\x95w&lt;\'g\xa7w\xdb\xeer\xf8\x1c+n\xd4c0\x1at\xba\xda\xe2\xe4\xba\xf8\xf8\x07W\x02\x8fEF\xf2\x92\xce\xdf\x1d\xaa\xee4\xa3\x19j6\xe7\xe7\xf7\xe4\xdf\xa4\xd5\x93\x8f@![\xe9*iJ\xca\xf9\xd4\xd4S\xb2\x1fvzk\r~\xc22(u|~q\xef\x9d;\x0f\x1e\xfc\xfbG\xc0\x8a\xe4I\xefV\xef\x8e\xf6\xce\xfc\xfc|\xb3\x17\x0b\xfd\xa6\xa5\xb1T i\xca\xd1S\xa9\x80U\xc7WR:\xbf`9\x1c\xb5|\xd1\x1e\xd6\xf0\xf0\xf0\xd3\xd23\xb1\x88\n\x04^\x81\xbcP0(`\xd1\x9a\x9a\xfb\xfa`n\xa9J\xaf\xff\x05\xdc\xe2\xd4\x15gY}\x1fy\xc0r8t\xb5\xa2\x86^/\xd6\xdf\x86\x9f&gt;-\x95\x1e\t\x83\x12\xee\xf2\xdc\xa4_\xf9{|=@\xd5\xd7\xdc\xd4w\xb1\xf4\xfa\xf5\xa3\xc79\x80\xa53xf|=\xb7\xe2\xe6?\xea\x1c:\xbe\xa8\xe1\x7f\r\xbd\x0f\x00k\xb8\xb4\xb44%=\xa1\x15l\n\xbey3/\x0f\x80\x80\xa5\xcb\xfb\xca\xeb\xea\xea\xca\x87\x01\x81\xb6\x1fU\xca\xd3a\x9e\xec\xda\xe5\x8e\x0b"\xd1\xec&lt;\xdb\xe7X\xab\xcb\x0e\x9dH\xd4\xd0\xd0\x90\xfc\xe0\xca\x95\x1fy!!\xd23\xb1\xad\xad\xad\xd1\xc1QQ\x80\x91\x07\x8aB\x0b \xe6\xf5\x0f\x0ctE\x85\xc1Q\x07\xcd\x88\xf4[\xbc$\x84\xd5\xd1[\xf7\xdf\'L\xdf\x0f\x88]\xac\xde;\xd0\x86\xbc\x90\x98\xb4\xb4#\t\xd1\xd1\xc1\xc1Qy\xfd]\x80\x01B&amp;!\r E\xb5\x86\xb5\xc2\xa1+6\x16Fj\x92\xec6p\xd5\xed\x0c\xfazOd"\xac\xac\xda\xdcb8\xb7G\x84\x9e\xce)\x8c\x89I\x8b)\xf8\x051\xf5\x0f\x809\x03]]\xdegO\xfdQ7\xc2\xc0\xcb_\x12\x8e\xc4\xc4x\xb1.w\xec\x0c\xce\xf9\xfel\xba\xb0\x9c\xc5\x97HJ\x92\xe3#8\xe7\nc,\x96\xb4\x82\xfb\xd3KKKQc\x006\xd0\x8f\x16\xafU\xfdHccK\xd3\xb4\xee\x17\xdc+\xb8\xf7M\xcb\xedk`\xd7\xb57e\xfe\xc0\x82\xfb\xc4\xa5\x0bup\xc7\x91UY,U\xce\x02D\x05\x1a\x1b\x03\xb21\xb0-/\nb\xd6\x9f\x07\x7f\x8f-\x8dy\xff\xb74\xdd^Pp\xcf\xd9\xf2\x1c\xb8~^\xf7=\x16l\xd5\x08+##&gt;"\xf4\x1c\xbaw9\x9dUU-\xb2\x1cg\x95\xe5C\xbb\xd7\xb5\xb1\xa8\xe0\xe8\xe0\xbc~\x9aj\xfa-\\\x83\xda?|\x80\xc7\xf2\xcd\x8b\x1cY\xcb\xf3\xf1\xdb\xeb\xe33\xbe\xc6b\xb2\x1b\xb7\x96u\x92\xef2\x8a\xca\xcbC9\x9c\xd0\x88\xd0\xca\x96\xe7\x9c\x92\xb6\x91\xb6\x8a\x92\xd0J\'|\xfd\xfd\xe9\xe0(\xc8\xffX?b\xfa\xe0\x94\xfd\x10ZTT\x97\x1c\xcf\xa9\xcc\xc9\x91\xbdp\xb6&lt;|8\xbe&gt;;\xea\xf3\xd3)\x9c\xb7h\xac\xf2P\xa0\xcah\x80+\xeb\x85\xcb\x9c\x0et\xe3\x1ai+.\x929\xd3,\xd0\x00\xd1\xd3\xe0\xd9\xf4\xc94YQIE\xdb\x08\xa8\r]m\x93#*[^8\x1f\x8e\x8fo\xcd\xfb\xfe\xd0\\\xb6\xe6\xe1\xe7\x82Y@\x15\xff\x7fZ\xcd\xef\xa5\x8d5\x8d\xe3{\x1f\x98\x0bM\x02\x99aZ\x13\x03\x13\x93\x991\x08!8\x99I21\x9c\x0c\xa2\x15\xd3x\xda\x84\xc1\xea\xce9\xf4`jH0\xa9e\x08\xa9\xa1\xd1h%5\x1a\xbdSz\x08\xbb\xc4f\x91\xb29\xa1\xecR9\x85s\x1a/D\x10\xca\x1ev\x0bR\xd2\xbd\xdb \xbd)\xbd)\xe2\xd9\xe7\x8d,\xfb\x0f\x8c\x8f\x90\x0b\xe7b&gt;&lt;\xef\xf3\xeb\xfb\xbc3\xbb\xea\xc5S\xe0\xaex$13t\xe3\xc1L\x08\x0f\xc8\x84\x18s\xbcw\x0c\xbc6Y\x08\xce\xe9}\x80\x0c:Ubrf\xb5V\xa0\xecM\xa9^9\xfc\xf7\xb2\xf6Wg\x13\xad\xff\xdc\x1f\x9a\xc6\xa7\xcdF\xb3\xdb\x8dod*u\x08\xe3l6\xbe\x97\x18\x9e\xf1:\xed\x01?\x81\x15\x17\xa0\x8c\xbd\xa7I\xb334343\x9c8\x85\xe7\xd9H\xa4P\xab\x95&gt;H\x1b\x9d\xb7\xd7\xb1\xad\x84\xa68\xf6m\x04\x07&amp;\xb7\xfe&lt;\x93\xa9\xa4"{\xd9\xeca\xf6\xf00\xbb\x97\x08\x15(\xa3A\xc6\\.k\xf9\xbd\x85\xb0Q\xdePh\xf24\x1e?DV\xa9\xa4\x0b\x85hU:\xfax\xf6\xeb5,\xb9n\x9e\x9c&gt;\x99\x8cL\xc3\xbcl4\x10\x99\r|\xfa\x9b\xc9x\xe2t\xf8\xf4\xd3!\x94\xcai\xca\xad\xf7\x00\x96\xcb\xea\xc2\xfc;9o!\x92\xad\x1c\xc6OO?e\xe3\xe9:\xe4kU\x91\xa4\x8fg\xdaG&lt;\xea&gt;\x9f\xc6&amp;q\x1c\x94\x98\xa1\xdf\xefO;\xbd\x10U\xf7n\xff\xed\xd1\xfdD&lt;\x11\xfa\x06\xbc\xe5\xc1\x90\xc6gXr\'j\x8e@\x95\xbaq\xfb\xfe\xbf\xbeM$&amp;\xa7S\x01A\xe1\xe9\xa3N\xfbDs,\x9dnp\xf9pl&amp;\xc2\xe9\x17G\x91\xc4\xc2C\x0f~z\xf0\xea\xe7\xb1{\xf7\x0f\xdf\x1eFBN\xca\xa8\x1f]\xb2B\x17\\g\x93;Qjfh/&gt;&lt;66\x06s\xe3L\xc8\xcc\t\x04/",\xad#^ws\xe2\xf8\xe4\xf0\xc9\xcc4\xae\x1f\x19\xf5\x88\xa2l^\xdd|\x10\x9a\xb9\xf7\xea\xe7\xdb\xd9\xb3N=B\xb9\xddoFXP\x16\xd6u\x1e\xb0\x9c\x85t\xa62\xf4\xe8\xd1\xbd\xdbC76W)A\x14\xb7\xb7\xcf3\xe0-m;\xb5n\xf0\xe9\xc9\xaf\xed\xd31\x845\xda\xdb7\x8em\x1bW7W#\xf1\xe1\'\xf7nd\xdf\xd6\xf7BNwi\xa7w\t\x89\x8d\xfc\x14\xc2\x9a\xf5\xa6\xeb\x89\xb1\xdb7N\xb3\x93?mR~B\x1c\xdf&gt;\xaf\x9c\xb54\xbe0\x1b\\&gt;8{\x9b\x1d~5\x84\xb0\xfa\xe6]\x965?G\x15\xa6S\xd9D"\x8ez04o\xfd\x88o\xfe\xf9\xdd\x87\x7f\xb2N)\r\x1bG\x85\xf6\xe2\xa7\xf00\x1bO\xcc:\xf1~\x11\x03\xac\xf3L\xa7\xb5|\xac\xe1\x8d\x99n\xf7\xa0\x9e\xc6\xdd\xb9\xcd\xd9i\x1c7lcss\xcc\xb8\xe87\x18\xfc\xe7\x81@\x803\xba\xddH\x06U{\x97\xacw\x1f&gt;^\x87\xd9\xbdj\x83\xff\xe1\x1c\xb4\xce\xf3\x00\xc7\xf9\xc55\xcb\x9ce|\xbb_\xcf}\xfcg\xebdP\xa7Y`\x9dt\xcc\xfa\x9d\xc6N\xcd;\x1d\xc1\r\xfeq\xcb\x1c\x83aK,;&gt;\xce\xf6y\xfaG\x16GF\x90\nR\xd8\xfc\xe3\x87\xcf\xf7o\xf9\x94\xe4\x88\x1edd\xbf\xbc=\xbe&amp;\x8a\x08jnn\x0b\xb0\x16\x17I9\xd3\xde\xd5\x8aK7xQ\xc1\xfbGzG\xdfx\x9d\x11\xce\xd0\xbf\x8dY,\x0cc\xc9[,\xf9\xf9\xa5\xa5\xbe&gt;\x8f\xc7#\x80)}\xeb\x8f\xef&gt;\xde\x9f\xf2)\xcah\x7f\xafg[\xc4\x80\xc7\x82\x96\x97shg)\xf6%\x93\xc9F)p\xa1UM\x05\xac\xba\xdd3\xe2\xf3\x91\xde\x02\xce\xd9\xc0]\xc0\xe5\xb2.\xc0\xdf\\~~~~\x89\x85\xb1X \x93\xbe\xfd\xffa\xf5\xf6\xb1\x18@9\xael\x01\xb0b"\xcb\xde\xba\xe5K\x96\xa2\x9a\xdd\xff \xac\xdcb\xc3\xe73\xe4`N\xd1\xebG\xc1]\xdd\xe5\xed\x02\xaa\x9f\xf9&lt;\xb3\xc4\xaaJ\xb5\xdaP\xf6\x9f#,\x10`\x1e\x96\x81\x82\x8f\xc4\x87\t\xcc\xb1\xe0\xb2\xc4h\x96EZ6\x1am\xef\xf6h\x16[\xf5\xd9\xd2b2Yr:Q\xcaAbY\xa0+w\xad\\\x06\xb0y\xd6\x07TWX/\x11\x96/\xc8X\x17\x16\x10\x16\x1a\xc1\x06\x1c\xc5.\x16xK)Q\xdaa\xf5,Wfs#\x8bor\x94s\x1a7\x18&lt;\xe3\x16\xc0B\xef\x84\xb7:\x1c\x805\xa5\x00U\xf2\xd6K\xc0z6\xe5\x03,\x16\xb0@\x15\xdd\xe9\x8e\xd1\xafM\xc5\x18-\xd1A_\x12\xb2\xa6\xa0\x19\xd6\x1fz\x9e\x9e\x15\xdc\xe4N\xa9\x8b\xa5\x07,\x08\xf89\x07\xcc\xc6\xf0Z\x93\xc3\xfa\x12\x0e\x0e\x94\xbf/\xf8\x0cb\xeb\x87u^I*|\xd0\xd5u\xd6\x0b\xd0\x8c/^;\\\xb4\x04XJc\'Z\xa3\xb4\xbb[\xd4\x1d\xb7\xd3\x1c\xb9\x98{\xe3\x86A\x1ez\xf28Fc\xd8\x1c\x0c\xc8]\xac\x1f\xf6\xf7\xa7\xc0\x0fU~\x1d\xaa\xfc\x9f\xff\xf8\x0c\xbc\x82\xd6\x00\xc5+\t\tr\xcdT\xc4$U\xa5\xf9d\xa3\xd1(\xa5[\xdaM7\x13\x07uN\xbf\xb3c\xb0SNg\xc9\xb0\r\n\x11c1\x07:\xc3\x01S9\xbf\xbft+Y\xad*Akw?R^\x0f\xf2\xbd\xbdp\x8cWX\x7fyq\xc7\xe1BX\x92\x9alT\xd5p\xe6B\xbb\xc68\xd1\xaap\xd0\xf5\x00\x8br\xba\xfbE\x98\x8f-\x18z-\xd8ck\xfe%\xda\x91\x82\xa8/wUu\x99a0\xd6\xe3\xe31\xeb\x15\xd7\x9d\x01\x87\x8b\xa1\x9bM\x95W\x1aU"\xd3\xd6\xf0\x02o\xf0\xa2C\xd5jQ\x81s\x16(\xbd\x9f \x08\xccUD\x87\x84R\xd1\xda]\x912_\x19\xcc\x05\x14?\xde)b_\x8b\x18\xcb\x06\x19W\x19m\'\xe0\x9c\x1dE\xc0\x12\x9a\x92\xda\xd0\x0b\x19-\xaf\xado.\x9f\x85V?G\xe9#j6g4\xf8e\x82\xb6\x80\xfe2\xfd\x82\xc8\xca\xf9\xa5\xa9 \xf3Uj\xaaP\x15\xca\xa6\xb2\xa4\xae\x14\xa171\x0c\xe3B\xc9\n\xd1WF\xde\n\x03\xd6N\x89\xeb\xb44\xbc`\xe99&gt;\x88\xcc~.\xad\xadq\xde\x1c\x8c\xf2\x02AC\xe5r\xa0\xca\x84\xb8\xac\xebA\x97T\xdb\xac\x91\x16\xa8\xb1t\xb4V#\x19\x8c\x81\xf1\xd9\xe5\xb8*!V\x06\x03\x05+HB)g\xee\\\x0cj\x87\xa5\xfb\xae\x95\x9e\xfd\\3\x06\xcc\x10\xf2\xb9\x92M\xa6\xb1\x98\xa5\x08\xd5\xab\x8b\x95g\x155\xba\xf9\xdb?r\xa4,\x8a\xe1\xcf\xbf\xfd\xb5\x16\x0cBdu\x97L\xe8\xb9\x8b\t\xaa\xe1T@6\xe4\xbc\xf8\xd9\x89\x96*c\xb0\x95\r\xe5JP\xe5\x0bT\xb4\x94\x8b\n"`Y\xc0c\xa6+o\xf0\xcdf8\x1a\xb5\xdb\xe0x\x8f\xec\x85\x82\x8dg1+JR\xb4\xb3)#,9\xc5\xa5\x02\x06\xf7\xf7\xa9\xf6\xae\xa6j\xec\xa4\x83\x07h\xd9n\xa6(c4\n\xd2\x07\xdc\x15\xc3b\xef\x07\xeet\x13M\xb5\x85\x9ba[X\x16\t\xe2hc\xe3\xa8\xa9@\x95\x87\x12\xef@R\xc8\nb\x88\x17R\xe9\x14\x8cf\xa9\x8c\xb6\xcb\x91\x9bO\x0fp\xfb\xda\x91\x9d*\xe4\xdcv\x98\xadd\x82\xa0i\x1a\x03,p\xd7B\x11":\x1cn\xca\xd2\xd6Vl-\xb3\xb1\x11&amp;\x83.\xab\xe9\xc7\x17&amp;k\x17\x0b\xceP\x08\xa7R\x81s4\xcek\xaa2t\x13\x17\x95\xf4\xd1\x06GA\xc8\x1b\r\x01\x98\xaex\x0c\xc3\x82\xa8&amp;\x0c\x98~)\xae\x11\xe0\xab\xa6Do\x15\xb7\xd6\xc0]2\x0c\x10\xc8[&amp;k\x1e\xf2\xd1\xc5\xb0\ni\xe3\xf0t%sv\xa1\xb1\x80\x1d\xdcmW*\x1b\x1b\xe6\x1c`q\x01\x81$U\xa8\x9f&lt;\x1f\x84\xc8\x86\x19\x8f\x10l\xf6\xb0*\xad\xc4\xb6b\x99.\x16\xc6X!\rQ\x17\x87R\x01y(\x84\xedx:\xd39\xd0\xfa\x16\xbdg\xe2\xa4\xdd\xe9dRN\x84e\x10H\xe8z,\x0f\x91\xcd\xb8\x18l\x9c \r6[SZ\x01[\xa3%Y {y\x8cY\x80$\xb4\xba\xe6Y\x96\xa5%\xb5)\xd8\x03\xf5\x0e\xc8j\xadW\xba=\x13\xcb\xad\x83v\'\xed\xfc\xdel\xe4`\x16Ux0(\x9ap\x960\xa6\x93\xa4\xa0\xae\xc4Vh\x1a\xb8\x08\x814\xf8y\x0cF\x88\x05\x98\xf9\xd9^\x8f(\xc9\xcd\xb0}\xa3\xd2n]\xc3\x17\x1aH\xc1\xee\xb6:\xb8\x13\x84\x0e)\x00\x06\xafB\x08aA\x10\x1a\xdb\x1e\x82\x90h\xe4\xac\x15\xf8\x05\x7f\x91\xa4\x1fU\\\xf0$\xe6!I\x02\x1db\xbarvq|\x1d\x1fB\xf4\xe8zn\x1e\x1f\xd4\xbb\xd7\xd4$I*\xaa\xa2\x0618I\x11\xa8D\x9a\x96x\x84%\xad\x04Wb\xb4\xdc\xf4\xcb2\x01\xe3;\xcb",\x02\x121\xdd\xb9\xb8\xb6\xef\xaf!!\xdf\xe2\xb8\xd9\xdd\xbd\x86R\x14\x15\xc5\x17H.\xf0\x95\xa4~\xa8V?t\rB\x7fE\x92$B\x06\x1f\x12\x84\x9f\x14\x089\x0cX\xed\xdd\xeb\xfb6\xf6\xe6\xc9Y\x1a7SQ\x9b\xdeV\x05*^\n\xd2\xb4\x08\xc1\x14\xb6}y\x07\xf6\xe5\xcb\x17\xf4\xf3A\x82\xa4\\\x03Z\xc2\xe3\'\xfbeY\xb0q\xa9\xca\xc1w\xd7\xf7aY\xcfn;\x8b\x9b\x9dQ\xbd\xddV%\x01\x8b\x0fb\xb4\xdfH\xe5r\x97\x97\xef\xfeo\xd1wa)\x16\xa3\t\x99@Q\x86\xb0\xd2\xf5\xf6\xdf\x07\xaf\x0fKw|\x90\x8d\x98\xcdQ\xbb\xdd\x06\xa5KU\xf9X\x8c(}\x06\xab\xfd~\xf9\xee\xf2\xf7\xcb\xcb\xff\xd2r\xfe!m\xdfi\x1c?\xb4)\xdb\xe9\x1c3?.\xc4\xf9\xd5\x18bB\xe8j\x96t\xa6\xdf8\xbfj\xb2}\xa3il\xef\xab!\xe0\x0fbB\x8d\xd2\x19C3R\xacG\x91Bt\xda\xa2\x14YsV\xda\x0c\xb4\x7f\x08\x05\xffHS%\x16\xa98\xf5\x90\xfe\xc0\xb6\xda\xd1I\xb5\xc7\\\xd5a\xef\xaa\xd8V\xedfw\xefO\xec\x0e\x0enGwk\x1ecD\x13\x93W\xde\xcf\xf3y&gt;\xcf\xf3\xc9\xe7\x93\x9f\xa3\xd6\xd7\xd7\xa4*&lt;u\xaa\xb02?_\xa9\xcc\x85X\xbe/\xfb/\xc4r\xdbb\xf5\xc4\t\xbbK\xaa\x02Vooj\xe5_\n\xcb3\nQ\xc9\xac\xf7\xbd$\x0e$&gt;|\t\xfb\xb9o}]Q\t\xbd\x80\xa5W!\x95\xaa\xbc\xe3\x131\xdd\xad\x0b,v\x07K\x19P\xe6\x02\xab\xb5\xbc\xf0\x8cJ\xf1\xf2\xd9\xfc\xd2\xea\x12\xb9,-\xcd\xcf\xdfm\xeakR\xeeAo\x98\x02\xb5T%%*\xdf\xa5\x18d\xd2\xff\xac\xea\x87Y5\xc1*Q\x96\x95\xa5\xa6\xec)o\xfd\xb6\xb5\xfc\x8a\xea\xee\xb3\xf9\xd5\xd5\xd5\xa5\xd5\xa8-\x91"\xa7\xb2\x1c\r&gt;\x06\xa2PO\xb0\x88\x0fc\x8a56\xcc\xb2\xc0R\xaa\x80\xa5D\x12\xcd\xf8\xfa\xeb\x17\x85%\xaa\x1d\xb5\xa2\\K\xf3\xb81\x7fO\x06Y\x0e)\xa8,\xd1+Q=\xc4\xd8\x87h6\xbedY\x85\x04r\xa9\x02\xc0JI9\xd5\xda\x9a\x81\xb9\x98\xe4\xab\xf9\xf9\xa5\xa5\xc2%\xd4\xc7\x02\x810%\xe9\xb3\x8c\xa4\xe2\xe2=\x95\x06\xbd\xca\xe7\x85\x0f\xb3b\xba\xef4mh\xdcn"^\xc4`,S^\xc9\xcd/@9\x88\x19\xe8\xe3\xc3\x87\xe7{/\xf7b\x1c`\xbe4\x1aeg\xeb?\x03\xd7\xa9\x82\\\x03\x89\xacc\xb1\xde\xa6\x9bvs\x9ceL\x8a\xb2\xed2\x982\xb5\x04\xddFA:\xe6\x98\x8f\xf3\x0e\xf7\x06:\x02e\x81@\xaf\x8c\x0fK\xaf\xcf\xc8(..\x90\xe9\xf5\x06\x1f\x02\xfe\xa7C1\xa5B\xf5&lt;nr0\n\x14\xcf\x1d\x1de\xa4NM)(HO?y\x12\xc5\x17Y\x1e\xb9\x1c\x08\x18\xf99\xe9\xe9g\xd3\x8b\xc9\x0c.\x13\xe8\x80\xe5=\xd6\xdf\x12\xe3\xbd\xd6P\x8b\xa6\x1c&amp;E\xd4T\xca\x92\x92\xfcJ \x90\x02\xe7\x93O\xf6\xe6\xe5\xe5\xe4\xe4\x9c\xdd[L\x96\x08A\x95o\xd0\xebt*\xaf\xf7\x04\x8a\xd2\x84\x98\xabe\xf3S\xb4\xa9\xb9\xb9Y\x81\xa9Q\xa94\xe4?&gt;[L*c\x14\x84\x9f`\x86D\xfd\x95T_\x7f\x12\x0e&lt;\xe3\xd5K\x15R\x89\xef\xc4pl3\xfc/j\xf9\xdd\x1a\x87\x93i&amp;r\xa9Tz\xc3\xe3\xfc\x02\xf4\xfe\x1f\x91\x0b,\x03V___\\\x90\x0f(\x90K$\xbe\xf1\x9f\x0e\xc5\xfa\xf8\n\xd4\xe2(\xbf\xdb\xadq\x9a\x88^\n\x85\xc4`0D\xb9Z\xbf\x8dZk\xebG\x19\x1f@\xad\xc7z\xbb\x891\xa9\x15\n\xb5u\xfcf\xccO\xe0\x01\xcb\xa3q\xfb;\xddm\x0e\xc6D\xcc\xea\xf3\xea\x95\xb9\x85\xe5/^\xbc\xc2\xca@\xc6(.8k\xb0\x9a\x1c\x0e\x13\xfa]&amp;\xf8\xa0%\xe6\x87\x1e\xb2\x86\xc69\r\xe5\xde\xda"o\xad\xd20\x8f\x15\xb9\xb5\xe4\xca\x17\xe5\xc0z\x01+G\xd5\x8c\xb9\xd0\xe0\x0b\xd2\x0e\x84 \xc38\xad\x7f\x8fyh\x91\xc9\xc7\xa6\xd1P[a\x80\x91\x1d\xdf\x14\xcd\x05\xb7\xb7Uh{\xca\tT\xb4n.\xfc\xdb\x19\xaf\xc4\xea\xa1m\xb4\xd3\xd9\xd6\xe6\xa8{s\xab\xa5\xbf^5O\xd4i`\xfe\xadpx\xcb\xef\xb7\x94Z(\x1b4\xd9\xf6\x96\x90~l\xe9\xd8\x17\xc7\xd0T{\xbd&gt;+\xcb\xd1\x1aJ\xd3\xe6\x86\xb3O\xc4\xfc$\xc6\x1f\x92\xab\xfb\xa74\x1a\xdaF\xf9-a\x8b\xc5R\xd5]e\xa1\xe0\xcd\xe6m\x1f&amp;\xbeK\xb8\\\xba\xe4\xb3\x06\x83\x88+\rU\xbbe\xe9\x04\x16=\x1ck\xac\x84\xac\xd3c\xc8\x0f\x94MC\xfb!U\xad\xa5\xb4\xaa\xaa\x8al\xe0w\x98\x82\xc1\xe0\xb65h\xf5\xf9\xea\x82\x1c\xcd\x99h\xcaR\x8a\x1b\xc8~\x03\xeeDl\xd3VBZ\xf5\xd8\xda?\x7f\xa0\xfc\x1a\x1bES~\xaa\xb6\xd6b\xb9ZZE\x8e\x16\xf854\xc7y\x82\x9e\xe0T\xd0\xc3\xd1\x08&gt;\xb8\x17\xbc~\xb2[\x82\xad{0\xd6R\x9d\x16;\xaa\xd3\xa3\x0f?\xff\xdc\x02*\x82EQ\xa0\xaa\xa5\xfc\xe0\xea\xee\x1e$\'\x1e\x1c\x9c\xc7\xe3\xe1l\x18\x07\x96\xc1\xc1\xc1\x1d\x15\x19\x86e\xeb\x86\x87\xef|\x17\xab*0!\xebB\xff\x0f=\xd3\xc7I\x8c\xdb\xfc\xe4\xc9\xe1\'\xcaf\xf3\x87\xa3\\\x83\xe1p\x98\x82N\x08\xba\xd2\xd2\xaa\x10\x14\x04\xb3\x8611,75Uz|\xf6yKL\n.h\xd5\xff\xb2}\x99`\xd1\xb4\xc6\xaf\x81#\xa1\x96\x86\xe3\x1cn\xcb \x01\xeb\x0e\x85\x80f!\xa7\t\xbaA\x05(\x1b\xcdA,\xa9)\xe89^\x11\xb9\xfa \x16\\\ti\xd7\'\xee\xceL\x12,2\x0e)\xc8\xa4\xa9\xb5\xb8i\x93\x89q:\x88\xd3\xaaB\xa1k\xa1P\x08:\x85B\xdd\x83\x9dn\x8d\x8dF\xb81N\xb5\x84`MO/\x97\xc6\x80+!\xf9\xfa\xc4\xd2\xc2\xc6\xe4\xf2rU-B\xcbF#\x8bj\xdc\x14&amp;lS\xb3\x9a\x85b\xee\xce\xf0\xe0`\x88\x18\xdc\xd9\xe9v80\x028\x8ee\x9a\x9a\xd4N\x13\xf7=\xb0\x96\xfd\xfdo\xfa$lBr\xf5\xc4\xb3\x85E`\xb5\x0f\xfa\x11\xdc\xb4\xc7\xc6q\x88{\xc6\xe9lR\xe8\xa4V\x96\x88\xd6\xd6\xb9cm\x04\x96e\x11\xfe,\xabn\xc2]8\xeej\x04X\xf7\xb6\xdfp\x9b\x91\x90\x05\xad~\xdcXX\x98[\x0e\x85\xfdp\xa0\xa7\x8e\xe6&lt;6\x1b\xcb\x02KW\xa6\xd2K$*}Ys\x1fz\xe9\xe6&amp;u\xb3\x1af\xb7\xb3\xf8r\x01\xca\xd9\x1c\xe4j\t\xd6\xe4\xcc\xa57XI$gU\xb7\x8c=\x9fZ_\\XY\xd9\x98\xbc\xd7\x89\xc4M{\xec\x9e\xba:;\x07\x89\x9c\x8c\x0eHzC%Y\x9aIE{\x91k\x10\xeaU\x12\xa9\xd4j\xb5\xda\x81\xd5\xc6\xa8]V\xa63\x04\xaa\x8d\x95\x1fW\xdf\xd4\x01\xdd\xe4C\xa7\xc7\x9e\xac=\xbc_5\xb9\xf1o,\x07gb\xaduuV\xbb\x89\x86\xbfX\xb2:H\x16\xd9\x92\x92\xa2\xdf)\xb9B\x95\x04\\\xc4\\\x0c\xe3\xc2\x0f\xa63\x1cZ\x9e\\\xd9\xdc\xfc\xc7\x83\x9b\xd5\xbf;\xee\x13\x92\xb3\xae\xb7\x8c&gt;\x7ft\xfb\xc6\xc0\xc5\xc8+\xac\x19`\x81\xca\x0e\xb3\xd6\x91\x982\xa9]d\x8d\xb7rO\xd2\x07\xe4\xed~`\x19\xf4eR\xd4\xa5d\xa7\x9eK\xad#\xd7L[\xe7=\x88\xb5\xb9\xb9\xf9r|\xf4\xd6\xf5C\xbf#\xf2\x13\xd2\xb2\xaa/\x8c=\xb9\xf3\xf4vQc\xe3\xf9O\xdbw\xb0\xe6f\xd6\xddm,k\x82R\xac\xd5\xeb{%\x8aD\xa4\x8c\xbe\x0b\x94A\xa8\xf2\xc9\xd6\x0c\x9dB\xa1S\x91}\x1bz\xa1^\xeaBu33G\xa8V\x16\xfd\x8f\xee|7\xd4R\xfd\xff\xedi\x81N\xd5\x17\x86F\xd7\x9e\xde\xe0eg\xf3x\x8d\xda\x9e\xf6\xc9\xb9\xc5\x95\x95E`\xad\xb7\xd9YV"eX\xbb\x948HG\xd6,E\x024f{I\x17\x9b\x93\xaa\x14\x11,h\xa8\x12\x88:tB\xa1\xc8\xa5vvv\xde\x8b\x8a\xb59\xf7}\xd1\x8d\xd9\x87k\x90\xec\xb7\x83\x91\xcf\x0e\xb9E\x9cW\x94\xc9\xe3}\x18\xb7[|^\xbc\x83\xb5@\xb0\xda\x9cv5+\x91\xa8\xd5\xae(\x10 \xc8\x95@\xc8G\x13\x9bN\xa8\xca\xc8\xdft\x1d"\x01\xb0DB\xbd\x0eX\xe1Phc\x01T\x8b\x93=\x99\x8d\x8dE\xb3O!\xd9i\xf2\xe1\x1f\xbfA\xa8\xb4_\x9c\xc7\x93k\xe3\xe3\xe2\xf6\xc5\x8b\xe5\xd9=\x91\xf6\xb9\x8d\xc5(\x16\xc3\xd8\xd5jQt_\x8dP(\x93\xa5\n\xf1\xf4"Q\xc0hF\xd3\xca7\x1b\xa3\xbf\x11\x0b44\x04F\x04B\x81\xceew\x0e^[\xc6\xab\x82\x0f\'{\xe4\x8d5\xbb\x8b\x06 \xd9sRV\xbc&amp;\x18\x81j\x19]C\x94gj\xe3\xc5bmb\xe2\x81}\xf0\xa2\xfc="\xd7\xcc\xe2\xcc\xbd\xb0\xc3\xc4"-\x89\x84\xa01\x9a\xd1\xd6\xcb\x8c\x84C \xb8l4\x9b\xcdFcC\x83\x80\x98H\xd0`$f\x16\n\\.;=\x18Y\x86\xdaxU\xed=\xf2\x9a\x9a\xb7x\xbc\x8bE\x03\xb3\x88\xb2[\xaf\x07\x86\xa1w\x0bB\xcd\x0e\xc8\xc5\xe2\x1a\xb1X\xaeM|?N,\xee\xaa9\x0f,p\xcdM\xb6WQ\x1e\x96a\xd4\xa2\xd4\x1c\x99\xd9\xcc\xcfK\xcf\xe3\x9bw@\x02\x81\x91\x91\x91\x8e\x91@\x03\x01\x16\t\x08\xe4Q3\x9fo\x14\xb8X\xd6V\x85t\x8a\x97\x85\xff\x8f;\x02\xacw\xe2\xbe\xda\x95\xc9\x1b\xb8\r_\xbe\xc6GF\xa4\x1dB:xH\xbc\xb7\x0bH \xcb\x14\xef\xdf\xaf\x8d\x7f\xbb\xab\xb1F\x1b\x077.\xb7\xb7G\xae\xd5r\x88u\x91@\x96\x93\xc3\x07Uzz\x0e\xdf,\x14*\x8d;X##\r\rQ7\n\xcc\xfc\xa3G\x8f\xf2\t\xb3K\x1d\xb4uWT\xfc9\xd2\xde\xde\xde\xd3#\xefj\xec\xda\x1d\xb7/\xee\x1d\x1e/3\xb3\x08`\xa3\xff\x1b,!\x8b|\x1c\xcd\xa3\xd9\x1bE\xbcL \xc93\xe5Zq6\xb0\xe2\xdf\xfaScc\x97X\xfc~$2\x1d\xe9\x89DJi\xbbU\xa2\x17\xcar\xf2\xf8\x07\xf3\x0e\x1e&lt;\x98\x07?\na\xf0\xd8\xe5\x06@\x99\xcdD\xad\x06\x08\x05\xac&lt;`I\xadS\xf7\x8fWT|SQ\x11\x89\xbc\'\xee\xc2\x83\xbd\xbdo\xdfW\x1f\x02K\x9e\r\xc5\x1e\xad\x8d\xfe\xea\xce)\x928\x87\x9e\xdcAH\x15\xe1\xce\xd9\xd9;XZy\x14\x0b\xb2\xd7\x1c\xd1\xbe\x9bx`z\xba\xe7\xc0\x81\x8b\xf7\xadv\xa9^&amp;\xe3\xe7\xe5\x11\xaat\x82E\x8c,\x1e\x1d\x85_\xf9\x18\x04B\x81Q\x16\xc5\xc2\x10\xd0\xa33\xab\xfd\xb4\xe2\x9bs\xe7\xf6\'&amp;\xc6\xe3\xa1j\xbav\xc5\x81+*\x17\x0f\xaeD\xf0\x0fU\xff\xb7\x04\x8b\x84\x80\xb1\xf7p\xf6\xc6@T)b\xc4\x87\xf1Z\xb1v\xff\xfew\xff\x08\xac#G\x8e\xfc\xf5\\\xfc\xbf\xba8\xbf\x98\xb6\xee+\x8e\xfbr\xaf\xef?]\xf7^\xd4\xa0\xeb%^\xe4\x86\xe2\x97\xa8T\x9d)r\xe2\x87\x1a\x98\'\x01!rD\x93\x87X\x1e\xda\x0b\x11f\xc4M\x18*\x95@"\xde\xc3Dg)\x92A61\x1b\x11\xaadE\x95E\xc8C\nE\xb3\xe7\xd1\x07\x8aP U\xa1\x8a\x8a\xb2*K\x93\x87*,+\xcaVi\xbc\xec{\xceu\xd2\xac\'J\xe2\x10|\xfd\xb9\xdf\xf3=\xdf\xdf\xef\xca\xf8\xa6\xd3\xa2h4]\xb8\xf8\xeb\xc3\x8cu\x9a\x0b\\\x80\x8a\x84\xc3\xe1w\xa8\xc2\xf8\x17\x89GX\xf8\xd5\xd5p\xf2\xf0\xd6\xbd\xcb&gt;#7\x83\xca\r0\x96\x00\xac\xba97\x17:\xb9\xf1\xf5\x17\x7f\xfb\xd3O;\xc9\xb3\xf7\x19\xaf0\x9d\xfcm\xadM52Q\xa4\x8f\xbf\x9b\xa6\x05\xa6\x1c\xb0\xf4P5\xa1\xaa\xc1\xcb\xe7\xb6.\xb574\xd6\xa8\x18+\x02\xa7\xc1f/\xacv\xa8\xa1\xd1Q\xeb=`\xbd{n%j\x84\x08*7\xc0X\x1a\x9a\x88\xc2\x80wv\xd2Kv\xa2\x93O!\xd8\xff\x81\xbd\xf9\xe1\x9d\x7f|\xf1l\x83\xbe\xc1\xe3\xe0\x07\xa8\x8b\xc0\n\xd6\xb0D=G5\x93+V\x8b\xba*F{/~\xdc\xde\xf0\xf3\x1a\xd6Y\x7f\x98\x9b\x18\xf67\xfb\xa9\xd0\xb6\x8eC\x0e\x16\x1a\xda\xd5\xd5x\xf2W\xa7@\x15*\xeaD\x05\xac\xbc\xa6\xa8\x8c\xd5\x82\x1ev\xba\x89\x0b\x0e\xfb\xfa\x1b\xb2\xfeK\x9d\xfc\xf4?\xd4=\xb7D\x8d\xf3xZ[\x89\x8a%\xf3z\xbd"\xdd\x18\xa3E4C:\xd4\xca\x11VQU\xbbG\xcf\r^jo|\xc7\x7f\xd6\xc1\xf2S\xdb\xba\x1a\xfd\xcd\x13\x00\x0bStut`"^\xe5\x8a\xb4\xbf\xf6\x8b\xbex:Q,*J\xca\xee\xef\xb75AS\x13&amp;\xa0L\xa44\xc0H1,&amp;\x1bw\x9f}\xff\xd9\x87/\xdd\xf7\xe6\xd1\xdd\xdbd)I\n\x04$\x99n\x1d\x02\xa9\xd8\xf3\xa4\x17c\xb5$B\tp\r\xe4t\xbdX,\x9aF\xac\xef\xc4\xe1\xab\x91\xb0\x83\xe5o\x9e\x86V\r\x1d]\xafR\x17\xa1\x15M#\xa8(?\xc2\xe1#\x91\xd7~\xdb\x17KWuK\x9d\x9b\x13\x04[\xb0\xd1A3\x910UU\x95\xbd^\xbc\xa8\x9b\xc1n\xc3Aw\xbfy\xfa\x92`\x80\n\xe4\xf3\x9e@\x93W\xf2\x08L\x85p\x87R\xc4\x16\x14\x1d\xacjB\x1f\x18H\xe5,\x05X\t#\x1e;\xf5\xee\x93\'\x11\x07\xab\xb9y:\xd2\x18i\xe0d\xe8z\xaf\x03\xeb\xcd_\x0fu4D\xa6\xa7\x01\xd6\xd6v\xa4\xfd7\xb7\xbe\x8cW\xabVJ\x9bc.[\x91\t+\xa1\xeb\xaa"kR\x93\x14\xf0x\xd0K4\xf3\xf6\x06Y\xff\xc5;\x8eX:\xa9\xf2\x82\x80\'\xcem\xce\xe1\xa9\x90\xda\xcb\xb7\x0cQ`\x08\xf8"D3\x04\xb5,\x85\xe4J\x84\x8c\xe8\x85\xc1\xa96?}\xf0\xf5\xb4\xbf\xa7\xad\xb1\xbd\x11Qu\xa8\x83V\x1e\x8eTHG\x9e;292\x86 M\xa3\xf5\x96m\xb7\xc8\x92\xa0)\xban\x9a\xb2&amp;\xeb\t\xc6\x12\xa0\x17\x8a=\ry\x90\x15O\xef\xd4F\x92\x98f?\x98\xcdK\x1e\x8fgs\x93\xb0hX\xe4z\xac\xd1\x9a\r\x18\x9d\x86\xa8:\x03\xb9,EQM\xb8\xa4\xa8\xfb&gt;\xba76\xd2\xe6\x07\x96\xdf\xdf\xc3j\x9d$,\xa2z\x1f9\xdfE\xc0\xcd\xd3##c\xf7.w\x1b\xd5*Qi\xb2LT\tUQa/\x1dj\xa9\xb2 \t\x82\xe4\xa9au\xf2H&gt;\xa3p%\xb0@\x80\xb9\xf2\x924\x070R\x1a\x1d\xf4\x06}p\xa5F\x1e\xc5\x89\xe9\xfa\xcc\x8c\xae+\x8a"\xcb\x8a\n.\xd5\xec\xbe|\xe6\xe3\xb6\x9e\x1e\xbf\x7f\xa2gzz\xfaI\xa4\x91S\x9e|\xf5&gt;\xb9\xacy\xe2\xec\xd9\x9e\xc9\x91\xc1\xa3\x08,\x1a\xc2\x14\xb0\x04Y\x83\xd9\x13\x8a\xac\xca\xb2\x0c*\x1cP\x83~\x8eZ\x1e\'\xc4\xdc\xc8\xb0GN\xb8\xd2m8Z\xf3y\xf8\x0b}\x14`\xf3z\xe7\x0e+\x84\xa5i\xb6\xac\x9a\xa6j\x86B8MP\xc9\xb6b\xa1\x91\xa1t\xac\xf7\xccU\xfaX\xfcD\x8f\x7f\xba\xa7\'\x1ci\xecj\xe8\xe2\xa2\x85rb\xe8\x8f\xbfl\x9e\x9c\xbc\xf4\xfbJ&lt;\x8dg\xea\n\xa84\xc8%\xabx\x8c3{^\x00\xd5\x04\xe6\xf2\x10\x97\xc7\x8d\x91\xbc\xcd\xe1\xfa\xa6ks\xf3\xad\xcdV)\xef\x18lv\xd6\xd7\xbd\x8c\xcd\xc2\xf2\xfc\xfc&lt;\x16\x889\xb0\x0c\xd8Q\x13\x00\x00\x05\xaaIDAT\xe1\xd9\xb2\x98@~\xe1\xb0\x8ab[\x16\xddv\xc1\x88\xc7{/^\x1d\x99\x9c\x1c\x02\xdaPO\xf34\xcd\x1d\xbdu\xe1\xa7w\x0e\x86\xdex\xe5\xfc\xf9\x91\xdf\x1d\x1d\x8d\xa7\xd3\xc5\x84N-\xc49\tL\xa2\xa8\x84\x85\xdfp\x04q9m\x04\x98\x9b\xd0$\xac\x92\x1b\x08\xd7;\xaeo\xc9PR\xbe\x9f\xb0\x02\xd1X%\xb3\xb3M\x1b\x90\xcc|}\x1d\xcd\x80\x93|\xdd!\xc3$*\xc5\xa2\xaabu\xfb\xb2\xd2{q\xeaA\xf6\xd8+\xf4C\xba\x13N\x94\x9e\x06\xd2\xc4\xd0\xd0\x1bo\x1f;\x9f}0v\xaa\xb2\\oT\x99\xca\x06\x82&amp;\xc0\xe5\xaa \xe3\x0f\x9d\x00\xd1R`\t\x84\xe5pQ\xb9\x03^/\xc0\x9e}\x0f\xb5P\x845\x1b\x8dVn\xdd\xday|\xb0\xb7w\xf0p{\'\x13#\xae\xdaB\xd1b\x98-r\r\n\xa6\x10Ci\xc4\xc4\xca\xd6T6{\xec\xed+7\x99\x0cu\x9a\xa9\xe8\xc7\x98\xb3\xdf\r^\xc0\xae\xc10UK\xb1q6\x84%\xa9\x92\xc4\xd6R\x13\xac\x9bLhB\xad\x8d\xac\x97$A/o\xa0\x13\xcb7c\x813?\x1b\xab0\xd3\xfe.j\x7f\xef\xe1\xf6\xad\n\x04\xf3\xa2\x83\x18h\xd3\xe4\x1e:X\xaa&amp;#\x10}\x88\x89-\xe8\x95\xa4O!\x12\xd9\xcd\x1b7n\xe0\xafc\xc9?d\x1f\x8cl\xf5\xc6b\xf5\xe9\xaaZc\x82-5M\x91\x04\xca\x05\x05\x07\xab\x99\x0bZ9\xf6\x12\x1c\xe3S\x1f\x91aM\x81N\x07K\xf0\x04 \xd5\xf6\xc1\xfe\xee\xd2R\xb9\xbc\xb4\xb4\x040\x086\x1f\r\x06EU\x94\x81\xa5\xe0\xf9\x84\xa5[\x8al\xe2\xe0z\x02q\x7fa\x10m\xbcr\xfd:\xc8\xe8^\x027n\x820\x99\x04\xd5\x9f{G\xe3\x06ieQ\x03\x89E\x810\x0c\xa8b\x1cM\x92\x8az\x08X\xf99\x17\x1c\xcfzaO\xd1\xe9v\xcdA+\xa1\x1fT;\x0f\xf7v\x97\n\xa8\xf1\x02\x91\xed\xee\x1dl\xefTb\xb1\xa0(\x8a8\x96\x95\xb2S)\xf2\x88*\x8a\xa6\xce\xbd\xd4\xc15\x06\xae\xe3\xc3\xaf_\xbf\xce7^\xb8ye8y,\xbb&gt;u\xa6\xaf\xde\xe731\xbc8\x0b\x8aP\n\x174\x93l\x8e\xe8SYz"r\x86\x11i/y\x9di$\x7f\xb5\xd2\n\xee\x92&lt;s\x1e\xa9.\x9a\xd9y\xb8\xbf[\x1e_[\\\\\x1c_\x1cg2tr\xe7V%\xf6\xd5W\xb3A\x15\x9b\x9bT*e\xa9\xc8Sj\x01\xcd\xa3\xa5\x98i\xe2Z]\x1d\x1e\x1e\xbeNw\xa8\xb8\x02\xac\xd5\xf5\xec\xd4\xc5Ob&gt;QD2Y\x8c\x05\xd7+|B`\xd3y\xb0M\x9c\xab,0\x95\x80\xe0\xd0j\xe6\xaa\x91Q\x80\xb9H\xbf\xb7\xe63;\x07\xfbK\xe5\xc2\xe2\xda\x1aa-\x00\xaeP(\xef\xee\x1f&lt;f\xc1\x82"\xb0,`Y\xe8\'\xadgx\x9cJ)\xa6\x11\xaf\\\x18\xcb\xae\xaf\xaf\x03\xec\xf8\xf0p\xf2\xf5\xe1\xe4\xfa\xfa\xd4\x89\xbeJ\x0cT(\x8b\x9a\xa7:b\xa9\x88O\x12\xce\x14\x81%b\xbb\x04\xc72\x16\xab\xc5y\x8f\x91tr\xc2\x1dp\xe5\xf3Mu\xf3\xa4U\x8dj\x1c\xb58\xbe\x86*\x14X\xb0\xccr,Z\xe7\xc52\x04\xbdlA\x80\xdd\xa1\x02aYz\xd0\x17\x87\xbf\xbes\xb8\x92\xc9\xe3?c\xad\xfa\x96\xe3&gt;\xce\x12\x92\xc7\xb6Y%j\x1f\x08\x13h\xa0\xc9\xfb%\xc8)s3I/2\x17O\xa4\x93\xabnO\xc0\x85`\x18\xcd\xdcg\xad\n\x8b\x0cEEXk\x0b\x05v\x18Bl\xb4N\xa4-j\nK\x1b\xa9e9\xa5\x8aA_:\xbe\xf2O\xe2J&amp;\x93\xc3\xc3\xab\xab\xebS\xe7\xfab\xf5A\'L^8\x8a{H-D\xb6`\x9f\x85}\x89\xe9\xc3\x03\xcc\x92\x86&lt;sBB\xa8\xe5\xfd\x0b\xacJf\xdb\xe9\xe0\x8fT\x0e\xd6\xdaB\x89\x1c\xf6\xf8\x07\xcc\xa4/\x8f\r=\xb6\xe1r\x8bZK/\xac)\xb8\\\xf3\x19u+[#Y`\xad\xaeb\x06\xa7N\\\x8bw{5\xba\x05\x0faq\x04;\xc9\x05P2\x16\xd1t\xd3\x8dyL\x04\xb4h\xca\xc0\x92\x04\x996U\xc4\xe5\xac\xdb`s\xcd\xc6\xd8Wh \xecT*\x97K\xdc\xc5\x85\xf1\x85\x85\xc5\x85\x05\xe2\x82`?|\xbe\\\xcfX\xfd\xb4Z\xd8LE{&amp;^\x92D\xf1\xf2\x99\xa9u\xaa,mdb\x86\xaap\x8b\x1d,Y\xa3\xa5\xc7V\x15\x81\xb4R4\\ \x98\xb8\x882D\x92\xcd\x0b4Mp\xe4\x12j\xb9J\xeb\xb6\x14p\xf9\x96\xc9Wl\xabB\x99R\xabP\x00\xcex\x89\x08K5\xae\x87\xf73p\xd7\x07\xfd\x03\xb9"\x06\xc9\xb6Y,\x93\xf6\xf9\x182E7\xae\x9d@\xae&gt;x\x80e\x10\xd7\xa9^\xc5q\x1eQi\xb2\x97^\xd5Q\x8bg\x11q\x83\x8b&lt;\x1f4C\x0f\x9bD\xe2\xa2b\xd3?\xef\xa3Gjr\xc5\x97\xb7\xf7v\xcb\x05P- \xac\x98k\xa10\x0e\x9a%@Q\x95J\xa5\xdd\xbd\xc7\x99\xfa\xd9\xfe~l\xe7\xb1A\xa15NQ\xe9\xb8\xd8\xe4\x13\x80\x18\xbbv\x14\x0165x\xf4Z,mx\x05N8*\xbc\xa4W\xca\x03\xcbv\x92\x94\x83\xd9\x0c%\xb0r@F1!\xd6\xf9\x08KF\xd6z\xc8\xf5\x1a\xe5*\x0f\xa4k\xf9\xf3\x03\xa4\xe8"\xd4*\xec\xef\xff\x1b1_\xe6H\x85\\\xa5R\xa9\x86\x05\xae\xedo\xa3\xb3\xfd\xb9\x99\xa2B\x1b\x0b\xdb\xa2-\xd8\x8c\x0f\xd7\xa3\xb2\x92\x1a\xd0\x8dxt\xe5\xd1_\x1e\xadD\xe9+\x18\xbe\x94\xcd\x12\x08,\x00^M\xa1\x13\x81\xf7\x11\xc4&amp;\xda\xaf;\x03`\xa6C\xbe\xa0I\xbbB\x8di$\xee%[\xcc\xe3\xca\xdc\'\xb1`\xf7\xc5\xf2\xee\xdf\xff\xfb/Nz4\xf1\xa7\\\x07\xdb\x9f\x8c~\xd4\xc4\x17-\xd8W\xd8\xbc5\xe41\xc7\xc8a#,6\xdd\xbe\xbb\xd1jR\\\xb1\xc9\xb5\x1f\xb9\xf26\xec\xc5\nS\x07\xe9\xffm\x02G\xd6\x18F\xdc\'\xca\xb5\x1er\x13\x9d\x02\xd6\xff\x00\xa7\x9d\xd4\xdc\xbb\x12\xe9=\x00\x00\x00\x00IEND\xaeB`\x82'</t>
        </is>
      </c>
      <c r="M572" s="3" t="n">
        <v>45492.67755787037</v>
      </c>
    </row>
    <row r="573">
      <c r="A573" t="n">
        <v>1652392</v>
      </c>
      <c r="B573" t="n">
        <v>1974</v>
      </c>
      <c r="C573" t="inlineStr">
        <is>
          <t>Bruno Lopes</t>
        </is>
      </c>
      <c r="D573" t="inlineStr">
        <is>
          <t>B. Lopes</t>
        </is>
      </c>
      <c r="E573" t="inlineStr">
        <is>
          <t>UNK</t>
        </is>
      </c>
      <c r="F573" t="inlineStr">
        <is>
          <t>UNK</t>
        </is>
      </c>
      <c r="G573" t="inlineStr">
        <is>
          <t>UNK</t>
        </is>
      </c>
      <c r="H573" t="inlineStr"/>
      <c r="I573" t="n">
        <v>72</v>
      </c>
      <c r="J573" s="2" t="n">
        <v>39287</v>
      </c>
      <c r="K573" t="inlineStr"/>
      <c r="L573" t="inlineStr"/>
      <c r="M573" s="3" t="n">
        <v>45492.67854166667</v>
      </c>
    </row>
    <row r="574">
      <c r="A574" t="n">
        <v>1807776</v>
      </c>
      <c r="B574" t="n">
        <v>1958</v>
      </c>
      <c r="C574" t="inlineStr">
        <is>
          <t>Yarlen</t>
        </is>
      </c>
      <c r="D574" t="inlineStr">
        <is>
          <t>Yarlen</t>
        </is>
      </c>
      <c r="E574" t="inlineStr">
        <is>
          <t>UNK</t>
        </is>
      </c>
      <c r="F574" t="inlineStr">
        <is>
          <t>UNK</t>
        </is>
      </c>
      <c r="G574" t="inlineStr">
        <is>
          <t>UNK</t>
        </is>
      </c>
      <c r="H574" t="n">
        <v>178</v>
      </c>
      <c r="I574" t="n">
        <v>67</v>
      </c>
      <c r="J574" s="2" t="n">
        <v>38767</v>
      </c>
      <c r="K574" t="inlineStr">
        <is>
          <t>Both</t>
        </is>
      </c>
      <c r="L57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4a4a309-7f70-4015-9401-8da9379da89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c\x82\xc5\x1f\x00\x00\x00\tpHYs\x00\x00\x0e\xc4\x00\x00\x0e\xc4\x01\x95+\x0e\x1b\x00\x00\x03\x00PLTE\xff\xff\xff=97\xfc\xf8\xf1\xfb\xf8\xf3\xfc\xf9\xf4\xfb\xf6\xef\xfc\xf7\xee\xfd\xfa\xf5\xff\xff\xfe\xff\xfa\xf5\xfe\xfe\xfa\xf8\xf3\xed631\xfe\xfd\xfa\xfc\xf6\xf0\xf6\xf2\xeb&amp;&amp;$\xfe\xfb\xf3\xfc\xfa\xf631//,)\xfa\xf6\xf1\xfd\xfc\xf7\xfe\xfd\xf8\xfd\xf9\xf2)!\x1c\xfe\xfc\xf6++)8420.,\xf5\xf0\xe9\xb3iB\x19\x19\x16i@*\xf2\xee\xe7\xb0kI((&amp;;86\xfb\xf6\xed\xf9\xf4\xeb"\x1a\x16\xf9\xf5\xee#\x1e\x1a$" +(&amp;\xa5a@a;(\xb4kF3/,?;9\xf0\xeb\xe5\xef\xe9\xe2\x1d\x1c\x19\xb0gB\xfe\xfe\xfd\xa9b=\xb3oMd&gt;)\xfc\xfa\xf3:63\xbcsM\xa0_=\xb7mG*$!A=&lt;\xaed&gt;\xa9fE \x1f\x1d\xbevQ\x1d\x18\x15\xfd\xfc\xf9\'\x1d\x17{K1\x99W6\xc0yTwH/\x8dR4\xbapJ\xc9\x83]mA*uB)\xec\xe8\xe0\x9b[;U5$\xcd~O\xc6vH\xcf\x81S\xf7\xf0\xe8\xcc\x85_B??\xa0[9\xf9\xf8\xf5\x9eW3\xdf\xdb\xd3\xc2|W\x7fD\'pD-hG1\x93R1\xdb\x92i\x90N-/(#\xcazL\x87G(\x97[=\xf7\xf4\xef\xc5~W\x7fL1\x83O3\xe8\xe5\xdd\xd0\x8bi\xadiG\xd5\x88\\qH0\xa5^:\x16\x14\x12\x93V7\xc7\x80[\x90Z&gt;\xc1rF\xd2\x84W\xacfB\xdb\x96t[7%\xe4\xe3\xe2\xfa\xfa\xf8\xbfoB\xb7rO\x8cJ)\xe3\xe1\xda|G,\x89O0\xeb\xea\xe8\xd8\x8b`\xd9\x94p\xf2\xf1\xee\x88K-\xd2\x8ac\xbal@\xa2dE\x9c_@\xdf\xde\xdd\xd9\x8fe?4.\xf3\xec\xe4/%\x1f\xbaoG\xd4\x8fj\xc4zRQ0!\x8bW;\x99Q.sVC\x82H+\xcc\x87d\xd9\xd7\xd5\xa3Z6\xc2wN\x99gN\xfd\xfc\xfc\x88R7\xef\xee\xeb:/)pP&lt;s;#\xe9\xe7\xe4\x80|{\x9deIeC0\xf6\xf5\xf4pnm@+!vts\xe9\xe1\xd9F)\x1b\x98\x96\x95\x9aq]hL8&lt;$\x1a\xd3\xd2\xd0MKI\xdf\x9ax0"\x1a5(!\x87\x86\x85\xc6\xc2\xc0a5#\x0e\x0e\r\xf4\xf3\xf2ECBZ&lt;+}&gt;#\x94iUi9$\xbc\xba\xb9\xd6\x90n\xa1\x9f\x9e\xca\xc8\xc7edc\xaa\xa8\xa7\xcf\xcd\xcbSC:\xe3\x98lSQP(,.\x91\x8e\x8dyN6\x9bmVx\\J\xb9\xb5\xb3ZXWE5-G:5mVG[1\x1fb][\xe9\xa7\x86\xa7\x7fkL;2\xee\xaf\x93\xb1\xaf\xadJ0#j2\x1d\x88i`\xe0\x9e~\x8edM\xe6\xa3\x800\x19\x10}dX\xd7\xc2\xb9\xa5lP\xdf\xcf\xc5_MD\x95`D\\E8\xe7\x9eu\xae\x96\x8c[\x1e\r\x8a[D\x81U=\xba~aqgc\xc8\xa3\x94\xc3\x93\x7f\xa2\x86}\x99@\x1f\xb6]/\xbb\xa3\x9a\xf0\xc0\xad\x91xq\xd1xf\xed\xd0\xc1\xb2R\x1e\x86.\x18\xcc\xb0\xa4L\x18\r\xac\xf4\xf2E\x00\x00 \x00IDATx\xda\xcc\x97\xddO\x13\xf9\x1e\xc6\xdd\xbbs\xe1\xc5&amp;\xdb\x9b\xc9\xee\x866\xbd\x99L_M\xca\xb4\x8dmG\xa0\xcd\xf4\x8db\n\x92\xda\xd3\xd4\x8a\x8c\x90\xd2\x14)E\x01e1\xd6\xad\xa0\xc0d\x80\xc2Z\x90\xd6a\xc1ek\xeaZ\xa5]\\e#/jO\x82\xcb\xdaz\xd8t\xed\xba\xbe\\ \x17\'\xc7\xec\xd5\xb9;\xdf\xe1\x9c\xf3\x1f\x9c\xc1\xfd\x05\xa6\xc0\r\x9f&lt;\xcf\xf3{\xbe\xdf\xd9\xb7\xef\xffup\x1c\xdf\xfd\xfe\xb3\x1c\x1cO\x00P\xa2\xef\xaf\x89D\xa2\xaf/\xf1\'a\xc2\xfb.\xde\x19\x9e\x9bZZ\xbb\xb5\xf2d\xe9\xf1\xda\xd4\xf5\xb9\xb9\xfb\t&lt;\x91\xf8p\xbaq"]\xba\xf3\xe2}~\xeb\xed\xe6\xf3\x9dRag{\xa7\xf4\xf6_o\xb7n\xdd\x19&gt;\xb7\x90\xd8\x87\x7f(\xa5\x16\x96\xd6\xe6\xb7K\x85R\xbePz\xbe],\x95\xf2\xcf\xf3\xdc/\xf9\xf7[\xef\xe7\x7f\xbe\x8f\x7f\xa0H\ro\xec\xc7\xd8R!_T\n\x944]\xc8\x97\n\x85R\xa1\xb8\xbd\xbd\xbd\xb3\x9d\xa7\x9f\xddZ\x9f\xba\xb4\xe7V\xe2\x89\x8b+[$S&lt;Z\xa4i\x8a\xa0\xa8b^\tO\x86V\xd2\xa5R\x81\xe5 S\xa5\xe2\xc6\xdc\x1es\xe1\x89\xf5GE\x96\xcd\xdf=D\xd34+\x10\x08X\x9a\xc0T\x08\xa5\xfcXJ)\x05\x12\x8c\xcd\x83\xb9\xa9\xd2\xcd\x95=\xb5\x12\xef[\xb9\x8b\x94v\xf2\x05\x96 \x18\x8a\xa2\xa4R\t\x8aa\x18\xc1 5*\x8c\x90\x12\x9f|\x94/\xb2t&gt;\xcf\xee_\xbb\xb4w]\x96\xb8\xb8\xb1_Z\x04\xfb\x10\x14E\x18L(!$\x12\x8a@\x00\x0c\xa9\x11\xd6\xd4H\x94\x07)\x063!9\xb6\xa8do\xde\xe9\xdb#.|x\xbe\xa0&lt;x\x80\xa5\x94R\x0cAHT%!0\x94"\xe0\x81b5\xaa\x9a\x1a\xa1\xc9\x84a&amp;!\n\x9e\xd2lnkjO\x02\x86\xe3\xe7\xe6\x99\x12M\x1f$\x98\xcf(\x04\xb0@#\x045\xc1\x03\xb4\xc3$\x98P\xd8\xc9aa\xf0\x17J@\x97hj~O\xf4\xc2\x87\xb7\xe8"}\xe8\x00\xdc?\x82\x04\x18\x02AI\x0e\x89d8,\x95\xc9\xa42\xa1(\x974\x0eWP\xa4\x05\xcc\xdd\x17\x0b\xfc\xe7\xea\xdc\xfb\x1c\\\xbe\x83\x1f\x11\x80\x02R\x91\x0cCb\x84\x92"\x91\\\x96DM \x94\n\xdd\xc5R\xed\x82I\x95,\xc3\x1cx\xb1\x80\xf3\\\x0c\xd77X\x96\xe5:\nA1\x12!I\xc0\xc9\xa1\xa4 \x97E\xdedX\x04\x9cCQ\x12%\x01\x10\xc586\xa1\x84\x12(\xb1\x83K\xfc\xe6\x0bO&lt;\xa6hV\t\x99\xda\xf5\x08#\x80.\x9b\xca\x90d.\x95\xcafs\x0c\x86\xee\xa2\x02\x18\'\x19\x88\'T\xa9$\x9fR\xa6\xads8\xbfq\xdf\xce\xb2\x9f)\xb9|\x9b0H\x15\xc2\xa9\x96-\xe7\xd07\xa9r\x8a4\xa1\xc8\xff\x90\xe0\x83C\x07S\x85B\x15E`\x1b}|\xaauq\xbe\xc02\x14\xfc?\x84A\xa0\xd5s\xd9\x1c\xcb\x90\x99r*\x93.\x97\xd3\x198\xe9t&amp;\xbb\xeb \\P\x14\x1c\x85\x0b\xa0\x12\xd6H\xb0\x03Ox\x94+\xb1F\xd19\xe8\x04.\xed\x14b\xca\xd4\xc7\xe4\xf2\xb3\xf2:\xdb\x85d\xb2-\x10\x98\x98H\xfa\x0e\xfb\xfe\x1e\x8bq~"&amp;\x94S\x0e\xa0\xa01TR\xd5\xf7\xfc\x8d!\xfc\xe2#D@ \x04AP(\x9aJ\xa5\xeb\x02\x13\xad\xadC\xd5\xd5\xd5b\x83X,no\x17\x8b\xf5\x16\x8b} \x12i\xf3ic\x19H\x1b\xca\xd5\x05p\t1\xe1\xd1;|\xa5\x1eO,}\x023\x90\x80j@\xde\xa4E\xbe\xc0P5\xd0\x88\xfb\r\x1a\x8dAg\xec\xd7\x00\x9f\xcc\xed\xd6\xeb\xf5nw8b\x0f&lt;\x95\xc7R9N\xaeN\x88\x97\xaa\xf3\xfb\xfb|-\xd4\x97\xe6\xb9\x19\x830\xd9L\xfa\xac-\x12\x1e\xaan\xd7pX\x1aM\xbf\xc6h\xecW\xb4\xab\xf5CN\xa7\xdb\xed\xb6X\xc2M\xe1\x89\xa4\xb9C\xa4\xadG:9\xb9T5\x9dw\xe7\xf8\x19\xda8&gt;|H\x05J1LJ{!b\xb1X\xf4b\x8e\n\xa0\x8cV8\xc6\xda\n\xb5\xde\xe9t\x0e99,{$\xd0f6\xfb\xeaD\xcb\x19R\xb5\xab\xd6\xc1)\xbe\xb0V\x08nwA\x98\x98\xd9&gt;\xe9\xf1\xb89\x0b5\x80\xa51\xfa\xbb\xfc^\xe0\xaaT\xab\xd52\x19\xb8\xa8w\x86\xed@\xd5\xe1\x13\x89\xbeY\xce\xc1D\x12\x02\xdac\x9eV\x9c\xc4\x06t\x11\xcc\xc0\x9c\xfcj\xd3\xb4\xc7-\xab\x16k\xfa\xe1\xc0\xc3\xea\x070kmEee\x95Z]-\xdb\xe5\x8a\xb4\x99;:\xeaD"y\n\xc1PN\xaey\x9e\xb2u\x7f\xab\x13\xa8\x88\\\xbd\xcfnq\xbb=\xb2\x1e\x8d\xd1\xea\xdd\xf5\xcf\xdb\xe5p8\xfc\xc6ZEeUH\xdd\xf3\x1f.{\xc0\xccQi\xb5e\xa80\x08\xd7\x0f\xcf\xae\xf3\x835\xb5\x9fS\x0bI\x9d=lwO\x87Bjq\xbf\xee\xbf&lt;V\xf8\xe8\xf2\xfa\xbd:\x05\xa7V\x8f\x0c\x9ct\x86\x93m6\x8eJ[\x86\x9e\x80t\xfd\xf0`\x98\x9f~X\x97r\xeb\x15\x99\x91_h\xf2L\x83*b\x83\xae+\x1e\x0c\xc69\xac8`Y\xad\xb5\n\xf0\xb1B\xd1\x03M\xa1o\xb5_\xb5\xf9\xb4r\xad6\x9d\x05\x13\xe1\x08\xd6\xf9\x89\xd6-)\x0c@$\x9b9\x1b\xb0xB2YOO\xa51\x1e\x8cF\x83qG&lt;8\xb6\x1a\xec\xf2zu\xb5\xb5\x8aZC\xad\xa2\x1d\xf4r6]=\xec\x03\xb5\xe4i\x12C\xb9\xcb(]\xe2\x05\xab\xef\x91\x8a\xc3\xca\xa5\xb5I\'\x04^\xad\xae\xd4\xf9\xe3\xab\xbd\xbd\xab\xc1`p5\xda;\x16w\xc1m4\xeajGG\r\xe2j\xbd&gt;\x1c\xb6\xdb\xa0 \xb4\xf2X\x16V\t\xb8\x8a\x1f\xf3\xa2\x16\xbe\xf0\x0c\xca\x14\xc9\xa6\x96\xeb"\xd0\x99!u\x95\xc2\xea\x08\xf6.\xf6\xf6\x8eqXcA\x17g#\xe4K7\xaa\xa8l\x979\xed\xf6\xa4y\x17\xab&gt;\x07\x91\x07\xb5\x88\x15~.\xe23\x8c!$L*&amp;\x0f@\x97O\xab\xab\x0cF\x88\xd6\xea\xeaX\xdc\xe1\x88\xc7]\x0e\xff\xb8\x15n\xa6\xd7\xcaa\x85\xdc\xee\xe6\x81\x01\xf3a\x0e\xebl\n\xe3\xf6AL\xfa\x82\x1f\x13\xbfE\xa1\xb4\xc8lF\x1e\xb04yB!\xc0\xf2: \xf1q\x87\x17.\xe18t\x97\x15,\x04\x1b\r\n\x85\xda\xedi\x8e\x04\xcc\xb6]\xb5R$\x97-\xecS~\xb2\x95\x98G\x19\x86\xc8f\xca"\xbb\xa5yrZ\xad\xd0\x01U4\nr9\xfc^?\x14\xaa\xc3o\xd5\xc1\x1c\x1a?\xa33T\xaa\xddM\xf6@\x80\x9b\x8a\xf2X\x86\x04\xb1`I}\xc2OAl\xc0\xfb3\x95\x8a\xc5\x0e[&lt;\x93\x93\xd3\x95F\xbf\xc35\xd6\xbb\xb8\xb8\x18\x1dtu\x81\x8d\x0eW\x97\xf5\x1aG\xd70\xae\xe3B\x0fs\xb1\xcdV\xa7\xd5\xd6g8\xb1$\xaaC&lt;-\xce\x8f\xa5\x80\x95\x8ei\x93\x96\xc9IO\xc8p\xad\xcb\x15\\]|\xfd\xfa\xf5btl\x10\xfa\x0bB\x0f\xdd\xea\n\x8e\x8c\x0c\xba\xfcF\x08\xbd\x05\x8a\x1e\x9ak9\x9d\xe5\xb0L7yZ\xb8\xd6\x05\x0c\xa8%j\xb3\x87\x9b,\xea\x8a3\r.\x80\xfa\x05\xce\xef\x8b\xd1\x13\xd1\xde\xe8b\xef \x9c`\x10~\x04@\xa3\xb8Z\xd6j\x0f\xd8\xa0\xb9\x96\xcbY\xa1\n\xe9\xbc\xc5\xd3\xa8\x9eRf\x05T,\x90L\x86-\xa1\x8a3\x8e\xc1\xd5\xdf\x7f\xf9\xf5W\xa0\xea=1\x02\xf5\x05\x05\x06P\x805\x06\xe2\xb9\xe2\x0e\xa3Fs\xa5u\xa2\xcd\'\xfa\xe6\xf8r\nUI:\xd7x\xc2\x9a+\x92\x02J&gt;q\xfa\xb4E\xdfSQ\xdb\x15\xff\xe3\x8f\xc5\xde\xd5x&lt;\xe8r\r\x9e\x88FO\x8c\x0c\x0ev\xbb\\.\x07|9\xbc\xb0\x1bj4\xd5\xad\xa7\x936\xdf\xf1\xe3;%\x06\xab\xe9\xfc\x99\'\xac\x85g\xa42\xe7\x03\xac\x90\xda\x12\xbe1\xf3\xea\xd5\xab\x7f&lt;\xb5\xb5\x9d\xd6\x8b\x8d\xfe\xc1S\xa7FNu7\xc2\xd9\xcd\xfb\x95wO\xeb|f\xb3\xd9f\xb3\x89\xea:fgwXB%\\\xe1k\xdf\x9a\'\x95\xa9\xa7\xef\xde\r\xc9\xec\x17\x9e\xce\xde\xbe}{v\xb6Ct\xef\xa1-\xdc\xa3\x1b?\xd9\xfd\xe5\x97\xa7\x1a\x1b\x1a\x1a\x8e\x18B\x96H\xddr\x99{7\x8b\xd5\xd7\xd7\x97c\xcb\xb3\x9b\xdb4\xa1\xfa\xfc\t_\xdb\xe9c\x8c\xa2ggf\xaa#\xbf=\xac\xeb\xd8\xdc|5s\xe3F\xeb\xc0\xb1\xabM\x1eu\xc5\x11\x0e\xab\xbb\xe1\xe4\x91\xcb\xa1\xc9\xa6c\x0f\xef\xdd\xd3v\xb4%\x03\x1d\xda\xfar:\xbd\xb3\xb9Y$:\x1f\x9c\xe3\x0bk\xfds\x8a\xfe\xea\xa7\x9fZ\x7f{\x18\xd1\xff\x13\x06\xb4\xe3ZEU\xa5\xda3=\x1d\xaa:\xd2\xd8\r\x1e6\x00Us\xcb\xf9\x96\x96&amp;w\x8f\xa2\xdfk\xed\xbf\x92\x84W\xb3\xfa\xcd\x97\xdb\x14l\x81\xfcx\x08\xaf\x18\x0f\x90\xd2\xe6w3\xc7\x06z\xce4\x8c\xfcmq\xcc\xa1SO\xc3\xf1xB\xea\xcb\'\x1b\xbb\x1b\x1bN\x8e\xaa\x9b~&lt;\xd62\xa9\xae0\x8c\x8e\xea\xc6\xaf\xe9\xda\x9d\xe1\x80o\xf9\xab\x97\xcf)x!\xe3E\xad\xbf\xe0\xf8\xf5o\xd1\xfc\xab\xeff,U\x97\xbf89n\xe8\xd1\xdch\x8e\x0c\xb4\x9co\x86\xca\xaf2\\\x1b\x1ci&lt;\xf2E\xd5d\xcb\xd7?\x9ewO[Z\xdf\xddh\x1d\x1aj\xd5{\xce_\xf5ig_nRG\x9f\xfc\x9bW\xf3\xffI;\xbf\xe3\xf8\xf6\x9bI\x7f\xd8e\xdb\xfd\xb4e\x9fP\xb3\xdd\x96\x1b\x90]\x03\x1fH\x90\xe4c\xd8"\xdf\xe4sT(G\x15\x14\xc8\x07\x0e\x1cR\x07\xfd\x80M\xc1\xe1\xc1\xf1-\xec\xa2T\xbeL\x90\x9e4\xd8-\x1al\xce[J\x9a"1\xcd\xadv\xab6\x9bF\xe3\x9dZ\x15\xa9SWOmmk\xbf\xec\xc5\xed_\x80~\xc2\x1f\xf0\xc8\xeb\xf5\xe4\xf5~&gt;\xdf\xef\xd7\xad\xab\xe7k\xc05\xfc\xf1\xf9\xcb_\xff\xf8\xf6Tn\x8b\x81a\x01\x86Ro\x9a\x9d\x03Q\xd3\xf0\xb8\x0e\xb4\xd5\xdf\xe2\xef\xb1\x10H\xab\xbe\x00X\xba&gt;\xc9\xe8\xa3\xbb\x7f\xfd\xe6l\x1e\x8f\xc7\xc1E\x8cl\xce}~\xef\xab\xa3\xd5\xe3O\xab\xce\xf5\xbb\xf2\xe1A\xe9\xce\xbd\xff\x00\x96\x03E\xa5juf\xfc_\xf7~\xf3\xce\xe7\xf3\x8f;5\xad\x0c\xaeS\xe6_\x0b\x13\x08_\xaf.\xe8u\xe9\xb9\xe7\x7f\xf9\xe2\xa7?\xf9\xf5\x1f6\xc6\xaf\xd0(\x14\xca\xc4\xdc\xe6\xbf\xdf\xffr|%\xff\xa0\xea\xd7\x95g\xb6\xa2C\xa2\xf4\xed\x89\xa9\xd9.\x07\xca_Y\x18\xff\xe6\xdb\x8f\xbe\xff\xf3w\xee\x1d\x1f&gt;\xd4t%"N\x99|MK04z}/\xd5@\xcb\x95\xbe\xfe\xe8\xfd\x7f\xfc\xe8\x8b\xbb\x1b\x1b7*`\xb1\xcdG\x1bW\x84\x997\xcf\xab~?R~\xd5Kg\x0c\t\'\xa6\xb2\x0e\x06\xaa\xc9\x8co\x8c\xbc\xfe\xe7\xdf~\xb9\xb1\xb9\xc4\xda\xd6\xd7\xf7\x18\x9d2\xa2G+\xc3tj\xbd\x86epo\xed/Ml\xfc\xf6O\xcf7ol\xdc\x18\xbf\xc4\x96Ll&gt;\xba-\xc9d\xde\xac\xde\xaa\xb6\xb2J\xaf@\xd7\xfe\xec\x08`!\xd8\x90&gt;\xa3\xb6n-M=\xb4B\x96\x085\x08\xccI\x92$\xfd\x1e\x12\xd5\x17\xe2\xfa\x06\x96\xc0&amp;pQEM\xf7\x1f\x9b\x8aW\xae,\xe4)\xed\x1ds\xf3\xa3B|eo\xf5\xd3jk\xeb\xe0I\xe0i\xc0\xb35\x92\n"\x01\'6\xd4\xda\x8d\xb8\x12k\xde\x08]\xa9\x91r\x9a\x93N\x19)\xb3x\x08L\x97)\xc4u\x0e\x81\xca\xc6\xe3r]T\x8d\xceM\xa1\x15qH\xfd\xb1\xf9\x8e\xc1B\xad\xb0\x9c\x84\xa8\x82E\x92\x01\x84\x81!\x1c\x15\xcf\xa1\xd4h\xbaYI\'I\x10d\x8b\xb6\xc7\xe2\x8c\x162\xfa\xde(Z\xefPB\x92Tj\xf4\x05\\\x82\xbb;M\x17F\xe6G\xac\xeaZ`\xbd~"\x00,k,E\xc5\xfa\x9d\x012\xc9\x11s!\xd9+!\xf0G"p\x14\x12\x84}f\xc7B\xb6\xaa3z\xc8\xb6\x0c\x06\xccX\xb0\xf3&gt;__gg\xdc\xdd\x04X\x1dj\xa8V\xd5%?\\\x8a\xaa\x9e:IQ\x05\x0b\xc1`\xa6\x1bmF\x9e\x8b\xc5K\x82{\xd0\x86\xed--v\xcf\xcc\xccwXjM7\xd6\xdf\x8fa\x0e\x86\x03\x85\xcco\xe83\x99\x84\x80\xc5\xce\xb83{\xbbU\x1f\xa8\xe5Vn \xf0R\xff8Eu`X\xbf\\n4F8b\x0e/\xd2&lt;=9\xe9\xb7\xb7\xc8-\x16\x8f\xd6Ct\xc3\x90\xd7t# \xb5@ \x80 \x01\x06\xdaP\xb9\x8b\x00\xac\xd1\x157\x9e\xaf\xfe\xf5\xfc\x18\x8a\x19\x03/\xa3\xffM\x05a\xc6\x83_P@"4V\x0c \xb8R(V\x8b\xbcb!\x08\x044\xafC\xb9\xa4\x8c\x909\xe1#e\xe2\xfa\xd0 H~"&amp;Yqg.\xb4U\x1b\xab\xee\xd4R4\xe1|\x89\xa5\xa6\xb2(# \xb3h\xb5\x03\x03\xd3Z\xad6\xac\x05c\nM$\xe4r\xbb\xc5N Q\x98\xf2R\x97\xbcbq\x08\xf8w\x12I\x0eUd\x02m\x8d\xb0\xf7\xdc\x99\xd5O\xaa}\xc55|\xf9\xe0I"\xf2\xd2\x99z\x08s\xcbIX\xc2\x90\xf2\xbd\x15.\xad\xb6g}\xd2\x9eLV\xeaeo\xe9W\xfa\n\x05\xb54i\xb1\x83\xcf!d2\x19\xc9\xed2t\n/\xc4b\xf9=\xbcxT\xf5[]\xe6p9\xcaK&lt;}\x9az\x98\xea\x02,\xb9\x05\x8a\xe4\x054\xad\xd6\xe3\x9dL8\xb9\xfd\xc4\xff5\x8f\xf1\xe1L\xf4\xf52\xe4\x16\xe8\xa9\xa5%\x92\x84\x9c\x91\xae`-\xec\xe1+\xc7U\x97V\x1dsl\xcb\xd1\xfc\xf4ev*\xd5\x08\x8a&amp;\xec\xde\xb5\xf5\xc5\xf5\xb5\x1d\xad\x85\xb0\xa9\x92\xa4\x93\x94\x87wvv\xc2D\x00\x8d\xb6"TS\xa65i\xf7h\xb5~\x85\x8a\xd5h\xedk\x1a\x89\xcd\x9f\xdd\x93dJ\xcc\xba\xaa\x9b\xc0\x8f\x0f\xa3\x9c\xa1\'\xd2\xdcl\x10\r\x90\x84gm\x19\xc2\xd8\x8e\xd6N\xf6\xdb\x8cv\x8f\xc53\xb3\xfc\xec\xd9\xfaL\xb8\x99GgEH\xaa{E\xd7\xdf\xe2\xd1N\'x\xf5]R\x9f\x10\xb0\xc6\x17\xf2\xb1k\xd5\xf7[u\xccRtH\xf9\xea\xd5T.K\x05\x17h\xe9\x01\xac5\x8f\\\x16\x10\xf8\xc3;\xeb\x8b;;\xcb\'\'\x8b\x8b\xeb\t\x01O\xa5b\x05\xd3\xf9\x95V\x99\xdc\xaf\xb0\xf1X\x8d\xfc\xbe\xfb\xb1\xb9\xf9\xb3\x17\x8aG5\xb8\xd3\xadc~\xb0\xd5\xea\xc2\xf4\xdbP.\xe8\xa2\xdc\xbf\xb6\xbc\x1e\x96\x93\x88\xd8l\x0ek\x07\xccF\xa3eg}g\xc6_\xcf\xd7\x88\xe2\x12\xa1[R\xd4\xc3!\x95\x8cp\x1cRM\\\x18\x9b\x8b\xdd\x7f,\xac\xcd\x8d\r\xf3@\xa9\xf2\n\xb2\xb9\xd9,\x03\xba(\x0fk\xed\x84\x0c\xc3l^\xb3J\xb3\xe2\xf3\x15P\xfb\xcc\x8c\x9d+*\xe6\x8b\x0b\xe3E\xb5\x1a\x1c=\xe6$ID\xa9\xebs\xb7\x8f\xc4b\x8fMK\xb7j\x82\xf5\xbd3,\xae\x9cS\xc1j\x84\xc9\x05\x91BFbC\xbc\x01(\x15\xcb\xdae\xde\xa7:\xfc\xe1\x88\xa1H\xbb/\xcc\xe0\x9d&gt;0\xf8\xbdQ\xc4\x89\xa0\x1a\x9f\x1b\xbf\x00X&amp;\xf5q]m\xb0\x86\x0f\x92\x11Fv6\x95\rV\x8ek\x92 \xbb{\x01\xc5\x13\xeeY\xf3*&amp;\x97\x9b\xd1z\x96\x81\xb2 L\xbb\xe3\xbd&gt;\x11\xa44\xbe^\x87\xa2|\x91["\xe9\x98\x88\xc5:\xd5\xc7\xb5zz-%\xe5\x91\xfd\xdc\xf6v0De0\x10\xaeR\x8f6\xfb\x15vO\xd8\xeb\xb5\xf8{\x06x\x0e\xaaH\xed\x86,\x04\xc6Y\xa3\xe1\xf3\xf9\xba\x82\x9e\xaf\xf1\xe1l\xca\xe8hl.\x8e\x97j\x13_at\td\x16\xd5Tj;d\x90v\xa3\x18_\x1dR\xd9"\xc9\x88\\\xa1P\xd8\x9a\xcd6\x8e\xd8%\x06\x1f\xa6\xb4\xf6\xe9\xf5&gt;Q\x9f\xcfg\xf5\x81\x9d\x88Khl\xf6h\xec~\xe6\xe8\xeapm\xba\xc8\xbc\\\xdeW\xed\x1f\xcd\x1a\x0c\x06\xab\xb2[\xd9\xabaq\xc4tn?\x87\xc7\xe1\xf0T\x02\x16\x8a2\xc4\xe2~L\x19\xed\x8b\x83\xe2\xdd8\xee\xe3\xab3\xbe\xb8\x84M\xa3Q6wo^\xad\xd9\xe3&gt;s\xf8\x83\xb1\xd3\x1f.]4X\xf9\xca\xeeV\r\xd5E\xa7#t\x04~bA\xb3\xca\xe5\x00\'\x8d10\xb4\x9b\xdf\xaa\xf1\xa9q\x1cWk\xfa\xc0CShy\x1a\xed\xe8z-\xd7\xf2\x98\x10\xad\xaf\xef^\x94Z\xf9\xdd\xe8Pk\x17\xf4\x0c\t\x90d\xc4\xa6\x18\xf0\x9am\x02.\x86a\x0c\x84A\x95J\r\x83\x9d8\xde.1\x892\x19hb\x9eM\xd9\xad\xed\xb2`]\x1dL\xfb\x14h\x8b\xea@\x95\xf5T&gt;U\xccIFT\x95w\x02W=\xb8\xd1\x06&gt;\x7f\xb0O\xed.\x16\xf3\x97\xe0\xbb\x92\x01,w;\x8dM\x1b}P\xf3\xf5\x9f\xba\xb1\xdcv\xa8\xa1\x11\xc1PV\x83/}q{P$\xba(\x956(\xf9\x1a]\xaf\xba\x00\x99\xa2\xb8\xd2A\xa1\xdd\xfdrc|\xc1g\xc5q\xc0\xa2\xe5G\xfe\\\xf3-.\xe8b6\xd8@\xa5\xd3\x1d\xac\xaeP\xfa\xd2\xf8\xed\xd5\xdcRj\xe9hkk6\x15J\x1d\xed.\xed&gt;8:&gt;\xde\xfdv\xe3M\xfb\xc5\xd0 \xeen\x92\x00\xd6\xea\xd5\x9a\xef$1\x99\xafS\xc1\x86\x86..\xbd\x9e\xe5\x12\x0c\xae\xcc\xdd\x19\xfb\xb0&lt;\xf6Iy\xec\xdaI\xa9\xfc\xb3\xcf\xcac\xa7\xcbmw\xbe\xda,\xe2!V\xd7\xa0\xdb$\xa4\xd0\xd8\xf9\xdd\xeb\xb5_\x95b\x96f\xb3\xd0E:\x97\xceU\r4;\x82\x07\'g\xde\xfb\xe1\xf0\xbb\xef\x9e\x7f\xef\xb3\x1f\xfc\xe2\xdc\x99Sgn\xde\xdc\x9d\rZ\xd3TW0\xdd\xd4\xd4\xce\x86\xb1u\xb3\xf6\xcb\xbb0\xecs\xa9l\x88\xea\xa8`%\xfc61\xc7\xbc\xfcl\xec\xcc\xef\xaf\x9f\xff\xd5\xb9s\xa7N\xb7\x95\xff\xfe&lt;\xb7\x8f\x1a\xd2\xe9Pp\xbb\xf2\xea\x03T\x9b\x7f|\x1b{e\xe5\xdcT*\xd4\x802\xe8t\x97\xb19\xa1\xe0\xf0^L\xaf\xaf\x1d\x96\xdaNN\xca\xe5\xd2\xc1\xe1\xe1&gt;Gl\xed4uZ\xb7\x07M\xc2v\n{\x94\xfdVz\xc8l\xcb\xcdV\xb8\x1aA\\\xaaf\x9b\xa2Y`\x1c\x98\x9c\x9c6\x9b{&amp;\xd7z\x12/\xe0\xe3\x85\xd2\xa6&amp;\xd3\xe0\xe0wOQ\xec\x8e\x91\x9boc\x01\x9b965\x9b\x9b\xca\x06\x1b\xebY\xf5&lt;\xa3@\x95PD\xcc\x8b\xcf\x9e-NVB\xc7\xf4\xb4\xd7\xfc\xa2\x1e\xa8\x84\xa6N\x88\xadP\xac\x8e\x8e\xb96f\xdd[\xa8\xd6\xb5\xd9\x87\xd0\xc6l\xb0\xab\xb20\xc2\xe3\x08\x146E\xcf"X\xf9\xe5\xc9\xc9\xf5\xf5\xb5\xc9\x84k\x1b\xa8\x9a*\x19\xbf}t\xf4\x7f\xbc\x9b\xfdO\x93Y\x16\xc7C_\xa0\xa1k\xcbv\xe6i\x11\xb5@+O\xf3,\xb4\xc5\x16J\x8b-\x86\x96e\x11\xca\xfb\x0f\xb8\x94R\xda`\x00)\x12\xde\x9a \x12(\x18\xa9)d\xba\x83\x14;\x90\x01\x16QP\x10;\xea\xe8P\xa7\x8e\x08j\xa26:\x13Q\xb3kVw\xf7\'\x7f\xd0\xfd\x13\xf6\x9c\x87u\xb3\xbb\xd9\x17gV\xb8\xd0\xf4\xe9o\x9f|\xcf\xf7\x9e{\xce\xbd\xf7\xb1\x07\x83\x7f8\xbe\x1d\xd6\xd2\xcc\\~{\xf9o\\}\xc8\x95WRR\xf2\xc5\xc9?\xfe\xee\xf9\xb5c\xd0;~\xa1mt\x16\x00\x16\xf4\xd2mv\xbb=8;\x0bX\xdb\xa1\xd6\xd0\x8b\xe9\xd74\x97Q*\xd5\x16C\xbd\xae\x87\xc6\x1f\xefB\x14j\x8dFy\x85\x19\xa2\x07TEm\x88\x15\x9c}\x1c\xfc\xf3\x89\xa9\xed\xb0\xfc\xc2\x8bi\x17\xcd\xe55\x1a\xa5J&lt;\x06.\xd6J\xbb\xe5\x15\x0e\xcf\xa0\'\xe0\t4;\x07\xe8\xe3\x1e\x9a\nz\x9e0\xe4x\xce6a\xb9\xbe\xbb\x0c\xd5\xb3\xdc\xd8\xda\xa7/\xd6\xeb\xf5J(g\xea\x07\xcd\x9d\x9d\xe6N\xb3\xd9\xect6#V\x1d\x16\xcbO\xdfTn\x13\x96\xe5\x85y\xd8\xe5\x7f\x8d\\`/}1\x0c&lt;\x9d6\xc8!\x82\x15\xb8\xa5e\x9eF\xae6\xa4\x9a\r\x87\x01k[\x82\x88X\x8d~\xfff\x1c\xa5P\x9aBq\xda\xd5\x05\xfe*\xd4k\xb5y}F9@#\x16P\x05\xc3\x95\xbaJH\xf2\x1a\xcdv`9\x86\x87\x1b]\xe8\xaf/\xbd\xdd\x9f\xe7\x15\xd6\xe2Q\xfa\xb1cwFO\x1d*\xe9\xaa\xd5J\xbd.H\\u\xf63O\x83=\x95=\x8a\xf9\xa7\xe7Vg\xb6\x9c\x8b\xc3\x01\xb5\xbc\xde\xe1a\xd7\xbb\xb7`0\xa3R_Xr\xf4\xe4\xb5\xe7\x98\x1e\xee\x00W\xad\xb6U\xde\xe9\xa4w\x00i*E0x8uqd\xab\xe3Hc\r\xc3$\x1c\xf6G\xce|w\xf9\xbc\xb1/\xaf\xeb\xd4\x9dc\xaf\x9e\xbf:9::z\xe8H\x9f\xd1P1\r!\x9c\x9d\x9d\x07(\x1akg(\xf4\xfd\x88f\xeb\xd3i\xa7\x01\xafuz]\x91\xc8\xeb\xcb_\x1a\xfb\nKF\xaf\xbd\xbav\xf2\xe8\xa1S%yyZc\xb5\xb9\xa8\xae-2\x1b\xae\xac\x84\xcaY\xa7\xb0\x07\x7f\xdb\x11\n\xdd=\xbe\xc5q\x14&lt;y\x0b\xf3\xcdhl\x95{\x1b\x0b"o1\xab\xf6u\x8d\x82\xaf\x0e\xd5\xd6\xea?\xcf\xe96\x00U\x1dP\x8d\x01\x94B\xa1\xd0\xcd\x07\xcf\x04\x7f0u\\8\xb1\x85\\\x1cM\xef\xeaS\x97\x01\x92A\xab\xd4h4\xf8\x0b\x8a\x9c.(\xed\xa5\xc5\xa7O\xeb\x95\x99\x99\xdd\x89\xd0\xde\x17\xd9\xed\xb3\xc1\xf0X%\x1a\x0b\xb0t\xc1\xc7\x8f\xcf\x1c\xee\xc8X^\xd8:\xa8\x1dS\xc7\x9f\x85\xcf{\xe5F\xfa&amp;\xac\xbc\x112A\x81\xd3\xef2\xc8[!\xa3\xb6\xcb\xe5\x86\x83\xe6\x82\xe4y\xfb|\x0f\x1e\x9f\xd3b)\xe6\xeda{\xd0d\n\xed\x9b\xd8"W\t\x98\x82l\xcb\x93=o\xce{\xc1\xf1x\x15\x16\xdc\xed\xc7I\x17\xf1\xfb\xdf\xf9]\xc3\x06\xc3p\xa73b\x9f\xd7U\xe2\x18\xdb\xc4\x82\xca\xa6\xf2\xd2\xf5\x0cS\xc7\xaf\xefo\xc5f\xa0FH\x89\xa9x\xc6\xc2r\x08\xb0 \xbdK\xa5\xad\xf4\x15@\xd7\xb43B\xaf\xcam\x05\xceH\xa4\xd9\xfe&amp;L\x13\xa1X+\x88\x95l\xb7+\xc6~\x95a\n=\xb3\x8a?\xf2.\x04G# d2\t7&amp;&gt;\xfe\xe6#\xc02z\xbd(\x16rA\xfez\xeb\xf2;\xdbt\x8a\x9e\x9ep\xb8\xa7\xa7r\x0c\xc3\x07H\x1b+++= \x16`\xe9\x14_ed\x84\x16[\xac\x1fuw\x84\xa3aQ\xfc\xaa\xaa*\t3&amp;&gt;{\xe6\\G\xf8|\xab\x11\xfe\xe8;\xdf\xb4^8\x9c\xd0y\xadll\x8c\x8dmb)\x14\x1bH\x05b!\x96\xee"`\xddP[\xad\xaa\x8fu*\xcc\xd1\xe43)\xb1X&amp;\x93Uq\xb3c\xe2c\xe6\x16\x93.\xba\xb4\xad T\xab\xb4\x15\xca\xe6,\x9a\xcb\xdf\t\x1f\xa7\xedV\xa9\xa2\x87\xf6\x15\xba\xea6^:MN\xc6\t\x90\xfc2#\xa9c\xd9g\xb5Z\xddCSXNh\xfe\xaf\xa4\x0f\x8e\xea%\x9a\xb84\x15\xc9\xa7\x12~\x1e/\x00\xac\xeb\xd3(\x140i\xa5\xda\x9c\xccn9\xae\x8f\xd0\xf176:&lt;\x03\xa5=\x95\x1b\x9bV\x07\xa0\xd2d\x1c\xf6M\xac\xd0\r\xdf\x12pY\xcb\x9b,\x82\xfc^\xcb\xd4O\xcfb\x9a\x1d\x02\x16\xc5\xe5\xf2\xc5|\xa0\x8a\x96\xb1\x13\x12\xe2\x85\x80\x15\xd7\xd6\x8dw\xac\x91K\x99\x93\xa3\xc4s\xe1\xc6N\xf3\xb4\xab\xa2\xc2\\t{cc3\x89\xde\x06\xa6:\x9a\x0bff\xf2\xa5$ShQ\xbddu[\xafX\xad-&gt;\xd5\xfa\xbd\xd5\xb9\xde\x9f\x04\x06\xd1\x13\xb0\x18l\x19\x9f/#\x91*Z\xc6LH\x88\x11\x9eX\xfce\xdc\x0f^\xa5\x94\x1e}\x90\xd5\x95\xadr\x83\xd7kh\x9c\x1e4\x0f6\xeb6V6S\xe8\xed\xb3e\xa5\xa5\xf0\x8f\\\x10\xca\xaf2\xe2B\xcf\xdc\xe5\xee%Z\xb0\x96\xf2\xd5\x0b\x0f\xee.\x8f\xfcx0\x98{L&amp;A\xc9h*\x92\xe2\xca\xa2\xa3)V\x820Ap\xf3FG\xda\xc3\x82D\x9aJ\xab\xd5\x83Z\x89\x99r\x83\xdc0\\\xe1h\xb0\xdd\x865\x90\xc6(-\xb3\r\x94\x15\x95\x95\xfd\x1d+).\xf4\xc0Z\xbe\xb4\xd4\x02\\\x13V\xf7\xdc\xf1\xf5G\xcf\xae\xae\xfd\xc8"_\x03&gt;\'\xd8\\\xae\x8c\xe2\xf21\x80\x14E\xf2x\x14S$J\xc8\xb6\xdcKM{\xf8\xb2\x9d\x96K\xa9\xcd)\xce\x81%\xc7\x88w\xab\r\x07=\x03gK\xcb`\x94\x82N\x81\x80m`\xa0\x8c\x8e\xa2N\x91\xac\xf8\x1a\xd4\xfa\xde\xaa^*/G.\xab\xdb\xdd\xa2:qem\xf1\xc6\xc4\x87\x1f\xc7\xc2\n\x03J1\xd9\x14E\x81V\xc0FF\xc33\x8fG\xb2D\xf9\t\xd9\xbd\xebQ\xa9\xbb\x0e\x14\x00\x11\xf0H\xa1\xe1\xcfI\xcc\xc4\xd1m\xa888\x18\xb054\x0c\x00\xd8@\xa0\xbf\xa1\xb9\x19\x9e\xeah\xb0:\xdd\x9fLq\xa1\xbbj\xc0\x82\x8f\xdb\x8d\\\xee\x16\xc9\xc2\xc8\xef\x97\xbf\x19\xfa\xc0\x8e\x1b-E\x10l\x88\x1fE\xf1\xb9\x14\x97"I\x92\xcb\xa5x\x0c\x8a%\x12\xc2\x18\xb9\x9b\x9a\x1e\xf7\xd2\xdb\x97\x98\x98\x98)U\x02\x96R\x99\x9b\t\x91\xecn\xa7w\xde\xfa\x03\x05ee\x81\xc1z\x8f3`{\x8f\xd5\x96\xbc\xd3\x94\x1a:\'\xf3\x01\x95\xba\x05\xb0\xdc\x88\xd5R.\x19r\x7fs\x7f\x88\xf3A\x96\xb20Y\x0c\x1e\x850\x14\x9f\x0fA\xa4\x9fP-\x08b\xbeH$Z\xb8\x97\x96\x96\xbe\xb7\xae\xaf8Q\x99\x08X\x8999\xa8\x9b\x12o\xf0#W\xbd\xc76\x10\xf0\x98\xcd\xf5\x01z\xb7\xb9\xac\x0e\xc4r\xdaw\xc6\x99\x92\xd6\x18j\xb5\xcf\xe7S\xb7,-\x01\x13b\x95\xab$\xe2\x16\xf7\xff&lt;\xed\xa7-\x05N\'x$\xf8\x9c\x04*\x8c$Ac1\x18$!\x8c\x15\tE\xbd\x13\xdf\xa6\xa6&lt;\xbc\xd8\x98\x97\x03zu\x03\x0f\xa0e\xe6\xe2\xeb\x0e\xed\xf8\xaeC\xbd\'\x10hh\x184\xf774\xa0\xbb\xd0im\xfe\xf9\xd4\xbdI\xbbV\x99&gt;\x1c\xe5H\xd4\x82Pj\x95J\xad\x92HTM\xff\xd5\xf8\x1a\x9c|\x90\x12\x00\x85\xa4 \x82HDq\xd9l\x12~R\xbch\x1e\xd9\x14\x13\x9b/\xcc\x9f\x1az\x14\xb7;%mE\x9bG\xe3(i\x9d\xb2rss\xb3&amp;\xe97i\xd0`\xfd\xe6\xfa~O\x83-\xd0\\\x84q\x8c\xf8\xc3\xa9i\x1d\x0fF\xd8\x00UU\xa5\xded\x9aC\xad$\x00\x06\n\xf2\x99\xffq\xad\xe4L\xf5\xf6\xa2N\x04\xe2@\xa2\xa2\xb8M\\\x06\x9bO\xe2\x00\x83E\x93\x8cx\x88b\xacP(\xca\xbf\x7f5}\xdf\xee\xeb\x91.\xbdrs$\xe6\xb6ONN\xb6\xb7O\xd68\x1c\x8e~\x9b\xcd\x16\xa8w \x174\xd9\xd0\xf6\xd7\x15\xf9\xa7/\xc6\x1d\xe887$\x83u\xb5\xca\xa7\x06\x99\xca\xe9\x0fJ%Q\x83f&gt;I\xd3\xbf\x9f\x91\x1c\xc8\xe7,\xa0"\x08H\n\x14\x9b\xc1\x86\xe4N\x11\x04\x9fK\x92\xf0\xbb\x89\x80\xd8\n\x85\x04!\x8a\x15\x89\x84\xf9C\x8fR\xf7\xef\xdbs\xd1\xd8\x85/\x12\xe0\x00\xa1j\xc6\xeb\xc7\xc1Y\x9e\x86[gm\r\x1e\x87\xa3\xd3\xd1\xef\x80\x06\x1b\x8b\xb1\x02W\xe47i\x07&gt;Y\xb5\xc8\xc8*(C \x8a\xe0|\x15\xa2\xa9\xc4|&gt;p\x01\x1c&lt;\xb1\xfe\xb5\xf5\xe6h\xa6 |\xf1\x04\x1b\xa8P+6~\x81\xb9\x08&gt;\x1ff$EX\x16\x8e\xaf\xcf\t\x04\xd9\xd9`\xae\xd8XQ\xfe\xd4\x95\x07\x87\xf7\xa7\x1cN\xae-\xd9\xec\xa8\x8bQ\xae\xf1~\x1c\x81[\xb7n\x81V\x8e\x8a\x8aN\x07D\xb4\x13\xfa~\xa8\xaa\xe7w\xed1=\x18\x89!\xd1\xb1\xb4Z\xear`Q!\x17E\x88U*P\xcd\xe7\x137\xfdsu\x81PD4\x9b\xcd\x06\'\x01\x13\x80\xb0!3\x90&lt;\x8aO\x11L\x96\xa0ih\xe2\xde\x85o\x9fX\x04\xcc\x18\x96@\xb4\x03\xf4\xca_XNM\x8f\x8a\xfa\xda5Zr\xba\xb00\x0f\xdf\x87\xca\xcc\x9a\x1c\xaf\x87\xec\x80\xa7c\xf5\x8e\x83\xd5r\xb0Y5\xcc\x00X+\x0b\xa6\xdf}\x96\xfe\x89\xe9\xc6\x0c3\x1a\x123\xb9\x19E\x90K"\x16\xa3\xe3!$*\xd5\x8c\x84V\x8c\xd8\xc1\xf9\x87\xe5\x18\xe6\x1e\xf8\x9aj\xe2\x92l\x06\x0f\xb1P+\x94\x89%\xb2\xcc\xdd_[\xbc\x9af\xfat\xed\xa6\x80\x95\x10\xc3\x04\xb9 \x90\xbd#\xcfL)\xfbv]\xfa\xcb\xe8\xa1\xae\xae#GN\xc3\xa4\xcc\xcd\xaa\xae\xa9\x19\x07\xb4\xf1\x83\xd5\xed\xdd\xd2\xee\xea\xc6\x8a\xeav\\\xc4!\x92\xf6O\x7f\x16\x97\xb2.\x88g\x90X\x1e\xa9\xdeSU\x89\xc1\xf1\xc0\xc2\xe6\xc3\xc3\x8c\x18\x04\x93\xf0\xdf[\xac\xd7\xc2\x82\x88a\xd4 30X4 \x0fr\x14\xd5\xc4d\r\x8d\xac\xaf\xdd\xdd\xbdwoZz\xd4\xfe\xe5\x9b\xa0\x16\xca%\x020\x91e5\xea@T\xca/"\xa3GOA\x1f\xd6\x85X\xed\xd5\xedx\xd5\xb3\xa6f2\xeb\xaf4[\xefk\x13y\x1enf&amp;\x1d\xdc\x8c\xcddf2\x1d33i\x88\x13K:Y\xcc\xb4\x15\x8fIm\xe3E\xf3\xc2CAh\x13C\xb8\xe3\xa0X\x8c\xd0\xb5\\\xd9M\x95\xb4\xcbA\xba\xc1ri\xa5\x15Y\xae\x94\xbd\xec\xd1\xee\x1a\n\x85\xb3`\xe4\xecr\xf4\xfcE\x8d{\xe8-\xf8\xc67\xf7F\xb8;po\xff\x83{&gt;)\xfb\xc5P\x91&amp;y|\x9e\xe7\xf3|\x9ei3\xa3#\xe7\x8e\x9f\xb9v\xe6\xf4\xcdShe\x7f\xb8v\xef\x9f\xa6ao5\\\x8da\xbaO\xe4I\xbb\xcb\x9dd\xc8\xfb\xe3\xc4\x17R\xc8\x17\x8e\x82\xbb;\xe4\xfe\xda\xa1\x92d\'zx\xa1\x17L\xcf\xb2=\xe0)\x18d\x8b\x8d\xf5G;oR\x89\xb1\x84\x90vb\x8e\xb0SS9\x1e\xa7\x97p}\xa4&gt;\xde\x19\x93S\xd6_~\xb1\xf6\xc9\xda\xda\x1f/]\x18\x19\xed;\xfd\xf1i:\xbf;{r\xe4\xd3K\x17n\x9c9s\x131{\xfc\xc6\xcd\x8f\xaf}\xfb\xb50\xb0\xfb`\xde\rt\xe3\xf8\x07i\x06\x07;&gt;\x0f\xfb}~\xd8*\x1c\xef\xc1\xe6\r\x87\xc3\xd1\xa1\xcb\xd3\xd3\x83\xf7)\xc5\x90IA"\xca\xdb\xa3q\x9c\x16Dt\x9e\x08r\xc5Z\xfdu\xeb\xad9&lt;l%=N\xcaq&lt;\xe9\xd4\xab\x86*q\x87\xb0\x00,\xfbU\xfd\xcdyY\x16\x7f{{myr\xed\xd2oFF\xe8\xfe\xb1\xbe\xa5\xa5\xbe\x93#\xd7gn_\xb9p\xfc\x977F\xd1y\x80\xeb\xd4\x8f+\x82n?)r\xae\xa6\x81-\xaf?\nVp\xee`\n\xc3\xe0\x0b\x87\x16o\xbc\x14&amp;{\x01\xd7t\x03\x84\xf90vD\x92\xc6rl\x8f7\xeee\xa5b\xad\xf2zk71l\x93\xad\r\xfcq\x88\xadVC\x05\x9bGx)K\xe6\xcaf\x8b\xaf\xf5\x8c`&gt;|\xbf8\xb3\xb8|\xe5\x02\xddv4zq\xb5&lt;1r\xe1\xd3\xc5\xe5\xe5\xdb\xd7G\xb0\x94\xe8\x17\x8d\xc7\x8f\x7f\x80\xdf\xed\xadM\x8e\th&lt;\xef\xed\xee\t\x96\x86\xa6k\x83\x97\xefD\x07\xef\xe4\xb1F\xfcD\x9a\xdf\x9f\x07q~\xc2E+s\xfa1D\xecA40\x9c\x06h\x0c\xc3H\x8f\xeb\xaf\xb7\xde\xc8\xb6m\x99\x82\x90\xf2\xc4\x84\x98\'\x06X\x9e\xe4VUe\xf9#\xfc\x11\t\x0b\x88\xd2\xebhcG\xb4\x04\xeb\xbb\xcf\xe7\xc6s\x10\x11\xfdf\xf4\xf3\x8d\xf1\xdc\xdc\xed\xdb\x93\x93\xcbsw7V\xe9\xb6\xadSg\xfb\xee\xad\xb4\xe5\xcc\xb3\xba\x84\xd7\xd6\\\x17\xb3\x18\x0c\xee7\xdfU\x1a\x94\xa1\xf9|\xd8W\xf2\x93\xaf\xa8\xd6\xd1\t\x13_X\xe3]=\xac\xb7\xdb\xcbh\x0cK\xdeb\x98\xc6\xf3]=#\n\x86,\x18\x86!8\x87\xb0\xd2\x1eOr\xbb\xa2B\xc2#$#\xf65\xb2\x1e\xedy\xd8\x94\xedo\xcf\x8do\xdc%\xb6VGG7\xc6\xe7\x16\x97A\xd6bn\xa3\\\x06Y\xa7\xfa\xfa\xfe\xb4\xd26\xec\xbdG\x9c\xc6h\x1aM"l^z\'\xea\xdb\xfb\x15@@\xe6\x93\xa7HL\xd2\x11\xff\x82\xcc \xbe~\xdd\x85\xd9c\x10\xa4==x\x1e\xe7\xa2\xb5\xfc\xd56\xf6\n\x82)\xa7b1\xc1\x93"X\xe9\x82\xc7\x11\x9a\xf5,\xc7\xf1\x1c.}TB\x05X\xea\x83\x97\xc3fR\xfc\x0e\xb8\xe8\x06\xad\xd5\x93\'W\'rs38s\xe3\xe5\xa5\x85\xa5\xd1\xd5\xd5\xd1{_\xb7\x8d1\xf3\xf9}\x8e@iZ\x7f8\x9f\xf7\xd5\x9e\xd8\x91\x88\xd9|\xbdY\xf3w\\\x15&amp;\xe7\x87;d\x91\x8a\x18\xd4\xe9\xdfwA;\x84\x82\x978\x0e\x84z\xd5J\xd3\x06\x92\x94\xa0\xc8\x86\'&amp;\x13\xb2\xb4\x07\xb0\xd2\xf2v%\xcb\x02\x96\xa6\x91\xbb\x80\xac7\xa4\xce?\xda\x8b\x08\x8a\xf8\xe7\x8d\t\xd8j\t\x9a-\x95\xa7\xe8co\xe3S\x13\xe5r\x99&gt;\xea\xf6An\xa7\xc6\xc4\x9d\x9a\xc4jZ \xa01\xfeh&gt;\\j\xbc\xca\x88\xba=+&gt;{W)\x05}\xe4\xacp\x87-\xf2~\'\xc9\x80\x8b`\x05\x83L\x90\x95\xe8\x9d\xdc`e\xdb\x8c\x19rR\x96S)\'\x06\xc6d\xc0r\x88-\xc0\x92\x90[\xac\x16"\x05\xd1o\x80\xeb\xfe~!#\x9b\xd6\xafFF\xfa.\x96\x97\xce\x9eZZ\x98\x98\x9a\x9a\xa2OU\xe211q\xf73\xb9-\x98v\xab\x8a\xb5\x15r]W\x8b\xe7\xa1R\xa9\xb1\x93\xb1uY\xc9D\xf47O^T\xef\xe3r\x8f\x04\xfcY\xc4hu\x08\xf6\xea\x82\xdd\x19l\x18\x95\xba\x01\xefe\xeaM\xc1c\x98\xba\t\xc6&lt;\x1e\xf3\x90-"Ln\xd6\x8f\xc2W\xc8\x10\xbeW\xea\xa4D\x88\xef%\\\xc7\xe4\xf6\xc0\xf7\xe76.\x96\x17\x96N.\x81 \xa2\x8b\xa4\x9c\xcb\xe5\xfe\r\xae\x94\xccVu^\n\x04x&gt;\xa0\xd1\xd4E\x89\xadaQ7\x15\xc5\xb4#vlk\xbf^\x8a\x87\x0f\x81\x91\x96\xd1h\xa3\xba\xb99\xdd\xc5\x80.\x0eA\xd4\x0bG\xb3\x0cDL\x18\x82\xa9\xc8\x8ec\xa4\x043\xe5\x11bi\xb2&lt;\xc1\xca\xf2\x1do1&lt;!\xea\xe0R\xb3\xf7\xdf\xa5l\xd9\xb2\xbf?w\x17&amp;_\x1dYX\x98\x80\x86s3\xcb\x93\xcb\x8b3\xdf\xac\xd9\xbc\x8d\xa1\x00\x00\nrIDAT\xb4S\xb2\xd8\xac\xccK\xa0\x99G\x98\xe6\xf3\xd1h&gt;\x1a\xac\xb6"\xa2\xa2$\x143)[\xc3\xb3\x89\xb7O\xd6k\xa5R\xc9\xd7O\x06\xf3\xc1\xf2\xd1\x0e[lG?^%\x85Xu\xb39l\n\x18C\'-\xc8&amp;8\xc3_:\x96\x97\x9f\xd5\x91[\xc4\x17\x0bfU\tA/I\xbd\x92\x8a\x06\x9d!\\\xd7s\xf49\xc0\x85\xf2T.\x97#T\xcb\x07\xef\x85\xb6\xa1D\xb6\xeb\x12[TC&lt;\xafjX\xd2\x80\x15\x0e\xe2\xfa\xd7\xd2\x13\x80\x85\x93T\xecHf\xb7\xf5\xa0V\x0c\xe2\x9a\xc1_\x83\xcf\xc8\\\x80E\x93\x85\xb7#X\x9c\xebV\xb7lS\x88\xc5\x90\xa22\xa4L;\x060\x15\xf6\x1cG\xfe\xa9\xae\xba\xd8\xd5\xf4]x\x02\xa5\x97\n`R\xb6\xba#\x8b\xa6%\xde\xcb\xe5\xa6\xc8O\xe3\x87\xb0&amp;\x0f\xde\xaf\xb4\x05\xd9n\xae#\xdd\xf1\xdf\t\xf1n7\xc1\x82w`\xdf\x88e)\t]NBI&lt;\xac\xe1L\xa1\xf5\xb4\x01\\(\x0b~\xaa\x15C\x97\xbbH\x12h\x13\n\xa1\x06\xf2\xae\xdbh%\x92B\xcc1b\xb1$\xc1J\xa7\xd2\x85X\xe10 \x00&gt;D\x19\xc1\xf1\x94\x0e\x88T\xa2\x0b\xb8^\xd9\xa2)^\x05\xae\xf1\xf1\t\xbaQdfq\xf1\xe0\xe0\x1fB;\x06T\xf5"\xa0\xabx}\x15\x99\x15\xc6v\x86\x88\x95f\x04\\\xe9:\xb8\xc2[(\xba\x82-\x10\x11ZOkq\x7f)\x18\xa7\x15\x04\xb6\x00\x07yE\xea\xe3+\xef\xd6v\x92B\n\x91\xe5\x10,\x99\xa2\x01\x84\xedu`ADb\x0b\x11\x81\x1e\x11R\xb3\x94]\xbc\xa4\xceW\xb62\xd0\xf1\xe1\xbd\x99\xb9\xa9\xf2\x14V\xd1\xf2\xe4\xc1\xc1\xdf\xe0v}l\xab\xf2\x15\xb8\xedX\x8b\xa1\xa25\x18\xee\xef\xc0\x9a\xb5\x12:\x0e`AI\xe2\rs9[x\xb2\t\xb6\xe2p\x17\xcc\xd5\x15t\x19\xc6\xe5Q=\x03\x1c\xa3qlm\x07\x13h\xc80zR\xd7\x05Z;\x9e\x14`y\xe4m\xc4)\xb4\xe0\x89T|\xbb\xda\x89\x08\x84EQ\xcaV\xb6\x87\xb1\x86\xae~\xb8\xfd\xc5\xda\xdfo\x1d\x00\xd5\x17\xffRh\x06[\x9b\xf3\x12\xad\x06&lt;+\x80\xa6\x05\xd7PDu`\xe1\xe8\x8a"\xc8\ntL$LS0\x94Y\xe7i\x11\x03\xe9#w\ruy9\xaf\x17;TB\xc6k\x0c\xaa\xe8s\x0c\x9f\xac\x80/\xd9\xc2 "\x1d\x9cXz\xcfI\x1b\x94\xf2\xd2\xcf\xb08j\x12\x9d\xa8\x97\x8a\xaa4_\xdf\x8e\x882p}r\xeb\xd6\x7f\x0f&amp;\x0f.}i\xc9+\xb6\xb0\xb39\x8f.D\xd2\x878/.Y\xfcT\xd8\xc3a\xb6\xfe,\x92\xb0,d\x84)c\xe6u\xd49S\x11RI{\xf7\x85\x14\xa7\x9f-\xf8\xc3\xf0V\x10\xbd\x01\xea\xd1\xe0\x03\x16_\xdcw\x8ea\x1d\xa6\x04A\xb1\x04J,\xb0\xe5\x14\x1c\xc4)D&lt;\x84\xc5\x92\xbdx\xf5#\x15\x13&amp;\x1d\xfa~\xbd9k\'\xdb\xf6\x8fW\x96\x17\'\x0f\xfe\xf7\x9f\xb6\xfc\xf5X\xe1yM\x95B!\xe2\xca\xd5\xd0\xc6\xfb\xe3\xa5\xe8P\xbe\xdf\xdf`\xebo\xcf+\tQ\xb4\x80\n\xeaY\xa2\x98\x00o\x1ea\xe0\xa7\n\x8fh\xf3\xe51\x16\x9b\xd4 \xba]\xb8\x0b\x984\xacx\xeeE\xfa&lt;z\x9f!\xc8\x96\xe2\x90\xc5\x88\xad\x02D\xdc\xda&lt;\xea\x92\x1c\xc0EdqR\'\xe9\xd4^\xa9\x98\xe5\xf9\xf9zsV\x14,\xeb\xb3\xc9\x83\xb5\xf7?\xb4\x05=\xf3r\xff\xf1\xbc\x14riHB\x01\x14r?`\r\x0e\xe5q\x9d\xce\xae\xbf\x9c\xd5-\x82%x \xa2%\xdac\x8ab8\xc2\xc0V#\x18\xef\xf1\xd2\x0e\x1a\x1c\xecbqM\x81\x82\xc6\xa2C\x00\x96\xc6=\xd8\x1dp\xf6RI\xc1\x12c\x052\x16`u\xd8jU\xb3\x1d\x97\xf0.\x81r\x01\x8d\xc2\xae\x17\x9e\xef\xd5\\\x95p\xd9r\xfb\xe1\xfbK_\xb6\xdb);\xd1Z/f%W\x05\xc1\xe0J\xebFT\xfa\xbc&gt;\xf4\xf6x\xc9\xcf\xac\xbf\x89\x00\x96\x8d\xe02b\xa6\xae\xdb\xf6\xd8U\xd3S\x90\xc7v\xb0!Oh\x9db?\xd8%y\xd1d\xb1\xde\x19\\]\xe0\n\x95]\x7f{lo\x0f3\x92\xd1\x0b\xe9T\xca0\xd0N1\x8d\x1e\xa3U\xed\xe5\xb9Pg\x14\x03\x871A\xd1\xa2I\xb4)CRq~\xbd\x19\xb1\x92\x89\x95\x1f\x10G\x03\xbb\xcf\xabY\xcc_\x08\xa3!\xb9Zw\xf7\x89~_)\xce\xf8\xee\x0c\xd2\x8f4\x08\x96\xa2\x83-\x84\x96!X\xba\x9e\xf9\x7f\x15g\xef\x9a\xc8\x1a\x85q\x9d\x0f\x17\xd6\xd98\x99\xaf\x95\x9d\x19\t\xe2\x8c\xcc\x9d)f\x12\xabL\xa100}\xaaE\xc4r\x8b)\xb6\xba\xadS\x08\x82\x95p{\x8b\x8bE\x02\x86\xbd\xa4\xd0"\xb2\xb1\t\xd1\x08\x92\xc24\xdb\xe4\x8f\xb9\xcfy\xcd\xc2\xbd"I\x93\xc4\x9f\xe7\x9c\xf79\xcf\xf3\n\xf1\x83\xd0\xe9\x84\xd63\xb4^GdC\x10\x02\x96\x0e,\xf8-8\x88\x92\x8b\xc3?\xba\t\xba\x8ei\xd9\x89\xd5u0a\x16\xac [\xd5\x84\x85\x17\x12\xa0\'T-\xa6\xf8\x06{\xe1/\x86\x82h\x8bz%\x81d\x9b\xb0\x14\xdbM\x8e\xe3\xa0\x90\x16\xe2M\x88\x88\xbf\x88\xe8\x9e^A\xb0\x01\x16\xff\x1b\xcb\x84:\xa8\x9al&amp;\x89i[\x91\xb6&gt;\xd4\xa0[\xe5Z\xd3\xab]\x9c\x17\xc6\x14u\xc8\xd7\xa0X%\xcc\xfd\xec\xc5\xb6`\xb6\xda\xed\xa8\x18\xc74\xfc\xe4\xb7"\xf2\xf2T-\x1a-\xc2\xaa\x1e\xa7\x11D\n\x0e\xa3\x82r\x19\xf9b\x8d\xdfQ\x93\xe8n\x903\xbd\xa5w\xc1q\xa7%\xe4s&lt;N\xb8\xf2W\xc2*\xf3\x8b=\xc3\x92M\xe2\xb2e\xd9O\x1a!\xc2\xf0\xeb\x06\xe2\xc1#r|uk\xd7\x85\x89\x82\xe0\xec\x968d\x8c\x12\xd8\x84\xd9\x93\x1a\xd8\x8e\x9d\xa8E\xd8\x1at\xd1\x89 \xf4Q\xb1\xf8\xf4\xf0\x85U\x08X\xa7\xc0B\xb9\xaa\xa2\x8e&gt;*)t\x95\xef\xe5\xf3\xc5\r\x16h\xd8\xfe\xb5zH\x8d\x1c\xe5\xc2\xb1\x15\x04\xfcaFUi\x02\x0b\xbe\x05\xd5\xd2w\xcbVHX\xa4\\\x9am\xfa\x89\xdfP\x9d\xe8\xdb\xed\xf4\xea/]\xaf_\xd4ke\xef\xbc\xf0\xd6CD\xc4os\xde\t\xb5\xb2\x9a\x1d\xac?b\xcb\x0fbU\x8d\x1c\x8bf\xcb\xe9`\xb6\xba\xcfs\x83-\xc4\xa3@P\x17\xb1\xe4IYG\x93\xb9!\xf4F\xcfk\xd9\x89\xe4\xe0~\x92\xa7\n\xf50\xc5\xe6\xe0\xb9R\x93\xae]\x81\x85j\x91\xdbB|=Y,\xcf\xc2@\xf6i\xb8\x88K\x06\x16\xaa\x15\xdeO\xbe\xd7\xab\xc0:\xaf\x89^\xad\xb0\x1d\xe9t\xffXB\x10\xa3\xc9\x17\xb3\xcdZ^\x9b\x89%a\x0c\x1dJ\x19L\xbc:\xeb\xe79\xe51\xc0\x00\x0b:\x87\xafXC8\xc1\xca\xf4~5G\xa9\xec\x86ci\xdd\xa7YJ\rLq\x10\x94\xcc#\xf3\xce\x14\x92\x9a\xa8#L|\x85\xaar\xf0\xda\xa4[\xe8"\xc3j$\x89l\xc7\x92\xfa4\xea\x9f\x7f\xf0\xeaWW5\xd4\xb5\xe0l \x11\xa5\x12}\x1c\x80\x91\xd7E\xc8\x8a\xdaM\x025\x84\x98ZX\x8f\x84\x15E\xd1\xfa\xf0\x1b\x8b\xe7/\x11\xde\x04z2\x9b\xb3\xd8\xefW\x87}bwL\xf9\xc7fN-\xa5\xc0f\x08\xe3\xebZ\xd5=v\x90b a\xd1\xedp&amp;P\xb5\xb4\x06)\x17\xf6"T\xdeo\xc1\xac\x86\xd1\x81\xb0\xca\xf5\xef\xdf+\x9cW)\xc8/c\x1eM\x84\xe0\xb9U\x17\x11H\x98\xeeM\xadm\xb38F\x07\x91J\xd5\x89\xe2\xe5\xaa\xc7\xc2\xbe@\x8d\xae\x92\xab\xa7\x10\x8e\xaf\xf9no.#\xdf)\xfa4\xeb\x7f\x1b\xc6\xc7O\xe9g%\xcd\x17\xf7\xcfcv\x97H\xe5\x02V\x89\xd3\xf1\xdd\xcb2a\xb7\x06\x16\t*\x86\x9eV\xb6\x7f\xd6\x92\xedp\xb9\x9a\xf5/\x84r}\xf8\xdd\xe3\xb8r\xa1\xbd\xdc\xf1^\xc9\x85\xa3\x10\xd1BW\xc8\x1fU_\xc6\xd0\xab6\x8c&lt;U+\x8aP\xadx\xbf\xcb\xbf\xb0j\t&lt;\x07\xd1e\xc2\xca*\xd6[\xed\x8bh\xb8fnW\x0fyN\xf7\x130\x88\</t>
        </is>
      </c>
      <c r="M574" s="3" t="n">
        <v>45492.67814814814</v>
      </c>
    </row>
    <row r="575">
      <c r="A575" t="n">
        <v>1836052</v>
      </c>
      <c r="B575" t="n">
        <v>1954</v>
      </c>
      <c r="C575" t="inlineStr">
        <is>
          <t>Vitinho</t>
        </is>
      </c>
      <c r="D575" t="inlineStr">
        <is>
          <t>Vitinho</t>
        </is>
      </c>
      <c r="E575" t="inlineStr">
        <is>
          <t>LE</t>
        </is>
      </c>
      <c r="F575" t="inlineStr">
        <is>
          <t>LAT</t>
        </is>
      </c>
      <c r="G575" t="inlineStr">
        <is>
          <t>LE</t>
        </is>
      </c>
      <c r="H575" t="n">
        <v>173</v>
      </c>
      <c r="I575" t="n">
        <v>22</v>
      </c>
      <c r="J575" s="2" t="n">
        <v>38034</v>
      </c>
      <c r="K575" t="inlineStr">
        <is>
          <t>Left</t>
        </is>
      </c>
      <c r="L57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77f4f03-f08d-493e-8fef-dc9e4a97ab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85\xa7\x93\x00\x00\x02\xfdPLTE\xff\xff\xff\x0b:\xbc\xc0\x97\x8e\t8\xb8\t6\xb3\xb1\x7fs\t4\xb7\xfe\xfe\xfe\x0b=\xc0\xad{o\xbf\x94\x8b\r9\xbf\x0b6\xbb\xb7\x85z\x0e;\xc3\xba\x8e\x83\x17\x12\x10\xfc\xfc\xfc\xbd\x92\x88\x0e=\xc6\x041\xad\xb7\x8a\x81$! \xb2\x83y\x1c\x17\x16\x0b&gt;\xc3\x062\xb2\xbc\x90\x85\x10\r\x0c\xc3\x9a\x91\xc5\xa2\x9b\xb2\x87\x7f\xab}u\xa5wo\xb0vk\xa7ma\x1f\x1c\x1a\xc8\x9e\x96\xcf\x9f\x96*\'&amp;\xabvk\x9baT\xa7uj\xb6\x87}\x8eTH\xc9\x90\x84\xbd\x81v\x8eg`\xa1mb\xa2g[\xce\x9c\x91* \x1d\x92XL\xaaqf\xcf\xa8\x9f\xad\x83{\xd0\xab\xa3\xc6\x8c\x80\xb9\x89~\xb5\x82v$\x1a\x18\x8d\\Q\x87WL\xc9\xa7\xa0lI@\x1fY\xe1\x94f\\\x9afZzTK\x0fF\xc8\x0e9\xb5\x88aY\x86OC\xa3rg\xb2{o\x96\\P\t=\xbb\xcc\xa3\x9b\xcb\x94\x89\x04-\xa8\xcd\x98\x8c\x17O\xd4\xb7zo\x7fYP\xc5\x93\x89\x94aU\x9cj`\x86\\R\xbf\x9e\x9a\xf8\xf9\xfa\x11J\xd1\x9boh\xbd\x8b\x81\xb8\x91\x8aI(\x1f\xc4\x9c\x94\xd0\xaf\xa9\xb1\x8c\x86pNF5\x1e\x18?$\x1c\x7fNC![\xe5W."\x0fB\xc2\xab\x88\x83\xa3cV\xb6\x8d\x86\r?\xc9\x80^V\xa4\x82~\xb7vjsD7\xb7~sW80\xca\x99\x91\xa3}w\x82I&lt;\xc1\x84xtTL\xbe\x9a\x93\xf4\xf4\xf4\xc5\x88|eE=\x8eaW(c\xec\xc6\x96\x8e\x1bT\xd9%`\xe8\xafnb\x14M\xd7a&gt;5\x9dun\xbd}q\xc2\x8e\x84\x13J\xcc\x1cV\xde410\xca\xab\xa6\xb3pd\x81TJ\xd1\xa2\x9b.j\xf1\xa9gZM2+0,+\x93so\xd8\xe2\xee\xec\xeb\xeb\xa1]Q\xb9\x96\x90E51\x04+\xa2+h\xee{D7n&lt;.\x9azu2&amp;#\x1f\x12\x0fvLB\x94jc+\x19\x14\xadi^\xd9\xe5\xf4\x0fC\xcd\x12\x11\x15dMH:65\r8\xaa\xcf\xe0\xf4!C\xa7b5*L=:\xaa\x94\x91\x8cni\xbe\x87|\x9aZN\xc5\xd4\xe6i6\'&gt;.*\x83gc\xc2\xd7\xf2\xc1\xaa\xad\x13@\xbax\\W\xcf\xcd\xd0MJN\xb3\xcb\xed\xf1\xef\xef\xd3\xac\xa7 M\xb8\xcf\xd9\xe6\xe2\xea\xf4\xa0\xbb\xe7\xa5\x9e\xa8\xc0}\x86\xd8\xd6\xd7XD?Lq\xbd\xe2\xe1\xe1\x13A\xad\x93\xae\xe1R`\xa2\xb1\xa8\xae\xc9\xb8\xb9\xb3\xc4\xde@?A\xd5\xb5\xb0\xbf\xa4\xa1\xde\xdb\xda~\x9e\xd9\t-\x98\x9b\x85\x83\xed\xf1\xf7hef\xb3\x9b\x9a\\[]\xb7\xb4\xb7\xc3\xc3\xc8\x8eL?\xe7\xe6\xe6\x96\x96\x96~~\x80\x92|y\xa0\x8d\x8eW{\xc88K\x99.W\xb6&lt;b\xbajSS|}\xa6\x8c\x89\x8b\xce\xc4\xc44U\xa9s\x92\xd0g\x86\xc6\x98OF_\x86\xd8utu\xc0nz\xb5fq\x16-\x80\xc9\x88\x8d\x90\x8a\xad\xb6sy/6m;i\xc82k\xdfIHl\x9f\xae\xcd\x14"\\ip\xa0kf\x85\x87\x9d\xc8\x11\x179\xc8\xc9\xf6\xb8\x00\x00 \x00IDATx\xda\xc4\x98\xddK[k\x16\xc6\xcb\x01\xd9X(M\x0e\x9c\x9c@m\xfd\xe8\xd6\xa8\xd5\xa8\xd9\xd1\x9avk\x83\x15\x8c\x8a"\xf1\xab!\x9eL\x9b\x0f\xc28\xd8h\xd48\x1a\x11$\x1a\xd8h19\xe8\x08u\x12\x8d\x10sah\xc5\x9c\x0b\rz#\x8a\x17B\xc0\x1bQ\x8fz7xS\xfc\x1b\xe6Y;z\xe6\x0f\x98m\xbb\xcc~w\x12\x84\xfd\xe3Y\xcfZ\xef\xbb\xf2\xe0\xc1\xff\x15\x0cBn\x92\x8f\x1e\x1e\x1f\x1f\x1e\xef\xef\xef\x1f\x1f\xce\x9b\x18\xe6\xc1\x8f\r\xe6\x01#\x9f??\xda\xdb\xbb&gt;9=\xc5\x0bqruv1*g\x88\xf7GA\xc9\xe5\x17\xe7{7\xc9XL\x08\xaaT\n\x85J\x15\x14\x84`,yr\xbd\xb7=*\x97\xff\x18.$o\xf4\xfc&amp;\x15\x0b\x02\x88eY,\x00#6A\x88\xa5N/\xcf\xb6/L\xf2\x1f\x01e:\xbeL\n*\x92\x89U\xca\x94J\xa5L&amp;^,D\x0b\x06\x85T\xf2\xe6l^\xce|g(\xc6\xb4\xbfwJH\xc4\x94%\x03\x8f,+KF\x01@V%\x04!^\xea\xea|\xfe{\xa6\x92aF\xb7/Oc@\x12A@\xa5\x8cf\xe1O\x19\x8d\x82\t\xa8\nU,\x16T(\x82\xc9\xeb\xf3\x9d\xef\xc5EPWH\x9f(\x93\x8c8\xc8XJ\xac\xca,(\xc6\xc2\xf8d~\x14\x02\\\x96\xbc\xfcN\x99d\xe4\x17{IA\xa1\x14Ub\x15*N\x812\xc4K\xc5"\x8d\x08\xfa\x0e5@`\xf8VH]\x1f\x9a\xbe\x03\x18c\xda\xbe\x12\x14\xb7TJ\x96\x0bq\n\xd1b\x08\xa5\x88\x85\\*\xc9g\x84\x07\xdc\xa0pr\xb6ob\xee[\xaa\x9d\xb3S\x85hk\x99\x8c\x07\x0f\xaf\xe0\x11\n\xb1=(\xef\xb8\xd27\x99\x92\x0f\xc6T\xd0-urvq\xaf\xd6G\x02\xafS\n\xb8\x9c\xe7X(\x85\x04\xb2&lt;\xcb\xf3\x1c\xf8\xe0,\xd9mM\x8ab\xe1-\x17\n\tA\x96\n3u\xb5}\x8f[\x12#?\xbe\x11@\xa5\x0c\xf3&lt;+Z\x9d\\\x84F\xc5\x81\x90\xbe\xe4\xb8 \x07f^L\xb0\x8c\x0fq\x9c2]\x14\xc1\xd3\xb3\x1d\xe6\xdeJ\xf0\xf0&amp;\x88\xfc\xf1a\x9e\xe3Y1\x90&lt;h\x05\x1c\nU(\x14\nr\x94\xd4\xb0\x0c\xff\xc2\x813,\xd6&amp;\x14S\xa4\xee\xab$\xb1+_\x07\xa1\x01\x1e\x0c\x19xQ\x07%\x1f\n\x11\x11\xad\x04\x95H\xe0\xce\x87\xc3a&gt;b\xb3E"\x11\x8e\x84c\x95YQ$\xf2hT~?T\x971\xa5\x0ci\xe2\t!\x9c\x15&amp;\xd5"\x1c\x87\x87s\xfc-Wb1\x11\n\x11\x8f\x8d\xc2\x8e\x8f\xc4%\xcb\x8aFY6y~\x0fr\x91V1V\x89gG\xc4\xa7F\xc2\x11[\xc4f\xb7\xd3\x0b\x9fl\x1cV\x8b%\x10p\x07,\xf4\x9d\xddnA\xb8\xdd\x01[8]\x9dQVq5/\xbd\xed\x99\xd1\xcb\x98\x82\x85.a\x82\xb1X\xd2\xcf\xb5\x04\x9c\xce@\x1a\x03\x9f\x9d&gt;\xdf\xba\xcf\xe7t:\xd7\xd7\x9d\xce\xa5~,\x16{$\x1c\x96\xa5\xb9\x94)\xe9\xe5bLGItMN\t\xd3\xd8-x\xb2\xc5\xb9.\xae\xb8\xc0#.\x9b\x9f\rZm\xb3\xd60&lt;\xfc\xf9\xf3\xe7\xe1a\x11\xcbi\x87\xae\xb7\xedLum\x92\xbc\x08\x8fO\x04\x15\x95\x9d-M\xe5\xdc\\\xdaD\xacon.\x01\x80&gt;,\x19\x8a*f\\\xc6i\xd7\xcc\xe4j\xef\xc2F\xc9\xf0\xd2&amp;$[\xeewZ\xee\xf2\xc8\x9e\x1eJ,\x17c\xba\x8cQ\xc7\xe2a+\xbb\x13&lt;K\xa4\xc7\xf0\x9f%\x1b\xbd\xab.\xd7dQ\x89\xb6\x08\xf7i\x8fgzz\x9a.\xd7\xe4B\x89a\xf8\xf3p\x89V\xebXr\xda\xc4&lt;F\xa3\xaa\xcbQFb\xb1N\xa9Q*y\xf8\xda\xf9\x17\x93\x16P3.\x80\x8cy&lt;j\xb5\xda\xa3+\x1d\x13\xc3\xa3\x165\x9b\x9b+*\xea\xdd(q\xf4\xbbm\xa8G\xec\x95\xec\xc9\xa1\xb4X\xf2\xa3\x14\xce.b\n\x9d\xebK\x80\xfa\x13\xf1manR\x84\x1a\xd3Q\x94\xb6\xb6\x96"t\xba[\xb04Y\xef\x86\xa1\xdfgIsE\x93\xdb\x8c\xa4T;Wd,\xea\x91\x16\'iEP\xa0Zu\x89P\x00B\xb4!\xe8Nl~\x1dR\xe9\x9a\x99Y\x85\xcdJ\x0c\xfdN;\x17\xce\x92E\xa3\xc1=\x93\xa4X\xfbI:\xe9\xa17 \x85\xfd\xa2X\xdf6\x16z\'g\x8c\xea4T\xdb\xffB\xa3\x19D\xb4\x96\x02\xccHz\xf56\x978\xd6\xed\xe0\x92\xc9\xa2\xd4\xba$\xe4\x92\x1f\xe1DGe\x88\x14\x8aT\xdfH\xab\xb9\x99\xbci\xf8\t @\xb9\xbd4\x05\x14\x9f\n4\x9aV\xbfG\r\xae\xb9\xde"\xb8+\x80]\t\xc7\xc4hr\x9f\x91\xb4\x0e\xd1\xb3p"@oX\x12\xb1\xb4\x1b\xf0\xd5d\x9e\x11Z\x01\xab\xe06&gt;\xd1\x95^p\x9b\xf0\xab\x8d\xf0\xd7\\Es\xed\xb2\xcf\x1dO\x84\x80\x15;\x93\xb0E\xc8G\xafU8N\x859{\x80\xb0\x0c\x86\x12d\x105h\xf4\xe8\xc6\xbe\xea\xfe\xc2\xfa\x94F*\xd0\xd0\xbb\xaa\x96\xc1\x8e\xafj\xe4\xf1yEQg\xad\xd7w\x10\',\xe1H\xc2\x83*3\x7fECN8b\x0f\xac/\xf5\x0f\x1bJ\xb4\x0b\xbdT\x84j\x0f\x0c_\xda\x8a,\x16h\xee\x84\xd2\xdce2\x7fp\xc2\x8f\x8a4V\x82\xabf\xd9{\x10O\x00\x0b\x9dK.!\xd6\rK\x87\xbf\x88\xdd\x8d\xee`(A\x13\x9d[\x9d1\xa2m\x1a\xd5:*&lt;\x94 4#\xa06M\xda\xf6\x1a\xcd\xc4D\x87\xbf\xe7\xabg \x0f\\\x9d\xf5\xfa\xb5\xf8"/\x93)n\xe6%\xc6R\xa2?\xd8\xdd&gt;\xc2\xa26:\xe9r\x19\x8dh\xecb\xff\x04[\xab\x08\xd5F\xed\xe1\xaeW\x10\xd6W\xb51o\xb2\xa2\xab\xdbz\x10\x8f\x870\xb5\x9d\x1eJh\xf9\x8b\x13\x1c0\x81eq\x8b9$gM\xce\xc0[\xd8\x02=\x1eO\xbau\xb5\xddR\xe9H\xbf\x8e\xd2\x0e\np=\x1ah\xaa|^^7\x02,\x81c\x15R\x96"sx\xa2\xa0\x93\xa8-\xe0F\x1d\x1a\xa8\x0cW\'\'g\\\x10L\xb4\x17\xa8\xa8O\x10U\xba\xdf\xebt=:\x7fkG\xa9\xdf\xdf\xf3\xea\x911\xaf\xb2\xb1\xab\xcf\xbb\xb8\x88\xbd^!\xe5\xe1\x86,\x8fB\xe4\xed\x01_\xbf\xc3\x01,Xk\x15z!\x8d\xd8\x08Ey\xc4%\r\x95~\xe7\x17\xd5\xf2\xf7\xf4 \x8dM\x85\xe6\x86\xb5\xc5D\x02\xcd/)-\x16ffY\xc4nq\xf7;`\xad\xa2\xde\xb99\xc22\x1a\x07&lt;\x04A\x86\xd2\x8d\x89\xe9\xd4\xe9\xb0\xfb\xc0["\x93?\x8d5\xd0\x94\xd98\xae_L`\xca\x0e\x9e\x1cK\x98\xc4\xd1K\xcc\x162\x1eM^l\x0fE\x0b\xc4\x85n:\xf0\xa8\xa7\x83\x0cN;\xa1\x8evl"\x12[\xc4\xe0 \x15b\x0fy~` #\xb3pe\xc4\x8d,\n\xc2\xc9\x85\xa4\x07f\x15\xbc\x85\x06\xe1\xec\x07\x15a\xf5\x12\xd6\xebG=\xfe\x0el\x80\x84A\xbe\xba\xeb\x12\x9a\x82\xfc\xfc\xfc\xa7\x13\x1d0\xbc\x1aTP\xab\xb0\xb1\x0c\x1d\x02X7\x17\x8c\xb4X,\x1b\x0e\xdb\xd7\x97\t\xaby\x83\xb8*\x9b@\xf5\xf3\x04\xa8\n&gt;\xb5\xa0\x7f\x0ev\x0c\xde6\xfa\x16\x8a\xfc\xa7\x0f\xfd_\x07\x9a\x06\x8cM\xa0*l\x9c\xda\x8a\xc7\x82AA\xd2\xbdZ~\x86\xf1\x02X\x16\xd1ZZ\xed\xc6FQ\xef\xf3J\xa4\xf0\xc9\xc3\xc1\xfc\xfc\x96\xaa\xaaOU\xb8ZhETWcy\xf3\x0c\\\xaf2\n\x9b\xf2\n\x0b33\x0b\x8b\xa7\xfe8H\x04\x05`I8,\xca\xb71_`\xe6q;\xb0\x1f\x12WsQ\xc5\xf3\xa6\xd7\xbf\xfe\xe3\xe7\x87O\x9f\xb5\xa4Q\x00C\xcb\xfb\xf7\xefw\xab\xdf\xbc{\xf6\xee\xdd\xbb\x7f\xfe\x96\x9d\xfd+\x88\x1a\x1bs3\x8b\xa7\xbe\xac-J\x8c\xc50\xfb\xa7*\x15\x17\xb6\xf9f\r\x86\xda\xdaZmMgy\xb997gh\xe8\xe3\xc7\xbf\x7f\xf8\xd7\xb37\xc0\xda\xdd\x05\xd3n\xf5\xee\xfb\xf7\xd5\xef&gt;~\xe9\xdb\xda\xfa\x03QVV\xb6\xb2b6\x9bssE,A\x88I\x99DF~x\x02\xac\x88E?kp\xcc\xce\xd6\xb7w\xb7\xb7\xd7\xd7\x8f\x8c\xacy\xbd\x07\xde\x91/\x1f\xc0U-FU\xd5\xee\xee\xee\xb3\xa1&gt;\xab\x17Sl\x00\xb3\xac\xcf\xe7\xf5Z\xdb\x1b\xc0\x05\xacx,\x16\xbb\xdc\x91P-\x1c\x9a\x05\x15\xc7\x05\xac\x0e\x87\xa3^\xefv\xbb}\x98\x97i\x84\xb5[\x02n\xeb\xcao\x7f\xcbOg\xb2\x8an?\x99\xbb\xdb\xadz\x84Uo\xb5\x8eX}n\xfc\x8bY\xc4Z\x8c\xa5\x8e\xa4\xfcU\x9c\x91\xef\xa5\x82!\x9b\x88\xa5\x0f`\xce\x08\x00\xcdMjx}\xfa\xfa\xba\x8c\xc7?\xc1\xf80&lt;\xea/\xffi\xb6\xb9\xab\xcb\x9c\xfb2;;\xfbC\xf6\xcb\x9c\x9c\xa9&gt;\xaf\xdb\xd70\x95\xc6J\x9eI\xf9\xc3 \xc3\x9c%\x85D(`E\x06}\xe8\xf5^}}w\x99yj\xcal^)\xab\x1b\x7f[\x9c\xf1\xe2I\x07\xfaD\x81f\xf0\xe1\x93W\x99\xc5\x8d\xc5\x999\xbf\xbe\xf8\xe5\x97\xc7\x8f\x1f\xbfx\x91\xfd\xf2\xf7&gt;k\xfb\xd4\xd4\xefk\xf1x\xeat[\xca_mhN\x14\x12\t\xc2r\xb8-\xde\xf6\xee\xf1\xba\xae\xf2\\\xc4\x94ye\xa5\xae\xb3\xf3mc\xc6+?\x8e6m\x1d=\xaf\x8b\xcb\xbb\xde\xd6\x8d\xd7\xad\x90\xd1s2\xf0\x97\x933T\xd6p\x8bu#\xf1\xa0\xb8s\x13[L\x04F\xdag\xebI\xa9\xda\xda\x9a\x9a\xee\xee\xee\x86\xf1\xf1\x86\xf6\xe5\xe5e\x87\xa3\xa6\xbcPM\x87\xc1\x9e\xd7\xcf;kj\x1d\xcb\xcb\xed\r\r(\xc3\xf1\xf1\xba\xf2\xe2\xe2\xdc\xa1\xa1\xa9\xa1!\x11\xebZ\xe2\xdf\x04\xe5\x97q`Y\xdbkQ\x87\xed\xb3\xb3\xb5\x8e~\xbdudkdk\xab\xafO\xbf\x8e#kI\x85k\x0c\x1b\xb6\xba\xb2\x13s\x8e\x1eE\xbavp\xb06\xb2\x85\x82\xadC\xdb\x1a\x02\xd9\xbf\xd7\xe2\x07\xc9#\x93\xc4\xd3\xfeYrqq\x11X\xb5Pivvy\xdd\xe7\xf3\x05\x12\xf1\xd0\xc1\xda\x7f\xf4\xbeM\x1c\x0e\x9bi\x94\xf5\x0cT\xbe\xc5X\xf8_Z\xcd\xf7%\xad\xfe\x8d\xe3_\x04\x11\x05\x89\x82\xf0A\xa4\xc7s0\xf4\xd8L\xf7\xd5\xacD\x1bG\xe1\xa4b\x0c=\xfe\x18\xea\xcc6\x19*ZN\xb7\xacD\x90\xca\x07\xad\xe8\xa6\x96\x83\xcd\x9b\xa2\x1bv?\xe8.\xbbY\xc4\xfa\xb2\xd1\r\x16=\x98\xb0\x06\xb1X\x0b\xea\xc9X\x0f\x06E\xf4\x07|\xaf\x8f\xdd\x7f\xc2\xe9\x03\x05\xd2\x83^\\\xd7\xf5\xb9&gt;\xef\xf7\xe5\xb54\xb2\xb9\xf7\xe3\xf7?\xff|\x07w\xd0\x12\xa1\xa0\xc3a7X_\xb7\x1b\xd9\x1eB|}\xf5\xae\x8ee\xf4B\x92V\x9f&lt;y\xfc\xf8\xd1\xef\x7f\xfd\xf7\x7f_O\xdf?]\x8d\x98\xfa\xb4\xb1\xc2\x94J\x85\x13\x84N1\xfc\xa6c\xed\xfd\xde\xbbW\xaf\xf6\xc6\x1f&gt;\x9cX2y\x00K\x9a)\xff\xd8{\xfb\xf3\x84\xedh\x8d\xfe\x04\xac\xb7\x08\xcb\x08\xb6\xef\xc9\xc3G\x8f\xc7\xdfB\xfc\xf66\xcf6\'V#\xf6\xf6\xf6\xc5\xc2\x10\xc2\xd2\x10\x8a\x88\x89\x9a\x9c_N\xd0\xeb\xeb\xae\xc1\x89\'\xab\x113\\L\xc8\xe2\x8f\xbd\x91\xd3\xa3\xf3QV\xfd\xeb\xfe\xee\xa7\xbfP\xb4\xbc\x08\x0b\r\xd4\x9eN\x8c\xd0\x9b\x9b\x89\x8e\xc9Izf\x06=\x94\x8b/\xc0\xa09\x0b\x1a\x8dYaVKE\x18\x89\x890\xab\x9f\x9a\x89h\x15V.\x17\xcb$G\xde\xba"\x91\x8e]6\xfd\xeb\xeezbs\xfc\xb7\xdf\x06\xbd^\xad\xdd\xae\x8d\x0c\xbf\x99Xr\xe5\x96\'\xfd\x1e\xb5\xdac\xec\x8b \x8f6\x07X\xaa\xd4P\x01l\xa1\xdd\xaeQ\x13\x04\xc9\xe7\xdaH\x8f\xd1\xad\x91s\x85"\x0cK\xbe\x1f\xa16b\xee\x1a{i\xe4\x8d\x1e\r\x03\xc9S\xc02\x82x\xb0k\xfb^\x0f/\x99\x8c\x14E\xb9\xb5\xed}\xcf@\xb0\xdaA\xde\xbf\x98z\xae\xaa\x8fip\\\xa3\xd8\xb0#\x91A\x10\x1a\r\x81s\rB\xa5H\x1f\xddt\x11/V\xb4\xe7,j\xf9\xd1\xb5\xa5\xef\xcf^\x0f\xaf\x8exM\x08\xcb\x8e`\x90\xc4\x01$$\xc066\x16\x17\x17c(ZS\xe0\x1dq\xa7\n\xcc!\x98|M,\xa6\xd19U\xc2\x1e\xa1R\xa9\xd7G\xe7i\xf9\xd0\x1c\xf5\x85M\x19x\xeem\xff\xde\x17\x99\xb0x\xbdF\x08\x03\x9c\r\x10]PP7\x1f\x16\x17\xebXCSS \x90\xc1\xd3\xaa\xea\xc3A@tN\xa9*\xc5bKC\xb3\x04\xb0\xca\x14\xee$$/Y\xfdV%c\xd7j\xfb\x86-\t\xaf\x11\x9e\x1a\x8d\x06\x1c\xc6\xdc\xdc\x1cA\xa0\xdf\xb1X\x1dk\xee\x85\x13hR6\xdc\x89l\xda\x8d\xa9\x05\xf7\x98\xcf\xe7\x05\x82\x06\x84\x95\xf1\x83R\xf5}`\x13\xebeT\x01\xd1Y\xb2$h\xaf\xdb\x0c\xe5\x0c\x9e\x1a\xfck\x01\xfd\xac\xcc\x01\x16\x04l\xc59\xd6\xdf?fH\xd9l\x95J`\xac\xbbnj\xfb\xd3\xb3 *B\x9cx\x1dK\x8a\xebt\xecb}\x08\xc6\xb4\xed\xda\x88%\x91\xf0\xe6&lt;:\x1d\x0e\xc6\x15\x92\xf5\x02N}&gt;\xaa\x80\x92\x1f\xea\xce\xa7\xef2\xaa\x14n\x13\x16\xeb\x06\r\xb9\xb36G/\x88z\x84\x95\x04,\x1b\xce*\x16\xd4\xbc\xcf\xde\xaem\x9f\x99AXj9nK\xa1\xdaAC\xdb\x02\xdc\xbbB\x0c*M\xa3J\xcb\x1c\x8et \x85\xeb\x10\xd7\xfd\xbbi\xb0\x8c`\x89z\xc5&gt;q6\x18FXj\xb5*\x95}\xc9&amp;\xd6\x83i\xf7\x86\xbd\xaf\x1e-\xca\xca\xe7s{zz\x84(^CC\xce)\'\x01=\xde\xae\xcb\x7f\xec\x1a\xf8\xe8`\x02)9\x9fk\xa8\xf4\xb79\xd0H\xb0\xb3wzZ,\xce\x96\xe2\xd1d2\xe3q;\xc7\x82\'\xac\xca\xc0\x9aG\xa3x\x16\xb1\xb8\x00KM\xf2A\xe35\x08Q\xc4\xe0\xa4tPv\n\x8d&lt;\xff\x19\xceGYS@\xc8\xe5\xc2\xdf\x18\x07\x18\x8e\xae\x81\xe9\xe9\xe9^_6\x1b\x04\xac\xb2Ug\xab\xb4|aS4\xf3\xceus\nH"\xc2\xf2X\xb9"eCSC\xa0\xbb\xbb\xbb\xf2|\n\'\x14\nB\xa7#\x95\x0e\xe4~8M\x02&amp; \x14\xa6\xf0T\xba\xf3\xe3\xc0\xe7\xcf\x03b\xf1\x81\xafT\n\x86\x93\xc9y)\xdf6U9gsJ\xc9\xfb\xac\x9b\x8b\xd9\x8d.\x08\x17`\xf1A$\x0b\xf2\xe9&lt;\xc3T\xd0\xb0\xcfL\xe0r\xb5\x07\x13\x84B\xb2\xd6p\x06S\x02\x96\n/\xa8\xd2]\x9fk\x80U\xf2\x95\xc2A\xc0\xca\xccO\x1a\x86\n\xce\x01\x16\xdfj\xa8-\x02Z\xb6\xc7;\x02X(\x8b\x98R\xd0\x8a\xec}\x05\x8d \x15\x1as\xe4\xcd\xb0[\x14hn\x96t\x8c\xaf\xceHEB\x03\xbeR\xa8\xb4}\x84\xb4Ng\xb3\xa5h8\x8c\xa2\x95\x11\x16\x16W|lJ\x88\x07\xbd\x9a\x8dE\x8d:7bq\x81\x8c\xb7\x92\x94\xb4%\xe4h\x931B\x10X\xd0\x1e"\xab\xab\xab\x11\x8f\x1ct\xa8\x9f2F\xfcJt!\nxq\x16\xb8\x06|\xd9RX\x12F\xd1\xd2\x1b6~\xc5\xd8\xc4\xe25n\xd9\xbf\x7f\xb7\xab\xa9\xc1\x11\x97\xd7h\xf2X\xdddO\x1a\x8c\x0eSqB\x8b$\x14}&amp;\xb7\xd9mt\x1b)\xa9AHZ{\x9a\x9aZ\xf3EU\x01\xbf\xe3\xe8\x82h\x95\xe2\xe10\xdc\xc4\xf2\xbc\x04S\xc4\xac\x07lb\xfd\xa7\x96{\xf6\xba\xcf\x8c\xb0@rQV\xb5\xbc\x87\xc9\xa7\xfb\xef\xa0\xe9\x15\x94\x97\xc6\x8e\xf4\x8e)\xa7\xe6\xe3\xb8\\\x18hj\x05\xbbXT\xad\xe0L\xe7@oV\xa2\x87`!,=&amp;\n\x84Y\xc5\xe2\xed\xfaA5\x98\x96G\x06A\t\xce\x18=j\xf8\xe7\x01\xe6\xce\x18\xfa\xba\x0e\xdeA\xb9\xd5l\xb7\x9b=r\x9bN\xce\'\r7X\x8cjHgc\x1c\xb2`\x06\x0b\xff\x8b%\x114E\xd9\xc5\xda/{&lt;f#e\xb97\xe8\xa2M&amp;\xb3Gm\xab\x14\xef\x8c\xa5\x9c)U}\xdag\xb5Z\xe5\\\xae!\x95\x12\n\xa5R}\\\xc0imM\x17\xb9\x84\xae\xd2\x9foB\xf6\x1aJ\xab\\\x0e\x0b\x00\xab\xc6j\x83xY\xa6\xcd\xa0D]\x83\x16\x9a\x86,\xba\xcd\xf8\xf3\xee\nN\xe0N\x1b\xa4MNJ\xa5\xdc\x16\xa6\xa5X\x0c0\x82\xb8^\x1f\x8e\x97J\x1cN+\x87\xaf\x99\xeaO\x83|\x90\xc4\xc3\xe0|\xcaq\x0e\xa7\xb4\xb6\xcb\xea2D\xe3\x11\x9d\xf3\x10\x1e\x1a|i\x87\x11\xc4\x8d\x06WUl\n\x02\x15\xbc\x95\x94\x92\x18\xa6\xcc\xb7rZ\xf3L^\x96\x85&amp;\x05XY8\x1c\x92\xa80\rJ\x91$\x1e\x05\x07\x9b\x8c\x07\x83\xa5\xa3}v\xdd~m\x9dR\xebH\xbf\xc5B\x83W\x06\xcd\xa5S\xa9\x14f\x1cGT\xf0F\x8a\x94-\xf9\x90L&amp;K\xa7\x1dbh\xeap\xe0\x81\xcer\x94\xe6T\xbeE\xa4\xbf\xc1\xd2\x07\xe3\xe1\xe0\x01\xab_(B\xcd\xcfSj+_\xea\xb2\xd0\xb9\xba\x14\xc4\xbb\xe5f4|\xb4\x92`%\x94=\xc5t\x9bC\x96\xcf\xa7\xdbf;A0\x04o\xa2%h\xe1\xf3\xef3J=\xea\x0f\xc9\xc9\x0c\x84qm\x9b\xd5\x9d\x03(\xae\xb5e\xb5\x1c\x9b\xb4X\xbc\xb9\x19\x13$1\xd5\xad&amp;ER\xd2\nX\x18\x9f+\xeca\xd2\xb2t\xfe\xaa\xbb\x1f\x15\x17\x86\xe9\xa1U\xc5\x9b[\x18\xa1\xbc\x9f\x11\xe9\xe3\xe8\xa5\xce\x94\xa3\xf1\xb5\x1a\xcb3\x08^\xe3n\xd2?9\xbf\xbe\x9e\xf0\x82U\x84h\xa5\x8ap\xf7\xacT\x8e\xaa\x1f\x0f&lt;\x94|~\xeaZ\'\x97NN.w\xe4h\xaf+A[\x95\xc5\x1e\xfe\xfd"\x94V\x1c\x1a\xc4\xd1\xf9V\xed\xfc\x03\xdb\xdb?\xbc\x07\xbbG\x87\xe0\x8aO\x13\xb9\x1c\xd4\xbc\xd9\xd0\xcf\'\xe5\xe6\xd7\xab\x13\xe3\xf7\x06-h@\xe3\xf7S9?\x18\x89\xe8Qr-\xba~\xef\xe9\xd3\x89I\x88\x96\xb0\xad\xa8\xbf\xc1\xda\x1a}p+K\x82\xbc\xd1\xfd\x93\x07\x1f\xd6\x124\x8d\xb0\x84w\rr\x92\xf4&gt;|\xb4\xf7\xf5\xf4l\xfel\xedp\xab\xb6\xb5\xf6m{\xfb\xdb\xf6\xee\xf1\xf6\xf1\xb7\x9f\xe3\xe3\xcb\x9ctZ)\x98m\xc2\xa0?\x84\xa3\x87\xb5[\xdawC\xcb\xde\xbc\xd1O\xe02h\xb8\x8a\xdc\xbb\x8c\x08\xdc2=\xf1\x1e`\xbe\x01\xc9\xc2\xc9\xfe\xf6\xc2?\xff\xec,,\xec\xec\xfc}|\xb6\xe9\x17\xc8:eqG\x17`\x85\xa3\xd1\xe4\xe1\xf6\xed\xad\x07\xf2x\x8d\xe7\x9b4MC\x1e\xc9\xf4]\xa5\xa1\' r\xcf\x94?\x1d\x1fo\xef\xfc\xbd\x00&lt;\x0b\x7f\xfc\x81\xb0vk\xa5kiS\xc8\xd1\x19*u9\xe0I\x04\xaa\xe4\xd9\xeem\xaey\xf2\xbe\xccC\x16;rF5\xd3\x16\x10\x06\x94"\xb9\xb6}9z\xb4u\xbe\xbd\x83\xce\xc2\xce\xf1\xf1\xf9\x96\xafzyYm\x15\x8b{C\xe2.\x0e4}\xc0*\xaf\x9d\xdc\xea.\xe5\xfe\xe9\xfb\x04\xc2\xa2\x94m\x0c\xc8&gt;=_\x83v".\xab&gt;\xa8\xadO\xb5\xdaV4Y\xbd\xb8\xbc\xbc\xbc\x0e\xfa\xc4`zz\x1d\x12\x0c\x05\xab|z4z\x9b\xbb\xa7\xbc\x13\xc0\xaasY\xf3\xf9xs\xb3\x08#\x15\xdf\x7f\xfdZ\xb9\xb8\xa8V\xab\xd7\xd5\xfa\xb9\xb8\xbc\xae\x96\xb2\x08K\xdc\xd9\x8a\x01V\xb2\xbc~Z\xbb\xd5\x8d\xd8\xc6\x97\x87#\xc0\xd5Ays\x92|K\xb3R\xc8\xc5H\xb3}c\xf1\xe2\xea\xaaz\x01lW\xb3\xb3W\xd7\xd7\xc1\xac\xcf\xe7\x13\xc3q\xc41=\xc2\x9a?\xfcr\xab+\xd7&lt;\xc0\x02AOS\xc6\x195\x9a\xba\xa3\xc9\x15&amp;Uk\xf0*`]"\xact\xb5*\x10\x8b\xff\xc5\xe2\xe83z=x\xb1\xf9\xb3\x0f\xb7\x8f\x05\\9z\xc6\xc8\x07G\xc8Esw\x90\x9d\xa2\xe6\x00\xd49`]\tB\xbe\x83\x83\x03D\x15\n\x85\xfeO\xcb\xb9\xc7\xb4u_q|\xb1\xb83v\xe7X\x18&lt;\xab\xf1x\xd8\x88\xc9\xd8\x91l\xa4XDF6\xcc6M\xec\x14!BlH\x8dEB\xc7d\xc6C\x84\x12\x012!\xdb@eb\xa8\x9a\x9c\x88\x11@\x02\rB\x03\xa9\x91H`\x90\x90\x19\xd0\x1a\x02Y\xd2\xa4&lt;\xca6u\x0b\xa40%AHc*\x8ffi\xb5\xef\xb9\x97L\xfbgZ\xdbp\x7f\x08,YH|\xf8\x9e\xf3;\x8f\xdf\xf9]\x17\xab\x08\xab\xa3c\x80o\xac[KU\xc4u\x04\xc5\xa0\x81\x11\xb1+N\x81B\xafX\xfa\x87\xcf\xff\xf1\xf9?\xeb\xea\xf2c\x9a\x9a\x80\x15\x93\x9f\xdb"\x16\'\xabT\x95\xa0\n\x0c\xcc_\xe4\x1d\xab\xa0\xa0\x8a\x8en\x9aQA8ET\xd5(P\xbb\xc4\x16\xbf\xfb\xaeB\xee\x15TW\xe7\x92V\t\tTH\xc8U*:\x91\x0f\xe8\xf5|c\xd5\x04\xab\n\xd2\xc0E%\xbdAC\x93U\x14[::W\xa3\xe2\xb8\xe8\xb4\x17{07\x06\xa5W~\x8b\xb78\x8e\xe6/\xa0\x1a\xd2\xcf\x7f\xca7\x96\xdd\x9e\xe6/(\xb0\xe7X\x9a]\x0e\xad\xc6\xe9d\xe8DB\x1e\xcb\x96\xec\xe8\x9f)4\x80*AP\\\x1cKT(;\x8e\xe8=\xf3w\xf8\xc6\xca\x06W\x1aZ\x8d\xecf3*C\r\x93b\x92K\x952\xb1L*\x95z\xbd\x82\xe8\xfc\xfc\x98\x8c\x8c\x98\x84|q\xf1\xe9\xb8\x06Py\x06\x86\xf4\x1eO\x19\xbf\x01"\x02j57w\xfa\xd3\xd2\xec\xe8\x18k\xdd\x06-JS\xa9X,\xa8;A\xa7\x12\xd1\xef@\xa7\x8c\xd4\x8c\x8c\x0cxVQ\x83\x87&amp;h\xfa#]\x0eG\xe5\r&gt;\xa3)\xb9\xbc\xddb\xc9N\xf3\xa7\xa1\x91\xcd\x06\x96C\x94\'\x13\x8b\xa3\x13\xea\xc4\xe2\x04\xban\x00\xa7J\xc8@\x80\xf7\xa2\t\x03S\x97^?\xd4\xd5\xa0\xd2V&gt;\xe1\x17\x0bF\xb4\x98s\xc8\xbd\xec\xd9\xf6l\xab\xc7!\x92S\xcf\xf3\xc3w\x10\x19h*\x9c\x90A\x03\xe2\xd4\\\xef\xe9\xa2\x0e\x8f\x9e\xa6w\xfa@\x9cH\xd3q\x8fW*\x0e\xab6\xa7\n\xdee\xaf\xb2\xe7tyT:ABtt\x06M\xa9\xe9\xa0-\xf50\xdd&gt;H\xadn9]\xd60\xd0\xa5\x87Z\x81\xcadF\xdb\xf0;~sb\r\x8cx\xc8\xe5\xca)\x00\x17\xf6\xe3\x91.U\xb22\x9a\xaeh\xb0\xa3\xfd\xdf\xb3\xd7 \x0e7=\xacn\tV\x06H*=~\x01\xf9\xdc\xb3\x18\xc1\xabZ\xb7\x96:\x8f\x1er\xd9j\xed\xdc\xf0\xde\xaeo\xa8\x8c\x15\xecb5\xa5\x9e:\xf5\x00`M\xa9\xb9\x8b\xc12\x8eJ\xef\x89\x8bU0\xfcc\xcd\x03+\xd1\x06.PaC\x96z\x1a\x92[\x10\x14R\x0f7\x9d\xa2\xf5\xe0\xc1\xa9\xa6\xdc\xdc\xc5\xc5\xa2\x8e\x01=\xb9\x16\xc4b\xb1\x82|\xd6[\xe8\x17\x1fu\x16\x1eJLJ\xb2\xe5t\x02\xcb\xef/\x18\nT\x16\xb5T\xc7\xa4\x82\x8a\x05{p\xeaa0\xb8\x18\xec@h\xa7y5\xc4\x8aU\x88\xb4\x9e\xa2\x8b\xbcc\x1dLL\x8aw\xbb\x9a\xd3X\xae\xaa\xa1@G\x99775\x953"\xf2tn0\xb8\xf4h\xa8\x94\x1d\xa2\x93XrR\xab\xecS\x9e\xabS\x0e\xcb`3w\x12W=\xb8\x06\x02e\xde\x96\xdc\\\xb6\xc6\x82\xfd\x82\xf3\x8f\x06FG\t\xcbj\xedJ\x96S\xad\xa8\xf5t|\xcco-?P\x0e\xac\x9f&amp;\x19\x0c$\x97\xdf__\x7f\xbb`\xb4t\xa0\xa3\xac\x08y:x:X4\x0f\xa8!\x96\nX]*\x1d\xb0\x14\x8c\xc6\xdd\xc1s\xe73T~\xf4\xe01\xc2b\xe5\x02WE\x85\xbf\xa0\xaa\x14\x92\r\x04\x02\x1d\x81\xc0\xc0\xd0\xd0\xeaj\x15[\xf0[=*\x85\\.\xd5)\x9cZw\xe0\x06\xaf\xcf\xdd}8\xfa\x12\xcbm3\xdb;aEp}Pq\xdb\xdf\xdb\xdb\xbbJ\xab\x97V\xd5(G\x15\x07,\xb9\t.\xef\x0e&lt;\xe1U\xad\x1bU\x1cV&lt;\xbc\xcbf)$.\xba\x04\xf4\xeb\xdfp\xeb\x03\xac\xdb\xbdP\xaf\xd6jukE\n\x89\x04FL\x119\xdc]\xf7x|\x1aP\x18q\xaf\x97\xb0h\x0em0$\xb9\x9a\xed\x08\xab\x00\xe3nM]\xbf~\x1d`\xb7\x91.K\xf5n\xab\xdb\xa1bL\x12\x14c\x84e\xebz\xc8c\xe0\x12\xd6\xfc\xd1\xdf\xc6b\xd1|\xdc\x90h\xb64\x83\xcc\xde\xe9g\xefs\xb1OE\xd5\xd3m\xa5.\x8f\x075\x8fJa2\x91Z\x0c\xd4\xb2.\xde\xe21\xce\xdfZ\xaag\xb1\xc8\x8a\xf1\xf1I.\xb3\xc5b\xc91\x9bs\x9a\xed\x9d\x9d\\6\xca\xd1{T*\x87J\x8b\xca4Ng\xca\xcb\x83o\x91\x11\xadK&lt;\xc6SD\xd3\xfa\xf2],\xa3\x91\x82\x17\xb8\xcc\xb5.\x9b\x8d\xc4\xa1\x86B\x15\x97\x8c\xd4\xac\x12\x01\x8a\xfc\x1d%\xab\xdc$!\xac\xf9;\xbc\x85x\xa1\xf0\xe3Q\x0e+\x91\xb0\x8c\xf16\x17\x8b\x05(\r#\xc9S*\x952\x99\x12\x01\x81\xedi\xe3\x92QL\xe3\x8b\xc52X\x03\xfc\xc4S\xa10"\xa2\xe6\xc6_\xfd\xedmG\x0fqX\x1a\xa3\x11rY\xcc\x1cVJ\xde\x89\xba\xba:\x81@\x86vC\x91LM\xad\x02XJ\x16\x8b\xd1\xba\xad\xfa\'|\x9c\xbb\tO^\xfc\xf0/\x7f\xdf\xb9\xcd&gt;^\xc0\x19Q\xadV\x1b\r\x90\x8b\xb0\x1c\x1a\x85T\x90\x8f\x8a\x19Xt\xed\x01T\xc9\xb1`\x92\xc9\xa4&amp;\x13r\xa2\xc1vd\xfe\xcfw\xf6:F\x08\x85\x0b_\xfck\xe7\xf9W\xefW\\\xdb\xc5"\xaa\xe3g\x9cF\x98\xd1\xec\xb2\x19\x1ch5d\xe8z\xa2\x05\xb2\xe2b\xc8\x05\xacX0\xa1\xccWJM(\x03\x815\xba\xf3\xe2\xc6\x1e\xdf\x93\xfaN\xcd\x97\x9b_]\xbe\xfc\xe3\xabW\xaf\x95\x9f=\xc8^\xd2\x05\xd6\xaf\x8e\x9fQ\xc3\xbd\\.7\x1aFQ\x9cI&amp;\x10\xa0/#,t\xb3\xc9rtixc\x17\xcbZ\x9b\xdd\xfb\xfc\xee`\xc4\x9eN\xd0\x85\xf7\x1f?\xbf\xfc\x83\xb7\xaf^\xbb\xf6\x1f,\x8dS\xfd\xdb\x9f\x1fwj\x10\xecm\x06-\x9dE\xd0\xa8\x18\x9e%\x87;\xc1\x8c\xb1R@\t\xa0\x1e\xb6\x00\x19\xb1\xb6\xb9\xea\xa3\x8d\xb5\t\xe1^N9\xc7\xef\xce=\xbf\xfcvE\xfb\x7fa\xa9\x9d\xc7\xd5\xea3NM|\x12\x1c\xde\xa1\x111\x0c#\xa1\xad\'Uz9,\xa5 \x1aK \x96\xc6J\x18\xc0\xd7Z\xec77B3\x0b{\xc6%&lt;9xwn\xee\xf9\xf7+\xca\xdb\xdb\xe9\x1a \xb0\x92\x92\x8c\xec\x1d\r\t\xfeb|\x12\xb0\xb4\xec\t\t\xfak\xa9\x0c\xbb\xafXNb\xe5\x13\x15\xd4B\xd1\xac\x81\xad-\xd977|[3\x17\xf6\xc6\xbf\x84\x11\x13_&lt;\x9d\x03\xd6\xfb\xe5m\xe5\xbbX\xack9\xcfH$\xa6&lt;\x13c4\xb0T)\x12\x1d\xfak\x04.\x99\x97N$\xe4hi\x01\x05\xe7"#\x92\x0bZF7\xe7\xd2\xd3C\xcbc{\xc1%\xac\x19\x7f\xd6\x0f\xaa\xd6\x8d\x8f:\xcf\xb6\xb5\xb7\xb7\xb7\x15\xbe\xc4b@%\xcd\x93\x88\x8c\x0eV,\x89N\xaed\x03*{NB\xa7\x11\xc0\x12sX"\xa3\xdb\x95\xb3\xba\xf9FOO\xbaok\xb2\xfb\x95\xb3#\x02\xc3\xd4\xf4\\+\xd6\xc6\xa6\xfd\xe8\xd9rz\x84\x8c2\xb5\xd1H\xd3V\x89I\x8aX\xa9\xd1b\x1f\xc2\x86H52\x12\x0b[\xb1\xd8+f\x1d\xeb\xa5Z\xc0\xb2\x96\xde\xdc\x18))I\xf75n\xcf.\xbc\xe2\x85k\xa1pby\x04X\x99\xad\xads\x9b\xab\x96Bz\x04\xd8r\xf0\x18e\x1e\x8ds\x17+E\xa4\x11\xb1w\x98\xe1Wb\xb1\x8c%\xf3\xd2X\xb8\x9a6""\x84\\\x92\xe2\xd4\x1a\xf4\xab\x9bW|&gt;_II\xd6\xf6zw\xf7D\xcd+\x84\n\xe1\xc9\x85\xc1\xe5\xf47I\xac\xd6\xb9\x8dUs\xf3\xd9\xb6\xb3G-\x9c\r\x11\x11\x9c\xe02\xe9R\xe8\xacR\xa1`O\x93\xe0\xe1\xf4-C\x04\xdb\x15K Pr=\x86\x1e\x0e\xdfSR\xe2\xeb\xf9\xd1\xa5\xed\xd9\xd9\xc9\xbe\x89o\xebb\x08\xed\xf7\xd7VB\xe9\xbe(Pefn\xec\x94Z\nAe&gt;\x96\x88|(r:5jg\n\xb0$,\x96\x8e\xbc\x9d\xe3\x10\x88\xc54\xaa\x8e\xae\x16C=\n\xb0(\x9b\xb5\rC;\xfd=\xc0\x8a|\xeb\xdc\xa5\xf3#\xa1\x95\xd9\xb1\xbe\x85\x88o\xb9\x05\xbf\xec\xbfr\xe5\x8a/\xfd\x00l\x98\x195\xb7\xf9Ii\xe1\xd1\x83f\x17\x9b\xa6\x9d\x0c\xb0\xd4\x8cD\'\x81\xe7 f)\xf2X\xb1`\xb9j\x81\x98=~\x8b\x16+\xe9-6\xee+D\r/\x1e\x8f\xa4\xfb^/)9\x7fi{kj+\x14Z\x9f\x1c\xfe\xc6\x96\xa4\x8f\x12\x8a\xb8\xb0\xd6\xdf?\xb5\xb6\x1cj\x0c\xcf\x9cc\xb9vF-\x96c\x896\x8e\n\xb6S\xabE\x8c\x84\xb0\x88K\'%,\x92\nT2\x88\x85\xb4#\xe5\xd2\x8f\xd2\xabc\x1e=\x1e\xe9\x89\x0c\x0f\x8f\xec\xf9\xc9\xf6\xf6\xcc\xf0\xd8\xcc\xfa\xca\x14\x04\x9bX\xf8&amp;\xa6\xa4\xcfcZ\xb8?\xf5tyflxr\xab\xb11\xaa\x15^\x1f\x15\xb6\xf1\xa7\x9c\xda\xc4$\x03\xe7\xee))\xf4\xac\x0c\xbd\x92\x11\xe3\x18\xce\x8c2\xb1\x8c\x02=\xeba\xf4J\xb6&lt;!\x93\xe5\x15\xbd\x80\t#\xf7\x85\xbf\xfe\x8bs\xdb\xebc\xdd\xdd\x17\xfa&amp;\x9fM-\xcfN\x0ew/\x08\xbf.\x12&lt;\xbd\x1b^55368&gt;&gt;\xbc\xde\x98\x15\xceZ1\xec\xca\xe6\']n\x8aX\xce\x14Z\x0c\xb0\x9c\xbbX,\x97\xbc\x18E\x8d\x14?\xbcJh&amp;C\xb5%\x16\xb0U\x85\xd8\xfb7\x88U\xb2\x7f_x\xcf\xcf.m\xafO\x8e\rw_\xe8\xee\x1b\x9b\x9d\x9aZ\x9b\x1d\xeb\xfe:u\x18\x98&amp;\xc6\xf1\x9f&lt;}\xfa\xec\xfe\xe0\xf8\xe0 \xe4\xce\xcaz\xeb\xbb\x99\x99\xad\x99\x07\xc2\xe6v\x06&lt;Z5\x14\x92\xd0Jqj\xe8\xc2\x9d\x04\\\x1a\x96K\x81\xe0\x8eE\xc5\x1f\xa8\x94\x1cU\x02]\xc2[z&lt;=\x12\x19\x19\xbe/\xfc\x97\xef]:\x1f\n\xad\xac\xcf\x8c\xf5]\xe8#\xb0\xcf\xb6\xd6\'\xff\x0f\x18k\xbb\xc1\x19\xec\xbe\xe9\xfe\xa9\x99\xc1\xc1\xc1\xe1\xc9\xb5\x95\xa7!_\xd6\xf9\xf4(N\xae\xc7/\x02*\xf2\'$\xbf&lt;\x8aX"\xc2\x92H\x98\xddi\x06=\x80a\x92\xb3\xa1\x82\r`bAB\x0c]Z\\\xba;\xed\xf3\xed\xdf\xff\xdak\x8d\xe7\xde;\xd7\x18u\xe0{#\xa1\xadg\x93\xc3}\xa4\xd8J(\xb4L\x89\xf2\x7f\x92\t)"&lt;\xdb\nMO\x93S\x11\xd4\xf2go\x84\x85\x1d\x08K?\x9f\xf5f&amp;V\xd4\x01p\xcd#\x0bK\xd9\x1c\x03.\xc6I\x90\x92\x97\xee\x85\xb4\xa8\xe3\xc2*y&gt;V~*\xd6\xbf\xdb6c\xd0\xc6\xb14\x8e\xfb\xed\xd3\xbe}\xac\x14\x1d\xb7\xd2\x14O\xc3\xa6\xcb6\xd7\x87\xb0\x8dQ!\x15\x8b\x82\x11l1\x88,N%t\x9c\xbam\xb2\x85#\xa1b$R\xa4\x19X\xce\xf5\xb8p\x0cW\xa4p\\,\x9b\x99\xa4\x08N2\xe1\x86\xc0\x16W&amp;\x0e9\x92a\xaaT\xc30\xb0\xff\xef)\xdcq\xec\xc9$\x8emY\xfe\xe9\xff\xfd\xbf\xff\xf7\x82\xf0\xc1\xf1\xd9$\xcb\xe1w;\xf7\x07el\ta\x9a,\x9a-\xaeN\xa7{Z\xb1\xc9\xe1\xc9\xe9\xcb\xff\x7f\xcd\xb8u\xf9\xbb\xc5|~x\x82\x13\x99\xa2|\xf7\x8b\xb9aY\xdc0d\xec\xc7\x86\x8b2\xba\xbd\xf1\xf5\xed_\xff\xa6\xf3\tU\xd2\\\x98\x8c-\xd6\xe7t9\x03\xff\x82\xe9\x12\xea\x96\xfc\xba\xbf\xdc\xdd\xd9!*\xa9\x1c\x1b?\t\xa8\x98\x10\x96\xc9\xa4\x93;3\xd0LQ\xcb\xe9\xe9\xd5\xe2\xee\xe4\xe8\xb7?\xffQ1\xb2\x14\\\xbe\xb8y\x87\xee\xd8\xdb{\xf5j\xff\xe8dn\x18c\xd73\x0c\x83\x8f\x1a?0\x80\xd5sEx\xfd\xef\x7flm\xf5ad$\xc0\xb7\x10\x8a\x92\xfe\xbf\\O\x1e\xc3\x9eFO\x7f\x05P\x9bDe*\x1b\xd9\x80p\x18\x14\xcc0\xb4Xx\xa8\xb2\xd9\xe1\x15\x95\x92jyur\x7f\xf1\x87\xb4\xf8\xe2\xa7\x17\x17\x9f\xde\xdd\x9f^\xd0N\xf0\xe2\xf4\x97\xcb\xc5\x98sc&lt;&amp;\xacP\xc6i\xa3\xa0\x17\xb8\\\xe8u\xfcly}y\x99\xd6\xed\xf8\xff\x81\xaea|\xdb\xba\x8bLO\\4x\xfa\xcf\x96\x97\xbb\xdd\x9d\x83\x83\x87\xb3\t\xdcn\x9aH\xd2\xaa\xf4\x95\xe7\x19\xdc\xb4M\x19\xa1\xa6\xb6\xe3\xcc\x16\xef\t\xec\xf5\xeb\x97\xbf\x9c~\xfa\xb0\xff\xdb\xff\xe4+\x94\xfa\xf0\xe1b\xfa\x12H\xd8\x08\xead\x02*\xd4\xcf\xc3a\x04\xb7\x82&amp;Mx\xcb\x05\xdf\x7f&lt;~K\x9eY^\xd9\xa6+*O\x9f\x7f\xff\xfcOK\x9f\x7f\xf7\x1d\xc9\xa5\xc5\xd2\xed\x87\rT\xe7\xb7\xd7\x93\x99m\xdb\x8c\xa1\x84i\x9ax\xae\xeb\xa1\x88\xa6\x94J\xd9\xb4\xc1c\xefOI\x0c\x90\xed_\xec\xffgR\xc2S\xaf_] \x0c\x88\x08z\xea\x04\x9e\xe0\xcd\xa116\x84\xf0\xf0\x17\x97\xaan\n\xc9\x85\x87\xa3\xa2\xac\x93\xb3\x87\x83\x9d\x1dp\xf5\xb7~\xfe\xf2\xcb\xef\xb7\x7f\xdc\xfejcIG\xd9\xd2\xd2\xc6\xf3mXj\xbd\xbb\x8a\xdb\x1aI5\xa7\x0f\x97\xa8a^\xa5U\xae$\xc7A&lt;n:\x0e\xdcf\x82\xcf\xb6\xe11\xca\xd5\x97/^\xd3\xcfc%\xb1\xce\xd3PT\xb9\xa3\xd3\xcb\xfb\xab\x9b\xc3Yh\xe0\xad\xee\xf8\x11\x8b\xa9 \xcf\x82\xa2f\x96%H&gt;a\xcd\xefn\xcf\x81\xd5}\xfbl\xeb\xeb\xed\x1f\xfb+\x98\x7f\xe8Kj\xc9\xa5\rm\xf4\xee\xda\x1a|u|{=G\x0b\xda$\x8d\x93\x8f\x8a"\xa9\x8a"\x0e\x98\xfb\xf7\x9e\xb0\t\x0b\\\x1az\x96-\xae0\x8a\xa0\x18\xa4i\xb9^\x00j\xff\xd5\xf4\xe8\xf2\xfd\xc9\xcd\xe2\xf0p\x16I\xc6!\x94\x0e\x04\xb8\xdds\xa3\xa0\xae3\xc3\x8d\xea\x0cm)\x00\xea\x19a89;&amp;\xc1\xe00\xd4K\x7fs\xf3\xe9\x06|\xf6\x97\'?|\xd6\xd7\xdf\x0b\xdc\xd99\xd7\xae\xca)\x19d\x9e\x8fF\xa3$\xf6\xd3\xa2\xf0\xfdXB0\xa1\x81L\xadd$\x95\xc4\xa2\xe2\xea\x12!\x0b\x1bi\xc1&gt;\x81j\x1f\t5\x8bX\x18\x86\x9c\xe1 \x8c\x13\x16\xe5\'\xb8\xa2 \xa93\x8eG\x9cY\xd0\xcb"\xc9B\x1e\xdd\xc7c\xc5\x00\x00\x04kIDATi\xc1VQ\xc8nwuuu]\x83=\xddx\xf2\xc3\xcf[t\xe9`\x13\r\xf8\x91\xacn\x93&amp;\x12\x8b?\xd0q\xa7\x1cTy\x056\'c\xbd\x1e\xc3k\xa6\xf6~&amp;m\xc9\xa2\x08\'{\xf7\xeeho\x0f`?u.tB\x8d\xb9\xc5C\x0e9Bb\xe3\xb0\x91K\xf1\xc9e\x90$\x89\xe2\xbcMy\xec\x84\x9b\x89\xdd\x98\x84`\x0f\xe7\x07\x80\xfa\x95\xbe\xc8\xb9J_\xc1\xc5\xf6\xd9V\xff\x9b\xf5\xd5\xcd7\xb0\xfa\x98\x11\x8bI\xde\x86\x91d\x08\x93\xd6\xa5\x9f\x8f\xfc\xb4lFX\xc3\xf5,\xe2BTP=#\xce\x18\xfe\xe6\xe1!\xc0\xe0\xf1\x0e\x859\xc5\xa6\x05\x1a\x92BKf\x9a\x16\xdc-dP\x83*\x89x\xa4\xc3\x14\x98\xa4\x16^\xb4\xd0\xe3\xe1xrv\x8bR\xd25\x82\x9dM\xe2\xc2zt\xbb\xbf\xb2\xde\x85\xa9\xce&amp;chE\xcd\x06[\xa1PQ\x88f1X\xe5\x17MZ\x0e\x06~\xc1\xa8y,\xdb\xb6\xc8\xfc2b\xf0\x87e*\xec\x17.\xeeQ\xca\xce\xf4\xf4\x06\xb9I\x1bd\xd0d\x96\xc5Xh\xb80U\x9c$U\x15\xd7\x12\x0ft\x98Rs\x03\t\x92\x02\xcb\x84\xec\x93;\x80\xe9\x8b*kT\xc8~\x7fe\xa5\xfb\x96\xa0B\x1b\x96\x82\xcf\x81\x066\xd2A\xa0]\x04r\x99\xa8\x06e\x93X\x1e\x02\xc75\x08K\xd9&amp;&amp;\x12j\xa1\x03\x8d\xcdn.\xa7\x9d{\x9a{\xb4Q\t5\x15\xe70\x97\xc11\xa1cPUq"\xa9\xa2c\xdaE04\x0f\x95\x1bA\r703\x9c\xdf}|8\x7f\xf3O\x08\xb6\xb6\x8a\x0eXn\xa1L\x05\x1c\xe8\xe4\x90\xa5m\'\x0f\xe0W\xf4\x8a\'\x93\xa6\xc5\xaa\x1cSdE\xed\xf5\\N5\x04\x95@\x15uUm;&lt;&lt;\xe9\xb4R\x85\xa1h\x8dCe\xc4&gt;\x06\x1d\xa0\xc8s\xad\x16\x87\xe0cpf\n\xfa\xe5\xd2zT\x941j\x106\x87\xc9&gt;\xfc\xeb\xcd\xe6\xda\xafH\xcf\x87\x8f\xd7\x93P:\x8a\xa4\xca\x88\n\xc1\xe4$\xe8\xbeLR\x0bgy\xd2\xca\x85\x81m\x8e\xd2\x12#\xad\x87\x9e4=\xcfbH0\x08+\x89N\xce:\xc6\xb8\x15\x0b\x19\x85\xcd\xb2\xf4\x1d\x0b\x8a\xb4\xf4k\x8f\xd7\xc0B:\x8ca\xf7(\x0b\xe2\xa6h\x8aZ\x02\tX\xc8\x1cHf\xe2\x04!\xd9\xc9\xc3\xf1\xc1\x81\xb6\xd4x\x86\xd3\xd7X\xe0"\xad\xf2\xb8\xdc\x1d\x94E\x80i\xc8\x83\xb8J\x815\xc4\xc8v\xf0\x02\x8e\xc5\xc9b\xdc\x13&amp;e+m\x16&lt;\xe6\x04\x1d(#Z\xbdB\xd8\xdd\xc29\x01*\xf6K\xd4\x9f\xb9\x12XZ,\x97G\x12TM\\\xf9~\r\x95\x18\x8c\x0fW\x10\x97$\xa3\xce\'wgg\x10\n\xed.M\xf2\xb96\xbbR\x98\x0f\xfe`wwwX\xc6Jx\x06\x1d9M\x1b\x7f\xb8;\xf0c(\xd7\xd4YD\xde@\xcb\x9bm\xfaP\xb5\x98\x1au\x0c2#\xa8\x0c\x14\x8ff\xa0\x905\xa0 t\x1a3\x16\xa0\x88\x0e\xf2\xde\x8dZ\xaaj\xa4\x0bB\\48\xd0\x1a\x8c&lt;\x06\xb3\t=\xe92\x85\xe7\x88T\xc7\x15Q\xc5\xe5p\x08,`$\x0cc_8M\xda\xe4\xc9\x00\x9cM2*\x06\x83"\xc0\xa13\x13\x13Nx\xa4\x90\x80sY\x16t\\\xcd%\xb4\xbdPb\xa7\x8e\xeb8%W\xfa\x89R\xa3\xaaJ V\x0f]\x19$E\xe3WI\x91\xa6q\x1d\x10\x18\x99^\xd3Y\x1a\xc9\xce\x1e=\x0e\x18(\x86\x05\x02\xa5{&lt;\xdc\x1d\x0e\tl8h\x024\x92\xb0\xe2\xd4\x1f%)\x9eH+}_\xc6\x81\x1c\x15\x01r\x1f\\4\xd9p\xc8,\xebx\xad\\\x82"T(|v\xac\x12T\xb0L\x8b\x91"\xc7+-\x16R5n|li\xea\xc75\xb8\xa4&amp;\xa2\x86\xd4B!\xa9\xa5\xb2\x95\x96\x88j\xc7\x18\x16\xee\xaa.|\xc2*\xfd\x12Xe\xe1p`\xe5M\xe9S]\x87~&lt;\xc2R\x07B\xa6\xf1\xa8\xf2k\xc9h\xb0\t\xce\xe8\xdc\xcc\x8eG@\x02\xbf&lt;\x8fj\xd6\xf8IP\xa5%\x0cP\x05\x84\xa5\x9deDAU\x15-U\xda$\x01m\x00\xa3\\\xe5\x94\x1b\x88\xb0\x88j\x91I\xdc\xb5X\x9c\xc3\x0c\x85\xdf\x00\x08\x00D7H\x13r\xbd\xc2\xd1\x89j\xd8\x04h\x88\\\x13\xa6\x18\xe14\xc3\x01\xa5\xd7\xad\xa6\x05,j@\x90q\xa5\xa9\xfc\x02\xb2@\x93\x065\xcc\x93Dj*\xc8\xdc4\xf44^(PDl5&amp;x\xa0\x18R\x90S\x82\xc1\xb2\x11\xcdSI\x95\xc5\xc1%b\x0f\xef)J\xaa\xa1\xaf\xb1\x06i\xcd=\x86\xcf ,T\xaf\xa6$3+\xb2\xde\x00\xa8\xa5\x1f+\xac\x10)\xf4\x85\xfb;\x94J\xe3\xcd %\x8b\x08\x00\x00\x00\x00IEND\xaeB`\x82'</t>
        </is>
      </c>
      <c r="M575" s="3" t="n">
        <v>45492.67759259259</v>
      </c>
    </row>
    <row r="576">
      <c r="A576" t="n">
        <v>1841330</v>
      </c>
      <c r="B576" t="n">
        <v>212560</v>
      </c>
      <c r="C576" t="inlineStr">
        <is>
          <t>Pablo Santos</t>
        </is>
      </c>
      <c r="D576" t="inlineStr">
        <is>
          <t>P. Santos</t>
        </is>
      </c>
      <c r="E576" t="inlineStr">
        <is>
          <t>UNK</t>
        </is>
      </c>
      <c r="F576" t="inlineStr">
        <is>
          <t>UNK</t>
        </is>
      </c>
      <c r="G576" t="inlineStr">
        <is>
          <t>UNK</t>
        </is>
      </c>
      <c r="H576" t="n">
        <v>175</v>
      </c>
      <c r="I576" t="n">
        <v>62</v>
      </c>
      <c r="J576" s="2" t="n">
        <v>37835</v>
      </c>
      <c r="K576" t="inlineStr">
        <is>
          <t>Right</t>
        </is>
      </c>
      <c r="L576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4\xde3\x81KH\x14\x0eM\x00-\x04\x81\xd4\xd7\x92~\xd3\xff\x00\xb6\x87\xc1\x8f\xd9gJ\x8e\x1f\x17\xea\xe7P\xf1\x1d\xf4d\xe8\x9e\x11\xd2\xca\xc9\x7f|\xdd\x8e\xcc\xe2(\xb2F\xe9d*\x8b\xeb\xda\xbe\x17\xf1o\xed\xe3\xfbR\xfcY\xd45\xedW\xe2\xa7\xc5\x9b\x8f\x84\x9a\x05\x87\x97\x1e\x97\xa5xR\x08\x8d\xc5\xe1\x90\x90\x08\xbbu\x94\xc8\xcb\x80\x0e&lt;\xb5\xf9\xb2\xa4\xe2\xb9\xab\xe2\xa8\xe1\xfe7\xa8\x9c\x92?P%\x9e\x18\x10\xcb&lt;\xaa\x8a:\xb3\x9c\x01\xf9\xd6g\x86\xbc{\xe0\x8f\x19\xd9&gt;\xa5\xe1\x0f\x17\xe9\x9a\xa5\xbcs42O\xa7\xdfG2,\x8ap\xc8J\x92\x03\x0e\xe3\xad~C\xf8\x87\xe1\xff\x00\x85&lt;u\x06\xa1\xaax\x97\xe2\xf7\x88\xf57\x8f\xe5\xfbO\x89|C\xaa^N\x03\x00w\x95Q\xe5\xa1\xcf\xb8\x07w\x19\xc1\xc7\xcf\x7f\xb4_\x805\xcf\x0bhOq\xe0{[\x81&lt;\t\x0cq\xde\xe9k#\xdaK\xb4\x14T\x97\x12#D\xdb\x02mm\xa7\x1by5\xc6\xf3H\xa7\xa4?\x13\'U\xa7\xb1\xfd\x08\t\xa2)\xbfx\xc6:\xd6\x7f\x87|e\xe1?\x17-\xc3x_\xc4\xb6\x1a\x8f\xd9\'hn\xbe\xc3x\x92\xf92\x0e\xa8\xfbI\xda\xc3\xd0\xe0\xd7\xf3q\xf0c\xe3w\xed\xad\xe0\xeb\xeb\xef\x86v?\x1c\xbcu\xa2\x11~\x91\xe9\xb6P\xf8\x8a_#Q\x85\xba\x85Y\x0b\x18\x9d\x94\x81\xb8d\x02\x0e\xe2\xb5\xf4\'\xec\xa7\xfbQ\xfcZ\xfd\x9fd\xb2\xf1\x07\xc1}vI\xa6\x97\xec\x0b\xe2\x9d\x1aX\xff\x00\xd2o\xd6\xdd\x9fs\x8d\xff\x00.eW\xcb\x9e\xc7\xee\xb3\x0c\x12\xdeiJ2\\\xd1iu\x1f\xb5\xd7c\xf7V\x8a\xf0\x1f\xd9\xbf\xfe\n)\xf03\xf6\x94\xf11\xf0o\x86 \xd6t\xbdK\xec\xbfh\x86\xdb^\xd3\xbe\xcc\xd3\xa6\xe0\x8cP\x12I\xda\xc4)\x07\x04\x128\xc1\xaf~\x1c\x8c\xd7\xa3\n\x90\xab\x1eh;\xaf#D\xd3WAE\x14U\x8c(\xa2\x8a\x00(\xa2\x8a\x00(\xa2\x8a\x00(\xa2\x8a\x00:W\xc5\xdf\xb7\x8f\xed\xcb\xf1 x\xfa\xe3\xf6X\xfd\x94u#i\xadX\xec\xff\x00\x84\xe3\xc6\x11\xdb\xac\xcd\xa3#\xa0qkj\x8c\n\xc9vP\x87%\xb0\x91\xa9\x04\x92\xdc\x0fN\xfd\xbf\xff\x00l\xf8\xff\x00e\xcf\x05i\xfe\x11\xf0"\xdb^\xfcC\xf1\x8c\x8fk\xe1=&gt;\xe3\xe6\x8a\xd5W\x1en\xa3p;A\x00`\xc4q\xbd\xb6\xa0\xeaH\xf8{\xe1Q\xf1o\x83!\xf3\xbc\x11\xe0\xd95\xeb\x8dST\x9e]g\xc4\xfa\xb5\xd3I5\xc4\xd2H\xc6\xe6\xe7\xcaP\x1a\xe6f%\x8b)\x91\x10)!F\x06+\xcf\xc7\xe3\x16\x1e\x16\x8e\xe2o[\x16\xfc;\xf0\x97\xe1\xe7\xc3;]S\xc7^.k\xe95\xcb\x99&lt;\x97\xf1W\x8a/\xbe\xd3y\xa9\\\x12\x01\x95\x86\xe6y\xc0?7\x96\n\x05\x1c\x00G5\xe7G\xe3\xad\x9e\x89\xaf\xb1\xf1U\x86\xa3\xae\x1b@\r\xbc\xeb\xa6\x9b;h\x06\xe1\xb5\x92\x00\x93\xbb\xb6@\x198\xe0\x9e+\xd8\xfcc\xa3k\xfe\x1e\xd1m%\xd6\xb5-.\xd1\xaf.\x11\xe5\xd55k\x0f&gt;Eg8uH\x0b\x81\tPI\x0c\x1b&lt;rH\xc8&gt;w\xaa\xf8\xb3\xf6\x7f\xf8E-\xcf\x88|A\xf1n\xc7\xc42\xa5\x9bI\x0c\xba\xb4\xe6\t\x0c\x8c@\x1bL\x0c\x02\x8c\xf2\x03\x03\xd3\xa9\xaf\x9c\x83\x95y\xf3M\x89\xa6\xf6G7\xae\xfcG\xf1\x17\xc4)u\x0f\x10\xcd\xe1\x08\xa1\xb5\xb4\xb5WX\xad\xf5LO,e\xb1\x96\x8aH\xe2\'\x9eq\xcf\x19\xe9\x8ei\xf8\xcf\xc4&gt;\x06\xf0\xdc)\xe2?\x1ak\xb1\xd8i\x9a\x96\x9a\x89\xa8Ek\x1a\xbf\x92P\x10\xb7)\xe5\xbc\x98?\xc2A\x19\xca\xe7i\xcf\x1c?\xc5?\xda\xf3\xc2\xa7\xc3\x03\xc6\xf6qX\xa6\x99{n\xc9\x1d\xd2l{\x88\xb6\x13\x99\x14\xb0\xcc\xa0r\x19w.\x03\x83\x86\xcf\x1f3x\xaf\xfe\n\x15\xf0\x88\xeb6\xdaU\xb8\xbe\x8a\xd2\x15E\xd6\x0e\x9d\xe4\xc9eyo\x92\xebp\x85\xa2\xde\xb3\x06w\xca\xe7i\x1cc\xe5\xc9\xeb\x8d.]nO\xb2\xee{\xb7\xf6\xad\xb7\x83\xfc!\xa8x\x8e\xfe\xf6\rb\xce\xf6o\xb4xz\xea\x19V9a\x1fxK\xe6\x10\xdb\xdb\x9f\xf5$\'9]\xd5[B\xb2\xd4_\xc7W\x1e\x1b\xf0\xa6\xbc./\x06\xa1\xbfH\x90\xe9\xefc\xe4\xc8%\xc3\x03\xfe\xb3f@%@2\xa8\xe3\xef\x0e\xbc\x8f\xc3\x9f\xda\xe3\xe0\xef\x8d|o\xa8|(\xbc\xf0\xa6\x96\xea\xda$\xb2\xf8j\xe1\xdc\xad\xa5\xdd\xc3\x83&amp;X\x03\xf2\x19\x03)*9F\'k\n\xa3\xe0o\x17\xe9?\x14~\x1a\xeaPh\xdf\x11\xef&lt;3\xad\xf8~B\xfa\x06\x9f\xa8],\xb7\xba\x16\xa7m&amp;\x1a\xd1\xd8\x01\xf6\xa8\x14\xa1\xda\xcd\xf34`g\x93\x9aR\xa7\xcc\xec\xc7\xcb\xcb\xa2=\x07\xfe\x16O\x89~\x1a\xfcG\xb0\xf8\x8de\xaa\xdf[kQ\xddG\x1c\xba\xa5\x85\xc3;\xd8^I"\xa8e\x8c\x80\xa63!U\x9a6\xec\xc5\xb8\xc6+\xf6\x03\xfe\t\xfb\xfbs\xe8\x9f\xb5G\x82\x87\x87|U{cm\xe3}$\xc9\x16\xb1\xa6\xdbe|\xd4B\x02\xdc\xa2\xb1$#\xa9\r\xd4\x80r3\xc5~\'\xfe\xcb\xde3\xd7&gt; |e\xd5\xfc;\xe3k?;H\xf1\xff\x00\x87d\xb7\xbc\x93\xc9\x0f&amp;\x9f\xad\x81\xb4\xbcN\x08\t\x83\xb9\x80\xc1\xce9\xdd\xd6\xbd\xd3\xe1f\xbb\xf1\xdb\xe15\xa3|b\xf0N\xa3\x1e\x8b\xe2\xef\x06\xdaO5\xa5\xf5\xbd\x88\x92-B\xd62#\x96\xde\xe26\x19d\n\xe0\x91\x90A*A\xcd,%y\xe0k\xa5\xbc\x1e\xeb\xf5EF\x94\xa3\xaa\xd8\xfd\xca\xa2\xbc\x0f\xfe\t\xd9\xfbak\xdf\xb6g\xc0\xd9\xbcu\xe3/\x03\'\x87\xb5\xfd\x1fV:^\xb5a\x04\xe6HL\xc2\x18\xa6\x12FO!Y%S\x83\xc8\xce2k\xdf+\xea#(\xce*Kf0\xa2\x8a*\x80(\xa2\x8a\x00(\xa2\x8a\x00(\'\x02\x8aC\xd3\xf1\xa0\x0f\xc7O\xdb#\xf6\x98\xf0\xff\x00\x8b\xff\x00iO\x13|[\xf12Avu\x1dM\xb4\x0f\x03\xd9\x08\xdd\xe7\x8e\xc6\xcaW\x85\x7fw\x9eD\xd3\xac\xf3\x02;J3\x9c\n\xa9i\xa8\xfcz\xd3\xb4\x97\xf0\xfd\xff\x00\xed\n\xfa\x0c\x9a\x8eN\x91\xa0h\xbe\x14I.`\x81\xd7x\xfb9|\xbc\x92`\xe7v\xed\xa4\x7f\rxg\x87\xfcS\xe2\xbf\x15\xfcQ\xd5\xfc7\xe1?\x02\xde[\xeb60^\xc3o\xe2\xb8\xa1\x99\xbe\xca\x8a\xec\x93K\x0e\xdf\x9c\xc8\xdbs\x85\xe9\x9c\x8e\xb5\x8b\xe3O\x03\xf8\xa7\xc7\xdf\x1am~\x0ej\xff\x00\x17\xf5;\x9d2]:F\xbd\xb4\xd4\xb5qp-\xa3x\xb6\x93p\x8aJ\xac\x81\xb3\x81\x80T\xf5\xf9\xb3_\x0f\x8e\xc4\xcdb\x1b}\xc7\x86\xa2\xea\xcbSo\xf6\xb7\xfd\xab\xadn\xb4\xfb\x9f\x04xG\xe2\xe7\x88|\x7f\x7f|\x04O4\x91\xd9\xc3n\xe4)\xdcZ8`Y\xa3$\xf6Y\x02\x8fJ\xf9\xb3\xc1?\xb3\x1f\x8b\xb5M~k\xddwR6v7\n\x0c\x9aI\xbb\x99\xc9\x8d\x94\x86\x8c\xbc\x8e\xccG9Q\x9f\x94\x8e1\x9a\xfb\x1fA\xfd\x88~\x0e\xf8O\xc0\xb2x\xf3W\xd5^\xcaKmL\xc75\xacH\xb1\xb9!\xf0@,78\xc6y\xe7"\xb9\xfdGL\xf8ce\xaa\x8b\x8d?J\xf2\xa2\x04\xf9$[\x95\xf3G\xafNO\xbd|\xe6;;\xa9M\xf2\xd2\xb1\xf5YvO\xed5\xa8\xb4&gt;c\xf8\x8d\xfb\x1bG\xe2\r\x05&lt;\x15\xa7|D\xbf\xb7\xd2\x96\xf4\xdd\x1b\x05P"\x88\x85\x08J\xe4\x1c\x12\x08\x0cz\x9c\n\x8fI\xfd\x91&lt;\x1f\xf0\xbf\xc2\x8b\xa6\\\xdaAx\x93\x02\xc1\x99r\xc8\xc7\x03\x04\x9c\xf0UP\x81\xdb\x9fS_Zi\xf2\xfc&gt;\xb2\xf0\xec\xef\xac\xe9S\xa4LKC/\x90U\x19\xbap\xe4aXg\xafL\x16\x1f\xc4+\x9e\xf1\x16\x91\xe0\x9d\x13A\xb77v\xf0Ko\xa8\x12\xd0\xacS\x07\x11{u\xe0\xf3\x9f\xc7\x1d\xab\xc6\xad\x9df6^\xf1\xec\xff\x00fa!\xee\xa8\x9f\x14|I\xf8Go\xa7\xdb\xdck\xbe\x16\xb7M*\xe1\x88ic\xd3\xcb*\x16^\x03(\xceS\x80\t\xc63^{yg\xf1KO\xbb\xbc\xf1.\x93\xad\x04\xd4\xb5\t\x16\x7f\xb5\xc2\x00x\'\xc8%\x86x\xcf\xa9\xef__x\xf6\xff\x00\xc2\x82i\x93H\xb1F\x11\xa9@S\x1c\x1fZ\xf2MWI\xd1uGk3f\x14\xb3\xe5\xfc\xe5\xdd\xfc\xab\xd3\xc1\xe7U\x95\xb9\xd9\xc3\x8c\xcaiMsEZ\xc7U\xff\x00\x04\xfc\xf8\xbb\xe2\x1f\x12\xfco\xd1\xbe\x1ck~\x10\x8a+\x8dC\xc5\x10\xde\xc3"\xb9\x89#\x95\x1f\x07n\xcc\x1f\x99\x0b\xa9\xe7\x8d\xdc`\xe0\x8fd\xfd\xa4\xff\x00l\xef\x1f\xe8_\xb4\xa7\x8a\xff\x00g\xff\x00\x0c\x16M/T\xd6\'\xbf7\xb6\xea\xed\x1cV\xd3B\xd1\x08\x19\xb3\xbb\xcb3\x88\\\x95#&amp;%\x1d\x0b\x03\xf3~\x8f\xff\x00\t\xa7\x81\xbe&lt;\xf8s\xe2o\xc2\xb8\xed\xe3\xd4,\x84\xb7R&lt;\n\xea\x08\x89\x0bH\x15\x0f\xca\x0f\x96\x1d\xb0\xa3\x1f-zg\xec\x81\xe1\x0f\x13~\xd0_\xb4W\x86&gt;,\xd9)\xb1\xf0\xf6\x81zb\xd5\xadu(\xc6u;h\xa3\x9eVG\x07\x8d\xc1\xc8p\x83\x8c! g\x06\xbe\x9e\x15\xa9\xd7\xa5\xce\x9e\xa7\xccU\xc3:2w\xd8\xfdx\xff\x00\x82\x1c6\xb5\xe1\x8d\'\xe2\x7f\xc2\xfd^;\x94K]SI\xd6m\xc5\xdc\x85\xd9\xcd\xe5\x99I\x1c1\xf9\x8a\x17\xb6\xf9A\xce\x00\xc6q\x8a\xfb\xda\xbf=\xff\x00\xe0\x87\x7f\x11\xf4\xff\x00\x8d\x1e?\xf8\xf1\xf13M\xba\x96X?\xb74\x8d2\x13,a6\xac\x11\xdd\x1d\xa0\x0e\xc0H1\x9eq\x8a\xfd\x08\xaf\xaf\xc06\xf0p\xbfc\x80(\xa2\x8a\xeb\x00\xa2\x8a(\x00\xa2\x8a(\x00\xa4n\x9f\x8d-#}\xd3\xf4\xa0\x0f\xe6\xf3\xc7\xde#\x9f\xe1\x87\xed\xb7\xf1\xab\xf6k\xf1=\xa5\xeaX\xdex\xfa\xfdbCx\xcb\x06\xd6\x90\xb2"\xc6~O\x986Mh\xfe\xcd~\x1d[\xef\x8bz\xe6\xa9\x05\xcd\xc3\xc3am,\x11\xde\xc27\x08\xa3\xdaIE\t\x98\xdb\x8e8$g\xa1\xa9\xff\x00\xe0\xa3\xdf\t\xb4\xbdw\xfe\n\xff\x00\xf1V\xd3\xc4"\xe1\xade\xd7\x92\xe7\xca\x87\xab\x16\xb5\x81\xf3\xc7O\xbd\xfaW\xb0|-\xd4~\x17|\t\xd2\xed5m&lt;\xc1\xa5\xe9v\xb6\xfb\xe4\xb7\xbd\xe7\xcf\x95\\\x90_\xfd\xae\x9cW\xe6\x99\xe6"4\xb1\xb2\x82\xde\xefC\xdc\xcb\xb0\xcat\xf9\xeez\xa7\xedu\xe1]7F\xf1[j\xfe\n\x8a-V(e\xf2\x9e\x1bx\xc2M\x10\x1fx\xc8\x1f\x05\x9b\xaeI\xeb\xde\xbe~\x92\xe7\xc4\x17\x9a\x94\x82\x1f\x06\x08\xe3\xb9\x7f\xddnP6\x81\xdf\xf1\xa8~+\xff\x00\xc1S~\x01x\x7f_\x92\xd7^\xd55[\xd1n\xe5^Xm\x13l\x88=\x08|\x9f\xc4f\xb3|/\xff\x00\x05N\xfd\x8c\xfcYx\xb6vZ\x8c\xf6\x92I\xf2\xa7\xdb-H*O\xfb]+\xe5\xaa\xe015}\xf5\x13\xea0\xf8\xeaT\xa3\xca\xce\xb1\xff\x00\xb7\xfc@\x13I\xd5\xfc=i\x15\xb6\xcd\x80\xca8C\x91\xcf\xe3\xfd+\x0b\xe3/\x815\r\x1bH\x82($\x86P\x92\xfe\xe8\xc0\x9c\x0c\x81\xc6q^\x8d\xe1\xef\xda\x13\xc1\x9e$\xd3M\xb6\x94\xb6z\x85\xab2\xb2\xcad\x04\xe0\xe7\xa7\xe5Y\xbf\x14\xbe$xbO\x08\x8b\x1bk\x14\xb5&amp;B\xcd)9\x18\xf4\xaeI\xd1\x9c}\xd7\xb9\xd5\x1cU9\xeb\xd0\xf9c\xc4z\x07\x8b\x9a\xd6\xe2\x184\xecH\xd9`q\xd6\xb9-[\xc0&gt;%\x8aX\xa5\xba\xb0}\xee\x01\xf9k\xb9\xf8\x97\xfb~|\t\xf8_\'\xf6E\xee\x8fu\xa8\xde@\x84\x7f\xa3\x85\xc1o\xa9 ~u\xf3\x87\x8d\xbf\xe0\xa0\xff\x00\x11|w\xac\\K\xe0?\x86\xce\x90;\x11\x04\x82"\xcc\x07\xfc\x000\xae\xfc&gt;K\x8b\xab\x0ee\xa2\xf3919\x8d\x18{\xabS\xe8\x1f\xd9\xeb\xf6~\xd2\xff\x00h\xcf\x19\xc9\xe0+\xbdf\xf7F\xd4\xe2\x85\xef#\xbe\x8cp\n!b\t?3(\x00\x96\x00\x1f\x94\x1a\xfac\xc1\xff\x00\x00~&gt;\xfc\x04\xf0#\xfc;\xd44\x8b5\xf0\xf7\x89.\x99\xe6\xf1\x0e\x8f\t\x84H\xb22l\x12\xc4\xc1]7\xb2(W#\x04\x9cg\x9a\xf8\x9b\xf6Q\xfd\xaf~,xK\xc7\xb6\xda\xb7\x8c\xfc\x0f\xb0:2Myo\t2%\xbc\x83l\xa1\x87\xfb\x85\x87\xe3_\xb5\x9f\x06a\xf0\x9f\xc4/\xd9\x8e\xf3\xc3~"Hu6O\rM-\x95\xd6H\xdeQ\x92H\xd7\x9e\xe0\xfc\xdf\xf0\n\xfa\\\x1d9\xe1\xe9{94\xdf\xa9\xf38\xca\x90\xaa\xf49\xdf\xf87c\xc3\xfa\xc7\x85\x1b\xe3\xbe\x81\xaa@\xc8\xa9\xe2\xdd:XwG\xb7r\xb5\xbc\xaa\x0f\xbf\xdc#&gt;\xa0\xd7\xe9u|#\xff\x00\x04u\xfe\xcc\xd1|i\xf1r\xc9\x96;W\x91\xf4\x19\x1d\x19\xb1\xbaC\x15\xd8$g\xf0\xaf\xbb\xba\xd7\xdf\xe0?\xdc\xe1\xe8x\x92\x8f,\x9a\n(\xa2\xbb\t\n(\xa2\x80\n(\xa2\x80\n\xf2o\xda\xa7\xf6\xcd\xf8-\xfb!h\xbaf\xa1\xf1V\xfe\xfeK\xbdr\xe5\xe0\xd1\xb4\x8d\x1e\xc5\xae\xae\xee\xd9\x17s\xb2\xc6\x08\xc2(#s\x12\x00\xdc\x07R\x05z\xcd~M\x7f\xc1x\xfc\x1f\xad|@\xfd\xa9\xbc/\xa4\xda\xdf^C\xfd\x9b\xe0\x9by,d\xb4\xbax\xde\'\xb8\xbd\xba\x122m#\x93\xe4F\x0f\xd0W\x16c\x8bX\x1c\x14\xeb\xff\x00*:pxg\x8b\xc4\xc6\x92\xeax\x1f\xedO\xf1S\xe1\xcf\xed-\xfbtk\xff\x00\x1f&gt;\x17X\xea\x16\xd6\xba\xb461\xcd\x06\xa7b`\x99.R\xd9"\x95Y\x1b\x90&gt;E\xe4\x1e\xf5\x81\xfbE\xda\xf8\x0fB\xf0\xd4z\xaf\x8d\xad\xaenl\xc0\xf3a\xb7\x89\xc2) q\x92~\xf7\xe4+\xb2\xf8\x99\xf0\xf6\xdb\xe1\xd6\x8f\xa1\xe9\xaf\xae\xbe\xa1{q\x16\x9e`\xbc\xb9T[\x89Y\xe3Vp\xc5yl1l\x12&gt;\xb9\xad\xef\x8e\xde\x01\xf0\xaf\x8a|#\xa2\x9ds@[\xb8a\x8c}\xba&amp;}\xa2E\xef\xc7A\xf8b\xbf\x16\xc6\xe6\xb1\xc7c\xde)\xe8}\xb5,\xbf\xeat\xfd\x92\xdc\xfc\xef\xf1\x9f\xc4\xff\x00\x80\xba\xc4\xc6\xf6\x7f\x87\x1au\xb5\x84*\xc5\xae\xef\x0b\x05\xeb\xdc&amp;\xe7\'\xdc\x80\xbe\xe6\xbc\xfb\xc4\x1a\xb7\xec\xc7\xe2]jM\x1b\xc3\x7f\r"\xbch\xc2I%\xd7\x87/\xe4%Q\x9dA\x90\x86\x8b\x03\x1d:\x8eZ\xbe\xb7\xf8\xdd\xf0G\xf6i\xd5\xa4\x0b\xf0\xd3\xe1c\xe8\xf7_g\x92\xde\xfakK\x86\x9c\xcf\x03\x02\n\xb2\xcaH\xe9\xd3\x18\xc5y\xe7\xc3_\xd9\xcf\xc2\xff\x00\x0b\xde]/\xe0\xef\xc3\x8b\xe0u`!\xd4\xe5\xb9m\xad$a\xc3\x01\xf3n\xc0$\x02pGA\xd2\xbd\xfaY\xb6\x01\xe1\x9a\xe6|\xde\x87\x04\xf2\xda\xee\xaf2\xd8\xef\xbfb\x7f\x872\xf8\xad\xe7\xf0\xbf\x82\xb5\x99\x99mm\xcd\xd4p_\x00XB\xbc\x13\xb8u\xfb\xd8\xfc+G\xf6\x9b\xbf_\x87\x16RE.\xa2o\xc1\x84\xb6\xd5\x93\x91\xb8\x1c\xa8\x00u\x04W\xb7~\xc9?\xb37\x8a|\x08\x9a\x9f\xc4x\xb4\xef\xec\xb8\xc5\x84\xb6\xe2\xd2\x16\xca\x88\xdc)\xe0\x9c\x93\x92\x0fz\xf0\xef\x8a\xdf\x0cg\xd7\xfcgua5\xf3\x07\x99\x1d!v\xc3\x18\x89=px\xaf\x9a\xabV^\xdf\x9e:\x9e\xa5&lt;#\xf6|\xa7\xc4q\xfc?\x9b\xc5\x1a\xad\xbe\xa9m\xe0\xef\xed\x8dGS\x94\xbcp\xcb!+&amp;X\x801\xc61\xd0\x81\x91\xfe\xd0\xab\xbe$\xf8\xddy\xf0\xc4\x1f\x84\x90|*\x8a\xc3_\xb6\xbe{\x0b\x8d="\tq\x0c\xe0\xe0\xb1\xf9\x8a\x14=\xb1&amp;y\x1fZ\xfa\x1b\xc0\xff\x00\x0e|\x7f\xf0\xd3R\xd4&lt;-o\xe1K\rb\x17|Z\xde\xce\x1a9mGR\xb1\x14a\xb0\x13\xc9\xeb\xd6\xb0\xfe%x6\xef\xc7\xfa\xb0\xbf\xd5&lt;\x19\x1a_\xc5(i\xae\xae\x113\xbdz6v\x82\xc4c\xae{w\xaf\xa4\xc2\xe7\x98HS\xe5\xad\x1b\x9ed\xf2\xaa\xb3\xa9\xa1\xe3\x7f\n\xfe5\xdc\xeb\xfa\xaf\xd8l\xd2[+\x87\x98nY\xe0\xcb\x8errs\xb7\x1fBk\xf6\xd7\xfe\tO\xe2\x9f\x10|O\xf81s\xe1\xedz\xfe\x1b\xc9\xac\x12F\xb4\x9a\x18~\xeayL\x1fwN0k\xf2\xdbI\xf89&amp;\x8dd\x93E\xa1\xdb,d\x8d\x9b \x1b\x81\xf5\xc9\xaf\xb8\xff\x00\xe0\x8e\xbe#\xf1\xb7\x83\xfe4\'\x84\xe4\x9a\x7f\xb0\xdeD\xf1\\\x93\xca\x15a\x9c\x11\xee@\x15\xcd\xfd\xa3\x87\xa9\x89n\x8cls\xe2r\xe7J\x93\xbe\xe7\x87\xff\x00\xc1C~&amp;\xf8\xe7H\xf8\xf7\xe2\xcb/\x08\xf8\xafP\xb2\xd2|5c\x1c\x86\xcf\xc3\x9a\x8b\xd9\xbd\xf7\xd9\xd4~\xf1\xc2\x9c\xb0\rt\x10z\xe4\xe3\xa5~\x9f\x7f\xc1\x00\xbfh\x8f\x88\xbf\x1b?d[\xdf\r\xfcS]D\xea~\x1c\xd5\x91\xec\xe4\xd4\xf5\x07\xba\x98\xd8]D%\x85ZG%\x98\xab\xac\xcb\xc9&lt;\x00+\xf23\xe3\x94\x89\xf17\xfe\nK\xf1\x8f\xe1\xbd\xf5\xad\xd2]\xdb_E\xa6[2\xcc\xbeDp\x1f\xdem\xc6\xdc\xe0\xb1C\xc9\xfe\x1f\xa6?V\xff\x00\xe0\x83\xb6\x92i\xba\x1f\xc4=\x15\xd8\x13\xa6\xdb\xe8\x96S\xec\x18Q&lt;o\xa8\xef\xc7\xb1\xca\xb0\xcf8a_i\x93c\xa7,b\xc3\xc9\xf493\x0c\x1d:8\x18T[\xb3\xf4\x16\x8a(\xaf\xad&lt;\x10\xa2\x8a(\x00\xa2\x8a(\x00\xaf\xcf\xbf\xf8.\x0f\xc3\x8b\xdd*\xfb\xe1\xc7\xed\x11\xa3\xc5(\x16\xf7\xd3\xf8kV\x96?\xba\xabp&lt;\xfbWo@\xb2\xc7*\x83\xeb6;\xd7\xe8%y\xcf\xedi\xfb&gt;\xe8\xdf\xb5\'\xec\xed\xe2\xaf\x81\x9a\xcc\x91\xc3\xfd\xbb\xa62X\xdd\xc8\x99\xfb%\xe2\x11%\xbc\xe3\xbf\xc9*\xa3q\xce\x01\xaeL~\x15cpU(?\xb4\x9a:0\xb5\xde\x1b\x13\x1a\xab\xa3?\x1c\xe3\xf8Y\xe1\x1f\x17_x\x97\xe2\'\x89uG\xb9\xf1\x1e\x9dg\r\xc6\x91\x14\xf2am\xe3\n\x1b+\xb7\x1d3\x8f\xc2\xbd\xdf\xc3\xff\x00\x0f\xf4\xdf\x88_\x0f\xd2K\xe8\x8c\xd2\xc5m\xb8\xed~6\xe3\xaf\x15\xe7\x83\xc0z\x16\x99\xa9\xea\xdf\x0f~3\xf8i\xf4\x8f\x1bik\xfd\x9b\xabXG\x02\x99\xedB\xe7\x13F\xc0a\xe0\x91He\x7f\xbaT\xfa\xe4V\xdf\xec\xdb\xf1\xc6O\t\xe8\xb3hW(\x1f\xfe%\xff\x00e\x96\x19"9\xc0\x1br\x0f\x7f\xad\x7f&lt;cp\x95\xb0\x18\xc7Fj\xd6?A\xa7\x8b\x867\xdfG\x9ax\x83\xe0\x7f\x87\xe7\xd5\xe5\xb2\xd1\xed]\xa6,|\xe4\xc1 \x0fl\xf6\xab\x96_\x0e\xb4\xef\x08i\xb1]kW\xb6\xd6\xd1$\xc0\xac*\x07\x98\xc0\x03\xd1W\x06\xb3&gt;1\xfe\xd3z?\x81V{\xdbC\x1c\x13\x86"6F\x04\xc8O\xf0\x8cu\xaf8\xf0W\x8a~$x\xd3_\xb5\xf1\xc7\x8d\r\xdcvwl\x05\xbcN\x9f+\xc7\xb8&gt;\xd6?\xc3\x90\xa4~4\xa9a\xeaU\xac\x94es\xadN1[\x1f]\xe8\x9f\x12\xfc4\xff\x00\x08-\xfc5\xa1_\t53\x197P,\xa3tJ\xc4\xed\xde:\x8e\x17?\x8d|\x87\xf1"?\x10x{\xe2]\xe5\xed\xdaaz\xc4\xe0v\xe3\xe6\x07\xb79\x1f\x85t\x97\xbf\xb6\x97\x8b\xfc\x1f\xac]\xe8\xfe\x16\xfd\x8du{M\x04\xdc\x04\xbb\xd7\x96\xcf\xceV\x03?\xbc\xca\x82\xe1z\xf3\xd2\xbc\x9f\xf6\xa1\xfd\xbc\xfe\x194\r\xac\x9b;\x02\xd6p-\xb1\xb6\x8b2y\xbf\xc6\x14\xe7\xe7\xdd\x96#\x1e\xd5\xed\xc7-\xc4\xca\xa2\x84\x19/\x13\x1am\xb3r\x1f\x1e\xf8W\xe2?\x8e\xa6\xd14Y\xe6\xb4\x9e\xd2\x00\x8du/\xca.\x1fh$\x8e\xc4\x02q\xf8Wa\xe2?\x85\xeb\xa9\xd8\x1b\x99/c\x9f\xc9\x8b-*\xa2\xefN;`W\xca\x9e\x0c\xfd\xa7\xee\xbe%j\xba~\xa8\x9f\xb3\xad\xc6\x8f \xbe\x86h\xb5YX\xa4)\x02\xb7#i=\xc0\x07\xf1\xafj\x87\xe3\x06\xbb\x0cR]\xddb8\xae\xc8\x88\xdd\xa3ab\xc8\xe3\x8f\xa5r\xe6XJ\x98I(\xc9\xfb\xc4P\xc6*\xb2m\xab\x1d\x8c~\x1a\x86\xde\xc3/\x12\x91\x81\x86#\x80O\xb5{\xef\xec9\xa57\xc2\xaf\x1e\\x\xe3W\x9d\xe0\xb76\xac!\xc8\xc2\xc9\'\xf0\xf5\xaf\x98c\xf8\xa9\xa7#F^B\xca\xea\x9ej`\xe01#\x15\xf4\xe7\xc1Y$\xfd\xa1\xb4\xef\ni\xfa\x0bL\x91iZ\x8f\x9d\xab\xa4\x19\x00@\x83\xef1\xf7$\x0fzYj|\xfa\xef\xa1\xe6\xe6\xd5\xa0\xe8;\x1f\x10\xd8x\xb7\xc6~9\xff\x00\x82\x9c|Y\xf8\xb5\xe1o\x0e\xc7\x1e\x87&gt;\xad\r\xb6\xaf3s\xb6\xe7h\xd8\xc3\xea\x15\xab\xf6\xbb\xfe\x08\x9f\xf0\xd6\xeb\xc3\x9f\xb3w\x88~*j6\xad\x14\xde9\xf1\xad\xdd\xe4\x00\xae\x01\xb6\xb7U\xb5B\xbe\xa0\xc9\x1c\xcc\x0f}\xd5\xf9\xaf\xff\x00\x04\xed\xfd\x8a\xfe\'\xfe\xd3_\xb5\x7f\x8e|+\xe1;\x87\xb2\xf0f\xa5\xe2\x19o|_\xafG\x16Z\xca4\x95\xe3\xf2Q\x88\xc7\xda$E\xda\xaa~\xe0%\xfbs\xfb\xbb\xe0_\x04\xf8_\xe1\xb7\x83t\xbf\x00x+H\x8a\xc3H\xd1\xac"\xb3\xd3\xac\xa0\\,0\xc6\xa1UG\xe0:\xf7&lt;\xd7\xeb\x99.\x02q\xc4\xbc\\\xba\xc5%\xfa\xb3\xe5\xb1\xb8\xff\x00\xacQ\x8d%\xb25h\xa2\x8a\xfas\xcb\n(\xa2\x80\n(\xa2\x80\n(\xa2\x80&lt;\x0b\xf6\xdc\xfd\x88to\xda\x7fI\xb5\xf1\xa7\x8358t\x0f\x88:\x14L\xba\x1e\xbea\xdc\x97\x11\x1eZ\xce\xe9G2@\xff\x00\x9a\x13\xb8w\x07\xf2KQ\xba\xf1F\x85,\xd1\xeb\x96+g\xadG%\xc5\xae\xa5o\x0c\x9c[\xddB\xec\xb2G\xeb\x8d\xeaE~\xf5\x11\x91\x8a\xfc\x80\xff\x00\x82\xa2x\x0e\xcb\xe1?\xed\x9f\xe2]&gt;\x1b!\x15\xaf\x8c--\xb5\xfd=\x94`,\xb2f;\x81\xf52\xc4\xcd\xff\x00\x03\xaf\x82\xe3\x9c\xae\x8dl\x07\xd7#\x1f~6\xbb\xee\xbf\xe1\xcfo$\xc4\xca\x9e)S\xbe\x8c\xf8\xcb\xe2\x06\xb9/\x86|S\x07\x89&lt;R\xaa\x92C/\xee\xd1\xc0x\x97\x8f\xe1\x1f\xc4~\x95\xdc\xcb\xe3_\x0b\xe9\x7f\x0c,\xfe \xf8\x9f\xe2&gt;\x95\xa5\xc3,\xdf-\xb5\xfd\xca\x99\xe7\x00\x1f\xb9\x10%\x97\x19\xea@\x14\xdf\x1axGE\xf1\xc6\x8b%\x9e\xb1`$u\x1f\xbaV\xe0\xee\xf5\x15\xc5|D\xff\x00\x82kx\x17\xe2\xecZ.\xb5m\xe2[\xbbIm$S\x7fiu90K\x17\xde$\x81\xc8\xc6\xd0\x0e\x079\xaf\xcer\xa9\xe1\xaa\xcd*\x8f\x94\xfa\xca\xf2\x9b^\xe1\x87q\xfbe\xfc-\xb3\xd4\x85\xa5\x97\xc5\xb3:\xbeK\xa5\xc0.Xg\x03\xdb\x03\'\x8e\xa7&gt;\xd5\xc1\xf8\xef\xe2\x97\xec\x7f&amp;\xa9\'\x8c\x9e\xd3K\xd4\xb5\x99\xf3\x9b\xbf\xec\xff\x00(\x87\x19\x18\xc1\x03\x1c\x01_D\xf8\xc7\xc2&gt;\x15\xf89&gt;\x9b\xa4h\xdf\x0c|\'\xad\xd9\xa5\xb2\x18\xa6\xd3,\xc6\xe6\xc1\x0b\xb0\xa4\xbbI#\xae{\xee\xa3\xc6\xda\x87\xc2]{\xc1\xa0j\x9f\x07\xc6\x9b\xadZ\xca\xcdw\xa5\xff\x00cyE\xe2`\xac$V\xc1L\x8d\xb8\xfb\xdd\xcd}\x85\x0c5\nO\x9a\x13\xba}O&gt;K\x1a\xd6\x8a\xe7\xc6W\xbf\x1a~\x19j\x9a\x8f\x99\x7f\xe3X,\x14\xc8&gt;Y\x15\xb6\xc6O \x0c\x0ct\xc5O\xac|B\x9fBm:\xcf\xc3\xdf\x14\xb4_\x11\xd9\xea\xb8ago8w\x84\x93\x80\x19G*q\x8e\xb5\xe8&gt;9\xd7\xb4\xef\x8a\xde\'\xbf\xf0\x86\x91\xa1\xe9z=\x96\xb4\x8fmw\x01\xb3\x8d\xa4\xf2\xdcmo\x98p\x08\\\x01\x8e\x84c\xdc\xcb\xf0\xab\xf6N\xf0\x87\xc1\xed2s\xa5,\x17\xbee\x98\x17s\x88\xf6\x8d\xeb\xd9C\xe0\x93\xc7j\x8c]&lt;\x04h\xb9M\xdeF1\xfa\xda\xa8\xb9\x95\x88\xbc\x0b}\xa8_x\x05\xb5}`2\xb3D\xe6%a\x86\x05A\xc7\x15\xed_\xb0\x9f\xc7\xdf\x13\xfc:K\xfb\xc4\xd4\xa4\x8a\xde=.\xed\xef\xe3\r\x9f9\x16&amp;a\x9f@\xa4\x03\x93^\x1b\xe2\x9dj;\xcdfm&gt;\xca3\x02g-\x1a}\xd8\xb1^\xcd\xfb\x10|%\xbb\xf8\xbd\xe3k\xaby\xe5\xf24\xdd9\xacd\xd4Q83E6\xa1kn\xd1\xff\x00\xc0\xc4\xc4\xfd\x10\xd7\x89\x97a\xd5|tTvfy\x8c\xff\x00sf~\xe7\x7f\xc17~\x11\xa7\xc1\x9f\xd8\xb3\xc0&gt;\x1b\xbb\xf0\xecZv\xa9{\xa1G\xa9\xeb\xa8\xb1\x05\x92[\xdb\xac\xcf#\xc8z\xb3\xe5\xc0$\xfac\xb5{\x95Gim\x05\x95\xacvv\xd1\x84\x8e$\t\x1a\x0e\x8a\xa0`\x0f\xc8T\x95\xfb|"\xa1\x15\x15\xd0\xf9 \xa2\x8a*\x80(\xa2\x8a\x00(\xa2\x8a\x00(\xa2\x8a\x00+\xf3[\xfe\x0b\xc9\xf0\xe6\xf7W\xf1\xb7\xc3\xff\x00\x19\xe9Q\x91pt\x1dN\xdc\xba\x0e[\xc9\x96\t\x15\x7f\xf2+~u\xfaS_\x14\x7f\xc1e"\xb6m\x13\xe1\xbc\xb2\x90\xad\xfd\xb7{\x18c\xfd\xd6\x86,\x8f\xd0~U\xe2q\x1c\x15L\x92\xba\x7f\xcb\xf94\xce\xac\x14\xb9qp~g\xe5\xbf\x87|N\xda\xacQ\x99\xf2\x8e\xa4\x80\xad\xd4\xd7\xb7x&amp;\xc6\xe2\x1d\x115\x1b\x9bR\xad=\xb8L\x06\xc8+\xff\x00\xd7\xaf\x0c\xf1\xce\x89{\xe0\x1dn\xe7R\xb0\xb2\xf3l\xe4\x99\xbc\xa8\xd5\xb7c\'\xefz\x8f\xce\xbd\x7f\xe0\x1f\xc4\xcd\x07\xc4\xba\x18\xb6K\xc0\xf3[\x95Y\x11\xfa\xa0\xef\xc15\xf8\x1d:S\x8f\xc2}\xfa\xa8\xacp\x9f\x1f\xbe\x13j^)Cu\xe1\xed2\xea\xd6\xe1Fb\xba\x88\xe4\x02\x08\xed\x91^+\xe2\x9f\x86\x9f\xb4\x9e\xa9y\xf6{\x8f\x1d\x90\x9bJ\xf9\xd3\xd8\xc9\x9d\xa0\x01\x8c\xef9\xfc\xab\xee\xb1\xe2\xaf\r_\\\xbd\x85\x9f\xd9\xccX!\xe4\x95~\xe1\xfc}\x7f\xa5r\xdf\x13\xa4\x8a\xe3Bw\xd3\xb5\xabH\xbc\xbc\x94X\xd1Is\xf8\xd7\xb7\x86\xc4\xe2)\xd2\xe5e\xb6\xf9t\x91\xf1\x8f\xc3\x9f\x80w\xfe\x0b\xd4\xdbZ\xd4\xe2\x9a\xfa\xe5\x9bs\xde\xcd\x84L\xff\x00\xb2\xb5\xdc\xea\x1ad\x8dj\xeb\x04\x04\x18\xc6\xe6\x0c\xdf\xca\xba\x0f\x11x\xa2\xc2\xe2\x7f"\xea\xf66\x8e(\xf3&amp;?\xbe;W=\xaak\x89{e-\xc4.\xa9\x18\\4\xd3\xce\xb1\xa2\x0f\xf6\xf29\x1fLVP\x8e&amp;\xbe"\xdd\x0e\x1a\xf5 \x95\xe5-O\x0f\x97B\xba\xba\xd7\xde\x1bh$\x92I/6\xa1Q\xfe\xb7\'\xf9W\xdc\xdf\xb0V\x95\xa3\xfc4\xf0v\xa5oz\x91\xff\x00h=\xde\x9dqw\xb3\x90\xb1\xc1\x7fm#\x0c\xff\x00\xba\x18\xfe\x15\xf1\'\xc4\x0f\xda\x0f\xc2?\x0fu\x98|9\xf0\xe2#\xabk\x92\xe5$\xbdd\x06+|\xf0|\xb1\x8e~\xa75\xf5\xcf\xec3a\xa8\xea\xbf\x05\xf5\x14\xbc\xb6\x98\xea\xf7\x1a&amp;\xa2\xec\xcd6Iak+/_\xf6\xc0\xfc\xab\xeb\xb2\xac4hW\x8b\x97C\xc4\xc67R\x8bh\xfd\xea\x1d?\x1a+\x1f\xe1\xef\x89\xad\xfci\xe0-\x13\xc66\xac\x0cZ\xb6\x91my\x19\x07\xf8e\x89\\\x7f\xe8U\xb1_\xa9\x9f8\x14QE\x00\x14QE\x00\x14QE\x00\x14QH\xce\x882\xcc\x05\x00-|=\xff\x00\x05\xa8I\xe5\xd1&gt;\x18A\x02\x962\xf8\x86\xf9B\xa8\xc9b-\x95\xc6\x07\x7f\xb8k\xed\x9b\xbdR\xce\xce#4\xf3\xaa\xa8\x19%\x8d~L\xff\x00\xc1Z\x7fj\xbdG\xe2\xbf\xed\xc1\xe0\x8f\xd9\xf7\xc2\xef\x1bh\xde\x17\xb3\xba\xbe\xd4&amp;\x0c\x08\x92Yb(\x08\xfad\n\xf1\xb8\x81\xa5\x93\xd6O\xaa\xb1\xd9\x80\x83\xa9\x8c\x82]\xcf\x04\xbf\xd3\x7f\xb4\x1b\xc8\xba\x8bs\xbc\x7f2\x98\xc2\x958\xaf1\xf1\x9f\x80|k\xe1k\xb6\xf1\x0f\xc3\x9dBk\x0b\xe4}\xcf\x16I[\x80;s^\xdb\x15\x90\xb6\x7f2S\xbd\x00\xca\xe5\x02\xf1\xf4\xedU\xa6M"I\x1a\xe6\xee%b\xa31\x80\xc7\xe5&gt;\xb8\xe9_\xcfK\x1b*\x15\xac\xd9\xfa:\xc2\'\x0b\xa3\xe4O\x88\x1f\xb7G\xc4/\x03\tl|e\xa0\x18^,\xac\xdeI\xdas\xd8\x9f\xae\ry\xa5\xff\x00\xfc\x14\xd6\xc8Hc\x92)#\xda\x8c\x1b\xcdv8\'\xa60k\xeb\xef\x8b\xbf\xb3w\xc3_\x8ez|\xbaF\xb5d\xabq\'\xcd\xf6\x94\x89C\x1fL\x91_5|M\xff\x00\x82;\xea\xf1\x87\xd5&lt;=\xe2\xabH\xa1\x90|\xa2~\x08\x1e\xb5\xf6\xb9V/+\xadM{}\xcf\x9b\xc6\xd2\xc7F\xa3PZ\x1eGm\xfbo\xc1\xaf\xeb,\xd1\xce\xf2+\xcb\xbdbP\xc3y\xa8\xfe |v\xf1\xef\x88t\x916\xb1q\xe5\xd9\xac\xb8\xb7\xb0\xd80\xc3\xfd\xac\xf2\xdf\x8ejF\xfd\x82uO\x86\xfe$\t\x7f\xe3\x0bk\x9f-r\r\xbeH\xcdzN\x9f\xfb?h\x17\x17\x16w\xba\xab\x8b\x97\x85\x83\x04&lt;\xa9\xc7\xb5z\xf5\xb1YU\x08\xb7E+\x9c\xf4\xf0x\x9a\xdf\x1a9\x7f\x80?\x0c\xb5Y\x94x\xff\x00\xc5\x12\x13{t\xdb\xac\xd5\xd0b%\xf4\xc7N\x95\xfa-\xfb\x04kv\xd770\xe9\xe4m\xf3$\x10\xb6\x10r\x8e\n\x11\xcf\xa8&amp;\xbeS:dV\xacB\x12\xa3\xf8cA\x80\xbfJ\xfa\x17\xf6\x15\xf1\x07\xd8\xfcl\xb6-\x0by\xd1\xf9s\xc4\x98\xfe\xec\xa9\xf3~E\xb8\xaf\x13\x03\x9bO\x11\x99\xa8\xb7\xa1\xdd_\x04\xa1\x83h\xfd\x92\xff\x00\x82x\xf8\xd6\xdf\xc6\xdf\xb1\xcf\x81.\xd2\xe8I-\x86\x8e4\xdb\x80O)%\xb3\xb4\x05O\xb8\xf2\xc5{U|[\xfb\x14x\xa6o\x86\xba?\x8e4\x9d\x02\xe8\x7fgZ|B\xbf\xfb-\xb0`\xca\x16D\x8aV\x03\x07\x18\xdf#t\xaf\xa9~\x1a|J\x1e7\xb7\x95g\xb3hf\x85\xb0\xea}=k\xf6\x9aR\xe6\xa7\x17\xe4|d\x97,\x9a:\xda(\x04\x1e\x86\x8a\xd0\x90\xa2\x8a(\x00\xa2\x8a(\x02\x0b\x8b\x86L\xaau\x1d\xeb6y\xaeg\x90\xc7\xe6c\x0b\xcd\x14P\x05Yt\xd8\xf5\x1b\x81mv\xc5\xd5Sq\x07\xa5~4~\xd3&gt;\x1a\xb0\x97\xfe\n=\xe2\x8b\xa8!Tq\xa2M\x14d\x0c\x15?i\x0b\x9c\xf5\xa2\x8a\xf0\xf8\x8fL\xa6\x7f/\xcc\xf5ro\xf7\xf8\xfc\xca\xba\xd5\xba\xc5\x1bFX\x9c&amp;:\xd7%\xa9\xdf\x88"hcC\xd0rM\x14W\xf3\x86=~\xf9\xfa\x9f\xa4Qo\x90\xcb\xd4n.\xe0\x83\xed\xb0\\\xb2\x10\xb9\xc2\xd5\x0f\x12\xf8\x87[\xd4\xfc2\xd7\x17\x17\x01\x84Q\x11\xb5\x98\xf3E\x14\xb0\x8d\xfbC\x93\x10\xd9\xf3\xf1\xd3\xe4\xbf\xbf\x9bS\x9e\xe0\xfc\xd3\x95T\xceq\xcdmxB\xc3\xed\xb7\xc6\x17\x93\x85\xe9\x9a(\xafYJK\xa9\x97\xd9-\xea\xf6\xa2\x1b\xa0\xeb\x8f\xa5w\xbf\xb3\xcf\x88ot\xdf\x15\xc3u\xa5\xca\xd0\xb3J\xd1\x12\x0f;\x82\x93\x9f\xa6qE\x15\xe9e?\xef\xf0\xf59q\xed\xfdZG\xe9w\xfc\x137G\xb8\x9f\xf6w:\x90\xb8\x12\x1dKW\xbf\xb8\x91\xe7;\x9bq\x98\xa9$\xfa\xfc\xb5\xf5\xb7\xc1=\x05\xb4\xddR\xeai&amp;\r\xba\x15\x18\x04\xf5\xcd\x14W\xf4\x05\x1f\xe1G\xd1\x1f\x9fO\xe3g\xa7"\xed\x18\xa5\xa2\x8a\xd0\x90\xa2\x8a(\x03\xff\xd9'</t>
        </is>
      </c>
      <c r="M576" s="3" t="n">
        <v>45492.67619212963</v>
      </c>
    </row>
    <row r="577">
      <c r="A577" t="n">
        <v>1843666</v>
      </c>
      <c r="B577" t="n">
        <v>200654</v>
      </c>
      <c r="C577" t="inlineStr">
        <is>
          <t>Kayke Santos</t>
        </is>
      </c>
      <c r="D577" t="inlineStr">
        <is>
          <t>K. Santos</t>
        </is>
      </c>
      <c r="E577" t="inlineStr">
        <is>
          <t>UNK</t>
        </is>
      </c>
      <c r="F577" t="inlineStr">
        <is>
          <t>UNK</t>
        </is>
      </c>
      <c r="G577" t="inlineStr">
        <is>
          <t>UNK</t>
        </is>
      </c>
      <c r="H577" t="inlineStr"/>
      <c r="I577" t="n">
        <v>21</v>
      </c>
      <c r="J577" s="2" t="n">
        <v>39563</v>
      </c>
      <c r="K577" t="inlineStr"/>
      <c r="L577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8c\xe2\xbcC\xf6\x95\xff\x00\x82\x8c\xfe\xc7\x1f\xb2e\xbc\xad\xf1\xa7\xe3n\x91au\x08\xf9\xf4\xe8.\x16[\x81\xea\n\x83\x80}\x89\x06\x80=\xbe\x8a\xfc\x9e\xf8\xe5\xff\x00\x07a\xfe\xc9\x1e\rY-~\x10|6\xd5\xfcI.\xf6X\xaeg\x90G\x19\xc7L\xa8\x19\x19\xfa\xd7\x96xo\xfe\x0e\xf8\xd2e\xd5\x12?\x13\xfe\xcc\xe8-K|\xdfb\xbc`\xe4g\xb6\xe7#\xf4\xabT\xe6\xfa\x05\x8f\xdbJ+\xe0_\xd8\xb3\xfe\x0e#\xfd\x87\xff\x00k\xdf\x18\xc5\xf0\xf2\xee\xe2\xf7\xc1\xba\xc5\xc0\x02\xda-rE1J\xdf\xdd\xde\x00\xc7\xe4k\xefK\rB\xc3T\xb3\x8fP\xd3ob\xb8\xb7\x99CE&lt;\x12\x07G_P\xc3\x82*Zi\xea\x1b\x13QE\x14\x80(\xa2\x8a\x00(\xa2\x8a\x00(\xa2\x8a\x00(\xa2\x8a\x00(\xa2\x8a\x00+\x07\xe2g\xc4\xdf\x04| \xf0]\xf7\xc4\x0f\x88z\xfc\x1an\x97\xa7\xc2d\xb8\xb9\x9d\x80\xe8\t\xc0\xf5&lt;\x1e=\xb3\xc0\x04\xd6\xcd\xf5\xed\xa6\x9be6\xa3\x7fp\x90\xc1\x04M$\xd2\xc8p\xa8\x8a2X\x9e\xc0\x00M\x7f7\x9f\xf0pg\xfc\x15\xdb\xc4\xdf\xb4o\xc6;\xdf\x81_\x06|iyi\xe1=\t\xa5\xb3\xbdKY\x8a\xad\xd3\x83\x86V\xc7^\x80\x9f\xcb$(\xaa\x84\x1c\xdd\x90\xd2=O\xfe\n\x95\xff\x00\x077\xf8\xf3\xc6wz\x97\xc1\xff\x00\xd8\xc4I\xa2\xe9a\xe4\xb7\x9f\xc4$\x0f:p\tRU\x8fE\xfa\x0cs\x8c\x1cf\xbf\x1e|q\xf1\'\xc6\xdf\x11\xfcAq\xe2\xef\x1ax\x9e\xf3W\xd4n\\\xb5\xd5\xed\xf4\xed,\x84\x93\xdc\xb15\x8b\x1d\xad\xee\xb98\xb7\xb7\x84\x9eF\x18\x0e\xb9\xaf@\xf0O\xc2;\t\x10\xcb\xad\xbb\xc8\xc5A\x11n8\xaa\xad\x89\xa3\x84\x8d\xce\xdc\x1e\x03\x13\x8d\x95\xa0\xb4&lt;\xed\xa5\xd4\xa6\x93\xcc\xb6W?A\x9a\x89\x93Q\x8c\xe6@\xc3\x9e\xad_D\xf8o\xe1\xee\x8fh\xca\xb6\x9aBr;\xa6s[\x1a\xaf\xc2\xcd6\xe6\xd8\xcd/\x87\xad\x8fv&gt;@\xff\x00\n\xf2\xa7\x9eB2\xd8\xfa\x18p\x9di\xc6\xfc\xd6&gt;h\xb0\xd65}&amp;\xe5n\xecuYa\x966\x0c\x92B\xc5X\x11\xd0\x83\xd8\x8a\xfa\xa7\xf6&gt;\xff\x00\x82\xcc\xfe\xdc\xdf\xb2?\x89`\xbf\xf0\x7f\xc7-oS\xb1\x8c\x8f\xb4i:\xcd\xf3\xdc\xc1"\x0e1\x89\x0b`{p=\xab\x82\xd4\xfe\x1eh\xcd#C\'\x87-B\x00G\x11\x00\x7f:\xf3\xef\x15\xfc0]73\xe9e\x8f\'*ON\xf5\xd7C3\xa1_\xddg\x9d\x8b\xe1\xfc^\x15s\'t\x7fN?\xf0J?\xf8.\xbf\xc0\xbf\xf8(\x1e\x93\x07\x81&lt;q5\xaf\x85\xbc}\x0cJ%\xd3\xe6\x98,\x17\xa7\x80Z"O\x04\x928\xe8I\xed\x90\x0f\xdf\x15\xfcCx\'\xc6\xfe1\xf8]\xe2\x8b/\x13\xf8sT\xb9\xd3\xef,\xae\x16[y\xe0r\x8c\x8e\xa4\x1c\x86\x1c\x8e\x95\xfd@\x7f\xc1\x07?\xe0\xa80\xfe\xde\xbf\xb3\xff\x00\xfc!\xfe;\xd4\xe2&gt;2\xf0\xac)\x15\xd0i\xb3%\xd5\xb8\x18Y\x0f\xa9\x18\xeb\xdc\x7f\xbaMu\xd4\x82Z\xc7c\xc4\x94%\x1d\xd5\x8f\xbeh\xa2\x8a\xc8\x80\xa2\x8a(\x00\xa2\x8a(\x00\xa2\x8a(\x00\xa2\x8a\x0f\x034\x01\xf0g\xfc\x17\xc7\xfe\n\x1bc\xfb\x16~\xca\xb7\xde\x15\xf0\xf6\xad\xe4x\xa7\xc56o\x16\x9c\x14d\x84\xe4~\xa4s\xec\xa4\x7f\x15\x7f/0X\xea&gt;1\xd6.5\x8dfI$y\xe6g\x99\x9d\xc9,\xc4\xe4\x9c\x9eM~\x9c\x7f\xc1\xd2\x7f\xb4\xbe\xaf\xf1C\xf6\xc9?\x04R\x18\xd3M\xf0\x8c\t\x12\xc8W\xe6/\xb7\xe6\x00\xff\x00\xbd\x92=\xc9\xaf\xce\x0f\x0bF\xa2\xc60z\xf7\xe7\xaf&gt;\xb5U\xa6\xe8P\xba\xdd\x9d\xf8\n\n\xb5e}\x8d=\x1fD\xb4\xb0h\xa2\xb6\x81S\x18\x03\x83\x9c\xfdk\xd2&lt;\x11\xe1\xdf\xed\t\x94yg\x1b\xb0Nz\xd7\x1b\xa6\xa4\xafp6\x01\x8c\xfas^\xa9\xf0\xb2\xd2\xe02\xa8\\\x12~S\x8fz\xf9,}Y\xc9j\xcf\xd2\xb2\x8c5(l\x8fH\xf07\xc2\xd8f\x92\'6\xbb\x8e9\x18\xae\xd7[\xf8_g\x16\x9b\xb6\x0b \xac\xab\x9f\x98rj\xef\xc3\xdd3R\x828&amp;\xc8\x00\x8e\xe2\xbb\x9d_M\x9a\xf7M\xdbl\x85\x89\xf9q\xfa\xff\x00Z\xf3\xe1M\xc9\\\xfa\x0b\xc5-\x8f\x9a\xfc{\xe0X#\x80\x86\xb4D\x04gv+\xc7|M\xa1-\xa5\xc1\x8bh9\'\x03\x15\xf4\xe7\xc5?\t\xea\xa6\xd4\x91\x13\xa3&amp;AR:\xd7\x82x\xabG\xbb\x8aw\x13\xaf\x04\xf2H\xe4U\xd2\x94\xe9\xd5\xd0\xe5\xc4\xd3\xa5R\x9d\x9a&lt;\xb3\xc5\xbe\x18\xb7\xbc\xb6.m\xf2\xcb\x92KW\xa5\xff\x00\xc1/\x7fk/\x1d~\xc6_\xb5\xaf\x87&lt;q\xe1_\x11=\x8c\x0f\xa9G\x0e\xa0\x8a\xc7d\x90;`\x87\x1d\xc7\x00\xfb\x8c\x8e\xf5\xcckZ|\x9eK+*\xb0q\x8e\x95\xe7Z\xd6\x9f\xa8xw\xc4v\xda\x9a\x06\x8d\xfc\xd0\xc9"\x8e\x84r\x07\xb5}nY\x88u"\xe3&gt;\xa7\xe79\xee\n0|\xf4\xfa\x1f\xdao\xc3?\x1eh\xff\x00\x13\xfe\x1f\xe8\xff\x00\x10t\t\x95\xed5\x8d:+\xa8J6@\xdc\xb9+\x9fPr?\n\xdc\xaf\x91?\xe0\x87\xdf\x1a\xae&gt;5\xff\x00\xc1=&lt;\x1d\xaaj7\xc9=\xde\x99\x1bY\xceQ\xb2x\x01\xb2\x7f\xe0L\xff\x00\x95}w]\x8dY\x9f-\xb0QE\x14\x80(\xa2\x8a\x00(\xa2\x8a\x00(4PFE\x00\x7f&amp;\x9f\xf0]MC[\xd4?\xe0\xa5\x1e=\x1a\xc2\x13?\xf6\xd4\x9b\t|\xee\x04\xe4`~\x9dk\xe7[\x0b\t\xf4\xad:!tT8\x03;8\x0b\xc5~\x92\x7f\xc1\xcf\xbf\xb2\xa4\xbf\x0e\x7fm\xfd?\xe3\x16\x95\xa5\xf9z\x7f\x8b\xed\x92\xe5\xa6\t\xf2\x99\x87\x0f\x92=\xc3q\xfe\xcd|9\xe3_\x87\xf6\xf6\xdadr\xdc\xfc\x91yh\xa0/\x01\xf8\x1f\xce\x8cLS\xa0\xa4z\xd9\\\xd2\xab\xcbmY\xc9\xc5\xac\\\xe9\xf6\xc9{i\xa5\xb5\xc4n\x03y\x91\xc9\xdf\xd0\x0cWW\xe0\xdf\xdaJ\xcf\xc32\xc6\xb7~\x14p\x99\x00\x97ns\xf9U\xfd\x03\xc5^\x05\xf8o\xa5$WZR\xca\xa4\x0c\xc4\xd8#\x8f\xaekF\xc3\xc6\xdf\n&gt;+\xb4\x1a.\x85\xe0\x88\xfe\xdb4\x8e\xab\x1cv\xec[*\x07&lt;7\xbf\xa5x|\x94\xa7{\xc2\xfeg\xd7F\xa5zV\xe5\xa9o#\xdf\xfe\x0f~\xd1z\x07\x8fl\xa1\xb4\x8e\xc0Z\x84\x00\x8d\xad\xcb}k\xd6\xe4\xf15\x86\x8d\xa6&amp;\xa6\xb3\xab \x1b\xb61\xe2\xbe$\x8a\x1dg\xe1w\x88S\xca\xb6X\xe1\x93,\n\xbeF\x01\xc1\x07\xd0\x8fJ\xf5\xaf\x16|b7\x7f\x0cm`\xb5VS\xb4\xa9pz\x93\xcf\xf5\xaf2\xac\x95:\x9a+\x1fK\x83\xa9)\xd1nR\xbb*\xfe\xd1\x1f\xb6\x8e\xab\xa7_\xcf\xa3h\xbe\x15\xb7\x94\xaf\xcb\xe7\x14\xcf\xd3\x8a\xf0{\xdf\x88?\x17\xfc{p\xefi\xe1\x05([!\xe3\x88\xa9\x00\xfdx\xaf@\xf0\x8f\x83\xb5\xef\x1b\xeaB\xebH\xf0\xd2_^I!(\xbc\xb6H\xf5\xcf\x02\xb9\xado\xe3\xef\x8f\xb4\xadno\x02\xe9\xbe\x17e\xba\xb5y\x16\xea\x04D\x1eN\xc3\x82r\x14\x13\xf9\xd7\xa5\x87\xb5H_\x94\xf9\xdcl\xa7\n\xb6sk\xc8\xe7\xb4\x84\xf1T:\xa2i\xbe(\xd2\xde(\xe5\x95TI\xb3\xee\x03\xea&gt;\xb5\xe9\x9f\xb4\x07\xec\xe2\xbag\xc0\xdb/\x88\x16\x96Le\x8e\xf1Q\xe4a\x8f\x94\xa9?\x8fJ\xe24\x0f\x88\xe9\xe3\x89\xbc\xcdO`\x9e9\x01t\x03np{\xfd\x08\xaf\xb0~*i\xbaW\xc4\x1f\xd8\xe2\xc5\xf4\xf1\xb9\xaeo\xad\xa0L\x1f\xbb&amp;\x19\x7f\x1f\xbc?*\xf4p2\x8f;m\x1e&amp;j\xa6\xa9EE\xb6\x99\xfaO\xff\x00\x06\xc2\xf8v\xfbB\xfd\x85/\xa5\xbbf\xdbw\xae\xf9\xb1\xa9?ta\xc7N\xdcb\xbfI\xeb\xe6\x7f\xf8$\x97\xc1\xed?\xe0\xaf\xecM\xe1\x7f\n[\x88~\xd2b/|b#&gt;`UB\x0e:}\xd2\xdf\xf0*\xfab\xbbd\xef+\x9f(\xf7\n(\xa2\x90\x82\x8a(\xa0\x02\x8a(\xa0\x02\x82qE#t\xfcG\xf3\xa0\x0f\xe7\xc3\xfe\x0e\r\xfd\xbc.\xff\x00i/\x8d7\x7f\xb3\xd5\x87\x85t\xb5\xb2\xf0F\xb7\xb2\xd7RUo\xb40V\xf9\x836q\xcf&lt;\x0e\x9d\xab\xe2\x7f\x89v+6\x85\xa5Z\xc8\x87k\xc06\x82O`\x00\xafW\xff\x00\x82\x93\xf8\'\xc4\x1a\xa7\xed\x0f\xe3\xaf\x15ZXm6\xbe\'\xbe\xf3\xdc\x7f\xcbO\xdf\xb6O\xe1\xcdyG\x8cn^\xe3\xc2\xbe\x1e\xbe\xb8c\xfb\xcbU\x0c\xde\xad\x81\x9a\xe1\x96+\xdaP\xa9\x18\xee\x99\xf5\x98l\xb9a\xab\xd1\x93\xdaI\x1cu\xbf\xc2\x1dOU\xd6\xa2\xd4\xaf.\x1ex\xe3`\xd0\xc2\xa0p}\xc1\xe0\xd7\xaa\xfc\'\xf8wa\xf0\xdbRo\x18&amp;\x8b\x0cw\xe4\x97Y\xa5b\nn\xea\x02\xa9\x03&lt;Q\xf0\xe2\xc6\xfbT\x8e8\xe0@8\x00\xb9\x1c\x9f\xc6\xbd&gt;\xcb\xe1K6\x8f-\xf7\x885\x16\x1b\x10\x9c\xb9\xe8:\xd7\xccK\x1f]K\x96/C\xef\xa9\xe58i\xc1\xd4\x92\xd4\xf0\x9f\x8a\xfa\xfc\xbe$\xf14\xf7pZ\x88\xc3\xcb\xca\xa7\x00\x92\x06x\xe9Z1iW\x97\xde\x04]9\xe1l+n\x00\xff\x00/\xd2\xaaj1\xe8O\xe3).\x06\xadm\x05\xa4.QD\x92\x8d\xd2s\xcb`\x9f\xf3\x8a\xf6\x88&lt;\x0f\xe0\x97\xf8u\xfd\xb3o\xe2\xc8\x96C\x16\xe1o\x8e\x0f\xe3Y\xd6\xf6\xb2\xb3H\xdb\r\x1a1R\x8bg\x9a|\x0f\xf1\x9d\xdf\x84\xae\xa5\x8eA"\x19\x14\xa0\x92)\n\xba\xf3\xed[\x1e)\xf8s\xe1\xfd~\xe1\xf5\xcd7\xcb\x13\xca\t\x92@J\xc8\xe4\xf2rs\xce{\xe6\xb2&lt;\x1f/\x86m&lt;m\x16uKk\x9bI\xdc\xc7q\nH\x0b!\xcf\xde\xafs\xba\xf8O\xa0j:\x08\xb9\xd2g\x1b\x94n\x8c\x97\xc1aC\xad^\x11\xb4GO\x0b\x85\xad?}&amp;|\xd1\xa9|&amp;\xd0\xf4\x15\x93Q\x8e\x05\x8ew\x04\x96N\x95\xef\xbe\x00\xd6n5\x0f\xd8\xcbQ\xd2\xa2\x972Xjq4o\xb7\x98\x89\xdcC\x0f\x7f\x96\xbc\xff\x00\xe2\x06\x89&gt;\x95\x1b\xda\xc8\x9b\xc6\x18\x02OJ\xec~\x1c\x87\xd1\x7fe\xedq\xe6\x07\x17Z\xb5\xad\xba\xf6\xce\xe1.@\xf5\xc6\x05zYN"\xa4\xb9\xdc\x9e\xc8\xf0\xf8\x87\tF\x1e\xcdEn\xd2?H\x7f\xe0\xdd\x7f\xda7\xc6\x9e(\xd7|W\xf0\xaf\xc7^,\xbd\xd4\xff\x00\xd1b\x96\xd2k\xc9\xcb\x96\x90\x02\xc1Fz\x00\x88\xff\x00\x9d~\xaeW\xe2\x8f\xfc\x10\xe7B\x87\xe1\xcf\xed]\xa6X[^c\xfbJ\xcd\xdaH\xcc\x99;\x82\x95\xe9\x9e\x9f\xbc\xaf\xda\xe5\xe8&gt;\x95\xefa*\xfbj\nG\xc0gxX\xe0\xf3\tS[Y?\xc0(\xa2\x8a\xe9&lt;\x90\xa2\x8a(\x00\xa2\x8a(\x00\xa4a\x91\xf8\x8aZ(\x03\xf9\xab\xff\x00\x82\x96\xea&gt;\'\xf8y\xfbN|K\xf8m\xacY\x18\xe4\x9f[\xbc\x99&lt;\xe4\xc7\xc9$\xacF=z\xe2\xbeb\xd4\xb5(\xe7\xf8a\xa2\xa5\xc4x\x9a\x19\x19q\x8e\x9c\xd7\xf4\x17\xff\x00\x05I\xff\x00\x829\xf8[\xf6\xea\xd5\xa1\xf8\x99\xe0\xadR\xdbI\xf1LJ\xabq$\xdf*\\\x000\t \x1e\xd8\xc8=z\xe79\xcf\xe4?\xfc\x14\xfb\xfe\t\xcb\xaf~\xc1\xda\xae\x85\xe0\x9b\xcdtjQ\xcdn\x93\xcbs\x12a\x0b\xb8\xc9\xdb\xea\x01\xdd\xc9\xc7N\xf5\xe7\xfdYQu%\x1f\xb4}]\x0c\xd68\xa8\xd1\xa5/\x8a:\x1eI\xf0\xcb\xc4\xf6V\x1a|R\x1d\xaaH\x19\xf6\xae\xc3\xc7\xff\x00\x15t\xa1\xe1?\xec\xd7\xd4\xc4R:\x1c\xaa\x9c\xb1\xaf\x0b\xb0\xbb\x9e\xd64\xb7\xb7w;H%G\\w\xc5e|h\xbd\xf1$Q[\xeav\x1a\r\xd1\xb21\xfc\xd3\x0eX\x9fq\xd8W\x83\x1c\n\x95V\xee}\x9b\xcdgO\x0e\x95\x894\xff\x00\x02\xf8c\xc4\xfe \xd9$\x05\xfc\xc9Y\xd9\xdas\x92\t\xfa\xd7m\x17\x80\xe4\xb4\x8f\xfb1\xfcWp4\xdd\xa5#\xb62\xf3\xd3\xd4\x1c\xe2\xb9\x0f\x83\xfe\x19\xf8\x93\xe2\x99`\xbd\xf0\x9f\x87bw\x91\xf6D\x97r\xe1\x98\xf1\xd0\x00}k\xe9\x1f\r\xfe\xc9\x9f\xb4\x8e\xb5\xa44\xe7O\xf0\xdd\xa8#{\xcf=\xc3\x10\x9c\x0e8\\\x83^\x840\xf7\x8d\xacy2\xc6\xdew\xb9\xf3\xf6\x8d\xe1\x1f\nx\'\xc5\xd0]\xc2\xac\xc5\x18\xb38\x90\xe0\xf3\xdf\x9a\xfa\x1b\xc2\x7f\x17\xf4]O\xc3\xeb\xa6Z\xb9\x8ee\x8c\xec\xc9\x188\xaf#\xf8\xc3\xf0\x0b\xe2G\x81#\xb8\xbc\xd4\xf5M\x1e\xed\xa3M\xeemn\x1f9\xf4\xc6\xca\xe4\xfe\tj\x9e&amp;\xbd\x9e\xfa\x1dOD\xb8\x10@\x9f\xba\xb8$u\xcfoj\xe3\xaf\x84S\xd6\xe7\xa9\x86\xcceI\xa5\xcbv\xcfI\xf1\xcf\x89c\xbf`\xe6L\xe5\xceA\xae\xc2y\xf5\x8b\xdf\xd9}\xf4\xad\x02\xcc\xc8\x7f\xb7a\x96g\xcf\xdcP\x8f\xc8&gt;\xb9\xaf\x1b\xbb\xb9\xb9\xbf\xd4d.x\x0f\xf3\x00~\xef\xbd~\xb2\xff\x00\xc1\x0c\xff\x00e/\x06\xfck\xf8a\xad\xd9\xfcN\xd1L\xfat\xd03\xc0v)%\x83"\x827\x828\xdc\xfc\x11]9n\x1a\xcaQ\xee\x8f/\x881\xfe\xce1\xa8\xf5\xb3&lt;\x8b\xfe\x08o\xe0\x9f\x8a\x1e/\xfd\xb44o\x14\xd8X\xdd&gt;\x97\xa5Y\x9f\xb7\xdeH\x0e\xdf\xf5\x88\xe4\x0c\xf1\x8d\xb1\x9e\x9e\xa0w\xaf\xdd\xc1\xd0W\x9f\xfc\x08\xfd\x99\xbe\x12~\xce\x9aL\x9ag\xc3_\x0e\xa5\xb3L1=\xcb*\xefq\x9c\xed\xf9@\x00{\x01\xcf|\xd7\xa0W\xb7\x87\xa3\x1a\x14\x94\x11\xf0\xb9\x8e:Y\x86)\xd6\x92\xb5\xc2\x8a(\xad\x8e\x10\xa2\x8a(\x00\xa2\x8a(\x00\xa2\x8a(\x00\xaf\xcb_\xf88\x93\xc3~\x1d\xf1\xa4\xbe\x1d\xf0l\x8d\x12k\x17z\x1bM\xa7\xb3\x90\x0byRLH\xcf\xe3_\xa9U\xf8i\xff\x00\x07M|J\xf16\x81\xf1\xe7\xc0k\xe1K\xf3\x05\xe6\x8fb]\x08?x\x15\x0f\xb7\xe8w\x1a,\x9e\xe7F\x17\x9b\xdb\xc7\x97s\xf3#U\xbb:&gt;\xa3\xe5^1\x8e\xee\xd9\xf6\xca\x99\xe0\x81\xc7\x1e\xdcW\xa4\xe9\xd7\x1ao\x8d&lt;\x03\xf68\xf6\xb3\xec\xccj\xc3\xbdx\x17\x8c~)Y\xf8\xcfZ}Z\xe2\xcf\xecW\x92\xa87\x10\xee\xf9Cw\x02\xbb\x1f\x83\x1e6)0\xd3%\xba\xcf\xcd\xc1\xcf\xbdxx\xba\x1a^\'\xde\xe5\xf8\xa8\xb9(\xd4\xdd\x9d\xd7\xc3\rz\xeb\xc1^(\x8ak\xac\xdb\x1bn\x04\xaa\xc4\x18\xcey\xc7\x1c\x83\x8f\xd2\xbe\xac\xd3\xbe=\xfc3\xbc\xf0\x94F\xf7\xe2\x0c\xb0\xcb\xcf\xdaaK|\x13\xc0\xef\xbb\x9es\xdb\xbdxf\x9b\xa2xoS\xb8Cwk\xe7y\x8a0W\x1dMv1|\x0c\xd0\xafl\xe3\xb9\x8fl\x0b\xbb\xf7\xa8T\x1c\xf1\xeb\xf4\xc5y\xb4\xa7.f\x9b&gt;\x95%\x18\'\x18\'\xfd~g\r\xf1\x83\xc4\xda\'\x8a/.\x06\x8f\xa8I%\xbb\xb9\xe7$\x97\xcf\xff\x00\xae\xb0\xb4\x94\x8bA\xf0\x83\xc1\xb0\xa3\x1e\x9bG$Wc\xe2_\x03\xe8\xba\x0c\x9eP\xb7\x1b\xb7p1\xc1_Z\xc0}6\x1f\x14k\x11\xf8r\xc9\xd4D\xad\x99e\x07\x84\x03\xa8\xa5B5jT\xe4G&gt;.t\xa8\xd3\xf6\xae\xc8\xe6&gt;\x17\xf8\'T\xf1\xdf\x8c\xed\xb4{X\xd8-\xcd\xc6\xd9\xa4#\xa2d~\x1e\xb5\xfd\x06\xff\x00\xc1 \xfc\x1f\xe1o\n\xfc\x18\x9a\xcb\xc3e\x1cZY\xda\xdbK"\x01\xcc\x9b\xe7g\xe9\xff\x00\x00\xfc\xab\xf0\x83\xc4?\x16|#\xf0\x17N6\xde\x17u\xd4\xb5\xcb\x82R\xde\x05q\xb6 ?\x8d\x88\x1d9\xe0W\xed\xb7\xfc\x10/W\xbe\xf1\x07\xecv5\xedJ]\xf7\x17WH\xf36s\xf3fR\x7f\x9d}&gt;\x1e\x94iF\xc8\xfc\xf37\xafR\xbcy\x9e\xd7&gt;\xe8\xa2\x8a+\xa0\xf0\x02\x8a(\xa0\x02\x8a(\xa0\x02\x8a(\xa0\x02\x8a(\xc8\x14\x00\x13\x81\x9a\xfe}\xbf\xe0\xe4o\x15i\xfe.\xfd\xbd\x97\xc3V\xd3\xf9\xbf\xd9ZM\xb8t\x0f\xc0\x7f-U\x86;`\x8a\xfd\x9c\xfd\xa4\x7f\xe0\xa1\xdf\xb2W\xec\xb1b\xf2\xfcT\xf8\xb5`\x97hH\x1af\x9f \xb8\xb8,;\x15S\x859\xe3\x04\x83\xed_\xce7\xed\xb7\xfbE\'\xedW\xfbb\xf8\xb7\xe3=\x8a:X\xea\x1a\xac\xad\xa7$\xa7\x9f(\xb1 7\xd2\xb9\xb1u=\x9d\x16\xcfg$\xc3J\xb66-\xad\x0f\x12\xf1\xef\xc1(\xf5}\x10jz|%f\x11n\xc2\xae\x085\xe4i\xaak\xfe\t\xd4\xc0I$I#89\xe38\xaf\xaf|7e\x05\xe5\x97\xd9g\x0b\xc7\x1dr[\xff\x00\xad^\'\xf1\xe3\xe1\xc2Z\xf8\x81\xde(\n\xa3\x9c\x8d\xab^.\x17\x19\xce\xdc$}\x9e?-p\x8a\xa9OsC\xe1w\xedec`\xa9k\xe2H\x98\x05\xe9*\x8ek\xd9\xac?lo\r\xcf\xa1\xa3G\xaa\xdb\x85\x85\xb2C\x9f\x98\xf6\xfe\x95\xf1\xe9\xf8isq&amp;\xc8\x1d\x97,v\x85\x19\xa9n~\x10\xf8\xaa\xde\x0f:9N\xd28\\\x9f\xc2\xba\xdd\x1c&lt;\x9d\xd3\xb1\xc1O\x1d\x8e\xa5\x1eW\x1b\x9fB\xfcA\xfd\xaf4m^\xec\x88\xae\x00\x1b0\xa4s\x8f\xa5p2~\xd0\x1a\xf6\xa6\xb2\xe8\x9e\r\xb6dy\xdb2\xdc\xe0\xe4\x8fL\xd7\x97\'\xc3\xed^\tv\xdc1`G,}\x7f\xa5z\xc7\xc0\xef\x87\xa3\xca{\xe7\x85\x99\x13\xb9\x18\xe7\xf1\xa8\x93\xa3\x87\\\xebr\xe9\xfdo0\x9f$\x95\x91kC\xf0]\xccP\x7fokS\x19.\x1c\x12\xcd!\'\x93_\xd0\xe7\xfc\x1b\xe1r\x93~\xc4\x91D\xa0f+\xf0\xa7\x1fG\xeb_\x82\xbe#X\xe3\xb36\xf0\x0f\x950+\xf5;\xfe\x08\x9b\xff\x00\x05.\xfd\x9d\x7ff\xaf\x84p\xfc\x1c\xf8\xc7\xe2\xa5\xd3\xefu{\xc2lZB\x11\x7fvH\xea\xfbW\x9f4u \xf1\xd0\xd6\x99~\'\xda7\xcc\xecrg\xd9|\xa3A*Qn\xcf\xa2\xb9\xfb\x1bEs_\x0f~0|5\xf8\xa9a\x1e\xa3\xe0/\x18\xd9j)$~b\xc7\x0c\xb8\x93o\xf7\xb6\x1c6=\xf1\x8fz\xe9k\xd7&gt;-\xa6\x9d\x98QE\x14\x08(\xa2\x8a\x00(\xa2\x8a\x00\xf3\x0f\xda\x97\xf6\x96\xd2\xbffo\x00\xcb\xe3+\xef\r\xdcjr\x08\xe4h\xe0\x86EA\xf2!bI&gt;\xc3\xa7\x7fQ\xd6\xbf\x10\xbfko\xf8/w\xedY\xfbB\xeb:\xb7\x82\xbe\x1c\xdc\x7f\xc2+\xa3\xc3#\xc6|\xa7\xc3\xba\xe7\xa1E\xe0\xff\x00\xc0\x99\x8f\xbd\x14W\x9f\x8e\xabR\x9c}\xd7c\xec\xb8_\x01\x83\xc5S\xa9R\xac\x14\x9cv\xbf\xf9l|\x1b\xf13\xc6&gt;7\xd7\xee\xa7\xd7&lt;U\xe2\xbb\xbdF\xe5\x98\xb4\xd3\xddL\xce\xc5\x8f$\x8c\x9fZ\xab\xe0x\xfc\xf4[\xa7\xe5\x98\xe4\x92y\xcd\x14W\x9bQ\xb7CS\xdb\xa3\x08G\x15d\x8f\\\xf0c\xa4\xea\x01NQx\'\xde\xb1\xfe-\xe8\x96\xd7\xb1\xb2\xdc\xa8,\x0f\xca\xc3\xb5\x14W\x94\x9bOC\xdf\x92N\n\xe7\x19\xa3xV\xdb\xc8-\x95\xf9[=+^_\x0eC,B\'e*\xa3\xa6(\xa2\xb6S\x9fs\x9aT\xe1}\x8e\x7f\xc4&gt;\x18\xb4\xf3\x96\x15\xc0\x0e\xd8?\x85v\xfe\x0e\xd2b\xd3\xf4U\x8a\x06\xc4j9Q\xde\x8a(\xaa\xdb\x82\xb9xxAU\xd8\xcf\xf1A\x8d!tT\xeas^k\xe2\xcb\xcb\xcdBd\xd3\x05\xcb!\x89\x8c\x918\xfe\x03\x9e\xdf\x97\xe8(\xa2\xba0\xda\xc4\xe3\xc4NT\xea\xa7\x17c\xe9/\xf8%\xb7\xed\xad\xfbD|\x1f\xfd\xa7|/\xf0\xe2\xd7\xe2-\xfc\xfa5\xe6\xa2\x91\xb5\xa3\xcc\xce"\xec\x1d7\x1f\x95\x81?\x8fC\xc1"\xbf\xa7O\x86\xbe/&gt;&lt;\xf0.\x95\xe2\xc7\xb61=\xfd\x8csI\x1feb\xa0\x90=\xb3\x9a(\xafs\x02\xdb\xa6\xcf\x96\xe2\xeaT\xe3R\x8c\xd2\xd6I\xdd\xf7\xd8\xdd\xa2\x8a+\xb4\xf8\xe0\xa2\x8a(\x03\xff\xd9'</t>
        </is>
      </c>
      <c r="M577" s="3" t="n">
        <v>45492.67668981481</v>
      </c>
    </row>
    <row r="578">
      <c r="A578" t="n">
        <v>1878437</v>
      </c>
      <c r="B578" t="n">
        <v>212171</v>
      </c>
      <c r="C578" t="inlineStr">
        <is>
          <t>Lucca Drummond</t>
        </is>
      </c>
      <c r="D578" t="inlineStr">
        <is>
          <t>L. Drummond</t>
        </is>
      </c>
      <c r="E578" t="inlineStr">
        <is>
          <t>UNK</t>
        </is>
      </c>
      <c r="F578" t="inlineStr">
        <is>
          <t>UNK</t>
        </is>
      </c>
      <c r="G578" t="inlineStr">
        <is>
          <t>UNK</t>
        </is>
      </c>
      <c r="H578" t="n">
        <v>191</v>
      </c>
      <c r="I578" t="n">
        <v>48</v>
      </c>
      <c r="J578" s="2" t="n">
        <v>37997</v>
      </c>
      <c r="K578" t="inlineStr"/>
      <c r="L578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ee\xee\xee\xf4\xf5\xf6\xed\xed\xed\xe9\xe9\xe9\xec\xec\xec\xe7\xe7\xe7\xf1\xf2\xf1\xe8\xe8\xe8\xea\xea\xea\xf3\xf3\xf3\xf6\xf7\xf7\xef\xef\xef\xf4\xf4\xf4\xf5\xf5\xf5\xeb\xeb\xeb\xf8\xf8\xf9\xf1\xf1\xf0\xf6\xf5\xf3\xde\xaa\x94\xe0\xa6\x92\xd9\xae\xa0\xfa\xf9\xf7\xe2\xad\x97\xf7\xf7\xf4\xf9\xfa\xfa!\x15\x11\xef\xad\x9d\xf0\xb6\xa1/"\x1d\xeb\xeb\xe8\xf8\xbf\xaa\xf2\xf3\xf0\xf7\xf4\xf5\xfa\xf1\xed\xe4\xb2\x9a\xf7\xf3\xf2\xea\xe9\xe7\xfd\xf1\xec\xf5\xbe\xa9\xf3\xba\xa5\xef\xb4\xa8\xe9\xad\x9a\xfa\xf4\xf1\xf0\xee\xed\xf7\xf8\xf7*\x1e\x19\xd2\x90\x82\xc9\x8d~\xd9\xa7\x91\xec\xbb\xaa\xe7\xa8\x96\xdc\xa3\x8f\xea\xb1\xa3\xea\x9e\x8d\xe5\xa3\x91\xd5\xa4\x96\xec\xb2\x9e\xf7\xca\xba\xd9\xa8\x9b\xee\xee\xeb\xfd\xf3\xf0\xf8\xee\xe9\xf8\xea\xe65("\xd4\x87x\x15\x0b\t\xcd\x88y$\x1a\x16\xee\xf1\xef\xfe\xe6\xe0\x1b\x11\x0e\xdf\xb0\xa5\xec\xa9\x99\xd2\x96\x87\xda\x8f~\xc2\x88{\xf4\xf4\xf2\xe0\x98\x88\xf0\xb1\xa2\xf2\xc2\xb2\xfd\xed\xe8\xdb\x9b\x8b\xd6\xa1\x8c\xe0\xaa\x9e\xfd\xeb\xe4\xe0\xbb\xb0\xdf\x92\x83\xd9\x96\x86\xfe\xd9\xd1\xe0\xb8\xa7\xd4\x9b\x8b\xf9\xf6\xf7\xe7\x9a\x89\xe2\x9e\x8d\xcb\x94\x83\xe0\xb2\x9e\xf6\x05\x02\xfd\xdf\xd8\xd9\x9c\x91\xd9\x8az\xe7\xb7\xa4\xfc\xe3\xdc\xf4\xed\xeb\xd2\x8c|\xc1\x82r\xf7\xe6\xe0\xe2\xc0\xb6\xde\xb4\xac\xfc\xf6\xf4\xf2\xe9\xe6\xc8\x84t\xda\xb5\xa9\xce\x81r\xc9|m\xf3\xe1\xda\xe7\xb6\xab\xfd\xd3\xca\xda\x93\x81\xea\xbf\xb3\xdf\xc5\xbb\xb6zl\xe6\xd1\xc7\xf9\x1a\x02\xf3\xb9\xaf\xd2\xa9\x9c\xee\xee\xf1\xde\xa3\x98\xef\xeb\xe9\xf1\xc5\xba\xf3!\x07\xc9\x97\x8a\xd3\xb2\xa6\xbfyk\xfa*\x05\xf6\xf1\xee\xd1\x9f\x92\xe7\xac\x9fc=3\xf1\xf0\xed\xdc\x18\x11\xd3\x83r\xe1\x8d|\xf8\xc5\xb3\xb9\x83vU90\xed\xa3\x93\xe2\x99\x82\xe8\xc9\xbf\x97_R\xef\t\x04\xf8/\t\x98PC\xd8\xbd\xb1\xafvg\xf3\xcd\xc0\xe6\x0f\x08\xed\xe9\xe6\\MEQC&lt;\xc0\x94\x85\xfb\xce\xc1B(!\xd2=-\xf5\x9c\x8e\xeb\xd9\xd2\xb0l^\xd5wl=0+\xcb\xa2\x95\x80WK\xdeT=\xda\x84t\xe9\xeb\xed\xa2sf\xa6j\\\xdeD\'\xe5\x7ft\xfc\xc0\xb8\xcc\x9c\x8b\xe8$\r\x9agZM/\'\xb5\x8c\x7f\xdc0 \xfd\xbc\xb0\xe6aM\xc0\x9f\x94\xf7\xbd\xa4\xee8\x14\xe5\xe1\xdf\xe55\x19\xd6\xd0\xcckSH\xa2]O\xf9\xb6\xa9\x8d_R\xf4\xda\xd3G:3lF&lt;\xf4\x92\x84\xfc$\x04\xbapd\xac\x81u\xe8\xe9\xeb\xe2xf\xf1\x86u\xe9\x91\x81x`UxNB\xb6\x98\x8b\xf2\xd4\xcb\xc7sg\x8dRE\x8elb\xf0.\x0e\xe9\xe7\xe3\xdeH7;\x1d\x16\xe9D$\xbc`V\xcb\xad\xa0\xa4\x9a\x94\xfe\xc9\xbf\xd9^K\xde\xdb\xd8\xdak^yha\xf6\xb4\x9b\x94wl\xf0\xa9\x8d\xfb\xaf\xa5\xcdOE\xe9m]\xc6_X\xfb\xab\x9a\x80wr\x92\x8a\x86\xac_T\x9f\x7fs\xee\xeb\xed\xa7\x8d\x80\xf7\xa2\x9aj`Z\xb8FA\xbc\xb5\xb1\xcd\xc8\xc4\xb1\xaa\xa5\x7f?3\xd1)\x1e\xf0yg\xea\xe8\xe9\xccne\xc4\xbd\xba\xaf51\xf9?\x1c\xa7MD\x9d\xf0\xe3v\x00\x00 \x00IDATx\xda\xb4\x97OhZ[\x1e\xc7%*^\x18p\xf1\x08\x0f\x04\xdd\xddE\xa1\xa8\xa5\x9d6\xd0,L\xb5\xd81\xc1\x81\xa4\xa0 \x89\x8b\x06\xc6\xc0@_B\x112\xbc\xbc\x06\x92BjIPJ6B\xaeAx3F\x1a\xbb(\x9aE@\x14D\xe1\x19\x98$P\x91@\x03"\xbe\x95\xc1\x06\xd1\x0c\x84,\xe6\xfb;W\x13\xff\xa6\xc9\xbc\xce7A\xaf\xde\xe4\xf8\xf1\xfb\xfb\x9e\xdf9G"\xef\x92\xa2\xf5\xba\xa9\x96K\x85\x82\x87\xe4\n~\x0f\xe2\xa4\n\xa9TN\xf7\xf3\xf9&lt;\xcf)\xf6\xf6\x14rn\xaf\xa1s\x05nJ\x15=$\x0e-\xef+I\x9f\xf7\x15\x1dX\x8aV,\xf99\xbd\x92\x02\x01o\xf3\xe7J\x19\xcf\xe7I\xf1&lt;\xaf\xe4@\xa2\xc0\r\xc2\xea\xfe\xcf?\x8a%U\xb4b5\x9f\xdb\xbe\xbb\x94&gt;V\xce\xe7\x0b\x89z\xfd\xa2F:\xab]\xd4\x13\x89B\x9c\xdc\xdbS\xec)\xfab\xc9o\x8d\xa5hb)Z\xb1\xe4\ni7\x16&gt;0\x1f\x8f\'\xceN\x8aU!\x00\xa5\xd3i\xa1Z&gt;\xae%\xe0\x1a\xdf\xeb\x8bt\x98uk\xb7\x14\xdf\x12K\x13/\x8f\xd7\xc1$\x04\xd2!\x03~B\x06\x03\x1e\x02DvQ\xd8\xd88\'2\xe9\xb5C}g\xac&lt;J\x97G\xf5\x00U\r\x18\xb4&amp;\xfc\xa8\r\x06\xb5V\xad\xd5j\xd5juH \xcb\x88\xec[_\xee\xfbb\xc9\t\n\xd5+\x0b!\x83Vk2\xd1/=\x9b\xb4*\x95I\xad\x86g\xe9\xea\xc9\x052\xd6\xc5\xd5^\xd3[b}\x83\n\xc1\xe1\xf9\xf8\x05\x9c\n\xa9M$\x95\xd9\xac2\xa9\x80D\xb6iI\x86P\x80\xc0P\xec\xe6|\xec\x19\xb5k\xb0\xba\xef\xf6w\xbc\xd1\xb38M\xbe\x0e\xab\xd2j-\xc1\x98\xcdO\x9e&lt;1\xe3\xd1L`jf\x1dj\x9a\x16\xcag\t\xcc\x0b\x8eka\xe9\xd3\xc6\xba8\xdb\xb0\xae\xf7H\xbcOX\xf1B\xfd\xb8\x9a\x86U*\x93\xc9lfX\xa2\xcc*d\x8bU\x94U\xb2x\x9c\x88+4\x84%\xbd-V\xeb\x0b\xa9\xa8~\xa5\xe3Y\x9fB\xeb$\xab0\xf1`\x95\x89\xec\xc2\x93\xb9\x89E93\x11n\xc3\xb0Z\x01\xcd\xe2j\xd8[\xb9\xd5S\xd2\x0e\xd1\x82CL\xcdT\xa1\x80fr\x8b\xb1\x99/\xed\xa2\x9c\xd1\r\xc2B\xbb(\x1e\xd7\xe3\xbcB)\xe5X-\xa5\xd2\x9e\x84--\xb3\xf1\xeaVX\xa8#*X?\x11\xd0\xa8\xb4\xf8l\x96+\x96\xf6\xcb|\xe1\x91\x9eq\x8f\xb8@VE!y\xee\xff\x8b\x05\xb3\xe0U\x80\xb5\x053\xf3\x8a8X\xd9\xa85h\xd9K\x91\xf1\t\xc5\x0c=,\r.\x8d\xb4\x07V\x8f\tu\x03\xac6\xa4s\x16\x0f^\xa3\xc9\x17\xce\xca\x01\x84Z\x05\x04\xb3\xd9\xa4\x12\xf3Dn\x99`\x8eI\xa4\x12\xeb)b!`\xc5Z~O\xc9\xb5s14y\xd7zt\xb9&amp;\xf5\xc2j\xfe#w)^\xc3q{x\xe4\x0b\xb5r\xc0@eR\xabUb\xcdT\xcc*\\k\xa9[\x00\x862GN\xb2\x86O\\\x81\x93\x84\x1cc(\x81\xc6_\r\xc9\x89\x10}\xb6=7\xc3\x82\xf6\xb69jW\x98\x82j\x86E\xe1b\x15\xd46\x9a\x17lRiQI,B\xf4\x1e\x88\x1a`\xa1\xeaY\x1c\xbd\x8e\xeb\xc0\x926\xd6\xfb\x9ba\xb5\xd8\xdcJ\xb5\xbd\xbd\xad\xd4h\ng\xb4\xdcP\x96\xb4\x06\x83h\x92\xf8\xf9Zj\x13T\xce\xc6\xe2\xc8\xa4m\xa0\xa5\xcb\x17q\x8d\xe8:\xd7\xc9\xd5\x0f\xebfT{{\xdb\xdb\xb2\xf3\x8dZ\x995\x06\xb1]\x8a4te`d\xb4 \x9a\x1a\x95\x0b\x06\rGT@\xc6f\x10N\x12y\xfe\xbc\x13\x0bYS\xf4icr\x89\xb4\x9b\x89\xeb\x16\xcc\xdaS\xe6\x13\'\xb4_P\xb10\x1bh\x1fC\xc6\x18B\xb1X\x0c\x18j-[{\x8e\x8e\x82\xc1`\x8c\xbdE:::2\x04\xd3\xd5Za\x83\xfc:\xe7:\xb8\xfaML\x89\xf4\xba@\xb5bq|\xe1X\x80M&amp;\xca\x0fu\xa4`C1\x9f\xc7\xe3\xf3\xf9\x82G*\x15 b\xf4\x92\x94!y| \x0b\xa6\x03\'\xf5\r^\xd35j\xff\x96q\x85%\xfeYo*\xa5\x12\xc9\xca\xd7\x8b!\xadh\x10-x\xbe\x00X\x08!sp\x10&gt;8\xc8xb\x00\xf0e\xc2\xa9\xf5ht}=\xb5\x0e\xa5\xc2\xe1\x03\x8f/\xe6\xf3\x05\x8agq\xcd\xad\xb0\x14\xd2\xeb}\x12\xb1\x10\xf8\xc5xM\x08\x89\xa5\x0b\x02JH&amp;\x93\xe0\t\x87S\x8c#\x95\x02\x81\xe7 \x15\xf5\xcf\xcf\xcc\xbcy3?\xff\xdb\xbc\xdf\xff\xf1c\xe4c\n`\xbe\x00\xd2\xc5\xd3L\xe4\xa9\xe1+e\xbd\xf1\xfe\',M\xe28\x10J\xa7\xe1\x14\x8c\x12\x92\xe1T.\x12\x89\xf8\xfd\xfey\x92\xdf\x1f\x89D\xa3\x11\xbfw\xcc\xf8\x122\x1a\xf1k\xa4\xc7\x99\xf9\x8f\x8c\x0b\x93\x91kbq\xdf\x03K\xd9\x10\xa6a\x1aX\xc1\xa0/\x99\xdc\xcf\xe5"Y\xafwl\xcc;C\x9a\x9b{C\x06\xcd\xcf\x18]\xa4\x91\x91Qhzz\xda5\xedr\xe9\xc7\xfca\x8f\'P=.\x90[\x1a\r\xad`\xca\xeb\xb1py\x1d\x96\x92\x1as\x03\x8b\xd3\xc4\x8f\x05\x1cm\xd2!_2\x17\xa90&amp;=D\xe6\xccB\xe4\xd1\x8cQ\xe7v\x03\xc8\xed~Or\xaf\x81\xcd\xe5\xd2\xe9\xa3\x19\x8fP=I`\x1a2(\x8dF\xa3\xfcV\xbe$\xfd\xadR\xcad\xb2\xa6UJ\x8eGw\x08\xa4\x11\xf2dig\x13"(\xa7\xd3e$\xa8\xd5\xd5\x91Y\x94\xcc\xe5\x1a\xb5\xd9\xdc6\x9bu\xea\xd1\xc3\xc9\xc9IB[\x1bu\xe9\x9c\x91pFH\x96\x13\x1bb\xa3gX\xe27\xee\x9f\xfe\x9bai4\xb2\xfcE9\x8d\x93` \x99\xdb\xd9tn\xea\x99\x9c\x16\x9d\xeb\xa5qud\x04u\x1bA\xf5F\xddV\xabu\xca:5\xf5\xf0\xd1\xc3\x87\x0f\'\x7f\x07\x19\xdc\xd3y\xa3\x07\x1e\xa1X\xcfs\xcd\xc1\xbe\x1f\xd6p\xfc\xac\x88\x13\xaaO(f7\x97\x9cL\x16\xcb\xc4\xc4\xb8\xdbe\x04\xd24\xc3\x9av\xdb\xacV\xfc2MN\x12\xd9\xfb\xf7\xb0k\x0cX\x81\xe2E\xfc\\)\x0e\xd9\x86\xd5\xb8\xec\xc4\xe2\xba\xb9\x9a\x85k)\xa2\x0c\xd1\xaa\x02K\xa0\x12:\x9d\x9f\xa0\x89\x89{?\xdc\x9b\x80_F\x02\x1bA\xc0\xc9,\xb7\x9b\xc5kt\xd4\x86\x12R\x1dmn\x9d&gt;r\x90\x11\xf6k\x85\xc5E\x1a\xb2\xa9\x16\xc3\xe8\xb2}\xd7#b\xf5\x9e{\r,\x1acXS\xc0N\x19T\xc9\n\x99\xf5\xc9\x01\xa6\x1f~\xfc\xf1\x81\x05\x99\x9f\x9d\x9b\x9b\x9b%\xb0Q\x1b2&gt;2\xb2\x8a\x9f\xe9\xd15\x1b\xcb\xfd\xe4{\xb7[\xef\'\xac\xb3\xc2\xa2L\xd6\x1f\xab\xdd1I\x9f\x96\xd06\x82l\x80\xb0\x92\x01AH\xeeW6\x99U\xf7`\xd5\xbd\t\x87N\xa4\x9a\xa3\xd4OSW\x18Y\xc5\xe5\xea\x87\xe95\x88\xc0\x1eNZ\xedN?2\xbf\x7f\x9c\x90i\x86\xfbb)\xdb#&amp;i\x7f\xbb\x17\xd6\x00\x89\xb0@\xd5\xc0\x02\x15AY,:\xe3,\xc3\x9a\x9bc\\D5\xfb\xaf\xd5\x0f\x1f\xd6\xd6\xa6\xd7l\xb6\xf7\x93\xc8\xfe\xd4\xb8e&gt;\x9c\xc9\x00\x0b\t\xdd\x16\x87\xdc\xee\xc6jwL\xc2u\xdfn\xfdJ"\x15.PD\x01\xda\xaf\x1cnm\rA\xf7&amp;&gt;9i&amp;\x1aE,t\t\xc4\x8bJHf\xc1*\xf4\x8a\x7f[)\xf6\xc0\xf2\xa6\xc2\xc9"\xb9\xa5\x94\x11\xd8vG-\t\xa0#G7\xc3\x02W\xfc\xb8(\xb0"\x1e.\x0c-&lt;\x1e\x1aZ!\xb3\xc8.\xf8\xb5:\xcbJ\x87\t\xb9\xca\xe0F\xa9OLM\xa2\x80V\x9b\xdbm\xb7\xcf\xac\x87\x93pk\x11C\x13\xd5\xf0\xf6\xf7\xc2R\xca\xe28\xb2\xd2\xf2\x0c\xac\x85\xc1\xc7\xc4\x05,\x87\xc3\xae\xc3b\x83\xce\xc5\x82\xcer\xef\xb6[\xa7\xee\xff\xe5\xfe\xfdGSV\x9b\x8d\xe6\xa4\xdb\xae\x8f\xa4\xc2pkQ6,\xeb\xd25X\xca\x16(\\\xb4\xa7]4\x0b}\xab\x9cLV\xf7\xf7K\x87\x0b\x83\x0c\xcb\xf1\xc9\xe9\x98x\xf0\xe0\x85]\x07\xb2QV\xc0i\xea\xf3\x80z{\xe7\xce_\xdf\xbe\xa6;\xd4\xfb\xddv\xcbX$\x95#,\x1a\xa8\x85\xa7\x05\x8b\xeb\x85ueR\x13k\xe0J\x12\xc9\xd3\x81\xe1\xe1x\xad\x0c(\xc2\x1a\x04\xd6\xd0\xca\x92s\xe9\x93c\xe8\xf1\xf3\xe7\x0f\xc6\xc7\xedv7\xd6\x1cjYn;\x83\xfa\xf9\xe7;\xaf^\xaf,\xe9\xc7\xb0\xb5\x98\x7fiqX\xbc\x91\x12\x15\x11\xe3tbuNJ\xd1\xb8N\xac6\x93\x9aX\x92\x81\xe1\xbb\xf9\xda\t\xb0\x8a\xc5\n\xb0\x1e\xaf,m\xee\xecl.\xad\x0c\r&gt;{\xfe\xf8\xc5\x0bp\xd9\xa7\xa6P5\xbb\xdd\xfa\xe8\xfe\x9f\xef\xbcz\xf5\xea\xef\x83K;\xd9H\x14\x1b\xc1\xcfQ\xaf\xc5\xa1\xcf\x96\x0e\x13\x8b\xc3\xadX\x9d\x85\x14\xd1n\x81\xf5t\xe0\xa9\xe4\x1d\xb0\x8aP\xeetwppk3\x9b\xadd\xb3;\x87\xbb\xc8\xd9\x02\x85\xcc&gt;\xfe\xe0\x11\xa5\t\xab\xf4\xeb\xb7\xcf\x9e-o\xed\xeeT\x8a\xfb\xc9\x0c\xdb=\xaf{-\x96\x9d\xcan\xe2o\xc3_[\xb0X6\xae\xb0\xf0\xd4\x8a\xd5\xe8\xe5\x97\xfd|\xa0M\x12\xa6\xa7\x92\xe1w\xf9\x0b\xc2\xca\x95\x0e\xbf\x0c.\xecfs\xa4R\xe5\xf4pwww\t\x0b\xb7\xce2\xfe\x1aT\xe3\xf6\xf1\xf1\x17+\xc4\x94KbO\x1d\x8b\x85\xb0c\xf6\x1cD\x9d\x8e\xb1,a\xc9\x80\xf5\xf5\xeb\xe5\xe8\xdd\xa6]fK\xd9^\xe6n,X\x05\xac\xbb\xf9\xfaq\xb9T*\x9d\xee./o\xed\xe4\x92\x19!\x83\x89Y%P\xf8\xe6\x1d\xd3\xeb\x1c\xe3v\xca\x96N\xef\x8d\xe4\xc2\x19_\xec\xf2\xf8\xe1\xc9\xa4\xf4\r\xac\x81v\xac\x81?\x80\x05.\xc2\xda`X\x95\xc3/\xcb\xcb\x87\xa5\xa4\x0f\xfb\xc1`(\xc4N\x1a\x99\x830m\x97\xf5:\xda\x99\x1ag\xfc\xeb\x07\x1e:\x87\x81\x08w\xc2\xa9h4\x85t\x8de\xbf\xfc\xe3\x1d\xc3\x1a\xfe\xda\xf6\t\xdf\xc2j\xfcI\x0f\xb7\xe0\x97\xe4\xeeF\xe2\xb8\\\xa9\x9cn-\xff\xf4\xe5t?\x90\x0e\x85\xe8dH\xc7|\xedQ0\xe6\t\xaf\xfbg\xd0\x0cF\\/\x7fkRe\xc2\xb4\xb1\x1e\xc3^\xd1;\xef]\x02\xd6\xaf\x0c\xeb\xae\xe4k\xdb\xf0}\xb0\xbam\x92\xb4\xe8O\xa2$\xb4V\x9f\x95\x80\xf5e\xf9\xa7]\x98\xe5\xa3\xbd\x17\nuD\xa7|0x\xc2\xd1\xf9\x99\x97FlV\xff\xf9\xf9?\xec\x90\x96\x8ad\xc7\x9c\x0ej\xb9\xe3:\xbd\xde\xb1\xb9\xb3\xfc+Y%\xf9\xe5\x17|\xd3\xc6gt\x9b\xd6\x9c\x917\xc5\x1a\xc0y\xec\xf4\xf4\xf4pyyy7\x87\xf6\x95+\x95\x10\xfa}\x1c\x0f\x11l\xd4\xeb\xf3\xc7yP\xfd\x975\xb3\ri+\xcd\xe2\xb8;,\x82\xdc~\xc8l\xc3\xc2\xde~\x90"\xcb&amp;\x1b6w\x9a\xe6Et\r\x12,y\x8fM/\xb9\x19C\x12\x99\xd8\xc6\xbc\xd0\xc4$D\x13\x8c\xb1\xc4`R\xa9\xa4\xd1@T\x16d\xc1\x88"\tT\x1cY\x84e\'*\x05\xfb\xa1\x9dj\xfcP\xec\xc0\x0e\xdb2\xb8\x90\xee\x0c\xee\x8e\x1f\xba\xa5{\x9e\x9b\xc4\xb7&amp;\xda\xd9\xdd\x13\x10\xc9\x87\xfb\xfc\xfc\x9fs\xfe\xcf9WJ!\x89\xe6R\x1b\x05\x94\xbblB\t\x93\xa2\x9e\x0e\xb9\x05a\r\xb7b\xaduu\x80\xd5z.\x16\xba\xae/\xc0\xea(\x05&lt;\xa0\xf5\x0f\xff\xfe\x06a\xb9G\xd6^\xa1\x16|\xfe\x1c\xac\xeb\xc9\x9bW\xb0\x1fB\x14R\x19\x1b\xd1\xeb\x07\xe7\xeauE3\xa9Bac\x03\xd5\x1b\x14\x1cl\x1d\xd0\x9e\xd7\xcd\xabSs\xd6V\x0e\xc8Uw\x11\xd6)\xb5\xaaR\xd1X\xa5\x07\xb4B\xcd\x7f\x0f}\xe8\x86F\\}&gt;;\x1b\x01G}\xf2\xe6Mvw\x03\xc5\xca\xb4\x8d\xd0\xea\xd5\xc9\xa4P\xdd\x1b\xcd\x1f\x1e\xc2\x9e\xfd\x18\x16\xecl@)\x91\xf8\xd5\xa6\xeb\xd7\xcd\xb3Ss\xe2\xbbVpTx \xe7\xe8\xf9\x1fT~\xd9C\xeb\xaax\xfai,d[\xe8/\x1c\xfe\xcb\x8f4\x96;\xb4\x86\x98\x00j\xf7\xd9W\x8b\xcf\xa0\xd3VP\xc6\x08=\x98iR\x964\xf9\x11\xd6\xe1\xfd/Q\xc5=\xfe\xba\x90\xb3\xe9\x85&lt;\xdeeyD7\xb3=g\x17[[;:\xb0\x13\x07\xd4\xb0\xb0\x0b\xb0\x8e\xa3u\xf8\xaf\xff\xfc\x86V\x8b\xb9\xb0\xbc&lt;\x0b\x86\xf9\xec\xab\x87\xa8\x07wa\xd3OM+\xcdz\xad\x9f2&amp;\x93\x02\xbf\xa7\x88\xb0\xfe\x08\xadp\xff\xf1\xe3\xc3TT\xff\x1ag\xf3\x0crR\xea\x9c\xda\x14[9u\xa7\x8e\xf8\xef\xb0\x8e\xbfi\xb5\xfe\xf9_\xcf\x9f#\xb5\xe0\xba\x89$\xb2\xc81_\xfc\xeaw_.fW\n\x1b+\x01\xc2\x0c\x83D\xfb8\xccX\xfa\xf6\xad|\xa1\xb0x\x1f\xd4\xda}\x92M\xe5\xa2z\xd9\xdfp\x9e\x96k&amp;\xcc\xcb\x93w\xc4\xc3u??yJ-\xac#\xb3:\x05q\x1c\xa8\xa1[1\xa4\x967\xf8c\x19k!\xf2deqq\xf7\xd9\xc3\x17/\xeegW\xb3\x1b\x90)\xb4`\xf7\xc1X\xfat\x82R\xf4e\x80\xeb\x10\xbc4\x9b@\xf6O\td2!\xba\x02\xb8J\xdf\xb6\x98S-\x15\xc7%V\xbe\x03i\xac\xf3\xb2Gcq\xfe\xc1\xb1\x8a\xeds/\xd7\xd6F\x9c]] \xd7\xec\x93\xec\xab\xef_-&gt;|\xf8u\x16\x14\x01/U\x12\x12\x18\x07i,\xaa\xc7\x93\xc9\xa7\x0b)d\x11r\xadI\xef\x9f\x10\xc8\x84&amp;\xadZ`\x94\x90\x08\xeb\x13\xda$j`\x1d\xa9uAQ\x95\xb0\x86\xefz\xbd\x9b\xc1\x97k\x0bnwWW7\x8c[\xcb\xa8\x11w\xe9\xbbe\x05\xbd&lt;\x02U\xb8\xed\xb0Z&lt;}JQT_4S,f\x02J\xc2\x80\xa6\x1d\xbf\xdf\x98\x14\nM\xc6\xd7I?9sc\xf8\\\xb5&gt;9\x8bU6\xcf\xeaX\xc3V\xef\xc0\xc8\xcb\x85\xb5\x85\x90\xbbK\xda\x05\xf3VL$Z\x88\xac&amp;\xb2\xd9\\n%\x97\x0b\xd8l\x84\\\xabW\xf4,\x8d\x1b\x8d0\xc0\xfb\xdb\xfb&lt;.\tWn\xb9|\x99\x1ev\x92\x90E\xa1I`\xf4\x87\xef\xdd\xb0\xd2\x0f\xad\xcdU"\xab;\xa9TM,\xabxn\x04A\x85Bn\xb7\xbb\x9b)Z\x8e\x89\xd0\x80J(\x13\x01\xf4\x86K\xa9\x04*\xad\x9eN\xa2Q`\x02SU\xf4\xf4r\xf50\x82\x01\x96I(\xc3q\\\xc6\x03,5\tX\x9c\xd6\xe3\x93\xb03\xbdu&amp;\x89\xe7b\r\xd5q\xda\xbc\xba\xd5\x88\xa8\xa5;\xc4\xec\x82\x92g\x8ab WK\x8b\xc5`&amp;l\xd1($\x10\xa6z\x83\xbe\xb7\x0f\xd5&lt;\xbd\x83\xc1v\xa1\xf0S&amp;!\r\xa5\x81\xc9\x1e\xc7y&amp;\xa3Q\xc8\xbf\x10\xeb\xa8\xe4/\xc4\xc2\xb01\xf1\xf6Z\x8a\xe0\xc5\xbb\x99\x08\xcb]Z1D\xa2\xb0E\xceu\xd9l6\xb8\x92oY\xe4\xb00\xce\xcfCu\t\xc0\xbb\x8cj\n\xede\xb0+jy0\xd8\x0f\xb24l\xa1ib\xe2\xf5\x95\x99;?A\xad\xea\xc5^\xf9\x1e\xc3\xac\xf6\xc9\xd5T\xaf\x8c\xf7\x0b\xa6[\xe7v:\x9dR\xa7\x14\xb6\x0c\x8b\x01\xbd\x81\xb0\xa1\xba\n\x87-\\\x17\xc2\x9a\x7f0nL\xe22\x01`-\xc1\xca\xafP\xf3X\x7fz\xf4h\x90\xc5\x07\xac\x9e\xa5\tY\xe7\x17w\xd1lS\xbd\xea\xcb%V\xc2\xaae\xeb4V\x07\x87\x83\r\x01\x96#\x91\x97\xe8\xb5\xb7Bn\x87N\xa7s\xeat\xfd&gt;\xa9\x08\xb4\x92\xb8\\\x1e\x9bMbAX\xb0\xc7&gt;\x00\xb9z(\x01\x8e\'\x8d\x8a\x12\x95\x10_\x7f\xf4\xa8\x13\xb0\xe2&lt;!\xb5\xb4D\xc5\xb7\xedc\x1c\xce9GV\xb0\xce\r\xac\x825\x95\xc8y\xfa$D\x8c\xe9\x80\x00\xaa\xfe~g\x8b\xa5\xf4\x06"\x1aU\x1a\xc2"\x83\x9c\x0b\x0e\xd1&gt;\x0e\x1b\xab:\xf9\xf7\x1f\x00\x0b6~5\x14\xd6\xe0`g\'d\xb1\x99\xcd3\x8e\xcf\xcfk\xef\xd9\xad5\xb1\xe8\x01\xea#\xb00\xaccllh\x88a\xb5\x8f$\xb6\xda{\xa29%\x93\xa6\xd29\x1c \x17\xdaO%}\xd1\xe8V\x80\x88D"\xb10\x19\xd6S\x82\xa4@\xedW\xe3\xb8\x80\x1a\x1f\xa7\x80\ng\rv\x0e\xd2X\xcdl\xc1\xf8\xdb}\x97o\xb36\x16\xe3\\,\xac\x12\x0c\x06\xd6\xc1`\xd4\xd73F\xedS\xb3.\xe4\xdd4\x96\x03\x92\xa8\xd3\xf9|$\xca\x9c\'\xba\x95\xc9$\x94\x88\x8a\x0ck\xd5\xc9\x1f\x92&amp;\n\xe6\x1b#E\xa9\x05\x02\x99F\xc3\xbaFS\xb1\xf8\xcdl\xe1\xf8\xce^T\xeam\xe3p\x86\xb0J\xc9W\xe9\xb1Z\xd5^\x05K&lt;)ry\xf6\xf2\x19\xb3\xd41\xe0\xd0A\xd1;}N\xa9\x94\x0c\xcb\x01+\x9a\xc9\x07\x94\x11\x91\xc5b1\xc0\x12+@/s\x05\x02\xb5\x02\xa6\td\r\x83(X|&gt;\xc2Rxv\xb8\xfd^+\x07\xeb\xf8\x7f`\r\xd5\x8f\xb6m\x862\xc5\xf7\xf9\xa8\xa1\x0ba\xb9\xe9nDX\x06\xa4V1=M\xc4\x0c\xca\x84R\xe9\x82\xb9\xb9\xb7\x9d\x024\n\xca=\x89\xe3\x1a\x1a\x8b\x85\xb0\xa0\x17\'L\xc2\xc1\xcfo\x8e\x8e\x8dut\xfct\xac\x13T\x95\x18\x03\xac|:\xfd&gt;j\xa8\xa8%\xa5\x83\xb4Hl Va\x9a0\x07R\x1b\xb9@`\x0bR\x9a\xdf\xea1\x1a)E\xaf_\x88kh,V\t+\xcefk\xae\xcd|!FX\x95#j\xf6cu\xa2\x93L(\xda\xbc\xa1\xf4\xe1a\x9a\xc6\x1a\x98r\xd2\\\xbe.&gt;i\xe9EX0@$R\x87\x87\xa9L\xa6\xb8\x05\xda\x15w(\xb8\x18\x15\n\x13N\'q}]\xa3\xd1\xf0\xf9\xb7\xe3\xb7\xafu\xde\xdb\xbe\xd16\x06Q&gt;\x01\xabzvm\xa1\xcerY\xbd#pn:\x13AX\xb4\\&gt;\x18p@-\xae\r\xf4\xc9M\x07r\x85B!\x95\xcb\xe4\xa2\xa8\x05\xb6\x14\xa8\xba(\x13\x0e:\xad#\x8bGX\xfc\xdb\xac\xce\xce\x99m\xb1\x95\xf1\xbf`\x9dVkL&lt;\x90\xc8\xe7\x8b\x19sW\x19\x8b\xcea7\xd4\xbc\xcb\x06&gt;\x1f\rL\xe7r\xd3\xb0\xa5\xda\x08pXO\x1f`%\x93&amp;!\x0e\xc9c\xad\xaf\xb3h\xb1n\xf3\x91X^+\x86\xb08\x1f\x8fU\x95\xa7\xbe\x14\x8c\xb6\xb9\x91Y%a[FX\x03%,f\x0bX\x82\x01L\x14\xb6Se"\x81\xfe\t\x04C\x17\xfd\x9e^\x01\xb3\x0cO\x16g\xf1A.\x90J\x13\x8f\xc7\x81\xebZ\xff\xa4W&lt;\xdaP\xdf8\xc6\xa0O\xc1\x18\xd8\xf1\x1az\xa2\xfaO\x97|u\xac\x06\xfaS?j\x0fv\x91\xbf\xbc\xf5\x99TG\xcb\xe5\x962\x11V7\xba\x18-r3\xa1T"*\t\xc1\x85a\x10n!\xae\xde"Do\xdfh*\x98jp\x84\xe5\xeb\x9f\x9c\xb3[\xe1\x0f\x05\xac\xa12\xd8\x91&gt;\x9f\xd4\xd5j\x80\xf3\xd4jh\xbc\xbb\xe9pK?k)c9\x11\x16)%\xc9\x96p\xcc\x10\x01\xac\x92T\x80\xc4\xd5s{\xb9r\x03\xdc\x92q\xd0j\x9d\x85\xcb`\xdaB\xa5%\xed\x9f\xdc\xb4\xb7\x8d\x8e\xd5762\x00\xeb\x94ZX-\xaf\xb8H-\x15\xc8\xe5p\x8bb!\xf7\x14\x8d\x85f\x1b\x92\x84L\xc2\xf8\x0c\xf33@I`\x96\x87+\xb2\x1d\xd8\xf4\x00E\x92d\xdc\xc7\x1a\xd4\xe0&lt;\x9eL\x06XR\xdf\xcc\xa6\xfd\xeah\x19\xab\x1c\'\xeb\xe9\x04\xd6\xd1\xaf\x1f"\xd5\x9f\x8a\x86\xc6\xc66op*\xb4\xb0\x10\x9a\xa2\r\x15\xa8Z\xc88T\x18|\xb5\x007\xa2\x99@\xb7\xf6\xbcg\xfeA\xbbB\xaf\rC1\xc5I)\x9f5\xf8\x1b\x9c\rj\xa1&gt;\xecGZ56\x9e\x80b\x9c\xc5\xfb\x08\xa5\xca2\x95\xc5jhP\x8d\x8a\xbd\x93\xee\xd0\xc2\xcb\xa9r\x12\x11\x97T:\x02X\xb1H\x0c\x86\x89\xbe\x9d\xb7\xfbo!\xe6\x97\xa0\xe0e@\x05b\xb2XWp\x9c\x8d\xe3\xcd\xa0\x96\x03\x8c\xb4\xa9\xa1\xd2B\x15\x1e\xfa\xf3\xf1X\x88\xa5\xbe\xf2\x10 \xbb\xa4j\x02\xae\xe0\xd4\xc8\x08\x8d\x05Y\x04*&amp;\xc2\x02\xa9"\x04\xe1\xf2\x00\xd5\xde\xde&gt;\x04\x80\xf5\xf8\xf5z\xb9&lt;F\xf2\xf9W\xe8\x8a\xd7\xb0n\xfb&amp;\xef\xb4\x8d\xaa\xceb\x9d\xaf\x16V-\x89\r\x15$\xf4\xf3\xd2%\xd5\xe8\xd56\xef\\0\x18,9\x04R\x8b)\x05\xf9fW\x13p\xe9l\xed\x15\x0f\x0e\x0e\xde\xbd;8\xf8\x0e\x91\xed\xecle\xa6\x95\xe12\x16\x9a#t\x93v\xa0\xaa`\x1dsa\xb5\xb0\xaa\xb7_\x99\xab\xa1\x1c*\xe0jj\xfa\xed\xafo\xde\x9c\x0b\x0e8\xe0\xfaa\x8aD\x80\xc5\x0c-\'`{\xcd\x17\x8b\xef\xd3\xef\xde\xbf\x838\x00\xb2\x83\xbd\xbdb\xba\x90\x0e\xc8\xe3\xe0Y\xcd\xb4Z4\x16&lt;\xa7\xfe\x98\xac\x04w\xca(\xce\xd8\xebQ\x92Oa\xd1R\x95\xa9T\xaaK\r\xaaOUMW\xafz\x83\xe8Vt#\xacnX\xcd"\x01\xb8\x95\n\xe9\xf7(\x00\xe8\xe0;\xa4\xd6\xfe\xfe^1\x9f\t\x10\x97\x9b5\xa8\xe4\x91Z\xfdH\xad\x9f5T\x9eX*\xda\xf3\xb0&gt;l\x8c\x0f\xd5jDX\x97T\xaaO\x9b~\x7fw\xae\x94\xc4\x10\xa8E\xb6,+\x13\x99T:_,\x97\xd5\xfe\xb7o\xbf\x85x;\xef\xf1\xf4\xc1\xa2x\x99\x8d\xb3\xd9P\xf2,\x96\xaf?\xf8\x1f\xce\xcd7\xa4\xad4\x0b\xe3\xcd\xeelYc2\x99\xfc1W\x1a\xb0\x89!\x89\t\xc1?\x89\xd5\x8cD\x19\n\xd2J\xed4\x89\x11k2\x1at\xeb\xa8mV\xa7ZkC]\x91VF?t\x1c\xa6\x16&amp;\xfa\xc5\xa1\xd5\xa5\xec\xd2\xd2J)\xaca\x18Z\x02\xa5\xa5\xfdP\xa7\x1f\x16\x94m\x8bH\x97\xc2\xc0\xc02\x1f\x86\xfd\xd0}\xce\xfb\xde\x9b\xdc$\xd6v\xf6\xa4\xc6"\xf5\xfa\xf39\xcf{\xcey\xdf{\x0b,UQ\xd1_\x14x\x15\x89\x0e\xd9\x05+?\x859*\xb1P!\xd4Z\xed\xfe\xa2"\x85\xca\xea\xfa\x1cXIfy\xba\x9b\xd1\x8d\x8a\x85\xad\xe24mzX&lt;\xbeE\xf1\x15\xa6g\x8fG\xefq\xa2\x9a:}&gt;\x86\xd5\xd4J\x9a+\x80\xa6\x90V\xb8\xf4#\x19\x19C\xc9l\xee\xf3\xb1\xc4\xdf\xa4\x10\x8b\xae\xa9\xd0Z\xbf\xfc~&lt;\to\xb1\n\xd10s\x81\xddJ\xa7\xe3\x87K\x04\x85\xfa@P\xe8\xd4\xb4\x93vz\x9cH!\xc6,\xc2Z\xe7X*\x95\x94\xc4\xbc\x15Y\\L#|\xf1\xdb\xb0\xde\xaa\x16a\xa9\xb5V\xeb\x9f\x13\xe3\xc9a`\xd1\x06\x16Xh4\xbd\xbd-\xfd_\x9c\xc6\xea\x83\xd57~\xbc\x84-\x19Qa\r\xa2\xf1@-\x0f,?:\x95nl-\xcabI\xf6\x92\x97\xb0\x0f\x7f\xf8\xe1\xc5\x07Y\xac\xc2n\x93\xa3\x16\xa3\x02\x96V\xab\x06\x96`\x86\xb9\x92\xc3\xc3\x1c\x0b\x8d\'Bt\x91\xca\xa1\xe9\x87\x0fW~\xc2\xec\xf3\xf0\xf4\'\x19,@y&lt;\xc8\xe4\xa7\xb5T\xb6\xac\xaa\\,.\xc0\xde\x0c\xd6\x1f\x7f\xf9\xe5Ef\xcb\xb3S\xc7\xc1?VeC\x8dP\x12\x96\x12t\x82\x9a\xb2(\xee\xf7gV/\xac\xce0\xacn\x86u\xf3\xe6\xca\xca\xc3\xe9\x83c\xfc4\x84c\x1d\x86\xe5k\x0f\xb5\xaf\x87\xadf\xf8\xaaP\xad\xa2\x0c\xd6\x07/^\xbc\xf8\x9d\xe4\xfb\xe2&lt;_\x89j\xbd\x05Kp+\x90\xc5\xe4E\x03"\x8bE\\\xd8`O/\x00j\x08CDW\x9d\x87y\xeb0\x05\r\x10\xa7N.\xdb\xac\n\x85j\x17\xb5&gt;\xfah\xcf\xef\xff\xf0a\xf1NXb\xf6vQKP*\xcd\x8d\x98%\xc4\xd3\x91\xc8\xea\xcc\x0c\x9c?I\xe7\x11\x98j\x06\xa6\x07\xfa;\x82\x80\x02\xd5,^T\x1c\xd0\x11}\xb5\xed\x89AK\xabbW\xb5\x18Xqfz\xc8_\x852G\xc9\xa8\x94\xe2\xbb\xa0\xd4\x98-\xe8\xd9l\x1d\x82\xabw\xa6\x9e\n\x05\xc8z\x83\xc1\x8e\xca\xca\x16\x82\xa2a\x94\xc2\xc73\xe9\x9b\x1d\x9d\x1f\xb1\xb8`M\x86\xa5\xcaU\xab\xb0=\xe6bI\xbe\x92#\x89L\x99\x10\x04A\x19\xb5P\xcb60\xac\xc9\xfa\x99z\xa4\x13[3l\xb1{[hUb\xfe\xa3\x01\x90\xed\xc2&gt;\xa5\x14:\x9dm\xa8\x0e.\xabV\xadR\x99e\x97\x16\xe9\xc4\x1f-\xe3b\x8a\x15\x8c2\x85X\xb2\x97\xa0VF\xfd#,\x8bl\x12l\xa8\x9f0\\\xa4#/\xc6\xd5;IX\xb5\x155\xa3\xa3\xa35l\x83\x0f{yfG\x17\x9b\x03.\xb3\x16\x97\x92c\x89d\xf9\xa2\x89\xe5\xfe\xb7\xa8\x85\x95\xa8\xd6\x94\x00k\xbc\xbd\xd3\x10cd\x13\x13DE^\xa3\xed&gt;\x91\xcdV\x9c\x07\xd5\xe8\x89\x8a\xda\xd9Y\x9f\x13\xf5\xa1\xf6l:\xe0w\tH\xa2R\xad*\xe4\xe2hr,r\x99\xbc\x86\xb2\xc9*\x87I\xc4\xc9fQ\xa9)\xb10\xac\xd8!\xc6\xc5\xb1.R#\xa2\xbbtHc[\xc5\xe8(6\xb7\xd8F\xb7\x19g\x815{b&gt;ms\x99\x81%\xfdn\x08U\xc6\xfd\x85\x16\xcb\xaa\x95\x99\xf8\n\xb0\xd4J\xb9\xb7$\xac$\xb0b\x9d1(6q}bbsb\xf3z=\xebC\xf4\xa4Y\xefd\x1b\x9b\xa8g\xdb&amp;\xb1\xbf\x07\x16\x0cosQ5\xe6\x17\xcb\xc7\xca-\xf6\xb9X\xd9\xba.\xa3\xca&amp;\x8f\xde4\x1aM\x0e\x96!\x16\x8b5\x18\xea1\xcb__[[Z\xc28x\x84E\xd5\x85\x08U\xb3\xc9I\xfd\xa4\x91\xe5\xb0\x86\xb0\x04\xed\xff\xa7V\x01\x95*\xebt\x16n\x1e\xd18au\x9e\x88\x19t\r:\xaa\xa83\xabKtg\xf1\xd1#\xf6\xa8\'\xde\xe8a\xc6\xee\xeeH\xa4W\x8f\xf0\xf8\x1c5\x8b#\xfe\xb8\xb8v\xb4j1d\x9e\xcf\xef\xdar\xb5\xe4L\xd2\xb7\xca\x92\'2i4\xd1h\xdc62\xdf\x0e\xac\x98NG\x8fp\xf1\xfb\x19\x0b7n\xd0\xad\x03\x8a\x15\x90\r\x1c\xa9j\x89\x04\xbb\xba\xbc\x1e\xa7\x89aE\xc5\xebP.eX\x1cmo.\xda;\xb1\xb2Z\xe5`-\xcf\x93\xb5\x0c\x8c*\x14Y\xbdp\xe4\xeb\x85\x9b\xf4\xc00\xa6g\n4\xc6s\xd3C\x95\x1d\xc1\xa3\xc1:\xa7)e\xafY\xec\xf3\xc7\xc5k\x89X\xca\\,i\xc5\xc9\xb1d\x93\xcc{\xa8\xa5q\x03k\xbc\x13X:z4\x10X\xdd\xddG\xce-\xdc\xb9\xf2\xec\xd9\xb3o\xbf\xbd\xf2-\x02\x93=Zc\xff\xd8\xe5\xcb]u&gt;\x07\xc72\xcb\xd4b\x06{\xa7Z\xb2\xe1\x98\x88dX\xda|2\r\xc3\n0,C5\x7f\xe2\r\xcbo\xe0\xdc\xc2=`aW\xc1\xa8\xde\xdc\xfb\xe9\xe1\xe9\x83\x84\xa5\x87X)\x07aE\xf3\xb1\xd4\xf2\xda\x95\xab\x16\xeb\x8eR\r-\xca\n%~?B`\xcb\x8f\x87\x86A\xb9\x81\x958Iw\xc9\xaaC\x1c\x8b\xa8Vn\x12\x96\x18\x18\xba\x98X]H\xa1#U\x96\x83\x85\xee\xa5\xce]\x8d\x9cL\x957\xab\xee\x91:\xceo\xc1j\xe7X,\x08\x0b\x83\xd6\xbd+"\xd4\x1b@}\xd1?v\xb4\xab\xaen{+e/\x03\xd6\xd4\xc8;\xb1\xa4\x8dP\xa1Zb\x12\xb3X4\xf4\xc9\x92\x98\xc1\n\xcf\xb7\xb3$r\xac\x16p-,H`o\x90\xbf\xfe\xa34na\xa81\xa5\xca\xca\xde\x1b+_-U\xb6beW`\xa1\xdb\xdd%%%\x1aMiii|Pt|(\xb4\xca\x96"\x9doUa\x03D1tp\xech\xdda\xd3\x96\xc9d\xf2\x99\x1cv\xc2\xb2\xd7L\xf5\xf8\x057\xbb\x94\xbc\x97\x11\x98\x98\xa4\xc2\xce\xb8goQ!\x16\xfbVu!VIi\xa9F\xe3\xea;9\x8c\x02\xcf-O\xab\xb1\xdaK\xaay#-\x1dA\x94*\xcfa\x1f\xf9\xdcaw\x88TP+m\x03\x96\xdb-\x08\xd9\xb6\xa1V\xca\xaaWf.\xdc\x1d+W-(\x84+\n\xa4\x16\xfe\x8a\x01\xa2\x1d}\xc7\x08\xb98\x17\x0f\xbd\x91J:m(H%1D\xac\xb3\xeb\x01\x97\xe0\xd6\xb8\x85h^\xe3\x97\xc8vRk\xaf|\x83#\xa9%C#\x16)\x89\xa0\x8a\xdb\xd2\xed\xb1Xy\xb9\x84\x05\xbd8\x98\x97\xb0\x9c\xe5&gt;`9\x1c5v{\ra\xdd/s8Lg\xd7\xc36A\x1b\x8dF\x95\x1a\xb9ZJu\x1e\x96l\xb0gX\xf9\xd3\x95:\xc7\xe7\xc0\xd2\x94\xb0\xd0\x80\xca\x1f^\xef\x04\x15\xb0t\x92Z\xec\xb3\x97c\x81\x0b\xbe\xaaA\x0e\xb9Z@4\xd5L\x1d\x0f\x0f.\x7f\xffy\xd4\xad\x91\xa7!\xd3\x1d\xb3];\xe3\xfc\x0c\x16}]\x1c\xd8\xf3\x96\x1fa\x89\x11\x8d\xfb\x9b\xd2\xf3\x12\x96N\x12\x0c\xe5\x8b\xdc\xc5\xb0\x9c\x84E\x82\xd9\x8f\x81\xcb\x0e\x979|\'\xa6\x8e\'\x92\xc9e\x7f\x89\x0cK]\x88U\x94\x1d&amp;\xb2j\xe5\xf8]^\xdaK\xc9]&lt;J\\#\xe3\xc9N\xcaa\xb9\xd1\xa8\xc3\x1f=\xb9\xbd:\x04\xd3G"0\xbc\x87v\x14l\x11:D\x83\x95\xa5R)Sy[\xa7a\xed\xe9x\x93+\xfa\xdej\xc9\x8d%[\x82pBT\xca\x9c(\x17\x19k0\xb99\x11\xe3b\x01\nr\x01\x07:y\xbd\xa8\x13\x1d\xd8\x8b}C\'!&gt;&amp;W\r\xa3\xb2\xdb\x1d)\xd3&gt;\xbd\xbe\xe5\xebGk\x89\xa6x&lt;\xaa)\x15xh\xf1\xb3\xcc,\xb4\xad&lt;D\xb2B\xac\xec\x90\xcc\xb0\x84\x928\x15+\r\xac\xc5 \xe3\x8d\x89\xa7k\xd7\xc9\xef\xe5\xd0\n\x1f:o\x88Q\xa1F\x04\xe9\x84\x04E\x8b-E\x07S\xeb&lt;\xc3\xb2\xdf\xdf\xdaW\xd756\xb0\xf0hm\xd9\x12\x87\xbd\xa8ND\xa3\x82Y\xbd#\xd6\xcejIh\x19\xb58U\xdcok\xb2\xc4]\xcb\xc9\x9f\x97\xea\x8d\xe5\'(\x87F\xa3\xd3\xa8\xa3\xecy\xf5P\re\x8b\x1eY\xec\xe8\xca`\xc1\xf6\xe7\x19Vjkk{\xfb\xb3\xb1\x81;76G\\\x0c\x8b.\x1e5g\xe2=\xd5b\xe6\xe6jQa\xa7e\x18\x0f\xf7\xcc/75&amp;6\x7f^\xaa6\x1a\x99\xb5\x88\xcc\xa3\xd7{C^\x1d\x97\xad\xa3\xb2\x9fJ\xbc\x8f2Hi\x14\x93\x98bX\xdb\x97\xc7V\xee&lt;MX\xb4\x18A\xe2HaT\x89}\x90\xf6\xedj\xa9v.X\\-7w\x94\xdf\x16&gt;3:\xd3&gt;\xd8\x94\xd8\xbc\xdb\xcd\xb1\x18\x94\x91L\xaf\xd7\xeb\xe83{\xb4\x19\r\x1aX\x04El\xbcD\x10\xd76\xc5\xd0\xc2\xdd\x84\xc5\x1au\xd9\x026\x9b\xcb\xaaR(\xd49I\xdc\xbf_:\x95@\xe4be\x97\xa0\x98DZ\x86q[ \xbd8{p\xe8TsS\xe2\xe2\xdd\xd5j\xa3\xb3\x9cI\xc5\x05\xa3\xff\x92A\xef\xb0}\x90v\xfaN\xd2\xca!b\x95\x95\xa5h)2\xb9\xb6\xc7\x8e@-W\xbc\xa9\'\xdd\x17\xb6\xd1`\xe8V\x9b\x952\xacV\xe9T\x02\xaf]\xd5\xa2\x86C\x054\xdd6\xb4\xb1\xf1\xf7\xf3\xcdM\xcb\xc9\xa5U\x1d\x13\x8bs\xb1\xd5\xa8\xe3\x9f\xf4\xfa\xae.`1gq\xb5\xee\xdb1BP\x16\xc1\x05\xb0\xcb\xdd\xf0\xbc\xcb\xdf7u\xe8\xecz_\xc0\x9f\xef\xad\\\xb5Z\x0b\xd4\xa2\x83\x06%xP\xb2\xa2%\xf1x\xa0yj\xf2\xe0\xc6\x7f^}5\xd7l\x19\x19_\x0b\xe9\xa0\x95\x04%\xc3B2\xbdt\x80$YK\x92\xcb.qmyW7\xd3\x16\xab?]Q9T\xd5v\xa6\xd9\xe6w\x99\x99\x10Z\xad\xd5\n{\x17\xc9O\x98dXL%\x85\x86a\xb9\x19\x16I\xd5\xbc&gt;5Y\xf9\xc9\xcbW\xaf\x9e\x00\xabiy\xb3^\'\x93\x8a\xa9\xc4[5E\x1d\xb0x\x95\xa7\x92j\xe23\x04\x8d\x82\x0cL?3&lt;b\xb3\xda\x8e\xef\xbb\xb4\xf1c\xe5(\t\x16\x17\xf8hg\xb5\xaa\x8a\x14\x19\xac\xfd\xb9\xde\xe2\td\x8b\x97\xad?L|~[\xf3bCU\xc7\xeb\xd7O\xfe\xf1\xcf_\xef\xf7Y\x1aG\xc6/\x1a\xca\xf3\xb8X\x17\xd2\xc3[^\x8e\xc5C\xd4\x8b\x86\x88\xb29zK\xe9\x1a\xe6\xfbl\xfe\xc0w\x07\x1e?\xb9v\xa0\xea\xfa|O\xd8\xe6r\x99\x99\\X\x85\xb2\x83/\xa4s\x8f"W-e\xd4\xcdK\x04\xb8\xb0f\x8e\x9f\xaa\x0f~s\xed\xc1\xaf\xcf\xaf^\xfd\xf7\xeb\x1e\x0b\xe4J\x1aX\xeb)\x17\x13\xa8\xd7\xe9\xa9\x9a\xa2\xcc\x07i\xda\x82\xe5!\x97\xc4%b\xcd\xcd}&lt;77go3\xac\x87-\xae\xf0\xbf\x1e&lt;~\xf2\xfa~\xc5\xe4\xcc\xa9\xf5\xe6\x80\xcdEg\x00T\x1c\xb2I\xa4\xdbhY,i\xdc@\x1b\xc4\x87R@U\xe8Y\x9c\xed=z\xe0\xda\xad\x97\xa0\xba\xfa\xb7kg\x9a\x1a-\x83\x89\xe4p\xa7\xc8%b\x91P\xa1P0\x12\xe2+\xd1\xe9\x94\xc4\xaa`\xee\x02\x11\xb0&gt;\x9e;f\x18N7\xba\xbe\x0c\xdf~\xf2\xfc\xe5\x9f\xf6\xdd&gt;\xdf\xd6p\xe8\xe4z\x9f\xcdb\x15h\xd7\xd0\xcaO \xc9Y\xf9X\x99\xee\x1cG\xf6\x02}\xc7\x17G{\xfb?\xbb\xf6\xe0\xaf\x1b\x1b\xff}\xfe\xea\xea\xd5[\xb7\xfb\x02\xb6\xc6\xe5\xf1a\xb1W\x8bPz/K`(\x08,\x0c\x11"\x96O\x1c#\xec\xf6c\xa0B\xfc\x8f\x8c\xf3\ri#O\xe3x\xdc-n\xed\xd5\xac\xd9J\x03[l2\x1d\xb3mc\xb1\xa4\xb5\xbd\xd3:\x83\xc8\x06\xbb^\xce\xa4$\xa9c[kS\x8d\xbd\xf1L\xabI.\x12\xb4\x9dX{\xb3\xe2?\xf0\x82\x8b\xc4\xc0\x86$\x17\x16+\x187\xb0I\x96\xc3\x17"\xe4z\x17\x85\x1a\xc8\x85Z\x14)g\xdd\xbe\xc9\xca\xbd\xb1\xf5\xcd=\xcf\x8c\x1e{\xdcH\xdf(\xd8\xcf|\xbf\xdf\xe7\xf9=\xbf\xcco\x9cp&lt;\xeac\t5\xa1MD\xdf\xfe{\xbd\xbdib\xa2\xea\xeb\xef\x1b|\xe8$)\x13l&lt;\xc4*\x1c\xf9\x7f\xac\xdb\xb7/\xc0\xf4b\xd0Z\x02\xfdO*{\xeaB\xa1\xe8O\xebcW\xb6\xdf\xad\xe4\x82\x9bW\x9c&amp;\x03e\x0bO\xb7\xb4\xc0\xea\xd3vRH;@\x9d\x10\xf4B\xc5.\xb7"\xd6\x01\x95\xb8.\xea\x0f\xa8\xaaA,7M\xa8U\x96\xa6\xf4\xe6V$R\xd7\xba\xb4\xa07&gt;\x05\'M\xaan\xb5\x9a$e:\x05\xe4\x1e\xab\x10\xc4\x1a\x91\xe0\xa3\x85\xe2\x021\\\x9f\x1e\x03&amp;l\t\x8c\xcbX)\x9c"\x1d\x8fD\xc6n\x9e\xdb`\x9c\xbb\xc9`.\x9d\xb0\x18x\nG\x9b\x96\x8e*AYn\x00\x00\x0b\x7fIDAT\x0eA\xae\x13b\x05\x9e\xf8/\x9a\xa0\x960D\x9c=%R\xe9\x91)P=\xa1\xf9n:L\xf0\x84\x81\xb9\x9eN\x87\xdeL\xb6\x8f5^?=Qe\xac\x19\xf2.\x1bjk\xd5\xa4\x128\n\x0b\xb0\x97*P-L[\x014\x06\x19,P\x17\xe4\xa2{\x9e\xe1\xe6\xde\xcc~d55\xbe\x9fi&lt;\x17`\xac\xac%\x11\x9d\rn\x86\x02&amp;\x9e`\xc3\x90.\xe0\x82y\x1e\xe7e\x11\xe9\x90\xed3\xd1\xc4\x03\xad\x00\n\xa4\xf2\xf9\x00K_\xf3\xed4K\x90\x84)\xd0\x1aYM8\x9dU\x95\xbd=W\x97\x12\xa7\x87\xbf.\xedZc\xf1\xd3B,\xc6\xe3\n\x9dB\xb8$\xc2\xa3\x1c\x01KF\xf2*\x95\xd6\xe2t=\xa9\x7f\x91\x89\xac\x82\x7f\xfb\x99J\x84\xb2\xd9l\xac3\x04\xb1\xdf\xda\xb6P&lt;&gt;\xb4F\xae\xb6\xb63b\x17\x15\xc9\x84\xfe\x05S\xc5\x19an\x16\xa7S\xa4\xf2\x88b\xb5}\xfb\xa3\x97\xe2e*\xab\xfe\xcf\xcfw\x03V\x93\xa5\xfaRO\xa6\xf7\xe6vbB\xd30\xe4\xb5\x9b\x08^\xa1S*\x8f\x17)\x0e\xb0@+\xc4*\xd6\xe1CL-\xe31~\xf5\xa0\xae\xfd\xe6\xea\x9d;\xe3=\xf5\xcdF\x8f\xd3J\xfb\x8f\xceIm\xccR:\x18|\x9b\x82b\x84t\xf5\r\t\\X\x8c"\xd4eA\xae\xab0\xcd\x9f&lt;#Z\x88\xd3\x96\x10+\xd4*\x00\x16\xfe0\x14&amp;H\xd2\xc0\x9c\xafk_b\x0c\xe0I\xa0\xa3\xb9\'3v\xa7iB\xef\xea\xear\xdbi\xf8\xa9\x122_(b!U\x01BQ&amp;\xcb\x9a\xa7\xeaF]O\xddx(\x14Zm\xac\xbf\xf8k\x97\xd3\xca\xdalesss\x9cucu6\x1e\x8c&amp;\xb4\x14E\x99\xc2\xd3\xc0%\xd8\x88\xe5xR\xc8\xd5\x81\x91\xb0b\x8aTz\xbd\x98+\x1fpU\x03\xd5K/\xabV\x92\xa6@s\xef\x1f\x17,\x06\x154jF\x7f\xa9\xbe\xb7\xa7\xf1\xd2\x17\x13\x1a\x87\xcb\xbbl\xa7y%\xc0\x08}\xab\x04\x16\x9f\x82cr5\xba\xb7\x06\xeee"\xe3\xa1w\xbb\xa1\xf6\xcc\x8bz#f\n\xfc\xb3qRi\x99\x9fe\xb6w\xe2{\x9b\xad\x0cM\xf1\xd8T\x87J[\x1c\xc0\xd5&amp;\x8c\x83\x9f\x89yom\xbd|\x02\xe7\x8a\x0e\xcdA\xaa\xc0&gt;\x9f/\x00\xc1\x1a\xf8\xfb\xcf\x90,\xb5\x9aXn\x8adn\x04\xacP\x922\xc2de\xaa\x87\xeb3\x99\xba+K\xa7\xbf\xe80{-,\xa18\x8e\x8f:\x140o\xe9d29\xaf2-{j.&gt;l\x87@\xa5\xc6{2\xcf\xea\xef;&lt;N\x0bK\xdb\x8e\x1e\xf5\xfb9\x0e\xb2eu\x02V&lt;\xf7\xdc\xa9\xa5x\x12\xb9^\x0f4t8\xda\x84\x0ev\xfe\xe4I\xb1\x12[[O\xe00\xd6\xa1\x01(\x0f\x86\xca\x17@\xb1\\\x03?\xfc&lt;d\x07*\xb5\xa1zuk\xff*\x04\x83\x97\xebFl\xb4\tBS\x05V\xf6\xb6O\x9e\x82\x14\xba\x97i\x98\xc3H\x1db\x91p\x0f\xecZW\xc3\x93\xe6\xba\xe7\xe3\xa9\xf1h$\xd2\xf3\x00\xa0\x04\xa58|\xd5\xad\xbc\xcco\xd32\x1b\xbb+\xb9X,\xb8\xb5`\xa5J\xf0P\x04\xe4\xab\xb4\x14\x8c\x84\xab\xaajxX\x9c\x07\xafB\x7f\x10\xa9\xaa\x85\xa8C\xaa\x02&gt;\x8fy\xe0\xe5K\x08V\xb7R^k=\x9b\xdeL\x7f\x8e\xb7&amp;/.\xc9s|-\x94\xbd~\xb8\xb9\xaeg\xac\xb1\xf5\xfc9\xbdo\xcdN\xf1&lt;\xaf()\x94\xa8\x0c\xac\x1d\xday\xe5\xcd;\xa9\xd4Jt\xffE\xe6\x01\xe4\xdc\x02P\xa0R&gt;\xffQY\xd9Q)\xd4a"\xb5\x13\x1c\x9d\x89\xedm.A\xeb*,"\xa1\x1e\xbdC\x03\xa5\r@\xe5\x10\xc8\xaa\x86q\xd7\x81\xdb\xd7\x0e\xc0\x12\x1a\xa8\xafz\x03;\x83\x03\xa8\xa6\xedDw\xb7Z\xaeb&amp;7gwB\x1b\xf0;\x8e\x17Tp\xdc\x08\x8c\xaa`\xa5\xb3\xff\xfe\xc3g\xa0\xd8\x9b\xb3\xfa5\x0b\x84\x04F\x08\x89v\xcdkv\x9c\xdb\xdeME\xf7\xd7\xd73\x8d\xc3\xfd\x01p\x0f\xa0\xfcex\xd02\x0f\xd9\xa2-\xce\xed\xe8\xdb\xbd\xd1\x99\xa9\x99\xf8\xe6;\xc60RRT\xc2\xf3\x14H\xfcz\xa0\xb4E\xa3q84\xf0\x85\rv\x18\xab\xb0C#`\tjmx\\\xa5\xdf\xfd\xf8\xdam\xa7\xd4\xddJRm\x80\xba\x99\xcfm\x01\x97IMv\xda\xb8\x92Oo\x93\x9d4\rM\xc9\xf3\x9b\x1b\xf5\xbd\x0foTU\xfb`t\xa5\xf8\x11\x89\xcb\xd3\xdf4ysl\x7f?\xd3S\xf9\xc4!\x08\xc5\xfa!P\xf9&lt;bu\xd2V\x80ZI\x06G\x81\xea\xde\xcch.\xe44\x8c\xe01\x19\x05\x04\x1fO\xdd\x0c\xb494.\x17$\xdc\xa5\x01\xd5N\xa1\xa9\x805\xe1\x81\x99\xc1\x03\xdfl\x18x=\xd4\x17\xa6\xd5\xdd2Y1Ih\xfbWf_-\xceo\xae49\xb5\x06\xc0\x1a\xb9\rX~\x9b\x8d\x82\xce\xe4\xd3\x18o\xdd\xbd{\xcb\xa8\x07Y\xb4\x94\xe4\xc9\xf0\xf5;\xed\x91\x9f\xd6\x9f]4b\xa0X\x01\xca\xcfI\xf3\xf9&lt;d\x9d\xb6:\x17vwr\x085u\x0f\xb1R\x1bZ^x\xbc\x00\\\x14\xeb\x16*\xd2\xa5\xf7x&lt;\xc0%\\\xa7\xe0\x9f\xd0\x1c\xf4.\x97\xf9\x0fC\xaf\xa7\xc3&amp;\x18C\xf1\xd9\nIY?\x7f\xff\xea\xaf\xd9X&lt;\x97\xde\xdd\xb0\xd06[\xa7Z\xcd\xdb\xfc\xb6N\x9d\x9a0\x80\x99\x9e\xd2\xa7\x17\xbf\xbaT\x85\xdaH.=x\xf6\x97\xf5\xde\xdf5-\x08\xdeq~?\xfe!\xb2\xf2\x8f\xff!\xcdsP\x7f\xcc\xc2nZ\xf0\xef\x1e^S\xa3\xf1\xf7\xb0.\x12\xbc\x0eO\xa3\x8et\x82\x93\xe1\xbei\xb3\x0b\xab\xee\x90\x0b\xd5\xd2 \x93\xab\xe5\xd1\xd0P\xdf2K!\x95\x92\x94\x15\xabM\xcc\xe4\xce\xabl6\x1b[\x9cO\xa6\x12(\nA\xf2\xdc\x07\xe95\x85N\xc7\x1f\x98i\xbc{\xf1\x96\xd1\xe1\x91\xfc\xfe\xb7\x95\xf7\x8d\xae\x00c\xd1\xd2tgE\xbe\x0c\xaeO\xca?)\xffX\x80\xda\xd8\x85\xa5\x10\xa8\x00\x0b\xc1\xa6P\xae\x84\xc5D\x10&lt;\x1e^("\xa1U\xd8\xc3n\xaf\xdb\xeb\xf3\xfc\x12K\xafqi\xccfs\x9f;l\xa7U\x04\xf8\xa7\x841T\xc9\x9b\x98Pr1\xfb\xcd\x9f\x06\x01l6\x1dZ`\xb4p\x87\xdcQ\xe9\x97_\xea\xe4:\xe8B4\xcdBGw\xd4|\xff\xb4Fr\xb7\xc6\xe5c\xb4,\x8d\x9avV\xe0\xdbg\xd7\xa4R\x8e\xf3\xd3\xa8TT\x0c\xd5\x94(\x96\xc05\x1b\xedgL*^&lt;\x10\xa4$!b\xac}yy\xcd\xebq\xb9\x1c\x02\x95\xc3\xe1\x00\xa9\\^\xef\xda2\xab"\x085\xa9\x93\xcb\xe48\xba\x10\xda\xc0\xea\xecb6;88\xf8\r\n\x16\x9d\x9c`\xb4&amp;\xa8\xaek#29\t\x85\t)\x83Vf\xf1=\xaa\xa9\x91@\xc6\xb54\x14\xde?\x85\x9cK$\xf8\xce\x12\x08*@\xbd\xdd\xdb\x13CuH\x05X\xa3\xc1\xad\xdd\x80\x85&amp;\xa0\xbd\x14\x16\x15\x15@}\x11*\x8a\xb6\xaf\xb9\xbd]f\xe8c\x8e\x16\x8d\x19\xd68`\xc2\xcd\xa08H\xc1v\x99\xe7\tB\xeb\xdcN\xe7\xe6\xe7\x17c1 \x8b\xc5\xe2\xc1\xcdt(\x016\xb1\x14\xec\x1eI\xf2q\x9e\xfb\x90\xaf\x80i\x01R\xe6\x95\x80P\xe0]\xbe\xac\xfc\x03p\xe1\xfb\x06\xd7*8X\x1e\xc1\xbe\xb7`\xdfa\xaaD\xa8\xa9\x99\x99\x99\xd8hps5\x81\xfa\xe3\x0e\xa5H\xa7#y5&amp;\x96]\x16\x9e\xc9\xb6\x98\xcd\x02\x93\xd6\x04[g\xb8d\xc7u:X\xe8J:\rZ\xe7\x9b\xf4\xdb\xd9d2\x17\x8f\xc7\xb2@\x96]\x8cC\xb3\x88\xeeb\xc8`D\xe5%GpA\x19!jk!\xfe\x12\xf0\xf61\\\x1fI\x85\xbf~S&amp;=\xc2a\xa3j\x8a&amp;\xe3\xa3\x98\xa9\xa9_(53\xba\x98\x8d\xc1\x8d\xc6g\xdfc0`\x15\xd2\x15\x0b;O\x99\x8e\xac\xad\xa5\xd9\xb0\xbbo\xba\xcb\xeb^\xb3\xb3\xb0\x9d\xaf\xed&amp;\x85\x8f\xf6I\x92T(x\xb8\xd1\x89\x7f\xa5adK\x85V\xd3\xc9\x1cJ6\x08\x11\x8b-\xe6\x92;\xe3\x93\xfdN\x8b\x89\xea\xe48\x0e\x12\xa4\x90\xcb\xd5\xb5*\t\x8c\x07s\x8f\x1f\xffJxikn\x0e\xa0X\x8bs)\xb4\x15\xfc\x1f\xfb\x10i\x14\x96\xc4dr\x11\xb9 \x18+\xef\xaaQ1\x12GnX^\x0b\x94J5\x01^\xba\xddad"xR&amp;/&gt;\x06?(\xc4\xb9\x8e2Y\x9dK)\xa0\x99O\x9fv\x06\x12\x93\xd1\xad\xd9\xf9\xc5\xec\xe0\xdf\x04/\xf7\xd0\xcc\xa5\r\xac9\xaa\xb3\xa2\xa4\xa8X~A\xc6K\xf2\x1f\xca?\x94\x1d\x01N|7J\xcaa\xa8B[\xb9\xf8a\xd0\xa7D\xebF\xe3\xc1`\xf2}4\x05\x0b\xe3\x0cD6\x0b=1\xfan\x03\x12\xcb\xc3\x7f\xab\x93\xe1\x87\x1c\xe4\x7f\xaa8c\xd0\xb6\x81(\x0c\xbbP\x02)\xa5\x905\xc5)\xc1)\x85f\xce\x10D\xbd\x192\x98\xa0!\x14\x0f.\xd4\x83\r\x19\x02\xc5h\xa9;\x04\x0f6%\x10\x83\x87z(\x19\x84\x04\x1e.\x83$2X\x02\xe1A\x04\xd4\xc1\xf2\xd0\xc1\x18\x17$L\xa8\xa4z)"\x8bEq\xe9\xff$\xb7\xd0\xc3\xb20&gt;\xc4w\xff{\xef\x7fw\x1eL\xf9\x83m\x0f\xb2\x1ci^\x84#\xd0\x96ic\xabM[\x05&lt;\x93\xcdf\n\xbb\x14\x0bHjA\xc3\xc1\x13\\\x8d&amp;\x81\xdd\x0c\x90fj\xa4Q0_\xb5\x1f&lt;\xc26k3\x83\xee\x82\xa4\xcaf9\xeeg\xed\x8c\xa0\xca\xfd@Z+\x952\x91N\x92\xe7\x8c\xe5(\xf2m\x06\xf5\x1b\xc4\x05\xf9G</t>
        </is>
      </c>
      <c r="M578" s="3" t="n">
        <v>45492.6766087963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>
  <Application>Microsoft Excel</Application>
  <AppVersion>3.0</AppVersion>
</Properties>
</file>

<file path=docProps/core.xml><?xml version="1.0" encoding="utf-8"?>
<cp:coreProperties xmlns:cp="http://schemas.openxmlformats.org/package/2006/metadata/core-properties">
  <dc:creator xmlns:dc="http://purl.org/dc/elements/1.1/">openpyxl</dc:creator>
  <dcterms:created xmlns:dcterms="http://purl.org/dc/terms/" xmlns:xsi="http://www.w3.org/2001/XMLSchema-instance" xsi:type="dcterms:W3CDTF">2024-07-19T22:31:37Z</dcterms:created>
  <dcterms:modified xmlns:dcterms="http://purl.org/dc/terms/" xmlns:xsi="http://www.w3.org/2001/XMLSchema-instance" xsi:type="dcterms:W3CDTF">2024-07-19T22:31:37Z</dcterms:modified>
</cp:coreProperties>
</file>